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connections.xml" ContentType="application/vnd.openxmlformats-officedocument.spreadsheetml.connections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xl/queryTables/queryTable1.xml" ContentType="application/vnd.openxmlformats-officedocument.spreadsheetml.query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530"/>
  <workbookPr filterPrivacy="1"/>
  <xr:revisionPtr revIDLastSave="6" documentId="8_{E07F7024-B9B7-4A4F-AA75-DE9EF5B8E520}" xr6:coauthVersionLast="47" xr6:coauthVersionMax="47" xr10:uidLastSave="{124923E7-A30A-4010-B382-6E54AA0FA7AB}"/>
  <bookViews>
    <workbookView xWindow="-108" yWindow="-108" windowWidth="23256" windowHeight="12456" xr2:uid="{00000000-000D-0000-FFFF-FFFF00000000}"/>
  </bookViews>
  <sheets>
    <sheet name="ee_data" sheetId="2" r:id="rId1"/>
    <sheet name="Sheet1" sheetId="1" r:id="rId2"/>
  </sheets>
  <definedNames>
    <definedName name="ExternalData_1" localSheetId="0" hidden="1">ee_data!$A$1:$J$75472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onnections.xml><?xml version="1.0" encoding="utf-8"?>
<connections xmlns="http://schemas.openxmlformats.org/spreadsheetml/2006/main" xmlns:mc="http://schemas.openxmlformats.org/markup-compatibility/2006" xmlns:xr16="http://schemas.microsoft.com/office/spreadsheetml/2017/revision16" mc:Ignorable="xr16">
  <connection id="1" xr16:uid="{5207C361-8B6D-4E3A-87AF-3D6131D67979}" keepAlive="1" name="Query - ee_data" description="Connection to the 'ee_data' query in the workbook." type="5" refreshedVersion="8" background="1" saveData="1">
    <dbPr connection="Provider=Microsoft.Mashup.OleDb.1;Data Source=$Workbook$;Location=ee_data;Extended Properties=&quot;&quot;" command="SELECT * FROM [ee_data]"/>
  </connection>
</connections>
</file>

<file path=xl/sharedStrings.xml><?xml version="1.0" encoding="utf-8"?>
<sst xmlns="http://schemas.openxmlformats.org/spreadsheetml/2006/main" count="754720" uniqueCount="251333">
  <si>
    <t>fid</t>
  </si>
  <si>
    <t>iso3</t>
  </si>
  <si>
    <t>year</t>
  </si>
  <si>
    <t>population_density</t>
  </si>
  <si>
    <t>region</t>
  </si>
  <si>
    <t>Country</t>
  </si>
  <si>
    <t>1</t>
  </si>
  <si>
    <t>DZA</t>
  </si>
  <si>
    <t>1990</t>
  </si>
  <si>
    <t>8829</t>
  </si>
  <si>
    <t>17.327157974243164</t>
  </si>
  <si>
    <t>462.9395751953125</t>
  </si>
  <si>
    <t>13504.3681640625</t>
  </si>
  <si>
    <t/>
  </si>
  <si>
    <t>Algeria</t>
  </si>
  <si>
    <t>1991</t>
  </si>
  <si>
    <t>8517</t>
  </si>
  <si>
    <t>16.39031410217285</t>
  </si>
  <si>
    <t>497.9035949707031</t>
  </si>
  <si>
    <t>-0.03597759176050097</t>
  </si>
  <si>
    <t>1992</t>
  </si>
  <si>
    <t>8472</t>
  </si>
  <si>
    <t>16.617782592773438</t>
  </si>
  <si>
    <t>494.40203857421875</t>
  </si>
  <si>
    <t>-0.005297557859838875</t>
  </si>
  <si>
    <t>1993</t>
  </si>
  <si>
    <t>8110</t>
  </si>
  <si>
    <t>16.87543296813965</t>
  </si>
  <si>
    <t>416.326416015625</t>
  </si>
  <si>
    <t>-0.04366874017178368</t>
  </si>
  <si>
    <t>1994</t>
  </si>
  <si>
    <t>7869</t>
  </si>
  <si>
    <t>17.81345558166504</t>
  </si>
  <si>
    <t>449.643310546875</t>
  </si>
  <si>
    <t>-0.030166878574474865</t>
  </si>
  <si>
    <t>1995</t>
  </si>
  <si>
    <t>8013</t>
  </si>
  <si>
    <t>17.69610023498535</t>
  </si>
  <si>
    <t>448.1411437988281</t>
  </si>
  <si>
    <t>0.01813423324308694</t>
  </si>
  <si>
    <t>1996</t>
  </si>
  <si>
    <t>8196</t>
  </si>
  <si>
    <t>16.897687911987305</t>
  </si>
  <si>
    <t>586.3312377929688</t>
  </si>
  <si>
    <t>0.02258100758072068</t>
  </si>
  <si>
    <t>1997</t>
  </si>
  <si>
    <t>8148</t>
  </si>
  <si>
    <t>17.692474365234375</t>
  </si>
  <si>
    <t>488.7344970703125</t>
  </si>
  <si>
    <t>-0.0058737320120947345</t>
  </si>
  <si>
    <t>1998</t>
  </si>
  <si>
    <t>8435</t>
  </si>
  <si>
    <t>17.162370681762695</t>
  </si>
  <si>
    <t>509.8913269042969</t>
  </si>
  <si>
    <t>0.034617217633371666</t>
  </si>
  <si>
    <t>1999</t>
  </si>
  <si>
    <t>8584</t>
  </si>
  <si>
    <t>17.521982192993164</t>
  </si>
  <si>
    <t>455.2073059082031</t>
  </si>
  <si>
    <t>0.017510289330466833</t>
  </si>
  <si>
    <t>2000</t>
  </si>
  <si>
    <t>8786</t>
  </si>
  <si>
    <t>17.893146514892578</t>
  </si>
  <si>
    <t>405.1585998535156</t>
  </si>
  <si>
    <t>0.02325954022519028</t>
  </si>
  <si>
    <t>2001</t>
  </si>
  <si>
    <t>8926</t>
  </si>
  <si>
    <t>17.704065322875977</t>
  </si>
  <si>
    <t>336.8417053222656</t>
  </si>
  <si>
    <t>0.015808820653489875</t>
  </si>
  <si>
    <t>2002</t>
  </si>
  <si>
    <t>9300</t>
  </si>
  <si>
    <t>17.560794830322266</t>
  </si>
  <si>
    <t>595.6937255859375</t>
  </si>
  <si>
    <t>0.04104603395213324</t>
  </si>
  <si>
    <t>2003</t>
  </si>
  <si>
    <t>9835</t>
  </si>
  <si>
    <t>17.935422897338867</t>
  </si>
  <si>
    <t>567.715576171875</t>
  </si>
  <si>
    <t>0.055933051681812174</t>
  </si>
  <si>
    <t>2004</t>
  </si>
  <si>
    <t>10115</t>
  </si>
  <si>
    <t>17.108306884765625</t>
  </si>
  <si>
    <t>571.6566772460938</t>
  </si>
  <si>
    <t>0.02807201877868515</t>
  </si>
  <si>
    <t>2005</t>
  </si>
  <si>
    <t>10566</t>
  </si>
  <si>
    <t>17.037248611450195</t>
  </si>
  <si>
    <t>498.2145080566406</t>
  </si>
  <si>
    <t>0.043621828122414996</t>
  </si>
  <si>
    <t>2006</t>
  </si>
  <si>
    <t>10592</t>
  </si>
  <si>
    <t>18.152080535888672</t>
  </si>
  <si>
    <t>414.4398193359375</t>
  </si>
  <si>
    <t>0.0024577004525294655</t>
  </si>
  <si>
    <t>2007</t>
  </si>
  <si>
    <t>10776</t>
  </si>
  <si>
    <t>17.402273178100586</t>
  </si>
  <si>
    <t>580.9213256835938</t>
  </si>
  <si>
    <t>0.01722243991341088</t>
  </si>
  <si>
    <t>2008</t>
  </si>
  <si>
    <t>10847</t>
  </si>
  <si>
    <t>17.36539077758789</t>
  </si>
  <si>
    <t>603.1320190429688</t>
  </si>
  <si>
    <t>0.006567104950017111</t>
  </si>
  <si>
    <t>2009</t>
  </si>
  <si>
    <t>10825</t>
  </si>
  <si>
    <t>17.686546325683594</t>
  </si>
  <si>
    <t>521.0736083984375</t>
  </si>
  <si>
    <t>-0.0020302701695271708</t>
  </si>
  <si>
    <t>2010</t>
  </si>
  <si>
    <t>11008</t>
  </si>
  <si>
    <t>17.412094116210938</t>
  </si>
  <si>
    <t>545.8845825195312</t>
  </si>
  <si>
    <t>0.016764007302434436</t>
  </si>
  <si>
    <t>2011</t>
  </si>
  <si>
    <t>11114</t>
  </si>
  <si>
    <t>17.54933738708496</t>
  </si>
  <si>
    <t>572.8179321289062</t>
  </si>
  <si>
    <t>0.00958329366674171</t>
  </si>
  <si>
    <t>2012</t>
  </si>
  <si>
    <t>11271</t>
  </si>
  <si>
    <t>17.7249755859375</t>
  </si>
  <si>
    <t>584.034912109375</t>
  </si>
  <si>
    <t>0.014027480402210912</t>
  </si>
  <si>
    <t>2013</t>
  </si>
  <si>
    <t>11361</t>
  </si>
  <si>
    <t>17.2773380279541</t>
  </si>
  <si>
    <t>594.8309326171875</t>
  </si>
  <si>
    <t>0.00795338232782683</t>
  </si>
  <si>
    <t>2014</t>
  </si>
  <si>
    <t>11561</t>
  </si>
  <si>
    <t>17.953052520751953</t>
  </si>
  <si>
    <t>479.62506103515625</t>
  </si>
  <si>
    <t>0.017450927105416625</t>
  </si>
  <si>
    <t>2015</t>
  </si>
  <si>
    <t>11752</t>
  </si>
  <si>
    <t>18.07128143310547</t>
  </si>
  <si>
    <t>387.2505187988281</t>
  </si>
  <si>
    <t>0.016386074178392107</t>
  </si>
  <si>
    <t>2016</t>
  </si>
  <si>
    <t>11888</t>
  </si>
  <si>
    <t>17.800899505615234</t>
  </si>
  <si>
    <t>536.2514038085938</t>
  </si>
  <si>
    <t>0.011506049103827465</t>
  </si>
  <si>
    <t>2017</t>
  </si>
  <si>
    <t>11809</t>
  </si>
  <si>
    <t>18.163108825683594</t>
  </si>
  <si>
    <t>335.9948425292969</t>
  </si>
  <si>
    <t>-0.00666753535625908</t>
  </si>
  <si>
    <t>2018</t>
  </si>
  <si>
    <t>11726</t>
  </si>
  <si>
    <t>17.298559188842773</t>
  </si>
  <si>
    <t>658.1786499023438</t>
  </si>
  <si>
    <t>-0.007053354077120488</t>
  </si>
  <si>
    <t>2019</t>
  </si>
  <si>
    <t>11627</t>
  </si>
  <si>
    <t>17.721357345581055</t>
  </si>
  <si>
    <t>425.2476501464844</t>
  </si>
  <si>
    <t>-0.008478618855553677</t>
  </si>
  <si>
    <t>2020</t>
  </si>
  <si>
    <t>10845</t>
  </si>
  <si>
    <t>17.99307632446289</t>
  </si>
  <si>
    <t>411.0723876953125</t>
  </si>
  <si>
    <t>-0.06962583540763312</t>
  </si>
  <si>
    <t>2021</t>
  </si>
  <si>
    <t>11029</t>
  </si>
  <si>
    <t>18.0565242767334</t>
  </si>
  <si>
    <t>359.0496826171875</t>
  </si>
  <si>
    <t>0.01682402304517261</t>
  </si>
  <si>
    <t>2022</t>
  </si>
  <si>
    <t>11198</t>
  </si>
  <si>
    <t>18.662477493286133</t>
  </si>
  <si>
    <t>358.15362548828125</t>
  </si>
  <si>
    <t>0.01520702360269155</t>
  </si>
  <si>
    <t>2</t>
  </si>
  <si>
    <t>AGO</t>
  </si>
  <si>
    <t>5793</t>
  </si>
  <si>
    <t>21.395034790039062</t>
  </si>
  <si>
    <t>1116.334716796875</t>
  </si>
  <si>
    <t>7020.291015625</t>
  </si>
  <si>
    <t>Angola</t>
  </si>
  <si>
    <t>5659</t>
  </si>
  <si>
    <t>21.35778045654297</t>
  </si>
  <si>
    <t>1137.5421142578125</t>
  </si>
  <si>
    <t>-0.02340309395410145</t>
  </si>
  <si>
    <t>5158</t>
  </si>
  <si>
    <t>21.253881454467773</t>
  </si>
  <si>
    <t>1010.7476806640625</t>
  </si>
  <si>
    <t>-0.09269829070123237</t>
  </si>
  <si>
    <t>3799</t>
  </si>
  <si>
    <t>21.315034866333008</t>
  </si>
  <si>
    <t>1072.439697265625</t>
  </si>
  <si>
    <t>-0.305811033253665</t>
  </si>
  <si>
    <t>3729</t>
  </si>
  <si>
    <t>21.314800262451172</t>
  </si>
  <si>
    <t>1120.2261962890625</t>
  </si>
  <si>
    <t>-0.018597773008805163</t>
  </si>
  <si>
    <t>4149</t>
  </si>
  <si>
    <t>21.42293357849121</t>
  </si>
  <si>
    <t>1091.7047119140625</t>
  </si>
  <si>
    <t>0.10672724015404711</t>
  </si>
  <si>
    <t>4557</t>
  </si>
  <si>
    <t>21.285676956176758</t>
  </si>
  <si>
    <t>1075.59375</t>
  </si>
  <si>
    <t>0.09379717093101547</t>
  </si>
  <si>
    <t>4728</t>
  </si>
  <si>
    <t>21.44953155517578</t>
  </si>
  <si>
    <t>1136.9254150390625</t>
  </si>
  <si>
    <t>0.036837767822051504</t>
  </si>
  <si>
    <t>4790</t>
  </si>
  <si>
    <t>21.68622398376465</t>
  </si>
  <si>
    <t>1127.5904541015625</t>
  </si>
  <si>
    <t>0.013028131319027025</t>
  </si>
  <si>
    <t>4740</t>
  </si>
  <si>
    <t>21.314348220825195</t>
  </si>
  <si>
    <t>1146.323486328125</t>
  </si>
  <si>
    <t>-0.0104932757158398</t>
  </si>
  <si>
    <t>21.337770462036133</t>
  </si>
  <si>
    <t>1117.705810546875</t>
  </si>
  <si>
    <t>-0.002534855603187225</t>
  </si>
  <si>
    <t>4768</t>
  </si>
  <si>
    <t>21.5454158782959</t>
  </si>
  <si>
    <t>1092.9892578125</t>
  </si>
  <si>
    <t>0.008424649659250605</t>
  </si>
  <si>
    <t>5242</t>
  </si>
  <si>
    <t>21.60288429260254</t>
  </si>
  <si>
    <t>1135.10595703125</t>
  </si>
  <si>
    <t>0.09477617513816661</t>
  </si>
  <si>
    <t>5217</t>
  </si>
  <si>
    <t>21.581384658813477</t>
  </si>
  <si>
    <t>1149.5462646484375</t>
  </si>
  <si>
    <t>-0.00478058086095956</t>
  </si>
  <si>
    <t>5589</t>
  </si>
  <si>
    <t>21.556291580200195</t>
  </si>
  <si>
    <t>1150.096435546875</t>
  </si>
  <si>
    <t>0.06887785624730647</t>
  </si>
  <si>
    <t>6205</t>
  </si>
  <si>
    <t>21.618738174438477</t>
  </si>
  <si>
    <t>1100.204345703125</t>
  </si>
  <si>
    <t>0.10455503836900881</t>
  </si>
  <si>
    <t>6677</t>
  </si>
  <si>
    <t>21.50884246826172</t>
  </si>
  <si>
    <t>1190.1519775390625</t>
  </si>
  <si>
    <t>0.07331336621916051</t>
  </si>
  <si>
    <t>7340</t>
  </si>
  <si>
    <t>21.441329956054688</t>
  </si>
  <si>
    <t>1137.9393310546875</t>
  </si>
  <si>
    <t>0.09467005775069381</t>
  </si>
  <si>
    <t>7866</t>
  </si>
  <si>
    <t>21.45005989074707</t>
  </si>
  <si>
    <t>1181.4117431640625</t>
  </si>
  <si>
    <t>0.0692108313831934</t>
  </si>
  <si>
    <t>7646</t>
  </si>
  <si>
    <t>21.521738052368164</t>
  </si>
  <si>
    <t>1153.7757568359375</t>
  </si>
  <si>
    <t>-0.028367038735396477</t>
  </si>
  <si>
    <t>7690</t>
  </si>
  <si>
    <t>21.58648681640625</t>
  </si>
  <si>
    <t>1102.5753173828125</t>
  </si>
  <si>
    <t>0.005738148243331409</t>
  </si>
  <si>
    <t>7663</t>
  </si>
  <si>
    <t>21.326997756958008</t>
  </si>
  <si>
    <t>1128.99853515625</t>
  </si>
  <si>
    <t>-0.003517231529286846</t>
  </si>
  <si>
    <t>8011</t>
  </si>
  <si>
    <t>21.40776252746582</t>
  </si>
  <si>
    <t>1136.234375</t>
  </si>
  <si>
    <t>0.04441204524471409</t>
  </si>
  <si>
    <t>8100</t>
  </si>
  <si>
    <t>21.443252563476562</t>
  </si>
  <si>
    <t>1068.341552734375</t>
  </si>
  <si>
    <t>0.01104846444541252</t>
  </si>
  <si>
    <t>8183</t>
  </si>
  <si>
    <t>21.468774795532227</t>
  </si>
  <si>
    <t>1052.858642578125</t>
  </si>
  <si>
    <t>0.010194769866851416</t>
  </si>
  <si>
    <t>7967</t>
  </si>
  <si>
    <t>21.573442459106445</t>
  </si>
  <si>
    <t>1032.0125732421875</t>
  </si>
  <si>
    <t>-0.026750821147015102</t>
  </si>
  <si>
    <t>7488</t>
  </si>
  <si>
    <t>21.74211311340332</t>
  </si>
  <si>
    <t>1098.442626953125</t>
  </si>
  <si>
    <t>-0.06200627122293767</t>
  </si>
  <si>
    <t>7216</t>
  </si>
  <si>
    <t>21.55335235595703</t>
  </si>
  <si>
    <t>1035.1336669921875</t>
  </si>
  <si>
    <t>-0.037000956414969366</t>
  </si>
  <si>
    <t>6879</t>
  </si>
  <si>
    <t>21.67597770690918</t>
  </si>
  <si>
    <t>1116.474853515625</t>
  </si>
  <si>
    <t>-0.04782749021644506</t>
  </si>
  <si>
    <t>6602</t>
  </si>
  <si>
    <t>21.641639709472656</t>
  </si>
  <si>
    <t>1130.435302734375</t>
  </si>
  <si>
    <t>-0.041100659112876414</t>
  </si>
  <si>
    <t>6030</t>
  </si>
  <si>
    <t>21.706708908081055</t>
  </si>
  <si>
    <t>1140.160888671875</t>
  </si>
  <si>
    <t>-0.09062562269190622</t>
  </si>
  <si>
    <t>5912</t>
  </si>
  <si>
    <t>21.731351852416992</t>
  </si>
  <si>
    <t>1120.9798583984375</t>
  </si>
  <si>
    <t>-0.01976282709319399</t>
  </si>
  <si>
    <t>5906</t>
  </si>
  <si>
    <t>21.55632972717285</t>
  </si>
  <si>
    <t>1128.3470458984375</t>
  </si>
  <si>
    <t>-0.0010154003241691356</t>
  </si>
  <si>
    <t>4</t>
  </si>
  <si>
    <t>ARM</t>
  </si>
  <si>
    <t>5153</t>
  </si>
  <si>
    <t>7.81433629989624</t>
  </si>
  <si>
    <t>398.542724609375</t>
  </si>
  <si>
    <t>1339.6346435546875</t>
  </si>
  <si>
    <t>Armenia</t>
  </si>
  <si>
    <t>4474</t>
  </si>
  <si>
    <t>7.2811760902404785</t>
  </si>
  <si>
    <t>454.0052185058594</t>
  </si>
  <si>
    <t>-0.14129620627814887</t>
  </si>
  <si>
    <t>2635</t>
  </si>
  <si>
    <t>5.987995147705078</t>
  </si>
  <si>
    <t>512.5527954101562</t>
  </si>
  <si>
    <t>-0.5293996810746124</t>
  </si>
  <si>
    <t>2485</t>
  </si>
  <si>
    <t>6.824789047241211</t>
  </si>
  <si>
    <t>474.3134765625</t>
  </si>
  <si>
    <t>-0.058610522444733526</t>
  </si>
  <si>
    <t>2684</t>
  </si>
  <si>
    <t>7.737598419189453</t>
  </si>
  <si>
    <t>515.5660400390625</t>
  </si>
  <si>
    <t>0.0770355595608434</t>
  </si>
  <si>
    <t>2913</t>
  </si>
  <si>
    <t>7.8473734855651855</t>
  </si>
  <si>
    <t>415.3122253417969</t>
  </si>
  <si>
    <t>0.08187525886786151</t>
  </si>
  <si>
    <t>3106</t>
  </si>
  <si>
    <t>8.433627128601074</t>
  </si>
  <si>
    <t>405.8034973144531</t>
  </si>
  <si>
    <t>0.06415224674919884</t>
  </si>
  <si>
    <t>3236</t>
  </si>
  <si>
    <t>7.153602600097656</t>
  </si>
  <si>
    <t>446.50531005859375</t>
  </si>
  <si>
    <t>0.04100227446974891</t>
  </si>
  <si>
    <t>3505</t>
  </si>
  <si>
    <t>8.922811508178711</t>
  </si>
  <si>
    <t>391.87054443359375</t>
  </si>
  <si>
    <t>0.07985252129030762</t>
  </si>
  <si>
    <t>3660</t>
  </si>
  <si>
    <t>8.628936767578125</t>
  </si>
  <si>
    <t>452.2818603515625</t>
  </si>
  <si>
    <t>0.04327262692672207</t>
  </si>
  <si>
    <t>3922</t>
  </si>
  <si>
    <t>8.250445365905762</t>
  </si>
  <si>
    <t>322.3443603515625</t>
  </si>
  <si>
    <t>0.06913858036087994</t>
  </si>
  <si>
    <t>4347</t>
  </si>
  <si>
    <t>8.746460914611816</t>
  </si>
  <si>
    <t>419.5879211425781</t>
  </si>
  <si>
    <t>0.10288422423250054</t>
  </si>
  <si>
    <t>4965</t>
  </si>
  <si>
    <t>8.012322425842285</t>
  </si>
  <si>
    <t>560.1207275390625</t>
  </si>
  <si>
    <t>0.13292734549048113</t>
  </si>
  <si>
    <t>5699</t>
  </si>
  <si>
    <t>8.089275360107422</t>
  </si>
  <si>
    <t>602.8970336914062</t>
  </si>
  <si>
    <t>0.13787742335572695</t>
  </si>
  <si>
    <t>6335</t>
  </si>
  <si>
    <t>7.8609299659729</t>
  </si>
  <si>
    <t>511.5716552734375</t>
  </si>
  <si>
    <t>0.1057990929202397</t>
  </si>
  <si>
    <t>7259</t>
  </si>
  <si>
    <t>8.184596061706543</t>
  </si>
  <si>
    <t>537.0757446289062</t>
  </si>
  <si>
    <t>0.13615226452960094</t>
  </si>
  <si>
    <t>8274</t>
  </si>
  <si>
    <t>8.308013916015625</t>
  </si>
  <si>
    <t>429.6312255859375</t>
  </si>
  <si>
    <t>0.13087598973651637</t>
  </si>
  <si>
    <t>9476</t>
  </si>
  <si>
    <t>7.503693103790283</t>
  </si>
  <si>
    <t>608.7357788085938</t>
  </si>
  <si>
    <t>0.13564421825731898</t>
  </si>
  <si>
    <t>10202</t>
  </si>
  <si>
    <t>8.504355430603027</t>
  </si>
  <si>
    <t>392.8025207519531</t>
  </si>
  <si>
    <t>0.07382149320419629</t>
  </si>
  <si>
    <t>8820</t>
  </si>
  <si>
    <t>8.810678482055664</t>
  </si>
  <si>
    <t>586.8685913085938</t>
  </si>
  <si>
    <t>-0.1455619094820353</t>
  </si>
  <si>
    <t>9069</t>
  </si>
  <si>
    <t>9.830629348754883</t>
  </si>
  <si>
    <t>569.615966796875</t>
  </si>
  <si>
    <t>0.027840134446730502</t>
  </si>
  <si>
    <t>9551</t>
  </si>
  <si>
    <t>7.655246257781982</t>
  </si>
  <si>
    <t>578.4157104492188</t>
  </si>
  <si>
    <t>0.05178385658716955</t>
  </si>
  <si>
    <t>10290</t>
  </si>
  <si>
    <t>8.656250953674316</t>
  </si>
  <si>
    <t>472.0391540527344</t>
  </si>
  <si>
    <t>0.07452668879335711</t>
  </si>
  <si>
    <t>10677</t>
  </si>
  <si>
    <t>8.364432334899902</t>
  </si>
  <si>
    <t>435.5226745605469</t>
  </si>
  <si>
    <t>0.03691934535020813</t>
  </si>
  <si>
    <t>11106</t>
  </si>
  <si>
    <t>9.285909652709961</t>
  </si>
  <si>
    <t>428.2329406738281</t>
  </si>
  <si>
    <t>0.03939360762324995</t>
  </si>
  <si>
    <t>11506</t>
  </si>
  <si>
    <t>8.910479545593262</t>
  </si>
  <si>
    <t>539.3762817382812</t>
  </si>
  <si>
    <t>0.035383135621685824</t>
  </si>
  <si>
    <t>11580</t>
  </si>
  <si>
    <t>8.208703994750977</t>
  </si>
  <si>
    <t>559.463623046875</t>
  </si>
  <si>
    <t>0.006410833703748509</t>
  </si>
  <si>
    <t>12510</t>
  </si>
  <si>
    <t>8.99176025390625</t>
  </si>
  <si>
    <t>378.3321228027344</t>
  </si>
  <si>
    <t>0.07724885233396961</t>
  </si>
  <si>
    <t>13231</t>
  </si>
  <si>
    <t>9.94155216217041</t>
  </si>
  <si>
    <t>509.29547119140625</t>
  </si>
  <si>
    <t>0.05603423658145523</t>
  </si>
  <si>
    <t>14318</t>
  </si>
  <si>
    <t>9.06147289276123</t>
  </si>
  <si>
    <t>346.880859375</t>
  </si>
  <si>
    <t>0.07895492591371855</t>
  </si>
  <si>
    <t>13358</t>
  </si>
  <si>
    <t>8.938139915466309</t>
  </si>
  <si>
    <t>500.8733215332031</t>
  </si>
  <si>
    <t>-0.06940203067054895</t>
  </si>
  <si>
    <t>14207</t>
  </si>
  <si>
    <t>9.497466087341309</t>
  </si>
  <si>
    <t>367.8755798339844</t>
  </si>
  <si>
    <t>0.06161934458649654</t>
  </si>
  <si>
    <t>16057</t>
  </si>
  <si>
    <t>9.4164457321167</t>
  </si>
  <si>
    <t>364.8909912109375</t>
  </si>
  <si>
    <t>0.12241009067760622</t>
  </si>
  <si>
    <t>6</t>
  </si>
  <si>
    <t>BHR</t>
  </si>
  <si>
    <t>36998</t>
  </si>
  <si>
    <t>27.008331298828125</t>
  </si>
  <si>
    <t>72.19999694824219</t>
  </si>
  <si>
    <t>1487.97705078125</t>
  </si>
  <si>
    <t>Bahrain</t>
  </si>
  <si>
    <t>39769</t>
  </si>
  <si>
    <t>26.07499885559082</t>
  </si>
  <si>
    <t>83.5999984741211</t>
  </si>
  <si>
    <t>0.07222385719292923</t>
  </si>
  <si>
    <t>40972</t>
  </si>
  <si>
    <t>25.850000381469727</t>
  </si>
  <si>
    <t>81.0999984741211</t>
  </si>
  <si>
    <t>0.029801192252161712</t>
  </si>
  <si>
    <t>44690</t>
  </si>
  <si>
    <t>26.883331298828125</t>
  </si>
  <si>
    <t>79.30001068115234</t>
  </si>
  <si>
    <t>0.08686085637107155</t>
  </si>
  <si>
    <t>43113</t>
  </si>
  <si>
    <t>26.991668701171875</t>
  </si>
  <si>
    <t>44.599998474121094</t>
  </si>
  <si>
    <t>-0.03592518718514093</t>
  </si>
  <si>
    <t>43369</t>
  </si>
  <si>
    <t>26.575002670288086</t>
  </si>
  <si>
    <t>150.1999969482422</t>
  </si>
  <si>
    <t>0.005920324408270616</t>
  </si>
  <si>
    <t>43737</t>
  </si>
  <si>
    <t>27.241666793823242</t>
  </si>
  <si>
    <t>108.10000610351562</t>
  </si>
  <si>
    <t>0.008449525622305387</t>
  </si>
  <si>
    <t>43716</t>
  </si>
  <si>
    <t>26.32499885559082</t>
  </si>
  <si>
    <t>176.09999084472656</t>
  </si>
  <si>
    <t>-0.00048025797636874756</t>
  </si>
  <si>
    <t>44458</t>
  </si>
  <si>
    <t>27.941667556762695</t>
  </si>
  <si>
    <t>48.79999923706055</t>
  </si>
  <si>
    <t>0.01683075545429169</t>
  </si>
  <si>
    <t>45054</t>
  </si>
  <si>
    <t>27.874998092651367</t>
  </si>
  <si>
    <t>91.30000305175781</t>
  </si>
  <si>
    <t>0.013316847077083693</t>
  </si>
  <si>
    <t>46154</t>
  </si>
  <si>
    <t>77.9000015258789</t>
  </si>
  <si>
    <t>0.024121860736585177</t>
  </si>
  <si>
    <t>46085</t>
  </si>
  <si>
    <t>27.691667556762695</t>
  </si>
  <si>
    <t>51.400001525878906</t>
  </si>
  <si>
    <t>-0.0014961136367599437</t>
  </si>
  <si>
    <t>46478</t>
  </si>
  <si>
    <t>27.524999618530273</t>
  </si>
  <si>
    <t>63.400001525878906</t>
  </si>
  <si>
    <t>0.008491564912347371</t>
  </si>
  <si>
    <t>47505</t>
  </si>
  <si>
    <t>27.783334732055664</t>
  </si>
  <si>
    <t>94.99999237060547</t>
  </si>
  <si>
    <t>0.021855886300738092</t>
  </si>
  <si>
    <t>47455</t>
  </si>
  <si>
    <t>27.333330154418945</t>
  </si>
  <si>
    <t>100.29999542236328</t>
  </si>
  <si>
    <t>-0.0010530750762569596</t>
  </si>
  <si>
    <t>46821</t>
  </si>
  <si>
    <t>27.350000381469727</t>
  </si>
  <si>
    <t>43.60000228881836</t>
  </si>
  <si>
    <t>-0.013450073353929781</t>
  </si>
  <si>
    <t>46303</t>
  </si>
  <si>
    <t>27.541669845581055</t>
  </si>
  <si>
    <t>83.9000015258789</t>
  </si>
  <si>
    <t>-0.011125066419015894</t>
  </si>
  <si>
    <t>46792</t>
  </si>
  <si>
    <t>27.600000381469727</t>
  </si>
  <si>
    <t>75.79999542236328</t>
  </si>
  <si>
    <t>0.010505494331214393</t>
  </si>
  <si>
    <t>46589</t>
  </si>
  <si>
    <t>27.558334350585938</t>
  </si>
  <si>
    <t>11.200000762939453</t>
  </si>
  <si>
    <t>-0.00434778637581168</t>
  </si>
  <si>
    <t>44973</t>
  </si>
  <si>
    <t>28.016664505004883</t>
  </si>
  <si>
    <t>103.0</t>
  </si>
  <si>
    <t>-0.03530215206662568</t>
  </si>
  <si>
    <t>45600</t>
  </si>
  <si>
    <t>28.491666793823242</t>
  </si>
  <si>
    <t>91.70000457763672</t>
  </si>
  <si>
    <t>0.013845406822053263</t>
  </si>
  <si>
    <t>46565</t>
  </si>
  <si>
    <t>27.508337020874023</t>
  </si>
  <si>
    <t>22.299999237060547</t>
  </si>
  <si>
    <t>0.020941469453280348</t>
  </si>
  <si>
    <t>47794</t>
  </si>
  <si>
    <t>28.15833282470703</t>
  </si>
  <si>
    <t>60.70000076293945</t>
  </si>
  <si>
    <t>0.02605092263256381</t>
  </si>
  <si>
    <t>48916</t>
  </si>
  <si>
    <t>27.42500114440918</t>
  </si>
  <si>
    <t>88.20001220703125</t>
  </si>
  <si>
    <t>0.02320443272093975</t>
  </si>
  <si>
    <t>49118</t>
  </si>
  <si>
    <t>27.96666717529297</t>
  </si>
  <si>
    <t>68.0999984741211</t>
  </si>
  <si>
    <t>0.00412102507044132</t>
  </si>
  <si>
    <t>48454</t>
  </si>
  <si>
    <t>28.191667556762695</t>
  </si>
  <si>
    <t>54.79999923706055</t>
  </si>
  <si>
    <t>-0.013610672129098944</t>
  </si>
  <si>
    <t>48486</t>
  </si>
  <si>
    <t>28.383331298828125</t>
  </si>
  <si>
    <t>21.5</t>
  </si>
  <si>
    <t>0.000660202210898575</t>
  </si>
  <si>
    <t>48929</t>
  </si>
  <si>
    <t>28.233335494995117</t>
  </si>
  <si>
    <t>156.20001220703125</t>
  </si>
  <si>
    <t>0.00909517125332826</t>
  </si>
  <si>
    <t>48938</t>
  </si>
  <si>
    <t>28.758333206176758</t>
  </si>
  <si>
    <t>58.29999542236328</t>
  </si>
  <si>
    <t>0.0001839230797990865</t>
  </si>
  <si>
    <t>49769</t>
  </si>
  <si>
    <t>28.099998474121094</t>
  </si>
  <si>
    <t>220.99998474121094</t>
  </si>
  <si>
    <t>0.016838109430958426</t>
  </si>
  <si>
    <t>47994</t>
  </si>
  <si>
    <t>28.116666793823242</t>
  </si>
  <si>
    <t>34.89999771118164</t>
  </si>
  <si>
    <t>-0.03631629714871032</t>
  </si>
  <si>
    <t>49754</t>
  </si>
  <si>
    <t>29.016664505004883</t>
  </si>
  <si>
    <t>93.0999984741211</t>
  </si>
  <si>
    <t>0.03601485928784243</t>
  </si>
  <si>
    <t>51855</t>
  </si>
  <si>
    <t>28.65833282470703</t>
  </si>
  <si>
    <t>73.60000610351562</t>
  </si>
  <si>
    <t>0.041360499659115035</t>
  </si>
  <si>
    <t>8</t>
  </si>
  <si>
    <t>BLZ</t>
  </si>
  <si>
    <t>6292</t>
  </si>
  <si>
    <t>25.83087730407715</t>
  </si>
  <si>
    <t>2260.843994140625</t>
  </si>
  <si>
    <t>110.67998504638672</t>
  </si>
  <si>
    <t>Belize</t>
  </si>
  <si>
    <t>6887</t>
  </si>
  <si>
    <t>25.733266830444336</t>
  </si>
  <si>
    <t>1863.1412353515625</t>
  </si>
  <si>
    <t>0.09035659136652896</t>
  </si>
  <si>
    <t>7608</t>
  </si>
  <si>
    <t>25.697776794433594</t>
  </si>
  <si>
    <t>2118.5107421875</t>
  </si>
  <si>
    <t>0.09956474868052823</t>
  </si>
  <si>
    <t>7914</t>
  </si>
  <si>
    <t>25.583337783813477</t>
  </si>
  <si>
    <t>2318.44140625</t>
  </si>
  <si>
    <t>0.03943301772014429</t>
  </si>
  <si>
    <t>7743</t>
  </si>
  <si>
    <t>25.95334815979004</t>
  </si>
  <si>
    <t>1572.6646728515625</t>
  </si>
  <si>
    <t>-0.02184413355864656</t>
  </si>
  <si>
    <t>7603</t>
  </si>
  <si>
    <t>26.04416847229004</t>
  </si>
  <si>
    <t>2150.91748046875</t>
  </si>
  <si>
    <t>-0.018246303158287347</t>
  </si>
  <si>
    <t>7456</t>
  </si>
  <si>
    <t>25.65834617614746</t>
  </si>
  <si>
    <t>1788.701904296875</t>
  </si>
  <si>
    <t>-0.01952382886300974</t>
  </si>
  <si>
    <t>7512</t>
  </si>
  <si>
    <t>26.056747436523438</t>
  </si>
  <si>
    <t>2069.52099609375</t>
  </si>
  <si>
    <t>0.007482664522672877</t>
  </si>
  <si>
    <t>7534</t>
  </si>
  <si>
    <t>26.316308975219727</t>
  </si>
  <si>
    <t>2245.540283203125</t>
  </si>
  <si>
    <t>0.002924367363887015</t>
  </si>
  <si>
    <t>25.53386688232422</t>
  </si>
  <si>
    <t>1936.446533203125</t>
  </si>
  <si>
    <t>0.05588190112838021</t>
  </si>
  <si>
    <t>8656</t>
  </si>
  <si>
    <t>25.701749801635742</t>
  </si>
  <si>
    <t>1914.6075439453125</t>
  </si>
  <si>
    <t>0.08294471170589723</t>
  </si>
  <si>
    <t>8807</t>
  </si>
  <si>
    <t>26.106298446655273</t>
  </si>
  <si>
    <t>1999.8084716796875</t>
  </si>
  <si>
    <t>0.017294137719195746</t>
  </si>
  <si>
    <t>8996</t>
  </si>
  <si>
    <t>26.15515899658203</t>
  </si>
  <si>
    <t>1880.701416015625</t>
  </si>
  <si>
    <t>0.021233174273746158</t>
  </si>
  <si>
    <t>9566</t>
  </si>
  <si>
    <t>26.27794075012207</t>
  </si>
  <si>
    <t>1821.5142822265625</t>
  </si>
  <si>
    <t>0.06143511116103717</t>
  </si>
  <si>
    <t>9724</t>
  </si>
  <si>
    <t>26.167943954467773</t>
  </si>
  <si>
    <t>1784.947998046875</t>
  </si>
  <si>
    <t>0.016381911195772147</t>
  </si>
  <si>
    <t>9648</t>
  </si>
  <si>
    <t>26.12364959716797</t>
  </si>
  <si>
    <t>2218.545166015625</t>
  </si>
  <si>
    <t>-0.007846416469048378</t>
  </si>
  <si>
    <t>9791</t>
  </si>
  <si>
    <t>26.04717254638672</t>
  </si>
  <si>
    <t>2547.5888671875</t>
  </si>
  <si>
    <t>0.014712956387105791</t>
  </si>
  <si>
    <t>9827</t>
  </si>
  <si>
    <t>26.078874588012695</t>
  </si>
  <si>
    <t>1860.050048828125</t>
  </si>
  <si>
    <t>0.003670103008355241</t>
  </si>
  <si>
    <t>9406</t>
  </si>
  <si>
    <t>25.8841495513916</t>
  </si>
  <si>
    <t>2142.329345703125</t>
  </si>
  <si>
    <t>-0.04378591585743408</t>
  </si>
  <si>
    <t>9111</t>
  </si>
  <si>
    <t>26.24410057067871</t>
  </si>
  <si>
    <t>1688.936279296875</t>
  </si>
  <si>
    <t>-0.031865308791134694</t>
  </si>
  <si>
    <t>25.691749572753906</t>
  </si>
  <si>
    <t>2123.648681640625</t>
  </si>
  <si>
    <t>-0.0127024406346532</t>
  </si>
  <si>
    <t>8767</t>
  </si>
  <si>
    <t>26.129240036010742</t>
  </si>
  <si>
    <t>2341.21435546875</t>
  </si>
  <si>
    <t>-0.025785361490619607</t>
  </si>
  <si>
    <t>8886</t>
  </si>
  <si>
    <t>26.322738647460938</t>
  </si>
  <si>
    <t>1952.6622314453125</t>
  </si>
  <si>
    <t>0.013482331907267664</t>
  </si>
  <si>
    <t>9074</t>
  </si>
  <si>
    <t>26.0997257232666</t>
  </si>
  <si>
    <t>2794.658935546875</t>
  </si>
  <si>
    <t>0.020936176728055145</t>
  </si>
  <si>
    <t>9233</t>
  </si>
  <si>
    <t>26.0571231842041</t>
  </si>
  <si>
    <t>2154.624755859375</t>
  </si>
  <si>
    <t>0.017370841548718374</t>
  </si>
  <si>
    <t>9331</t>
  </si>
  <si>
    <t>26.522798538208008</t>
  </si>
  <si>
    <t>1635.6025390625</t>
  </si>
  <si>
    <t>0.010558167461395485</t>
  </si>
  <si>
    <t>9141</t>
  </si>
  <si>
    <t>26.570772171020508</t>
  </si>
  <si>
    <t>1971.89306640625</t>
  </si>
  <si>
    <t>-0.020572401580203348</t>
  </si>
  <si>
    <t>8799</t>
  </si>
  <si>
    <t>26.3110408782959</t>
  </si>
  <si>
    <t>2141.292724609375</t>
  </si>
  <si>
    <t>-0.038131710008258324</t>
  </si>
  <si>
    <t>8720</t>
  </si>
  <si>
    <t>26.070009231567383</t>
  </si>
  <si>
    <t>2175.15625</t>
  </si>
  <si>
    <t>-0.009018840742536227</t>
  </si>
  <si>
    <t>8925</t>
  </si>
  <si>
    <t>26.519058227539062</t>
  </si>
  <si>
    <t>1507.75048828125</t>
  </si>
  <si>
    <t>0.023237089744815975</t>
  </si>
  <si>
    <t>7586</t>
  </si>
  <si>
    <t>26.695783615112305</t>
  </si>
  <si>
    <t>1965.5845947265625</t>
  </si>
  <si>
    <t>-0.16255188439899726</t>
  </si>
  <si>
    <t>8827</t>
  </si>
  <si>
    <t>26.47466468811035</t>
  </si>
  <si>
    <t>1846.814453125</t>
  </si>
  <si>
    <t>0.1515107627713892</t>
  </si>
  <si>
    <t>9474</t>
  </si>
  <si>
    <t>26.11113929748535</t>
  </si>
  <si>
    <t>2593.80322265625</t>
  </si>
  <si>
    <t>0.0707359984634639</t>
  </si>
  <si>
    <t>9</t>
  </si>
  <si>
    <t>BMU</t>
  </si>
  <si>
    <t>65961</t>
  </si>
  <si>
    <t>22.383333206176758</t>
  </si>
  <si>
    <t>1273.7000732421875</t>
  </si>
  <si>
    <t>982.2378540039062</t>
  </si>
  <si>
    <t>Bermuda</t>
  </si>
  <si>
    <t>63959</t>
  </si>
  <si>
    <t>22.28333282470703</t>
  </si>
  <si>
    <t>1500.0001220703125</t>
  </si>
  <si>
    <t>-0.030821405208135033</t>
  </si>
  <si>
    <t>64385</t>
  </si>
  <si>
    <t>22.29166603088379</t>
  </si>
  <si>
    <t>0.006638433653948894</t>
  </si>
  <si>
    <t>65968</t>
  </si>
  <si>
    <t>22.26666831970215</t>
  </si>
  <si>
    <t>0.024289089238797246</t>
  </si>
  <si>
    <t>65905</t>
  </si>
  <si>
    <t>22.21666717529297</t>
  </si>
  <si>
    <t>-0.0009554648001142141</t>
  </si>
  <si>
    <t>68313</t>
  </si>
  <si>
    <t>21.400001525878906</t>
  </si>
  <si>
    <t>0.03588577405020743</t>
  </si>
  <si>
    <t>69643</t>
  </si>
  <si>
    <t>21.358335494995117</t>
  </si>
  <si>
    <t>0.019282107447899932</t>
  </si>
  <si>
    <t>72404</t>
  </si>
  <si>
    <t>0.03887935382176977</t>
  </si>
  <si>
    <t>74677</t>
  </si>
  <si>
    <t>21.40833282470703</t>
  </si>
  <si>
    <t>0.030910599984357745</t>
  </si>
  <si>
    <t>76772</t>
  </si>
  <si>
    <t>0.027667843874967346</t>
  </si>
  <si>
    <t>83182</t>
  </si>
  <si>
    <t>21.375</t>
  </si>
  <si>
    <t>0.0801909879234799</t>
  </si>
  <si>
    <t>88232</t>
  </si>
  <si>
    <t>1439.300048828125</t>
  </si>
  <si>
    <t>0.05893873073673461</t>
  </si>
  <si>
    <t>86364</t>
  </si>
  <si>
    <t>21.44999885559082</t>
  </si>
  <si>
    <t>-0.02139878669017925</t>
  </si>
  <si>
    <t>88727</t>
  </si>
  <si>
    <t>21.383333206176758</t>
  </si>
  <si>
    <t>1543.0001220703125</t>
  </si>
  <si>
    <t>0.026993317525839444</t>
  </si>
  <si>
    <t>90196</t>
  </si>
  <si>
    <t>21.45833396911621</t>
  </si>
  <si>
    <t>1454.60009765625</t>
  </si>
  <si>
    <t>0.01642084034775948</t>
  </si>
  <si>
    <t>91114</t>
  </si>
  <si>
    <t>21.299999237060547</t>
  </si>
  <si>
    <t>1407.800048828125</t>
  </si>
  <si>
    <t>0.01012638954922096</t>
  </si>
  <si>
    <t>95615</t>
  </si>
  <si>
    <t>21.366668701171875</t>
  </si>
  <si>
    <t>0.04821824177845002</t>
  </si>
  <si>
    <t>98258</t>
  </si>
  <si>
    <t>21.375001907348633</t>
  </si>
  <si>
    <t>0.02726696085599123</t>
  </si>
  <si>
    <t>95856</t>
  </si>
  <si>
    <t>1365.199951171875</t>
  </si>
  <si>
    <t>-0.024749607029358245</t>
  </si>
  <si>
    <t>89962</t>
  </si>
  <si>
    <t>21.41666603088379</t>
  </si>
  <si>
    <t>1462.900146484375</t>
  </si>
  <si>
    <t>-0.06345970639442733</t>
  </si>
  <si>
    <t>88400</t>
  </si>
  <si>
    <t>20.85833168029785</t>
  </si>
  <si>
    <t>1158.699951171875</t>
  </si>
  <si>
    <t>-0.017515389303545348</t>
  </si>
  <si>
    <t>85829</t>
  </si>
  <si>
    <t>21.66666603088379</t>
  </si>
  <si>
    <t>979.800048828125</t>
  </si>
  <si>
    <t>-0.02951502491924174</t>
  </si>
  <si>
    <t>80982</t>
  </si>
  <si>
    <t>21.608335494995117</t>
  </si>
  <si>
    <t>1283.5999755859375</t>
  </si>
  <si>
    <t>-0.058130036969155086</t>
  </si>
  <si>
    <t>80504</t>
  </si>
  <si>
    <t>21.325000762939453</t>
  </si>
  <si>
    <t>1691.5999755859375</t>
  </si>
  <si>
    <t>-0.005920035124168166</t>
  </si>
  <si>
    <t>77361</t>
  </si>
  <si>
    <t>21.883337020874023</t>
  </si>
  <si>
    <t>1715.0001220703125</t>
  </si>
  <si>
    <t>-0.039824094992498615</t>
  </si>
  <si>
    <t>77843</t>
  </si>
  <si>
    <t>21.991666793823242</t>
  </si>
  <si>
    <t>1499.5999755859375</t>
  </si>
  <si>
    <t>0.006211200092641533</t>
  </si>
  <si>
    <t>78149</t>
  </si>
  <si>
    <t>22.08333396911621</t>
  </si>
  <si>
    <t>2002.5999755859375</t>
  </si>
  <si>
    <t>0.0039232831491311515</t>
  </si>
  <si>
    <t>81835</t>
  </si>
  <si>
    <t>21.95833396911621</t>
  </si>
  <si>
    <t>1158.800048828125</t>
  </si>
  <si>
    <t>0.04608776407754078</t>
  </si>
  <si>
    <t>81423</t>
  </si>
  <si>
    <t>22.05000114440918</t>
  </si>
  <si>
    <t>1602.300048828125</t>
  </si>
  <si>
    <t>-0.005047236578022307</t>
  </si>
  <si>
    <t>81682</t>
  </si>
  <si>
    <t>22.066667556762695</t>
  </si>
  <si>
    <t>1508.2000732421875</t>
  </si>
  <si>
    <t>0.0031758709750508984</t>
  </si>
  <si>
    <t>76118</t>
  </si>
  <si>
    <t>21.808334350585938</t>
  </si>
  <si>
    <t>1463.2999267578125</t>
  </si>
  <si>
    <t>-0.0705488915758341</t>
  </si>
  <si>
    <t>78570</t>
  </si>
  <si>
    <t>21.92500114440918</t>
  </si>
  <si>
    <t>1473.4000244140625</t>
  </si>
  <si>
    <t>0.03170517940868933</t>
  </si>
  <si>
    <t>81166</t>
  </si>
  <si>
    <t>22.225000381469727</t>
  </si>
  <si>
    <t>1447.000244140625</t>
  </si>
  <si>
    <t>0.03250649308071196</t>
  </si>
  <si>
    <t>10</t>
  </si>
  <si>
    <t>BWA</t>
  </si>
  <si>
    <t>9165</t>
  </si>
  <si>
    <t>21.32737159729004</t>
  </si>
  <si>
    <t>388.0999755859375</t>
  </si>
  <si>
    <t>603.2066650390625</t>
  </si>
  <si>
    <t>Botswana</t>
  </si>
  <si>
    <t>9569</t>
  </si>
  <si>
    <t>21.323715209960938</t>
  </si>
  <si>
    <t>368.1405029296875</t>
  </si>
  <si>
    <t>0.0431368255054565</t>
  </si>
  <si>
    <t>9570</t>
  </si>
  <si>
    <t>21.995485305786133</t>
  </si>
  <si>
    <t>298.67840576171875</t>
  </si>
  <si>
    <t>0.0001044986677367632</t>
  </si>
  <si>
    <t>9477</t>
  </si>
  <si>
    <t>21.45308494567871</t>
  </si>
  <si>
    <t>387.5906066894531</t>
  </si>
  <si>
    <t>-0.009765394976804842</t>
  </si>
  <si>
    <t>21.044429779052734</t>
  </si>
  <si>
    <t>269.9757995605469</t>
  </si>
  <si>
    <t>0.007778050564542838</t>
  </si>
  <si>
    <t>9957</t>
  </si>
  <si>
    <t>21.48040199279785</t>
  </si>
  <si>
    <t>550.95361328125</t>
  </si>
  <si>
    <t>0.04162996035334743</t>
  </si>
  <si>
    <t>10280</t>
  </si>
  <si>
    <t>20.935495376586914</t>
  </si>
  <si>
    <t>504.54949951171875</t>
  </si>
  <si>
    <t>0.03192443862107197</t>
  </si>
  <si>
    <t>10881</t>
  </si>
  <si>
    <t>21.17658805847168</t>
  </si>
  <si>
    <t>493.2961730957031</t>
  </si>
  <si>
    <t>0.0568178889418558</t>
  </si>
  <si>
    <t>10689</t>
  </si>
  <si>
    <t>21.761568069458008</t>
  </si>
  <si>
    <t>434.13690185546875</t>
  </si>
  <si>
    <t>-0.017802973677067513</t>
  </si>
  <si>
    <t>11474</t>
  </si>
  <si>
    <t>21.445627212524414</t>
  </si>
  <si>
    <t>424.35272216796875</t>
  </si>
  <si>
    <t>0.07086843088787198</t>
  </si>
  <si>
    <t>11462</t>
  </si>
  <si>
    <t>20.95292091369629</t>
  </si>
  <si>
    <t>523.5330200195312</t>
  </si>
  <si>
    <t>-0.00104639005013496</t>
  </si>
  <si>
    <t>11263</t>
  </si>
  <si>
    <t>21.208791732788086</t>
  </si>
  <si>
    <t>532.9632568359375</t>
  </si>
  <si>
    <t>-0.017514199063985103</t>
  </si>
  <si>
    <t>11725</t>
  </si>
  <si>
    <t>21.504323959350586</t>
  </si>
  <si>
    <t>379.06451416015625</t>
  </si>
  <si>
    <t>0.040200297266782314</t>
  </si>
  <si>
    <t>12055</t>
  </si>
  <si>
    <t>21.694509506225586</t>
  </si>
  <si>
    <t>391.0531311035156</t>
  </si>
  <si>
    <t>0.027756197300792707</t>
  </si>
  <si>
    <t>12166</t>
  </si>
  <si>
    <t>21.873106002807617</t>
  </si>
  <si>
    <t>465.5279541015625</t>
  </si>
  <si>
    <t>0.009165664265378126</t>
  </si>
  <si>
    <t>12494</t>
  </si>
  <si>
    <t>22.158767700195312</t>
  </si>
  <si>
    <t>392.5950927734375</t>
  </si>
  <si>
    <t>0.026603353172864885</t>
  </si>
  <si>
    <t>13287</t>
  </si>
  <si>
    <t>21.309467315673828</t>
  </si>
  <si>
    <t>426.6654968261719</t>
  </si>
  <si>
    <t>0.06153758453779368</t>
  </si>
  <si>
    <t>13783</t>
  </si>
  <si>
    <t>21.5739803314209</t>
  </si>
  <si>
    <t>433.6908264160156</t>
  </si>
  <si>
    <t>0.03664983510313036</t>
  </si>
  <si>
    <t>13945</t>
  </si>
  <si>
    <t>21.772676467895508</t>
  </si>
  <si>
    <t>397.3449401855469</t>
  </si>
  <si>
    <t>0.01168507236715044</t>
  </si>
  <si>
    <t>11729</t>
  </si>
  <si>
    <t>21.69879913330078</t>
  </si>
  <si>
    <t>458.318359375</t>
  </si>
  <si>
    <t>-0.17305661354008528</t>
  </si>
  <si>
    <t>12653</t>
  </si>
  <si>
    <t>21.797815322875977</t>
  </si>
  <si>
    <t>479.5686950683594</t>
  </si>
  <si>
    <t>0.07582993366775881</t>
  </si>
  <si>
    <t>13250</t>
  </si>
  <si>
    <t>21.362730026245117</t>
  </si>
  <si>
    <t>429.6020812988281</t>
  </si>
  <si>
    <t>0.04610321122510541</t>
  </si>
  <si>
    <t>12976</t>
  </si>
  <si>
    <t>21.549089431762695</t>
  </si>
  <si>
    <t>392.1563415527344</t>
  </si>
  <si>
    <t>-0.02089605505917369</t>
  </si>
  <si>
    <t>14144</t>
  </si>
  <si>
    <t>21.4841365814209</t>
  </si>
  <si>
    <t>434.8233947753906</t>
  </si>
  <si>
    <t>0.08618900852222922</t>
  </si>
  <si>
    <t>14665</t>
  </si>
  <si>
    <t>21.537490844726562</t>
  </si>
  <si>
    <t>355.1150207519531</t>
  </si>
  <si>
    <t>0.03617319653412743</t>
  </si>
  <si>
    <t>13682</t>
  </si>
  <si>
    <t>22.244993209838867</t>
  </si>
  <si>
    <t>338.0751647949219</t>
  </si>
  <si>
    <t>-0.06938260209060765</t>
  </si>
  <si>
    <t>14373</t>
  </si>
  <si>
    <t>22.07771873474121</t>
  </si>
  <si>
    <t>493.8244323730469</t>
  </si>
  <si>
    <t>0.04927034623028881</t>
  </si>
  <si>
    <t>14657</t>
  </si>
  <si>
    <t>21.715370178222656</t>
  </si>
  <si>
    <t>482.3284606933594</t>
  </si>
  <si>
    <t>0.019566590476067347</t>
  </si>
  <si>
    <t>14962</t>
  </si>
  <si>
    <t>21.949228286743164</t>
  </si>
  <si>
    <t>408.8680725097656</t>
  </si>
  <si>
    <t>0.02059561640504981</t>
  </si>
  <si>
    <t>15118</t>
  </si>
  <si>
    <t>22.521772384643555</t>
  </si>
  <si>
    <t>449.36505126953125</t>
  </si>
  <si>
    <t>0.010372433419771454</t>
  </si>
  <si>
    <t>13545</t>
  </si>
  <si>
    <t>21.5389461517334</t>
  </si>
  <si>
    <t>424.5264587402344</t>
  </si>
  <si>
    <t>-0.10986861133292614</t>
  </si>
  <si>
    <t>14907</t>
  </si>
  <si>
    <t>21.325613021850586</t>
  </si>
  <si>
    <t>449.51373291015625</t>
  </si>
  <si>
    <t>0.09581342575123486</t>
  </si>
  <si>
    <t>15519</t>
  </si>
  <si>
    <t>21.693021774291992</t>
  </si>
  <si>
    <t>431.6969909667969</t>
  </si>
  <si>
    <t>0.04023417840119414</t>
  </si>
  <si>
    <t>11</t>
  </si>
  <si>
    <t>BRN</t>
  </si>
  <si>
    <t>70359</t>
  </si>
  <si>
    <t>27.329416275024414</t>
  </si>
  <si>
    <t>2374.974609375</t>
  </si>
  <si>
    <t>113.77620697021484</t>
  </si>
  <si>
    <t>Brunei</t>
  </si>
  <si>
    <t>70439</t>
  </si>
  <si>
    <t>27.288022994995117</t>
  </si>
  <si>
    <t>2565.715576171875</t>
  </si>
  <si>
    <t>0.0011363799004122654</t>
  </si>
  <si>
    <t>71781</t>
  </si>
  <si>
    <t>27.138383865356445</t>
  </si>
  <si>
    <t>2488.780517578125</t>
  </si>
  <si>
    <t>0.018872730031688434</t>
  </si>
  <si>
    <t>70154</t>
  </si>
  <si>
    <t>27.11347770690918</t>
  </si>
  <si>
    <t>2851.356689453125</t>
  </si>
  <si>
    <t>-0.02292699148680377</t>
  </si>
  <si>
    <t>70571</t>
  </si>
  <si>
    <t>27.23765754699707</t>
  </si>
  <si>
    <t>2604.295654296875</t>
  </si>
  <si>
    <t>0.005926469646828636</t>
  </si>
  <si>
    <t>71966</t>
  </si>
  <si>
    <t>27.13802146911621</t>
  </si>
  <si>
    <t>3720.247802734375</t>
  </si>
  <si>
    <t>0.01957449002213174</t>
  </si>
  <si>
    <t>72321</t>
  </si>
  <si>
    <t>27.220537185668945</t>
  </si>
  <si>
    <t>3202.264404296875</t>
  </si>
  <si>
    <t>0.0049207581601447</t>
  </si>
  <si>
    <t>69660</t>
  </si>
  <si>
    <t>27.554414749145508</t>
  </si>
  <si>
    <t>2606.101318359375</t>
  </si>
  <si>
    <t>-0.03748827848409597</t>
  </si>
  <si>
    <t>67770</t>
  </si>
  <si>
    <t>27.73792839050293</t>
  </si>
  <si>
    <t>3386.1669921875</t>
  </si>
  <si>
    <t>-0.027506645789832973</t>
  </si>
  <si>
    <t>68367</t>
  </si>
  <si>
    <t>27.32090187072754</t>
  </si>
  <si>
    <t>3546.847900390625</t>
  </si>
  <si>
    <t>0.008770632920722221</t>
  </si>
  <si>
    <t>68866</t>
  </si>
  <si>
    <t>27.46202278137207</t>
  </si>
  <si>
    <t>4028.040283203125</t>
  </si>
  <si>
    <t>0.007272335359717275</t>
  </si>
  <si>
    <t>69339</t>
  </si>
  <si>
    <t>27.586387634277344</t>
  </si>
  <si>
    <t>2971.151123046875</t>
  </si>
  <si>
    <t>0.00684493103420003</t>
  </si>
  <si>
    <t>70632</t>
  </si>
  <si>
    <t>27.587297439575195</t>
  </si>
  <si>
    <t>2807.69140625</t>
  </si>
  <si>
    <t>0.018475781136618963</t>
  </si>
  <si>
    <t>71332</t>
  </si>
  <si>
    <t>27.387205123901367</t>
  </si>
  <si>
    <t>3040.5478515625</t>
  </si>
  <si>
    <t>0.009861734990986193</t>
  </si>
  <si>
    <t>70415</t>
  </si>
  <si>
    <t>27.370445251464844</t>
  </si>
  <si>
    <t>2714.946044921875</t>
  </si>
  <si>
    <t>-0.012938725940253804</t>
  </si>
  <si>
    <t>69482</t>
  </si>
  <si>
    <t>27.412750244140625</t>
  </si>
  <si>
    <t>3491.1494140625</t>
  </si>
  <si>
    <t>-0.013338582429451407</t>
  </si>
  <si>
    <t>71353</t>
  </si>
  <si>
    <t>27.41193199157715</t>
  </si>
  <si>
    <t>3540.11669921875</t>
  </si>
  <si>
    <t>0.02657166306924097</t>
  </si>
  <si>
    <t>70342</t>
  </si>
  <si>
    <t>27.27923583984375</t>
  </si>
  <si>
    <t>3383.20458984375</t>
  </si>
  <si>
    <t>-0.014270329324329367</t>
  </si>
  <si>
    <t>67934</t>
  </si>
  <si>
    <t>26.97126579284668</t>
  </si>
  <si>
    <t>4737.0087890625</t>
  </si>
  <si>
    <t>-0.03483241435042217</t>
  </si>
  <si>
    <t>65753</t>
  </si>
  <si>
    <t>27.40477752685547</t>
  </si>
  <si>
    <t>3062.816162109375</t>
  </si>
  <si>
    <t>-0.03263134822164915</t>
  </si>
  <si>
    <t>66484</t>
  </si>
  <si>
    <t>27.35405158996582</t>
  </si>
  <si>
    <t>4217.578125</t>
  </si>
  <si>
    <t>0.011056019815461227</t>
  </si>
  <si>
    <t>68038</t>
  </si>
  <si>
    <t>27.26310920715332</t>
  </si>
  <si>
    <t>3470.75390625</t>
  </si>
  <si>
    <t>0.023105055412932174</t>
  </si>
  <si>
    <t>67793</t>
  </si>
  <si>
    <t>27.512474060058594</t>
  </si>
  <si>
    <t>3265.813232421875</t>
  </si>
  <si>
    <t>-0.003607427843318689</t>
  </si>
  <si>
    <t>65535</t>
  </si>
  <si>
    <t>27.528419494628906</t>
  </si>
  <si>
    <t>3822.947509765625</t>
  </si>
  <si>
    <t>-0.033874593706967104</t>
  </si>
  <si>
    <t>63131</t>
  </si>
  <si>
    <t>27.36347770690918</t>
  </si>
  <si>
    <t>3139.531005859375</t>
  </si>
  <si>
    <t>-0.03737241848795314</t>
  </si>
  <si>
    <t>62170</t>
  </si>
  <si>
    <t>27.813112258911133</t>
  </si>
  <si>
    <t>2473.948486328125</t>
  </si>
  <si>
    <t>-0.015339364302310088</t>
  </si>
  <si>
    <t>59981</t>
  </si>
  <si>
    <t>27.946447372436523</t>
  </si>
  <si>
    <t>2596.609375</t>
  </si>
  <si>
    <t>-0.03584472287528939</t>
  </si>
  <si>
    <t>60173</t>
  </si>
  <si>
    <t>27.578689575195312</t>
  </si>
  <si>
    <t>4062.332275390625</t>
  </si>
  <si>
    <t>0.003195901316985328</t>
  </si>
  <si>
    <t>59650</t>
  </si>
  <si>
    <t>27.64671516418457</t>
  </si>
  <si>
    <t>3294.295166015625</t>
  </si>
  <si>
    <t>-0.008729598179018083</t>
  </si>
  <si>
    <t>61424</t>
  </si>
  <si>
    <t>27.813020706176758</t>
  </si>
  <si>
    <t>2931.109130859375</t>
  </si>
  <si>
    <t>0.02930648971451788</t>
  </si>
  <si>
    <t>61604</t>
  </si>
  <si>
    <t>27.67841911315918</t>
  </si>
  <si>
    <t>4098.193359375</t>
  </si>
  <si>
    <t>0.002926165237777667</t>
  </si>
  <si>
    <t>60127</t>
  </si>
  <si>
    <t>27.570539474487305</t>
  </si>
  <si>
    <t>3416.3466796875</t>
  </si>
  <si>
    <t>-0.02426781159026703</t>
  </si>
  <si>
    <t>58670</t>
  </si>
  <si>
    <t>27.337478637695312</t>
  </si>
  <si>
    <t>4061.482666015625</t>
  </si>
  <si>
    <t>-0.024530468968183783</t>
  </si>
  <si>
    <t>12</t>
  </si>
  <si>
    <t>BFA</t>
  </si>
  <si>
    <t>982</t>
  </si>
  <si>
    <t>29.251733779907227</t>
  </si>
  <si>
    <t>663.38671875</t>
  </si>
  <si>
    <t>3855.44873046875</t>
  </si>
  <si>
    <t>Burkina Faso</t>
  </si>
  <si>
    <t>1044</t>
  </si>
  <si>
    <t>28.67487144470215</t>
  </si>
  <si>
    <t>854.9893188476562</t>
  </si>
  <si>
    <t>0.061223460088117854</t>
  </si>
  <si>
    <t>1021</t>
  </si>
  <si>
    <t>28.482940673828125</t>
  </si>
  <si>
    <t>777.6100463867188</t>
  </si>
  <si>
    <t>-0.022276950277918317</t>
  </si>
  <si>
    <t>1031</t>
  </si>
  <si>
    <t>29.193679809570312</t>
  </si>
  <si>
    <t>721.4060668945312</t>
  </si>
  <si>
    <t>0.009746665852294889</t>
  </si>
  <si>
    <t>1018</t>
  </si>
  <si>
    <t>28.40068817138672</t>
  </si>
  <si>
    <t>994.9168701171875</t>
  </si>
  <si>
    <t>-0.012689286906492292</t>
  </si>
  <si>
    <t>1049</t>
  </si>
  <si>
    <t>29.149200439453125</t>
  </si>
  <si>
    <t>778.6195678710938</t>
  </si>
  <si>
    <t>0.029997411285829223</t>
  </si>
  <si>
    <t>1135</t>
  </si>
  <si>
    <t>29.16912078857422</t>
  </si>
  <si>
    <t>797.0352783203125</t>
  </si>
  <si>
    <t>0.07879532151920632</t>
  </si>
  <si>
    <t>1176</t>
  </si>
  <si>
    <t>29.005205154418945</t>
  </si>
  <si>
    <t>725.826416015625</t>
  </si>
  <si>
    <t>0.03548619854306878</t>
  </si>
  <si>
    <t>1228</t>
  </si>
  <si>
    <t>29.50746726989746</t>
  </si>
  <si>
    <t>869.0890502929688</t>
  </si>
  <si>
    <t>0.043267980248515414</t>
  </si>
  <si>
    <t>1281</t>
  </si>
  <si>
    <t>29.067785263061523</t>
  </si>
  <si>
    <t>874.3220825195312</t>
  </si>
  <si>
    <t>0.042254193189646294</t>
  </si>
  <si>
    <t>1267</t>
  </si>
  <si>
    <t>28.852434158325195</t>
  </si>
  <si>
    <t>720.4847412109375</t>
  </si>
  <si>
    <t>-0.010989121575595284</t>
  </si>
  <si>
    <t>1310</t>
  </si>
  <si>
    <t>29.152053833007812</t>
  </si>
  <si>
    <t>753.8300170898438</t>
  </si>
  <si>
    <t>0.03337523587405844</t>
  </si>
  <si>
    <t>1326</t>
  </si>
  <si>
    <t>29.552377700805664</t>
  </si>
  <si>
    <t>691.9583740234375</t>
  </si>
  <si>
    <t>0.012139754550610782</t>
  </si>
  <si>
    <t>1385</t>
  </si>
  <si>
    <t>29.375703811645508</t>
  </si>
  <si>
    <t>955.1700439453125</t>
  </si>
  <si>
    <t>0.043533247875631176</t>
  </si>
  <si>
    <t>1403</t>
  </si>
  <si>
    <t>29.46076202392578</t>
  </si>
  <si>
    <t>760.4243774414062</t>
  </si>
  <si>
    <t>0.012912661481021992</t>
  </si>
  <si>
    <t>1477</t>
  </si>
  <si>
    <t>29.78053092956543</t>
  </si>
  <si>
    <t>830.3170776367188</t>
  </si>
  <si>
    <t>0.05140020242891907</t>
  </si>
  <si>
    <t>1521</t>
  </si>
  <si>
    <t>29.149871826171875</t>
  </si>
  <si>
    <t>799.654296875</t>
  </si>
  <si>
    <t>0.029355009727912496</t>
  </si>
  <si>
    <t>1536</t>
  </si>
  <si>
    <t>29.28080940246582</t>
  </si>
  <si>
    <t>896.9561767578125</t>
  </si>
  <si>
    <t>0.009813621448325094</t>
  </si>
  <si>
    <t>1578</t>
  </si>
  <si>
    <t>29.119796752929688</t>
  </si>
  <si>
    <t>846.7329711914062</t>
  </si>
  <si>
    <t>0.02697658769820155</t>
  </si>
  <si>
    <t>29.814292907714844</t>
  </si>
  <si>
    <t>878.463134765625</t>
  </si>
  <si>
    <t>0.0</t>
  </si>
  <si>
    <t>1662</t>
  </si>
  <si>
    <t>29.651262283325195</t>
  </si>
  <si>
    <t>910.4588623046875</t>
  </si>
  <si>
    <t>0.051863474009574695</t>
  </si>
  <si>
    <t>1720</t>
  </si>
  <si>
    <t>29.467239379882812</t>
  </si>
  <si>
    <t>749.1493530273438</t>
  </si>
  <si>
    <t>0.0343025943921047</t>
  </si>
  <si>
    <t>1776</t>
  </si>
  <si>
    <t>29.206689834594727</t>
  </si>
  <si>
    <t>929.8511962890625</t>
  </si>
  <si>
    <t>0.03203935374461686</t>
  </si>
  <si>
    <t>1824</t>
  </si>
  <si>
    <t>29.529630661010742</t>
  </si>
  <si>
    <t>812.3116455078125</t>
  </si>
  <si>
    <t>0.026668247082160867</t>
  </si>
  <si>
    <t>1847</t>
  </si>
  <si>
    <t>29.334707260131836</t>
  </si>
  <si>
    <t>865.59912109375</t>
  </si>
  <si>
    <t>0.012530809564963441</t>
  </si>
  <si>
    <t>1863</t>
  </si>
  <si>
    <t>29.576539993286133</t>
  </si>
  <si>
    <t>831.0060424804688</t>
  </si>
  <si>
    <t>0.008625390402348998</t>
  </si>
  <si>
    <t>1917</t>
  </si>
  <si>
    <t>29.755922317504883</t>
  </si>
  <si>
    <t>944.9164428710938</t>
  </si>
  <si>
    <t>0.028573372444055778</t>
  </si>
  <si>
    <t>1978</t>
  </si>
  <si>
    <t>29.627458572387695</t>
  </si>
  <si>
    <t>822.4421997070312</t>
  </si>
  <si>
    <t>0.03132476913701243</t>
  </si>
  <si>
    <t>2051</t>
  </si>
  <si>
    <t>29.667417526245117</t>
  </si>
  <si>
    <t>929.9609985351562</t>
  </si>
  <si>
    <t>0.03624124588972322</t>
  </si>
  <si>
    <t>2106</t>
  </si>
  <si>
    <t>29.29755973815918</t>
  </si>
  <si>
    <t>918.1117553710938</t>
  </si>
  <si>
    <t>0.02646293462154059</t>
  </si>
  <si>
    <t>2090</t>
  </si>
  <si>
    <t>29.866668701171875</t>
  </si>
  <si>
    <t>951.06591796875</t>
  </si>
  <si>
    <t>-0.0076263477350639874</t>
  </si>
  <si>
    <t>2176</t>
  </si>
  <si>
    <t>29.888242721557617</t>
  </si>
  <si>
    <t>852.9739379882812</t>
  </si>
  <si>
    <t>0.040324263016976225</t>
  </si>
  <si>
    <t>2159</t>
  </si>
  <si>
    <t>29.473974227905273</t>
  </si>
  <si>
    <t>951.3705444335938</t>
  </si>
  <si>
    <t>-0.007843177461025697</t>
  </si>
  <si>
    <t>13</t>
  </si>
  <si>
    <t>BDI</t>
  </si>
  <si>
    <t>1175</t>
  </si>
  <si>
    <t>19.718446731567383</t>
  </si>
  <si>
    <t>1307.86083984375</t>
  </si>
  <si>
    <t>1674.8780517578125</t>
  </si>
  <si>
    <t>Burundi</t>
  </si>
  <si>
    <t>1209</t>
  </si>
  <si>
    <t>19.72107696533203</t>
  </si>
  <si>
    <t>1153.1925048828125</t>
  </si>
  <si>
    <t>0.02852542403653313</t>
  </si>
  <si>
    <t>1190</t>
  </si>
  <si>
    <t>19.691389083862305</t>
  </si>
  <si>
    <t>1156.646484375</t>
  </si>
  <si>
    <t>-0.01584026450921794</t>
  </si>
  <si>
    <t>1154</t>
  </si>
  <si>
    <t>19.677082061767578</t>
  </si>
  <si>
    <t>1110.086669921875</t>
  </si>
  <si>
    <t>-0.03071913903752943</t>
  </si>
  <si>
    <t>1103</t>
  </si>
  <si>
    <t>19.760812759399414</t>
  </si>
  <si>
    <t>1241.1156005859375</t>
  </si>
  <si>
    <t>-0.045200427814542365</t>
  </si>
  <si>
    <t>956</t>
  </si>
  <si>
    <t>20.0937557220459</t>
  </si>
  <si>
    <t>1269.941162109375</t>
  </si>
  <si>
    <t>-0.1430311062021019</t>
  </si>
  <si>
    <t>880</t>
  </si>
  <si>
    <t>19.830181121826172</t>
  </si>
  <si>
    <t>1254.8984375</t>
  </si>
  <si>
    <t>-0.08283600557914905</t>
  </si>
  <si>
    <t>867</t>
  </si>
  <si>
    <t>19.977834701538086</t>
  </si>
  <si>
    <t>1453.8724365234375</t>
  </si>
  <si>
    <t>-0.014882930691710428</t>
  </si>
  <si>
    <t>892</t>
  </si>
  <si>
    <t>20.017473220825195</t>
  </si>
  <si>
    <t>1276.756591796875</t>
  </si>
  <si>
    <t>0.028427155799468196</t>
  </si>
  <si>
    <t>862</t>
  </si>
  <si>
    <t>19.953001022338867</t>
  </si>
  <si>
    <t>1052.9127197265625</t>
  </si>
  <si>
    <t>-0.03421086191631684</t>
  </si>
  <si>
    <t>837</t>
  </si>
  <si>
    <t>20.092988967895508</t>
  </si>
  <si>
    <t>1262.2689208984375</t>
  </si>
  <si>
    <t>-0.02943120017421741</t>
  </si>
  <si>
    <t>834</t>
  </si>
  <si>
    <t>20.128662109375</t>
  </si>
  <si>
    <t>1418.7322998046875</t>
  </si>
  <si>
    <t>-0.0035906681307285027</t>
  </si>
  <si>
    <t>847</t>
  </si>
  <si>
    <t>20.364286422729492</t>
  </si>
  <si>
    <t>1229.4588623046875</t>
  </si>
  <si>
    <t>0.0154672922933079</t>
  </si>
  <si>
    <t>811</t>
  </si>
  <si>
    <t>20.500709533691406</t>
  </si>
  <si>
    <t>1289.268798828125</t>
  </si>
  <si>
    <t>-0.04343264053664164</t>
  </si>
  <si>
    <t>819</t>
  </si>
  <si>
    <t>19.926977157592773</t>
  </si>
  <si>
    <t>1049.2320556640625</t>
  </si>
  <si>
    <t>0.009816029737656606</t>
  </si>
  <si>
    <t>796</t>
  </si>
  <si>
    <t>20.269880294799805</t>
  </si>
  <si>
    <t>965.8165893554688</t>
  </si>
  <si>
    <t>-0.0284848980086867</t>
  </si>
  <si>
    <t>810</t>
  </si>
  <si>
    <t>19.84354591369629</t>
  </si>
  <si>
    <t>1451.1751708984375</t>
  </si>
  <si>
    <t>0.017435061822101083</t>
  </si>
  <si>
    <t>807</t>
  </si>
  <si>
    <t>20.01252555847168</t>
  </si>
  <si>
    <t>1335.826171875</t>
  </si>
  <si>
    <t>-0.003710579396535074</t>
  </si>
  <si>
    <t>813</t>
  </si>
  <si>
    <t>19.838987350463867</t>
  </si>
  <si>
    <t>1166.7210693359375</t>
  </si>
  <si>
    <t>0.007407441277861082</t>
  </si>
  <si>
    <t>802</t>
  </si>
  <si>
    <t>20.230436325073242</t>
  </si>
  <si>
    <t>1319.082275390625</t>
  </si>
  <si>
    <t>-0.013622501681295418</t>
  </si>
  <si>
    <t>804</t>
  </si>
  <si>
    <t>20.31291961669922</t>
  </si>
  <si>
    <t>1323.068603515625</t>
  </si>
  <si>
    <t>0.002490661312451792</t>
  </si>
  <si>
    <t>808</t>
  </si>
  <si>
    <t>19.82576560974121</t>
  </si>
  <si>
    <t>1488.305419921875</t>
  </si>
  <si>
    <t>0.00496278934212846</t>
  </si>
  <si>
    <t>814</t>
  </si>
  <si>
    <t>19.962827682495117</t>
  </si>
  <si>
    <t>1153.016357421875</t>
  </si>
  <si>
    <t>0.007398307481444988</t>
  </si>
  <si>
    <t>825</t>
  </si>
  <si>
    <t>19.968589782714844</t>
  </si>
  <si>
    <t>1286.4017333984375</t>
  </si>
  <si>
    <t>0.013423020332140823</t>
  </si>
  <si>
    <t>831</t>
  </si>
  <si>
    <t>19.82419204711914</t>
  </si>
  <si>
    <t>1248.065673828125</t>
  </si>
  <si>
    <t>0.007246408520767744</t>
  </si>
  <si>
    <t>782</t>
  </si>
  <si>
    <t>20.010976791381836</t>
  </si>
  <si>
    <t>1338.463134765625</t>
  </si>
  <si>
    <t>-0.0607750543101373</t>
  </si>
  <si>
    <t>764</t>
  </si>
  <si>
    <t>20.173574447631836</t>
  </si>
  <si>
    <t>1265.906494140625</t>
  </si>
  <si>
    <t>-0.023286951378790555</t>
  </si>
  <si>
    <t>751</t>
  </si>
  <si>
    <t>20.32956886291504</t>
  </si>
  <si>
    <t>1188.262939453125</t>
  </si>
  <si>
    <t>-0.017162137402386257</t>
  </si>
  <si>
    <t>740</t>
  </si>
  <si>
    <t>19.94382667541504</t>
  </si>
  <si>
    <t>1274.753662109375</t>
  </si>
  <si>
    <t>-0.014755465565919224</t>
  </si>
  <si>
    <t>730</t>
  </si>
  <si>
    <t>20.130748748779297</t>
  </si>
  <si>
    <t>1416.55029296875</t>
  </si>
  <si>
    <t>-0.01360565205577835</t>
  </si>
  <si>
    <t>711</t>
  </si>
  <si>
    <t>19.923389434814453</t>
  </si>
  <si>
    <t>1577.123779296875</t>
  </si>
  <si>
    <t>-0.026372104339196234</t>
  </si>
  <si>
    <t>714</t>
  </si>
  <si>
    <t>20.03728675842285</t>
  </si>
  <si>
    <t>1169.899169921875</t>
  </si>
  <si>
    <t>0.004210532536343514</t>
  </si>
  <si>
    <t>708</t>
  </si>
  <si>
    <t>19.962167739868164</t>
  </si>
  <si>
    <t>1354.388427734375</t>
  </si>
  <si>
    <t>-0.008438868645864517</t>
  </si>
  <si>
    <t>14</t>
  </si>
  <si>
    <t>CPV</t>
  </si>
  <si>
    <t>1816</t>
  </si>
  <si>
    <t>23.165618896484375</t>
  </si>
  <si>
    <t>100.84832763671875</t>
  </si>
  <si>
    <t>579.5238647460938</t>
  </si>
  <si>
    <t>Cabo Verde</t>
  </si>
  <si>
    <t>1801</t>
  </si>
  <si>
    <t>22.952669143676758</t>
  </si>
  <si>
    <t>80.7243423461914</t>
  </si>
  <si>
    <t>-0.008294213985282184</t>
  </si>
  <si>
    <t>1950</t>
  </si>
  <si>
    <t>22.882707595825195</t>
  </si>
  <si>
    <t>125.26141357421875</t>
  </si>
  <si>
    <t>0.07948730638183665</t>
  </si>
  <si>
    <t>2067</t>
  </si>
  <si>
    <t>22.860048294067383</t>
  </si>
  <si>
    <t>114.700439453125</t>
  </si>
  <si>
    <t>0.058268908123975116</t>
  </si>
  <si>
    <t>2402</t>
  </si>
  <si>
    <t>22.84471321105957</t>
  </si>
  <si>
    <t>123.53174591064453</t>
  </si>
  <si>
    <t>0.15020344295816113</t>
  </si>
  <si>
    <t>2679</t>
  </si>
  <si>
    <t>23.098134994506836</t>
  </si>
  <si>
    <t>221.86048889160156</t>
  </si>
  <si>
    <t>0.10914186690467975</t>
  </si>
  <si>
    <t>2915</t>
  </si>
  <si>
    <t>23.156280517578125</t>
  </si>
  <si>
    <t>70.14508819580078</t>
  </si>
  <si>
    <t>0.084426229239984</t>
  </si>
  <si>
    <t>3166</t>
  </si>
  <si>
    <t>23.32875633239746</t>
  </si>
  <si>
    <t>98.10042572021484</t>
  </si>
  <si>
    <t>0.08259914165636495</t>
  </si>
  <si>
    <t>3485</t>
  </si>
  <si>
    <t>23.402650833129883</t>
  </si>
  <si>
    <t>41.43330383300781</t>
  </si>
  <si>
    <t>0.09599908275366609</t>
  </si>
  <si>
    <t>3795</t>
  </si>
  <si>
    <t>22.96150779724121</t>
  </si>
  <si>
    <t>204.31112670898438</t>
  </si>
  <si>
    <t>0.08521636663510712</t>
  </si>
  <si>
    <t>4256</t>
  </si>
  <si>
    <t>23.02867889404297</t>
  </si>
  <si>
    <t>263.43206787109375</t>
  </si>
  <si>
    <t>0.11464534119174985</t>
  </si>
  <si>
    <t>4279</t>
  </si>
  <si>
    <t>23.365522384643555</t>
  </si>
  <si>
    <t>169.9057159423828</t>
  </si>
  <si>
    <t>0.005389585395336738</t>
  </si>
  <si>
    <t>4434</t>
  </si>
  <si>
    <t>23.21172523498535</t>
  </si>
  <si>
    <t>0.035582773759438524</t>
  </si>
  <si>
    <t>4553</t>
  </si>
  <si>
    <t>23.203079223632812</t>
  </si>
  <si>
    <t>165.42575073242188</t>
  </si>
  <si>
    <t>0.02648424515852632</t>
  </si>
  <si>
    <t>4951</t>
  </si>
  <si>
    <t>23.264429092407227</t>
  </si>
  <si>
    <t>179.2332000732422</t>
  </si>
  <si>
    <t>0.08380322002664009</t>
  </si>
  <si>
    <t>5226</t>
  </si>
  <si>
    <t>23.39936065673828</t>
  </si>
  <si>
    <t>0.054056590719135045</t>
  </si>
  <si>
    <t>5575</t>
  </si>
  <si>
    <t>23.2557315826416</t>
  </si>
  <si>
    <t>0.06464615024776244</t>
  </si>
  <si>
    <t>6346</t>
  </si>
  <si>
    <t>23.1968936920166</t>
  </si>
  <si>
    <t>0.12953237581482036</t>
  </si>
  <si>
    <t>6718</t>
  </si>
  <si>
    <t>23.260719299316406</t>
  </si>
  <si>
    <t>0.05696579802909696</t>
  </si>
  <si>
    <t>6549</t>
  </si>
  <si>
    <t>23.22844123840332</t>
  </si>
  <si>
    <t>-0.025478124954183556</t>
  </si>
  <si>
    <t>6598</t>
  </si>
  <si>
    <t>23.55814552307129</t>
  </si>
  <si>
    <t>0.007454206570473687</t>
  </si>
  <si>
    <t>6775</t>
  </si>
  <si>
    <t>23.157472610473633</t>
  </si>
  <si>
    <t>113.4767074584961</t>
  </si>
  <si>
    <t>0.02647279395937474</t>
  </si>
  <si>
    <t>6767</t>
  </si>
  <si>
    <t>23.239065170288086</t>
  </si>
  <si>
    <t>133.20620727539062</t>
  </si>
  <si>
    <t>-0.0011815095156766375</t>
  </si>
  <si>
    <t>6733</t>
  </si>
  <si>
    <t>23.33388328552246</t>
  </si>
  <si>
    <t>156.71156311035156</t>
  </si>
  <si>
    <t>-0.005037047686943907</t>
  </si>
  <si>
    <t>6704</t>
  </si>
  <si>
    <t>23.182424545288086</t>
  </si>
  <si>
    <t>164.6256103515625</t>
  </si>
  <si>
    <t>-0.00431644638336337</t>
  </si>
  <si>
    <t>6692</t>
  </si>
  <si>
    <t>23.418725967407227</t>
  </si>
  <si>
    <t>166.04335021972656</t>
  </si>
  <si>
    <t>-0.0017915800552028571</t>
  </si>
  <si>
    <t>6901</t>
  </si>
  <si>
    <t>23.28773307800293</t>
  </si>
  <si>
    <t>233.80252075195312</t>
  </si>
  <si>
    <t>0.030753545513887204</t>
  </si>
  <si>
    <t>7131</t>
  </si>
  <si>
    <t>23.420326232910156</t>
  </si>
  <si>
    <t>168.2472686767578</t>
  </si>
  <si>
    <t>0.03278514840770086</t>
  </si>
  <si>
    <t>7314</t>
  </si>
  <si>
    <t>22.973777770996094</t>
  </si>
  <si>
    <t>0.025338842681023266</t>
  </si>
  <si>
    <t>23.14959716796875</t>
  </si>
  <si>
    <t>191.896484375</t>
  </si>
  <si>
    <t>0.05699888967739675</t>
  </si>
  <si>
    <t>6073</t>
  </si>
  <si>
    <t>23.629060745239258</t>
  </si>
  <si>
    <t>-0.2429364924891484</t>
  </si>
  <si>
    <t>6357</t>
  </si>
  <si>
    <t>23.515737533569336</t>
  </si>
  <si>
    <t>0.045703851038833676</t>
  </si>
  <si>
    <t>7379</t>
  </si>
  <si>
    <t>23.308433532714844</t>
  </si>
  <si>
    <t>0.1490815601219584</t>
  </si>
  <si>
    <t>15</t>
  </si>
  <si>
    <t>KHM</t>
  </si>
  <si>
    <t>28.239059448242188</t>
  </si>
  <si>
    <t>1699.8292236328125</t>
  </si>
  <si>
    <t>4318.89453125</t>
  </si>
  <si>
    <t>Cambodia</t>
  </si>
  <si>
    <t>1058</t>
  </si>
  <si>
    <t>28.00725746154785</t>
  </si>
  <si>
    <t>1523.331298828125</t>
  </si>
  <si>
    <t>0.038540415307776854</t>
  </si>
  <si>
    <t>1094</t>
  </si>
  <si>
    <t>27.9820499420166</t>
  </si>
  <si>
    <t>1427.375732421875</t>
  </si>
  <si>
    <t>0.033460370563681785</t>
  </si>
  <si>
    <t>1717</t>
  </si>
  <si>
    <t>27.899499893188477</t>
  </si>
  <si>
    <t>1281.7359619140625</t>
  </si>
  <si>
    <t>0.4507378779155493</t>
  </si>
  <si>
    <t>1078</t>
  </si>
  <si>
    <t>27.91399574279785</t>
  </si>
  <si>
    <t>1767.4100341796875</t>
  </si>
  <si>
    <t>-0.46547110942853376</t>
  </si>
  <si>
    <t>27.8071231842041</t>
  </si>
  <si>
    <t>1663.4444580078125</t>
  </si>
  <si>
    <t>0.06812669559910312</t>
  </si>
  <si>
    <t>1193</t>
  </si>
  <si>
    <t>27.393661499023438</t>
  </si>
  <si>
    <t>1637.4354248046875</t>
  </si>
  <si>
    <t>0.03323697502987066</t>
  </si>
  <si>
    <t>1214</t>
  </si>
  <si>
    <t>28.140182495117188</t>
  </si>
  <si>
    <t>1406.6553955078125</t>
  </si>
  <si>
    <t>0.017449549521527885</t>
  </si>
  <si>
    <t>1245</t>
  </si>
  <si>
    <t>28.40839385986328</t>
  </si>
  <si>
    <t>1661.2752685546875</t>
  </si>
  <si>
    <t>0.025214837279364133</t>
  </si>
  <si>
    <t>1376</t>
  </si>
  <si>
    <t>27.374662399291992</t>
  </si>
  <si>
    <t>1652.670166015625</t>
  </si>
  <si>
    <t>0.10004520959448104</t>
  </si>
  <si>
    <t>1486</t>
  </si>
  <si>
    <t>27.70124626159668</t>
  </si>
  <si>
    <t>1791.40234375</t>
  </si>
  <si>
    <t>0.07690720678441565</t>
  </si>
  <si>
    <t>1579</t>
  </si>
  <si>
    <t>27.665433883666992</t>
  </si>
  <si>
    <t>1669.427978515625</t>
  </si>
  <si>
    <t>0.06070378897793738</t>
  </si>
  <si>
    <t>1653</t>
  </si>
  <si>
    <t>27.94148826599121</t>
  </si>
  <si>
    <t>1588.449462890625</t>
  </si>
  <si>
    <t>0.04580008356538201</t>
  </si>
  <si>
    <t>1761</t>
  </si>
  <si>
    <t>27.890958786010742</t>
  </si>
  <si>
    <t>1586.7020263671875</t>
  </si>
  <si>
    <t>0.06329001067518192</t>
  </si>
  <si>
    <t>1909</t>
  </si>
  <si>
    <t>27.78778648376465</t>
  </si>
  <si>
    <t>1469.62109375</t>
  </si>
  <si>
    <t>0.08069771522954206</t>
  </si>
  <si>
    <t>2125</t>
  </si>
  <si>
    <t>27.937761306762695</t>
  </si>
  <si>
    <t>1556.9403076171875</t>
  </si>
  <si>
    <t>0.10719225763276885</t>
  </si>
  <si>
    <t>2313</t>
  </si>
  <si>
    <t>27.823030471801758</t>
  </si>
  <si>
    <t>1785.030517578125</t>
  </si>
  <si>
    <t>0.08477358087292242</t>
  </si>
  <si>
    <t>2506</t>
  </si>
  <si>
    <t>27.745569229125977</t>
  </si>
  <si>
    <t>2103.81005859375</t>
  </si>
  <si>
    <t>0.08014247322457457</t>
  </si>
  <si>
    <t>2629</t>
  </si>
  <si>
    <t>27.259565353393555</t>
  </si>
  <si>
    <t>1513.454833984375</t>
  </si>
  <si>
    <t>0.047915689273867024</t>
  </si>
  <si>
    <t>2592</t>
  </si>
  <si>
    <t>27.893577575683594</t>
  </si>
  <si>
    <t>1728.8504638671875</t>
  </si>
  <si>
    <t>-0.014173767257715575</t>
  </si>
  <si>
    <t>2707</t>
  </si>
  <si>
    <t>28.173385620117188</t>
  </si>
  <si>
    <t>1571.8887939453125</t>
  </si>
  <si>
    <t>0.0434112321421356</t>
  </si>
  <si>
    <t>2857</t>
  </si>
  <si>
    <t>27.488462448120117</t>
  </si>
  <si>
    <t>1809.87060546875</t>
  </si>
  <si>
    <t>0.0539311126164721</t>
  </si>
  <si>
    <t>3021</t>
  </si>
  <si>
    <t>28.1138973236084</t>
  </si>
  <si>
    <t>1615.76025390625</t>
  </si>
  <si>
    <t>0.05581577915589886</t>
  </si>
  <si>
    <t>3198</t>
  </si>
  <si>
    <t>27.645254135131836</t>
  </si>
  <si>
    <t>1800.7384033203125</t>
  </si>
  <si>
    <t>0.05693771200722786</t>
  </si>
  <si>
    <t>3378</t>
  </si>
  <si>
    <t>27.966623306274414</t>
  </si>
  <si>
    <t>1655.506103515625</t>
  </si>
  <si>
    <t>0.054758203973845454</t>
  </si>
  <si>
    <t>3565</t>
  </si>
  <si>
    <t>28.410066604614258</t>
  </si>
  <si>
    <t>1544.6805419921875</t>
  </si>
  <si>
    <t>0.05388023548065135</t>
  </si>
  <si>
    <t>3762</t>
  </si>
  <si>
    <t>28.56490135192871</t>
  </si>
  <si>
    <t>1584.2574462890625</t>
  </si>
  <si>
    <t>0.05378667701257989</t>
  </si>
  <si>
    <t>3973</t>
  </si>
  <si>
    <t>27.93080711364746</t>
  </si>
  <si>
    <t>1779.7408447265625</t>
  </si>
  <si>
    <t>0.054570745953622435</t>
  </si>
  <si>
    <t>4218</t>
  </si>
  <si>
    <t>28.01695442199707</t>
  </si>
  <si>
    <t>1585.0389404296875</t>
  </si>
  <si>
    <t>0.059839605224121684</t>
  </si>
  <si>
    <t>4464</t>
  </si>
  <si>
    <t>28.547117233276367</t>
  </si>
  <si>
    <t>1533.8055419921875</t>
  </si>
  <si>
    <t>0.056684143022426525</t>
  </si>
  <si>
    <t>4276</t>
  </si>
  <si>
    <t>28.18949317932129</t>
  </si>
  <si>
    <t>1645.1488037109375</t>
  </si>
  <si>
    <t>-0.04302723191621105</t>
  </si>
  <si>
    <t>4355</t>
  </si>
  <si>
    <t>28.043432235717773</t>
  </si>
  <si>
    <t>1790.705322265625</t>
  </si>
  <si>
    <t>0.018306617141666592</t>
  </si>
  <si>
    <t>4534</t>
  </si>
  <si>
    <t>27.658018112182617</t>
  </si>
  <si>
    <t>1819.7666015625</t>
  </si>
  <si>
    <t>0.04027994178087191</t>
  </si>
  <si>
    <t>16</t>
  </si>
  <si>
    <t>CMR</t>
  </si>
  <si>
    <t>3483</t>
  </si>
  <si>
    <t>24.860509872436523</t>
  </si>
  <si>
    <t>1852.4749755859375</t>
  </si>
  <si>
    <t>5057.7216796875</t>
  </si>
  <si>
    <t>Cameroon</t>
  </si>
  <si>
    <t>3252</t>
  </si>
  <si>
    <t>24.697792053222656</t>
  </si>
  <si>
    <t>1761.3978271484375</t>
  </si>
  <si>
    <t>-0.06862379969830101</t>
  </si>
  <si>
    <t>3060</t>
  </si>
  <si>
    <t>24.45740509033203</t>
  </si>
  <si>
    <t>1691.1746826171875</t>
  </si>
  <si>
    <t>-0.06085527572127525</t>
  </si>
  <si>
    <t>2736</t>
  </si>
  <si>
    <t>24.68836212158203</t>
  </si>
  <si>
    <t>1852.53369140625</t>
  </si>
  <si>
    <t>-0.11191791620398472</t>
  </si>
  <si>
    <t>2709</t>
  </si>
  <si>
    <t>24.577911376953125</t>
  </si>
  <si>
    <t>1735.651611328125</t>
  </si>
  <si>
    <t>-0.009917436657345569</t>
  </si>
  <si>
    <t>2711</t>
  </si>
  <si>
    <t>24.928260803222656</t>
  </si>
  <si>
    <t>1761.2200927734375</t>
  </si>
  <si>
    <t>0.0007380074135703296</t>
  </si>
  <si>
    <t>2750</t>
  </si>
  <si>
    <t>24.739286422729492</t>
  </si>
  <si>
    <t>1869.49072265625</t>
  </si>
  <si>
    <t>0.014283341161950958</t>
  </si>
  <si>
    <t>2799</t>
  </si>
  <si>
    <t>24.78019905090332</t>
  </si>
  <si>
    <t>1878.7105712890625</t>
  </si>
  <si>
    <t>0.01766129885483725</t>
  </si>
  <si>
    <t>2854</t>
  </si>
  <si>
    <t>25.295026779174805</t>
  </si>
  <si>
    <t>1797.6220703125</t>
  </si>
  <si>
    <t>0.019459308521327934</t>
  </si>
  <si>
    <t>2905</t>
  </si>
  <si>
    <t>24.866239547729492</t>
  </si>
  <si>
    <t>1853.49560546875</t>
  </si>
  <si>
    <t>0.01771187124922946</t>
  </si>
  <si>
    <t>2938</t>
  </si>
  <si>
    <t>24.785018920898438</t>
  </si>
  <si>
    <t>1789.6463623046875</t>
  </si>
  <si>
    <t>0.011295687447811176</t>
  </si>
  <si>
    <t>2986</t>
  </si>
  <si>
    <t>24.850204467773438</t>
  </si>
  <si>
    <t>1842.21484375</t>
  </si>
  <si>
    <t>0.01620562136531234</t>
  </si>
  <si>
    <t>3037</t>
  </si>
  <si>
    <t>25.0731143951416</t>
  </si>
  <si>
    <t>1870.029296875</t>
  </si>
  <si>
    <t>0.01693548694661473</t>
  </si>
  <si>
    <t>3116</t>
  </si>
  <si>
    <t>25.08234214782715</t>
  </si>
  <si>
    <t>1856.2362060546875</t>
  </si>
  <si>
    <t>0.02567994194488854</t>
  </si>
  <si>
    <t>3245</t>
  </si>
  <si>
    <t>25.09197235107422</t>
  </si>
  <si>
    <t>1835.33740234375</t>
  </si>
  <si>
    <t>0.04056522214755276</t>
  </si>
  <si>
    <t>3228</t>
  </si>
  <si>
    <t>25.160751342773438</t>
  </si>
  <si>
    <t>1719.8865966796875</t>
  </si>
  <si>
    <t>-0.005252599748351017</t>
  </si>
  <si>
    <t>3261</t>
  </si>
  <si>
    <t>25.021852493286133</t>
  </si>
  <si>
    <t>1907.77880859375</t>
  </si>
  <si>
    <t>0.010171146399478914</t>
  </si>
  <si>
    <t>3309</t>
  </si>
  <si>
    <t>25.047019958496094</t>
  </si>
  <si>
    <t>1936.8570556640625</t>
  </si>
  <si>
    <t>0.014612132132294064</t>
  </si>
  <si>
    <t>3308</t>
  </si>
  <si>
    <t>24.960708618164062</t>
  </si>
  <si>
    <t>1829.1947021484375</t>
  </si>
  <si>
    <t>-0.0003022517780308931</t>
  </si>
  <si>
    <t>3298</t>
  </si>
  <si>
    <t>25.26679039001465</t>
  </si>
  <si>
    <t>1714.3624267578125</t>
  </si>
  <si>
    <t>-0.003027553024038454</t>
  </si>
  <si>
    <t>3299</t>
  </si>
  <si>
    <t>25.2959041595459</t>
  </si>
  <si>
    <t>1806.3619384765625</t>
  </si>
  <si>
    <t>0.00030316810903840974</t>
  </si>
  <si>
    <t>3315</t>
  </si>
  <si>
    <t>25.094167709350586</t>
  </si>
  <si>
    <t>1728.1171875</t>
  </si>
  <si>
    <t>0.004838231391380177</t>
  </si>
  <si>
    <t>3372</t>
  </si>
  <si>
    <t>25.009780883789062</t>
  </si>
  <si>
    <t>1803.103515625</t>
  </si>
  <si>
    <t>0.017048416501783237</t>
  </si>
  <si>
    <t>3442</t>
  </si>
  <si>
    <t>25.151695251464844</t>
  </si>
  <si>
    <t>1674.888916015625</t>
  </si>
  <si>
    <t>0.02054665764973862</t>
  </si>
  <si>
    <t>3530</t>
  </si>
  <si>
    <t>25.10125160217285</t>
  </si>
  <si>
    <t>1744.2462158203125</t>
  </si>
  <si>
    <t>0.02524517315585939</t>
  </si>
  <si>
    <t>3615</t>
  </si>
  <si>
    <t>25.205045700073242</t>
  </si>
  <si>
    <t>1553.18115234375</t>
  </si>
  <si>
    <t>0.02379398466552196</t>
  </si>
  <si>
    <t>3667</t>
  </si>
  <si>
    <t>25.431480407714844</t>
  </si>
  <si>
    <t>1853.60400390625</t>
  </si>
  <si>
    <t>0.014282033478460576</t>
  </si>
  <si>
    <t>3691</t>
  </si>
  <si>
    <t>25.171457290649414</t>
  </si>
  <si>
    <t>1724.0784912109375</t>
  </si>
  <si>
    <t>0.006523534958672528</t>
  </si>
  <si>
    <t>3733</t>
  </si>
  <si>
    <t>25.2554931640625</t>
  </si>
  <si>
    <t>1765.372802734375</t>
  </si>
  <si>
    <t>0.011314775884585515</t>
  </si>
  <si>
    <t>3757</t>
  </si>
  <si>
    <t>25.131593704223633</t>
  </si>
  <si>
    <t>1841.57763671875</t>
  </si>
  <si>
    <t>0.006408566659384718</t>
  </si>
  <si>
    <t>3666</t>
  </si>
  <si>
    <t>25.273954391479492</t>
  </si>
  <si>
    <t>1810.3287353515625</t>
  </si>
  <si>
    <t>-0.024519617174318498</t>
  </si>
  <si>
    <t>3689</t>
  </si>
  <si>
    <t>25.321794509887695</t>
  </si>
  <si>
    <t>1739.6846923828125</t>
  </si>
  <si>
    <t>0.0062542691970257636</t>
  </si>
  <si>
    <t>3724</t>
  </si>
  <si>
    <t>25.097518920898438</t>
  </si>
  <si>
    <t>1801.90185546875</t>
  </si>
  <si>
    <t>0.009442940800282074</t>
  </si>
  <si>
    <t>17</t>
  </si>
  <si>
    <t>CAF</t>
  </si>
  <si>
    <t>1201</t>
  </si>
  <si>
    <t>25.126142501831055</t>
  </si>
  <si>
    <t>1388.1104736328125</t>
  </si>
  <si>
    <t>973.9119873046875</t>
  </si>
  <si>
    <t>Central African Republic</t>
  </si>
  <si>
    <t>1157</t>
  </si>
  <si>
    <t>24.888519287109375</t>
  </si>
  <si>
    <t>1478.21826171875</t>
  </si>
  <si>
    <t>-0.037324094886306725</t>
  </si>
  <si>
    <t>24.68000602722168</t>
  </si>
  <si>
    <t>1419.53564453125</t>
  </si>
  <si>
    <t>-0.09799311879737971</t>
  </si>
  <si>
    <t>1019</t>
  </si>
  <si>
    <t>24.727874755859375</t>
  </si>
  <si>
    <t>1387.871337890625</t>
  </si>
  <si>
    <t>-0.029015575173572117</t>
  </si>
  <si>
    <t>1036</t>
  </si>
  <si>
    <t>24.66889762878418</t>
  </si>
  <si>
    <t>1426.215576171875</t>
  </si>
  <si>
    <t>0.016545389596703153</t>
  </si>
  <si>
    <t>1081</t>
  </si>
  <si>
    <t>25.002050399780273</t>
  </si>
  <si>
    <t>1464.643310546875</t>
  </si>
  <si>
    <t>0.042519394819779954</t>
  </si>
  <si>
    <t>1011</t>
  </si>
  <si>
    <t>24.760019302368164</t>
  </si>
  <si>
    <t>1479.7445068359375</t>
  </si>
  <si>
    <t>-0.06694659861873653</t>
  </si>
  <si>
    <t>1035</t>
  </si>
  <si>
    <t>25.08833885192871</t>
  </si>
  <si>
    <t>1540.80322265625</t>
  </si>
  <si>
    <t>0.023461486678997723</t>
  </si>
  <si>
    <t>1054</t>
  </si>
  <si>
    <t>25.514524459838867</t>
  </si>
  <si>
    <t>1548.4951171875</t>
  </si>
  <si>
    <t>0.018191023401838535</t>
  </si>
  <si>
    <t>1062</t>
  </si>
  <si>
    <t>24.837936401367188</t>
  </si>
  <si>
    <t>1483.9993896484375</t>
  </si>
  <si>
    <t>0.007561472700576388</t>
  </si>
  <si>
    <t>1007</t>
  </si>
  <si>
    <t>24.945024490356445</t>
  </si>
  <si>
    <t>1377.1468505859375</t>
  </si>
  <si>
    <t>-0.05317830908332155</t>
  </si>
  <si>
    <t>1029</t>
  </si>
  <si>
    <t>25.008283615112305</t>
  </si>
  <si>
    <t>1456.7872314453125</t>
  </si>
  <si>
    <t>0.021611843115486806</t>
  </si>
  <si>
    <t>1043</t>
  </si>
  <si>
    <t>25.156227111816406</t>
  </si>
  <si>
    <t>1380.8341064453125</t>
  </si>
  <si>
    <t>0.01351371916672317</t>
  </si>
  <si>
    <t>963</t>
  </si>
  <si>
    <t>25.178186416625977</t>
  </si>
  <si>
    <t>1406.79931640625</t>
  </si>
  <si>
    <t>-0.07980304320264686</t>
  </si>
  <si>
    <t>999</t>
  </si>
  <si>
    <t>25.373199462890625</t>
  </si>
  <si>
    <t>1332.94580078125</t>
  </si>
  <si>
    <t>0.03670136685042813</t>
  </si>
  <si>
    <t>985</t>
  </si>
  <si>
    <t>25.468103408813477</t>
  </si>
  <si>
    <t>1432.5760498046875</t>
  </si>
  <si>
    <t>-0.014113137476464921</t>
  </si>
  <si>
    <t>1012</t>
  </si>
  <si>
    <t>25.143171310424805</t>
  </si>
  <si>
    <t>1419.5830078125</t>
  </si>
  <si>
    <t>0.027042208675322144</t>
  </si>
  <si>
    <t>1039</t>
  </si>
  <si>
    <t>25.225107192993164</t>
  </si>
  <si>
    <t>1481.53662109375</t>
  </si>
  <si>
    <t>0.026330141251816208</t>
  </si>
  <si>
    <t>1038</t>
  </si>
  <si>
    <t>25.094762802124023</t>
  </si>
  <si>
    <t>1394.4180908203125</t>
  </si>
  <si>
    <t>-0.0009629273733935406</t>
  </si>
  <si>
    <t>25.41902732849121</t>
  </si>
  <si>
    <t>1474.3280029296875</t>
  </si>
  <si>
    <t>0.06073795552766903</t>
  </si>
  <si>
    <t>1131</t>
  </si>
  <si>
    <t>25.39750862121582</t>
  </si>
  <si>
    <t>1466.1573486328125</t>
  </si>
  <si>
    <t>0.02506845686261805</t>
  </si>
  <si>
    <t>1160</t>
  </si>
  <si>
    <t>25.22601890563965</t>
  </si>
  <si>
    <t>1452.0408935546875</t>
  </si>
  <si>
    <t>0.02531780798428951</t>
  </si>
  <si>
    <t>25.0821533203125</t>
  </si>
  <si>
    <t>1477.916259765625</t>
  </si>
  <si>
    <t>0.041373566514382176</t>
  </si>
  <si>
    <t>25.2608642578125</t>
  </si>
  <si>
    <t>1537.443115234375</t>
  </si>
  <si>
    <t>-0.4589810614482719</t>
  </si>
  <si>
    <t>765</t>
  </si>
  <si>
    <t>25.08637046813965</t>
  </si>
  <si>
    <t>1435.0162353515625</t>
  </si>
  <si>
    <t>0.0013080446600151063</t>
  </si>
  <si>
    <t>795</t>
  </si>
  <si>
    <t>25.335176467895508</t>
  </si>
  <si>
    <t>1468.624755859375</t>
  </si>
  <si>
    <t>0.03846628082779624</t>
  </si>
  <si>
    <t>818</t>
  </si>
  <si>
    <t>25.584131240844727</t>
  </si>
  <si>
    <t>1533.7294921875</t>
  </si>
  <si>
    <t>0.028520221948414637</t>
  </si>
  <si>
    <t>840</t>
  </si>
  <si>
    <t>25.14103889465332</t>
  </si>
  <si>
    <t>1505.943359375</t>
  </si>
  <si>
    <t>0.0265395552346126</t>
  </si>
  <si>
    <t>855</t>
  </si>
  <si>
    <t>25.354522705078125</t>
  </si>
  <si>
    <t>1404.5921630859375</t>
  </si>
  <si>
    <t>0.01769957709940062</t>
  </si>
  <si>
    <t>25.286102294921875</t>
  </si>
  <si>
    <t>1429.503662109375</t>
  </si>
  <si>
    <t>0.008153801726932919</t>
  </si>
  <si>
    <t>848</t>
  </si>
  <si>
    <t>25.714431762695312</t>
  </si>
  <si>
    <t>1433.36181640625</t>
  </si>
  <si>
    <t>-0.016374634871789695</t>
  </si>
  <si>
    <t>838</t>
  </si>
  <si>
    <t>25.55384063720703</t>
  </si>
  <si>
    <t>1574.2813720703125</t>
  </si>
  <si>
    <t>-0.011862535309820288</t>
  </si>
  <si>
    <t>824</t>
  </si>
  <si>
    <t>25.48279571533203</t>
  </si>
  <si>
    <t>1491.4166259765625</t>
  </si>
  <si>
    <t>-0.01684757057261077</t>
  </si>
  <si>
    <t>18</t>
  </si>
  <si>
    <t>TCD</t>
  </si>
  <si>
    <t>1027</t>
  </si>
  <si>
    <t>27.888601303100586</t>
  </si>
  <si>
    <t>571.1357421875</t>
  </si>
  <si>
    <t>2695.83935546875</t>
  </si>
  <si>
    <t>Chad</t>
  </si>
  <si>
    <t>1075</t>
  </si>
  <si>
    <t>27.803146362304688</t>
  </si>
  <si>
    <t>742.1417236328125</t>
  </si>
  <si>
    <t>0.045678730633205156</t>
  </si>
  <si>
    <t>1113</t>
  </si>
  <si>
    <t>27.307836532592773</t>
  </si>
  <si>
    <t>683.175537109375</t>
  </si>
  <si>
    <t>0.03473841071378203</t>
  </si>
  <si>
    <t>917</t>
  </si>
  <si>
    <t>27.79106903076172</t>
  </si>
  <si>
    <t>582.1909790039062</t>
  </si>
  <si>
    <t>-0.19370687901908035</t>
  </si>
  <si>
    <t>988</t>
  </si>
  <si>
    <t>27.382680892944336</t>
  </si>
  <si>
    <t>826.1705322265625</t>
  </si>
  <si>
    <t>0.07457522549140361</t>
  </si>
  <si>
    <t>957</t>
  </si>
  <si>
    <t>27.891481399536133</t>
  </si>
  <si>
    <t>718.6837158203125</t>
  </si>
  <si>
    <t>-0.03187930629491387</t>
  </si>
  <si>
    <t>936</t>
  </si>
  <si>
    <t>27.850313186645508</t>
  </si>
  <si>
    <t>700.4181518554688</t>
  </si>
  <si>
    <t>-0.022187914975362766</t>
  </si>
  <si>
    <t>28.230972290039062</t>
  </si>
  <si>
    <t>705.269287109375</t>
  </si>
  <si>
    <t>0.02114243657380932</t>
  </si>
  <si>
    <t>28.378889083862305</t>
  </si>
  <si>
    <t>743.4657592773438</t>
  </si>
  <si>
    <t>0.03292478469646731</t>
  </si>
  <si>
    <t>948</t>
  </si>
  <si>
    <t>27.9755859375</t>
  </si>
  <si>
    <t>735.850341796875</t>
  </si>
  <si>
    <t>-0.04132819549284683</t>
  </si>
  <si>
    <t>908</t>
  </si>
  <si>
    <t>27.6945743560791</t>
  </si>
  <si>
    <t>668.3763427734375</t>
  </si>
  <si>
    <t>-0.04311012365372768</t>
  </si>
  <si>
    <t>980</t>
  </si>
  <si>
    <t>27.673994064331055</t>
  </si>
  <si>
    <t>673.9921875</t>
  </si>
  <si>
    <t>0.07630819306332359</t>
  </si>
  <si>
    <t>1028</t>
  </si>
  <si>
    <t>28.089963912963867</t>
  </si>
  <si>
    <t>552.0919189453125</t>
  </si>
  <si>
    <t>0.04781787435049267</t>
  </si>
  <si>
    <t>1133</t>
  </si>
  <si>
    <t>28.289955139160156</t>
  </si>
  <si>
    <t>653.1709594726562</t>
  </si>
  <si>
    <t>0.09725381501289654</t>
  </si>
  <si>
    <t>1448</t>
  </si>
  <si>
    <t>28.318910598754883</t>
  </si>
  <si>
    <t>701.8335571289062</t>
  </si>
  <si>
    <t>0.24531431191765485</t>
  </si>
  <si>
    <t>1633</t>
  </si>
  <si>
    <t>28.413917541503906</t>
  </si>
  <si>
    <t>748.6229858398438</t>
  </si>
  <si>
    <t>0.12023552002480375</t>
  </si>
  <si>
    <t>1586</t>
  </si>
  <si>
    <t>28.048553466796875</t>
  </si>
  <si>
    <t>752.7127075195312</t>
  </si>
  <si>
    <t>-0.029203690775672086</t>
  </si>
  <si>
    <t>1584</t>
  </si>
  <si>
    <t>28.17851448059082</t>
  </si>
  <si>
    <t>788.4820556640625</t>
  </si>
  <si>
    <t>-0.0012618298204216671</t>
  </si>
  <si>
    <t>1577</t>
  </si>
  <si>
    <t>28.144569396972656</t>
  </si>
  <si>
    <t>764.2647094726562</t>
  </si>
  <si>
    <t>-0.004428985411332853</t>
  </si>
  <si>
    <t>28.631380081176758</t>
  </si>
  <si>
    <t>688.3910522460938</t>
  </si>
  <si>
    <t>0.00569081523175452</t>
  </si>
  <si>
    <t>1741</t>
  </si>
  <si>
    <t>28.66266632080078</t>
  </si>
  <si>
    <t>751.5765991210938</t>
  </si>
  <si>
    <t>0.0932445375733959</t>
  </si>
  <si>
    <t>1683</t>
  </si>
  <si>
    <t>28.277307510375977</t>
  </si>
  <si>
    <t>704.00537109375</t>
  </si>
  <si>
    <t>-0.03388174557738299</t>
  </si>
  <si>
    <t>1769</t>
  </si>
  <si>
    <t>28.18421745300293</t>
  </si>
  <si>
    <t>793.0638427734375</t>
  </si>
  <si>
    <t>0.0498364999689791</t>
  </si>
  <si>
    <t>1805</t>
  </si>
  <si>
    <t>28.2808895111084</t>
  </si>
  <si>
    <t>703.5517578125</t>
  </si>
  <si>
    <t>0.020146176607195976</t>
  </si>
  <si>
    <t>1862</t>
  </si>
  <si>
    <t>28.18062400817871</t>
  </si>
  <si>
    <t>754.0531005859375</t>
  </si>
  <si>
    <t>0.03109058707003154</t>
  </si>
  <si>
    <t>1853</t>
  </si>
  <si>
    <t>28.1778621673584</t>
  </si>
  <si>
    <t>775.3269653320312</t>
  </si>
  <si>
    <t>-0.004845231551652951</t>
  </si>
  <si>
    <t>28.603864669799805</t>
  </si>
  <si>
    <t>763.6336059570312</t>
  </si>
  <si>
    <t>-0.09622803209455366</t>
  </si>
  <si>
    <t>1580</t>
  </si>
  <si>
    <t>27.965890884399414</t>
  </si>
  <si>
    <t>750.709228515625</t>
  </si>
  <si>
    <t>-0.06315306816979316</t>
  </si>
  <si>
    <t>1564</t>
  </si>
  <si>
    <t>28.21568489074707</t>
  </si>
  <si>
    <t>709.5654907226562</t>
  </si>
  <si>
    <t>-0.010178204915756162</t>
  </si>
  <si>
    <t>1562</t>
  </si>
  <si>
    <t>28.171157836914062</t>
  </si>
  <si>
    <t>748.4871826171875</t>
  </si>
  <si>
    <t>-0.001279590705625111</t>
  </si>
  <si>
    <t>1489</t>
  </si>
  <si>
    <t>28.12105369567871</t>
  </si>
  <si>
    <t>774.867431640625</t>
  </si>
  <si>
    <t>-0.047862297715622226</t>
  </si>
  <si>
    <t>1425</t>
  </si>
  <si>
    <t>28.191490173339844</t>
  </si>
  <si>
    <t>763.9879150390625</t>
  </si>
  <si>
    <t>-0.04393293998125802</t>
  </si>
  <si>
    <t>1413</t>
  </si>
  <si>
    <t>27.86290168762207</t>
  </si>
  <si>
    <t>802.6250610351562</t>
  </si>
  <si>
    <t>-0.008456710018223568</t>
  </si>
  <si>
    <t>19</t>
  </si>
  <si>
    <t>COM</t>
  </si>
  <si>
    <t>2923</t>
  </si>
  <si>
    <t>24.250825881958008</t>
  </si>
  <si>
    <t>2297.1103515625</t>
  </si>
  <si>
    <t>1371.4088134765625</t>
  </si>
  <si>
    <t>Comoros</t>
  </si>
  <si>
    <t>2695</t>
  </si>
  <si>
    <t>24.064252853393555</t>
  </si>
  <si>
    <t>2292.313720703125</t>
  </si>
  <si>
    <t>-0.0812122817681491</t>
  </si>
  <si>
    <t>2856</t>
  </si>
  <si>
    <t>24.163286209106445</t>
  </si>
  <si>
    <t>2241.062744140625</t>
  </si>
  <si>
    <t>0.058023840116377734</t>
  </si>
  <si>
    <t>2876</t>
  </si>
  <si>
    <t>24.074203491210938</t>
  </si>
  <si>
    <t>2093.76953125</t>
  </si>
  <si>
    <t>0.006978395381461944</t>
  </si>
  <si>
    <t>2666</t>
  </si>
  <si>
    <t>24.372541427612305</t>
  </si>
  <si>
    <t>2039.942626953125</t>
  </si>
  <si>
    <t>-0.07582121810228326</t>
  </si>
  <si>
    <t>2704</t>
  </si>
  <si>
    <t>24.2795352935791</t>
  </si>
  <si>
    <t>1917.2899169921875</t>
  </si>
  <si>
    <t>0.014152936424201457</t>
  </si>
  <si>
    <t>2612</t>
  </si>
  <si>
    <t>24.060049057006836</t>
  </si>
  <si>
    <t>2197.3447265625</t>
  </si>
  <si>
    <t>-0.034615946766533234</t>
  </si>
  <si>
    <t>2659</t>
  </si>
  <si>
    <t>24.40770149230957</t>
  </si>
  <si>
    <t>1949.099853515625</t>
  </si>
  <si>
    <t>0.017833900846698114</t>
  </si>
  <si>
    <t>2636</t>
  </si>
  <si>
    <t>24.650611877441406</t>
  </si>
  <si>
    <t>1626.8427734375</t>
  </si>
  <si>
    <t>-0.008687495620621988</t>
  </si>
  <si>
    <t>2634</t>
  </si>
  <si>
    <t>24.234113693237305</t>
  </si>
  <si>
    <t>2209.74462890625</t>
  </si>
  <si>
    <t>-0.0007590133191719417</t>
  </si>
  <si>
    <t>2863</t>
  </si>
  <si>
    <t>24.154882431030273</t>
  </si>
  <si>
    <t>2129.375244140625</t>
  </si>
  <si>
    <t>0.0833664227948887</t>
  </si>
  <si>
    <t>2871</t>
  </si>
  <si>
    <t>24.301877975463867</t>
  </si>
  <si>
    <t>2071.8828125</t>
  </si>
  <si>
    <t>0.0027903750229496538</t>
  </si>
  <si>
    <t>2879</t>
  </si>
  <si>
    <t>24.292001724243164</t>
  </si>
  <si>
    <t>2096.981201171875</t>
  </si>
  <si>
    <t>0.0027826104911117255</t>
  </si>
  <si>
    <t>2882</t>
  </si>
  <si>
    <t>24.370681762695312</t>
  </si>
  <si>
    <t>1991.8800048828125</t>
  </si>
  <si>
    <t>0.001041485947291143</t>
  </si>
  <si>
    <t>24.2286434173584</t>
  </si>
  <si>
    <t>1712.736572265625</t>
  </si>
  <si>
    <t>2906</t>
  </si>
  <si>
    <t>24.539487838745117</t>
  </si>
  <si>
    <t>1921.1942138671875</t>
  </si>
  <si>
    <t>0.008293067570760648</t>
  </si>
  <si>
    <t>2924</t>
  </si>
  <si>
    <t>24.354745864868164</t>
  </si>
  <si>
    <t>2292.99853515625</t>
  </si>
  <si>
    <t>0.006174976739441007</t>
  </si>
  <si>
    <t>2888</t>
  </si>
  <si>
    <t>24.597023010253906</t>
  </si>
  <si>
    <t>2047.40869140625</t>
  </si>
  <si>
    <t>-0.012388320856952184</t>
  </si>
  <si>
    <t>2943</t>
  </si>
  <si>
    <t>24.3015079498291</t>
  </si>
  <si>
    <t>1922.955810546875</t>
  </si>
  <si>
    <t>0.01886524822075586</t>
  </si>
  <si>
    <t>2977</t>
  </si>
  <si>
    <t>24.63411521911621</t>
  </si>
  <si>
    <t>1862.03271484375</t>
  </si>
  <si>
    <t>0.011486612782303673</t>
  </si>
  <si>
    <t>3026</t>
  </si>
  <si>
    <t>24.60284423828125</t>
  </si>
  <si>
    <t>1965.993408203125</t>
  </si>
  <si>
    <t>0.016325533332525843</t>
  </si>
  <si>
    <t>3085</t>
  </si>
  <si>
    <t>24.528974533081055</t>
  </si>
  <si>
    <t>2631.985107421875</t>
  </si>
  <si>
    <t>0.019310041991186466</t>
  </si>
  <si>
    <t>3115</t>
  </si>
  <si>
    <t>24.499366760253906</t>
  </si>
  <si>
    <t>2135.867919921875</t>
  </si>
  <si>
    <t>0.009677494882064153</t>
  </si>
  <si>
    <t>3185</t>
  </si>
  <si>
    <t>24.538240432739258</t>
  </si>
  <si>
    <t>1767.8201904296875</t>
  </si>
  <si>
    <t>0.022223136784711883</t>
  </si>
  <si>
    <t>3183</t>
  </si>
  <si>
    <t>24.583223342895508</t>
  </si>
  <si>
    <t>2076.186279296875</t>
  </si>
  <si>
    <t>-0.00062814072417261</t>
  </si>
  <si>
    <t>3151</t>
  </si>
  <si>
    <t>24.76610565185547</t>
  </si>
  <si>
    <t>2126.5361328125</t>
  </si>
  <si>
    <t>-0.010104285524818124</t>
  </si>
  <si>
    <t>3186</t>
  </si>
  <si>
    <t>24.598434448242188</t>
  </si>
  <si>
    <t>1955.8568115234375</t>
  </si>
  <si>
    <t>0.011046348712719478</t>
  </si>
  <si>
    <t>3240</t>
  </si>
  <si>
    <t>24.73552131652832</t>
  </si>
  <si>
    <t>2282.70068359375</t>
  </si>
  <si>
    <t>0.016807118316382486</t>
  </si>
  <si>
    <t>3295</t>
  </si>
  <si>
    <t>24.69289207458496</t>
  </si>
  <si>
    <t>2058.157958984375</t>
  </si>
  <si>
    <t>0.016832838150230955</t>
  </si>
  <si>
    <t>3291</t>
  </si>
  <si>
    <t>24.851272583007812</t>
  </si>
  <si>
    <t>1822.4970703125</t>
  </si>
  <si>
    <t>-0.0012146979932676771</t>
  </si>
  <si>
    <t>3222</t>
  </si>
  <si>
    <t>24.927160263061523</t>
  </si>
  <si>
    <t>1884.940673828125</t>
  </si>
  <si>
    <t>-0.02118918520641877</t>
  </si>
  <si>
    <t>3229</t>
  </si>
  <si>
    <t>24.635286331176758</t>
  </si>
  <si>
    <t>1868.2503662109375</t>
  </si>
  <si>
    <t>0.0021702070213542868</t>
  </si>
  <si>
    <t>3246</t>
  </si>
  <si>
    <t>24.549161911010742</t>
  </si>
  <si>
    <t>2272.4248046875</t>
  </si>
  <si>
    <t>0.005250977316261896</t>
  </si>
  <si>
    <t>20</t>
  </si>
  <si>
    <t>COD</t>
  </si>
  <si>
    <t>1750</t>
  </si>
  <si>
    <t>23.354591369628906</t>
  </si>
  <si>
    <t>1458.4725341796875</t>
  </si>
  <si>
    <t>14934.212890625</t>
  </si>
  <si>
    <t>Democratic Republic of the Congo</t>
  </si>
  <si>
    <t>1551</t>
  </si>
  <si>
    <t>23.220335006713867</t>
  </si>
  <si>
    <t>1391.7552490234375</t>
  </si>
  <si>
    <t>-0.12071590374102037</t>
  </si>
  <si>
    <t>1347</t>
  </si>
  <si>
    <t>23.12287139892578</t>
  </si>
  <si>
    <t>1392.2855224609375</t>
  </si>
  <si>
    <t>-0.14101998676617544</t>
  </si>
  <si>
    <t>1129</t>
  </si>
  <si>
    <t>23.145606994628906</t>
  </si>
  <si>
    <t>1335.4295654296875</t>
  </si>
  <si>
    <t>-0.17654761226070192</t>
  </si>
  <si>
    <t>1034</t>
  </si>
  <si>
    <t>23.153074264526367</t>
  </si>
  <si>
    <t>1399.55419921875</t>
  </si>
  <si>
    <t>-0.08789750908128724</t>
  </si>
  <si>
    <t>23.402137756347656</t>
  </si>
  <si>
    <t>1401.6240234375</t>
  </si>
  <si>
    <t>-0.03443527641982058</t>
  </si>
  <si>
    <t>970</t>
  </si>
  <si>
    <t>23.16252899169922</t>
  </si>
  <si>
    <t>1395.13623046875</t>
  </si>
  <si>
    <t>-0.029458707151125196</t>
  </si>
  <si>
    <t>901</t>
  </si>
  <si>
    <t>23.32456398010254</t>
  </si>
  <si>
    <t>1533.295166015625</t>
  </si>
  <si>
    <t>-0.07379081388909103</t>
  </si>
  <si>
    <t>866</t>
  </si>
  <si>
    <t>23.53825569152832</t>
  </si>
  <si>
    <t>1387.1868896484375</t>
  </si>
  <si>
    <t>-0.039620349045902614</t>
  </si>
  <si>
    <t>805</t>
  </si>
  <si>
    <t>23.19215202331543</t>
  </si>
  <si>
    <t>1404.2967529296875</t>
  </si>
  <si>
    <t>-0.07304263114387144</t>
  </si>
  <si>
    <t>728</t>
  </si>
  <si>
    <t>23.329801559448242</t>
  </si>
  <si>
    <t>1412.232666015625</t>
  </si>
  <si>
    <t>-0.10054122922187769</t>
  </si>
  <si>
    <t>692</t>
  </si>
  <si>
    <t>23.496435165405273</t>
  </si>
  <si>
    <t>1399.2294921875</t>
  </si>
  <si>
    <t>-0.05071509257901674</t>
  </si>
  <si>
    <t>691</t>
  </si>
  <si>
    <t>23.620702743530273</t>
  </si>
  <si>
    <t>1489.78271484375</t>
  </si>
  <si>
    <t>-0.0014461318499989773</t>
  </si>
  <si>
    <t>23.648366928100586</t>
  </si>
  <si>
    <t>1388.5321044921875</t>
  </si>
  <si>
    <t>0.024304269926049393</t>
  </si>
  <si>
    <t>734</t>
  </si>
  <si>
    <t>23.569608688354492</t>
  </si>
  <si>
    <t>1292.4248046875</t>
  </si>
  <si>
    <t>0.036064934920795544</t>
  </si>
  <si>
    <t>755</t>
  </si>
  <si>
    <t>23.77117919921875</t>
  </si>
  <si>
    <t>1288.6673583984375</t>
  </si>
  <si>
    <t>0.028208720634509632</t>
  </si>
  <si>
    <t>770</t>
  </si>
  <si>
    <t>23.47435760498047</t>
  </si>
  <si>
    <t>1516.8287353515625</t>
  </si>
  <si>
    <t>0.019672765598704345</t>
  </si>
  <si>
    <t>792</t>
  </si>
  <si>
    <t>23.57391357421875</t>
  </si>
  <si>
    <t>1478.318603515625</t>
  </si>
  <si>
    <t>0.028170876966696845</t>
  </si>
  <si>
    <t>815</t>
  </si>
  <si>
    <t>23.457597732543945</t>
  </si>
  <si>
    <t>1361.604248046875</t>
  </si>
  <si>
    <t>0.028626721426436852</t>
  </si>
  <si>
    <t>812</t>
  </si>
  <si>
    <t>23.65148162841797</t>
  </si>
  <si>
    <t>1438.4552001953125</t>
  </si>
  <si>
    <t>-0.003687773079184886</t>
  </si>
  <si>
    <t>842</t>
  </si>
  <si>
    <t>23.763723373413086</t>
  </si>
  <si>
    <t>1435.5416259765625</t>
  </si>
  <si>
    <t>0.03627967408064858</t>
  </si>
  <si>
    <t>870</t>
  </si>
  <si>
    <t>23.330198287963867</t>
  </si>
  <si>
    <t>1455.944580078125</t>
  </si>
  <si>
    <t>0.032713197406303074</t>
  </si>
  <si>
    <t>23.329103469848633</t>
  </si>
  <si>
    <t>1463.51025390625</t>
  </si>
  <si>
    <t>0.03501204595970808</t>
  </si>
  <si>
    <t>945</t>
  </si>
  <si>
    <t>23.38682746887207</t>
  </si>
  <si>
    <t>1456.5272216796875</t>
  </si>
  <si>
    <t>0.047679669885405396</t>
  </si>
  <si>
    <t>23.311845779418945</t>
  </si>
  <si>
    <t>1438.787841796875</t>
  </si>
  <si>
    <t>0.055569851154810834</t>
  </si>
  <si>
    <t>1033</t>
  </si>
  <si>
    <t>23.47165870666504</t>
  </si>
  <si>
    <t>1448.9232177734375</t>
  </si>
  <si>
    <t>0.033467690471084666</t>
  </si>
  <si>
    <t>23.61210823059082</t>
  </si>
  <si>
    <t>1478.215576171875</t>
  </si>
  <si>
    <t>-0.011684650954973286</t>
  </si>
  <si>
    <t>1024</t>
  </si>
  <si>
    <t>23.492029190063477</t>
  </si>
  <si>
    <t>1468.6524658203125</t>
  </si>
  <si>
    <t>0.002933987434787788</t>
  </si>
  <si>
    <t>1048</t>
  </si>
  <si>
    <t>23.48396873474121</t>
  </si>
  <si>
    <t>1472.6878662109375</t>
  </si>
  <si>
    <t>0.023167059281534286</t>
  </si>
  <si>
    <t>1060</t>
  </si>
  <si>
    <t>23.48600959777832</t>
  </si>
  <si>
    <t>1534.9307861328125</t>
  </si>
  <si>
    <t>0.01138532222512545</t>
  </si>
  <si>
    <t>23.57415008544922</t>
  </si>
  <si>
    <t>1537.6768798828125</t>
  </si>
  <si>
    <t>-0.015209418663529206</t>
  </si>
  <si>
    <t>1074</t>
  </si>
  <si>
    <t>23.58115577697754</t>
  </si>
  <si>
    <t>1415.6009521484375</t>
  </si>
  <si>
    <t>0.028330506626226715</t>
  </si>
  <si>
    <t>23.47684669494629</t>
  </si>
  <si>
    <t>1537.6357421875</t>
  </si>
  <si>
    <t>0.0534789859591962</t>
  </si>
  <si>
    <t>21</t>
  </si>
  <si>
    <t>COG</t>
  </si>
  <si>
    <t>5080</t>
  </si>
  <si>
    <t>24.768638610839844</t>
  </si>
  <si>
    <t>1592.8369140625</t>
  </si>
  <si>
    <t>3931.869384765625</t>
  </si>
  <si>
    <t>Republic of the Congo</t>
  </si>
  <si>
    <t>5059</t>
  </si>
  <si>
    <t>24.79357147216797</t>
  </si>
  <si>
    <t>1188.0546875</t>
  </si>
  <si>
    <t>-0.004142426280591138</t>
  </si>
  <si>
    <t>5051</t>
  </si>
  <si>
    <t>24.478002548217773</t>
  </si>
  <si>
    <t>1266.3790283203125</t>
  </si>
  <si>
    <t>-0.001582591823883206</t>
  </si>
  <si>
    <t>4860</t>
  </si>
  <si>
    <t>24.670480728149414</t>
  </si>
  <si>
    <t>1201.093017578125</t>
  </si>
  <si>
    <t>-0.038547805573513116</t>
  </si>
  <si>
    <t>24.622657775878906</t>
  </si>
  <si>
    <t>1607.474853515625</t>
  </si>
  <si>
    <t>-0.08499321283339256</t>
  </si>
  <si>
    <t>4518</t>
  </si>
  <si>
    <t>24.791336059570312</t>
  </si>
  <si>
    <t>1412.26123046875</t>
  </si>
  <si>
    <t>0.012024192966801905</t>
  </si>
  <si>
    <t>4588</t>
  </si>
  <si>
    <t>24.581411361694336</t>
  </si>
  <si>
    <t>1273.6934814453125</t>
  </si>
  <si>
    <t>0.015374781221312972</t>
  </si>
  <si>
    <t>4466</t>
  </si>
  <si>
    <t>24.745450973510742</t>
  </si>
  <si>
    <t>1563.715087890625</t>
  </si>
  <si>
    <t>-0.026951045849159527</t>
  </si>
  <si>
    <t>4535</t>
  </si>
  <si>
    <t>25.32177734375</t>
  </si>
  <si>
    <t>1510.292236328125</t>
  </si>
  <si>
    <t>0.015331930149134365</t>
  </si>
  <si>
    <t>4302</t>
  </si>
  <si>
    <t>24.789016723632812</t>
  </si>
  <si>
    <t>1624.2591552734375</t>
  </si>
  <si>
    <t>-0.05274505272156205</t>
  </si>
  <si>
    <t>4454</t>
  </si>
  <si>
    <t>24.668123245239258</t>
  </si>
  <si>
    <t>1414.6021728515625</t>
  </si>
  <si>
    <t>0.03472253798963898</t>
  </si>
  <si>
    <t>4453</t>
  </si>
  <si>
    <t>24.964643478393555</t>
  </si>
  <si>
    <t>1232.7674560546875</t>
  </si>
  <si>
    <t>-0.00022454249561043582</t>
  </si>
  <si>
    <t>4549</t>
  </si>
  <si>
    <t>25.087995529174805</t>
  </si>
  <si>
    <t>1531.2069091796875</t>
  </si>
  <si>
    <t>0.021329402248300156</t>
  </si>
  <si>
    <t>4461</t>
  </si>
  <si>
    <t>25.066946029663086</t>
  </si>
  <si>
    <t>1553.7320556640625</t>
  </si>
  <si>
    <t>-0.019534472441739226</t>
  </si>
  <si>
    <t>4462</t>
  </si>
  <si>
    <t>25.094520568847656</t>
  </si>
  <si>
    <t>1333.553955078125</t>
  </si>
  <si>
    <t>0.0002241398642137682</t>
  </si>
  <si>
    <t>4638</t>
  </si>
  <si>
    <t>25.135452270507812</t>
  </si>
  <si>
    <t>1245.5404052734375</t>
  </si>
  <si>
    <t>0.03868614282299987</t>
  </si>
  <si>
    <t>4824</t>
  </si>
  <si>
    <t>25.145662307739258</t>
  </si>
  <si>
    <t>1585.782470703125</t>
  </si>
  <si>
    <t>0.039320220591543276</t>
  </si>
  <si>
    <t>4342</t>
  </si>
  <si>
    <t>25.02106475830078</t>
  </si>
  <si>
    <t>1551.788818359375</t>
  </si>
  <si>
    <t>-0.10526838796878302</t>
  </si>
  <si>
    <t>24.974319458007812</t>
  </si>
  <si>
    <t>1584.956298828125</t>
  </si>
  <si>
    <t>0.028158081961864312</t>
  </si>
  <si>
    <t>4789</t>
  </si>
  <si>
    <t>25.150659561157227</t>
  </si>
  <si>
    <t>1611.8497314453125</t>
  </si>
  <si>
    <t>0.06982846794250719</t>
  </si>
  <si>
    <t>5050</t>
  </si>
  <si>
    <t>25.213850021362305</t>
  </si>
  <si>
    <t>1542.7608642578125</t>
  </si>
  <si>
    <t>0.053066621926795676</t>
  </si>
  <si>
    <t>4997</t>
  </si>
  <si>
    <t>24.872657775878906</t>
  </si>
  <si>
    <t>1279.8653564453125</t>
  </si>
  <si>
    <t>-0.010550510925199319</t>
  </si>
  <si>
    <t>5344</t>
  </si>
  <si>
    <t>24.965988159179688</t>
  </si>
  <si>
    <t>1484.12646484375</t>
  </si>
  <si>
    <t>0.06713670387227566</t>
  </si>
  <si>
    <t>5179</t>
  </si>
  <si>
    <t>25.028045654296875</t>
  </si>
  <si>
    <t>1386.9217529296875</t>
  </si>
  <si>
    <t>-0.031362448792590314</t>
  </si>
  <si>
    <t>5393</t>
  </si>
  <si>
    <t>25.020402908325195</t>
  </si>
  <si>
    <t>1283.550537109375</t>
  </si>
  <si>
    <t>0.0404898289133353</t>
  </si>
  <si>
    <t>5288</t>
  </si>
  <si>
    <t>25.191362380981445</t>
  </si>
  <si>
    <t>1331.870361328125</t>
  </si>
  <si>
    <t>-0.019661713805703585</t>
  </si>
  <si>
    <t>4714</t>
  </si>
  <si>
    <t>25.469879150390625</t>
  </si>
  <si>
    <t>1558.8087158203125</t>
  </si>
  <si>
    <t>-0.11490329803544697</t>
  </si>
  <si>
    <t>4346</t>
  </si>
  <si>
    <t>25.142030715942383</t>
  </si>
  <si>
    <t>1538.3890380859375</t>
  </si>
  <si>
    <t>-0.0812809226797011</t>
  </si>
  <si>
    <t>4145</t>
  </si>
  <si>
    <t>25.46250343322754</t>
  </si>
  <si>
    <t>1404.458984375</t>
  </si>
  <si>
    <t>-0.04735309324697923</t>
  </si>
  <si>
    <t>4094</t>
  </si>
  <si>
    <t>25.329252243041992</t>
  </si>
  <si>
    <t>1598.41357421875</t>
  </si>
  <si>
    <t>-0.012380301348160927</t>
  </si>
  <si>
    <t>3749</t>
  </si>
  <si>
    <t>25.519670486450195</t>
  </si>
  <si>
    <t>1664.7623291015625</t>
  </si>
  <si>
    <t>-0.08803334948532182</t>
  </si>
  <si>
    <t>3700</t>
  </si>
  <si>
    <t>25.53510284423828</t>
  </si>
  <si>
    <t>1232.7235107421875</t>
  </si>
  <si>
    <t>-0.013156318103597187</t>
  </si>
  <si>
    <t>3670</t>
  </si>
  <si>
    <t>25.205678939819336</t>
  </si>
  <si>
    <t>1558.992431640625</t>
  </si>
  <si>
    <t>-0.008141157583699155</t>
  </si>
  <si>
    <t>22</t>
  </si>
  <si>
    <t>CRI</t>
  </si>
  <si>
    <t>9811</t>
  </si>
  <si>
    <t>24.010408401489258</t>
  </si>
  <si>
    <t>2755.9404296875</t>
  </si>
  <si>
    <t>1293.1370849609375</t>
  </si>
  <si>
    <t>Costa Rica</t>
  </si>
  <si>
    <t>9781</t>
  </si>
  <si>
    <t>23.91227912902832</t>
  </si>
  <si>
    <t>2613.245849609375</t>
  </si>
  <si>
    <t>-0.003062476872898401</t>
  </si>
  <si>
    <t>10416</t>
  </si>
  <si>
    <t>23.91802978515625</t>
  </si>
  <si>
    <t>2620.296142578125</t>
  </si>
  <si>
    <t>0.06290135715785894</t>
  </si>
  <si>
    <t>10882</t>
  </si>
  <si>
    <t>23.85425567626953</t>
  </si>
  <si>
    <t>2697.52490234375</t>
  </si>
  <si>
    <t>0.043766962597519665</t>
  </si>
  <si>
    <t>11101</t>
  </si>
  <si>
    <t>23.97522735595703</t>
  </si>
  <si>
    <t>2451.00537109375</t>
  </si>
  <si>
    <t>0.01992514628677533</t>
  </si>
  <si>
    <t>11291</t>
  </si>
  <si>
    <t>23.80872344970703</t>
  </si>
  <si>
    <t>3435.86669921875</t>
  </si>
  <si>
    <t>0.016970753847875386</t>
  </si>
  <si>
    <t>11182</t>
  </si>
  <si>
    <t>23.359451293945312</t>
  </si>
  <si>
    <t>3087.439208984375</t>
  </si>
  <si>
    <t>-0.009700605593931044</t>
  </si>
  <si>
    <t>11532</t>
  </si>
  <si>
    <t>24.023422241210938</t>
  </si>
  <si>
    <t>2622.219970703125</t>
  </si>
  <si>
    <t>0.030820437171701798</t>
  </si>
  <si>
    <t>12092</t>
  </si>
  <si>
    <t>24.012231826782227</t>
  </si>
  <si>
    <t>2940.49609375</t>
  </si>
  <si>
    <t>0.04741829714105705</t>
  </si>
  <si>
    <t>12344</t>
  </si>
  <si>
    <t>23.12468147277832</t>
  </si>
  <si>
    <t>2874.72265625</t>
  </si>
  <si>
    <t>0.020626038143646497</t>
  </si>
  <si>
    <t>12571</t>
  </si>
  <si>
    <t>23.445829391479492</t>
  </si>
  <si>
    <t>2648.855224609375</t>
  </si>
  <si>
    <t>0.01822245887183449</t>
  </si>
  <si>
    <t>12772</t>
  </si>
  <si>
    <t>23.90338706970215</t>
  </si>
  <si>
    <t>2729.296142578125</t>
  </si>
  <si>
    <t>0.015862700919841544</t>
  </si>
  <si>
    <t>12986</t>
  </si>
  <si>
    <t>23.951784133911133</t>
  </si>
  <si>
    <t>2698.937744140625</t>
  </si>
  <si>
    <t>0.016616579233760476</t>
  </si>
  <si>
    <t>13333</t>
  </si>
  <si>
    <t>24.032686233520508</t>
  </si>
  <si>
    <t>3140.0537109375</t>
  </si>
  <si>
    <t>0.026370311047026362</t>
  </si>
  <si>
    <t>13713</t>
  </si>
  <si>
    <t>23.82740020751953</t>
  </si>
  <si>
    <t>3225.896240234375</t>
  </si>
  <si>
    <t>0.02810212288439473</t>
  </si>
  <si>
    <t>14050</t>
  </si>
  <si>
    <t>23.741777420043945</t>
  </si>
  <si>
    <t>2899.125</t>
  </si>
  <si>
    <t>0.024278107762038204</t>
  </si>
  <si>
    <t>14865</t>
  </si>
  <si>
    <t>23.920021057128906</t>
  </si>
  <si>
    <t>2457.94970703125</t>
  </si>
  <si>
    <t>0.056387060670306965</t>
  </si>
  <si>
    <t>15862</t>
  </si>
  <si>
    <t>23.661882400512695</t>
  </si>
  <si>
    <t>2966.080322265625</t>
  </si>
  <si>
    <t>0.0649168552110666</t>
  </si>
  <si>
    <t>16385</t>
  </si>
  <si>
    <t>23.716413497924805</t>
  </si>
  <si>
    <t>3385.1298828125</t>
  </si>
  <si>
    <t>0.03243997048964964</t>
  </si>
  <si>
    <t>16024</t>
  </si>
  <si>
    <t>24.117197036743164</t>
  </si>
  <si>
    <t>2737.121826171875</t>
  </si>
  <si>
    <t>-0.0222786837872615</t>
  </si>
  <si>
    <t>16667</t>
  </si>
  <si>
    <t>23.906991958618164</t>
  </si>
  <si>
    <t>3158.116943359375</t>
  </si>
  <si>
    <t>0.03934311819652336</t>
  </si>
  <si>
    <t>17186</t>
  </si>
  <si>
    <t>23.726823806762695</t>
  </si>
  <si>
    <t>2735.233642578125</t>
  </si>
  <si>
    <t>0.030664382330991558</t>
  </si>
  <si>
    <t>17810</t>
  </si>
  <si>
    <t>23.757726669311523</t>
  </si>
  <si>
    <t>2084.807861328125</t>
  </si>
  <si>
    <t>0.03566499841053883</t>
  </si>
  <si>
    <t>18045</t>
  </si>
  <si>
    <t>23.879491806030273</t>
  </si>
  <si>
    <t>2265.614501953125</t>
  </si>
  <si>
    <t>0.013108540793181689</t>
  </si>
  <si>
    <t>18481</t>
  </si>
  <si>
    <t>24.024900436401367</t>
  </si>
  <si>
    <t>2922.5185546875</t>
  </si>
  <si>
    <t>0.023874539208867063</t>
  </si>
  <si>
    <t>18956</t>
  </si>
  <si>
    <t>24.020811080932617</t>
  </si>
  <si>
    <t>2452.71826171875</t>
  </si>
  <si>
    <t>0.025377326801722333</t>
  </si>
  <si>
    <t>19554</t>
  </si>
  <si>
    <t>23.865835189819336</t>
  </si>
  <si>
    <t>2520.841064453125</t>
  </si>
  <si>
    <t>0.031059364978137438</t>
  </si>
  <si>
    <t>20168</t>
  </si>
  <si>
    <t>23.761598587036133</t>
  </si>
  <si>
    <t>2760.644775390625</t>
  </si>
  <si>
    <t>0.03091732080213916</t>
  </si>
  <si>
    <t>20503</t>
  </si>
  <si>
    <t>23.436065673828125</t>
  </si>
  <si>
    <t>2956.26806640625</t>
  </si>
  <si>
    <t>0.01647402701529188</t>
  </si>
  <si>
    <t>20818</t>
  </si>
  <si>
    <t>23.758071899414062</t>
  </si>
  <si>
    <t>3170.833740234375</t>
  </si>
  <si>
    <t>0.015246780192367027</t>
  </si>
  <si>
    <t>19778</t>
  </si>
  <si>
    <t>23.833009719848633</t>
  </si>
  <si>
    <t>3084.99853515625</t>
  </si>
  <si>
    <t>-0.05124778824547782</t>
  </si>
  <si>
    <t>21220</t>
  </si>
  <si>
    <t>23.67401123046875</t>
  </si>
  <si>
    <t>2910.377685546875</t>
  </si>
  <si>
    <t>0.07037392433803724</t>
  </si>
  <si>
    <t>22071</t>
  </si>
  <si>
    <t>23.572921752929688</t>
  </si>
  <si>
    <t>2572.661376953125</t>
  </si>
  <si>
    <t>0.039320396432401594</t>
  </si>
  <si>
    <t>23</t>
  </si>
  <si>
    <t>CIV</t>
  </si>
  <si>
    <t>4351</t>
  </si>
  <si>
    <t>26.577035903930664</t>
  </si>
  <si>
    <t>1289.880126953125</t>
  </si>
  <si>
    <t>6412.0537109375</t>
  </si>
  <si>
    <t>Côte d'Ivoire</t>
  </si>
  <si>
    <t>4192</t>
  </si>
  <si>
    <t>26.348371505737305</t>
  </si>
  <si>
    <t>1246.960205078125</t>
  </si>
  <si>
    <t>-0.037227756719801164</t>
  </si>
  <si>
    <t>4029</t>
  </si>
  <si>
    <t>26.2864990234375</t>
  </si>
  <si>
    <t>1194.793701171875</t>
  </si>
  <si>
    <t>-0.039659740809531385</t>
  </si>
  <si>
    <t>3877</t>
  </si>
  <si>
    <t>26.45611572265625</t>
  </si>
  <si>
    <t>1351.793701171875</t>
  </si>
  <si>
    <t>-0.03845654752041838</t>
  </si>
  <si>
    <t>3771</t>
  </si>
  <si>
    <t>26.354095458984375</t>
  </si>
  <si>
    <t>1349.909423828125</t>
  </si>
  <si>
    <t>-0.02772144041257185</t>
  </si>
  <si>
    <t>3899</t>
  </si>
  <si>
    <t>26.753164291381836</t>
  </si>
  <si>
    <t>1450.448974609375</t>
  </si>
  <si>
    <t>0.03337989172424116</t>
  </si>
  <si>
    <t>4055</t>
  </si>
  <si>
    <t>26.607040405273438</t>
  </si>
  <si>
    <t>1548.2276611328125</t>
  </si>
  <si>
    <t>0.03923057756691506</t>
  </si>
  <si>
    <t>4294</t>
  </si>
  <si>
    <t>26.621484756469727</t>
  </si>
  <si>
    <t>1297.3240966796875</t>
  </si>
  <si>
    <t>0.05726801188921371</t>
  </si>
  <si>
    <t>4330</t>
  </si>
  <si>
    <t>27.167572021484375</t>
  </si>
  <si>
    <t>1211.3507080078125</t>
  </si>
  <si>
    <t>0.008348842557808211</t>
  </si>
  <si>
    <t>4250</t>
  </si>
  <si>
    <t>26.57829475402832</t>
  </si>
  <si>
    <t>1485.539794921875</t>
  </si>
  <si>
    <t>-0.018648559078071614</t>
  </si>
  <si>
    <t>4124</t>
  </si>
  <si>
    <t>26.562110900878906</t>
  </si>
  <si>
    <t>1339.434814453125</t>
  </si>
  <si>
    <t>-0.030095416781612983</t>
  </si>
  <si>
    <t>3931</t>
  </si>
  <si>
    <t>26.632675170898438</t>
  </si>
  <si>
    <t>1629.33349609375</t>
  </si>
  <si>
    <t>-0.047929719714989716</t>
  </si>
  <si>
    <t>26.735931396484375</t>
  </si>
  <si>
    <t>1457.675048828125</t>
  </si>
  <si>
    <t>-0.052753745243039774</t>
  </si>
  <si>
    <t>3468</t>
  </si>
  <si>
    <t>26.840097427368164</t>
  </si>
  <si>
    <t>1534.3734130859375</t>
  </si>
  <si>
    <t>-0.07256204227838836</t>
  </si>
  <si>
    <t>3495</t>
  </si>
  <si>
    <t>26.69573402404785</t>
  </si>
  <si>
    <t>1438.766845703125</t>
  </si>
  <si>
    <t>0.007755316767477538</t>
  </si>
  <si>
    <t>3451</t>
  </si>
  <si>
    <t>27.00252342224121</t>
  </si>
  <si>
    <t>1425.599365234375</t>
  </si>
  <si>
    <t>-0.012669331569906461</t>
  </si>
  <si>
    <t>3471</t>
  </si>
  <si>
    <t>26.706754684448242</t>
  </si>
  <si>
    <t>1453.520751953125</t>
  </si>
  <si>
    <t>0.005778692763783511</t>
  </si>
  <si>
    <t>3434</t>
  </si>
  <si>
    <t>26.75811195373535</t>
  </si>
  <si>
    <t>1411.9915771484375</t>
  </si>
  <si>
    <t>-0.010716974404365587</t>
  </si>
  <si>
    <t>3522</t>
  </si>
  <si>
    <t>26.639205932617188</t>
  </si>
  <si>
    <t>1525.7757568359375</t>
  </si>
  <si>
    <t>0.02530324759873004</t>
  </si>
  <si>
    <t>3573</t>
  </si>
  <si>
    <t>26.890039443969727</t>
  </si>
  <si>
    <t>1475.88720703125</t>
  </si>
  <si>
    <t>0.014376568967257697</t>
  </si>
  <si>
    <t>3737</t>
  </si>
  <si>
    <t>27.13204002380371</t>
  </si>
  <si>
    <t>1768.2921142578125</t>
  </si>
  <si>
    <t>0.044877571462075494</t>
  </si>
  <si>
    <t>3464</t>
  </si>
  <si>
    <t>26.787439346313477</t>
  </si>
  <si>
    <t>1462.78173828125</t>
  </si>
  <si>
    <t>-0.0758591598031586</t>
  </si>
  <si>
    <t>3652</t>
  </si>
  <si>
    <t>26.534345626831055</t>
  </si>
  <si>
    <t>1298.9512939453125</t>
  </si>
  <si>
    <t>0.05285097203253386</t>
  </si>
  <si>
    <t>3963</t>
  </si>
  <si>
    <t>26.813997268676758</t>
  </si>
  <si>
    <t>1197.4989013671875</t>
  </si>
  <si>
    <t>0.0817263514755755</t>
  </si>
  <si>
    <t>4235</t>
  </si>
  <si>
    <t>26.73723602294922</t>
  </si>
  <si>
    <t>1503.4449462890625</t>
  </si>
  <si>
    <t>0.06638201389571918</t>
  </si>
  <si>
    <t>4424</t>
  </si>
  <si>
    <t>27.018991470336914</t>
  </si>
  <si>
    <t>1244.37841796875</t>
  </si>
  <si>
    <t>0.04366093611601585</t>
  </si>
  <si>
    <t>4620</t>
  </si>
  <si>
    <t>27.293380737304688</t>
  </si>
  <si>
    <t>1267.891845703125</t>
  </si>
  <si>
    <t>0.043350440873613394</t>
  </si>
  <si>
    <t>4836</t>
  </si>
  <si>
    <t>27.118377685546875</t>
  </si>
  <si>
    <t>1320.3460693359375</t>
  </si>
  <si>
    <t>0.045693227658899715</t>
  </si>
  <si>
    <t>4942</t>
  </si>
  <si>
    <t>27.014421463012695</t>
  </si>
  <si>
    <t>1577.734130859375</t>
  </si>
  <si>
    <t>0.021682174813872024</t>
  </si>
  <si>
    <t>5132</t>
  </si>
  <si>
    <t>26.792585372924805</t>
  </si>
  <si>
    <t>1581.15966796875</t>
  </si>
  <si>
    <t>0.03772533918697185</t>
  </si>
  <si>
    <t>5092</t>
  </si>
  <si>
    <t>27.18210792541504</t>
  </si>
  <si>
    <t>1422.029052734375</t>
  </si>
  <si>
    <t>-0.00782476605822957</t>
  </si>
  <si>
    <t>5316</t>
  </si>
  <si>
    <t>27.197729110717773</t>
  </si>
  <si>
    <t>1479.7591552734375</t>
  </si>
  <si>
    <t>0.04305046015583791</t>
  </si>
  <si>
    <t>5537</t>
  </si>
  <si>
    <t>26.77522087097168</t>
  </si>
  <si>
    <t>1477.96923828125</t>
  </si>
  <si>
    <t>0.040731696989832145</t>
  </si>
  <si>
    <t>24</t>
  </si>
  <si>
    <t>CYP</t>
  </si>
  <si>
    <t>25232</t>
  </si>
  <si>
    <t>17.621665954589844</t>
  </si>
  <si>
    <t>359.32281494140625</t>
  </si>
  <si>
    <t>150.72116088867188</t>
  </si>
  <si>
    <t>Cyprus</t>
  </si>
  <si>
    <t>24769</t>
  </si>
  <si>
    <t>17.380422592163086</t>
  </si>
  <si>
    <t>612.8408203125</t>
  </si>
  <si>
    <t>-0.018520158951398358</t>
  </si>
  <si>
    <t>26386</t>
  </si>
  <si>
    <t>16.543519973754883</t>
  </si>
  <si>
    <t>527.2670288085938</t>
  </si>
  <si>
    <t>0.06324069519230058</t>
  </si>
  <si>
    <t>25937</t>
  </si>
  <si>
    <t>17.661548614501953</t>
  </si>
  <si>
    <t>434.3157653808594</t>
  </si>
  <si>
    <t>-0.017163045764908347</t>
  </si>
  <si>
    <t>26905</t>
  </si>
  <si>
    <t>17.99262809753418</t>
  </si>
  <si>
    <t>501.67718505859375</t>
  </si>
  <si>
    <t>0.036641622244706795</t>
  </si>
  <si>
    <t>28631</t>
  </si>
  <si>
    <t>17.639013290405273</t>
  </si>
  <si>
    <t>429.7859191894531</t>
  </si>
  <si>
    <t>0.06217790395544398</t>
  </si>
  <si>
    <t>28530</t>
  </si>
  <si>
    <t>18.10809898376465</t>
  </si>
  <si>
    <t>383.82025146484375</t>
  </si>
  <si>
    <t>-0.0035338816714194365</t>
  </si>
  <si>
    <t>28871</t>
  </si>
  <si>
    <t>17.093263626098633</t>
  </si>
  <si>
    <t>535.5771484375</t>
  </si>
  <si>
    <t>0.011881465882112252</t>
  </si>
  <si>
    <t>30262</t>
  </si>
  <si>
    <t>18.550445556640625</t>
  </si>
  <si>
    <t>457.0633544921875</t>
  </si>
  <si>
    <t>0.047055168921858126</t>
  </si>
  <si>
    <t>31421</t>
  </si>
  <si>
    <t>18.16941261291504</t>
  </si>
  <si>
    <t>320.8050537109375</t>
  </si>
  <si>
    <t>0.03758365915350481</t>
  </si>
  <si>
    <t>32943</t>
  </si>
  <si>
    <t>17.884294509887695</t>
  </si>
  <si>
    <t>446.4301452636719</t>
  </si>
  <si>
    <t>0.04730233610080248</t>
  </si>
  <si>
    <t>33878</t>
  </si>
  <si>
    <t>18.2739200592041</t>
  </si>
  <si>
    <t>560.677978515625</t>
  </si>
  <si>
    <t>0.027987040880503855</t>
  </si>
  <si>
    <t>34739</t>
  </si>
  <si>
    <t>18.333354949951172</t>
  </si>
  <si>
    <t>426.0937805175781</t>
  </si>
  <si>
    <t>0.025097138972519417</t>
  </si>
  <si>
    <t>35220</t>
  </si>
  <si>
    <t>17.923402786254883</t>
  </si>
  <si>
    <t>762.8185424804688</t>
  </si>
  <si>
    <t>0.013751127931350027</t>
  </si>
  <si>
    <t>36499</t>
  </si>
  <si>
    <t>17.984506607055664</t>
  </si>
  <si>
    <t>429.650390625</t>
  </si>
  <si>
    <t>0.03567075988480006</t>
  </si>
  <si>
    <t>37723</t>
  </si>
  <si>
    <t>17.79572868347168</t>
  </si>
  <si>
    <t>356.844482421875</t>
  </si>
  <si>
    <t>0.03298512505381446</t>
  </si>
  <si>
    <t>38847</t>
  </si>
  <si>
    <t>17.8914794921875</t>
  </si>
  <si>
    <t>316.3636474609375</t>
  </si>
  <si>
    <t>0.029360865748138565</t>
  </si>
  <si>
    <t>39968</t>
  </si>
  <si>
    <t>18.15096092224121</t>
  </si>
  <si>
    <t>474.62054443359375</t>
  </si>
  <si>
    <t>0.028448280188355213</t>
  </si>
  <si>
    <t>40398</t>
  </si>
  <si>
    <t>18.573917388916016</t>
  </si>
  <si>
    <t>369.67181396484375</t>
  </si>
  <si>
    <t>0.010701144848031419</t>
  </si>
  <si>
    <t>38535</t>
  </si>
  <si>
    <t>18.407886505126953</t>
  </si>
  <si>
    <t>620.544189453125</t>
  </si>
  <si>
    <t>-0.047213359561242285</t>
  </si>
  <si>
    <t>38297</t>
  </si>
  <si>
    <t>19.474763870239258</t>
  </si>
  <si>
    <t>387.8351745605469</t>
  </si>
  <si>
    <t>-0.006195355092954102</t>
  </si>
  <si>
    <t>37482</t>
  </si>
  <si>
    <t>17.642324447631836</t>
  </si>
  <si>
    <t>675.2340698242188</t>
  </si>
  <si>
    <t>-0.02151074639751549</t>
  </si>
  <si>
    <t>35643</t>
  </si>
  <si>
    <t>18.760400772094727</t>
  </si>
  <si>
    <t>616.743896484375</t>
  </si>
  <si>
    <t>-0.05030804359522634</t>
  </si>
  <si>
    <t>33385</t>
  </si>
  <si>
    <t>18.574811935424805</t>
  </si>
  <si>
    <t>331.1183166503906</t>
  </si>
  <si>
    <t>-0.06544607683442827</t>
  </si>
  <si>
    <t>33137</t>
  </si>
  <si>
    <t>18.622556686401367</t>
  </si>
  <si>
    <t>513.8588256835938</t>
  </si>
  <si>
    <t>-0.0074562144543168785</t>
  </si>
  <si>
    <t>34453</t>
  </si>
  <si>
    <t>18.137651443481445</t>
  </si>
  <si>
    <t>460.590087890625</t>
  </si>
  <si>
    <t>0.038945593541264145</t>
  </si>
  <si>
    <t>36509</t>
  </si>
  <si>
    <t>18.65070343017578</t>
  </si>
  <si>
    <t>412.72760009765625</t>
  </si>
  <si>
    <t>0.05796272913942779</t>
  </si>
  <si>
    <t>38288</t>
  </si>
  <si>
    <t>18.493520736694336</t>
  </si>
  <si>
    <t>447.5008239746094</t>
  </si>
  <si>
    <t>0.04757772562980911</t>
  </si>
  <si>
    <t>39977</t>
  </si>
  <si>
    <t>19.184507369995117</t>
  </si>
  <si>
    <t>594.2715454101562</t>
  </si>
  <si>
    <t>0.04316775757202329</t>
  </si>
  <si>
    <t>41742</t>
  </si>
  <si>
    <t>18.678895950317383</t>
  </si>
  <si>
    <t>659.9425048828125</t>
  </si>
  <si>
    <t>0.04320352743151901</t>
  </si>
  <si>
    <t>39872</t>
  </si>
  <si>
    <t>19.001008987426758</t>
  </si>
  <si>
    <t>507.12646484375</t>
  </si>
  <si>
    <t>-0.045833493004570514</t>
  </si>
  <si>
    <t>43417</t>
  </si>
  <si>
    <t>18.58837890625</t>
  </si>
  <si>
    <t>452.2301330566406</t>
  </si>
  <si>
    <t>0.085176746314092</t>
  </si>
  <si>
    <t>44996</t>
  </si>
  <si>
    <t>18.58749008178711</t>
  </si>
  <si>
    <t>410.8191223144531</t>
  </si>
  <si>
    <t>0.035722527451499175</t>
  </si>
  <si>
    <t>25</t>
  </si>
  <si>
    <t>DJI</t>
  </si>
  <si>
    <t>4282</t>
  </si>
  <si>
    <t>29.30211067199707</t>
  </si>
  <si>
    <t>98.19853210449219</t>
  </si>
  <si>
    <t>593.6376953125</t>
  </si>
  <si>
    <t>Djibouti</t>
  </si>
  <si>
    <t>3981</t>
  </si>
  <si>
    <t>28.949007034301758</t>
  </si>
  <si>
    <t>145.78077697753906</t>
  </si>
  <si>
    <t>-0.07288714614931102</t>
  </si>
  <si>
    <t>3950</t>
  </si>
  <si>
    <t>29.040666580200195</t>
  </si>
  <si>
    <t>197.57591247558594</t>
  </si>
  <si>
    <t>-0.007817465105150134</t>
  </si>
  <si>
    <t>3662</t>
  </si>
  <si>
    <t>28.791337966918945</t>
  </si>
  <si>
    <t>151.64886474609375</t>
  </si>
  <si>
    <t>-0.07570613266071113</t>
  </si>
  <si>
    <t>3590</t>
  </si>
  <si>
    <t>28.98387908935547</t>
  </si>
  <si>
    <t>139.92068481445312</t>
  </si>
  <si>
    <t>-0.01985724375213138</t>
  </si>
  <si>
    <t>3421</t>
  </si>
  <si>
    <t>29.416170120239258</t>
  </si>
  <si>
    <t>176.54159545898438</t>
  </si>
  <si>
    <t>-0.04821929650471901</t>
  </si>
  <si>
    <t>3226</t>
  </si>
  <si>
    <t>29.240110397338867</t>
  </si>
  <si>
    <t>158.92987060546875</t>
  </si>
  <si>
    <t>-0.058689926292451844</t>
  </si>
  <si>
    <t>3103</t>
  </si>
  <si>
    <t>29.2492733001709</t>
  </si>
  <si>
    <t>172.138671875</t>
  </si>
  <si>
    <t>-0.03887359423677417</t>
  </si>
  <si>
    <t>3017</t>
  </si>
  <si>
    <t>29.584165573120117</t>
  </si>
  <si>
    <t>146.31536865234375</t>
  </si>
  <si>
    <t>-0.028106425289317727</t>
  </si>
  <si>
    <t>3019</t>
  </si>
  <si>
    <t>28.8376407623291</t>
  </si>
  <si>
    <t>212.7269287109375</t>
  </si>
  <si>
    <t>0.0006626905477773448</t>
  </si>
  <si>
    <t>2966</t>
  </si>
  <si>
    <t>29.291372299194336</t>
  </si>
  <si>
    <t>206.87179565429688</t>
  </si>
  <si>
    <t>-0.0177114070089619</t>
  </si>
  <si>
    <t>2956</t>
  </si>
  <si>
    <t>29.29840660095215</t>
  </si>
  <si>
    <t>162.67474365234375</t>
  </si>
  <si>
    <t>-0.00337724062978495</t>
  </si>
  <si>
    <t>2994</t>
  </si>
  <si>
    <t>29.83452606201172</t>
  </si>
  <si>
    <t>124.5132064819336</t>
  </si>
  <si>
    <t>0.012773282911481942</t>
  </si>
  <si>
    <t>3038</t>
  </si>
  <si>
    <t>29.58072853088379</t>
  </si>
  <si>
    <t>139.47547912597656</t>
  </si>
  <si>
    <t>0.0145891181761435</t>
  </si>
  <si>
    <t>3074</t>
  </si>
  <si>
    <t>29.336023330688477</t>
  </si>
  <si>
    <t>151.4847869873047</t>
  </si>
  <si>
    <t>0.011780240942822928</t>
  </si>
  <si>
    <t>3122</t>
  </si>
  <si>
    <t>29.42029571533203</t>
  </si>
  <si>
    <t>127.30313110351562</t>
  </si>
  <si>
    <t>0.015494176976837082</t>
  </si>
  <si>
    <t>3227</t>
  </si>
  <si>
    <t>29.426366806030273</t>
  </si>
  <si>
    <t>187.5934600830078</t>
  </si>
  <si>
    <t>0.03307909097658346</t>
  </si>
  <si>
    <t>3343</t>
  </si>
  <si>
    <t>29.302675247192383</t>
  </si>
  <si>
    <t>131.64334106445312</t>
  </si>
  <si>
    <t>0.035315694368136974</t>
  </si>
  <si>
    <t>3489</t>
  </si>
  <si>
    <t>29.096776962280273</t>
  </si>
  <si>
    <t>138.9066162109375</t>
  </si>
  <si>
    <t>0.042746554766676326</t>
  </si>
  <si>
    <t>3497</t>
  </si>
  <si>
    <t>29.958290100097656</t>
  </si>
  <si>
    <t>128.23379516601562</t>
  </si>
  <si>
    <t>0.002290295876601789</t>
  </si>
  <si>
    <t>3588</t>
  </si>
  <si>
    <t>29.36149787902832</t>
  </si>
  <si>
    <t>163.421875</t>
  </si>
  <si>
    <t>0.025689486115309634</t>
  </si>
  <si>
    <t>3789</t>
  </si>
  <si>
    <t>29.36810874938965</t>
  </si>
  <si>
    <t>149.03860473632812</t>
  </si>
  <si>
    <t>0.05450718783991526</t>
  </si>
  <si>
    <t>3906</t>
  </si>
  <si>
    <t>29.48409080505371</t>
  </si>
  <si>
    <t>143.0458526611328</t>
  </si>
  <si>
    <t>0.030411700418023102</t>
  </si>
  <si>
    <t>3664</t>
  </si>
  <si>
    <t>29.745079040527344</t>
  </si>
  <si>
    <t>194.20985412597656</t>
  </si>
  <si>
    <t>-0.06395838564260359</t>
  </si>
  <si>
    <t>3854</t>
  </si>
  <si>
    <t>29.439882278442383</t>
  </si>
  <si>
    <t>153.3729705810547</t>
  </si>
  <si>
    <t>0.050556123180291124</t>
  </si>
  <si>
    <t>4074</t>
  </si>
  <si>
    <t>30.12931251525879</t>
  </si>
  <si>
    <t>130.66131591796875</t>
  </si>
  <si>
    <t>0.05551374781243901</t>
  </si>
  <si>
    <t>4291</t>
  </si>
  <si>
    <t>29.926536560058594</t>
  </si>
  <si>
    <t>152.82069396972656</t>
  </si>
  <si>
    <t>0.05189448820477338</t>
  </si>
  <si>
    <t>4452</t>
  </si>
  <si>
    <t>29.515302658081055</t>
  </si>
  <si>
    <t>157.01963806152344</t>
  </si>
  <si>
    <t>0.036833627403911606</t>
  </si>
  <si>
    <t>4589</t>
  </si>
  <si>
    <t>29.3002872467041</t>
  </si>
  <si>
    <t>164.8848876953125</t>
  </si>
  <si>
    <t>0.03030870199939706</t>
  </si>
  <si>
    <t>29.39057731628418</t>
  </si>
  <si>
    <t>159.51197814941406</t>
  </si>
  <si>
    <t>0.03826479435035246</t>
  </si>
  <si>
    <t>4759</t>
  </si>
  <si>
    <t>29.335752487182617</t>
  </si>
  <si>
    <t>187.1382293701172</t>
  </si>
  <si>
    <t>-0.0018893676240754331</t>
  </si>
  <si>
    <t>4905</t>
  </si>
  <si>
    <t>29.298751831054688</t>
  </si>
  <si>
    <t>123.7338638305664</t>
  </si>
  <si>
    <t>0.030217530878353216</t>
  </si>
  <si>
    <t>4989</t>
  </si>
  <si>
    <t>29.35959815979004</t>
  </si>
  <si>
    <t>135.19390869140625</t>
  </si>
  <si>
    <t>0.01698039586157485</t>
  </si>
  <si>
    <t>26</t>
  </si>
  <si>
    <t>DMA</t>
  </si>
  <si>
    <t>7856</t>
  </si>
  <si>
    <t>26.508333206176758</t>
  </si>
  <si>
    <t>2035.400146484375</t>
  </si>
  <si>
    <t>107.44905853271484</t>
  </si>
  <si>
    <t>Dominica</t>
  </si>
  <si>
    <t>8001</t>
  </si>
  <si>
    <t>26.52500343322754</t>
  </si>
  <si>
    <t>2077.7001953125</t>
  </si>
  <si>
    <t>0.018288962815823595</t>
  </si>
  <si>
    <t>8167</t>
  </si>
  <si>
    <t>26.633333206176758</t>
  </si>
  <si>
    <t>2600.7998046875</t>
  </si>
  <si>
    <t>0.020535110508150822</t>
  </si>
  <si>
    <t>8336</t>
  </si>
  <si>
    <t>26.783334732055664</t>
  </si>
  <si>
    <t>1976.5999755859375</t>
  </si>
  <si>
    <t>0.020481840634872128</t>
  </si>
  <si>
    <t>26.616668701171875</t>
  </si>
  <si>
    <t>1874.89990234375</t>
  </si>
  <si>
    <t>8588</t>
  </si>
  <si>
    <t>26.95833396911621</t>
  </si>
  <si>
    <t>2134.5</t>
  </si>
  <si>
    <t>0.029782395005524265</t>
  </si>
  <si>
    <t>8859</t>
  </si>
  <si>
    <t>26.7166690826416</t>
  </si>
  <si>
    <t>2352.10009765625</t>
  </si>
  <si>
    <t>0.031068011413360352</t>
  </si>
  <si>
    <t>9064</t>
  </si>
  <si>
    <t>26.933332443237305</t>
  </si>
  <si>
    <t>1701.300048828125</t>
  </si>
  <si>
    <t>0.022876632295810495</t>
  </si>
  <si>
    <t>9425</t>
  </si>
  <si>
    <t>27.249998092651367</t>
  </si>
  <si>
    <t>2536.39990234375</t>
  </si>
  <si>
    <t>0.03905520960836917</t>
  </si>
  <si>
    <t>9492</t>
  </si>
  <si>
    <t>26.60833168029785</t>
  </si>
  <si>
    <t>1994.60009765625</t>
  </si>
  <si>
    <t>0.007083605239442292</t>
  </si>
  <si>
    <t>9764</t>
  </si>
  <si>
    <t>1841.2999267578125</t>
  </si>
  <si>
    <t>0.02825281395719692</t>
  </si>
  <si>
    <t>9785</t>
  </si>
  <si>
    <t>27.05000114440918</t>
  </si>
  <si>
    <t>1941.5</t>
  </si>
  <si>
    <t>0.002148448317324636</t>
  </si>
  <si>
    <t>9493</t>
  </si>
  <si>
    <t>27.024995803833008</t>
  </si>
  <si>
    <t>1764.800048828125</t>
  </si>
  <si>
    <t>-0.030295915948377328</t>
  </si>
  <si>
    <t>10070</t>
  </si>
  <si>
    <t>27.14166831970215</t>
  </si>
  <si>
    <t>2119.000244140625</t>
  </si>
  <si>
    <t>0.059006021830809274</t>
  </si>
  <si>
    <t>10357</t>
  </si>
  <si>
    <t>26.774999618530273</t>
  </si>
  <si>
    <t>2976.0</t>
  </si>
  <si>
    <t>0.02810191287627184</t>
  </si>
  <si>
    <t>10410</t>
  </si>
  <si>
    <t>27.066665649414062</t>
  </si>
  <si>
    <t>2668.30029296875</t>
  </si>
  <si>
    <t>0.0051042630201347805</t>
  </si>
  <si>
    <t>10884</t>
  </si>
  <si>
    <t>26.98333168029785</t>
  </si>
  <si>
    <t>2024.0999755859375</t>
  </si>
  <si>
    <t>0.04452693829412269</t>
  </si>
  <si>
    <t>11570</t>
  </si>
  <si>
    <t>26.900001525878906</t>
  </si>
  <si>
    <t>1980.0</t>
  </si>
  <si>
    <t>0.061121720284585734</t>
  </si>
  <si>
    <t>12393</t>
  </si>
  <si>
    <t>26.708335876464844</t>
  </si>
  <si>
    <t>2455.2001953125</t>
  </si>
  <si>
    <t>0.0687162558771508</t>
  </si>
  <si>
    <t>12247</t>
  </si>
  <si>
    <t>27.149999618530273</t>
  </si>
  <si>
    <t>1663.2000732421875</t>
  </si>
  <si>
    <t>-0.011850788043586746</t>
  </si>
  <si>
    <t>12335</t>
  </si>
  <si>
    <t>27.4083309173584</t>
  </si>
  <si>
    <t>2646.89990234375</t>
  </si>
  <si>
    <t>0.007159740942169535</t>
  </si>
  <si>
    <t>12310</t>
  </si>
  <si>
    <t>26.90833282470703</t>
  </si>
  <si>
    <t>2657.7001953125</t>
  </si>
  <si>
    <t>-0.0020288097849565645</t>
  </si>
  <si>
    <t>12154</t>
  </si>
  <si>
    <t>27.025001525878906</t>
  </si>
  <si>
    <t>2237.300048828125</t>
  </si>
  <si>
    <t>-0.012753606483199675</t>
  </si>
  <si>
    <t>12044</t>
  </si>
  <si>
    <t>27.033334732055664</t>
  </si>
  <si>
    <t>1995.5</t>
  </si>
  <si>
    <t>-0.009091723093675341</t>
  </si>
  <si>
    <t>12516</t>
  </si>
  <si>
    <t>27.075002670288086</t>
  </si>
  <si>
    <t>1932.7001953125</t>
  </si>
  <si>
    <t>0.038441215187148714</t>
  </si>
  <si>
    <t>12064</t>
  </si>
  <si>
    <t>27.308334350585938</t>
  </si>
  <si>
    <t>1516.699951171875</t>
  </si>
  <si>
    <t>-0.03678201454103558</t>
  </si>
  <si>
    <t>12385</t>
  </si>
  <si>
    <t>27.225000381469727</t>
  </si>
  <si>
    <t>2384.39990234375</t>
  </si>
  <si>
    <t>0.026260251675722657</t>
  </si>
  <si>
    <t>11512</t>
  </si>
  <si>
    <t>2466.0</t>
  </si>
  <si>
    <t>-0.07309609335625744</t>
  </si>
  <si>
    <t>11849</t>
  </si>
  <si>
    <t>1966.2999267578125</t>
  </si>
  <si>
    <t>0.02885350624953631</t>
  </si>
  <si>
    <t>12395</t>
  </si>
  <si>
    <t>27.08333396911621</t>
  </si>
  <si>
    <t>1733.7000732421875</t>
  </si>
  <si>
    <t>0.04504968965255074</t>
  </si>
  <si>
    <t>10256</t>
  </si>
  <si>
    <t>1976.9998779296875</t>
  </si>
  <si>
    <t>-0.18943026530883955</t>
  </si>
  <si>
    <t>10899</t>
  </si>
  <si>
    <t>26.91666603088379</t>
  </si>
  <si>
    <t>1558.5001220703125</t>
  </si>
  <si>
    <t>0.06080814172886129</t>
  </si>
  <si>
    <t>11464</t>
  </si>
  <si>
    <t>26.683332443237305</t>
  </si>
  <si>
    <t>2072.60009765625</t>
  </si>
  <si>
    <t>0.05054064861869634</t>
  </si>
  <si>
    <t>27</t>
  </si>
  <si>
    <t>DOM</t>
  </si>
  <si>
    <t>6207</t>
  </si>
  <si>
    <t>24.85741424560547</t>
  </si>
  <si>
    <t>1497.037109375</t>
  </si>
  <si>
    <t>2652.752685546875</t>
  </si>
  <si>
    <t>Dominican Republic</t>
  </si>
  <si>
    <t>6137</t>
  </si>
  <si>
    <t>24.741701126098633</t>
  </si>
  <si>
    <t>1504.7386474609375</t>
  </si>
  <si>
    <t>-0.011341664024554277</t>
  </si>
  <si>
    <t>6689</t>
  </si>
  <si>
    <t>25.06540870666504</t>
  </si>
  <si>
    <t>1461.5491943359375</t>
  </si>
  <si>
    <t>0.08612836272931013</t>
  </si>
  <si>
    <t>7040</t>
  </si>
  <si>
    <t>24.959836959838867</t>
  </si>
  <si>
    <t>1484.8160400390625</t>
  </si>
  <si>
    <t>0.05114378403368036</t>
  </si>
  <si>
    <t>7085</t>
  </si>
  <si>
    <t>25.148962020874023</t>
  </si>
  <si>
    <t>1321.8275146484375</t>
  </si>
  <si>
    <t>0.006371702972693072</t>
  </si>
  <si>
    <t>7349</t>
  </si>
  <si>
    <t>25.22138786315918</t>
  </si>
  <si>
    <t>1682.0474853515625</t>
  </si>
  <si>
    <t>0.036584376404089625</t>
  </si>
  <si>
    <t>7650</t>
  </si>
  <si>
    <t>25.02544593811035</t>
  </si>
  <si>
    <t>1370.48974609375</t>
  </si>
  <si>
    <t>0.04014139829171093</t>
  </si>
  <si>
    <t>8189</t>
  </si>
  <si>
    <t>25.771652221679688</t>
  </si>
  <si>
    <t>1349.6568603515625</t>
  </si>
  <si>
    <t>0.06808614244960687</t>
  </si>
  <si>
    <t>8600</t>
  </si>
  <si>
    <t>25.87421989440918</t>
  </si>
  <si>
    <t>1924.4613037109375</t>
  </si>
  <si>
    <t>0.04897041297141058</t>
  </si>
  <si>
    <t>8970</t>
  </si>
  <si>
    <t>25.197587966918945</t>
  </si>
  <si>
    <t>1413.1610107421875</t>
  </si>
  <si>
    <t>0.042123472811242735</t>
  </si>
  <si>
    <t>9246</t>
  </si>
  <si>
    <t>25.13648223876953</t>
  </si>
  <si>
    <t>1446.55810546875</t>
  </si>
  <si>
    <t>0.030305349495328926</t>
  </si>
  <si>
    <t>9334</t>
  </si>
  <si>
    <t>25.35327911376953</t>
  </si>
  <si>
    <t>1557.150390625</t>
  </si>
  <si>
    <t>0.009472621961590377</t>
  </si>
  <si>
    <t>9613</t>
  </si>
  <si>
    <t>25.39301109313965</t>
  </si>
  <si>
    <t>1470.52783203125</t>
  </si>
  <si>
    <t>0.02945270155605506</t>
  </si>
  <si>
    <t>9351</t>
  </si>
  <si>
    <t>25.401229858398438</t>
  </si>
  <si>
    <t>1670.2001953125</t>
  </si>
  <si>
    <t>-0.027633059630369772</t>
  </si>
  <si>
    <t>9461</t>
  </si>
  <si>
    <t>25.046010971069336</t>
  </si>
  <si>
    <t>1503.1536865234375</t>
  </si>
  <si>
    <t>0.01169479626899772</t>
  </si>
  <si>
    <t>10215</t>
  </si>
  <si>
    <t>24.99088478088379</t>
  </si>
  <si>
    <t>1586.41552734375</t>
  </si>
  <si>
    <t>0.07667914254727748</t>
  </si>
  <si>
    <t>11009</t>
  </si>
  <si>
    <t>25.212186813354492</t>
  </si>
  <si>
    <t>1540.6583251953125</t>
  </si>
  <si>
    <t>0.07485589181868235</t>
  </si>
  <si>
    <t>11677</t>
  </si>
  <si>
    <t>24.986478805541992</t>
  </si>
  <si>
    <t>1595.36865234375</t>
  </si>
  <si>
    <t>0.05890797500531164</t>
  </si>
  <si>
    <t>11899</t>
  </si>
  <si>
    <t>24.72736930847168</t>
  </si>
  <si>
    <t>1507.64794921875</t>
  </si>
  <si>
    <t>0.01883326787943851</t>
  </si>
  <si>
    <t>11856</t>
  </si>
  <si>
    <t>24.971086502075195</t>
  </si>
  <si>
    <t>1544.1502685546875</t>
  </si>
  <si>
    <t>-0.003620294419286907</t>
  </si>
  <si>
    <t>12677</t>
  </si>
  <si>
    <t>24.85117530822754</t>
  </si>
  <si>
    <t>1493.22265625</t>
  </si>
  <si>
    <t>0.06695525940286018</t>
  </si>
  <si>
    <t>12905</t>
  </si>
  <si>
    <t>24.666580200195312</t>
  </si>
  <si>
    <t>1519.6640625</t>
  </si>
  <si>
    <t>0.017825505213986403</t>
  </si>
  <si>
    <t>13088</t>
  </si>
  <si>
    <t>25.173891067504883</t>
  </si>
  <si>
    <t>1661.029296875</t>
  </si>
  <si>
    <t>0.014080946689814411</t>
  </si>
  <si>
    <t>13556</t>
  </si>
  <si>
    <t>25.350502014160156</t>
  </si>
  <si>
    <t>1374.36279296875</t>
  </si>
  <si>
    <t>0.03513347388441446</t>
  </si>
  <si>
    <t>14335</t>
  </si>
  <si>
    <t>25.383756637573242</t>
  </si>
  <si>
    <t>1352.4349365234375</t>
  </si>
  <si>
    <t>0.05587484559052669</t>
  </si>
  <si>
    <t>15145</t>
  </si>
  <si>
    <t>25.624252319335938</t>
  </si>
  <si>
    <t>1485.9951171875</t>
  </si>
  <si>
    <t>0.05496634514386756</t>
  </si>
  <si>
    <t>15967</t>
  </si>
  <si>
    <t>25.53611183166504</t>
  </si>
  <si>
    <t>1803.42138671875</t>
  </si>
  <si>
    <t>0.052853647878364995</t>
  </si>
  <si>
    <t>16525</t>
  </si>
  <si>
    <t>25.424551010131836</t>
  </si>
  <si>
    <t>1568.5389404296875</t>
  </si>
  <si>
    <t>0.034350293380185803</t>
  </si>
  <si>
    <t>17484</t>
  </si>
  <si>
    <t>25.1929988861084</t>
  </si>
  <si>
    <t>1269.644775390625</t>
  </si>
  <si>
    <t>0.05641179126331686</t>
  </si>
  <si>
    <t>18171</t>
  </si>
  <si>
    <t>25.522628784179688</t>
  </si>
  <si>
    <t>1265.2589111328125</t>
  </si>
  <si>
    <t>0.038540739665851476</t>
  </si>
  <si>
    <t>16768</t>
  </si>
  <si>
    <t>25.557024002075195</t>
  </si>
  <si>
    <t>1349.864990234375</t>
  </si>
  <si>
    <t>-0.08035460852828713</t>
  </si>
  <si>
    <t>18626</t>
  </si>
  <si>
    <t>25.316131591796875</t>
  </si>
  <si>
    <t>1443.3963623046875</t>
  </si>
  <si>
    <t>0.10508614596083454</t>
  </si>
  <si>
    <t>19338</t>
  </si>
  <si>
    <t>25.195999145507812</t>
  </si>
  <si>
    <t>1604.6968994140625</t>
  </si>
  <si>
    <t>0.03751361796189023</t>
  </si>
  <si>
    <t>28</t>
  </si>
  <si>
    <t>GNQ</t>
  </si>
  <si>
    <t>24.220651626586914</t>
  </si>
  <si>
    <t>2883.796630859375</t>
  </si>
  <si>
    <t>511.79656982421875</t>
  </si>
  <si>
    <t>Equatorial Guinea</t>
  </si>
  <si>
    <t>893</t>
  </si>
  <si>
    <t>24.12720489501953</t>
  </si>
  <si>
    <t>2535.760498046875</t>
  </si>
  <si>
    <t>-0.04702889560109291</t>
  </si>
  <si>
    <t>23.98078155517578</t>
  </si>
  <si>
    <t>2445.572265625</t>
  </si>
  <si>
    <t>0.2615887032239117</t>
  </si>
  <si>
    <t>1241</t>
  </si>
  <si>
    <t>24.07340431213379</t>
  </si>
  <si>
    <t>2691.39111328125</t>
  </si>
  <si>
    <t>0.06749750110419672</t>
  </si>
  <si>
    <t>1395</t>
  </si>
  <si>
    <t>24.107988357543945</t>
  </si>
  <si>
    <t>2594.660888671875</t>
  </si>
  <si>
    <t>0.11697690905085878</t>
  </si>
  <si>
    <t>24.320131301879883</t>
  </si>
  <si>
    <t>2782.9169921875</t>
  </si>
  <si>
    <t>0.12326380715035334</t>
  </si>
  <si>
    <t>2530</t>
  </si>
  <si>
    <t>24.146766662597656</t>
  </si>
  <si>
    <t>2846.475830078125</t>
  </si>
  <si>
    <t>0.472061080315747</t>
  </si>
  <si>
    <t>6085</t>
  </si>
  <si>
    <t>24.101394653320312</t>
  </si>
  <si>
    <t>2809.998291015625</t>
  </si>
  <si>
    <t>0.877607423700062</t>
  </si>
  <si>
    <t>7242</t>
  </si>
  <si>
    <t>24.73834800720215</t>
  </si>
  <si>
    <t>2946.40869140625</t>
  </si>
  <si>
    <t>0.17407068490395794</t>
  </si>
  <si>
    <t>8749</t>
  </si>
  <si>
    <t>24.30501365661621</t>
  </si>
  <si>
    <t>2802.791259765625</t>
  </si>
  <si>
    <t>0.1890419967806789</t>
  </si>
  <si>
    <t>9891</t>
  </si>
  <si>
    <t>24.355379104614258</t>
  </si>
  <si>
    <t>2677.588623046875</t>
  </si>
  <si>
    <t>0.12268584463357612</t>
  </si>
  <si>
    <t>15389</t>
  </si>
  <si>
    <t>24.409563064575195</t>
  </si>
  <si>
    <t>2904.2392578125</t>
  </si>
  <si>
    <t>0.4420277157240111</t>
  </si>
  <si>
    <t>17535</t>
  </si>
  <si>
    <t>24.55303382873535</t>
  </si>
  <si>
    <t>3120.38671875</t>
  </si>
  <si>
    <t>0.13054591511042624</t>
  </si>
  <si>
    <t>19082</t>
  </si>
  <si>
    <t>24.561805725097656</t>
  </si>
  <si>
    <t>2896.94580078125</t>
  </si>
  <si>
    <t>0.08454659873751247</t>
  </si>
  <si>
    <t>25164</t>
  </si>
  <si>
    <t>24.47182273864746</t>
  </si>
  <si>
    <t>2870.63671875</t>
  </si>
  <si>
    <t>0.27666891937813</t>
  </si>
  <si>
    <t>28075</t>
  </si>
  <si>
    <t>24.540143966674805</t>
  </si>
  <si>
    <t>2339.281982421875</t>
  </si>
  <si>
    <t>0.10946509891672385</t>
  </si>
  <si>
    <t>28879</t>
  </si>
  <si>
    <t>24.52886390686035</t>
  </si>
  <si>
    <t>2750.706298828125</t>
  </si>
  <si>
    <t>0.028235186761842</t>
  </si>
  <si>
    <t>31770</t>
  </si>
  <si>
    <t>24.486852645874023</t>
  </si>
  <si>
    <t>3431.17236328125</t>
  </si>
  <si>
    <t>0.09540776089507474</t>
  </si>
  <si>
    <t>35689</t>
  </si>
  <si>
    <t>24.419784545898438</t>
  </si>
  <si>
    <t>2782.927001953125</t>
  </si>
  <si>
    <t>0.11632006977514742</t>
  </si>
  <si>
    <t>34480</t>
  </si>
  <si>
    <t>24.57782554626465</t>
  </si>
  <si>
    <t>2582.651123046875</t>
  </si>
  <si>
    <t>-0.034463072261079475</t>
  </si>
  <si>
    <t>29944</t>
  </si>
  <si>
    <t>24.6326847076416</t>
  </si>
  <si>
    <t>2626.552001953125</t>
  </si>
  <si>
    <t>-0.14105047519336544</t>
  </si>
  <si>
    <t>30503</t>
  </si>
  <si>
    <t>24.4166259765625</t>
  </si>
  <si>
    <t>2595.362060546875</t>
  </si>
  <si>
    <t>0.01849606882988475</t>
  </si>
  <si>
    <t>31681</t>
  </si>
  <si>
    <t>24.442167282104492</t>
  </si>
  <si>
    <t>2998.4423828125</t>
  </si>
  <si>
    <t>0.0378920926725943</t>
  </si>
  <si>
    <t>29143</t>
  </si>
  <si>
    <t>24.518526077270508</t>
  </si>
  <si>
    <t>2506.8701171875</t>
  </si>
  <si>
    <t>-0.0835023853669341</t>
  </si>
  <si>
    <t>28106</t>
  </si>
  <si>
    <t>24.48736000061035</t>
  </si>
  <si>
    <t>2556.708251953125</t>
  </si>
  <si>
    <t>-0.036231670059118315</t>
  </si>
  <si>
    <t>24564</t>
  </si>
  <si>
    <t>24.702863693237305</t>
  </si>
  <si>
    <t>2168.555908203125</t>
  </si>
  <si>
    <t>-0.13470112021140146</t>
  </si>
  <si>
    <t>21566</t>
  </si>
  <si>
    <t>24.7812557220459</t>
  </si>
  <si>
    <t>2539.48193359375</t>
  </si>
  <si>
    <t>-0.13016395600727115</t>
  </si>
  <si>
    <t>19618</t>
  </si>
  <si>
    <t>24.667768478393555</t>
  </si>
  <si>
    <t>2574.129150390625</t>
  </si>
  <si>
    <t>-0.0946704883177567</t>
  </si>
  <si>
    <t>17765</t>
  </si>
  <si>
    <t>24.783493041992188</t>
  </si>
  <si>
    <t>2774.8994140625</t>
  </si>
  <si>
    <t>-0.09921728266913377</t>
  </si>
  <si>
    <t>16240</t>
  </si>
  <si>
    <t>24.59745979309082</t>
  </si>
  <si>
    <t>2812.632568359375</t>
  </si>
  <si>
    <t>-0.08975289473945836</t>
  </si>
  <si>
    <t>15046</t>
  </si>
  <si>
    <t>24.74913787841797</t>
  </si>
  <si>
    <t>2684.05322265625</t>
  </si>
  <si>
    <t>-0.07636515959550216</t>
  </si>
  <si>
    <t>14731</t>
  </si>
  <si>
    <t>24.85956382751465</t>
  </si>
  <si>
    <t>2701.807861328125</t>
  </si>
  <si>
    <t>-0.021158058305228877</t>
  </si>
  <si>
    <t>14918</t>
  </si>
  <si>
    <t>24.641172409057617</t>
  </si>
  <si>
    <t>2638.308349609375</t>
  </si>
  <si>
    <t>0.012614420700170825</t>
  </si>
  <si>
    <t>29</t>
  </si>
  <si>
    <t>SWZ</t>
  </si>
  <si>
    <t>4909</t>
  </si>
  <si>
    <t>20.097780227661133</t>
  </si>
  <si>
    <t>791.2832641601562</t>
  </si>
  <si>
    <t>289.48876953125</t>
  </si>
  <si>
    <t>Swaziland</t>
  </si>
  <si>
    <t>4795</t>
  </si>
  <si>
    <t>20.301530838012695</t>
  </si>
  <si>
    <t>595.13330078125</t>
  </si>
  <si>
    <t>-0.023496546740513935</t>
  </si>
  <si>
    <t>4760</t>
  </si>
  <si>
    <t>20.93596076965332</t>
  </si>
  <si>
    <t>493.45074462890625</t>
  </si>
  <si>
    <t>-0.0073260400920727164</t>
  </si>
  <si>
    <t>4762</t>
  </si>
  <si>
    <t>20.50395965576172</t>
  </si>
  <si>
    <t>821.964111328125</t>
  </si>
  <si>
    <t>0.00042007982134251165</t>
  </si>
  <si>
    <t>4875</t>
  </si>
  <si>
    <t>19.832380294799805</t>
  </si>
  <si>
    <t>680.04443359375</t>
  </si>
  <si>
    <t>0.023452356385138984</t>
  </si>
  <si>
    <t>5112</t>
  </si>
  <si>
    <t>20.187850952148438</t>
  </si>
  <si>
    <t>871.5787963867188</t>
  </si>
  <si>
    <t>0.04747061262542296</t>
  </si>
  <si>
    <t>5199</t>
  </si>
  <si>
    <t>19.88667106628418</t>
  </si>
  <si>
    <t>902.4481201171875</t>
  </si>
  <si>
    <t>0.01687558232634423</t>
  </si>
  <si>
    <t>5267</t>
  </si>
  <si>
    <t>20.00465202331543</t>
  </si>
  <si>
    <t>999.4224853515625</t>
  </si>
  <si>
    <t>0.012994641099673743</t>
  </si>
  <si>
    <t>5327</t>
  </si>
  <si>
    <t>20.597904205322266</t>
  </si>
  <si>
    <t>973.1707153320312</t>
  </si>
  <si>
    <t>0.011327287433610778</t>
  </si>
  <si>
    <t>5413</t>
  </si>
  <si>
    <t>20.312156677246094</t>
  </si>
  <si>
    <t>1046.677001953125</t>
  </si>
  <si>
    <t>0.016015239879978438</t>
  </si>
  <si>
    <t>5443</t>
  </si>
  <si>
    <t>19.694713592529297</t>
  </si>
  <si>
    <t>1334.5101318359375</t>
  </si>
  <si>
    <t>0.005526911637222298</t>
  </si>
  <si>
    <t>20.013050079345703</t>
  </si>
  <si>
    <t>958.3908081054688</t>
  </si>
  <si>
    <t>5631</t>
  </si>
  <si>
    <t>20.238834381103516</t>
  </si>
  <si>
    <t>707.7928466796875</t>
  </si>
  <si>
    <t>0.033956666820417425</t>
  </si>
  <si>
    <t>5805</t>
  </si>
  <si>
    <t>20.533971786499023</t>
  </si>
  <si>
    <t>774.5287475585938</t>
  </si>
  <si>
    <t>0.030432568877374777</t>
  </si>
  <si>
    <t>5976</t>
  </si>
  <si>
    <t>20.580245971679688</t>
  </si>
  <si>
    <t>893.0103759765625</t>
  </si>
  <si>
    <t>0.02903183268066023</t>
  </si>
  <si>
    <t>6299</t>
  </si>
  <si>
    <t>20.956809997558594</t>
  </si>
  <si>
    <t>751.2900390625</t>
  </si>
  <si>
    <t>0.05263944280927646</t>
  </si>
  <si>
    <t>6640</t>
  </si>
  <si>
    <t>20.264938354492188</t>
  </si>
  <si>
    <t>855.8335571289062</t>
  </si>
  <si>
    <t>0.05272107284855032</t>
  </si>
  <si>
    <t>6894</t>
  </si>
  <si>
    <t>20.476600646972656</t>
  </si>
  <si>
    <t>751.2725830078125</t>
  </si>
  <si>
    <t>0.03753950460633071</t>
  </si>
  <si>
    <t>6913</t>
  </si>
  <si>
    <t>20.60605239868164</t>
  </si>
  <si>
    <t>843.6041870117188</t>
  </si>
  <si>
    <t>0.002752228868454054</t>
  </si>
  <si>
    <t>6989</t>
  </si>
  <si>
    <t>20.44024085998535</t>
  </si>
  <si>
    <t>933.5748901367188</t>
  </si>
  <si>
    <t>0.010933787531865136</t>
  </si>
  <si>
    <t>7221</t>
  </si>
  <si>
    <t>20.686826705932617</t>
  </si>
  <si>
    <t>742.3203125</t>
  </si>
  <si>
    <t>0.0326559629740526</t>
  </si>
  <si>
    <t>7347</t>
  </si>
  <si>
    <t>20.391265869140625</t>
  </si>
  <si>
    <t>827.3822021484375</t>
  </si>
  <si>
    <t>0.01729861916909492</t>
  </si>
  <si>
    <t>7701</t>
  </si>
  <si>
    <t>20.733448028564453</t>
  </si>
  <si>
    <t>1066.8765869140625</t>
  </si>
  <si>
    <t>0.04705812391897268</t>
  </si>
  <si>
    <t>7950</t>
  </si>
  <si>
    <t>20.6279354095459</t>
  </si>
  <si>
    <t>678.1806640625</t>
  </si>
  <si>
    <t>0.03182173810912836</t>
  </si>
  <si>
    <t>7969</t>
  </si>
  <si>
    <t>20.59769630432129</t>
  </si>
  <si>
    <t>895.1664428710938</t>
  </si>
  <si>
    <t>0.002387085749370854</t>
  </si>
  <si>
    <t>8089</t>
  </si>
  <si>
    <t>21.25348663330078</t>
  </si>
  <si>
    <t>752.3328857421875</t>
  </si>
  <si>
    <t>0.014946099620203768</t>
  </si>
  <si>
    <t>8113</t>
  </si>
  <si>
    <t>21.095746994018555</t>
  </si>
  <si>
    <t>949.072998046875</t>
  </si>
  <si>
    <t>0.00296259937711163</t>
  </si>
  <si>
    <t>8214</t>
  </si>
  <si>
    <t>20.69057273864746</t>
  </si>
  <si>
    <t>828.47705078125</t>
  </si>
  <si>
    <t>0.012372302121439915</t>
  </si>
  <si>
    <t>8344</t>
  </si>
  <si>
    <t>21.079835891723633</t>
  </si>
  <si>
    <t>772.35205078125</t>
  </si>
  <si>
    <t>0.015702702164103854</t>
  </si>
  <si>
    <t>8501</t>
  </si>
  <si>
    <t>21.4356689453125</t>
  </si>
  <si>
    <t>821.9016723632812</t>
  </si>
  <si>
    <t>0.018641085936751622</t>
  </si>
  <si>
    <t>8290</t>
  </si>
  <si>
    <t>20.642467498779297</t>
  </si>
  <si>
    <t>841.4268798828125</t>
  </si>
  <si>
    <t>-0.025133834488018536</t>
  </si>
  <si>
    <t>9087</t>
  </si>
  <si>
    <t>20.323766708374023</t>
  </si>
  <si>
    <t>925.060302734375</t>
  </si>
  <si>
    <t>0.09179485156600542</t>
  </si>
  <si>
    <t>9059</t>
  </si>
  <si>
    <t>20.844072341918945</t>
  </si>
  <si>
    <t>855.8202514648438</t>
  </si>
  <si>
    <t>-0.003086082026058534</t>
  </si>
  <si>
    <t>30</t>
  </si>
  <si>
    <t>ETH</t>
  </si>
  <si>
    <t>767</t>
  </si>
  <si>
    <t>19.650789260864258</t>
  </si>
  <si>
    <t>1061.248046875</t>
  </si>
  <si>
    <t>20451.41015625</t>
  </si>
  <si>
    <t>Ethiopia</t>
  </si>
  <si>
    <t>683</t>
  </si>
  <si>
    <t>19.499914169311523</t>
  </si>
  <si>
    <t>1047.862548828125</t>
  </si>
  <si>
    <t>-0.11599194179646588</t>
  </si>
  <si>
    <t>599</t>
  </si>
  <si>
    <t>19.266443252563477</t>
  </si>
  <si>
    <t>1131.93017578125</t>
  </si>
  <si>
    <t>-0.13123326145534087</t>
  </si>
  <si>
    <t>655</t>
  </si>
  <si>
    <t>19.46556854248047</t>
  </si>
  <si>
    <t>1210.1629638671875</t>
  </si>
  <si>
    <t>0.08937363751980243</t>
  </si>
  <si>
    <t>654</t>
  </si>
  <si>
    <t>19.40516471862793</t>
  </si>
  <si>
    <t>1059.766357421875</t>
  </si>
  <si>
    <t>-0.0015278841780528296</t>
  </si>
  <si>
    <t>672</t>
  </si>
  <si>
    <t>19.57033348083496</t>
  </si>
  <si>
    <t>1063.0142822265625</t>
  </si>
  <si>
    <t>0.027150989065950704</t>
  </si>
  <si>
    <t>731</t>
  </si>
  <si>
    <t>19.72576332092285</t>
  </si>
  <si>
    <t>1276.543701171875</t>
  </si>
  <si>
    <t>0.08415511922662855</t>
  </si>
  <si>
    <t>19.691408157348633</t>
  </si>
  <si>
    <t>1207.13330078125</t>
  </si>
  <si>
    <t>684</t>
  </si>
  <si>
    <t>19.917999267578125</t>
  </si>
  <si>
    <t>1180.670166015625</t>
  </si>
  <si>
    <t>-0.06645554212722793</t>
  </si>
  <si>
    <t>698</t>
  </si>
  <si>
    <t>19.50450325012207</t>
  </si>
  <si>
    <t>1028.411376953125</t>
  </si>
  <si>
    <t>0.020261185139822224</t>
  </si>
  <si>
    <t>719</t>
  </si>
  <si>
    <t>19.801992416381836</t>
  </si>
  <si>
    <t>1182.4130859375</t>
  </si>
  <si>
    <t>0.029642254958674563</t>
  </si>
  <si>
    <t>756</t>
  </si>
  <si>
    <t>19.87421226501465</t>
  </si>
  <si>
    <t>1130.0184326171875</t>
  </si>
  <si>
    <t>0.05018001845848641</t>
  </si>
  <si>
    <t>746</t>
  </si>
  <si>
    <t>20.401779174804688</t>
  </si>
  <si>
    <t>956.3276977539062</t>
  </si>
  <si>
    <t>-0.013315775975772937</t>
  </si>
  <si>
    <t>709</t>
  </si>
  <si>
    <t>20.04063606262207</t>
  </si>
  <si>
    <t>1069.4482421875</t>
  </si>
  <si>
    <t>-0.05087007367163299</t>
  </si>
  <si>
    <t>19.94325828552246</t>
  </si>
  <si>
    <t>1118.37939453125</t>
  </si>
  <si>
    <t>0.09799921401318379</t>
  </si>
  <si>
    <t>850</t>
  </si>
  <si>
    <t>20.21266746520996</t>
  </si>
  <si>
    <t>1185.14453125</t>
  </si>
  <si>
    <t>0.08338160893905133</t>
  </si>
  <si>
    <t>916</t>
  </si>
  <si>
    <t>19.854055404663086</t>
  </si>
  <si>
    <t>1230.5074462890625</t>
  </si>
  <si>
    <t>0.07478001518976729</t>
  </si>
  <si>
    <t>992</t>
  </si>
  <si>
    <t>19.94361686706543</t>
  </si>
  <si>
    <t>1128.3221435546875</t>
  </si>
  <si>
    <t>0.07970674261074251</t>
  </si>
  <si>
    <t>1068</t>
  </si>
  <si>
    <t>19.830902099609375</t>
  </si>
  <si>
    <t>1176.6412353515625</t>
  </si>
  <si>
    <t>0.07381991223526807</t>
  </si>
  <si>
    <t>1130</t>
  </si>
  <si>
    <t>20.564828872680664</t>
  </si>
  <si>
    <t>1055.2037353515625</t>
  </si>
  <si>
    <t>0.05642989218624539</t>
  </si>
  <si>
    <t>1236</t>
  </si>
  <si>
    <t>20.250139236450195</t>
  </si>
  <si>
    <t>1156.94677734375</t>
  </si>
  <si>
    <t>0.08966272631124994</t>
  </si>
  <si>
    <t>1336</t>
  </si>
  <si>
    <t>20.10736656188965</t>
  </si>
  <si>
    <t>1135.7916259765625</t>
  </si>
  <si>
    <t>0.07779971607895497</t>
  </si>
  <si>
    <t>1411</t>
  </si>
  <si>
    <t>20.061176300048828</t>
  </si>
  <si>
    <t>1167.3338623046875</t>
  </si>
  <si>
    <t>0.054618597756223686</t>
  </si>
  <si>
    <t>1518</t>
  </si>
  <si>
    <t>20.277856826782227</t>
  </si>
  <si>
    <t>1187.0968017578125</t>
  </si>
  <si>
    <t>0.07309500610276043</t>
  </si>
  <si>
    <t>1629</t>
  </si>
  <si>
    <t>19.97749137878418</t>
  </si>
  <si>
    <t>1224.1453857421875</t>
  </si>
  <si>
    <t>0.07057265064647034</t>
  </si>
  <si>
    <t>1751</t>
  </si>
  <si>
    <t>20.595321655273438</t>
  </si>
  <si>
    <t>1137.7266845703125</t>
  </si>
  <si>
    <t>0.07222072368380683</t>
  </si>
  <si>
    <t>1864</t>
  </si>
  <si>
    <t>20.535634994506836</t>
  </si>
  <si>
    <t>1248.9090576171875</t>
  </si>
  <si>
    <t>0.06253766295968433</t>
  </si>
  <si>
    <t>1988</t>
  </si>
  <si>
    <t>20.064655303955078</t>
  </si>
  <si>
    <t>1152.540283203125</t>
  </si>
  <si>
    <t>0.06440439197098335</t>
  </si>
  <si>
    <t>20.053464889526367</t>
  </si>
  <si>
    <t>1184.2845458984375</t>
  </si>
  <si>
    <t>0.038969172465248114</t>
  </si>
  <si>
    <t>2182</t>
  </si>
  <si>
    <t>19.84593391418457</t>
  </si>
  <si>
    <t>1283.99072265625</t>
  </si>
  <si>
    <t>0.05414360671124818</t>
  </si>
  <si>
    <t>2253</t>
  </si>
  <si>
    <t>19.975341796875</t>
  </si>
  <si>
    <t>1284.5341796875</t>
  </si>
  <si>
    <t>0.03202077403922843</t>
  </si>
  <si>
    <t>2319</t>
  </si>
  <si>
    <t>19.957523345947266</t>
  </si>
  <si>
    <t>1265.40771484375</t>
  </si>
  <si>
    <t>0.028873396823287045</t>
  </si>
  <si>
    <t>2381</t>
  </si>
  <si>
    <t>19.893587112426758</t>
  </si>
  <si>
    <t>1178.383056640625</t>
  </si>
  <si>
    <t>0.026384509231331066</t>
  </si>
  <si>
    <t>31</t>
  </si>
  <si>
    <t>FJI</t>
  </si>
  <si>
    <t>7890</t>
  </si>
  <si>
    <t>23.65019989013672</t>
  </si>
  <si>
    <t>2068.171630859375</t>
  </si>
  <si>
    <t>572.7555541992188</t>
  </si>
  <si>
    <t>Fiji</t>
  </si>
  <si>
    <t>7634</t>
  </si>
  <si>
    <t>23.342031478881836</t>
  </si>
  <si>
    <t>1410.81982421875</t>
  </si>
  <si>
    <t>-0.03298418053474528</t>
  </si>
  <si>
    <t>8079</t>
  </si>
  <si>
    <t>23.288057327270508</t>
  </si>
  <si>
    <t>1645.958251953125</t>
  </si>
  <si>
    <t>0.05665614817453424</t>
  </si>
  <si>
    <t>8226</t>
  </si>
  <si>
    <t>23.07575798034668</t>
  </si>
  <si>
    <t>2278.82763671875</t>
  </si>
  <si>
    <t>0.01803176731066003</t>
  </si>
  <si>
    <t>8628</t>
  </si>
  <si>
    <t>23.281982421875</t>
  </si>
  <si>
    <t>1568.5565185546875</t>
  </si>
  <si>
    <t>0.04771285871867903</t>
  </si>
  <si>
    <t>8828</t>
  </si>
  <si>
    <t>23.639427185058594</t>
  </si>
  <si>
    <t>1783.7000732421875</t>
  </si>
  <si>
    <t>0.022915759867579766</t>
  </si>
  <si>
    <t>9202</t>
  </si>
  <si>
    <t>23.728918075561523</t>
  </si>
  <si>
    <t>2803.697265625</t>
  </si>
  <si>
    <t>0.041492363338786475</t>
  </si>
  <si>
    <t>8909</t>
  </si>
  <si>
    <t>23.43919563293457</t>
  </si>
  <si>
    <t>1887.7374267578125</t>
  </si>
  <si>
    <t>-0.03235884999477001</t>
  </si>
  <si>
    <t>8921</t>
  </si>
  <si>
    <t>23.908483505249023</t>
  </si>
  <si>
    <t>1182.554931640625</t>
  </si>
  <si>
    <t>0.001346046193139827</t>
  </si>
  <si>
    <t>9595</t>
  </si>
  <si>
    <t>23.709352493286133</t>
  </si>
  <si>
    <t>2936.546875</t>
  </si>
  <si>
    <t>0.07283408152801663</t>
  </si>
  <si>
    <t>9329</t>
  </si>
  <si>
    <t>23.845502853393555</t>
  </si>
  <si>
    <t>3306.117919921875</t>
  </si>
  <si>
    <t>-0.028114301480838932</t>
  </si>
  <si>
    <t>9416</t>
  </si>
  <si>
    <t>23.96026039123535</t>
  </si>
  <si>
    <t>2269.246826171875</t>
  </si>
  <si>
    <t>0.009282541979152015</t>
  </si>
  <si>
    <t>9619</t>
  </si>
  <si>
    <t>23.438913345336914</t>
  </si>
  <si>
    <t>2059.493408203125</t>
  </si>
  <si>
    <t>0.02132993921250126</t>
  </si>
  <si>
    <t>9620</t>
  </si>
  <si>
    <t>23.70050621032715</t>
  </si>
  <si>
    <t>1469.9095458984375</t>
  </si>
  <si>
    <t>0.0001039555071375986</t>
  </si>
  <si>
    <t>10032</t>
  </si>
  <si>
    <t>23.81396484375</t>
  </si>
  <si>
    <t>1870.990966796875</t>
  </si>
  <si>
    <t>0.04193571921294925</t>
  </si>
  <si>
    <t>10007</t>
  </si>
  <si>
    <t>23.755197525024414</t>
  </si>
  <si>
    <t>2128.246826171875</t>
  </si>
  <si>
    <t>-0.0024951357822455833</t>
  </si>
  <si>
    <t>10098</t>
  </si>
  <si>
    <t>23.6601505279541</t>
  </si>
  <si>
    <t>1973.4068603515625</t>
  </si>
  <si>
    <t>0.009052536328404415</t>
  </si>
  <si>
    <t>9927</t>
  </si>
  <si>
    <t>23.99053382873535</t>
  </si>
  <si>
    <t>3072.403564453125</t>
  </si>
  <si>
    <t>-0.01707906682913851</t>
  </si>
  <si>
    <t>9962</t>
  </si>
  <si>
    <t>23.63116455078125</t>
  </si>
  <si>
    <t>2422.863037109375</t>
  </si>
  <si>
    <t>0.0035195370435072704</t>
  </si>
  <si>
    <t>9773</t>
  </si>
  <si>
    <t>23.552345275878906</t>
  </si>
  <si>
    <t>2035.503662109375</t>
  </si>
  <si>
    <t>-0.019154373294393068</t>
  </si>
  <si>
    <t>10019</t>
  </si>
  <si>
    <t>23.939977645874023</t>
  </si>
  <si>
    <t>1973.675537109375</t>
  </si>
  <si>
    <t>0.02485980892042683</t>
  </si>
  <si>
    <t>10254</t>
  </si>
  <si>
    <t>23.84366798400879</t>
  </si>
  <si>
    <t>3506.95947265625</t>
  </si>
  <si>
    <t>0.023184583084383092</t>
  </si>
  <si>
    <t>10368</t>
  </si>
  <si>
    <t>23.60060691833496</t>
  </si>
  <si>
    <t>2593.040771484375</t>
  </si>
  <si>
    <t>0.01105626624840994</t>
  </si>
  <si>
    <t>10831</t>
  </si>
  <si>
    <t>23.77979278564453</t>
  </si>
  <si>
    <t>2503.74658203125</t>
  </si>
  <si>
    <t>0.04368825324368153</t>
  </si>
  <si>
    <t>11411</t>
  </si>
  <si>
    <t>23.637788772583008</t>
  </si>
  <si>
    <t>1326.9210205078125</t>
  </si>
  <si>
    <t>0.05216540959894189</t>
  </si>
  <si>
    <t>11904</t>
  </si>
  <si>
    <t>23.607315063476562</t>
  </si>
  <si>
    <t>1346.294921875</t>
  </si>
  <si>
    <t>0.04229667563819284</t>
  </si>
  <si>
    <t>12179</t>
  </si>
  <si>
    <t>23.958383560180664</t>
  </si>
  <si>
    <t>2699.397705078125</t>
  </si>
  <si>
    <t>0.02283867901423875</t>
  </si>
  <si>
    <t>12822</t>
  </si>
  <si>
    <t>24.040266036987305</t>
  </si>
  <si>
    <t>2306.72314453125</t>
  </si>
  <si>
    <t>0.051449288460091225</t>
  </si>
  <si>
    <t>13311</t>
  </si>
  <si>
    <t>23.825439453125</t>
  </si>
  <si>
    <t>2481.368896484375</t>
  </si>
  <si>
    <t>0.03742831549981673</t>
  </si>
  <si>
    <t>13242</t>
  </si>
  <si>
    <t>24.044370651245117</t>
  </si>
  <si>
    <t>1755.9482421875</t>
  </si>
  <si>
    <t>-0.005197164562227741</t>
  </si>
  <si>
    <t>10962</t>
  </si>
  <si>
    <t>24.34339714050293</t>
  </si>
  <si>
    <t>2624.0205078125</t>
  </si>
  <si>
    <t>-0.18895884987872869</t>
  </si>
  <si>
    <t>10380</t>
  </si>
  <si>
    <t>24.00874137878418</t>
  </si>
  <si>
    <t>2562.041015625</t>
  </si>
  <si>
    <t>-0.054553868886182855</t>
  </si>
  <si>
    <t>12388</t>
  </si>
  <si>
    <t>24.032670974731445</t>
  </si>
  <si>
    <t>3134.51513671875</t>
  </si>
  <si>
    <t>0.17684738437321457</t>
  </si>
  <si>
    <t>32</t>
  </si>
  <si>
    <t>GAB</t>
  </si>
  <si>
    <t>17559</t>
  </si>
  <si>
    <t>25.28881072998047</t>
  </si>
  <si>
    <t>2194.221435546875</t>
  </si>
  <si>
    <t>405.7299499511719</t>
  </si>
  <si>
    <t>Gabon</t>
  </si>
  <si>
    <t>18135</t>
  </si>
  <si>
    <t>25.220888137817383</t>
  </si>
  <si>
    <t>1914.8800048828125</t>
  </si>
  <si>
    <t>0.03227713375767216</t>
  </si>
  <si>
    <t>17109</t>
  </si>
  <si>
    <t>24.932668685913086</t>
  </si>
  <si>
    <t>1926.4815673828125</t>
  </si>
  <si>
    <t>-0.05823913189235519</t>
  </si>
  <si>
    <t>17318</t>
  </si>
  <si>
    <t>25.109006881713867</t>
  </si>
  <si>
    <t>1902.4615478515625</t>
  </si>
  <si>
    <t>0.01214178218309847</t>
  </si>
  <si>
    <t>17498</t>
  </si>
  <si>
    <t>25.097063064575195</t>
  </si>
  <si>
    <t>2126.56787109375</t>
  </si>
  <si>
    <t>0.010340165658464073</t>
  </si>
  <si>
    <t>17904</t>
  </si>
  <si>
    <t>25.288307189941406</t>
  </si>
  <si>
    <t>2079.292236328125</t>
  </si>
  <si>
    <t>0.02293756288549531</t>
  </si>
  <si>
    <t>18091</t>
  </si>
  <si>
    <t>25.015214920043945</t>
  </si>
  <si>
    <t>2071.30810546875</t>
  </si>
  <si>
    <t>0.010390425469555709</t>
  </si>
  <si>
    <t>18656</t>
  </si>
  <si>
    <t>25.19249725341797</t>
  </si>
  <si>
    <t>2022.044921875</t>
  </si>
  <si>
    <t>0.030753233128956836</t>
  </si>
  <si>
    <t>18825</t>
  </si>
  <si>
    <t>25.76435661315918</t>
  </si>
  <si>
    <t>2123.802490234375</t>
  </si>
  <si>
    <t>0.009017963517875316</t>
  </si>
  <si>
    <t>16716</t>
  </si>
  <si>
    <t>25.31206512451172</t>
  </si>
  <si>
    <t>2300.377685546875</t>
  </si>
  <si>
    <t>-0.11881942910028798</t>
  </si>
  <si>
    <t>15987</t>
  </si>
  <si>
    <t>25.228452682495117</t>
  </si>
  <si>
    <t>2235.046630859375</t>
  </si>
  <si>
    <t>-0.04459045260291283</t>
  </si>
  <si>
    <t>15908</t>
  </si>
  <si>
    <t>25.46537971496582</t>
  </si>
  <si>
    <t>1886.69287109375</t>
  </si>
  <si>
    <t>-0.004953764637312119</t>
  </si>
  <si>
    <t>15453</t>
  </si>
  <si>
    <t>25.599279403686523</t>
  </si>
  <si>
    <t>2267.159423828125</t>
  </si>
  <si>
    <t>-0.0290189680938866</t>
  </si>
  <si>
    <t>15380</t>
  </si>
  <si>
    <t>25.565956115722656</t>
  </si>
  <si>
    <t>2036.02734375</t>
  </si>
  <si>
    <t>-0.004735195174058404</t>
  </si>
  <si>
    <t>15063</t>
  </si>
  <si>
    <t>25.5036678314209</t>
  </si>
  <si>
    <t>1775.0950927734375</t>
  </si>
  <si>
    <t>-0.020826558356819902</t>
  </si>
  <si>
    <t>15028</t>
  </si>
  <si>
    <t>25.538772583007812</t>
  </si>
  <si>
    <t>1759.2816162109375</t>
  </si>
  <si>
    <t>-0.0023262780089563506</t>
  </si>
  <si>
    <t>14177</t>
  </si>
  <si>
    <t>25.551849365234375</t>
  </si>
  <si>
    <t>1867.520751953125</t>
  </si>
  <si>
    <t>-0.0582941945762272</t>
  </si>
  <si>
    <t>14571</t>
  </si>
  <si>
    <t>25.477783203125</t>
  </si>
  <si>
    <t>2663.22216796875</t>
  </si>
  <si>
    <t>0.02741231889622142</t>
  </si>
  <si>
    <t>13647</t>
  </si>
  <si>
    <t>25.40974998474121</t>
  </si>
  <si>
    <t>2171.21630859375</t>
  </si>
  <si>
    <t>-0.0655135347757394</t>
  </si>
  <si>
    <t>13222</t>
  </si>
  <si>
    <t>25.567733764648438</t>
  </si>
  <si>
    <t>2211.972900390625</t>
  </si>
  <si>
    <t>-0.03163760834459062</t>
  </si>
  <si>
    <t>13683</t>
  </si>
  <si>
    <t>25.660215377807617</t>
  </si>
  <si>
    <t>1847.3824462890625</t>
  </si>
  <si>
    <t>0.034272077486287245</t>
  </si>
  <si>
    <t>14146</t>
  </si>
  <si>
    <t>25.38079833984375</t>
  </si>
  <si>
    <t>2076.137939453125</t>
  </si>
  <si>
    <t>0.0332777122161243</t>
  </si>
  <si>
    <t>14368</t>
  </si>
  <si>
    <t>25.475595474243164</t>
  </si>
  <si>
    <t>2279.060791015625</t>
  </si>
  <si>
    <t>0.015571612946045477</t>
  </si>
  <si>
    <t>14655</t>
  </si>
  <si>
    <t>25.500741958618164</t>
  </si>
  <si>
    <t>2139.451904296875</t>
  </si>
  <si>
    <t>0.019778062603011293</t>
  </si>
  <si>
    <t>14785</t>
  </si>
  <si>
    <t>25.48636817932129</t>
  </si>
  <si>
    <t>2008.2203369140625</t>
  </si>
  <si>
    <t>0.008831579141585166</t>
  </si>
  <si>
    <t>14892</t>
  </si>
  <si>
    <t>25.653112411499023</t>
  </si>
  <si>
    <t>1707.371826171875</t>
  </si>
  <si>
    <t>0.007211002706030811</t>
  </si>
  <si>
    <t>14783</t>
  </si>
  <si>
    <t>25.82281494140625</t>
  </si>
  <si>
    <t>2014.8431396484375</t>
  </si>
  <si>
    <t>-0.007346284091518385</t>
  </si>
  <si>
    <t>14478</t>
  </si>
  <si>
    <t>25.536378860473633</t>
  </si>
  <si>
    <t>2027.012939453125</t>
  </si>
  <si>
    <t>-0.02084761604800356</t>
  </si>
  <si>
    <t>14254</t>
  </si>
  <si>
    <t>25.784765243530273</t>
  </si>
  <si>
    <t>1957.014404296875</t>
  </si>
  <si>
    <t>-0.015592686791270793</t>
  </si>
  <si>
    <t>25.66005516052246</t>
  </si>
  <si>
    <t>2229.278564453125</t>
  </si>
  <si>
    <t>0.015592686791270793</t>
  </si>
  <si>
    <t>13903</t>
  </si>
  <si>
    <t>25.913381576538086</t>
  </si>
  <si>
    <t>2028.5494384765625</t>
  </si>
  <si>
    <t>-0.040525611683543517</t>
  </si>
  <si>
    <t>13823</t>
  </si>
  <si>
    <t>25.904691696166992</t>
  </si>
  <si>
    <t>1892.89794921875</t>
  </si>
  <si>
    <t>-0.005770772705185223</t>
  </si>
  <si>
    <t>13940</t>
  </si>
  <si>
    <t>25.717336654663086</t>
  </si>
  <si>
    <t>2004.9163818359375</t>
  </si>
  <si>
    <t>0.008428533850157294</t>
  </si>
  <si>
    <t>33</t>
  </si>
  <si>
    <t>GMB</t>
  </si>
  <si>
    <t>2080</t>
  </si>
  <si>
    <t>27.196624755859375</t>
  </si>
  <si>
    <t>927.38623046875</t>
  </si>
  <si>
    <t>572.6539916992188</t>
  </si>
  <si>
    <t>Gambia</t>
  </si>
  <si>
    <t>2060</t>
  </si>
  <si>
    <t>26.73185157775879</t>
  </si>
  <si>
    <t>845.2356567382812</t>
  </si>
  <si>
    <t>-0.009661910911736626</t>
  </si>
  <si>
    <t>2047</t>
  </si>
  <si>
    <t>26.594820022583008</t>
  </si>
  <si>
    <t>918.6796264648438</t>
  </si>
  <si>
    <t>-0.006330676122337842</t>
  </si>
  <si>
    <t>2034</t>
  </si>
  <si>
    <t>26.607566833496094</t>
  </si>
  <si>
    <t>953.4583740234375</t>
  </si>
  <si>
    <t>-0.0063710090527839824</t>
  </si>
  <si>
    <t>1974</t>
  </si>
  <si>
    <t>26.54633903503418</t>
  </si>
  <si>
    <t>1105.8282470703125</t>
  </si>
  <si>
    <t>-0.029942356615078047</t>
  </si>
  <si>
    <t>1933</t>
  </si>
  <si>
    <t>26.723365783691406</t>
  </si>
  <si>
    <t>1047.5294189453125</t>
  </si>
  <si>
    <t>-0.020988740785096383</t>
  </si>
  <si>
    <t>1919</t>
  </si>
  <si>
    <t>27.07891273498535</t>
  </si>
  <si>
    <t>938.6616821289062</t>
  </si>
  <si>
    <t>-0.007268983200630963</t>
  </si>
  <si>
    <t>1955</t>
  </si>
  <si>
    <t>27.30462646484375</t>
  </si>
  <si>
    <t>1040.4769287109375</t>
  </si>
  <si>
    <t>0.018585976411766403</t>
  </si>
  <si>
    <t>1965</t>
  </si>
  <si>
    <t>27.508596420288086</t>
  </si>
  <si>
    <t>975.7289428710938</t>
  </si>
  <si>
    <t>0.005102051883895342</t>
  </si>
  <si>
    <t>2031</t>
  </si>
  <si>
    <t>26.688066482543945</t>
  </si>
  <si>
    <t>1429.989990234375</t>
  </si>
  <si>
    <t>0.03303603727702331</t>
  </si>
  <si>
    <t>2081</t>
  </si>
  <si>
    <t>26.755592346191406</t>
  </si>
  <si>
    <t>1121.3095703125</t>
  </si>
  <si>
    <t>0.024320264813249004</t>
  </si>
  <si>
    <t>2140</t>
  </si>
  <si>
    <t>27.262746810913086</t>
  </si>
  <si>
    <t>952.7560424804688</t>
  </si>
  <si>
    <t>0.027957281622263075</t>
  </si>
  <si>
    <t>27.13005256652832</t>
  </si>
  <si>
    <t>760.2734985351562</t>
  </si>
  <si>
    <t>-0.061676576796267035</t>
  </si>
  <si>
    <t>27.11796760559082</t>
  </si>
  <si>
    <t>1117.895263671875</t>
  </si>
  <si>
    <t>0.03803481373922679</t>
  </si>
  <si>
    <t>2173</t>
  </si>
  <si>
    <t>27.227453231811523</t>
  </si>
  <si>
    <t>864.1898803710938</t>
  </si>
  <si>
    <t>0.03894463529757264</t>
  </si>
  <si>
    <t>2061</t>
  </si>
  <si>
    <t>27.45610237121582</t>
  </si>
  <si>
    <t>1362.5604248046875</t>
  </si>
  <si>
    <t>-0.0529173993659704</t>
  </si>
  <si>
    <t>27.150169372558594</t>
  </si>
  <si>
    <t>1202.74267578125</t>
  </si>
  <si>
    <t>-0.03606219367393937</t>
  </si>
  <si>
    <t>1986</t>
  </si>
  <si>
    <t>27.06721305847168</t>
  </si>
  <si>
    <t>1032.0272216796875</t>
  </si>
  <si>
    <t>-0.0010065426114014286</t>
  </si>
  <si>
    <t>2046</t>
  </si>
  <si>
    <t>27.11334991455078</t>
  </si>
  <si>
    <t>1335.0252685546875</t>
  </si>
  <si>
    <t>0.029764101906453178</t>
  </si>
  <si>
    <t>2116</t>
  </si>
  <si>
    <t>27.054147720336914</t>
  </si>
  <si>
    <t>1254.6912841796875</t>
  </si>
  <si>
    <t>0.03364084646661869</t>
  </si>
  <si>
    <t>2172</t>
  </si>
  <si>
    <t>27.568140029907227</t>
  </si>
  <si>
    <t>1378.609375</t>
  </si>
  <si>
    <t>0.02612088807563584</t>
  </si>
  <si>
    <t>1935</t>
  </si>
  <si>
    <t>27.002670288085938</t>
  </si>
  <si>
    <t>978.6655883789062</t>
  </si>
  <si>
    <t>-0.11554107558994353</t>
  </si>
  <si>
    <t>26.957136154174805</t>
  </si>
  <si>
    <t>1354.8804931640625</t>
  </si>
  <si>
    <t>0.019954614529544834</t>
  </si>
  <si>
    <t>1970</t>
  </si>
  <si>
    <t>27.272443771362305</t>
  </si>
  <si>
    <t>1200.3349609375</t>
  </si>
  <si>
    <t>-0.002028398261392894</t>
  </si>
  <si>
    <t>1885</t>
  </si>
  <si>
    <t>26.995849609375</t>
  </si>
  <si>
    <t>1034.953857421875</t>
  </si>
  <si>
    <t>-0.04410572184992301</t>
  </si>
  <si>
    <t>1906</t>
  </si>
  <si>
    <t>27.421133041381836</t>
  </si>
  <si>
    <t>1184.9964599609375</t>
  </si>
  <si>
    <t>0.011078984332035802</t>
  </si>
  <si>
    <t>1889</t>
  </si>
  <si>
    <t>27.20429039001465</t>
  </si>
  <si>
    <t>1156.8795166015625</t>
  </si>
  <si>
    <t>-0.008959216712637996</t>
  </si>
  <si>
    <t>1927</t>
  </si>
  <si>
    <t>27.38081932067871</t>
  </si>
  <si>
    <t>1111.5224609375</t>
  </si>
  <si>
    <t>0.01991680091285719</t>
  </si>
  <si>
    <t>26.774606704711914</t>
  </si>
  <si>
    <t>997.7510375976562</t>
  </si>
  <si>
    <t>0.04366175722542476</t>
  </si>
  <si>
    <t>2083</t>
  </si>
  <si>
    <t>27.003097534179688</t>
  </si>
  <si>
    <t>1120.4481201171875</t>
  </si>
  <si>
    <t>0.034183015621180424</t>
  </si>
  <si>
    <t>2043</t>
  </si>
  <si>
    <t>27.75157356262207</t>
  </si>
  <si>
    <t>1200.1593017578125</t>
  </si>
  <si>
    <t>-0.019389846443349512</t>
  </si>
  <si>
    <t>2077</t>
  </si>
  <si>
    <t>27.661094665527344</t>
  </si>
  <si>
    <t>1107.6204833984375</t>
  </si>
  <si>
    <t>0.016505229058489945</t>
  </si>
  <si>
    <t>2114</t>
  </si>
  <si>
    <t>27.060562133789062</t>
  </si>
  <si>
    <t>1543.02880859375</t>
  </si>
  <si>
    <t>0.017657342554071143</t>
  </si>
  <si>
    <t>34</t>
  </si>
  <si>
    <t>GHA</t>
  </si>
  <si>
    <t>2300</t>
  </si>
  <si>
    <t>27.07408905029297</t>
  </si>
  <si>
    <t>1002.06494140625</t>
  </si>
  <si>
    <t>6345.6220703125</t>
  </si>
  <si>
    <t>Ghana</t>
  </si>
  <si>
    <t>2361</t>
  </si>
  <si>
    <t>26.749303817749023</t>
  </si>
  <si>
    <t>1222.5694580078125</t>
  </si>
  <si>
    <t>0.026176135168271664</t>
  </si>
  <si>
    <t>2392</t>
  </si>
  <si>
    <t>26.718774795532227</t>
  </si>
  <si>
    <t>862.270751953125</t>
  </si>
  <si>
    <t>0.01304457798500902</t>
  </si>
  <si>
    <t>2447</t>
  </si>
  <si>
    <t>26.960350036621094</t>
  </si>
  <si>
    <t>1076.575439453125</t>
  </si>
  <si>
    <t>0.02273294837214923</t>
  </si>
  <si>
    <t>2469</t>
  </si>
  <si>
    <t>26.788785934448242</t>
  </si>
  <si>
    <t>1102.8651123046875</t>
  </si>
  <si>
    <t>0.008950425902508385</t>
  </si>
  <si>
    <t>2512</t>
  </si>
  <si>
    <t>27.178466796875</t>
  </si>
  <si>
    <t>1155.928955078125</t>
  </si>
  <si>
    <t>0.01726603824290951</t>
  </si>
  <si>
    <t>2568</t>
  </si>
  <si>
    <t>27.04029083251953</t>
  </si>
  <si>
    <t>1184.87060546875</t>
  </si>
  <si>
    <t>0.022048137221762687</t>
  </si>
  <si>
    <t>2614</t>
  </si>
  <si>
    <t>27.0198974609375</t>
  </si>
  <si>
    <t>1244.763427734375</t>
  </si>
  <si>
    <t>0.017754229374315145</t>
  </si>
  <si>
    <t>2671</t>
  </si>
  <si>
    <t>27.60296630859375</t>
  </si>
  <si>
    <t>989.2667846679688</t>
  </si>
  <si>
    <t>0.021571318925794003</t>
  </si>
  <si>
    <t>2722</t>
  </si>
  <si>
    <t>27.045305252075195</t>
  </si>
  <si>
    <t>1250.469482421875</t>
  </si>
  <si>
    <t>0.01891397010145024</t>
  </si>
  <si>
    <t>2752</t>
  </si>
  <si>
    <t>27.070106506347656</t>
  </si>
  <si>
    <t>1052.7679443359375</t>
  </si>
  <si>
    <t>0.010961015841822963</t>
  </si>
  <si>
    <t>2787</t>
  </si>
  <si>
    <t>27.23126983642578</t>
  </si>
  <si>
    <t>1094.2506103515625</t>
  </si>
  <si>
    <t>0.01263782842871386</t>
  </si>
  <si>
    <t>2834</t>
  </si>
  <si>
    <t>27.394132614135742</t>
  </si>
  <si>
    <t>1230.33740234375</t>
  </si>
  <si>
    <t>0.016723392768677847</t>
  </si>
  <si>
    <t>2901</t>
  </si>
  <si>
    <t>27.39299774169922</t>
  </si>
  <si>
    <t>1231.72216796875</t>
  </si>
  <si>
    <t>0.023366363870778173</t>
  </si>
  <si>
    <t>2983</t>
  </si>
  <si>
    <t>27.22327995300293</t>
  </si>
  <si>
    <t>1145.1995849609375</t>
  </si>
  <si>
    <t>0.027874000393343756</t>
  </si>
  <si>
    <t>3076</t>
  </si>
  <si>
    <t>27.624114990234375</t>
  </si>
  <si>
    <t>1120.0928955078125</t>
  </si>
  <si>
    <t>0.03070054611078632</t>
  </si>
  <si>
    <t>3188</t>
  </si>
  <si>
    <t>27.305450439453125</t>
  </si>
  <si>
    <t>1132.4127197265625</t>
  </si>
  <si>
    <t>0.03576370928457173</t>
  </si>
  <si>
    <t>3241</t>
  </si>
  <si>
    <t>27.29266929626465</t>
  </si>
  <si>
    <t>1332.1474609375</t>
  </si>
  <si>
    <t>0.016488163231441533</t>
  </si>
  <si>
    <t>3447</t>
  </si>
  <si>
    <t>27.27385902404785</t>
  </si>
  <si>
    <t>1334.1966552734375</t>
  </si>
  <si>
    <t>0.061622363375317235</t>
  </si>
  <si>
    <t>3524</t>
  </si>
  <si>
    <t>27.530973434448242</t>
  </si>
  <si>
    <t>1195.3773193359375</t>
  </si>
  <si>
    <t>0.022092420539205904</t>
  </si>
  <si>
    <t>3709</t>
  </si>
  <si>
    <t>27.659133911132812</t>
  </si>
  <si>
    <t>1376.406005859375</t>
  </si>
  <si>
    <t>0.05116559043351998</t>
  </si>
  <si>
    <t>4129</t>
  </si>
  <si>
    <t>27.386816024780273</t>
  </si>
  <si>
    <t>1191.4979248046875</t>
  </si>
  <si>
    <t>0.10727294839649915</t>
  </si>
  <si>
    <t>4403</t>
  </si>
  <si>
    <t>27.171241760253906</t>
  </si>
  <si>
    <t>1240.7396240234375</t>
  </si>
  <si>
    <t>0.0642508798696646</t>
  </si>
  <si>
    <t>4610</t>
  </si>
  <si>
    <t>27.425432205200195</t>
  </si>
  <si>
    <t>1141.1646728515625</t>
  </si>
  <si>
    <t>0.04594173023494008</t>
  </si>
  <si>
    <t>4629</t>
  </si>
  <si>
    <t>27.325233459472656</t>
  </si>
  <si>
    <t>1171.2303466796875</t>
  </si>
  <si>
    <t>0.004113005040576212</t>
  </si>
  <si>
    <t>4617</t>
  </si>
  <si>
    <t>27.629005432128906</t>
  </si>
  <si>
    <t>1102.6275634765625</t>
  </si>
  <si>
    <t>-0.0025957185242813097</t>
  </si>
  <si>
    <t>4662</t>
  </si>
  <si>
    <t>27.8347225189209</t>
  </si>
  <si>
    <t>1152.6279296875</t>
  </si>
  <si>
    <t>0.009699397088713368</t>
  </si>
  <si>
    <t>4930</t>
  </si>
  <si>
    <t>27.63222312927246</t>
  </si>
  <si>
    <t>1169.848876953125</t>
  </si>
  <si>
    <t>0.05589444744103389</t>
  </si>
  <si>
    <t>5125</t>
  </si>
  <si>
    <t>27.68622589111328</t>
  </si>
  <si>
    <t>1260.8668212890625</t>
  </si>
  <si>
    <t>0.03879153696987281</t>
  </si>
  <si>
    <t>5346</t>
  </si>
  <si>
    <t>27.379554748535156</t>
  </si>
  <si>
    <t>1440.994140625</t>
  </si>
  <si>
    <t>0.04221809269225396</t>
  </si>
  <si>
    <t>5264</t>
  </si>
  <si>
    <t>27.84181785583496</t>
  </si>
  <si>
    <t>1171.442626953125</t>
  </si>
  <si>
    <t>-0.015457423693710837</t>
  </si>
  <si>
    <t>5421</t>
  </si>
  <si>
    <t>27.8783016204834</t>
  </si>
  <si>
    <t>1247.7197265625</t>
  </si>
  <si>
    <t>0.029389106255186093</t>
  </si>
  <si>
    <t>5480</t>
  </si>
  <si>
    <t>27.422243118286133</t>
  </si>
  <si>
    <t>1173.4779052734375</t>
  </si>
  <si>
    <t>0.01082480068172309</t>
  </si>
  <si>
    <t>35</t>
  </si>
  <si>
    <t>GRD</t>
  </si>
  <si>
    <t>8572</t>
  </si>
  <si>
    <t>26.21666717529297</t>
  </si>
  <si>
    <t>1640.7999267578125</t>
  </si>
  <si>
    <t>296.51544189453125</t>
  </si>
  <si>
    <t>Grenada</t>
  </si>
  <si>
    <t>8629</t>
  </si>
  <si>
    <t>26.0916690826416</t>
  </si>
  <si>
    <t>1588.7001953125</t>
  </si>
  <si>
    <t>0.006627545914840383</t>
  </si>
  <si>
    <t>8447</t>
  </si>
  <si>
    <t>26.26666831970215</t>
  </si>
  <si>
    <t>1661.4998779296875</t>
  </si>
  <si>
    <t>-0.021317274780811246</t>
  </si>
  <si>
    <t>8190</t>
  </si>
  <si>
    <t>26.316667556762695</t>
  </si>
  <si>
    <t>1635.5999755859375</t>
  </si>
  <si>
    <t>-0.030897450880381427</t>
  </si>
  <si>
    <t>8247</t>
  </si>
  <si>
    <t>26.099998474121094</t>
  </si>
  <si>
    <t>1584.2999267578125</t>
  </si>
  <si>
    <t>0.006935599986240604</t>
  </si>
  <si>
    <t>8351</t>
  </si>
  <si>
    <t>26.433332443237305</t>
  </si>
  <si>
    <t>1712.800048828125</t>
  </si>
  <si>
    <t>0.012531794319874834</t>
  </si>
  <si>
    <t>8657</t>
  </si>
  <si>
    <t>26.308332443237305</t>
  </si>
  <si>
    <t>1835.800048828125</t>
  </si>
  <si>
    <t>0.0359869500625436</t>
  </si>
  <si>
    <t>9030</t>
  </si>
  <si>
    <t>26.46666717529297</t>
  </si>
  <si>
    <t>1416.39990234375</t>
  </si>
  <si>
    <t>0.042184125195257494</t>
  </si>
  <si>
    <t>10030</t>
  </si>
  <si>
    <t>26.758331298828125</t>
  </si>
  <si>
    <t>2029.4000244140625</t>
  </si>
  <si>
    <t>0.10502823454494958</t>
  </si>
  <si>
    <t>10659</t>
  </si>
  <si>
    <t>1796.5</t>
  </si>
  <si>
    <t>0.06082400373315622</t>
  </si>
  <si>
    <t>11117</t>
  </si>
  <si>
    <t>1662.7000732421875</t>
  </si>
  <si>
    <t>0.04207086254447745</t>
  </si>
  <si>
    <t>10841</t>
  </si>
  <si>
    <t>26.691665649414062</t>
  </si>
  <si>
    <t>1387.800048828125</t>
  </si>
  <si>
    <t>-0.025140225572322095</t>
  </si>
  <si>
    <t>11183</t>
  </si>
  <si>
    <t>26.625</t>
  </si>
  <si>
    <t>1473.39990234375</t>
  </si>
  <si>
    <t>0.031059525366895713</t>
  </si>
  <si>
    <t>12184</t>
  </si>
  <si>
    <t>1580.0</t>
  </si>
  <si>
    <t>0.0857288475468092</t>
  </si>
  <si>
    <t>12019</t>
  </si>
  <si>
    <t>26.39166831970215</t>
  </si>
  <si>
    <t>1977.4000244140625</t>
  </si>
  <si>
    <t>-0.013634884622208077</t>
  </si>
  <si>
    <t>13524</t>
  </si>
  <si>
    <t>26.69999885559082</t>
  </si>
  <si>
    <t>1885.7999267578125</t>
  </si>
  <si>
    <t>0.1179771538749872</t>
  </si>
  <si>
    <t>12898</t>
  </si>
  <si>
    <t>26.516664505004883</t>
  </si>
  <si>
    <t>1529.89990234375</t>
  </si>
  <si>
    <t>-0.04739362425745419</t>
  </si>
  <si>
    <t>13597</t>
  </si>
  <si>
    <t>26.425003051757812</t>
  </si>
  <si>
    <t>1475.89990234375</t>
  </si>
  <si>
    <t>0.05277691958536401</t>
  </si>
  <si>
    <t>13634</t>
  </si>
  <si>
    <t>26.266664505004883</t>
  </si>
  <si>
    <t>1697.10009765625</t>
  </si>
  <si>
    <t>0.0027174927670436944</t>
  </si>
  <si>
    <t>12646</t>
  </si>
  <si>
    <t>26.65000343322754</t>
  </si>
  <si>
    <t>1341.5999755859375</t>
  </si>
  <si>
    <t>-0.07522571330417094</t>
  </si>
  <si>
    <t>26.89166831970215</t>
  </si>
  <si>
    <t>1898.60009765625</t>
  </si>
  <si>
    <t>-0.012092430565044054</t>
  </si>
  <si>
    <t>12493</t>
  </si>
  <si>
    <t>26.366666793823242</t>
  </si>
  <si>
    <t>1958.60009765625</t>
  </si>
  <si>
    <t>-8.004162168617768e-05</t>
  </si>
  <si>
    <t>12243</t>
  </si>
  <si>
    <t>26.491668701171875</t>
  </si>
  <si>
    <t>1416.10009765625</t>
  </si>
  <si>
    <t>-0.02021414235791319</t>
  </si>
  <si>
    <t>12420</t>
  </si>
  <si>
    <t>26.53333282470703</t>
  </si>
  <si>
    <t>1447.099853515625</t>
  </si>
  <si>
    <t>0.014353731413553561</t>
  </si>
  <si>
    <t>13216</t>
  </si>
  <si>
    <t>26.5</t>
  </si>
  <si>
    <t>1541.7999267578125</t>
  </si>
  <si>
    <t>0.06212014027329005</t>
  </si>
  <si>
    <t>13949</t>
  </si>
  <si>
    <t>26.75</t>
  </si>
  <si>
    <t>1081.9000244140625</t>
  </si>
  <si>
    <t>0.05397960433147553</t>
  </si>
  <si>
    <t>14351</t>
  </si>
  <si>
    <t>26.76666831970215</t>
  </si>
  <si>
    <t>1862.9000244140625</t>
  </si>
  <si>
    <t>0.028411805078697228</t>
  </si>
  <si>
    <t>14870</t>
  </si>
  <si>
    <t>1887.199951171875</t>
  </si>
  <si>
    <t>0.03552613428326801</t>
  </si>
  <si>
    <t>15402</t>
  </si>
  <si>
    <t>26.075002670288086</t>
  </si>
  <si>
    <t>1540.800048828125</t>
  </si>
  <si>
    <t>0.035151610644994946</t>
  </si>
  <si>
    <t>15394</t>
  </si>
  <si>
    <t>26.483335494995117</t>
  </si>
  <si>
    <t>1378.0999755859375</t>
  </si>
  <si>
    <t>-0.0005195480049327017</t>
  </si>
  <si>
    <t>13176</t>
  </si>
  <si>
    <t>26.466665267944336</t>
  </si>
  <si>
    <t>1646.10009765625</t>
  </si>
  <si>
    <t>-0.15558083023678648</t>
  </si>
  <si>
    <t>13688</t>
  </si>
  <si>
    <t>26.30000114440918</t>
  </si>
  <si>
    <t>1401.800048828125</t>
  </si>
  <si>
    <t>0.038122543714553814</t>
  </si>
  <si>
    <t>14463</t>
  </si>
  <si>
    <t>26.133337020874023</t>
  </si>
  <si>
    <t>1625.699951171875</t>
  </si>
  <si>
    <t>0.05507412750170282</t>
  </si>
  <si>
    <t>36</t>
  </si>
  <si>
    <t>GIN</t>
  </si>
  <si>
    <t>1507</t>
  </si>
  <si>
    <t>25.482995986938477</t>
  </si>
  <si>
    <t>1706.660400390625</t>
  </si>
  <si>
    <t>2161.63427734375</t>
  </si>
  <si>
    <t>Guinea</t>
  </si>
  <si>
    <t>1485</t>
  </si>
  <si>
    <t>25.222572326660156</t>
  </si>
  <si>
    <t>1778.6083984375</t>
  </si>
  <si>
    <t>-0.014706147389695445</t>
  </si>
  <si>
    <t>25.133459091186523</t>
  </si>
  <si>
    <t>1926.8729248046875</t>
  </si>
  <si>
    <t>1513</t>
  </si>
  <si>
    <t>25.309968948364258</t>
  </si>
  <si>
    <t>1791.114501953125</t>
  </si>
  <si>
    <t>0.01867966255155551</t>
  </si>
  <si>
    <t>1526</t>
  </si>
  <si>
    <t>24.880876541137695</t>
  </si>
  <si>
    <t>2187.024169921875</t>
  </si>
  <si>
    <t>0.008555498056046495</t>
  </si>
  <si>
    <t>1552</t>
  </si>
  <si>
    <t>25.42291259765625</t>
  </si>
  <si>
    <t>1954.322265625</t>
  </si>
  <si>
    <t>0.016894488898762106</t>
  </si>
  <si>
    <t>1576</t>
  </si>
  <si>
    <t>25.474172592163086</t>
  </si>
  <si>
    <t>1932.7222900390625</t>
  </si>
  <si>
    <t>0.015345569674660275</t>
  </si>
  <si>
    <t>1624</t>
  </si>
  <si>
    <t>25.33648109436035</t>
  </si>
  <si>
    <t>1880.827880859375</t>
  </si>
  <si>
    <t>0.03000225030379866</t>
  </si>
  <si>
    <t>1652</t>
  </si>
  <si>
    <t>25.858795166015625</t>
  </si>
  <si>
    <t>1959.1126708984375</t>
  </si>
  <si>
    <t>0.01709443335929972</t>
  </si>
  <si>
    <t>1677</t>
  </si>
  <si>
    <t>25.166837692260742</t>
  </si>
  <si>
    <t>2138.599609375</t>
  </si>
  <si>
    <t>0.015019807742286062</t>
  </si>
  <si>
    <t>1685</t>
  </si>
  <si>
    <t>25.12848472595215</t>
  </si>
  <si>
    <t>1957.5582275390625</t>
  </si>
  <si>
    <t>0.0047590809632529485</t>
  </si>
  <si>
    <t>1724</t>
  </si>
  <si>
    <t>25.480546951293945</t>
  </si>
  <si>
    <t>1892.5264892578125</t>
  </si>
  <si>
    <t>0.022881608437176126</t>
  </si>
  <si>
    <t>1786</t>
  </si>
  <si>
    <t>25.845579147338867</t>
  </si>
  <si>
    <t>1804.8927001953125</t>
  </si>
  <si>
    <t>0.03533131021280589</t>
  </si>
  <si>
    <t>1768</t>
  </si>
  <si>
    <t>25.64537239074707</t>
  </si>
  <si>
    <t>2026.713134765625</t>
  </si>
  <si>
    <t>-0.01012951823885544</t>
  </si>
  <si>
    <t>1771</t>
  </si>
  <si>
    <t>25.748952865600586</t>
  </si>
  <si>
    <t>2001.362548828125</t>
  </si>
  <si>
    <t>0.0016953945852451469</t>
  </si>
  <si>
    <t>1788</t>
  </si>
  <si>
    <t>25.86882972717285</t>
  </si>
  <si>
    <t>1967.62744140625</t>
  </si>
  <si>
    <t>0.009553317950625306</t>
  </si>
  <si>
    <t>1773</t>
  </si>
  <si>
    <t>25.60341453552246</t>
  </si>
  <si>
    <t>2170.028564453125</t>
  </si>
  <si>
    <t>-0.008424649659251493</t>
  </si>
  <si>
    <t>1851</t>
  </si>
  <si>
    <t>25.56006622314453</t>
  </si>
  <si>
    <t>1809.65673828125</t>
  </si>
  <si>
    <t>0.04305300649928956</t>
  </si>
  <si>
    <t>1881</t>
  </si>
  <si>
    <t>25.516359329223633</t>
  </si>
  <si>
    <t>2022.6219482421875</t>
  </si>
  <si>
    <t>0.01607751672753288</t>
  </si>
  <si>
    <t>1815</t>
  </si>
  <si>
    <t>25.74393653869629</t>
  </si>
  <si>
    <t>1912.131103515625</t>
  </si>
  <si>
    <t>-0.03571808260207909</t>
  </si>
  <si>
    <t>1856</t>
  </si>
  <si>
    <t>25.92372703552246</t>
  </si>
  <si>
    <t>2203.2587890625</t>
  </si>
  <si>
    <t>0.022338166647195123</t>
  </si>
  <si>
    <t>1913</t>
  </si>
  <si>
    <t>25.58538818359375</t>
  </si>
  <si>
    <t>1902.973388671875</t>
  </si>
  <si>
    <t>0.030249056094106663</t>
  </si>
  <si>
    <t>1977</t>
  </si>
  <si>
    <t>25.370359420776367</t>
  </si>
  <si>
    <t>1996.901611328125</t>
  </si>
  <si>
    <t>0.03290785373036442</t>
  </si>
  <si>
    <t>25.725950241088867</t>
  </si>
  <si>
    <t>2008.7713623046875</t>
  </si>
  <si>
    <t>0.01406351657005267</t>
  </si>
  <si>
    <t>2029</t>
  </si>
  <si>
    <t>25.511978149414062</t>
  </si>
  <si>
    <t>1911.350341796875</t>
  </si>
  <si>
    <t>0.011899000085144884</t>
  </si>
  <si>
    <t>2053</t>
  </si>
  <si>
    <t>25.86131477355957</t>
  </si>
  <si>
    <t>2066.852783203125</t>
  </si>
  <si>
    <t>0.011759077193119083</t>
  </si>
  <si>
    <t>2217</t>
  </si>
  <si>
    <t>25.94349479675293</t>
  </si>
  <si>
    <t>1950.33056640625</t>
  </si>
  <si>
    <t>0.07685279259737765</t>
  </si>
  <si>
    <t>2384</t>
  </si>
  <si>
    <t>25.946823120117188</t>
  </si>
  <si>
    <t>1914.95458984375</t>
  </si>
  <si>
    <t>0.07262481856892933</t>
  </si>
  <si>
    <t>2472</t>
  </si>
  <si>
    <t>25.813344955444336</t>
  </si>
  <si>
    <t>1916.6962890625</t>
  </si>
  <si>
    <t>0.036247790392340384</t>
  </si>
  <si>
    <t>2545</t>
  </si>
  <si>
    <t>25.620628356933594</t>
  </si>
  <si>
    <t>1946.935302734375</t>
  </si>
  <si>
    <t>0.029103110407041832</t>
  </si>
  <si>
    <t>2604</t>
  </si>
  <si>
    <t>26.1912899017334</t>
  </si>
  <si>
    <t>1907.8084716796875</t>
  </si>
  <si>
    <t>0.022918074343836636</t>
  </si>
  <si>
    <t>2640</t>
  </si>
  <si>
    <t>26.340246200561523</t>
  </si>
  <si>
    <t>1977.910888671875</t>
  </si>
  <si>
    <t>0.013730192811902242</t>
  </si>
  <si>
    <t>2699</t>
  </si>
  <si>
    <t>25.64607810974121</t>
  </si>
  <si>
    <t>2198.913330078125</t>
  </si>
  <si>
    <t>0.022102416877642916</t>
  </si>
  <si>
    <t>37</t>
  </si>
  <si>
    <t>GNB</t>
  </si>
  <si>
    <t>27.654443740844727</t>
  </si>
  <si>
    <t>1345.011474609375</t>
  </si>
  <si>
    <t>304.8555908203125</t>
  </si>
  <si>
    <t>Guinea-Bissau</t>
  </si>
  <si>
    <t>2057</t>
  </si>
  <si>
    <t>27.498382568359375</t>
  </si>
  <si>
    <t>1507.657958984375</t>
  </si>
  <si>
    <t>0.02910193044445908</t>
  </si>
  <si>
    <t>27.276750564575195</t>
  </si>
  <si>
    <t>1613.1973876953125</t>
  </si>
  <si>
    <t>-0.017656172249336244</t>
  </si>
  <si>
    <t>27.2945613861084</t>
  </si>
  <si>
    <t>1442.8072509765625</t>
  </si>
  <si>
    <t>-0.011946383987806009</t>
  </si>
  <si>
    <t>27.09562873840332</t>
  </si>
  <si>
    <t>1899.531982421875</t>
  </si>
  <si>
    <t>0.001001001084584452</t>
  </si>
  <si>
    <t>2035</t>
  </si>
  <si>
    <t>27.597681045532227</t>
  </si>
  <si>
    <t>1623.6744384765625</t>
  </si>
  <si>
    <t>0.017848763376295373</t>
  </si>
  <si>
    <t>2225</t>
  </si>
  <si>
    <t>27.744352340698242</t>
  </si>
  <si>
    <t>1433.68603515625</t>
  </si>
  <si>
    <t>0.08926109672364557</t>
  </si>
  <si>
    <t>2325</t>
  </si>
  <si>
    <t>27.74847412109375</t>
  </si>
  <si>
    <t>1527.743408203125</t>
  </si>
  <si>
    <t>0.043963123421115746</t>
  </si>
  <si>
    <t>1641</t>
  </si>
  <si>
    <t>28.248544692993164</t>
  </si>
  <si>
    <t>1543.505615234375</t>
  </si>
  <si>
    <t>-0.34841422693136526</t>
  </si>
  <si>
    <t>1627</t>
  </si>
  <si>
    <t>27.31017303466797</t>
  </si>
  <si>
    <t>2081.2421875</t>
  </si>
  <si>
    <t>-0.008567983871053286</t>
  </si>
  <si>
    <t>1681</t>
  </si>
  <si>
    <t>27.40281105041504</t>
  </si>
  <si>
    <t>1709.2430419921875</t>
  </si>
  <si>
    <t>0.03265102618957805</t>
  </si>
  <si>
    <t>1682</t>
  </si>
  <si>
    <t>27.746198654174805</t>
  </si>
  <si>
    <t>1619.754638671875</t>
  </si>
  <si>
    <t>0.0005947071242777824</t>
  </si>
  <si>
    <t>27.856576919555664</t>
  </si>
  <si>
    <t>1198.88134765625</t>
  </si>
  <si>
    <t>-0.03201723193084849</t>
  </si>
  <si>
    <t>1601</t>
  </si>
  <si>
    <t>27.749998092651367</t>
  </si>
  <si>
    <t>1792.236328125</t>
  </si>
  <si>
    <t>-0.017337895605330722</t>
  </si>
  <si>
    <t>1607</t>
  </si>
  <si>
    <t>27.92273712158203</t>
  </si>
  <si>
    <t>1482.407958984375</t>
  </si>
  <si>
    <t>0.003740652740797934</t>
  </si>
  <si>
    <t>1635</t>
  </si>
  <si>
    <t>28.023386001586914</t>
  </si>
  <si>
    <t>1903.4754638671875</t>
  </si>
  <si>
    <t>0.017273717593841553</t>
  </si>
  <si>
    <t>27.782915115356445</t>
  </si>
  <si>
    <t>1848.349365234375</t>
  </si>
  <si>
    <t>-0.001223990360888827</t>
  </si>
  <si>
    <t>1643</t>
  </si>
  <si>
    <t>27.7353458404541</t>
  </si>
  <si>
    <t>1584.6318359375</t>
  </si>
  <si>
    <t>0.006105025066802661</t>
  </si>
  <si>
    <t>27.72810935974121</t>
  </si>
  <si>
    <t>1985.9425048828125</t>
  </si>
  <si>
    <t>0.006067979783756172</t>
  </si>
  <si>
    <t>1665</t>
  </si>
  <si>
    <t>27.72247886657715</t>
  </si>
  <si>
    <t>1797.2694091796875</t>
  </si>
  <si>
    <t>0.007233304593520451</t>
  </si>
  <si>
    <t>1697</t>
  </si>
  <si>
    <t>28.1943302154541</t>
  </si>
  <si>
    <t>1937.76025390625</t>
  </si>
  <si>
    <t>0.0190368628196822</t>
  </si>
  <si>
    <t>1787</t>
  </si>
  <si>
    <t>27.67511749267578</t>
  </si>
  <si>
    <t>1510.04833984375</t>
  </si>
  <si>
    <t>0.051676249925201034</t>
  </si>
  <si>
    <t>1710</t>
  </si>
  <si>
    <t>27.63316535949707</t>
  </si>
  <si>
    <t>1955.6146240234375</t>
  </si>
  <si>
    <t>-0.044044865662722366</t>
  </si>
  <si>
    <t>1719</t>
  </si>
  <si>
    <t>27.93529510498047</t>
  </si>
  <si>
    <t>1739.19189453125</t>
  </si>
  <si>
    <t>0.005249355886143725</t>
  </si>
  <si>
    <t>1690</t>
  </si>
  <si>
    <t>27.75294303894043</t>
  </si>
  <si>
    <t>1658.844482421875</t>
  </si>
  <si>
    <t>-0.01701419746572963</t>
  </si>
  <si>
    <t>1748</t>
  </si>
  <si>
    <t>28.090173721313477</t>
  </si>
  <si>
    <t>1725.6053466796875</t>
  </si>
  <si>
    <t>0.033743748298361353</t>
  </si>
  <si>
    <t>1811</t>
  </si>
  <si>
    <t>28.06730079650879</t>
  </si>
  <si>
    <t>1695.390625</t>
  </si>
  <si>
    <t>0.03540690166793237</t>
  </si>
  <si>
    <t>1872</t>
  </si>
  <si>
    <t>28.18187713623047</t>
  </si>
  <si>
    <t>1761.4891357421875</t>
  </si>
  <si>
    <t>0.033128199154123905</t>
  </si>
  <si>
    <t>1852</t>
  </si>
  <si>
    <t>27.737396240234375</t>
  </si>
  <si>
    <t>1563.7022705078125</t>
  </si>
  <si>
    <t>-0.010741241831412118</t>
  </si>
  <si>
    <t>1891</t>
  </si>
  <si>
    <t>27.826242446899414</t>
  </si>
  <si>
    <t>1661.4525146484375</t>
  </si>
  <si>
    <t>0.02083965345233274</t>
  </si>
  <si>
    <t>1804</t>
  </si>
  <si>
    <t>28.486719131469727</t>
  </si>
  <si>
    <t>1737.4095458984375</t>
  </si>
  <si>
    <t>-0.0470993680358891</t>
  </si>
  <si>
    <t>1831</t>
  </si>
  <si>
    <t>28.587087631225586</t>
  </si>
  <si>
    <t>1651.2200927734375</t>
  </si>
  <si>
    <t>0.014855844051941958</t>
  </si>
  <si>
    <t>1855</t>
  </si>
  <si>
    <t>27.783660888671875</t>
  </si>
  <si>
    <t>2198.0</t>
  </si>
  <si>
    <t>0.013022430367024995</t>
  </si>
  <si>
    <t>38</t>
  </si>
  <si>
    <t>GUY</t>
  </si>
  <si>
    <t>4818</t>
  </si>
  <si>
    <t>26.895484924316406</t>
  </si>
  <si>
    <t>2942.427978515625</t>
  </si>
  <si>
    <t>257.1728820800781</t>
  </si>
  <si>
    <t>Guyana</t>
  </si>
  <si>
    <t>5131</t>
  </si>
  <si>
    <t>26.505813598632812</t>
  </si>
  <si>
    <t>2246.266357421875</t>
  </si>
  <si>
    <t>0.0629416677671486</t>
  </si>
  <si>
    <t>5522</t>
  </si>
  <si>
    <t>25.995559692382812</t>
  </si>
  <si>
    <t>1876.0059814453125</t>
  </si>
  <si>
    <t>0.07343954154813481</t>
  </si>
  <si>
    <t>5956</t>
  </si>
  <si>
    <t>26.201845169067383</t>
  </si>
  <si>
    <t>2496.142578125</t>
  </si>
  <si>
    <t>0.07565900131380054</t>
  </si>
  <si>
    <t>6444</t>
  </si>
  <si>
    <t>26.309568405151367</t>
  </si>
  <si>
    <t>2182.329345703125</t>
  </si>
  <si>
    <t>0.07875035049296564</t>
  </si>
  <si>
    <t>6749</t>
  </si>
  <si>
    <t>27.071523666381836</t>
  </si>
  <si>
    <t>2239.685302734375</t>
  </si>
  <si>
    <t>0.04624488044654029</t>
  </si>
  <si>
    <t>7268</t>
  </si>
  <si>
    <t>26.72643280029297</t>
  </si>
  <si>
    <t>2716.19921875</t>
  </si>
  <si>
    <t>0.07408680477265506</t>
  </si>
  <si>
    <t>7700</t>
  </si>
  <si>
    <t>27.127519607543945</t>
  </si>
  <si>
    <t>1887.9525146484375</t>
  </si>
  <si>
    <t>0.057739178325714846</t>
  </si>
  <si>
    <t>7556</t>
  </si>
  <si>
    <t>27.521039962768555</t>
  </si>
  <si>
    <t>2413.00830078125</t>
  </si>
  <si>
    <t>-0.018878379220375052</t>
  </si>
  <si>
    <t>7766</t>
  </si>
  <si>
    <t>26.869340896606445</t>
  </si>
  <si>
    <t>2756.685791015625</t>
  </si>
  <si>
    <t>0.02741328167021173</t>
  </si>
  <si>
    <t>26.8172607421875</t>
  </si>
  <si>
    <t>2654.95703125</t>
  </si>
  <si>
    <t>-0.015049583471030914</t>
  </si>
  <si>
    <t>7817</t>
  </si>
  <si>
    <t>27.05003547668457</t>
  </si>
  <si>
    <t>1896.595458984375</t>
  </si>
  <si>
    <t>0.02159520139974802</t>
  </si>
  <si>
    <t>7900</t>
  </si>
  <si>
    <t>26.615646362304688</t>
  </si>
  <si>
    <t>2257.357666015625</t>
  </si>
  <si>
    <t>0.010561910234782701</t>
  </si>
  <si>
    <t>7847</t>
  </si>
  <si>
    <t>27.28099822998047</t>
  </si>
  <si>
    <t>2169.6640625</t>
  </si>
  <si>
    <t>-0.006731466327639879</t>
  </si>
  <si>
    <t>7971</t>
  </si>
  <si>
    <t>26.907922744750977</t>
  </si>
  <si>
    <t>2459.20458984375</t>
  </si>
  <si>
    <t>0.01567866230045034</t>
  </si>
  <si>
    <t>7823</t>
  </si>
  <si>
    <t>26.88446807861328</t>
  </si>
  <si>
    <t>3050.134521484375</t>
  </si>
  <si>
    <t>-0.018741842742842962</t>
  </si>
  <si>
    <t>8239</t>
  </si>
  <si>
    <t>27.029714584350586</t>
  </si>
  <si>
    <t>2363.492919921875</t>
  </si>
  <si>
    <t>0.05181086463051088</t>
  </si>
  <si>
    <t>8853</t>
  </si>
  <si>
    <t>26.62895393371582</t>
  </si>
  <si>
    <t>3155.445068359375</t>
  </si>
  <si>
    <t>0.07187740729545844</t>
  </si>
  <si>
    <t>9037</t>
  </si>
  <si>
    <t>26.75367546081543</t>
  </si>
  <si>
    <t>3468.680908203125</t>
  </si>
  <si>
    <t>0.020570876290905815</t>
  </si>
  <si>
    <t>9399</t>
  </si>
  <si>
    <t>27.074350357055664</t>
  </si>
  <si>
    <t>1928.746337890625</t>
  </si>
  <si>
    <t>0.03927603971834692</t>
  </si>
  <si>
    <t>9832</t>
  </si>
  <si>
    <t>27.225431442260742</t>
  </si>
  <si>
    <t>2559.109619140625</t>
  </si>
  <si>
    <t>0.04503907162556864</t>
  </si>
  <si>
    <t>10394</t>
  </si>
  <si>
    <t>26.63670539855957</t>
  </si>
  <si>
    <t>2866.96240234375</t>
  </si>
  <si>
    <t>0.05558634432251708</t>
  </si>
  <si>
    <t>10946</t>
  </si>
  <si>
    <t>26.467132568359375</t>
  </si>
  <si>
    <t>2193.822265625</t>
  </si>
  <si>
    <t>0.05174537613547514</t>
  </si>
  <si>
    <t>11294</t>
  </si>
  <si>
    <t>26.406982421875</t>
  </si>
  <si>
    <t>2712.0029296875</t>
  </si>
  <si>
    <t>0.03129751852891971</t>
  </si>
  <si>
    <t>11428</t>
  </si>
  <si>
    <t>26.87078857421875</t>
  </si>
  <si>
    <t>2195.6904296875</t>
  </si>
  <si>
    <t>0.0117948731178803</t>
  </si>
  <si>
    <t>11447</t>
  </si>
  <si>
    <t>27.30268669128418</t>
  </si>
  <si>
    <t>2501.674072265625</t>
  </si>
  <si>
    <t>0.0016612025678135467</t>
  </si>
  <si>
    <t>11819</t>
  </si>
  <si>
    <t>27.113319396972656</t>
  </si>
  <si>
    <t>2412.181640625</t>
  </si>
  <si>
    <t>0.031980719093764876</t>
  </si>
  <si>
    <t>12194</t>
  </si>
  <si>
    <t>27.09947395324707</t>
  </si>
  <si>
    <t>2590.142333984375</t>
  </si>
  <si>
    <t>0.0312356214555205</t>
  </si>
  <si>
    <t>12374</t>
  </si>
  <si>
    <t>26.89164161682129</t>
  </si>
  <si>
    <t>2074.97607421875</t>
  </si>
  <si>
    <t>0.014653469623171489</t>
  </si>
  <si>
    <t>12821</t>
  </si>
  <si>
    <t>27.21674346923828</t>
  </si>
  <si>
    <t>2194.4033203125</t>
  </si>
  <si>
    <t>0.035486954461767084</t>
  </si>
  <si>
    <t>18431</t>
  </si>
  <si>
    <t>27.21576690673828</t>
  </si>
  <si>
    <t>3399.8076171875</t>
  </si>
  <si>
    <t>0.362949577998922</t>
  </si>
  <si>
    <t>21925</t>
  </si>
  <si>
    <t>26.935997009277344</t>
  </si>
  <si>
    <t>3488.732177734375</t>
  </si>
  <si>
    <t>0.17359350868876078</t>
  </si>
  <si>
    <t>35635</t>
  </si>
  <si>
    <t>26.806325912475586</t>
  </si>
  <si>
    <t>3527.635986328125</t>
  </si>
  <si>
    <t>0.48570076269558804</t>
  </si>
  <si>
    <t>39</t>
  </si>
  <si>
    <t>HTI</t>
  </si>
  <si>
    <t>3613</t>
  </si>
  <si>
    <t>24.735971450805664</t>
  </si>
  <si>
    <t>1418.60546875</t>
  </si>
  <si>
    <t>3643.754150390625</t>
  </si>
  <si>
    <t>Haiti</t>
  </si>
  <si>
    <t>3607</t>
  </si>
  <si>
    <t>24.68471336364746</t>
  </si>
  <si>
    <t>1202.90576171875</t>
  </si>
  <si>
    <t>-0.001662050244100044</t>
  </si>
  <si>
    <t>3350</t>
  </si>
  <si>
    <t>24.835718154907227</t>
  </si>
  <si>
    <t>1254.0823974609375</t>
  </si>
  <si>
    <t>-0.0739160560844283</t>
  </si>
  <si>
    <t>3107</t>
  </si>
  <si>
    <t>24.842451095581055</t>
  </si>
  <si>
    <t>1584.1107177734375</t>
  </si>
  <si>
    <t>-0.07530271542606393</t>
  </si>
  <si>
    <t>2685</t>
  </si>
  <si>
    <t>25.04449462890625</t>
  </si>
  <si>
    <t>1276.04736328125</t>
  </si>
  <si>
    <t>-0.14597690245008188</t>
  </si>
  <si>
    <t>2896</t>
  </si>
  <si>
    <t>25.07366180419922</t>
  </si>
  <si>
    <t>1622.7030029296875</t>
  </si>
  <si>
    <t>0.07564974656264134</t>
  </si>
  <si>
    <t>2960</t>
  </si>
  <si>
    <t>24.698678970336914</t>
  </si>
  <si>
    <t>1450.8564453125</t>
  </si>
  <si>
    <t>0.021858793812499222</t>
  </si>
  <si>
    <t>2985</t>
  </si>
  <si>
    <t>25.416671752929688</t>
  </si>
  <si>
    <t>1363.169921875</t>
  </si>
  <si>
    <t>0.008410478508596775</t>
  </si>
  <si>
    <t>2995</t>
  </si>
  <si>
    <t>25.414186477661133</t>
  </si>
  <si>
    <t>1718.0469970703125</t>
  </si>
  <si>
    <t>0.0033444847228469854</t>
  </si>
  <si>
    <t>3020</t>
  </si>
  <si>
    <t>24.877906799316406</t>
  </si>
  <si>
    <t>1099.519287109375</t>
  </si>
  <si>
    <t>0.008312599819365829</t>
  </si>
  <si>
    <t>2992</t>
  </si>
  <si>
    <t>24.878515243530273</t>
  </si>
  <si>
    <t>1462.0352783203125</t>
  </si>
  <si>
    <t>-0.00931477127454805</t>
  </si>
  <si>
    <t>2928</t>
  </si>
  <si>
    <t>25.034507751464844</t>
  </si>
  <si>
    <t>1779.0162353515625</t>
  </si>
  <si>
    <t>-0.021622464013165477</t>
  </si>
  <si>
    <t>2908</t>
  </si>
  <si>
    <t>25.149412155151367</t>
  </si>
  <si>
    <t>1354.077880859375</t>
  </si>
  <si>
    <t>-0.006854036427792032</t>
  </si>
  <si>
    <t>2958</t>
  </si>
  <si>
    <t>25.112754821777344</t>
  </si>
  <si>
    <t>1674.673583984375</t>
  </si>
  <si>
    <t>0.017047804617335238</t>
  </si>
  <si>
    <t>2870</t>
  </si>
  <si>
    <t>24.86101722717285</t>
  </si>
  <si>
    <t>1324.5111083984375</t>
  </si>
  <si>
    <t>-0.03020133451707885</t>
  </si>
  <si>
    <t>2909</t>
  </si>
  <si>
    <t>24.87322998046875</t>
  </si>
  <si>
    <t>1967.02734375</t>
  </si>
  <si>
    <t>0.01349734974153538</t>
  </si>
  <si>
    <t>2912</t>
  </si>
  <si>
    <t>24.888816833496094</t>
  </si>
  <si>
    <t>1448.7098388671875</t>
  </si>
  <si>
    <t>0.0010307508213749372</t>
  </si>
  <si>
    <t>2999</t>
  </si>
  <si>
    <t>24.840085983276367</t>
  </si>
  <si>
    <t>2107.294921875</t>
  </si>
  <si>
    <t>0.029438769432433176</t>
  </si>
  <si>
    <t>3029</t>
  </si>
  <si>
    <t>24.679222106933594</t>
  </si>
  <si>
    <t>1410.0078125</t>
  </si>
  <si>
    <t>0.009953632278227431</t>
  </si>
  <si>
    <t>3156</t>
  </si>
  <si>
    <t>24.87986183166504</t>
  </si>
  <si>
    <t>1356.6397705078125</t>
  </si>
  <si>
    <t>0.04107287093852818</t>
  </si>
  <si>
    <t>2944</t>
  </si>
  <si>
    <t>24.792253494262695</t>
  </si>
  <si>
    <t>1641.1982421875</t>
  </si>
  <si>
    <t>-0.06953620211699896</t>
  </si>
  <si>
    <t>3059</t>
  </si>
  <si>
    <t>24.702089309692383</t>
  </si>
  <si>
    <t>1676.6861572265625</t>
  </si>
  <si>
    <t>0.038318864302136824</t>
  </si>
  <si>
    <t>3027</t>
  </si>
  <si>
    <t>25.065866470336914</t>
  </si>
  <si>
    <t>1637.37841796875</t>
  </si>
  <si>
    <t>-0.010516035129183976</t>
  </si>
  <si>
    <t>3111</t>
  </si>
  <si>
    <t>25.214582443237305</t>
  </si>
  <si>
    <t>1027.07861328125</t>
  </si>
  <si>
    <t>0.02737218787591722</t>
  </si>
  <si>
    <t>3155</t>
  </si>
  <si>
    <t>25.29644012451172</t>
  </si>
  <si>
    <t>1506.58642578125</t>
  </si>
  <si>
    <t>0.014044278077676609</t>
  </si>
  <si>
    <t>3153</t>
  </si>
  <si>
    <t>25.484304428100586</t>
  </si>
  <si>
    <t>1345.7183837890625</t>
  </si>
  <si>
    <t>-0.0006341154302518248</t>
  </si>
  <si>
    <t>3165</t>
  </si>
  <si>
    <t>25.339391708374023</t>
  </si>
  <si>
    <t>1834.893310546875</t>
  </si>
  <si>
    <t>0.003798675033214849</t>
  </si>
  <si>
    <t>3200</t>
  </si>
  <si>
    <t>25.32176971435547</t>
  </si>
  <si>
    <t>1660.340576171875</t>
  </si>
  <si>
    <t>0.01099775420954252</t>
  </si>
  <si>
    <t>3209</t>
  </si>
  <si>
    <t>25.23192024230957</t>
  </si>
  <si>
    <t>1269.1585693359375</t>
  </si>
  <si>
    <t>0.002808552322038693</t>
  </si>
  <si>
    <t>3112</t>
  </si>
  <si>
    <t>25.494224548339844</t>
  </si>
  <si>
    <t>1466.13134765625</t>
  </si>
  <si>
    <t>-0.03069375581157452</t>
  </si>
  <si>
    <t>2970</t>
  </si>
  <si>
    <t>25.50841522216797</t>
  </si>
  <si>
    <t>1376.859375</t>
  </si>
  <si>
    <t>-0.04670365350153727</t>
  </si>
  <si>
    <t>2881</t>
  </si>
  <si>
    <t>25.200063705444336</t>
  </si>
  <si>
    <t>1511.675537109375</t>
  </si>
  <si>
    <t>-0.03042449671221714</t>
  </si>
  <si>
    <t>25.168787002563477</t>
  </si>
  <si>
    <t>1276.4365234375</t>
  </si>
  <si>
    <t>-0.028875245569074615</t>
  </si>
  <si>
    <t>40</t>
  </si>
  <si>
    <t>HKG</t>
  </si>
  <si>
    <t>28798</t>
  </si>
  <si>
    <t>23.258333206176758</t>
  </si>
  <si>
    <t>1764.6998291015625</t>
  </si>
  <si>
    <t>7167.38427734375</t>
  </si>
  <si>
    <t>Hong Kong</t>
  </si>
  <si>
    <t>30188</t>
  </si>
  <si>
    <t>22.95833396911621</t>
  </si>
  <si>
    <t>1493.5001220703125</t>
  </si>
  <si>
    <t>0.04713855413654322</t>
  </si>
  <si>
    <t>31802</t>
  </si>
  <si>
    <t>22.183332443237305</t>
  </si>
  <si>
    <t>2594.300048828125</t>
  </si>
  <si>
    <t>0.05208468646758391</t>
  </si>
  <si>
    <t>33199</t>
  </si>
  <si>
    <t>22.850000381469727</t>
  </si>
  <si>
    <t>2273.099853515625</t>
  </si>
  <si>
    <t>0.04299057409667917</t>
  </si>
  <si>
    <t>34419</t>
  </si>
  <si>
    <t>22.958335876464844</t>
  </si>
  <si>
    <t>2264.099853515625</t>
  </si>
  <si>
    <t>0.03608898249823156</t>
  </si>
  <si>
    <t>34546</t>
  </si>
  <si>
    <t>22.441667556762695</t>
  </si>
  <si>
    <t>2297.300048828125</t>
  </si>
  <si>
    <t>0.0036830317859770645</t>
  </si>
  <si>
    <t>22.524999618530273</t>
  </si>
  <si>
    <t>2120.5</t>
  </si>
  <si>
    <t>-0.0026956928743135933</t>
  </si>
  <si>
    <t>35910</t>
  </si>
  <si>
    <t>22.799997329711914</t>
  </si>
  <si>
    <t>2835.999755859375</t>
  </si>
  <si>
    <t>0.04141973184121106</t>
  </si>
  <si>
    <t>33516</t>
  </si>
  <si>
    <t>23.73333168029785</t>
  </si>
  <si>
    <t>2171.60009765625</t>
  </si>
  <si>
    <t>-0.06899287148695166</t>
  </si>
  <si>
    <t>34030</t>
  </si>
  <si>
    <t>23.21666717529297</t>
  </si>
  <si>
    <t>1913.4998779296875</t>
  </si>
  <si>
    <t>0.015219551761775918</t>
  </si>
  <si>
    <t>36316</t>
  </si>
  <si>
    <t>23.175003051757812</t>
  </si>
  <si>
    <t>2272.2998046875</t>
  </si>
  <si>
    <t>0.06501592699669523</t>
  </si>
  <si>
    <t>36252</t>
  </si>
  <si>
    <t>23.16666603088379</t>
  </si>
  <si>
    <t>2508.099853515625</t>
  </si>
  <si>
    <t>-0.0017638633169756446</t>
  </si>
  <si>
    <t>36690</t>
  </si>
  <si>
    <t>23.433334350585938</t>
  </si>
  <si>
    <t>2266.199951171875</t>
  </si>
  <si>
    <t>0.012009686174655698</t>
  </si>
  <si>
    <t>37886</t>
  </si>
  <si>
    <t>23.44999885559082</t>
  </si>
  <si>
    <t>1726.699951171875</t>
  </si>
  <si>
    <t>0.032077412338896494</t>
  </si>
  <si>
    <t>40862</t>
  </si>
  <si>
    <t>23.0</t>
  </si>
  <si>
    <t>1488.699951171875</t>
  </si>
  <si>
    <t>0.07561888511153292</t>
  </si>
  <si>
    <t>43689</t>
  </si>
  <si>
    <t>23.05000114440918</t>
  </si>
  <si>
    <t>2067.0</t>
  </si>
  <si>
    <t>0.0668958183509325</t>
  </si>
  <si>
    <t>46462</t>
  </si>
  <si>
    <t>23.25</t>
  </si>
  <si>
    <t>2316.2001953125</t>
  </si>
  <si>
    <t>0.06153842003022092</t>
  </si>
  <si>
    <t>49043</t>
  </si>
  <si>
    <t>23.29166603088379</t>
  </si>
  <si>
    <t>1721.5999755859375</t>
  </si>
  <si>
    <t>0.0540626901094825</t>
  </si>
  <si>
    <t>49788</t>
  </si>
  <si>
    <t>22.66666603088379</t>
  </si>
  <si>
    <t>2184.400146484375</t>
  </si>
  <si>
    <t>0.01507652683047489</t>
  </si>
  <si>
    <t>48459</t>
  </si>
  <si>
    <t>23.400001525878906</t>
  </si>
  <si>
    <t>1810.500244140625</t>
  </si>
  <si>
    <t>-0.027055911538999666</t>
  </si>
  <si>
    <t>51360</t>
  </si>
  <si>
    <t>22.600000381469727</t>
  </si>
  <si>
    <t>2118.5</t>
  </si>
  <si>
    <t>0.05814157978197443</t>
  </si>
  <si>
    <t>53472</t>
  </si>
  <si>
    <t>22.65833282470703</t>
  </si>
  <si>
    <t>1603.7996826171875</t>
  </si>
  <si>
    <t>0.04029849303127797</t>
  </si>
  <si>
    <t>53784</t>
  </si>
  <si>
    <t>1755.800048828125</t>
  </si>
  <si>
    <t>0.00581787275375234</t>
  </si>
  <si>
    <t>55230</t>
  </si>
  <si>
    <t>22.90833282470703</t>
  </si>
  <si>
    <t>2495.7001953125</t>
  </si>
  <si>
    <t>0.026530258746360502</t>
  </si>
  <si>
    <t>56358</t>
  </si>
  <si>
    <t>23.46666717529297</t>
  </si>
  <si>
    <t>2038.9998779296875</t>
  </si>
  <si>
    <t>0.020217916327336383</t>
  </si>
  <si>
    <t>57215</t>
  </si>
  <si>
    <t>23.75</t>
  </si>
  <si>
    <t>2069.39990234375</t>
  </si>
  <si>
    <t>0.015091901529245888</t>
  </si>
  <si>
    <t>58098</t>
  </si>
  <si>
    <t>23.90833282470703</t>
  </si>
  <si>
    <t>2691.5</t>
  </si>
  <si>
    <t>0.015315138087769853</t>
  </si>
  <si>
    <t>59842</t>
  </si>
  <si>
    <t>23.558334350585938</t>
  </si>
  <si>
    <t>2316.0</t>
  </si>
  <si>
    <t>0.029576515710148854</t>
  </si>
  <si>
    <t>61055</t>
  </si>
  <si>
    <t>23.69999885559082</t>
  </si>
  <si>
    <t>2212.39990234375</t>
  </si>
  <si>
    <t>0.020067341717387777</t>
  </si>
  <si>
    <t>59592</t>
  </si>
  <si>
    <t>24.216665267944336</t>
  </si>
  <si>
    <t>2385.100341796875</t>
  </si>
  <si>
    <t>-0.02425376041101046</t>
  </si>
  <si>
    <t>55892</t>
  </si>
  <si>
    <t>23.950002670288086</t>
  </si>
  <si>
    <t>1995.10009765625</t>
  </si>
  <si>
    <t>-0.06410007965577336</t>
  </si>
  <si>
    <t>60037</t>
  </si>
  <si>
    <t>24.433332443237305</t>
  </si>
  <si>
    <t>2064.400146484375</t>
  </si>
  <si>
    <t>0.07153978160980934</t>
  </si>
  <si>
    <t>58479</t>
  </si>
  <si>
    <t>23.633337020874023</t>
  </si>
  <si>
    <t>2297.39990234375</t>
  </si>
  <si>
    <t>-0.026293323395892187</t>
  </si>
  <si>
    <t>41</t>
  </si>
  <si>
    <t>ISL</t>
  </si>
  <si>
    <t>35318</t>
  </si>
  <si>
    <t>2.7924861907958984</t>
  </si>
  <si>
    <t>1078.4217529296875</t>
  </si>
  <si>
    <t>256.8743896484375</t>
  </si>
  <si>
    <t>Iceland</t>
  </si>
  <si>
    <t>34952</t>
  </si>
  <si>
    <t>3.544893503189087</t>
  </si>
  <si>
    <t>1272.43310546875</t>
  </si>
  <si>
    <t>-0.010417057341797431</t>
  </si>
  <si>
    <t>33271</t>
  </si>
  <si>
    <t>2.2372257709503174</t>
  </si>
  <si>
    <t>1179.09033203125</t>
  </si>
  <si>
    <t>-0.04928954496194926</t>
  </si>
  <si>
    <t>33366</t>
  </si>
  <si>
    <t>2.7636702060699463</t>
  </si>
  <si>
    <t>1045.707763671875</t>
  </si>
  <si>
    <t>0.0028512707462962084</t>
  </si>
  <si>
    <t>34221</t>
  </si>
  <si>
    <t>2.489863634109497</t>
  </si>
  <si>
    <t>1004.9549560546875</t>
  </si>
  <si>
    <t>0.025302073280387916</t>
  </si>
  <si>
    <t>33666</t>
  </si>
  <si>
    <t>2.42688250541687</t>
  </si>
  <si>
    <t>877.3383178710938</t>
  </si>
  <si>
    <t>-0.016351064716980446</t>
  </si>
  <si>
    <t>35014</t>
  </si>
  <si>
    <t>3.2120399475097656</t>
  </si>
  <si>
    <t>1006.0929565429688</t>
  </si>
  <si>
    <t>0.039259555513851296</t>
  </si>
  <si>
    <t>36733</t>
  </si>
  <si>
    <t>3.3440892696380615</t>
  </si>
  <si>
    <t>1105.444091796875</t>
  </si>
  <si>
    <t>0.04792755208862687</t>
  </si>
  <si>
    <t>39017</t>
  </si>
  <si>
    <t>2.79034686088562</t>
  </si>
  <si>
    <t>1015.1245727539062</t>
  </si>
  <si>
    <t>0.060321914990487</t>
  </si>
  <si>
    <t>40104</t>
  </si>
  <si>
    <t>2.8919384479522705</t>
  </si>
  <si>
    <t>1063.7650146484375</t>
  </si>
  <si>
    <t>0.02747863137134665</t>
  </si>
  <si>
    <t>41531</t>
  </si>
  <si>
    <t>3.189570188522339</t>
  </si>
  <si>
    <t>1017.5126342773438</t>
  </si>
  <si>
    <t>0.03496405637061706</t>
  </si>
  <si>
    <t>42627</t>
  </si>
  <si>
    <t>3.464907646179199</t>
  </si>
  <si>
    <t>1077.4921875</t>
  </si>
  <si>
    <t>0.026047718992229463</t>
  </si>
  <si>
    <t>42485</t>
  </si>
  <si>
    <t>3.7253987789154053</t>
  </si>
  <si>
    <t>1089.2666015625</t>
  </si>
  <si>
    <t>-0.003336782868544219</t>
  </si>
  <si>
    <t>43095</t>
  </si>
  <si>
    <t>4.359408855438232</t>
  </si>
  <si>
    <t>1246.2197265625</t>
  </si>
  <si>
    <t>0.014255908643859172</t>
  </si>
  <si>
    <t>46052</t>
  </si>
  <si>
    <t>4.063279628753662</t>
  </si>
  <si>
    <t>1220.370361328125</t>
  </si>
  <si>
    <t>0.0663642117120542</t>
  </si>
  <si>
    <t>48105</t>
  </si>
  <si>
    <t>3.431264877319336</t>
  </si>
  <si>
    <t>1083.829345703125</t>
  </si>
  <si>
    <t>0.04361492900181041</t>
  </si>
  <si>
    <t>49957</t>
  </si>
  <si>
    <t>3.5786426067352295</t>
  </si>
  <si>
    <t>1093.3583984375</t>
  </si>
  <si>
    <t>0.03777651360276302</t>
  </si>
  <si>
    <t>52827</t>
  </si>
  <si>
    <t>3.7577617168426514</t>
  </si>
  <si>
    <t>1318.880126953125</t>
  </si>
  <si>
    <t>0.05585978823076054</t>
  </si>
  <si>
    <t>52999</t>
  </si>
  <si>
    <t>3.666518211364746</t>
  </si>
  <si>
    <t>1085.73779296875</t>
  </si>
  <si>
    <t>0.0032506218028398592</t>
  </si>
  <si>
    <t>48771</t>
  </si>
  <si>
    <t>3.7487704753875732</t>
  </si>
  <si>
    <t>1012.2214965820312</t>
  </si>
  <si>
    <t>-0.08313717152939404</t>
  </si>
  <si>
    <t>47458</t>
  </si>
  <si>
    <t>3.901698350906372</t>
  </si>
  <si>
    <t>769.2775268554688</t>
  </si>
  <si>
    <t>-0.027290764550631508</t>
  </si>
  <si>
    <t>48186</t>
  </si>
  <si>
    <t>3.484842300415039</t>
  </si>
  <si>
    <t>1256.744384765625</t>
  </si>
  <si>
    <t>0.015223413064815006</t>
  </si>
  <si>
    <t>48440</t>
  </si>
  <si>
    <t>3.8725502490997314</t>
  </si>
  <si>
    <t>1006.5677490234375</t>
  </si>
  <si>
    <t>0.005257396250511803</t>
  </si>
  <si>
    <t>50169</t>
  </si>
  <si>
    <t>3.2770659923553467</t>
  </si>
  <si>
    <t>1053.8387451171875</t>
  </si>
  <si>
    <t>0.035071387382203056</t>
  </si>
  <si>
    <t>50451</t>
  </si>
  <si>
    <t>4.172118663787842</t>
  </si>
  <si>
    <t>1185.0380859375</t>
  </si>
  <si>
    <t>0.00560526214162671</t>
  </si>
  <si>
    <t>52143</t>
  </si>
  <si>
    <t>3.0254085063934326</t>
  </si>
  <si>
    <t>1126.8985595703125</t>
  </si>
  <si>
    <t>0.032987376040729544</t>
  </si>
  <si>
    <t>54666</t>
  </si>
  <si>
    <t>4.376428604125977</t>
  </si>
  <si>
    <t>1193.7667236328125</t>
  </si>
  <si>
    <t>0.047251999710324455</t>
  </si>
  <si>
    <t>55638</t>
  </si>
  <si>
    <t>3.925126314163208</t>
  </si>
  <si>
    <t>1116.103759765625</t>
  </si>
  <si>
    <t>0.017624477086368273</t>
  </si>
  <si>
    <t>56817</t>
  </si>
  <si>
    <t>3.729250192642212</t>
  </si>
  <si>
    <t>1304.67724609375</t>
  </si>
  <si>
    <t>0.02096915567556401</t>
  </si>
  <si>
    <t>56615</t>
  </si>
  <si>
    <t>3.9097423553466797</t>
  </si>
  <si>
    <t>1030.3486328125</t>
  </si>
  <si>
    <t>-0.003561608955704898</t>
  </si>
  <si>
    <t>51684</t>
  </si>
  <si>
    <t>3.437711477279663</t>
  </si>
  <si>
    <t>1066.985107421875</t>
  </si>
  <si>
    <t>-0.09112571190602914</t>
  </si>
  <si>
    <t>53136</t>
  </si>
  <si>
    <t>3.9729957580566406</t>
  </si>
  <si>
    <t>1110.9979248046875</t>
  </si>
  <si>
    <t>0.027706408774417213</t>
  </si>
  <si>
    <t>55567</t>
  </si>
  <si>
    <t>3.447554588317871</t>
  </si>
  <si>
    <t>1124.8780517578125</t>
  </si>
  <si>
    <t>0.04473483523649335</t>
  </si>
  <si>
    <t>42</t>
  </si>
  <si>
    <t>IRQ</t>
  </si>
  <si>
    <t>7449</t>
  </si>
  <si>
    <t>22.613508224487305</t>
  </si>
  <si>
    <t>183.42140197753906</t>
  </si>
  <si>
    <t>9686.2802734375</t>
  </si>
  <si>
    <t>Iraq</t>
  </si>
  <si>
    <t>2650</t>
  </si>
  <si>
    <t>22.194725036621094</t>
  </si>
  <si>
    <t>257.5836181640625</t>
  </si>
  <si>
    <t>-1.0335201551960091</t>
  </si>
  <si>
    <t>3411</t>
  </si>
  <si>
    <t>21.293119430541992</t>
  </si>
  <si>
    <t>256.8528747558594</t>
  </si>
  <si>
    <t>0.2524458634383775</t>
  </si>
  <si>
    <t>4234</t>
  </si>
  <si>
    <t>22.26224708557129</t>
  </si>
  <si>
    <t>300.7139587402344</t>
  </si>
  <si>
    <t>0.21614166927616552</t>
  </si>
  <si>
    <t>4191</t>
  </si>
  <si>
    <t>22.79370880126953</t>
  </si>
  <si>
    <t>258.0141906738281</t>
  </si>
  <si>
    <t>-0.010207803769739954</t>
  </si>
  <si>
    <t>4136</t>
  </si>
  <si>
    <t>22.51714515686035</t>
  </si>
  <si>
    <t>210.78143310546875</t>
  </si>
  <si>
    <t>-0.013210231736806577</t>
  </si>
  <si>
    <t>4446</t>
  </si>
  <si>
    <t>23.087743759155273</t>
  </si>
  <si>
    <t>253.8117218017578</t>
  </si>
  <si>
    <t>0.07227567833587756</t>
  </si>
  <si>
    <t>5223</t>
  </si>
  <si>
    <t>22.221494674682617</t>
  </si>
  <si>
    <t>250.2918243408203</t>
  </si>
  <si>
    <t>0.161067133912157</t>
  </si>
  <si>
    <t>6823</t>
  </si>
  <si>
    <t>23.743284225463867</t>
  </si>
  <si>
    <t>198.34645080566406</t>
  </si>
  <si>
    <t>0.267227308379125</t>
  </si>
  <si>
    <t>7764</t>
  </si>
  <si>
    <t>23.46515655517578</t>
  </si>
  <si>
    <t>189.09600830078125</t>
  </si>
  <si>
    <t>0.12919840747347777</t>
  </si>
  <si>
    <t>8780</t>
  </si>
  <si>
    <t>23.208600997924805</t>
  </si>
  <si>
    <t>191.19091796875</t>
  </si>
  <si>
    <t>0.12297874234026018</t>
  </si>
  <si>
    <t>8654</t>
  </si>
  <si>
    <t>23.617551803588867</t>
  </si>
  <si>
    <t>220.3692626953125</t>
  </si>
  <si>
    <t>-0.014454765844332584</t>
  </si>
  <si>
    <t>7694</t>
  </si>
  <si>
    <t>23.222885131835938</t>
  </si>
  <si>
    <t>238.82411193847656</t>
  </si>
  <si>
    <t>-0.1175808374725893</t>
  </si>
  <si>
    <t>4727</t>
  </si>
  <si>
    <t>23.298233032226562</t>
  </si>
  <si>
    <t>279.0147399902344</t>
  </si>
  <si>
    <t>-0.487150052519004</t>
  </si>
  <si>
    <t>7045</t>
  </si>
  <si>
    <t>22.92936897277832</t>
  </si>
  <si>
    <t>223.16319274902344</t>
  </si>
  <si>
    <t>0.3990273935395443</t>
  </si>
  <si>
    <t>6953</t>
  </si>
  <si>
    <t>23.2857723236084</t>
  </si>
  <si>
    <t>209.7703399658203</t>
  </si>
  <si>
    <t>-0.013144924233762012</t>
  </si>
  <si>
    <t>7293</t>
  </si>
  <si>
    <t>23.13722801208496</t>
  </si>
  <si>
    <t>246.22845458984375</t>
  </si>
  <si>
    <t>0.04774176288521481</t>
  </si>
  <si>
    <t>7494</t>
  </si>
  <si>
    <t>22.89466667175293</t>
  </si>
  <si>
    <t>200.404541015625</t>
  </si>
  <si>
    <t>0.027187716369398984</t>
  </si>
  <si>
    <t>7956</t>
  </si>
  <si>
    <t>23.63102149963379</t>
  </si>
  <si>
    <t>140.53648376464844</t>
  </si>
  <si>
    <t>0.05982366062023026</t>
  </si>
  <si>
    <t>7934</t>
  </si>
  <si>
    <t>23.6262264251709</t>
  </si>
  <si>
    <t>216.0794219970703</t>
  </si>
  <si>
    <t>-0.0027690388995864623</t>
  </si>
  <si>
    <t>8178</t>
  </si>
  <si>
    <t>24.379066467285156</t>
  </si>
  <si>
    <t>185.48648071289062</t>
  </si>
  <si>
    <t>0.030290299850312508</t>
  </si>
  <si>
    <t>8493</t>
  </si>
  <si>
    <t>22.804590225219727</t>
  </si>
  <si>
    <t>197.1895751953125</t>
  </si>
  <si>
    <t>0.03779467285542104</t>
  </si>
  <si>
    <t>9252</t>
  </si>
  <si>
    <t>23.437726974487305</t>
  </si>
  <si>
    <t>238.18942260742188</t>
  </si>
  <si>
    <t>0.08559744957132054</t>
  </si>
  <si>
    <t>9504</t>
  </si>
  <si>
    <t>22.93109893798828</t>
  </si>
  <si>
    <t>221.9897003173828</t>
  </si>
  <si>
    <t>0.02687301825109678</t>
  </si>
  <si>
    <t>9195</t>
  </si>
  <si>
    <t>23.545080184936523</t>
  </si>
  <si>
    <t>193.08489990234375</t>
  </si>
  <si>
    <t>-0.03305290456400556</t>
  </si>
  <si>
    <t>9371</t>
  </si>
  <si>
    <t>23.73992919921875</t>
  </si>
  <si>
    <t>213.10009765625</t>
  </si>
  <si>
    <t>0.018959956085401686</t>
  </si>
  <si>
    <t>10404</t>
  </si>
  <si>
    <t>23.342453002929688</t>
  </si>
  <si>
    <t>239.8126983642578</t>
  </si>
  <si>
    <t>0.10457053344471845</t>
  </si>
  <si>
    <t>9977</t>
  </si>
  <si>
    <t>23.75959014892578</t>
  </si>
  <si>
    <t>199.99722290039062</t>
  </si>
  <si>
    <t>-0.04190790365503361</t>
  </si>
  <si>
    <t>9995</t>
  </si>
  <si>
    <t>24.4016056060791</t>
  </si>
  <si>
    <t>303.4176330566406</t>
  </si>
  <si>
    <t>0.0018025240209933457</t>
  </si>
  <si>
    <t>10299</t>
  </si>
  <si>
    <t>23.601484298706055</t>
  </si>
  <si>
    <t>243.3341522216797</t>
  </si>
  <si>
    <t>0.029961835191301134</t>
  </si>
  <si>
    <t>8848</t>
  </si>
  <si>
    <t>23.640954971313477</t>
  </si>
  <si>
    <t>253.9132843017578</t>
  </si>
  <si>
    <t>-0.15185535836368658</t>
  </si>
  <si>
    <t>8787</t>
  </si>
  <si>
    <t>24.4832820892334</t>
  </si>
  <si>
    <t>172.93710327148438</t>
  </si>
  <si>
    <t>-0.006918088266273159</t>
  </si>
  <si>
    <t>9199</t>
  </si>
  <si>
    <t>24.20261573791504</t>
  </si>
  <si>
    <t>182.9363250732422</t>
  </si>
  <si>
    <t>0.045821425981314334</t>
  </si>
  <si>
    <t>43</t>
  </si>
  <si>
    <t>ISR</t>
  </si>
  <si>
    <t>23494</t>
  </si>
  <si>
    <t>19.23488998413086</t>
  </si>
  <si>
    <t>367.8736877441406</t>
  </si>
  <si>
    <t>1837.047119140625</t>
  </si>
  <si>
    <t>Israel</t>
  </si>
  <si>
    <t>23144</t>
  </si>
  <si>
    <t>18.8691463470459</t>
  </si>
  <si>
    <t>736.6354370117188</t>
  </si>
  <si>
    <t>-0.015009501727860197</t>
  </si>
  <si>
    <t>23942</t>
  </si>
  <si>
    <t>18.122268676757812</t>
  </si>
  <si>
    <t>579.4053344726562</t>
  </si>
  <si>
    <t>0.033898671155345284</t>
  </si>
  <si>
    <t>24205</t>
  </si>
  <si>
    <t>19.204437255859375</t>
  </si>
  <si>
    <t>374.9459533691406</t>
  </si>
  <si>
    <t>0.010924984562478812</t>
  </si>
  <si>
    <t>25251</t>
  </si>
  <si>
    <t>19.473173141479492</t>
  </si>
  <si>
    <t>576.8943481445312</t>
  </si>
  <si>
    <t>0.04230653550589025</t>
  </si>
  <si>
    <t>26891</t>
  </si>
  <si>
    <t>19.172697067260742</t>
  </si>
  <si>
    <t>380.1634216308594</t>
  </si>
  <si>
    <t>0.06292589923767622</t>
  </si>
  <si>
    <t>27750</t>
  </si>
  <si>
    <t>19.737871170043945</t>
  </si>
  <si>
    <t>348.02630615234375</t>
  </si>
  <si>
    <t>0.03144418205721955</t>
  </si>
  <si>
    <t>28091</t>
  </si>
  <si>
    <t>18.814599990844727</t>
  </si>
  <si>
    <t>513.9774780273438</t>
  </si>
  <si>
    <t>0.012213400147649267</t>
  </si>
  <si>
    <t>28586</t>
  </si>
  <si>
    <t>20.149206161499023</t>
  </si>
  <si>
    <t>327.473388671875</t>
  </si>
  <si>
    <t>0.017467847146830806</t>
  </si>
  <si>
    <t>28795</t>
  </si>
  <si>
    <t>19.78682518005371</t>
  </si>
  <si>
    <t>364.121826171875</t>
  </si>
  <si>
    <t>0.007284673471712466</t>
  </si>
  <si>
    <t>30476</t>
  </si>
  <si>
    <t>19.487825393676758</t>
  </si>
  <si>
    <t>392.24285888671875</t>
  </si>
  <si>
    <t>0.056737727652127035</t>
  </si>
  <si>
    <t>29866</t>
  </si>
  <si>
    <t>19.90460777282715</t>
  </si>
  <si>
    <t>538.2874755859375</t>
  </si>
  <si>
    <t>-0.02021877897568558</t>
  </si>
  <si>
    <t>29237</t>
  </si>
  <si>
    <t>20.139333724975586</t>
  </si>
  <si>
    <t>446.9384460449219</t>
  </si>
  <si>
    <t>-0.02128567919636204</t>
  </si>
  <si>
    <t>29114</t>
  </si>
  <si>
    <t>19.73067283630371</t>
  </si>
  <si>
    <t>648.4577026367188</t>
  </si>
  <si>
    <t>-0.004215872296246204</t>
  </si>
  <si>
    <t>29972</t>
  </si>
  <si>
    <t>19.695547103881836</t>
  </si>
  <si>
    <t>356.09552001953125</t>
  </si>
  <si>
    <t>0.02904445435959424</t>
  </si>
  <si>
    <t>30666</t>
  </si>
  <si>
    <t>19.497314453125</t>
  </si>
  <si>
    <t>372.61572265625</t>
  </si>
  <si>
    <t>0.02289093651213392</t>
  </si>
  <si>
    <t>31811</t>
  </si>
  <si>
    <t>19.464479446411133</t>
  </si>
  <si>
    <t>369.63189697265625</t>
  </si>
  <si>
    <t>0.03665759290787385</t>
  </si>
  <si>
    <t>33136</t>
  </si>
  <si>
    <t>19.605134963989258</t>
  </si>
  <si>
    <t>415.1043701171875</t>
  </si>
  <si>
    <t>0.04080816273115673</t>
  </si>
  <si>
    <t>33611</t>
  </si>
  <si>
    <t>20.208250045776367</t>
  </si>
  <si>
    <t>229.48825073242188</t>
  </si>
  <si>
    <t>0.014233089690860012</t>
  </si>
  <si>
    <t>33107</t>
  </si>
  <si>
    <t>20.099088668823242</t>
  </si>
  <si>
    <t>411.386962890625</t>
  </si>
  <si>
    <t>-0.015108653957353724</t>
  </si>
  <si>
    <t>34350</t>
  </si>
  <si>
    <t>21.284029006958008</t>
  </si>
  <si>
    <t>309.08514404296875</t>
  </si>
  <si>
    <t>0.036857278281622996</t>
  </si>
  <si>
    <t>35597</t>
  </si>
  <si>
    <t>19.270509719848633</t>
  </si>
  <si>
    <t>510.0481262207031</t>
  </si>
  <si>
    <t>0.03565934597581766</t>
  </si>
  <si>
    <t>35850</t>
  </si>
  <si>
    <t>20.343875885009766</t>
  </si>
  <si>
    <t>552.523193359375</t>
  </si>
  <si>
    <t>0.007082202401454296</t>
  </si>
  <si>
    <t>36741</t>
  </si>
  <si>
    <t>19.958831787109375</t>
  </si>
  <si>
    <t>350.1658020019531</t>
  </si>
  <si>
    <t>0.02454973066163113</t>
  </si>
  <si>
    <t>37455</t>
  </si>
  <si>
    <t>20.06718635559082</t>
  </si>
  <si>
    <t>512.2637329101562</t>
  </si>
  <si>
    <t>0.01924691469258555</t>
  </si>
  <si>
    <t>37633</t>
  </si>
  <si>
    <t>19.913660049438477</t>
  </si>
  <si>
    <t>383.2838439941406</t>
  </si>
  <si>
    <t>0.004741112652508761</t>
  </si>
  <si>
    <t>38571</t>
  </si>
  <si>
    <t>20.324953079223633</t>
  </si>
  <si>
    <t>386.0227966308594</t>
  </si>
  <si>
    <t>0.02461937371786682</t>
  </si>
  <si>
    <t>39448</t>
  </si>
  <si>
    <t>20.117692947387695</t>
  </si>
  <si>
    <t>290.86468505859375</t>
  </si>
  <si>
    <t>0.022482650151603778</t>
  </si>
  <si>
    <t>40270</t>
  </si>
  <si>
    <t>20.6878604888916</t>
  </si>
  <si>
    <t>477.65936279296875</t>
  </si>
  <si>
    <t>0.020623425941536766</t>
  </si>
  <si>
    <t>41151</t>
  </si>
  <si>
    <t>20.136362075805664</t>
  </si>
  <si>
    <t>548.399169921875</t>
  </si>
  <si>
    <t>0.021641453301016966</t>
  </si>
  <si>
    <t>39681</t>
  </si>
  <si>
    <t>20.40028953552246</t>
  </si>
  <si>
    <t>510.2279968261719</t>
  </si>
  <si>
    <t>-0.036375744452358916</t>
  </si>
  <si>
    <t>42379</t>
  </si>
  <si>
    <t>20.232200622558594</t>
  </si>
  <si>
    <t>508.0812072753906</t>
  </si>
  <si>
    <t>0.06578047281387533</t>
  </si>
  <si>
    <t>44393</t>
  </si>
  <si>
    <t>20.12118911743164</t>
  </si>
  <si>
    <t>549.675048828125</t>
  </si>
  <si>
    <t>0.046428842825351424</t>
  </si>
  <si>
    <t>44</t>
  </si>
  <si>
    <t>JAM</t>
  </si>
  <si>
    <t>8693</t>
  </si>
  <si>
    <t>25.586721420288086</t>
  </si>
  <si>
    <t>1748.820068359375</t>
  </si>
  <si>
    <t>1175.1285400390625</t>
  </si>
  <si>
    <t>Jamaica</t>
  </si>
  <si>
    <t>9038</t>
  </si>
  <si>
    <t>25.47153663635254</t>
  </si>
  <si>
    <t>1700.4493408203125</t>
  </si>
  <si>
    <t>0.0389198068921619</t>
  </si>
  <si>
    <t>9129</t>
  </si>
  <si>
    <t>25.69983673095703</t>
  </si>
  <si>
    <t>1610.0277099609375</t>
  </si>
  <si>
    <t>0.010018248593855361</t>
  </si>
  <si>
    <t>9889</t>
  </si>
  <si>
    <t>25.63562774658203</t>
  </si>
  <si>
    <t>2431.708984375</t>
  </si>
  <si>
    <t>0.07996686870490954</t>
  </si>
  <si>
    <t>9925</t>
  </si>
  <si>
    <t>25.911819458007812</t>
  </si>
  <si>
    <t>1658.0718994140625</t>
  </si>
  <si>
    <t>0.003633798285401113</t>
  </si>
  <si>
    <t>10056</t>
  </si>
  <si>
    <t>25.82655906677246</t>
  </si>
  <si>
    <t>2166.510498046875</t>
  </si>
  <si>
    <t>0.013112644714691868</t>
  </si>
  <si>
    <t>9951</t>
  </si>
  <si>
    <t>25.32244110107422</t>
  </si>
  <si>
    <t>2190.38134765625</t>
  </si>
  <si>
    <t>-0.010496422654920678</t>
  </si>
  <si>
    <t>9753</t>
  </si>
  <si>
    <t>26.140525817871094</t>
  </si>
  <si>
    <t>1551.1798095703125</t>
  </si>
  <si>
    <t>-0.0200981186431477</t>
  </si>
  <si>
    <t>9445</t>
  </si>
  <si>
    <t>26.313560485839844</t>
  </si>
  <si>
    <t>1806.363037109375</t>
  </si>
  <si>
    <t>-0.03208942903640555</t>
  </si>
  <si>
    <t>9472</t>
  </si>
  <si>
    <t>25.689498901367188</t>
  </si>
  <si>
    <t>2121.279541015625</t>
  </si>
  <si>
    <t>0.0028545771881773874</t>
  </si>
  <si>
    <t>9497</t>
  </si>
  <si>
    <t>25.65557098388672</t>
  </si>
  <si>
    <t>1807.4912109375</t>
  </si>
  <si>
    <t>0.0026358811191649067</t>
  </si>
  <si>
    <t>9576</t>
  </si>
  <si>
    <t>25.996755599975586</t>
  </si>
  <si>
    <t>2065.3408203125</t>
  </si>
  <si>
    <t>0.008284008994857928</t>
  </si>
  <si>
    <t>9720</t>
  </si>
  <si>
    <t>26.04453468322754</t>
  </si>
  <si>
    <t>1907.7176513671875</t>
  </si>
  <si>
    <t>0.014925650216675024</t>
  </si>
  <si>
    <t>10027</t>
  </si>
  <si>
    <t>26.132553100585938</t>
  </si>
  <si>
    <t>1824.04345703125</t>
  </si>
  <si>
    <t>0.031095836069439997</t>
  </si>
  <si>
    <t>10111</t>
  </si>
  <si>
    <t>25.872413635253906</t>
  </si>
  <si>
    <t>1499.5869140625</t>
  </si>
  <si>
    <t>0.008342485567474967</t>
  </si>
  <si>
    <t>10152</t>
  </si>
  <si>
    <t>25.889986038208008</t>
  </si>
  <si>
    <t>2463.9794921875</t>
  </si>
  <si>
    <t>0.004046790302822956</t>
  </si>
  <si>
    <t>10397</t>
  </si>
  <si>
    <t>26.121549606323242</t>
  </si>
  <si>
    <t>1676.7603759765625</t>
  </si>
  <si>
    <t>0.023846572583748227</t>
  </si>
  <si>
    <t>10500</t>
  </si>
  <si>
    <t>25.839744567871094</t>
  </si>
  <si>
    <t>2380.27294921875</t>
  </si>
  <si>
    <t>0.009857954167642902</t>
  </si>
  <si>
    <t>10376</t>
  </si>
  <si>
    <t>25.557825088500977</t>
  </si>
  <si>
    <t>1857.620849609375</t>
  </si>
  <si>
    <t>-0.011879810149334702</t>
  </si>
  <si>
    <t>9885</t>
  </si>
  <si>
    <t>25.68389129638672</t>
  </si>
  <si>
    <t>1703.009033203125</t>
  </si>
  <si>
    <t>-0.048476990391561614</t>
  </si>
  <si>
    <t>9700</t>
  </si>
  <si>
    <t>25.33392906188965</t>
  </si>
  <si>
    <t>2428.586181640625</t>
  </si>
  <si>
    <t>-0.01889257111324305</t>
  </si>
  <si>
    <t>9824</t>
  </si>
  <si>
    <t>25.567956924438477</t>
  </si>
  <si>
    <t>2212.501708984375</t>
  </si>
  <si>
    <t>0.0127024858954492</t>
  </si>
  <si>
    <t>9715</t>
  </si>
  <si>
    <t>25.864912033081055</t>
  </si>
  <si>
    <t>1664.3775634765625</t>
  </si>
  <si>
    <t>-0.011157288575383006</t>
  </si>
  <si>
    <t>9719</t>
  </si>
  <si>
    <t>26.149747848510742</t>
  </si>
  <si>
    <t>1468.443115234375</t>
  </si>
  <si>
    <t>0.00041164969193019374</t>
  </si>
  <si>
    <t>9746</t>
  </si>
  <si>
    <t>26.20543670654297</t>
  </si>
  <si>
    <t>2181.98779296875</t>
  </si>
  <si>
    <t>0.0027742118999807275</t>
  </si>
  <si>
    <t>9801</t>
  </si>
  <si>
    <t>26.385190963745117</t>
  </si>
  <si>
    <t>1438.8858642578125</t>
  </si>
  <si>
    <t>0.005627476865727843</t>
  </si>
  <si>
    <t>9906</t>
  </si>
  <si>
    <t>26.283597946166992</t>
  </si>
  <si>
    <t>1732.2923583984375</t>
  </si>
  <si>
    <t>0.010656212879004201</t>
  </si>
  <si>
    <t>9985</t>
  </si>
  <si>
    <t>26.18055534362793</t>
  </si>
  <si>
    <t>2954.277587890625</t>
  </si>
  <si>
    <t>0.007943332701731975</t>
  </si>
  <si>
    <t>10161</t>
  </si>
  <si>
    <t>26.177797317504883</t>
  </si>
  <si>
    <t>1339.623291015625</t>
  </si>
  <si>
    <t>0.017472895635965102</t>
  </si>
  <si>
    <t>10244</t>
  </si>
  <si>
    <t>26.42609214782715</t>
  </si>
  <si>
    <t>1485.43896484375</t>
  </si>
  <si>
    <t>0.008135305833535611</t>
  </si>
  <si>
    <t>9206</t>
  </si>
  <si>
    <t>26.320356369018555</t>
  </si>
  <si>
    <t>2217.912109375</t>
  </si>
  <si>
    <t>-0.10683672294223001</t>
  </si>
  <si>
    <t>9605</t>
  </si>
  <si>
    <t>26.0760555267334</t>
  </si>
  <si>
    <t>1963.4703369140625</t>
  </si>
  <si>
    <t>0.04242835082547103</t>
  </si>
  <si>
    <t>10108</t>
  </si>
  <si>
    <t>26.105270385742188</t>
  </si>
  <si>
    <t>1795.75927734375</t>
  </si>
  <si>
    <t>0.05104339330542729</t>
  </si>
  <si>
    <t>45</t>
  </si>
  <si>
    <t>KIR</t>
  </si>
  <si>
    <t>2045</t>
  </si>
  <si>
    <t>27.508989334106445</t>
  </si>
  <si>
    <t>2373.196533203125</t>
  </si>
  <si>
    <t>87.00540924072266</t>
  </si>
  <si>
    <t>Kiribati</t>
  </si>
  <si>
    <t>27.483991622924805</t>
  </si>
  <si>
    <t>3591.971435546875</t>
  </si>
  <si>
    <t>-0.019255099955020505</t>
  </si>
  <si>
    <t>2101.96337890625</t>
  </si>
  <si>
    <t>-0.008008050803343103</t>
  </si>
  <si>
    <t>1998.3687744140625</t>
  </si>
  <si>
    <t>-0.006554094547920997</t>
  </si>
  <si>
    <t>1981</t>
  </si>
  <si>
    <t>1722.84619140625</t>
  </si>
  <si>
    <t>0.0020212235279339907</t>
  </si>
  <si>
    <t>1952</t>
  </si>
  <si>
    <t>1219.517822265625</t>
  </si>
  <si>
    <t>-0.014747279725513707</t>
  </si>
  <si>
    <t>1953</t>
  </si>
  <si>
    <t>1215.6092529296875</t>
  </si>
  <si>
    <t>0.0005121639036413939</t>
  </si>
  <si>
    <t>2257.71728515625</t>
  </si>
  <si>
    <t>-0.0015372793188861422</t>
  </si>
  <si>
    <t>2042</t>
  </si>
  <si>
    <t>1348.0775146484375</t>
  </si>
  <si>
    <t>0.04610034716681799</t>
  </si>
  <si>
    <t>1976</t>
  </si>
  <si>
    <t>1963.8157958984375</t>
  </si>
  <si>
    <t>-0.032855120416797945</t>
  </si>
  <si>
    <t>2064</t>
  </si>
  <si>
    <t>2112.071044921875</t>
  </si>
  <si>
    <t>0.043571248293640785</t>
  </si>
  <si>
    <t>2131.36376953125</t>
  </si>
  <si>
    <t>-0.03400179727748931</t>
  </si>
  <si>
    <t>0.016899010501850498</t>
  </si>
  <si>
    <t>2028</t>
  </si>
  <si>
    <t>-0.0004929751147413342</t>
  </si>
  <si>
    <t>-0.036659892291607044</t>
  </si>
  <si>
    <t>0.02824191735318582</t>
  </si>
  <si>
    <t>1971</t>
  </si>
  <si>
    <t>-0.020091082619932088</t>
  </si>
  <si>
    <t>0.0015209128407072114</t>
  </si>
  <si>
    <t>1896</t>
  </si>
  <si>
    <t>-0.04031553717846048</t>
  </si>
  <si>
    <t>1875</t>
  </si>
  <si>
    <t>-0.011137744410455674</t>
  </si>
  <si>
    <t>1819</t>
  </si>
  <si>
    <t>-0.030321759886389188</t>
  </si>
  <si>
    <t>1820</t>
  </si>
  <si>
    <t>0.0005496015527191034</t>
  </si>
  <si>
    <t>1883</t>
  </si>
  <si>
    <t>0.03402974858631147</t>
  </si>
  <si>
    <t>1932</t>
  </si>
  <si>
    <t>0.025689486115310523</t>
  </si>
  <si>
    <t>-0.025689486115310523</t>
  </si>
  <si>
    <t>2039</t>
  </si>
  <si>
    <t>0.07959324191730222</t>
  </si>
  <si>
    <t>-0.020312811365956307</t>
  </si>
  <si>
    <t>0.03391846342173466</t>
  </si>
  <si>
    <t>1964</t>
  </si>
  <si>
    <t>-0.037476281660043576</t>
  </si>
  <si>
    <t>1897</t>
  </si>
  <si>
    <t>-0.03470951897939667</t>
  </si>
  <si>
    <t>0.056865510876605185</t>
  </si>
  <si>
    <t>-0.0024931451458014564</t>
  </si>
  <si>
    <t>46</t>
  </si>
  <si>
    <t>KWT</t>
  </si>
  <si>
    <t>29856</t>
  </si>
  <si>
    <t>26.143226623535156</t>
  </si>
  <si>
    <t>107.7377700805664</t>
  </si>
  <si>
    <t>544.1196899414062</t>
  </si>
  <si>
    <t>Kuwait</t>
  </si>
  <si>
    <t>27585</t>
  </si>
  <si>
    <t>25.225120544433594</t>
  </si>
  <si>
    <t>129.0559539794922</t>
  </si>
  <si>
    <t>-0.07911367794054058</t>
  </si>
  <si>
    <t>41447</t>
  </si>
  <si>
    <t>24.6304931640625</t>
  </si>
  <si>
    <t>133.08865356445312</t>
  </si>
  <si>
    <t>0.4071433558805584</t>
  </si>
  <si>
    <t>54426</t>
  </si>
  <si>
    <t>25.71544647216797</t>
  </si>
  <si>
    <t>133.11859130859375</t>
  </si>
  <si>
    <t>0.2724264782559107</t>
  </si>
  <si>
    <t>59469</t>
  </si>
  <si>
    <t>26.003843307495117</t>
  </si>
  <si>
    <t>137.2333984375</t>
  </si>
  <si>
    <t>0.0886131875153211</t>
  </si>
  <si>
    <t>61826</t>
  </si>
  <si>
    <t>25.466161727905273</t>
  </si>
  <si>
    <t>163.42694091796875</t>
  </si>
  <si>
    <t>0.038868819587102976</t>
  </si>
  <si>
    <t>60444</t>
  </si>
  <si>
    <t>26.142126083374023</t>
  </si>
  <si>
    <t>130.03753662109375</t>
  </si>
  <si>
    <t>-0.022606671411772084</t>
  </si>
  <si>
    <t>59894</t>
  </si>
  <si>
    <t>25.537811279296875</t>
  </si>
  <si>
    <t>190.43832397460938</t>
  </si>
  <si>
    <t>-0.009140983392061486</t>
  </si>
  <si>
    <t>60106</t>
  </si>
  <si>
    <t>26.981626510620117</t>
  </si>
  <si>
    <t>91.28223419189453</t>
  </si>
  <si>
    <t>0.0035333370093137972</t>
  </si>
  <si>
    <t>57211</t>
  </si>
  <si>
    <t>26.777435302734375</t>
  </si>
  <si>
    <t>148.99359130859375</t>
  </si>
  <si>
    <t>-0.04936348257946044</t>
  </si>
  <si>
    <t>58117</t>
  </si>
  <si>
    <t>26.380205154418945</t>
  </si>
  <si>
    <t>99.20858001708984</t>
  </si>
  <si>
    <t>0.015712032437127377</t>
  </si>
  <si>
    <t>56581</t>
  </si>
  <si>
    <t>26.9910945892334</t>
  </si>
  <si>
    <t>121.20339965820312</t>
  </si>
  <si>
    <t>-0.026784980219412446</t>
  </si>
  <si>
    <t>56701</t>
  </si>
  <si>
    <t>26.741113662719727</t>
  </si>
  <si>
    <t>152.18972778320312</t>
  </si>
  <si>
    <t>0.0021186074554648826</t>
  </si>
  <si>
    <t>64811</t>
  </si>
  <si>
    <t>26.860488891601562</t>
  </si>
  <si>
    <t>159.25025939941406</t>
  </si>
  <si>
    <t>0.13368349477573815</t>
  </si>
  <si>
    <t>69724</t>
  </si>
  <si>
    <t>26.368131637573242</t>
  </si>
  <si>
    <t>129.1802215576172</t>
  </si>
  <si>
    <t>0.07306924931439518</t>
  </si>
  <si>
    <t>74294</t>
  </si>
  <si>
    <t>26.468111038208008</t>
  </si>
  <si>
    <t>137.11021423339844</t>
  </si>
  <si>
    <t>0.06348560340912712</t>
  </si>
  <si>
    <t>75551</t>
  </si>
  <si>
    <t>26.465822219848633</t>
  </si>
  <si>
    <t>134.69467163085938</t>
  </si>
  <si>
    <t>0.016777730136775304</t>
  </si>
  <si>
    <t>75498</t>
  </si>
  <si>
    <t>26.503000259399414</t>
  </si>
  <si>
    <t>98.76773071289062</t>
  </si>
  <si>
    <t>-0.0007017590606359647</t>
  </si>
  <si>
    <t>73163</t>
  </si>
  <si>
    <t>26.780305862426758</t>
  </si>
  <si>
    <t>34.31306457519531</t>
  </si>
  <si>
    <t>-0.031416337141729755</t>
  </si>
  <si>
    <t>64469</t>
  </si>
  <si>
    <t>27.13175392150879</t>
  </si>
  <si>
    <t>95.02542877197266</t>
  </si>
  <si>
    <t>-0.12650534058435525</t>
  </si>
  <si>
    <t>59780</t>
  </si>
  <si>
    <t>27.631467819213867</t>
  </si>
  <si>
    <t>65.79488372802734</t>
  </si>
  <si>
    <t>-0.07551333125600834</t>
  </si>
  <si>
    <t>61357</t>
  </si>
  <si>
    <t>26.41118049621582</t>
  </si>
  <si>
    <t>74.36491394042969</t>
  </si>
  <si>
    <t>0.026038107221786788</t>
  </si>
  <si>
    <t>60588</t>
  </si>
  <si>
    <t>26.95403480529785</t>
  </si>
  <si>
    <t>105.92017364501953</t>
  </si>
  <si>
    <t>-0.01261241041279959</t>
  </si>
  <si>
    <t>57052</t>
  </si>
  <si>
    <t>26.205698013305664</t>
  </si>
  <si>
    <t>103.88156127929688</t>
  </si>
  <si>
    <t>-0.060133721003603924</t>
  </si>
  <si>
    <t>55584</t>
  </si>
  <si>
    <t>26.787071228027344</t>
  </si>
  <si>
    <t>57.629207611083984</t>
  </si>
  <si>
    <t>-0.026067742602482014</t>
  </si>
  <si>
    <t>53808</t>
  </si>
  <si>
    <t>27.01677894592285</t>
  </si>
  <si>
    <t>102.9240493774414</t>
  </si>
  <si>
    <t>-0.03247323506077926</t>
  </si>
  <si>
    <t>53476</t>
  </si>
  <si>
    <t>27.13456153869629</t>
  </si>
  <si>
    <t>136.75865173339844</t>
  </si>
  <si>
    <t>-0.006189199877038476</t>
  </si>
  <si>
    <t>50007</t>
  </si>
  <si>
    <t>27.11553382873535</t>
  </si>
  <si>
    <t>75.2769775390625</t>
  </si>
  <si>
    <t>-0.06706995949181582</t>
  </si>
  <si>
    <t>48943</t>
  </si>
  <si>
    <t>27.63688850402832</t>
  </si>
  <si>
    <t>145.7475128173828</t>
  </si>
  <si>
    <t>-0.021506639942804995</t>
  </si>
  <si>
    <t>47315</t>
  </si>
  <si>
    <t>26.955469131469727</t>
  </si>
  <si>
    <t>78.02365112304688</t>
  </si>
  <si>
    <t>-0.03382898572605875</t>
  </si>
  <si>
    <t>43923</t>
  </si>
  <si>
    <t>26.983800888061523</t>
  </si>
  <si>
    <t>130.1886749267578</t>
  </si>
  <si>
    <t>-0.07438926908074173</t>
  </si>
  <si>
    <t>45580</t>
  </si>
  <si>
    <t>27.90049171447754</t>
  </si>
  <si>
    <t>77.61402130126953</t>
  </si>
  <si>
    <t>0.037030922938082966</t>
  </si>
  <si>
    <t>49400</t>
  </si>
  <si>
    <t>27.604143142700195</t>
  </si>
  <si>
    <t>116.09454345703125</t>
  </si>
  <si>
    <t>0.080481400376339</t>
  </si>
  <si>
    <t>47</t>
  </si>
  <si>
    <t>LAO</t>
  </si>
  <si>
    <t>1939</t>
  </si>
  <si>
    <t>24.985074996948242</t>
  </si>
  <si>
    <t>1958.6097412109375</t>
  </si>
  <si>
    <t>1893.2327880859375</t>
  </si>
  <si>
    <t>Laos</t>
  </si>
  <si>
    <t>1966</t>
  </si>
  <si>
    <t>24.85687828063965</t>
  </si>
  <si>
    <t>1763.005859375</t>
  </si>
  <si>
    <t>0.013828645464459832</t>
  </si>
  <si>
    <t>24.682340621948242</t>
  </si>
  <si>
    <t>1577.249755859375</t>
  </si>
  <si>
    <t>0.026601317605726038</t>
  </si>
  <si>
    <t>2082</t>
  </si>
  <si>
    <t>24.842592239379883</t>
  </si>
  <si>
    <t>1368.60400390625</t>
  </si>
  <si>
    <t>0.030726630862075943</t>
  </si>
  <si>
    <t>2195</t>
  </si>
  <si>
    <t>24.818784713745117</t>
  </si>
  <si>
    <t>1954.1553955078125</t>
  </si>
  <si>
    <t>0.05285307633435821</t>
  </si>
  <si>
    <t>2292</t>
  </si>
  <si>
    <t>24.67504119873047</t>
  </si>
  <si>
    <t>1752.9537353515625</t>
  </si>
  <si>
    <t>0.04324275232535779</t>
  </si>
  <si>
    <t>2394</t>
  </si>
  <si>
    <t>24.26262092590332</t>
  </si>
  <si>
    <t>1981.9501953125</t>
  </si>
  <si>
    <t>0.043540808283288435</t>
  </si>
  <si>
    <t>24.980018615722656</t>
  </si>
  <si>
    <t>1723.885498046875</t>
  </si>
  <si>
    <t>0.045722249338095544</t>
  </si>
  <si>
    <t>2557</t>
  </si>
  <si>
    <t>25.44062614440918</t>
  </si>
  <si>
    <t>1604.120361328125</t>
  </si>
  <si>
    <t>0.020146839835172514</t>
  </si>
  <si>
    <t>2696</t>
  </si>
  <si>
    <t>24.51922035217285</t>
  </si>
  <si>
    <t>1979.883056640625</t>
  </si>
  <si>
    <t>0.05293449674101147</t>
  </si>
  <si>
    <t>2805</t>
  </si>
  <si>
    <t>24.64994239807129</t>
  </si>
  <si>
    <t>1827.16845703125</t>
  </si>
  <si>
    <t>0.03963434592459869</t>
  </si>
  <si>
    <t>2918</t>
  </si>
  <si>
    <t>24.675607681274414</t>
  </si>
  <si>
    <t>2017.3758544921875</t>
  </si>
  <si>
    <t>0.03949491112593417</t>
  </si>
  <si>
    <t>3043</t>
  </si>
  <si>
    <t>24.85394859313965</t>
  </si>
  <si>
    <t>2107.19091796875</t>
  </si>
  <si>
    <t>0.041945420814239576</t>
  </si>
  <si>
    <t>3181</t>
  </si>
  <si>
    <t>24.9266300201416</t>
  </si>
  <si>
    <t>1639.885498046875</t>
  </si>
  <si>
    <t>0.044351741852173276</t>
  </si>
  <si>
    <t>3337</t>
  </si>
  <si>
    <t>24.647363662719727</t>
  </si>
  <si>
    <t>1699.82763671875</t>
  </si>
  <si>
    <t>0.04787658700223041</t>
  </si>
  <si>
    <t>25.048011779785156</t>
  </si>
  <si>
    <t>1883.2568359375</t>
  </si>
  <si>
    <t>0.05395681030477739</t>
  </si>
  <si>
    <t>3766</t>
  </si>
  <si>
    <t>24.941795349121094</t>
  </si>
  <si>
    <t>1893.9849853515625</t>
  </si>
  <si>
    <t>0.06698442016094575</t>
  </si>
  <si>
    <t>3988</t>
  </si>
  <si>
    <t>24.743825912475586</t>
  </si>
  <si>
    <t>1855.130615234375</t>
  </si>
  <si>
    <t>0.057276421864632</t>
  </si>
  <si>
    <t>24.13556480407715</t>
  </si>
  <si>
    <t>2101.503662109375</t>
  </si>
  <si>
    <t>0.05985732061308191</t>
  </si>
  <si>
    <t>4483</t>
  </si>
  <si>
    <t>25.130340576171875</t>
  </si>
  <si>
    <t>1724.876708984375</t>
  </si>
  <si>
    <t>0.05714529246062838</t>
  </si>
  <si>
    <t>4793</t>
  </si>
  <si>
    <t>25.17188262939453</t>
  </si>
  <si>
    <t>1695.139892578125</t>
  </si>
  <si>
    <t>0.06686405500419212</t>
  </si>
  <si>
    <t>5104</t>
  </si>
  <si>
    <t>24.38616943359375</t>
  </si>
  <si>
    <t>2139.182861328125</t>
  </si>
  <si>
    <t>0.06286802586499363</t>
  </si>
  <si>
    <t>5435</t>
  </si>
  <si>
    <t>25.258031845092773</t>
  </si>
  <si>
    <t>1739.592529296875</t>
  </si>
  <si>
    <t>0.0628349745306842</t>
  </si>
  <si>
    <t>5789</t>
  </si>
  <si>
    <t>24.699628829956055</t>
  </si>
  <si>
    <t>1954.56787109375</t>
  </si>
  <si>
    <t>0.06310004452369533</t>
  </si>
  <si>
    <t>6145</t>
  </si>
  <si>
    <t>25.10509490966797</t>
  </si>
  <si>
    <t>1546.2225341796875</t>
  </si>
  <si>
    <t>0.0596791779211312</t>
  </si>
  <si>
    <t>6499</t>
  </si>
  <si>
    <t>25.50501251220703</t>
  </si>
  <si>
    <t>1479.0750732421875</t>
  </si>
  <si>
    <t>0.056009575894213626</t>
  </si>
  <si>
    <t>6851</t>
  </si>
  <si>
    <t>25.459815979003906</t>
  </si>
  <si>
    <t>1712.93798828125</t>
  </si>
  <si>
    <t>0.0527463081085493</t>
  </si>
  <si>
    <t>7211</t>
  </si>
  <si>
    <t>24.8007869720459</t>
  </si>
  <si>
    <t>1992.39208984375</t>
  </si>
  <si>
    <t>0.05121301091386066</t>
  </si>
  <si>
    <t>7546</t>
  </si>
  <si>
    <t>24.9321231842041</t>
  </si>
  <si>
    <t>1800.3182373046875</t>
  </si>
  <si>
    <t>0.04540998360749704</t>
  </si>
  <si>
    <t>7840</t>
  </si>
  <si>
    <t>25.676727294921875</t>
  </si>
  <si>
    <t>1519.427734375</t>
  </si>
  <si>
    <t>0.03822121282019708</t>
  </si>
  <si>
    <t>25.185300827026367</t>
  </si>
  <si>
    <t>1477.8126220703125</t>
  </si>
  <si>
    <t>-0.00974116905555178</t>
  </si>
  <si>
    <t>25.17223358154297</t>
  </si>
  <si>
    <t>1668.4078369140625</t>
  </si>
  <si>
    <t>0.010633627838570803</t>
  </si>
  <si>
    <t>7948</t>
  </si>
  <si>
    <t>24.614748001098633</t>
  </si>
  <si>
    <t>2058.12548828125</t>
  </si>
  <si>
    <t>0.012789031544235385</t>
  </si>
  <si>
    <t>48</t>
  </si>
  <si>
    <t>LBY</t>
  </si>
  <si>
    <t>35012</t>
  </si>
  <si>
    <t>20.924654006958008</t>
  </si>
  <si>
    <t>179.6343994140625</t>
  </si>
  <si>
    <t>2227.813720703125</t>
  </si>
  <si>
    <t>Libya</t>
  </si>
  <si>
    <t>40476</t>
  </si>
  <si>
    <t>20.22014045715332</t>
  </si>
  <si>
    <t>235.3802947998047</t>
  </si>
  <si>
    <t>0.14501834599732177</t>
  </si>
  <si>
    <t>37770</t>
  </si>
  <si>
    <t>20.244583129882812</t>
  </si>
  <si>
    <t>150.6757049560547</t>
  </si>
  <si>
    <t>-0.06919406914314763</t>
  </si>
  <si>
    <t>34922</t>
  </si>
  <si>
    <t>20.83711051940918</t>
  </si>
  <si>
    <t>224.5490264892578</t>
  </si>
  <si>
    <t>-0.07839813362442882</t>
  </si>
  <si>
    <t>35349</t>
  </si>
  <si>
    <t>21.169816970825195</t>
  </si>
  <si>
    <t>235.24913024902344</t>
  </si>
  <si>
    <t>0.012153100299377328</t>
  </si>
  <si>
    <t>29264</t>
  </si>
  <si>
    <t>20.957624435424805</t>
  </si>
  <si>
    <t>223.48402404785156</t>
  </si>
  <si>
    <t>-0.1889120117508032</t>
  </si>
  <si>
    <t>29226</t>
  </si>
  <si>
    <t>20.73045539855957</t>
  </si>
  <si>
    <t>220.13528442382812</t>
  </si>
  <si>
    <t>-0.0012993675960490947</t>
  </si>
  <si>
    <t>27993</t>
  </si>
  <si>
    <t>20.93170738220215</t>
  </si>
  <si>
    <t>217.69744873046875</t>
  </si>
  <si>
    <t>-0.0431042451324668</t>
  </si>
  <si>
    <t>27304</t>
  </si>
  <si>
    <t>21.014467239379883</t>
  </si>
  <si>
    <t>206.5858612060547</t>
  </si>
  <si>
    <t>-0.02492126731558919</t>
  </si>
  <si>
    <t>26668</t>
  </si>
  <si>
    <t>21.4375057220459</t>
  </si>
  <si>
    <t>214.7635498046875</t>
  </si>
  <si>
    <t>-0.02356886684859205</t>
  </si>
  <si>
    <t>27130</t>
  </si>
  <si>
    <t>21.368806838989258</t>
  </si>
  <si>
    <t>145.432373046875</t>
  </si>
  <si>
    <t>0.01717578191502689</t>
  </si>
  <si>
    <t>26040</t>
  </si>
  <si>
    <t>21.436079025268555</t>
  </si>
  <si>
    <t>187.1551055908203</t>
  </si>
  <si>
    <t>-0.04100630933047178</t>
  </si>
  <si>
    <t>25173</t>
  </si>
  <si>
    <t>21.4992618560791</t>
  </si>
  <si>
    <t>199.93394470214844</t>
  </si>
  <si>
    <t>-0.03386182578432617</t>
  </si>
  <si>
    <t>27745</t>
  </si>
  <si>
    <t>21.375015258789062</t>
  </si>
  <si>
    <t>259.4001159667969</t>
  </si>
  <si>
    <t>0.09728365222182234</t>
  </si>
  <si>
    <t>28244</t>
  </si>
  <si>
    <t>21.037931442260742</t>
  </si>
  <si>
    <t>166.9014129638672</t>
  </si>
  <si>
    <t>0.017825401876235603</t>
  </si>
  <si>
    <t>30783</t>
  </si>
  <si>
    <t>20.90590476989746</t>
  </si>
  <si>
    <t>250.2052764892578</t>
  </si>
  <si>
    <t>0.08608154389408185</t>
  </si>
  <si>
    <t>32041</t>
  </si>
  <si>
    <t>21.4053897857666</t>
  </si>
  <si>
    <t>179.40879821777344</t>
  </si>
  <si>
    <t>0.0400537431511907</t>
  </si>
  <si>
    <t>33346</t>
  </si>
  <si>
    <t>21.211240768432617</t>
  </si>
  <si>
    <t>270.3937683105469</t>
  </si>
  <si>
    <t>0.039921492438894646</t>
  </si>
  <si>
    <t>32591</t>
  </si>
  <si>
    <t>21.4936466217041</t>
  </si>
  <si>
    <t>177.97215270996094</t>
  </si>
  <si>
    <t>-0.022901648500575078</t>
  </si>
  <si>
    <t>30511</t>
  </si>
  <si>
    <t>21.33509635925293</t>
  </si>
  <si>
    <t>160.53993225097656</t>
  </si>
  <si>
    <t>-0.06594890230726946</t>
  </si>
  <si>
    <t>31394</t>
  </si>
  <si>
    <t>21.766260147094727</t>
  </si>
  <si>
    <t>127.73833465576172</t>
  </si>
  <si>
    <t>0.028529517522592585</t>
  </si>
  <si>
    <t>16356</t>
  </si>
  <si>
    <t>21.00710105895996</t>
  </si>
  <si>
    <t>220.54461669921875</t>
  </si>
  <si>
    <t>-0.6520219893506205</t>
  </si>
  <si>
    <t>32215</t>
  </si>
  <si>
    <t>21.59101676940918</t>
  </si>
  <si>
    <t>169.41734313964844</t>
  </si>
  <si>
    <t>0.67783738008821</t>
  </si>
  <si>
    <t>25908</t>
  </si>
  <si>
    <t>21.481870651245117</t>
  </si>
  <si>
    <t>171.16790771484375</t>
  </si>
  <si>
    <t>-0.21788038126993392</t>
  </si>
  <si>
    <t>19570</t>
  </si>
  <si>
    <t>21.500764846801758</t>
  </si>
  <si>
    <t>198.7724151611328</t>
  </si>
  <si>
    <t>-0.280554019912687</t>
  </si>
  <si>
    <t>19109</t>
  </si>
  <si>
    <t>21.38783073425293</t>
  </si>
  <si>
    <t>223.22689819335938</t>
  </si>
  <si>
    <t>-0.023838353148748936</t>
  </si>
  <si>
    <t>18554</t>
  </si>
  <si>
    <t>21.500215530395508</t>
  </si>
  <si>
    <t>123.93509674072266</t>
  </si>
  <si>
    <t>-0.029474029028154547</t>
  </si>
  <si>
    <t>24213</t>
  </si>
  <si>
    <t>21.44321632385254</t>
  </si>
  <si>
    <t>280.4971618652344</t>
  </si>
  <si>
    <t>0.26620427977926475</t>
  </si>
  <si>
    <t>25734</t>
  </si>
  <si>
    <t>21.425745010375977</t>
  </si>
  <si>
    <t>228.23440551757812</t>
  </si>
  <si>
    <t>0.06092339575245376</t>
  </si>
  <si>
    <t>22535</t>
  </si>
  <si>
    <t>21.511686325073242</t>
  </si>
  <si>
    <t>228.94390869140625</t>
  </si>
  <si>
    <t>-0.13274341862018701</t>
  </si>
  <si>
    <t>15621</t>
  </si>
  <si>
    <t>21.553815841674805</t>
  </si>
  <si>
    <t>119.80286407470703</t>
  </si>
  <si>
    <t>-0.36645349329374</t>
  </si>
  <si>
    <t>20274</t>
  </si>
  <si>
    <t>21.749635696411133</t>
  </si>
  <si>
    <t>174.6754150390625</t>
  </si>
  <si>
    <t>0.260723114111336</t>
  </si>
  <si>
    <t>19797</t>
  </si>
  <si>
    <t>21.841888427734375</t>
  </si>
  <si>
    <t>152.08016967773438</t>
  </si>
  <si>
    <t>-0.02380886589081399</t>
  </si>
  <si>
    <t>49</t>
  </si>
  <si>
    <t>LUX</t>
  </si>
  <si>
    <t>70861</t>
  </si>
  <si>
    <t>10.092667579650879</t>
  </si>
  <si>
    <t>958.1776123046875</t>
  </si>
  <si>
    <t>280.852294921875</t>
  </si>
  <si>
    <t>Luxembourg</t>
  </si>
  <si>
    <t>75962</t>
  </si>
  <si>
    <t>9.027384757995605</t>
  </si>
  <si>
    <t>699.1264038085938</t>
  </si>
  <si>
    <t>0.06951300357271961</t>
  </si>
  <si>
    <t>76323</t>
  </si>
  <si>
    <t>10.089537620544434</t>
  </si>
  <si>
    <t>1018.8385009765625</t>
  </si>
  <si>
    <t>0.004741119298937946</t>
  </si>
  <si>
    <t>78469</t>
  </si>
  <si>
    <t>9.207948684692383</t>
  </si>
  <si>
    <t>1029.0770263671875</t>
  </si>
  <si>
    <t>0.02772930779087801</t>
  </si>
  <si>
    <t>80365</t>
  </si>
  <si>
    <t>10.227742195129395</t>
  </si>
  <si>
    <t>1095.5384521484375</t>
  </si>
  <si>
    <t>0.023875115686639248</t>
  </si>
  <si>
    <t>80379</t>
  </si>
  <si>
    <t>9.616307258605957</t>
  </si>
  <si>
    <t>881.0885009765625</t>
  </si>
  <si>
    <t>0.00017419001686569402</t>
  </si>
  <si>
    <t>80401</t>
  </si>
  <si>
    <t>7.981923580169678</t>
  </si>
  <si>
    <t>715.24755859375</t>
  </si>
  <si>
    <t>0.0002736658805471137</t>
  </si>
  <si>
    <t>83703</t>
  </si>
  <si>
    <t>10.190949440002441</t>
  </si>
  <si>
    <t>999.6019287109375</t>
  </si>
  <si>
    <t>0.04024820522850092</t>
  </si>
  <si>
    <t>88186</t>
  </si>
  <si>
    <t>9.788512229919434</t>
  </si>
  <si>
    <t>1082.2054443359375</t>
  </si>
  <si>
    <t>0.0521734011080337</t>
  </si>
  <si>
    <t>94115</t>
  </si>
  <si>
    <t>10.162129402160645</t>
  </si>
  <si>
    <t>1038.0828857421875</t>
  </si>
  <si>
    <t>0.06506921852109038</t>
  </si>
  <si>
    <t>99302</t>
  </si>
  <si>
    <t>10.369051933288574</t>
  </si>
  <si>
    <t>1202.230712890625</t>
  </si>
  <si>
    <t>0.05364827305906772</t>
  </si>
  <si>
    <t>101143</t>
  </si>
  <si>
    <t>9.748230934143066</t>
  </si>
  <si>
    <t>1171.554931640625</t>
  </si>
  <si>
    <t>0.018369645231578247</t>
  </si>
  <si>
    <t>103317</t>
  </si>
  <si>
    <t>10.068717002868652</t>
  </si>
  <si>
    <t>1184.7822265625</t>
  </si>
  <si>
    <t>0.02126657473465343</t>
  </si>
  <si>
    <t>104743</t>
  </si>
  <si>
    <t>10.141282081604004</t>
  </si>
  <si>
    <t>823.206298828125</t>
  </si>
  <si>
    <t>0.013707798992207643</t>
  </si>
  <si>
    <t>107635</t>
  </si>
  <si>
    <t>9.789897918701172</t>
  </si>
  <si>
    <t>834.9329833984375</t>
  </si>
  <si>
    <t>0.02723614285276099</t>
  </si>
  <si>
    <t>108632</t>
  </si>
  <si>
    <t>9.653794288635254</t>
  </si>
  <si>
    <t>815.295166015625</t>
  </si>
  <si>
    <t>0.00922014975008345</t>
  </si>
  <si>
    <t>113346</t>
  </si>
  <si>
    <t>10.720794677734375</t>
  </si>
  <si>
    <t>1017.9693603515625</t>
  </si>
  <si>
    <t>0.04247906400627777</t>
  </si>
  <si>
    <t>120648</t>
  </si>
  <si>
    <t>10.374615669250488</t>
  </si>
  <si>
    <t>1055.0198974609375</t>
  </si>
  <si>
    <t>0.062432127655613456</t>
  </si>
  <si>
    <t>118155</t>
  </si>
  <si>
    <t>9.498564720153809</t>
  </si>
  <si>
    <t>975.400634765625</t>
  </si>
  <si>
    <t>-0.02087989323498718</t>
  </si>
  <si>
    <t>112230</t>
  </si>
  <si>
    <t>9.914205551147461</t>
  </si>
  <si>
    <t>926.4225463867188</t>
  </si>
  <si>
    <t>-0.05144698479523235</t>
  </si>
  <si>
    <t>114344</t>
  </si>
  <si>
    <t>9.036077499389648</t>
  </si>
  <si>
    <t>1056.0491943359375</t>
  </si>
  <si>
    <t>0.018661111578650136</t>
  </si>
  <si>
    <t>112998</t>
  </si>
  <si>
    <t>10.647538185119629</t>
  </si>
  <si>
    <t>887.7369384765625</t>
  </si>
  <si>
    <t>-0.011841329166148995</t>
  </si>
  <si>
    <t>112137</t>
  </si>
  <si>
    <t>9.639538764953613</t>
  </si>
  <si>
    <t>1013.46533203125</t>
  </si>
  <si>
    <t>-0.007648781376930813</t>
  </si>
  <si>
    <t>113051</t>
  </si>
  <si>
    <t>9.531564712524414</t>
  </si>
  <si>
    <t>1022.7606811523438</t>
  </si>
  <si>
    <t>0.00811770626464181</t>
  </si>
  <si>
    <t>113314</t>
  </si>
  <si>
    <t>10.904128074645996</t>
  </si>
  <si>
    <t>994.3972778320312</t>
  </si>
  <si>
    <t>0.0023236818265992554</t>
  </si>
  <si>
    <t>113183</t>
  </si>
  <si>
    <t>10.553077697753906</t>
  </si>
  <si>
    <t>878.2280883789062</t>
  </si>
  <si>
    <t>-0.0011567483419856472</t>
  </si>
  <si>
    <t>116284</t>
  </si>
  <si>
    <t>9.84128189086914</t>
  </si>
  <si>
    <t>941.1461791992188</t>
  </si>
  <si>
    <t>0.027029497010829573</t>
  </si>
  <si>
    <t>114986</t>
  </si>
  <si>
    <t>10.836770057678223</t>
  </si>
  <si>
    <t>1033.593017578125</t>
  </si>
  <si>
    <t>-0.011225093001813846</t>
  </si>
  <si>
    <t>114164</t>
  </si>
  <si>
    <t>10.828078269958496</t>
  </si>
  <si>
    <t>804.7259521484375</t>
  </si>
  <si>
    <t>-0.007174370724863266</t>
  </si>
  <si>
    <t>115210</t>
  </si>
  <si>
    <t>11.047871589660645</t>
  </si>
  <si>
    <t>910.9555053710938</t>
  </si>
  <si>
    <t>0.009120538952819501</t>
  </si>
  <si>
    <t>112275</t>
  </si>
  <si>
    <t>11.054821014404297</t>
  </si>
  <si>
    <t>981.8902587890625</t>
  </si>
  <si>
    <t>-0.025805331076160343</t>
  </si>
  <si>
    <t>118510</t>
  </si>
  <si>
    <t>9.932948112487793</t>
  </si>
  <si>
    <t>1005.8917236328125</t>
  </si>
  <si>
    <t>0.05404612622655591</t>
  </si>
  <si>
    <t>117747</t>
  </si>
  <si>
    <t>11.370102882385254</t>
  </si>
  <si>
    <t>887.797607421875</t>
  </si>
  <si>
    <t>-0.0064590903353991536</t>
  </si>
  <si>
    <t>50</t>
  </si>
  <si>
    <t>MDG</t>
  </si>
  <si>
    <t>1809</t>
  </si>
  <si>
    <t>21.221284866333008</t>
  </si>
  <si>
    <t>1208.83154296875</t>
  </si>
  <si>
    <t>5759.2353515625</t>
  </si>
  <si>
    <t>Madagascar</t>
  </si>
  <si>
    <t>1645</t>
  </si>
  <si>
    <t>21.151723861694336</t>
  </si>
  <si>
    <t>1867.3131103515625</t>
  </si>
  <si>
    <t>-0.09503382219582246</t>
  </si>
  <si>
    <t>1614</t>
  </si>
  <si>
    <t>21.179641723632812</t>
  </si>
  <si>
    <t>1612.2130126953125</t>
  </si>
  <si>
    <t>-0.019024814369577925</t>
  </si>
  <si>
    <t>1598</t>
  </si>
  <si>
    <t>21.072330474853516</t>
  </si>
  <si>
    <t>1641.8262939453125</t>
  </si>
  <si>
    <t>-0.00996272250367447</t>
  </si>
  <si>
    <t>1548</t>
  </si>
  <si>
    <t>21.41309356689453</t>
  </si>
  <si>
    <t>1578.9481201171875</t>
  </si>
  <si>
    <t>-0.03178907217654725</t>
  </si>
  <si>
    <t>1524</t>
  </si>
  <si>
    <t>21.314462661743164</t>
  </si>
  <si>
    <t>1768.5323486328125</t>
  </si>
  <si>
    <t>-0.01562531790308075</t>
  </si>
  <si>
    <t>1509</t>
  </si>
  <si>
    <t>21.13547134399414</t>
  </si>
  <si>
    <t>1669.786376953125</t>
  </si>
  <si>
    <t>-0.009891277478742744</t>
  </si>
  <si>
    <t>1515</t>
  </si>
  <si>
    <t>21.475866317749023</t>
  </si>
  <si>
    <t>1699.8885498046875</t>
  </si>
  <si>
    <t>0.003968259175620048</t>
  </si>
  <si>
    <t>21.608186721801758</t>
  </si>
  <si>
    <t>1767.065185546875</t>
  </si>
  <si>
    <t>0.007234493900933003</t>
  </si>
  <si>
    <t>1549</t>
  </si>
  <si>
    <t>21.29391860961914</t>
  </si>
  <si>
    <t>1500.7874755859375</t>
  </si>
  <si>
    <t>0.014959628572466244</t>
  </si>
  <si>
    <t>1570</t>
  </si>
  <si>
    <t>21.307374954223633</t>
  </si>
  <si>
    <t>1720.646484375</t>
  </si>
  <si>
    <t>0.013466057925485053</t>
  </si>
  <si>
    <t>21.352128982543945</t>
  </si>
  <si>
    <t>1640.49560546875</t>
  </si>
  <si>
    <t>0.027639950487540865</t>
  </si>
  <si>
    <t>1373</t>
  </si>
  <si>
    <t>21.467185974121094</t>
  </si>
  <si>
    <t>1972.237548828125</t>
  </si>
  <si>
    <t>-0.16171744306192348</t>
  </si>
  <si>
    <t>1464</t>
  </si>
  <si>
    <t>21.590059280395508</t>
  </si>
  <si>
    <t>1545.406494140625</t>
  </si>
  <si>
    <t>0.06417428875328568</t>
  </si>
  <si>
    <t>1496</t>
  </si>
  <si>
    <t>21.455177307128906</t>
  </si>
  <si>
    <t>1653.8427734375</t>
  </si>
  <si>
    <t>0.021622464013165477</t>
  </si>
  <si>
    <t>1522</t>
  </si>
  <si>
    <t>21.491342544555664</t>
  </si>
  <si>
    <t>1670.11474609375</t>
  </si>
  <si>
    <t>0.017230379887209324</t>
  </si>
  <si>
    <t>1558</t>
  </si>
  <si>
    <t>21.398277282714844</t>
  </si>
  <si>
    <t>1680.427734375</t>
  </si>
  <si>
    <t>0.023377688009062148</t>
  </si>
  <si>
    <t>1599</t>
  </si>
  <si>
    <t>21.440399169921875</t>
  </si>
  <si>
    <t>1692.640625</t>
  </si>
  <si>
    <t>0.02597548640326064</t>
  </si>
  <si>
    <t>1658</t>
  </si>
  <si>
    <t>21.29099464416504</t>
  </si>
  <si>
    <t>1687.8175048828125</t>
  </si>
  <si>
    <t>0.036233622861286285</t>
  </si>
  <si>
    <t>1546</t>
  </si>
  <si>
    <t>21.495851516723633</t>
  </si>
  <si>
    <t>1725.89404296875</t>
  </si>
  <si>
    <t>-0.06994110654787367</t>
  </si>
  <si>
    <t>1512</t>
  </si>
  <si>
    <t>21.795656204223633</t>
  </si>
  <si>
    <t>1519.2003173828125</t>
  </si>
  <si>
    <t>-0.022237672407888986</t>
  </si>
  <si>
    <t>1493</t>
  </si>
  <si>
    <t>21.702634811401367</t>
  </si>
  <si>
    <t>1525.027099609375</t>
  </si>
  <si>
    <t>-0.012645759200287543</t>
  </si>
  <si>
    <t>1497</t>
  </si>
  <si>
    <t>21.715980529785156</t>
  </si>
  <si>
    <t>1619.4083251953125</t>
  </si>
  <si>
    <t>0.002675586880438452</t>
  </si>
  <si>
    <t>1491</t>
  </si>
  <si>
    <t>21.583513259887695</t>
  </si>
  <si>
    <t>1608.0125732421875</t>
  </si>
  <si>
    <t>-0.004016069654890764</t>
  </si>
  <si>
    <t>1501</t>
  </si>
  <si>
    <t>21.81584930419922</t>
  </si>
  <si>
    <t>1627.185791015625</t>
  </si>
  <si>
    <t>0.006684516868723733</t>
  </si>
  <si>
    <t>1508</t>
  </si>
  <si>
    <t>21.888059616088867</t>
  </si>
  <si>
    <t>1495.8114013671875</t>
  </si>
  <si>
    <t>0.0046527169344399155</t>
  </si>
  <si>
    <t>1529</t>
  </si>
  <si>
    <t>21.709854125976562</t>
  </si>
  <si>
    <t>1258.63134765625</t>
  </si>
  <si>
    <t>0.013829657361160486</t>
  </si>
  <si>
    <t>21.95142364501953</t>
  </si>
  <si>
    <t>1781.0888671875</t>
  </si>
  <si>
    <t>0.012349848220610582</t>
  </si>
  <si>
    <t>1557</t>
  </si>
  <si>
    <t>21.874061584472656</t>
  </si>
  <si>
    <t>1639.845947265625</t>
  </si>
  <si>
    <t>0.00579711768432567</t>
  </si>
  <si>
    <t>1585</t>
  </si>
  <si>
    <t>22.016868591308594</t>
  </si>
  <si>
    <t>1689.9237060546875</t>
  </si>
  <si>
    <t>0.017823514477382396</t>
  </si>
  <si>
    <t>1436</t>
  </si>
  <si>
    <t>21.792747497558594</t>
  </si>
  <si>
    <t>1444.3756103515625</t>
  </si>
  <si>
    <t>-0.09872293670321142</t>
  </si>
  <si>
    <t>1482</t>
  </si>
  <si>
    <t>21.685930252075195</t>
  </si>
  <si>
    <t>1655.9930419921875</t>
  </si>
  <si>
    <t>0.031531056247862566</t>
  </si>
  <si>
    <t>1502</t>
  </si>
  <si>
    <t>21.582901000976562</t>
  </si>
  <si>
    <t>1525.5338134765625</t>
  </si>
  <si>
    <t>0.013405026468047865</t>
  </si>
  <si>
    <t>51</t>
  </si>
  <si>
    <t>MWI</t>
  </si>
  <si>
    <t>937</t>
  </si>
  <si>
    <t>22.610185623168945</t>
  </si>
  <si>
    <t>875.6097412109375</t>
  </si>
  <si>
    <t>4017.4638671875</t>
  </si>
  <si>
    <t>Malawi</t>
  </si>
  <si>
    <t>989</t>
  </si>
  <si>
    <t>22.49176025390625</t>
  </si>
  <si>
    <t>990.3757934570312</t>
  </si>
  <si>
    <t>0.054011049384290466</t>
  </si>
  <si>
    <t>890</t>
  </si>
  <si>
    <t>22.979326248168945</t>
  </si>
  <si>
    <t>792.3603515625</t>
  </si>
  <si>
    <t>-0.10547286889652696</t>
  </si>
  <si>
    <t>22.61246681213379</t>
  </si>
  <si>
    <t>1015.345458984375</t>
  </si>
  <si>
    <t>0.07883194907194024</t>
  </si>
  <si>
    <t>875</t>
  </si>
  <si>
    <t>22.54070281982422</t>
  </si>
  <si>
    <t>853.9649658203125</t>
  </si>
  <si>
    <t>-0.09582952544051171</t>
  </si>
  <si>
    <t>23.024749755859375</t>
  </si>
  <si>
    <t>902.5517578125</t>
  </si>
  <si>
    <t>0.157247919241839</t>
  </si>
  <si>
    <t>1077</t>
  </si>
  <si>
    <t>22.506635665893555</t>
  </si>
  <si>
    <t>1178.05615234375</t>
  </si>
  <si>
    <t>0.05046287155693552</t>
  </si>
  <si>
    <t>1097</t>
  </si>
  <si>
    <t>22.595949172973633</t>
  </si>
  <si>
    <t>1283.0228271484375</t>
  </si>
  <si>
    <t>0.018399783118841384</t>
  </si>
  <si>
    <t>1116</t>
  </si>
  <si>
    <t>22.867094039916992</t>
  </si>
  <si>
    <t>940.8084716796875</t>
  </si>
  <si>
    <t>0.0171716826660262</t>
  </si>
  <si>
    <t>1125</t>
  </si>
  <si>
    <t>22.30072784423828</t>
  </si>
  <si>
    <t>1158.597900390625</t>
  </si>
  <si>
    <t>0.008032171697264445</t>
  </si>
  <si>
    <t>22.265357971191406</t>
  </si>
  <si>
    <t>1171.9276123046875</t>
  </si>
  <si>
    <t>-0.008032171697264445</t>
  </si>
  <si>
    <t>22.604665756225586</t>
  </si>
  <si>
    <t>1291.4658203125</t>
  </si>
  <si>
    <t>-0.07438372012182803</t>
  </si>
  <si>
    <t>22.79815673828125</t>
  </si>
  <si>
    <t>898.481689453125</t>
  </si>
  <si>
    <t>-0.007751976804318161</t>
  </si>
  <si>
    <t>22.82145118713379</t>
  </si>
  <si>
    <t>1123.8695068359375</t>
  </si>
  <si>
    <t>0.03065374109100283</t>
  </si>
  <si>
    <t>1088</t>
  </si>
  <si>
    <t>22.71681022644043</t>
  </si>
  <si>
    <t>1114.6842041015625</t>
  </si>
  <si>
    <t>0.02607224030977484</t>
  </si>
  <si>
    <t>1093</t>
  </si>
  <si>
    <t>23.48842430114746</t>
  </si>
  <si>
    <t>719.88525390625</t>
  </si>
  <si>
    <t>0.004585060760651238</t>
  </si>
  <si>
    <t>22.748878479003906</t>
  </si>
  <si>
    <t>1159.02197265625</t>
  </si>
  <si>
    <t>0.01813286309900608</t>
  </si>
  <si>
    <t>1186</t>
  </si>
  <si>
    <t>22.846860885620117</t>
  </si>
  <si>
    <t>1003.3894653320312</t>
  </si>
  <si>
    <t>0.0635272282821262</t>
  </si>
  <si>
    <t>1240</t>
  </si>
  <si>
    <t>22.69664764404297</t>
  </si>
  <si>
    <t>1150.5870361328125</t>
  </si>
  <si>
    <t>0.044525079041411786</t>
  </si>
  <si>
    <t>1305</t>
  </si>
  <si>
    <t>22.779272079467773</t>
  </si>
  <si>
    <t>1042.6585693359375</t>
  </si>
  <si>
    <t>0.05109166115771124</t>
  </si>
  <si>
    <t>1355</t>
  </si>
  <si>
    <t>23.074424743652344</t>
  </si>
  <si>
    <t>955.2659912109375</t>
  </si>
  <si>
    <t>0.037598413557007326</t>
  </si>
  <si>
    <t>1381</t>
  </si>
  <si>
    <t>22.564760208129883</t>
  </si>
  <si>
    <t>1231.0941162109375</t>
  </si>
  <si>
    <t>0.019006420095490917</t>
  </si>
  <si>
    <t>1368</t>
  </si>
  <si>
    <t>22.63118553161621</t>
  </si>
  <si>
    <t>1060.253173828125</t>
  </si>
  <si>
    <t>-0.00945805522679688</t>
  </si>
  <si>
    <t>1402</t>
  </si>
  <si>
    <t>22.52434539794922</t>
  </si>
  <si>
    <t>1019.9139404296875</t>
  </si>
  <si>
    <t>0.024549969412039907</t>
  </si>
  <si>
    <t>1441</t>
  </si>
  <si>
    <t>22.662649154663086</t>
  </si>
  <si>
    <t>1014.1394653320312</t>
  </si>
  <si>
    <t>0.027437528404986367</t>
  </si>
  <si>
    <t>23.06257438659668</t>
  </si>
  <si>
    <t>1010.24072265625</t>
  </si>
  <si>
    <t>1437</t>
  </si>
  <si>
    <t>22.888084411621094</t>
  </si>
  <si>
    <t>915.294921875</t>
  </si>
  <si>
    <t>-0.00277970992049692</t>
  </si>
  <si>
    <t>1455</t>
  </si>
  <si>
    <t>22.69643211364746</t>
  </si>
  <si>
    <t>1143.250732421875</t>
  </si>
  <si>
    <t>0.0124482935265684</t>
  </si>
  <si>
    <t>1478</t>
  </si>
  <si>
    <t>22.704614639282227</t>
  </si>
  <si>
    <t>1315.8096923828125</t>
  </si>
  <si>
    <t>0.01568392190255352</t>
  </si>
  <si>
    <t>22.942548751831055</t>
  </si>
  <si>
    <t>1411.98486328125</t>
  </si>
  <si>
    <t>0.02670385644742801</t>
  </si>
  <si>
    <t>1490</t>
  </si>
  <si>
    <t>22.89866828918457</t>
  </si>
  <si>
    <t>900.5814819335938</t>
  </si>
  <si>
    <t>-0.018617559016069762</t>
  </si>
  <si>
    <t>22.83131980895996</t>
  </si>
  <si>
    <t>884.7272338867188</t>
  </si>
  <si>
    <t>0.0006709158252329317</t>
  </si>
  <si>
    <t>1467</t>
  </si>
  <si>
    <t>22.596101760864258</t>
  </si>
  <si>
    <t>1212.523681640625</t>
  </si>
  <si>
    <t>-0.016227536621756578</t>
  </si>
  <si>
    <t>53</t>
  </si>
  <si>
    <t>MLI</t>
  </si>
  <si>
    <t>1337</t>
  </si>
  <si>
    <t>28.82417869567871</t>
  </si>
  <si>
    <t>634.9683227539062</t>
  </si>
  <si>
    <t>3518.035400390625</t>
  </si>
  <si>
    <t>Mali</t>
  </si>
  <si>
    <t>28.25077247619629</t>
  </si>
  <si>
    <t>699.5545043945312</t>
  </si>
  <si>
    <t>0.09074411741931332</t>
  </si>
  <si>
    <t>1389</t>
  </si>
  <si>
    <t>28.115507125854492</t>
  </si>
  <si>
    <t>674.6049194335938</t>
  </si>
  <si>
    <t>-0.05258835176691257</t>
  </si>
  <si>
    <t>28.6012020111084</t>
  </si>
  <si>
    <t>626.0863037109375</t>
  </si>
  <si>
    <t>0.010028737348116934</t>
  </si>
  <si>
    <t>1426</t>
  </si>
  <si>
    <t>27.798858642578125</t>
  </si>
  <si>
    <t>887.0707397460938</t>
  </si>
  <si>
    <t>0.016260520871780315</t>
  </si>
  <si>
    <t>1408</t>
  </si>
  <si>
    <t>28.65654945373535</t>
  </si>
  <si>
    <t>703.4530639648438</t>
  </si>
  <si>
    <t>-0.012703064256253782</t>
  </si>
  <si>
    <t>1476</t>
  </si>
  <si>
    <t>28.764793395996094</t>
  </si>
  <si>
    <t>681.087158203125</t>
  </si>
  <si>
    <t>0.0471654684424303</t>
  </si>
  <si>
    <t>1514</t>
  </si>
  <si>
    <t>28.484407424926758</t>
  </si>
  <si>
    <t>711.3977661132812</t>
  </si>
  <si>
    <t>0.02541942883697601</t>
  </si>
  <si>
    <t>1588</t>
  </si>
  <si>
    <t>28.956274032592773</t>
  </si>
  <si>
    <t>735.7376708984375</t>
  </si>
  <si>
    <t>0.04772020780968678</t>
  </si>
  <si>
    <t>28.37901496887207</t>
  </si>
  <si>
    <t>873.7640380859375</t>
  </si>
  <si>
    <t>0.02794345116338448</t>
  </si>
  <si>
    <t>28.319007873535156</t>
  </si>
  <si>
    <t>653.3275756835938</t>
  </si>
  <si>
    <t>-0.029834406659084323</t>
  </si>
  <si>
    <t>1775</t>
  </si>
  <si>
    <t>28.649503707885742</t>
  </si>
  <si>
    <t>704.5494995117188</t>
  </si>
  <si>
    <t>0.11321601559813566</t>
  </si>
  <si>
    <t>29.116003036499023</t>
  </si>
  <si>
    <t>586.8018188476562</t>
  </si>
  <si>
    <t>-0.0011273958353088531</t>
  </si>
  <si>
    <t>1874</t>
  </si>
  <si>
    <t>28.886629104614258</t>
  </si>
  <si>
    <t>829.6553344726562</t>
  </si>
  <si>
    <t>0.05540215672415982</t>
  </si>
  <si>
    <t>1842</t>
  </si>
  <si>
    <t>28.969602584838867</t>
  </si>
  <si>
    <t>732.8875122070312</t>
  </si>
  <si>
    <t>-0.0172232459831152</t>
  </si>
  <si>
    <t>1899</t>
  </si>
  <si>
    <t>29.082372665405273</t>
  </si>
  <si>
    <t>725.8916625976562</t>
  </si>
  <si>
    <t>0.03047549399703353</t>
  </si>
  <si>
    <t>1923</t>
  </si>
  <si>
    <t>28.650182723999023</t>
  </si>
  <si>
    <t>751.2675170898438</t>
  </si>
  <si>
    <t>0.012559034776494116</t>
  </si>
  <si>
    <t>1925</t>
  </si>
  <si>
    <t>28.69423484802246</t>
  </si>
  <si>
    <t>707.1344604492188</t>
  </si>
  <si>
    <t>0.001039501133104359</t>
  </si>
  <si>
    <t>28.57240104675293</t>
  </si>
  <si>
    <t>803.4956665039062</t>
  </si>
  <si>
    <t>0.013928520251153209</t>
  </si>
  <si>
    <t>1980</t>
  </si>
  <si>
    <t>29.16527557373047</t>
  </si>
  <si>
    <t>755.1026611328125</t>
  </si>
  <si>
    <t>0.014242356715543636</t>
  </si>
  <si>
    <t>29.125993728637695</t>
  </si>
  <si>
    <t>919.523193359375</t>
  </si>
  <si>
    <t>0.01950549462425677</t>
  </si>
  <si>
    <t>28.746732711791992</t>
  </si>
  <si>
    <t>664.1754760742188</t>
  </si>
  <si>
    <t>-0.0009910803586263839</t>
  </si>
  <si>
    <t>1943</t>
  </si>
  <si>
    <t>28.5650577545166</t>
  </si>
  <si>
    <t>844.3218994140625</t>
  </si>
  <si>
    <t>-0.03737808857677116</t>
  </si>
  <si>
    <t>1930</t>
  </si>
  <si>
    <t>28.930633544921875</t>
  </si>
  <si>
    <t>776.1080932617188</t>
  </si>
  <si>
    <t>-0.006713167478508808</t>
  </si>
  <si>
    <t>28.65830421447754</t>
  </si>
  <si>
    <t>768.5903930664062</t>
  </si>
  <si>
    <t>0.03662667797623431</t>
  </si>
  <si>
    <t>29.068696975708008</t>
  </si>
  <si>
    <t>772.1587524414062</t>
  </si>
  <si>
    <t>0.028559301908461343</t>
  </si>
  <si>
    <t>2112</t>
  </si>
  <si>
    <t>29.136537551879883</t>
  </si>
  <si>
    <t>773.1634521484375</t>
  </si>
  <si>
    <t>0.02492938304252501</t>
  </si>
  <si>
    <t>2154</t>
  </si>
  <si>
    <t>29.12683868408203</t>
  </si>
  <si>
    <t>684.8395385742188</t>
  </si>
  <si>
    <t>0.01969121289018183</t>
  </si>
  <si>
    <t>2186</t>
  </si>
  <si>
    <t>29.05181884765625</t>
  </si>
  <si>
    <t>822.9317626953125</t>
  </si>
  <si>
    <t>0.014746811020150297</t>
  </si>
  <si>
    <t>2219</t>
  </si>
  <si>
    <t>28.6802978515625</t>
  </si>
  <si>
    <t>830.4562377929688</t>
  </si>
  <si>
    <t>0.014983254196109463</t>
  </si>
  <si>
    <t>2124</t>
  </si>
  <si>
    <t>29.318092346191406</t>
  </si>
  <si>
    <t>838.3441162109375</t>
  </si>
  <si>
    <t>-0.04375554057076414</t>
  </si>
  <si>
    <t>2121</t>
  </si>
  <si>
    <t>29.478410720825195</t>
  </si>
  <si>
    <t>740.3134155273438</t>
  </si>
  <si>
    <t>-0.0014134277971473708</t>
  </si>
  <si>
    <t>2133</t>
  </si>
  <si>
    <t>28.925514221191406</t>
  </si>
  <si>
    <t>923.0317993164062</t>
  </si>
  <si>
    <t>0.005641763906668373</t>
  </si>
  <si>
    <t>55</t>
  </si>
  <si>
    <t>MHL</t>
  </si>
  <si>
    <t>3418</t>
  </si>
  <si>
    <t>5.364948272705078</t>
  </si>
  <si>
    <t>522.7674560546875</t>
  </si>
  <si>
    <t>538.0401611328125</t>
  </si>
  <si>
    <t>Marshall Islands</t>
  </si>
  <si>
    <t>3348</t>
  </si>
  <si>
    <t>5.316860675811768</t>
  </si>
  <si>
    <t>671.2420654296875</t>
  </si>
  <si>
    <t>-0.020692432066171662</t>
  </si>
  <si>
    <t>3515</t>
  </si>
  <si>
    <t>5.3601393699646</t>
  </si>
  <si>
    <t>405.4727478027344</t>
  </si>
  <si>
    <t>0.048676372635400256</t>
  </si>
  <si>
    <t>3655</t>
  </si>
  <si>
    <t>5.340904235839844</t>
  </si>
  <si>
    <t>544.8491821289062</t>
  </si>
  <si>
    <t>0.03905656793911305</t>
  </si>
  <si>
    <t>3800</t>
  </si>
  <si>
    <t>5.374565601348877</t>
  </si>
  <si>
    <t>499.1084899902344</t>
  </si>
  <si>
    <t>0.03890497353059885</t>
  </si>
  <si>
    <t>4043</t>
  </si>
  <si>
    <t>5.339301586151123</t>
  </si>
  <si>
    <t>613.4794921875</t>
  </si>
  <si>
    <t>0.06198592392629365</t>
  </si>
  <si>
    <t>3567</t>
  </si>
  <si>
    <t>527.0183715820312</t>
  </si>
  <si>
    <t>-0.12526208428188035</t>
  </si>
  <si>
    <t>3285</t>
  </si>
  <si>
    <t>5.35693359375</t>
  </si>
  <si>
    <t>550.5042724609375</t>
  </si>
  <si>
    <t>-0.08235825444018019</t>
  </si>
  <si>
    <t>5.363344669342041</t>
  </si>
  <si>
    <t>413.4744873046875</t>
  </si>
  <si>
    <t>-0.023407289808853093</t>
  </si>
  <si>
    <t>3129</t>
  </si>
  <si>
    <t>5.30564022064209</t>
  </si>
  <si>
    <t>500.1664123535156</t>
  </si>
  <si>
    <t>-0.02524589744097483</t>
  </si>
  <si>
    <t>3149</t>
  </si>
  <si>
    <t>5.3425068855285645</t>
  </si>
  <si>
    <t>480.21978759765625</t>
  </si>
  <si>
    <t>0.0063714774321415035</t>
  </si>
  <si>
    <t>3352</t>
  </si>
  <si>
    <t>5.433872699737549</t>
  </si>
  <si>
    <t>434.9022216796875</t>
  </si>
  <si>
    <t>0.06247224050095035</t>
  </si>
  <si>
    <t>3472</t>
  </si>
  <si>
    <t>5.451505184173584</t>
  </si>
  <si>
    <t>527.4993286132812</t>
  </si>
  <si>
    <t>0.03517361417826592</t>
  </si>
  <si>
    <t>3416</t>
  </si>
  <si>
    <t>5.4627251625061035</t>
  </si>
  <si>
    <t>504.2249755859375</t>
  </si>
  <si>
    <t>-0.016260520871780315</t>
  </si>
  <si>
    <t>3467</t>
  </si>
  <si>
    <t>5.47875452041626</t>
  </si>
  <si>
    <t>527.5185546875</t>
  </si>
  <si>
    <t>0.014819390776564134</t>
  </si>
  <si>
    <t>3536</t>
  </si>
  <si>
    <t>5.457916736602783</t>
  </si>
  <si>
    <t>460.3115539550781</t>
  </si>
  <si>
    <t>0.01970647807251069</t>
  </si>
  <si>
    <t>3552</t>
  </si>
  <si>
    <t>5.430667877197266</t>
  </si>
  <si>
    <t>454.6180419921875</t>
  </si>
  <si>
    <t>0.004514680354525069</t>
  </si>
  <si>
    <t>3685</t>
  </si>
  <si>
    <t>5.406623840332031</t>
  </si>
  <si>
    <t>488.7792663574219</t>
  </si>
  <si>
    <t>0.03675970051137689</t>
  </si>
  <si>
    <t>3417</t>
  </si>
  <si>
    <t>457.4648132324219</t>
  </si>
  <si>
    <t>-0.07550755250814589</t>
  </si>
  <si>
    <t>3558</t>
  </si>
  <si>
    <t>5.382579803466797</t>
  </si>
  <si>
    <t>439.3262939453125</t>
  </si>
  <si>
    <t>0.04043561611048929</t>
  </si>
  <si>
    <t>3764</t>
  </si>
  <si>
    <t>5.31044864654541</t>
  </si>
  <si>
    <t>499.7048034667969</t>
  </si>
  <si>
    <t>0.056283632479489754</t>
  </si>
  <si>
    <t>3788</t>
  </si>
  <si>
    <t>5.380977153778076</t>
  </si>
  <si>
    <t>608.0360107421875</t>
  </si>
  <si>
    <t>0.006355953600698072</t>
  </si>
  <si>
    <t>3793</t>
  </si>
  <si>
    <t>5.4739460945129395</t>
  </si>
  <si>
    <t>445.9238586425781</t>
  </si>
  <si>
    <t>0.0013190873829316274</t>
  </si>
  <si>
    <t>3995</t>
  </si>
  <si>
    <t>5.46272611618042</t>
  </si>
  <si>
    <t>405.06878662109375</t>
  </si>
  <si>
    <t>0.05188631651147446</t>
  </si>
  <si>
    <t>4022</t>
  </si>
  <si>
    <t>5.478755474090576</t>
  </si>
  <si>
    <t>571.701171875</t>
  </si>
  <si>
    <t>0.00673571213222246</t>
  </si>
  <si>
    <t>4190</t>
  </si>
  <si>
    <t>5.467535018920898</t>
  </si>
  <si>
    <t>573.8939819335938</t>
  </si>
  <si>
    <t>0.040921442583586654</t>
  </si>
  <si>
    <t>4376</t>
  </si>
  <si>
    <t>5.499593257904053</t>
  </si>
  <si>
    <t>487.9137268066406</t>
  </si>
  <si>
    <t>0.04343433118563311</t>
  </si>
  <si>
    <t>4649</t>
  </si>
  <si>
    <t>5.486769199371338</t>
  </si>
  <si>
    <t>574.9518432617188</t>
  </si>
  <si>
    <t>0.06051707758876823</t>
  </si>
  <si>
    <t>5040</t>
  </si>
  <si>
    <t>5.459519863128662</t>
  </si>
  <si>
    <t>661.836181640625</t>
  </si>
  <si>
    <t>0.08075393937483</t>
  </si>
  <si>
    <t>5719</t>
  </si>
  <si>
    <t>5.493181228637695</t>
  </si>
  <si>
    <t>469.3520202636719</t>
  </si>
  <si>
    <t>0.126387882849901</t>
  </si>
  <si>
    <t>5725</t>
  </si>
  <si>
    <t>5.4963860511779785</t>
  </si>
  <si>
    <t>529.2688598632812</t>
  </si>
  <si>
    <t>0.001048584507124417</t>
  </si>
  <si>
    <t>5.435476303100586</t>
  </si>
  <si>
    <t>518.9011840820312</t>
  </si>
  <si>
    <t>0.04290889839021261</t>
  </si>
  <si>
    <t>6004</t>
  </si>
  <si>
    <t>5.377771377563477</t>
  </si>
  <si>
    <t>610.5942993164062</t>
  </si>
  <si>
    <t>0.004674465940700756</t>
  </si>
  <si>
    <t>56</t>
  </si>
  <si>
    <t>MRT</t>
  </si>
  <si>
    <t>4612</t>
  </si>
  <si>
    <t>29.600706100463867</t>
  </si>
  <si>
    <t>175.42611694335938</t>
  </si>
  <si>
    <t>805.1446533203125</t>
  </si>
  <si>
    <t>Mauritania</t>
  </si>
  <si>
    <t>29.120986938476562</t>
  </si>
  <si>
    <t>186.68682861328125</t>
  </si>
  <si>
    <t>-0.011997090125065668</t>
  </si>
  <si>
    <t>4467</t>
  </si>
  <si>
    <t>29.021448135375977</t>
  </si>
  <si>
    <t>176.42337036132812</t>
  </si>
  <si>
    <t>-0.01994746991176477</t>
  </si>
  <si>
    <t>4540</t>
  </si>
  <si>
    <t>29.096738815307617</t>
  </si>
  <si>
    <t>223.41270446777344</t>
  </si>
  <si>
    <t>0.016209969683275816</t>
  </si>
  <si>
    <t>4253</t>
  </si>
  <si>
    <t>28.7220516204834</t>
  </si>
  <si>
    <t>253.5551300048828</t>
  </si>
  <si>
    <t>-0.06530239578176023</t>
  </si>
  <si>
    <t>4543</t>
  </si>
  <si>
    <t>29.388246536254883</t>
  </si>
  <si>
    <t>261.7691955566406</t>
  </si>
  <si>
    <t>0.06596297050576894</t>
  </si>
  <si>
    <t>4711</t>
  </si>
  <si>
    <t>29.507333755493164</t>
  </si>
  <si>
    <t>198.03846740722656</t>
  </si>
  <si>
    <t>0.03631261294063748</t>
  </si>
  <si>
    <t>4420</t>
  </si>
  <si>
    <t>29.517501831054688</t>
  </si>
  <si>
    <t>216.51351928710938</t>
  </si>
  <si>
    <t>-0.06376050362829666</t>
  </si>
  <si>
    <t>29.8415584564209</t>
  </si>
  <si>
    <t>247.60455322265625</t>
  </si>
  <si>
    <t>0.0009045681304264974</t>
  </si>
  <si>
    <t>29.090065002441406</t>
  </si>
  <si>
    <t>303.8315124511719</t>
  </si>
  <si>
    <t>0.009000960858976725</t>
  </si>
  <si>
    <t>4171</t>
  </si>
  <si>
    <t>29.178848266601562</t>
  </si>
  <si>
    <t>233.47763061523438</t>
  </si>
  <si>
    <t>-0.06788940986420222</t>
  </si>
  <si>
    <t>4037</t>
  </si>
  <si>
    <t>29.72724723815918</t>
  </si>
  <si>
    <t>245.4345245361328</t>
  </si>
  <si>
    <t>-0.03265397334400433</t>
  </si>
  <si>
    <t>4006</t>
  </si>
  <si>
    <t>29.638219833374023</t>
  </si>
  <si>
    <t>176.96075439453125</t>
  </si>
  <si>
    <t>-0.0077086046271777064</t>
  </si>
  <si>
    <t>29.585899353027344</t>
  </si>
  <si>
    <t>295.6169738769531</t>
  </si>
  <si>
    <t>0.04538470977511544</t>
  </si>
  <si>
    <t>4297</t>
  </si>
  <si>
    <t>29.653295516967773</t>
  </si>
  <si>
    <t>232.97032165527344</t>
  </si>
  <si>
    <t>0.024739157774117615</t>
  </si>
  <si>
    <t>4563</t>
  </si>
  <si>
    <t>29.753585815429688</t>
  </si>
  <si>
    <t>289.5702209472656</t>
  </si>
  <si>
    <t>0.060063197152405934</t>
  </si>
  <si>
    <t>5279</t>
  </si>
  <si>
    <t>29.58588409423828</t>
  </si>
  <si>
    <t>223.5732421875</t>
  </si>
  <si>
    <t>0.14575638389621481</t>
  </si>
  <si>
    <t>5056</t>
  </si>
  <si>
    <t>29.469118118286133</t>
  </si>
  <si>
    <t>244.3585968017578</t>
  </si>
  <si>
    <t>-0.043161028996923534</t>
  </si>
  <si>
    <t>4915</t>
  </si>
  <si>
    <t>29.438806533813477</t>
  </si>
  <si>
    <t>279.64849853515625</t>
  </si>
  <si>
    <t>-0.02828390324542518</t>
  </si>
  <si>
    <t>4787</t>
  </si>
  <si>
    <t>29.68889617919922</t>
  </si>
  <si>
    <t>296.30743408203125</t>
  </si>
  <si>
    <t>-0.02638784318875942</t>
  </si>
  <si>
    <t>4774</t>
  </si>
  <si>
    <t>30.044212341308594</t>
  </si>
  <si>
    <t>356.9058837890625</t>
  </si>
  <si>
    <t>-0.002719382493733491</t>
  </si>
  <si>
    <t>4825</t>
  </si>
  <si>
    <t>29.46550941467285</t>
  </si>
  <si>
    <t>226.8165283203125</t>
  </si>
  <si>
    <t>0.010626206874311706</t>
  </si>
  <si>
    <t>4886</t>
  </si>
  <si>
    <t>29.370668411254883</t>
  </si>
  <si>
    <t>315.2786865234375</t>
  </si>
  <si>
    <t>0.012563238044599245</t>
  </si>
  <si>
    <t>4943</t>
  </si>
  <si>
    <t>29.770017623901367</t>
  </si>
  <si>
    <t>284.6473693847656</t>
  </si>
  <si>
    <t>0.011598461489272793</t>
  </si>
  <si>
    <t>5020</t>
  </si>
  <si>
    <t>29.422164916992188</t>
  </si>
  <si>
    <t>219.45738220214844</t>
  </si>
  <si>
    <t>0.015457499378817019</t>
  </si>
  <si>
    <t>5152</t>
  </si>
  <si>
    <t>29.93720054626465</t>
  </si>
  <si>
    <t>261.81671142578125</t>
  </si>
  <si>
    <t>0.025955055098414448</t>
  </si>
  <si>
    <t>5081</t>
  </si>
  <si>
    <t>29.718843460083008</t>
  </si>
  <si>
    <t>250.5576934814453</t>
  </si>
  <si>
    <t>-0.01387689619045851</t>
  </si>
  <si>
    <t>5259</t>
  </si>
  <si>
    <t>29.862424850463867</t>
  </si>
  <si>
    <t>216.3671112060547</t>
  </si>
  <si>
    <t>0.03443280199561194</t>
  </si>
  <si>
    <t>5367</t>
  </si>
  <si>
    <t>29.37738037109375</t>
  </si>
  <si>
    <t>252.3325958251953</t>
  </si>
  <si>
    <t>0.020328198587485247</t>
  </si>
  <si>
    <t>29.45107078552246</t>
  </si>
  <si>
    <t>231.8879852294922</t>
  </si>
  <si>
    <t>0.004832723160397734</t>
  </si>
  <si>
    <t>5236</t>
  </si>
  <si>
    <t>30.1094913482666</t>
  </si>
  <si>
    <t>297.2782897949219</t>
  </si>
  <si>
    <t>-0.02954396830743633</t>
  </si>
  <si>
    <t>5142</t>
  </si>
  <si>
    <t>30.22235870361328</t>
  </si>
  <si>
    <t>251.04367065429688</t>
  </si>
  <si>
    <t>-0.018115739203954817</t>
  </si>
  <si>
    <t>5330</t>
  </si>
  <si>
    <t>29.519256591796875</t>
  </si>
  <si>
    <t>330.1708984375</t>
  </si>
  <si>
    <t>0.03590912933405477</t>
  </si>
  <si>
    <t>57</t>
  </si>
  <si>
    <t>MUS</t>
  </si>
  <si>
    <t>8234</t>
  </si>
  <si>
    <t>22.85833168029785</t>
  </si>
  <si>
    <t>1620.300048828125</t>
  </si>
  <si>
    <t>561.9020385742188</t>
  </si>
  <si>
    <t>Mauritius</t>
  </si>
  <si>
    <t>8507</t>
  </si>
  <si>
    <t>23.125</t>
  </si>
  <si>
    <t>2214.300048828125</t>
  </si>
  <si>
    <t>0.032617430646034506</t>
  </si>
  <si>
    <t>8942</t>
  </si>
  <si>
    <t>22.750001907348633</t>
  </si>
  <si>
    <t>1616.0999755859375</t>
  </si>
  <si>
    <t>0.049869923818041784</t>
  </si>
  <si>
    <t>9286</t>
  </si>
  <si>
    <t>22.78333282470703</t>
  </si>
  <si>
    <t>3411.19970703125</t>
  </si>
  <si>
    <t>0.03774861178594158</t>
  </si>
  <si>
    <t>9536</t>
  </si>
  <si>
    <t>23.01666831970215</t>
  </si>
  <si>
    <t>2197.099853515625</t>
  </si>
  <si>
    <t>0.026566220725262824</t>
  </si>
  <si>
    <t>9859</t>
  </si>
  <si>
    <t>22.899999618530273</t>
  </si>
  <si>
    <t>2489.10009765625</t>
  </si>
  <si>
    <t>0.03331063326991135</t>
  </si>
  <si>
    <t>10304</t>
  </si>
  <si>
    <t>22.5916690826416</t>
  </si>
  <si>
    <t>1656.2000732421875</t>
  </si>
  <si>
    <t>0.044147425769093473</t>
  </si>
  <si>
    <t>10755</t>
  </si>
  <si>
    <t>22.991668701171875</t>
  </si>
  <si>
    <t>2068.300048828125</t>
  </si>
  <si>
    <t>0.04283859335769513</t>
  </si>
  <si>
    <t>11289</t>
  </si>
  <si>
    <t>23.116666793823242</t>
  </si>
  <si>
    <t>2586.800048828125</t>
  </si>
  <si>
    <t>0.04845803755971545</t>
  </si>
  <si>
    <t>11437</t>
  </si>
  <si>
    <t>22.91666603088379</t>
  </si>
  <si>
    <t>1801.60009765625</t>
  </si>
  <si>
    <t>0.013024913519670278</t>
  </si>
  <si>
    <t>12254</t>
  </si>
  <si>
    <t>22.808334350585938</t>
  </si>
  <si>
    <t>1838.9998779296875</t>
  </si>
  <si>
    <t>0.06899870050438395</t>
  </si>
  <si>
    <t>12565</t>
  </si>
  <si>
    <t>23.17500114440918</t>
  </si>
  <si>
    <t>2212.0</t>
  </si>
  <si>
    <t>0.025062756692092236</t>
  </si>
  <si>
    <t>12679</t>
  </si>
  <si>
    <t>23.266664505004883</t>
  </si>
  <si>
    <t>1990.0999755859375</t>
  </si>
  <si>
    <t>0.009031910550255873</t>
  </si>
  <si>
    <t>13334</t>
  </si>
  <si>
    <t>23.275001525878906</t>
  </si>
  <si>
    <t>2799.199951171875</t>
  </si>
  <si>
    <t>0.0503700826500566</t>
  </si>
  <si>
    <t>13824</t>
  </si>
  <si>
    <t>23.291669845581055</t>
  </si>
  <si>
    <t>2273.500244140625</t>
  </si>
  <si>
    <t>0.03608904786583267</t>
  </si>
  <si>
    <t>13987</t>
  </si>
  <si>
    <t>23.058332443237305</t>
  </si>
  <si>
    <t>2958.000244140625</t>
  </si>
  <si>
    <t>0.01172211473546625</t>
  </si>
  <si>
    <t>14599</t>
  </si>
  <si>
    <t>23.325002670288086</t>
  </si>
  <si>
    <t>2619.2001953125</t>
  </si>
  <si>
    <t>0.04282470642067615</t>
  </si>
  <si>
    <t>15365</t>
  </si>
  <si>
    <t>23.233335494995117</t>
  </si>
  <si>
    <t>2312.19970703125</t>
  </si>
  <si>
    <t>0.051139162364604474</t>
  </si>
  <si>
    <t>16134</t>
  </si>
  <si>
    <t>23.316665649414062</t>
  </si>
  <si>
    <t>2380.0</t>
  </si>
  <si>
    <t>0.048836650932335246</t>
  </si>
  <si>
    <t>16625</t>
  </si>
  <si>
    <t>23.691667556762695</t>
  </si>
  <si>
    <t>2766.400146484375</t>
  </si>
  <si>
    <t>0.02997874002713452</t>
  </si>
  <si>
    <t>17312</t>
  </si>
  <si>
    <t>23.66666603088379</t>
  </si>
  <si>
    <t>2541.300048828125</t>
  </si>
  <si>
    <t>0.04049231612215287</t>
  </si>
  <si>
    <t>17989</t>
  </si>
  <si>
    <t>2119.89990234375</t>
  </si>
  <si>
    <t>0.03836055731647825</t>
  </si>
  <si>
    <t>18566</t>
  </si>
  <si>
    <t>23.525001525878906</t>
  </si>
  <si>
    <t>2130.10009765625</t>
  </si>
  <si>
    <t>0.0315714909971927</t>
  </si>
  <si>
    <t>19144</t>
  </si>
  <si>
    <t>23.508333206176758</t>
  </si>
  <si>
    <t>2549.39990234375</t>
  </si>
  <si>
    <t>0.030657399628331916</t>
  </si>
  <si>
    <t>19840</t>
  </si>
  <si>
    <t>1943.8001708984375</t>
  </si>
  <si>
    <t>0.03571075125065448</t>
  </si>
  <si>
    <t>20545</t>
  </si>
  <si>
    <t>2496.199951171875</t>
  </si>
  <si>
    <t>0.03491750047864528</t>
  </si>
  <si>
    <t>21324</t>
  </si>
  <si>
    <t>23.55000114440918</t>
  </si>
  <si>
    <t>1837.2998046875</t>
  </si>
  <si>
    <t>0.037215596625141956</t>
  </si>
  <si>
    <t>22144</t>
  </si>
  <si>
    <t>24.04166603088379</t>
  </si>
  <si>
    <t>3014.199951171875</t>
  </si>
  <si>
    <t>0.037733380474744393</t>
  </si>
  <si>
    <t>23019</t>
  </si>
  <si>
    <t>23.83333396911621</t>
  </si>
  <si>
    <t>2935.69970703125</t>
  </si>
  <si>
    <t>0.03875338242837856</t>
  </si>
  <si>
    <t>23676</t>
  </si>
  <si>
    <t>24.125</t>
  </si>
  <si>
    <t>2133.10009765625</t>
  </si>
  <si>
    <t>0.02814191496484142</t>
  </si>
  <si>
    <t>20232</t>
  </si>
  <si>
    <t>23.566665649414062</t>
  </si>
  <si>
    <t>1548.0999755859375</t>
  </si>
  <si>
    <t>-0.15719636746081456</t>
  </si>
  <si>
    <t>20915</t>
  </si>
  <si>
    <t>23.70833396911621</t>
  </si>
  <si>
    <t>2481.5</t>
  </si>
  <si>
    <t>0.03320109552649697</t>
  </si>
  <si>
    <t>22841</t>
  </si>
  <si>
    <t>23.241666793823242</t>
  </si>
  <si>
    <t>2720.400146484375</t>
  </si>
  <si>
    <t>0.08809056177233465</t>
  </si>
  <si>
    <t>58</t>
  </si>
  <si>
    <t>FSM</t>
  </si>
  <si>
    <t>2925</t>
  </si>
  <si>
    <t>4699.50048828125</t>
  </si>
  <si>
    <t>86.85890197753906</t>
  </si>
  <si>
    <t>Micronesia</t>
  </si>
  <si>
    <t>3086</t>
  </si>
  <si>
    <t>26.44999885559082</t>
  </si>
  <si>
    <t>5709.60009765625</t>
  </si>
  <si>
    <t>0.053581273257149675</t>
  </si>
  <si>
    <t>3132</t>
  </si>
  <si>
    <t>26.59166717529297</t>
  </si>
  <si>
    <t>3661.100341796875</t>
  </si>
  <si>
    <t>0.01479602418758752</t>
  </si>
  <si>
    <t>3287</t>
  </si>
  <si>
    <t>26.325002670288086</t>
  </si>
  <si>
    <t>4779.2001953125</t>
  </si>
  <si>
    <t>0.04830351655352416</t>
  </si>
  <si>
    <t>26.58333396911621</t>
  </si>
  <si>
    <t>4071.300537109375</t>
  </si>
  <si>
    <t>-0.03152300565795407</t>
  </si>
  <si>
    <t>3363</t>
  </si>
  <si>
    <t>26.724998474121094</t>
  </si>
  <si>
    <t>4062.89990234375</t>
  </si>
  <si>
    <t>0.05438114373400538</t>
  </si>
  <si>
    <t>3242</t>
  </si>
  <si>
    <t>26.558332443237305</t>
  </si>
  <si>
    <t>3942.2001953125</t>
  </si>
  <si>
    <t>-0.036643009444649266</t>
  </si>
  <si>
    <t>3036</t>
  </si>
  <si>
    <t>26.249998092651367</t>
  </si>
  <si>
    <t>3627.7001953125</t>
  </si>
  <si>
    <t>-0.06564956378010045</t>
  </si>
  <si>
    <t>26.35833168029785</t>
  </si>
  <si>
    <t>3456.7001953125</t>
  </si>
  <si>
    <t>0.025688292706032456</t>
  </si>
  <si>
    <t>3154</t>
  </si>
  <si>
    <t>26.19999885559082</t>
  </si>
  <si>
    <t>4744.5</t>
  </si>
  <si>
    <t>0.012442336301431212</t>
  </si>
  <si>
    <t>3301</t>
  </si>
  <si>
    <t>26.6583309173584</t>
  </si>
  <si>
    <t>4989.79931640625</t>
  </si>
  <si>
    <t>0.04555396433020853</t>
  </si>
  <si>
    <t>3366</t>
  </si>
  <si>
    <t>26.875001907348633</t>
  </si>
  <si>
    <t>4001.2998046875</t>
  </si>
  <si>
    <t>0.0194996428975589</t>
  </si>
  <si>
    <t>3383</t>
  </si>
  <si>
    <t>26.858335494995117</t>
  </si>
  <si>
    <t>4488.89990234375</t>
  </si>
  <si>
    <t>0.005037794029957965</t>
  </si>
  <si>
    <t>4478.30029296875</t>
  </si>
  <si>
    <t>0.01728980799077462</t>
  </si>
  <si>
    <t>3347</t>
  </si>
  <si>
    <t>4526.7998046875</t>
  </si>
  <si>
    <t>-0.027988275560156595</t>
  </si>
  <si>
    <t>3430</t>
  </si>
  <si>
    <t>4527.69970703125</t>
  </si>
  <si>
    <t>0.024495838948658033</t>
  </si>
  <si>
    <t>3448</t>
  </si>
  <si>
    <t>3990.89990234375</t>
  </si>
  <si>
    <t>0.005234091623599113</t>
  </si>
  <si>
    <t>3408</t>
  </si>
  <si>
    <t>26.833335876464844</t>
  </si>
  <si>
    <t>4706.400390625</t>
  </si>
  <si>
    <t>-0.011668743834377437</t>
  </si>
  <si>
    <t>3351</t>
  </si>
  <si>
    <t>3190.499755859375</t>
  </si>
  <si>
    <t>-0.016866800211897015</t>
  </si>
  <si>
    <t>3414</t>
  </si>
  <si>
    <t>2831.30029296875</t>
  </si>
  <si>
    <t>0.018625815617076213</t>
  </si>
  <si>
    <t>3500</t>
  </si>
  <si>
    <t>3683.300048828125</t>
  </si>
  <si>
    <t>0.024878344123118623</t>
  </si>
  <si>
    <t>3602</t>
  </si>
  <si>
    <t>26.649999618530273</t>
  </si>
  <si>
    <t>4503.2998046875</t>
  </si>
  <si>
    <t>0.028726278258396576</t>
  </si>
  <si>
    <t>3523</t>
  </si>
  <si>
    <t>26.866666793823242</t>
  </si>
  <si>
    <t>4063.099609375</t>
  </si>
  <si>
    <t>-0.02217634739466412</t>
  </si>
  <si>
    <t>3382</t>
  </si>
  <si>
    <t>27.15833282470703</t>
  </si>
  <si>
    <t>3176.89990234375</t>
  </si>
  <si>
    <t>-0.04084564888271203</t>
  </si>
  <si>
    <t>26.850000381469727</t>
  </si>
  <si>
    <t>4539.19970703125</t>
  </si>
  <si>
    <t>-0.0272757805151862</t>
  </si>
  <si>
    <t>26.933334350585938</t>
  </si>
  <si>
    <t>5469.20068359375</t>
  </si>
  <si>
    <t>0.04136879121664627</t>
  </si>
  <si>
    <t>3446</t>
  </si>
  <si>
    <t>4560.2998046875</t>
  </si>
  <si>
    <t>0.004653876927889655</t>
  </si>
  <si>
    <t>27.35833168029785</t>
  </si>
  <si>
    <t>4627.400390625</t>
  </si>
  <si>
    <t>0.02181487196827625</t>
  </si>
  <si>
    <t>3514</t>
  </si>
  <si>
    <t>27.166669845581055</t>
  </si>
  <si>
    <t>4863.30029296875</t>
  </si>
  <si>
    <t>-0.0022740203091089484</t>
  </si>
  <si>
    <t>3541</t>
  </si>
  <si>
    <t>27.250001907348633</t>
  </si>
  <si>
    <t>4796.80029296875</t>
  </si>
  <si>
    <t>0.0076541833648615665</t>
  </si>
  <si>
    <t>27.3416690826416</t>
  </si>
  <si>
    <t>5035.400390625</t>
  </si>
  <si>
    <t>-0.03447626713429841</t>
  </si>
  <si>
    <t>3321</t>
  </si>
  <si>
    <t>4960.80029296875</t>
  </si>
  <si>
    <t>-0.02966696360085841</t>
  </si>
  <si>
    <t>3264</t>
  </si>
  <si>
    <t>27.108335494995117</t>
  </si>
  <si>
    <t>5941.5</t>
  </si>
  <si>
    <t>-0.017312505292750302</t>
  </si>
  <si>
    <t>59</t>
  </si>
  <si>
    <t>MMR</t>
  </si>
  <si>
    <t>616</t>
  </si>
  <si>
    <t>25.86905860900879</t>
  </si>
  <si>
    <t>2057.12109375</t>
  </si>
  <si>
    <t>23333.427734375</t>
  </si>
  <si>
    <t>Myanmar</t>
  </si>
  <si>
    <t>604</t>
  </si>
  <si>
    <t>25.799943923950195</t>
  </si>
  <si>
    <t>2129.245361328125</t>
  </si>
  <si>
    <t>-0.019672765598704345</t>
  </si>
  <si>
    <t>653</t>
  </si>
  <si>
    <t>25.597726821899414</t>
  </si>
  <si>
    <t>2170.752197265625</t>
  </si>
  <si>
    <t>0.07800293134161596</t>
  </si>
  <si>
    <t>25.712156295776367</t>
  </si>
  <si>
    <t>1871.682861328125</t>
  </si>
  <si>
    <t>0.04491773029435908</t>
  </si>
  <si>
    <t>725</t>
  </si>
  <si>
    <t>25.752456665039062</t>
  </si>
  <si>
    <t>2346.86572265625</t>
  </si>
  <si>
    <t>0.05967679528388459</t>
  </si>
  <si>
    <t>25.821168899536133</t>
  </si>
  <si>
    <t>2197.637451171875</t>
  </si>
  <si>
    <t>0.05370417897186108</t>
  </si>
  <si>
    <t>25.428373336791992</t>
  </si>
  <si>
    <t>2399.857177734375</t>
  </si>
  <si>
    <t>0.049723435352430734</t>
  </si>
  <si>
    <t>839</t>
  </si>
  <si>
    <t>25.801183700561523</t>
  </si>
  <si>
    <t>2184.71533203125</t>
  </si>
  <si>
    <t>0.04261143728823935</t>
  </si>
  <si>
    <t>878</t>
  </si>
  <si>
    <t>26.25209617614746</t>
  </si>
  <si>
    <t>1930.1754150390625</t>
  </si>
  <si>
    <t>0.04543588716791103</t>
  </si>
  <si>
    <t>962</t>
  </si>
  <si>
    <t>25.599214553833008</t>
  </si>
  <si>
    <t>2335.97900390625</t>
  </si>
  <si>
    <t>0.09136785703058958</t>
  </si>
  <si>
    <t>1083</t>
  </si>
  <si>
    <t>25.59009552001953</t>
  </si>
  <si>
    <t>2229.9560546875</t>
  </si>
  <si>
    <t>0.11847579633528404</t>
  </si>
  <si>
    <t>25.711931228637695</t>
  </si>
  <si>
    <t>2191.63232421875</t>
  </si>
  <si>
    <t>0.09673617509692534</t>
  </si>
  <si>
    <t>1323</t>
  </si>
  <si>
    <t>25.779001235961914</t>
  </si>
  <si>
    <t>2428.402099609375</t>
  </si>
  <si>
    <t>0.10343074201704017</t>
  </si>
  <si>
    <t>1492</t>
  </si>
  <si>
    <t>25.78655433654785</t>
  </si>
  <si>
    <t>2053.9560546875</t>
  </si>
  <si>
    <t>0.1202156166487498</t>
  </si>
  <si>
    <t>1680</t>
  </si>
  <si>
    <t>25.658784866333008</t>
  </si>
  <si>
    <t>2205.295166015625</t>
  </si>
  <si>
    <t>0.11867629163359883</t>
  </si>
  <si>
    <t>1892</t>
  </si>
  <si>
    <t>25.99066162109375</t>
  </si>
  <si>
    <t>2203.15673828125</t>
  </si>
  <si>
    <t>0.11884067721451874</t>
  </si>
  <si>
    <t>2123</t>
  </si>
  <si>
    <t>25.868017196655273</t>
  </si>
  <si>
    <t>2452.7373046875</t>
  </si>
  <si>
    <t>0.11519571209143287</t>
  </si>
  <si>
    <t>25.724313735961914</t>
  </si>
  <si>
    <t>2458.91015625</t>
  </si>
  <si>
    <t>0.10625507538225687</t>
  </si>
  <si>
    <t>2587</t>
  </si>
  <si>
    <t>25.401914596557617</t>
  </si>
  <si>
    <t>2223.923095703125</t>
  </si>
  <si>
    <t>0.0914136451005163</t>
  </si>
  <si>
    <t>2844</t>
  </si>
  <si>
    <t>26.00705909729004</t>
  </si>
  <si>
    <t>2228.922119140625</t>
  </si>
  <si>
    <t>0.09471260873710197</t>
  </si>
  <si>
    <t>3094</t>
  </si>
  <si>
    <t>26.263994216918945</t>
  </si>
  <si>
    <t>2278.572998046875</t>
  </si>
  <si>
    <t>0.08425324020988079</t>
  </si>
  <si>
    <t>25.57380485534668</t>
  </si>
  <si>
    <t>2609.1162109375</t>
  </si>
  <si>
    <t>0.046417172008535346</t>
  </si>
  <si>
    <t>3449</t>
  </si>
  <si>
    <t>25.98455238342285</t>
  </si>
  <si>
    <t>1936.375244140625</t>
  </si>
  <si>
    <t>0.06220240979529379</t>
  </si>
  <si>
    <t>3708</t>
  </si>
  <si>
    <t>25.652605056762695</t>
  </si>
  <si>
    <t>2330.958740234375</t>
  </si>
  <si>
    <t>0.07240831374890355</t>
  </si>
  <si>
    <t>3971</t>
  </si>
  <si>
    <t>25.957168579101562</t>
  </si>
  <si>
    <t>1832.080078125</t>
  </si>
  <si>
    <t>0.06852530444550631</t>
  </si>
  <si>
    <t>4214</t>
  </si>
  <si>
    <t>26.01190185546875</t>
  </si>
  <si>
    <t>2102.938232421875</t>
  </si>
  <si>
    <t>0.05939436323288305</t>
  </si>
  <si>
    <t>26.291501998901367</t>
  </si>
  <si>
    <t>2395.894287109375</t>
  </si>
  <si>
    <t>0.05088979581212172</t>
  </si>
  <si>
    <t>4670</t>
  </si>
  <si>
    <t>25.79465675354004</t>
  </si>
  <si>
    <t>2529.634765625</t>
  </si>
  <si>
    <t>0.05185696048668653</t>
  </si>
  <si>
    <t>4927</t>
  </si>
  <si>
    <t>25.79065704345703</t>
  </si>
  <si>
    <t>2232.588623046875</t>
  </si>
  <si>
    <t>0.053571211881020986</t>
  </si>
  <si>
    <t>5214</t>
  </si>
  <si>
    <t>26.250017166137695</t>
  </si>
  <si>
    <t>2123.318359375</t>
  </si>
  <si>
    <t>0.05661703194948409</t>
  </si>
  <si>
    <t>4709</t>
  </si>
  <si>
    <t>26.034555435180664</t>
  </si>
  <si>
    <t>2142.0712890625</t>
  </si>
  <si>
    <t>-0.10187174424989287</t>
  </si>
  <si>
    <t>4114</t>
  </si>
  <si>
    <t>25.99687385559082</t>
  </si>
  <si>
    <t>2295.534423828125</t>
  </si>
  <si>
    <t>-0.13507978003065269</t>
  </si>
  <si>
    <t>25.728897094726562</t>
  </si>
  <si>
    <t>2198.2265625</t>
  </si>
  <si>
    <t>0.03252319170556106</t>
  </si>
  <si>
    <t>60</t>
  </si>
  <si>
    <t>NAM</t>
  </si>
  <si>
    <t>6223</t>
  </si>
  <si>
    <t>21.085927963256836</t>
  </si>
  <si>
    <t>363.6533508300781</t>
  </si>
  <si>
    <t>541.4035034179688</t>
  </si>
  <si>
    <t>Namibia</t>
  </si>
  <si>
    <t>6510</t>
  </si>
  <si>
    <t>20.94404411315918</t>
  </si>
  <si>
    <t>376.4681091308594</t>
  </si>
  <si>
    <t>0.04508735063339664</t>
  </si>
  <si>
    <t>6758</t>
  </si>
  <si>
    <t>21.225852966308594</t>
  </si>
  <si>
    <t>200.1926727294922</t>
  </si>
  <si>
    <t>0.037387532071621266</t>
  </si>
  <si>
    <t>6439</t>
  </si>
  <si>
    <t>21.137914657592773</t>
  </si>
  <si>
    <t>467.14056396484375</t>
  </si>
  <si>
    <t>-0.0483537397360525</t>
  </si>
  <si>
    <t>21.14238739013672</t>
  </si>
  <si>
    <t>177.23281860351562</t>
  </si>
  <si>
    <t>-0.014548555395043294</t>
  </si>
  <si>
    <t>6401</t>
  </si>
  <si>
    <t>21.22943687438965</t>
  </si>
  <si>
    <t>289.9238586425781</t>
  </si>
  <si>
    <t>0.008629534998863875</t>
  </si>
  <si>
    <t>6426</t>
  </si>
  <si>
    <t>20.971534729003906</t>
  </si>
  <si>
    <t>329.03631591796875</t>
  </si>
  <si>
    <t>0.0038980325337991673</t>
  </si>
  <si>
    <t>6527</t>
  </si>
  <si>
    <t>21.216894149780273</t>
  </si>
  <si>
    <t>390.7966003417969</t>
  </si>
  <si>
    <t>0.01559515895941388</t>
  </si>
  <si>
    <t>6576</t>
  </si>
  <si>
    <t>21.405183792114258</t>
  </si>
  <si>
    <t>269.52142333984375</t>
  </si>
  <si>
    <t>0.0074792381007995345</t>
  </si>
  <si>
    <t>6636</t>
  </si>
  <si>
    <t>21.216899871826172</t>
  </si>
  <si>
    <t>398.420654296875</t>
  </si>
  <si>
    <t>0.009082714574319084</t>
  </si>
  <si>
    <t>6713</t>
  </si>
  <si>
    <t>21.116939544677734</t>
  </si>
  <si>
    <t>405.991455078125</t>
  </si>
  <si>
    <t>0.011536572628415342</t>
  </si>
  <si>
    <t>6656</t>
  </si>
  <si>
    <t>21.132247924804688</t>
  </si>
  <si>
    <t>404.622802734375</t>
  </si>
  <si>
    <t>-0.008527241437706223</t>
  </si>
  <si>
    <t>6856</t>
  </si>
  <si>
    <t>21.257020950317383</t>
  </si>
  <si>
    <t>395.9962158203125</t>
  </si>
  <si>
    <t>0.02960547777657041</t>
  </si>
  <si>
    <t>7046</t>
  </si>
  <si>
    <t>21.34393882751465</t>
  </si>
  <si>
    <t>401.5579528808594</t>
  </si>
  <si>
    <t>0.027335898623567445</t>
  </si>
  <si>
    <t>7813</t>
  </si>
  <si>
    <t>21.393545150756836</t>
  </si>
  <si>
    <t>379.9574279785156</t>
  </si>
  <si>
    <t>0.10332893309556113</t>
  </si>
  <si>
    <t>7915</t>
  </si>
  <si>
    <t>21.467987060546875</t>
  </si>
  <si>
    <t>463.4126892089844</t>
  </si>
  <si>
    <t>0.01297068031836801</t>
  </si>
  <si>
    <t>8373</t>
  </si>
  <si>
    <t>21.121885299682617</t>
  </si>
  <si>
    <t>465.4857177734375</t>
  </si>
  <si>
    <t>0.05625254988932049</t>
  </si>
  <si>
    <t>8714</t>
  </si>
  <si>
    <t>21.145206451416016</t>
  </si>
  <si>
    <t>377.7082824707031</t>
  </si>
  <si>
    <t>0.03991868447295488</t>
  </si>
  <si>
    <t>8826</t>
  </si>
  <si>
    <t>21.199417114257812</t>
  </si>
  <si>
    <t>397.4286804199219</t>
  </si>
  <si>
    <t>0.01277098315210523</t>
  </si>
  <si>
    <t>8727</t>
  </si>
  <si>
    <t>21.461023330688477</t>
  </si>
  <si>
    <t>487.2487487792969</t>
  </si>
  <si>
    <t>-0.01128024266618155</t>
  </si>
  <si>
    <t>9116</t>
  </si>
  <si>
    <t>21.42499351501465</t>
  </si>
  <si>
    <t>369.8020324707031</t>
  </si>
  <si>
    <t>0.04360944320226423</t>
  </si>
  <si>
    <t>9431</t>
  </si>
  <si>
    <t>21.101093292236328</t>
  </si>
  <si>
    <t>468.5296936035156</t>
  </si>
  <si>
    <t>0.033971024178310216</t>
  </si>
  <si>
    <t>9748</t>
  </si>
  <si>
    <t>21.107831954956055</t>
  </si>
  <si>
    <t>401.3872985839844</t>
  </si>
  <si>
    <t>0.03306000020121225</t>
  </si>
  <si>
    <t>10122</t>
  </si>
  <si>
    <t>21.398916244506836</t>
  </si>
  <si>
    <t>369.6878662109375</t>
  </si>
  <si>
    <t>0.03764913702892514</t>
  </si>
  <si>
    <t>10555</t>
  </si>
  <si>
    <t>21.495832443237305</t>
  </si>
  <si>
    <t>435.19488525390625</t>
  </si>
  <si>
    <t>0.04188840850839881</t>
  </si>
  <si>
    <t>10813</t>
  </si>
  <si>
    <t>21.72796058654785</t>
  </si>
  <si>
    <t>327.603515625</t>
  </si>
  <si>
    <t>0.024149432663115533</t>
  </si>
  <si>
    <t>10628</t>
  </si>
  <si>
    <t>21.459569931030273</t>
  </si>
  <si>
    <t>372.37066650390625</t>
  </si>
  <si>
    <t>-0.01725708606583254</t>
  </si>
  <si>
    <t>10335</t>
  </si>
  <si>
    <t>21.252737045288086</t>
  </si>
  <si>
    <t>410.0262145996094</t>
  </si>
  <si>
    <t>-0.02795583476383534</t>
  </si>
  <si>
    <t>10266</t>
  </si>
  <si>
    <t>21.019620895385742</t>
  </si>
  <si>
    <t>402.2186279296875</t>
  </si>
  <si>
    <t>-0.006698728995621295</t>
  </si>
  <si>
    <t>10010</t>
  </si>
  <si>
    <t>21.30877113342285</t>
  </si>
  <si>
    <t>397.2775573730469</t>
  </si>
  <si>
    <t>-0.025252870810982486</t>
  </si>
  <si>
    <t>9042</t>
  </si>
  <si>
    <t>21.002948760986328</t>
  </si>
  <si>
    <t>407.99755859375</t>
  </si>
  <si>
    <t>-0.10170420445471429</t>
  </si>
  <si>
    <t>9209</t>
  </si>
  <si>
    <t>20.961328506469727</t>
  </si>
  <si>
    <t>400.1106872558594</t>
  </si>
  <si>
    <t>0.018300877866815668</t>
  </si>
  <si>
    <t>9763</t>
  </si>
  <si>
    <t>21.016637802124023</t>
  </si>
  <si>
    <t>361.3306884765625</t>
  </si>
  <si>
    <t>0.058418463504304796</t>
  </si>
  <si>
    <t>61</t>
  </si>
  <si>
    <t>NER</t>
  </si>
  <si>
    <t>29.098052978515625</t>
  </si>
  <si>
    <t>376.05743408203125</t>
  </si>
  <si>
    <t>3484.878173828125</t>
  </si>
  <si>
    <t>Niger</t>
  </si>
  <si>
    <t>1040</t>
  </si>
  <si>
    <t>28.748741149902344</t>
  </si>
  <si>
    <t>497.7577819824219</t>
  </si>
  <si>
    <t>-0.0358867593335237</t>
  </si>
  <si>
    <t>28.255239486694336</t>
  </si>
  <si>
    <t>461.9286804199219</t>
  </si>
  <si>
    <t>-0.01063325630136891</t>
  </si>
  <si>
    <t>1000</t>
  </si>
  <si>
    <t>29.12227439880371</t>
  </si>
  <si>
    <t>370.38238525390625</t>
  </si>
  <si>
    <t>-0.028587456851912663</t>
  </si>
  <si>
    <t>986</t>
  </si>
  <si>
    <t>28.377336502075195</t>
  </si>
  <si>
    <t>600.7719116210938</t>
  </si>
  <si>
    <t>-0.014098924379501554</t>
  </si>
  <si>
    <t>977</t>
  </si>
  <si>
    <t>29.308937072753906</t>
  </si>
  <si>
    <t>411.6230773925781</t>
  </si>
  <si>
    <t>-0.009169702559852944</t>
  </si>
  <si>
    <t>946</t>
  </si>
  <si>
    <t>29.10997772216797</t>
  </si>
  <si>
    <t>409.5075378417969</t>
  </si>
  <si>
    <t>-0.03224408299090431</t>
  </si>
  <si>
    <t>929</t>
  </si>
  <si>
    <t>29.118268966674805</t>
  </si>
  <si>
    <t>363.6631774902344</t>
  </si>
  <si>
    <t>-0.018133830238039828</t>
  </si>
  <si>
    <t>29.472841262817383</t>
  </si>
  <si>
    <t>515.0440673828125</t>
  </si>
  <si>
    <t>0.06157395893403006</t>
  </si>
  <si>
    <t>952</t>
  </si>
  <si>
    <t>29.180654525756836</t>
  </si>
  <si>
    <t>537.1321411132812</t>
  </si>
  <si>
    <t>-0.03711766295650332</t>
  </si>
  <si>
    <t>909</t>
  </si>
  <si>
    <t>28.606657028198242</t>
  </si>
  <si>
    <t>426.6461181640625</t>
  </si>
  <si>
    <t>-0.046219940613886124</t>
  </si>
  <si>
    <t>942</t>
  </si>
  <si>
    <t>28.915977478027344</t>
  </si>
  <si>
    <t>475.2709655761719</t>
  </si>
  <si>
    <t>0.0356601803988843</t>
  </si>
  <si>
    <t>955</t>
  </si>
  <si>
    <t>29.385095596313477</t>
  </si>
  <si>
    <t>429.1856689453125</t>
  </si>
  <si>
    <t>0.013706065904367293</t>
  </si>
  <si>
    <t>29.223037719726562</t>
  </si>
  <si>
    <t>585.00146484375</t>
  </si>
  <si>
    <t>-0.013706065904367293</t>
  </si>
  <si>
    <t>912</t>
  </si>
  <si>
    <t>29.29129981994629</t>
  </si>
  <si>
    <t>407.1434020996094</t>
  </si>
  <si>
    <t>-0.03236528450203213</t>
  </si>
  <si>
    <t>29.733924865722656</t>
  </si>
  <si>
    <t>569.4996337890625</t>
  </si>
  <si>
    <t>0.035544937419412115</t>
  </si>
  <si>
    <t>965</t>
  </si>
  <si>
    <t>29.07354736328125</t>
  </si>
  <si>
    <t>480.3705139160156</t>
  </si>
  <si>
    <t>0.020943173845243024</t>
  </si>
  <si>
    <t>960</t>
  </si>
  <si>
    <t>29.273794174194336</t>
  </si>
  <si>
    <t>486.5712890625</t>
  </si>
  <si>
    <t>-0.0051948168771041026</t>
  </si>
  <si>
    <t>997</t>
  </si>
  <si>
    <t>29.057641983032227</t>
  </si>
  <si>
    <t>493.6567687988281</t>
  </si>
  <si>
    <t>0.03781748549995623</t>
  </si>
  <si>
    <t>29.997682571411133</t>
  </si>
  <si>
    <t>436.2330017089844</t>
  </si>
  <si>
    <t>-0.017198198297220912</t>
  </si>
  <si>
    <t>1025</t>
  </si>
  <si>
    <t>29.83824920654297</t>
  </si>
  <si>
    <t>521.6931762695312</t>
  </si>
  <si>
    <t>0.04489531990789164</t>
  </si>
  <si>
    <t>1010</t>
  </si>
  <si>
    <t>29.554697036743164</t>
  </si>
  <si>
    <t>426.94451904296875</t>
  </si>
  <si>
    <t>-0.014742281737204266</t>
  </si>
  <si>
    <t>29.411340713500977</t>
  </si>
  <si>
    <t>553.2440795898438</t>
  </si>
  <si>
    <t>0.062370330726458256</t>
  </si>
  <si>
    <t>1090</t>
  </si>
  <si>
    <t>29.57623863220215</t>
  </si>
  <si>
    <t>486.5823669433594</t>
  </si>
  <si>
    <t>0.013857034661426404</t>
  </si>
  <si>
    <t>1119</t>
  </si>
  <si>
    <t>29.445714950561523</t>
  </si>
  <si>
    <t>462.47802734375</t>
  </si>
  <si>
    <t>0.02625773308873569</t>
  </si>
  <si>
    <t>1124</t>
  </si>
  <si>
    <t>29.255884170532227</t>
  </si>
  <si>
    <t>469.8391418457031</t>
  </si>
  <si>
    <t>0.004458322141711157</t>
  </si>
  <si>
    <t>1144</t>
  </si>
  <si>
    <t>29.742403030395508</t>
  </si>
  <si>
    <t>510.240478515625</t>
  </si>
  <si>
    <t>0.017637141486106955</t>
  </si>
  <si>
    <t>1156</t>
  </si>
  <si>
    <t>29.26837921142578</t>
  </si>
  <si>
    <t>505.9335021972656</t>
  </si>
  <si>
    <t>0.01043487729257997</t>
  </si>
  <si>
    <t>29.404052734375</t>
  </si>
  <si>
    <t>553.2862548828125</t>
  </si>
  <si>
    <t>0.03150537286559274</t>
  </si>
  <si>
    <t>1217</t>
  </si>
  <si>
    <t>29.149551391601562</t>
  </si>
  <si>
    <t>496.908203125</t>
  </si>
  <si>
    <t>0.01991767088961094</t>
  </si>
  <si>
    <t>1215</t>
  </si>
  <si>
    <t>29.373558044433594</t>
  </si>
  <si>
    <t>668.667724609375</t>
  </si>
  <si>
    <t>-0.0016447372128780557</t>
  </si>
  <si>
    <t>1187</t>
  </si>
  <si>
    <t>29.40275001525879</t>
  </si>
  <si>
    <t>437.683837890625</t>
  </si>
  <si>
    <t>-0.023314961164980552</t>
  </si>
  <si>
    <t>1275</t>
  </si>
  <si>
    <t>29.043344497680664</t>
  </si>
  <si>
    <t>527.0435791015625</t>
  </si>
  <si>
    <t>0.07151706298285809</t>
  </si>
  <si>
    <t>62</t>
  </si>
  <si>
    <t>OMN</t>
  </si>
  <si>
    <t>30462</t>
  </si>
  <si>
    <t>26.633880615234375</t>
  </si>
  <si>
    <t>84.64327239990234</t>
  </si>
  <si>
    <t>759.5089111328125</t>
  </si>
  <si>
    <t>Oman</t>
  </si>
  <si>
    <t>30767</t>
  </si>
  <si>
    <t>26.01923370361328</t>
  </si>
  <si>
    <t>83.56637573242188</t>
  </si>
  <si>
    <t>0.009962681824880804</t>
  </si>
  <si>
    <t>31843</t>
  </si>
  <si>
    <t>25.84307861328125</t>
  </si>
  <si>
    <t>121.40144348144531</t>
  </si>
  <si>
    <t>0.034374890624986776</t>
  </si>
  <si>
    <t>32355</t>
  </si>
  <si>
    <t>26.523229598999023</t>
  </si>
  <si>
    <t>61.76034164428711</t>
  </si>
  <si>
    <t>0.015950990866048897</t>
  </si>
  <si>
    <t>32635</t>
  </si>
  <si>
    <t>26.533510208129883</t>
  </si>
  <si>
    <t>42.19993591308594</t>
  </si>
  <si>
    <t>0.008616763577952824</t>
  </si>
  <si>
    <t>33651</t>
  </si>
  <si>
    <t>26.276451110839844</t>
  </si>
  <si>
    <t>141.26535034179688</t>
  </si>
  <si>
    <t>0.03065744124401526</t>
  </si>
  <si>
    <t>34091</t>
  </si>
  <si>
    <t>26.228120803833008</t>
  </si>
  <si>
    <t>91.8681640625</t>
  </si>
  <si>
    <t>0.01299064650395465</t>
  </si>
  <si>
    <t>35574</t>
  </si>
  <si>
    <t>26.314300537109375</t>
  </si>
  <si>
    <t>184.54420471191406</t>
  </si>
  <si>
    <t>0.042581614118134326</t>
  </si>
  <si>
    <t>35967</t>
  </si>
  <si>
    <t>27.308210372924805</t>
  </si>
  <si>
    <t>95.72797393798828</t>
  </si>
  <si>
    <t>0.010986817440340246</t>
  </si>
  <si>
    <t>27.09346580505371</t>
  </si>
  <si>
    <t>64.7341537475586</t>
  </si>
  <si>
    <t>-0.010986817440340246</t>
  </si>
  <si>
    <t>37392</t>
  </si>
  <si>
    <t>26.796689987182617</t>
  </si>
  <si>
    <t>61.19540023803711</t>
  </si>
  <si>
    <t>0.049841743843217046</t>
  </si>
  <si>
    <t>38568</t>
  </si>
  <si>
    <t>27.365774154663086</t>
  </si>
  <si>
    <t>25.34811019897461</t>
  </si>
  <si>
    <t>0.030966139306817908</t>
  </si>
  <si>
    <t>37683</t>
  </si>
  <si>
    <t>27.315771102905273</t>
  </si>
  <si>
    <t>67.3191146850586</t>
  </si>
  <si>
    <t>-0.023213852730094686</t>
  </si>
  <si>
    <t>36256</t>
  </si>
  <si>
    <t>27.27906036376953</t>
  </si>
  <si>
    <t>50.85161209106445</t>
  </si>
  <si>
    <t>-0.03860417952762951</t>
  </si>
  <si>
    <t>36171</t>
  </si>
  <si>
    <t>27.318666458129883</t>
  </si>
  <si>
    <t>71.20120239257812</t>
  </si>
  <si>
    <t>-0.00234719204231304</t>
  </si>
  <si>
    <t>36388</t>
  </si>
  <si>
    <t>27.05182456970215</t>
  </si>
  <si>
    <t>67.10035705566406</t>
  </si>
  <si>
    <t>0.005981357156532141</t>
  </si>
  <si>
    <t>37663</t>
  </si>
  <si>
    <t>27.290122985839844</t>
  </si>
  <si>
    <t>112.6099853515625</t>
  </si>
  <si>
    <t>0.03443913021332712</t>
  </si>
  <si>
    <t>38659</t>
  </si>
  <si>
    <t>27.02165412902832</t>
  </si>
  <si>
    <t>134.9993896484375</t>
  </si>
  <si>
    <t>0.026101426743785794</t>
  </si>
  <si>
    <t>41114</t>
  </si>
  <si>
    <t>27.14375877380371</t>
  </si>
  <si>
    <t>41.010807037353516</t>
  </si>
  <si>
    <t>0.061569089186551906</t>
  </si>
  <si>
    <t>42875</t>
  </si>
  <si>
    <t>27.54589080810547</t>
  </si>
  <si>
    <t>108.55768585205078</t>
  </si>
  <si>
    <t>0.04194020938262355</t>
  </si>
  <si>
    <t>40820</t>
  </si>
  <si>
    <t>27.560678482055664</t>
  </si>
  <si>
    <t>55.62221908569336</t>
  </si>
  <si>
    <t>-0.049116748104404806</t>
  </si>
  <si>
    <t>37745</t>
  </si>
  <si>
    <t>27.10742950439453</t>
  </si>
  <si>
    <t>51.7569580078125</t>
  </si>
  <si>
    <t>-0.07831914079011071</t>
  </si>
  <si>
    <t>37271</t>
  </si>
  <si>
    <t>26.889841079711914</t>
  </si>
  <si>
    <t>57.041046142578125</t>
  </si>
  <si>
    <t>-0.01263747222881939</t>
  </si>
  <si>
    <t>36330</t>
  </si>
  <si>
    <t>26.947158813476562</t>
  </si>
  <si>
    <t>128.1594696044922</t>
  </si>
  <si>
    <t>-0.025571698129658316</t>
  </si>
  <si>
    <t>35032</t>
  </si>
  <si>
    <t>26.978567123413086</t>
  </si>
  <si>
    <t>166.62277221679688</t>
  </si>
  <si>
    <t>-0.036381916734013586</t>
  </si>
  <si>
    <t>35188</t>
  </si>
  <si>
    <t>27.433420181274414</t>
  </si>
  <si>
    <t>37.63028335571289</t>
  </si>
  <si>
    <t>0.00444318589133097</t>
  </si>
  <si>
    <t>35230</t>
  </si>
  <si>
    <t>27.459426879882812</t>
  </si>
  <si>
    <t>72.54085540771484</t>
  </si>
  <si>
    <t>0.0011928769627189695</t>
  </si>
  <si>
    <t>34218</t>
  </si>
  <si>
    <t>27.3267822265625</t>
  </si>
  <si>
    <t>64.07933044433594</t>
  </si>
  <si>
    <t>-0.02914617095069083</t>
  </si>
  <si>
    <t>34212</t>
  </si>
  <si>
    <t>27.554601669311523</t>
  </si>
  <si>
    <t>53.02215576171875</t>
  </si>
  <si>
    <t>-0.00017536168392062734</t>
  </si>
  <si>
    <t>33814</t>
  </si>
  <si>
    <t>26.99908447265625</t>
  </si>
  <si>
    <t>151.61961364746094</t>
  </si>
  <si>
    <t>-0.011701541803761373</t>
  </si>
  <si>
    <t>33098</t>
  </si>
  <si>
    <t>26.786338806152344</t>
  </si>
  <si>
    <t>73.44908142089844</t>
  </si>
  <si>
    <t>-0.02140206031802272</t>
  </si>
  <si>
    <t>34295</t>
  </si>
  <si>
    <t>27.464637756347656</t>
  </si>
  <si>
    <t>38.21063995361328</t>
  </si>
  <si>
    <t>0.03552671335453361</t>
  </si>
  <si>
    <t>35337</t>
  </si>
  <si>
    <t>27.203577041625977</t>
  </si>
  <si>
    <t>78.37861633300781</t>
  </si>
  <si>
    <t>0.029931002693471598</t>
  </si>
  <si>
    <t>63</t>
  </si>
  <si>
    <t>PNG</t>
  </si>
  <si>
    <t>2907</t>
  </si>
  <si>
    <t>23.751388549804688</t>
  </si>
  <si>
    <t>2894.89013671875</t>
  </si>
  <si>
    <t>1986.8831787109375</t>
  </si>
  <si>
    <t>Papua New Guinea</t>
  </si>
  <si>
    <t>3084</t>
  </si>
  <si>
    <t>23.489274978637695</t>
  </si>
  <si>
    <t>2728.490478515625</t>
  </si>
  <si>
    <t>0.059105834124345336</t>
  </si>
  <si>
    <t>3388</t>
  </si>
  <si>
    <t>23.6645450592041</t>
  </si>
  <si>
    <t>2661.643310546875</t>
  </si>
  <si>
    <t>0.0940123210887247</t>
  </si>
  <si>
    <t>3860</t>
  </si>
  <si>
    <t>23.664398193359375</t>
  </si>
  <si>
    <t>2266.224853515625</t>
  </si>
  <si>
    <t>0.13042740668693042</t>
  </si>
  <si>
    <t>3942</t>
  </si>
  <si>
    <t>23.484529495239258</t>
  </si>
  <si>
    <t>2460.40478515625</t>
  </si>
  <si>
    <t>0.02102102525378946</t>
  </si>
  <si>
    <t>3676</t>
  </si>
  <si>
    <t>23.392248153686523</t>
  </si>
  <si>
    <t>2871.4736328125</t>
  </si>
  <si>
    <t>-0.06986300423708869</t>
  </si>
  <si>
    <t>3820</t>
  </si>
  <si>
    <t>23.37592124938965</t>
  </si>
  <si>
    <t>2998.96728515625</t>
  </si>
  <si>
    <t>0.038425218125043514</t>
  </si>
  <si>
    <t>23.359947204589844</t>
  </si>
  <si>
    <t>2871.197509765625</t>
  </si>
  <si>
    <t>-0.0758412494887164</t>
  </si>
  <si>
    <t>3290</t>
  </si>
  <si>
    <t>23.479429244995117</t>
  </si>
  <si>
    <t>2885.039794921875</t>
  </si>
  <si>
    <t>-0.07352160835248611</t>
  </si>
  <si>
    <t>23.387651443481445</t>
  </si>
  <si>
    <t>2889.071044921875</t>
  </si>
  <si>
    <t>-0.016549565581035708</t>
  </si>
  <si>
    <t>3048</t>
  </si>
  <si>
    <t>23.392051696777344</t>
  </si>
  <si>
    <t>2877.27197265625</t>
  </si>
  <si>
    <t>-0.059852361371845575</t>
  </si>
  <si>
    <t>23.419050216674805</t>
  </si>
  <si>
    <t>2885.5751953125</t>
  </si>
  <si>
    <t>-0.03505616857306393</t>
  </si>
  <si>
    <t>2841</t>
  </si>
  <si>
    <t>23.415475845336914</t>
  </si>
  <si>
    <t>2885.118408203125</t>
  </si>
  <si>
    <t>-0.035273366379284354</t>
  </si>
  <si>
    <t>2808</t>
  </si>
  <si>
    <t>23.60314178466797</t>
  </si>
  <si>
    <t>2878.139404296875</t>
  </si>
  <si>
    <t>-0.01168361670848661</t>
  </si>
  <si>
    <t>2792</t>
  </si>
  <si>
    <t>23.429460525512695</t>
  </si>
  <si>
    <t>2881.28076171875</t>
  </si>
  <si>
    <t>-0.005714301263438415</t>
  </si>
  <si>
    <t>2875</t>
  </si>
  <si>
    <t>23.42460060119629</t>
  </si>
  <si>
    <t>2881.456298828125</t>
  </si>
  <si>
    <t>0.02929448934918799</t>
  </si>
  <si>
    <t>2936</t>
  </si>
  <si>
    <t>23.392013549804688</t>
  </si>
  <si>
    <t>2878.957275390625</t>
  </si>
  <si>
    <t>0.020995436502954767</t>
  </si>
  <si>
    <t>3068</t>
  </si>
  <si>
    <t>23.37906837463379</t>
  </si>
  <si>
    <t>2899.22998046875</t>
  </si>
  <si>
    <t>0.04397777275274173</t>
  </si>
  <si>
    <t>23.380250930786133</t>
  </si>
  <si>
    <t>2891.339599609375</t>
  </si>
  <si>
    <t>-0.03381163978927049</t>
  </si>
  <si>
    <t>3073</t>
  </si>
  <si>
    <t>23.4178409576416</t>
  </si>
  <si>
    <t>2908.8720703125</t>
  </si>
  <si>
    <t>0.03544003943260776</t>
  </si>
  <si>
    <t>3284</t>
  </si>
  <si>
    <t>23.481689453125</t>
  </si>
  <si>
    <t>2912.53466796875</t>
  </si>
  <si>
    <t>0.06640790844183364</t>
  </si>
  <si>
    <t>3225</t>
  </si>
  <si>
    <t>23.413597106933594</t>
  </si>
  <si>
    <t>2887.74853515625</t>
  </si>
  <si>
    <t>-0.018129241342446534</t>
  </si>
  <si>
    <t>3283</t>
  </si>
  <si>
    <t>23.43210792541504</t>
  </si>
  <si>
    <t>2898.51220703125</t>
  </si>
  <si>
    <t>0.017824688271721456</t>
  </si>
  <si>
    <t>3318</t>
  </si>
  <si>
    <t>23.441076278686523</t>
  </si>
  <si>
    <t>2885.95068359375</t>
  </si>
  <si>
    <t>0.010604553248796833</t>
  </si>
  <si>
    <t>23.443017959594727</t>
  </si>
  <si>
    <t>2887.826904296875</t>
  </si>
  <si>
    <t>0.1008294702982262</t>
  </si>
  <si>
    <t>3813</t>
  </si>
  <si>
    <t>23.45158576965332</t>
  </si>
  <si>
    <t>2872.408447265625</t>
  </si>
  <si>
    <t>0.038224618808946786</t>
  </si>
  <si>
    <t>3924</t>
  </si>
  <si>
    <t>23.504371643066406</t>
  </si>
  <si>
    <t>2882.152099609375</t>
  </si>
  <si>
    <t>0.028695260827690916</t>
  </si>
  <si>
    <t>3967</t>
  </si>
  <si>
    <t>23.47632598876953</t>
  </si>
  <si>
    <t>2881.75634765625</t>
  </si>
  <si>
    <t>0.010898599829076261</t>
  </si>
  <si>
    <t>3865</t>
  </si>
  <si>
    <t>23.456283569335938</t>
  </si>
  <si>
    <t>2873.82177734375</t>
  </si>
  <si>
    <t>-0.026048459492807652</t>
  </si>
  <si>
    <t>3948</t>
  </si>
  <si>
    <t>23.459177017211914</t>
  </si>
  <si>
    <t>2897.617919921875</t>
  </si>
  <si>
    <t>0.02124743953184982</t>
  </si>
  <si>
    <t>3742</t>
  </si>
  <si>
    <t>23.48687171936035</t>
  </si>
  <si>
    <t>2878.8232421875</t>
  </si>
  <si>
    <t>-0.05358889371933806</t>
  </si>
  <si>
    <t>3638</t>
  </si>
  <si>
    <t>23.499128341674805</t>
  </si>
  <si>
    <t>2914.802734375</t>
  </si>
  <si>
    <t>-0.028186147755967284</t>
  </si>
  <si>
    <t>3753</t>
  </si>
  <si>
    <t>23.493240356445312</t>
  </si>
  <si>
    <t>2882.22900390625</t>
  </si>
  <si>
    <t>0.031121440056953276</t>
  </si>
  <si>
    <t>64</t>
  </si>
  <si>
    <t>PRI</t>
  </si>
  <si>
    <t>21596</t>
  </si>
  <si>
    <t>24.49816131591797</t>
  </si>
  <si>
    <t>1865.88525390625</t>
  </si>
  <si>
    <t>1362.42236328125</t>
  </si>
  <si>
    <t>Puerto Rico</t>
  </si>
  <si>
    <t>21938</t>
  </si>
  <si>
    <t>24.509794235229492</t>
  </si>
  <si>
    <t>1761.895751953125</t>
  </si>
  <si>
    <t>0.01571218063310198</t>
  </si>
  <si>
    <t>22792</t>
  </si>
  <si>
    <t>24.751609802246094</t>
  </si>
  <si>
    <t>2098.868896484375</t>
  </si>
  <si>
    <t>0.03818930420646538</t>
  </si>
  <si>
    <t>23650</t>
  </si>
  <si>
    <t>24.774986267089844</t>
  </si>
  <si>
    <t>1594.3433837890625</t>
  </si>
  <si>
    <t>0.036953517742334796</t>
  </si>
  <si>
    <t>24412</t>
  </si>
  <si>
    <t>24.77427101135254</t>
  </si>
  <si>
    <t>1537.3914794921875</t>
  </si>
  <si>
    <t>0.03171169974430654</t>
  </si>
  <si>
    <t>25288</t>
  </si>
  <si>
    <t>24.979013442993164</t>
  </si>
  <si>
    <t>1855.0306396484375</t>
  </si>
  <si>
    <t>0.03525516023106867</t>
  </si>
  <si>
    <t>25585</t>
  </si>
  <si>
    <t>24.74170684814453</t>
  </si>
  <si>
    <t>1880.43359375</t>
  </si>
  <si>
    <t>0.011676267343737834</t>
  </si>
  <si>
    <t>26585</t>
  </si>
  <si>
    <t>25.232078552246094</t>
  </si>
  <si>
    <t>1920.906005859375</t>
  </si>
  <si>
    <t>0.03834090469924689</t>
  </si>
  <si>
    <t>27894</t>
  </si>
  <si>
    <t>25.4948673248291</t>
  </si>
  <si>
    <t>2231.920654296875</t>
  </si>
  <si>
    <t>0.04806446498020023</t>
  </si>
  <si>
    <t>29251</t>
  </si>
  <si>
    <t>24.918861389160156</t>
  </si>
  <si>
    <t>2111.8046875</t>
  </si>
  <si>
    <t>0.047502149191153364</t>
  </si>
  <si>
    <t>30125</t>
  </si>
  <si>
    <t>24.88897132873535</t>
  </si>
  <si>
    <t>1698.6439208984375</t>
  </si>
  <si>
    <t>0.029441630683162856</t>
  </si>
  <si>
    <t>31958</t>
  </si>
  <si>
    <t>25.248762130737305</t>
  </si>
  <si>
    <t>2013.542236328125</t>
  </si>
  <si>
    <t>0.05906714890637765</t>
  </si>
  <si>
    <t>32209</t>
  </si>
  <si>
    <t>25.240480422973633</t>
  </si>
  <si>
    <t>1982.857177734375</t>
  </si>
  <si>
    <t>0.007823375885040562</t>
  </si>
  <si>
    <t>32206</t>
  </si>
  <si>
    <t>25.21369743347168</t>
  </si>
  <si>
    <t>2166.73291015625</t>
  </si>
  <si>
    <t>-9.314600643151039e-05</t>
  </si>
  <si>
    <t>35017</t>
  </si>
  <si>
    <t>24.82996940612793</t>
  </si>
  <si>
    <t>2209.2412109375</t>
  </si>
  <si>
    <t>0.08368088725832123</t>
  </si>
  <si>
    <t>34371</t>
  </si>
  <si>
    <t>24.959745407104492</t>
  </si>
  <si>
    <t>2401.14111328125</t>
  </si>
  <si>
    <t>-0.018620472274527344</t>
  </si>
  <si>
    <t>24.869356155395508</t>
  </si>
  <si>
    <t>2381.361572265625</t>
  </si>
  <si>
    <t>-0.009970697066783885</t>
  </si>
  <si>
    <t>33832</t>
  </si>
  <si>
    <t>24.821821212768555</t>
  </si>
  <si>
    <t>2039.4686279296875</t>
  </si>
  <si>
    <t>-0.005835388342626757</t>
  </si>
  <si>
    <t>33403</t>
  </si>
  <si>
    <t>24.52701759338379</t>
  </si>
  <si>
    <t>2236.121826171875</t>
  </si>
  <si>
    <t>-0.012761383861858988</t>
  </si>
  <si>
    <t>32930</t>
  </si>
  <si>
    <t>24.860078811645508</t>
  </si>
  <si>
    <t>1946.275634765625</t>
  </si>
  <si>
    <t>-0.014261619920056035</t>
  </si>
  <si>
    <t>32961</t>
  </si>
  <si>
    <t>25.00691795349121</t>
  </si>
  <si>
    <t>2304.7158203125</t>
  </si>
  <si>
    <t>0.0009409479985809099</t>
  </si>
  <si>
    <t>33225</t>
  </si>
  <si>
    <t>24.710351943969727</t>
  </si>
  <si>
    <t>2328.236083984375</t>
  </si>
  <si>
    <t>0.007977560212454549</t>
  </si>
  <si>
    <t>33639</t>
  </si>
  <si>
    <t>25.002229690551758</t>
  </si>
  <si>
    <t>1856.880859375</t>
  </si>
  <si>
    <t>0.012383503547544805</t>
  </si>
  <si>
    <t>33922</t>
  </si>
  <si>
    <t>25.127901077270508</t>
  </si>
  <si>
    <t>2170.779541015625</t>
  </si>
  <si>
    <t>0.008377663302793437</t>
  </si>
  <si>
    <t>34070</t>
  </si>
  <si>
    <t>25.14850425720215</t>
  </si>
  <si>
    <t>2109.69970703125</t>
  </si>
  <si>
    <t>0.004353460223228467</t>
  </si>
  <si>
    <t>34311</t>
  </si>
  <si>
    <t>25.278825759887695</t>
  </si>
  <si>
    <t>1528.5377197265625</t>
  </si>
  <si>
    <t>0.007048770794314763</t>
  </si>
  <si>
    <t>34540</t>
  </si>
  <si>
    <t>25.19035530090332</t>
  </si>
  <si>
    <t>2068.483642578125</t>
  </si>
  <si>
    <t>0.006652070251341513</t>
  </si>
  <si>
    <t>34364</t>
  </si>
  <si>
    <t>25.06935691833496</t>
  </si>
  <si>
    <t>2173.330078125</t>
  </si>
  <si>
    <t>-0.005108567942722075</t>
  </si>
  <si>
    <t>34223</t>
  </si>
  <si>
    <t>24.813108444213867</t>
  </si>
  <si>
    <t>1859.972900390625</t>
  </si>
  <si>
    <t>-0.004111572123987273</t>
  </si>
  <si>
    <t>34793</t>
  </si>
  <si>
    <t>25.123022079467773</t>
  </si>
  <si>
    <t>2012.2718505859375</t>
  </si>
  <si>
    <t>0.01651828447005954</t>
  </si>
  <si>
    <t>32438</t>
  </si>
  <si>
    <t>25.106962203979492</t>
  </si>
  <si>
    <t>1884.7230224609375</t>
  </si>
  <si>
    <t>-0.07008564205638379</t>
  </si>
  <si>
    <t>32767</t>
  </si>
  <si>
    <t>24.946882247924805</t>
  </si>
  <si>
    <t>1861.7462158203125</t>
  </si>
  <si>
    <t>0.010091336307748833</t>
  </si>
  <si>
    <t>34298</t>
  </si>
  <si>
    <t>24.853296279907227</t>
  </si>
  <si>
    <t>2027.0369873046875</t>
  </si>
  <si>
    <t>0.04566513206070866</t>
  </si>
  <si>
    <t>65</t>
  </si>
  <si>
    <t>QAT</t>
  </si>
  <si>
    <t>59959</t>
  </si>
  <si>
    <t>27.36971092224121</t>
  </si>
  <si>
    <t>53.32559585571289</t>
  </si>
  <si>
    <t>100.47486114501953</t>
  </si>
  <si>
    <t>Qatar</t>
  </si>
  <si>
    <t>57998</t>
  </si>
  <si>
    <t>26.59749412536621</t>
  </si>
  <si>
    <t>63.32469940185547</t>
  </si>
  <si>
    <t>-0.03325246811687599</t>
  </si>
  <si>
    <t>63458</t>
  </si>
  <si>
    <t>26.309873580932617</t>
  </si>
  <si>
    <t>67.58404541015625</t>
  </si>
  <si>
    <t>0.08996974254961998</t>
  </si>
  <si>
    <t>62587</t>
  </si>
  <si>
    <t>27.326324462890625</t>
  </si>
  <si>
    <t>84.84081268310547</t>
  </si>
  <si>
    <t>-0.013820680934379936</t>
  </si>
  <si>
    <t>63394</t>
  </si>
  <si>
    <t>27.43573760986328</t>
  </si>
  <si>
    <t>44.893707275390625</t>
  </si>
  <si>
    <t>0.012811630932326068</t>
  </si>
  <si>
    <t>62854</t>
  </si>
  <si>
    <t>26.99492645263672</t>
  </si>
  <si>
    <t>97.66136169433594</t>
  </si>
  <si>
    <t>-0.008554643133869888</t>
  </si>
  <si>
    <t>64065</t>
  </si>
  <si>
    <t>27.652833938598633</t>
  </si>
  <si>
    <t>94.33867645263672</t>
  </si>
  <si>
    <t>0.019083616354588884</t>
  </si>
  <si>
    <t>79210</t>
  </si>
  <si>
    <t>26.75368309020996</t>
  </si>
  <si>
    <t>146.6494903564453</t>
  </si>
  <si>
    <t>0.21220436051464908</t>
  </si>
  <si>
    <t>84019</t>
  </si>
  <si>
    <t>28.286378860473633</t>
  </si>
  <si>
    <t>32.404747009277344</t>
  </si>
  <si>
    <t>0.0589404102661053</t>
  </si>
  <si>
    <t>83864</t>
  </si>
  <si>
    <t>28.258804321289062</t>
  </si>
  <si>
    <t>77.90399169921875</t>
  </si>
  <si>
    <t>-0.0018465245920236129</t>
  </si>
  <si>
    <t>79400</t>
  </si>
  <si>
    <t>27.654115676879883</t>
  </si>
  <si>
    <t>69.4549331665039</t>
  </si>
  <si>
    <t>-0.05469807089717982</t>
  </si>
  <si>
    <t>78498</t>
  </si>
  <si>
    <t>27.97357749938965</t>
  </si>
  <si>
    <t>34.0637321472168</t>
  </si>
  <si>
    <t>-0.01142522149629599</t>
  </si>
  <si>
    <t>80083</t>
  </si>
  <si>
    <t>27.79407501220703</t>
  </si>
  <si>
    <t>26.905508041381836</t>
  </si>
  <si>
    <t>0.019990450085929368</t>
  </si>
  <si>
    <t>79141</t>
  </si>
  <si>
    <t>28.045141220092773</t>
  </si>
  <si>
    <t>73.00213623046875</t>
  </si>
  <si>
    <t>-0.011832525130047955</t>
  </si>
  <si>
    <t>90783</t>
  </si>
  <si>
    <t>27.6289005279541</t>
  </si>
  <si>
    <t>81.26329040527344</t>
  </si>
  <si>
    <t>0.13724097169624194</t>
  </si>
  <si>
    <t>89448</t>
  </si>
  <si>
    <t>27.636167526245117</t>
  </si>
  <si>
    <t>29.873159408569336</t>
  </si>
  <si>
    <t>-0.014814592563851647</t>
  </si>
  <si>
    <t>94362</t>
  </si>
  <si>
    <t>27.78980827331543</t>
  </si>
  <si>
    <t>65.50518798828125</t>
  </si>
  <si>
    <t>0.05348099889157609</t>
  </si>
  <si>
    <t>91737</t>
  </si>
  <si>
    <t>27.83829689025879</t>
  </si>
  <si>
    <t>71.06668090820312</t>
  </si>
  <si>
    <t>-0.02821266221414831</t>
  </si>
  <si>
    <t>92068</t>
  </si>
  <si>
    <t>27.89173698425293</t>
  </si>
  <si>
    <t>11.310158729553223</t>
  </si>
  <si>
    <t>0.0036016469389537065</t>
  </si>
  <si>
    <t>92450</t>
  </si>
  <si>
    <t>28.24684715270996</t>
  </si>
  <si>
    <t>96.59313201904297</t>
  </si>
  <si>
    <t>0.004140523371685134</t>
  </si>
  <si>
    <t>103903</t>
  </si>
  <si>
    <t>28.763526916503906</t>
  </si>
  <si>
    <t>85.46282196044922</t>
  </si>
  <si>
    <t>0.11678981377243325</t>
  </si>
  <si>
    <t>111880</t>
  </si>
  <si>
    <t>27.815671920776367</t>
  </si>
  <si>
    <t>14.942456245422363</t>
  </si>
  <si>
    <t>0.07396909672819163</t>
  </si>
  <si>
    <t>110932</t>
  </si>
  <si>
    <t>28.378694534301758</t>
  </si>
  <si>
    <t>47.424991607666016</t>
  </si>
  <si>
    <t>-0.00850946735781477</t>
  </si>
  <si>
    <t>109626</t>
  </si>
  <si>
    <t>27.79535675048828</t>
  </si>
  <si>
    <t>79.17374420166016</t>
  </si>
  <si>
    <t>-0.011842828318359366</t>
  </si>
  <si>
    <t>106141</t>
  </si>
  <si>
    <t>28.307340621948242</t>
  </si>
  <si>
    <t>62.20942687988281</t>
  </si>
  <si>
    <t>-0.032306173783467784</t>
  </si>
  <si>
    <t>101972</t>
  </si>
  <si>
    <t>28.28664207458496</t>
  </si>
  <si>
    <t>48.95840072631836</t>
  </si>
  <si>
    <t>-0.04007013307847984</t>
  </si>
  <si>
    <t>97783</t>
  </si>
  <si>
    <t>28.603958129882812</t>
  </si>
  <si>
    <t>27.185205459594727</t>
  </si>
  <si>
    <t>-0.04194752799490864</t>
  </si>
  <si>
    <t>92178</t>
  </si>
  <si>
    <t>28.507387161254883</t>
  </si>
  <si>
    <t>153.7833709716797</t>
  </si>
  <si>
    <t>-0.05902924742414939</t>
  </si>
  <si>
    <t>91462</t>
  </si>
  <si>
    <t>28.942007064819336</t>
  </si>
  <si>
    <t>59.16120910644531</t>
  </si>
  <si>
    <t>-0.00779790490270571</t>
  </si>
  <si>
    <t>90762</t>
  </si>
  <si>
    <t>28.23899269104004</t>
  </si>
  <si>
    <t>175.5319366455078</t>
  </si>
  <si>
    <t>-0.007682889665755255</t>
  </si>
  <si>
    <t>89019</t>
  </si>
  <si>
    <t>28.229591369628906</t>
  </si>
  <si>
    <t>41.1146354675293</t>
  </si>
  <si>
    <t>-0.019390865714195016</t>
  </si>
  <si>
    <t>92895</t>
  </si>
  <si>
    <t>29.190500259399414</t>
  </si>
  <si>
    <t>71.9146499633789</t>
  </si>
  <si>
    <t>0.04261999296421237</t>
  </si>
  <si>
    <t>96558</t>
  </si>
  <si>
    <t>28.81424903869629</t>
  </si>
  <si>
    <t>64.23521423339844</t>
  </si>
  <si>
    <t>0.038674041006277804</t>
  </si>
  <si>
    <t>66</t>
  </si>
  <si>
    <t>WSM</t>
  </si>
  <si>
    <t>3656</t>
  </si>
  <si>
    <t>27.26666831970215</t>
  </si>
  <si>
    <t>2839.200439453125</t>
  </si>
  <si>
    <t>33.20787048339844</t>
  </si>
  <si>
    <t>Samoa</t>
  </si>
  <si>
    <t>3561</t>
  </si>
  <si>
    <t>27.25</t>
  </si>
  <si>
    <t>3028.400146484375</t>
  </si>
  <si>
    <t>-0.026328249296263095</t>
  </si>
  <si>
    <t>3531</t>
  </si>
  <si>
    <t>27.241668701171875</t>
  </si>
  <si>
    <t>3690.900146484375</t>
  </si>
  <si>
    <t>-0.008460287349391749</t>
  </si>
  <si>
    <t>3642</t>
  </si>
  <si>
    <t>3169.400146484375</t>
  </si>
  <si>
    <t>0.030951864359167303</t>
  </si>
  <si>
    <t>27.133337020874023</t>
  </si>
  <si>
    <t>3448.30029296875</t>
  </si>
  <si>
    <t>-0.03577799154051142</t>
  </si>
  <si>
    <t>3710</t>
  </si>
  <si>
    <t>27.483335494995117</t>
  </si>
  <si>
    <t>2937.900146484375</t>
  </si>
  <si>
    <t>0.054276886854438544</t>
  </si>
  <si>
    <t>3935</t>
  </si>
  <si>
    <t>27.650001525878906</t>
  </si>
  <si>
    <t>3489.000244140625</t>
  </si>
  <si>
    <t>0.058879005250021876</t>
  </si>
  <si>
    <t>3920</t>
  </si>
  <si>
    <t>27.549997329711914</t>
  </si>
  <si>
    <t>2359.2001953125</t>
  </si>
  <si>
    <t>-0.00381922806699464</t>
  </si>
  <si>
    <t>3965</t>
  </si>
  <si>
    <t>27.53333282470703</t>
  </si>
  <si>
    <t>1910.7999267578125</t>
  </si>
  <si>
    <t>0.01141420128444004</t>
  </si>
  <si>
    <t>4011</t>
  </si>
  <si>
    <t>27.54166603088379</t>
  </si>
  <si>
    <t>3324.000244140625</t>
  </si>
  <si>
    <t>0.011534731701104306</t>
  </si>
  <si>
    <t>4174</t>
  </si>
  <si>
    <t>27.708335876464844</t>
  </si>
  <si>
    <t>2923.5</t>
  </si>
  <si>
    <t>0.0398342218670944</t>
  </si>
  <si>
    <t>28.133337020874023</t>
  </si>
  <si>
    <t>2775.500244140625</t>
  </si>
  <si>
    <t>0.0631300068869951</t>
  </si>
  <si>
    <t>28.183332443237305</t>
  </si>
  <si>
    <t>2999.89990234375</t>
  </si>
  <si>
    <t>0.049154256138800534</t>
  </si>
  <si>
    <t>4892</t>
  </si>
  <si>
    <t>27.616668701171875</t>
  </si>
  <si>
    <t>3203.199951171875</t>
  </si>
  <si>
    <t>0.04644214614411979</t>
  </si>
  <si>
    <t>5026</t>
  </si>
  <si>
    <t>27.691665649414062</t>
  </si>
  <si>
    <t>2484.599609375</t>
  </si>
  <si>
    <t>0.027023221296476052</t>
  </si>
  <si>
    <t>27.76667022705078</t>
  </si>
  <si>
    <t>3715.10009765625</t>
  </si>
  <si>
    <t>0.0613499971129432</t>
  </si>
  <si>
    <t>5436</t>
  </si>
  <si>
    <t>27.633333206176758</t>
  </si>
  <si>
    <t>3837.699951171875</t>
  </si>
  <si>
    <t>0.017069060054552665</t>
  </si>
  <si>
    <t>5431</t>
  </si>
  <si>
    <t>27.91666603088379</t>
  </si>
  <si>
    <t>3698.900390625</t>
  </si>
  <si>
    <t>-0.0009202172361888472</t>
  </si>
  <si>
    <t>5586</t>
  </si>
  <si>
    <t>27.741666793823242</t>
  </si>
  <si>
    <t>2765.0</t>
  </si>
  <si>
    <t>0.02814018847027633</t>
  </si>
  <si>
    <t>5516</t>
  </si>
  <si>
    <t>27.533334732055664</t>
  </si>
  <si>
    <t>3621.69970703125</t>
  </si>
  <si>
    <t>-0.012610507591929832</t>
  </si>
  <si>
    <t>5808</t>
  </si>
  <si>
    <t>27.508333206176758</t>
  </si>
  <si>
    <t>3180.89990234375</t>
  </si>
  <si>
    <t>0.05158331759144019</t>
  </si>
  <si>
    <t>5980</t>
  </si>
  <si>
    <t>2292.300048828125</t>
  </si>
  <si>
    <t>0.029184290440046112</t>
  </si>
  <si>
    <t>5706</t>
  </si>
  <si>
    <t>27.375001907348633</t>
  </si>
  <si>
    <t>3312.599853515625</t>
  </si>
  <si>
    <t>-0.046902315171232445</t>
  </si>
  <si>
    <t>5660</t>
  </si>
  <si>
    <t>27.65833282470703</t>
  </si>
  <si>
    <t>3190.0</t>
  </si>
  <si>
    <t>-0.008094360576217596</t>
  </si>
  <si>
    <t>5646</t>
  </si>
  <si>
    <t>27.475000381469727</t>
  </si>
  <si>
    <t>3280.2998046875</t>
  </si>
  <si>
    <t>-0.002476562383794345</t>
  </si>
  <si>
    <t>5811</t>
  </si>
  <si>
    <t>27.433334350585938</t>
  </si>
  <si>
    <t>3055.7001953125</t>
  </si>
  <si>
    <t>0.028805343261671723</t>
  </si>
  <si>
    <t>6215</t>
  </si>
  <si>
    <t>27.84166717529297</t>
  </si>
  <si>
    <t>2865.900146484375</t>
  </si>
  <si>
    <t>0.06721305186970561</t>
  </si>
  <si>
    <t>6239</t>
  </si>
  <si>
    <t>27.64166831970215</t>
  </si>
  <si>
    <t>3333.699951171875</t>
  </si>
  <si>
    <t>0.003854188165975714</t>
  </si>
  <si>
    <t>6140</t>
  </si>
  <si>
    <t>3635.7998046875</t>
  </si>
  <si>
    <t>-0.015995170969597794</t>
  </si>
  <si>
    <t>27.808334350585938</t>
  </si>
  <si>
    <t>3717.300048828125</t>
  </si>
  <si>
    <t>0.03299995100195119</t>
  </si>
  <si>
    <t>6062</t>
  </si>
  <si>
    <t>27.741668701171875</t>
  </si>
  <si>
    <t>4362.0</t>
  </si>
  <si>
    <t>-0.045784914525391684</t>
  </si>
  <si>
    <t>5535</t>
  </si>
  <si>
    <t>27.566667556762695</t>
  </si>
  <si>
    <t>2717.2998046875</t>
  </si>
  <si>
    <t>-0.09094821247501095</t>
  </si>
  <si>
    <t>5156</t>
  </si>
  <si>
    <t>27.51666831970215</t>
  </si>
  <si>
    <t>2824.499755859375</t>
  </si>
  <si>
    <t>-0.07093048108365885</t>
  </si>
  <si>
    <t>67</t>
  </si>
  <si>
    <t>STP</t>
  </si>
  <si>
    <t>2729</t>
  </si>
  <si>
    <t>23.966665267944336</t>
  </si>
  <si>
    <t>2306.400146484375</t>
  </si>
  <si>
    <t>157.2105712890625</t>
  </si>
  <si>
    <t>São Tomé and Príncipe</t>
  </si>
  <si>
    <t>24.025001525878906</t>
  </si>
  <si>
    <t>1985.6002197265625</t>
  </si>
  <si>
    <t>-0.016254513765373346</t>
  </si>
  <si>
    <t>2626</t>
  </si>
  <si>
    <t>23.791669845581055</t>
  </si>
  <si>
    <t>1940.10009765625</t>
  </si>
  <si>
    <t>-0.022218952080224064</t>
  </si>
  <si>
    <t>2624</t>
  </si>
  <si>
    <t>1953.5999755859375</t>
  </si>
  <si>
    <t>-0.0007619047987619254</t>
  </si>
  <si>
    <t>2632</t>
  </si>
  <si>
    <t>24.008333206176758</t>
  </si>
  <si>
    <t>2120.39990234375</t>
  </si>
  <si>
    <t>0.0030441423812286317</t>
  </si>
  <si>
    <t>24.15833282470703</t>
  </si>
  <si>
    <t>2216.0</t>
  </si>
  <si>
    <t>0.0011391685302548638</t>
  </si>
  <si>
    <t>2625</t>
  </si>
  <si>
    <t>23.95833396911621</t>
  </si>
  <si>
    <t>2310.400146484375</t>
  </si>
  <si>
    <t>-0.0038022859497388595</t>
  </si>
  <si>
    <t>2603</t>
  </si>
  <si>
    <t>23.941667556762695</t>
  </si>
  <si>
    <t>2277.5</t>
  </si>
  <si>
    <t>-0.008416270031158746</t>
  </si>
  <si>
    <t>2620</t>
  </si>
  <si>
    <t>24.550003051757812</t>
  </si>
  <si>
    <t>2328.900146484375</t>
  </si>
  <si>
    <t>0.006509691760577141</t>
  </si>
  <si>
    <t>2637</t>
  </si>
  <si>
    <t>24.308334350585938</t>
  </si>
  <si>
    <t>2597.999755859375</t>
  </si>
  <si>
    <t>0.006467589598144308</t>
  </si>
  <si>
    <t>24.29166603088379</t>
  </si>
  <si>
    <t>2489.5</t>
  </si>
  <si>
    <t>-0.012977281358721449</t>
  </si>
  <si>
    <t>2401</t>
  </si>
  <si>
    <t>24.275001525878906</t>
  </si>
  <si>
    <t>2111.60009765625</t>
  </si>
  <si>
    <t>-0.08077930877331241</t>
  </si>
  <si>
    <t>2423</t>
  </si>
  <si>
    <t>24.51666831970215</t>
  </si>
  <si>
    <t>2628.10009765625</t>
  </si>
  <si>
    <t>0.009121124595273145</t>
  </si>
  <si>
    <t>24.524999618530273</t>
  </si>
  <si>
    <t>1962.699951171875</t>
  </si>
  <si>
    <t>0.05382825447466022</t>
  </si>
  <si>
    <t>2581</t>
  </si>
  <si>
    <t>24.30000114440918</t>
  </si>
  <si>
    <t>2069.10009765625</t>
  </si>
  <si>
    <t>0.009342224427427936</t>
  </si>
  <si>
    <t>24.441665649414062</t>
  </si>
  <si>
    <t>1829.2000732421875</t>
  </si>
  <si>
    <t>0.03913129837295859</t>
  </si>
  <si>
    <t>2851</t>
  </si>
  <si>
    <t>24.450002670288086</t>
  </si>
  <si>
    <t>1926.800048828125</t>
  </si>
  <si>
    <t>0.06036159082109904</t>
  </si>
  <si>
    <t>2883</t>
  </si>
  <si>
    <t>24.366668701171875</t>
  </si>
  <si>
    <t>2858.899658203125</t>
  </si>
  <si>
    <t>0.011161608725730687</t>
  </si>
  <si>
    <t>2989</t>
  </si>
  <si>
    <t>24.33333396911621</t>
  </si>
  <si>
    <t>2336.300048828125</t>
  </si>
  <si>
    <t>0.036107464645534826</t>
  </si>
  <si>
    <t>3016</t>
  </si>
  <si>
    <t>24.383333206176758</t>
  </si>
  <si>
    <t>2268.0</t>
  </si>
  <si>
    <t>0.0089925668439097</t>
  </si>
  <si>
    <t>2993</t>
  </si>
  <si>
    <t>24.45833396911621</t>
  </si>
  <si>
    <t>1773.699951171875</t>
  </si>
  <si>
    <t>-0.007655221275147284</t>
  </si>
  <si>
    <t>2988</t>
  </si>
  <si>
    <t>24.20833396911621</t>
  </si>
  <si>
    <t>2142.699951171875</t>
  </si>
  <si>
    <t>-0.0016719615999924997</t>
  </si>
  <si>
    <t>3013</t>
  </si>
  <si>
    <t>24.375</t>
  </si>
  <si>
    <t>2524.600341796875</t>
  </si>
  <si>
    <t>0.008331992877593564</t>
  </si>
  <si>
    <t>3105</t>
  </si>
  <si>
    <t>24.333330154418945</t>
  </si>
  <si>
    <t>2128.099853515625</t>
  </si>
  <si>
    <t>0.03007745523727756</t>
  </si>
  <si>
    <t>3196</t>
  </si>
  <si>
    <t>2064.39990234375</t>
  </si>
  <si>
    <t>0.028886312518586976</t>
  </si>
  <si>
    <t>1923.7999267578125</t>
  </si>
  <si>
    <t>-0.0031338164161720528</t>
  </si>
  <si>
    <t>3294</t>
  </si>
  <si>
    <t>24.34166717529297</t>
  </si>
  <si>
    <t>1963.7000732421875</t>
  </si>
  <si>
    <t>0.03333642026759165</t>
  </si>
  <si>
    <t>3373</t>
  </si>
  <si>
    <t>2190.000244140625</t>
  </si>
  <si>
    <t>0.02369992432406498</t>
  </si>
  <si>
    <t>3466</t>
  </si>
  <si>
    <t>24.57499885559082</t>
  </si>
  <si>
    <t>2298.800048828125</t>
  </si>
  <si>
    <t>0.027198635213901312</t>
  </si>
  <si>
    <t>3482</t>
  </si>
  <si>
    <t>24.183334350585938</t>
  </si>
  <si>
    <t>2212.10009765625</t>
  </si>
  <si>
    <t>0.004605650052583954</t>
  </si>
  <si>
    <t>3507</t>
  </si>
  <si>
    <t>2125.900146484375</t>
  </si>
  <si>
    <t>0.007154129812043664</t>
  </si>
  <si>
    <t>3502</t>
  </si>
  <si>
    <t>24.666669845581055</t>
  </si>
  <si>
    <t>2207.400146484375</t>
  </si>
  <si>
    <t>-0.001426737294382363</t>
  </si>
  <si>
    <t>3439</t>
  </si>
  <si>
    <t>24.483335494995117</t>
  </si>
  <si>
    <t>2422.900146484375</t>
  </si>
  <si>
    <t>-0.018153502413531086</t>
  </si>
  <si>
    <t>68</t>
  </si>
  <si>
    <t>SAU</t>
  </si>
  <si>
    <t>42164</t>
  </si>
  <si>
    <t>26.23029899597168</t>
  </si>
  <si>
    <t>114.96708679199219</t>
  </si>
  <si>
    <t>7443.0966796875</t>
  </si>
  <si>
    <t>Saudi Arabia</t>
  </si>
  <si>
    <t>46601</t>
  </si>
  <si>
    <t>25.830656051635742</t>
  </si>
  <si>
    <t>103.7079849243164</t>
  </si>
  <si>
    <t>0.10005522373587894</t>
  </si>
  <si>
    <t>46700</t>
  </si>
  <si>
    <t>25.363677978515625</t>
  </si>
  <si>
    <t>126.06700134277344</t>
  </si>
  <si>
    <t>0.002122164546030092</t>
  </si>
  <si>
    <t>44605</t>
  </si>
  <si>
    <t>26.21308135986328</t>
  </si>
  <si>
    <t>130.66412353515625</t>
  </si>
  <si>
    <t>-0.04589820430910585</t>
  </si>
  <si>
    <t>43582</t>
  </si>
  <si>
    <t>26.16307830810547</t>
  </si>
  <si>
    <t>103.25131225585938</t>
  </si>
  <si>
    <t>-0.02320173929101621</t>
  </si>
  <si>
    <t>42469</t>
  </si>
  <si>
    <t>26.0003604888916</t>
  </si>
  <si>
    <t>169.98275756835938</t>
  </si>
  <si>
    <t>-0.025869823059256447</t>
  </si>
  <si>
    <t>42418</t>
  </si>
  <si>
    <t>26.509366989135742</t>
  </si>
  <si>
    <t>142.66404724121094</t>
  </si>
  <si>
    <t>-0.001201597562319634</t>
  </si>
  <si>
    <t>41750</t>
  </si>
  <si>
    <t>25.826745986938477</t>
  </si>
  <si>
    <t>126.34790802001953</t>
  </si>
  <si>
    <t>-0.015873349156288796</t>
  </si>
  <si>
    <t>41837</t>
  </si>
  <si>
    <t>26.832487106323242</t>
  </si>
  <si>
    <t>101.75161743164062</t>
  </si>
  <si>
    <t>0.0020816641682692705</t>
  </si>
  <si>
    <t>39233</t>
  </si>
  <si>
    <t>26.83403968811035</t>
  </si>
  <si>
    <t>100.6724624633789</t>
  </si>
  <si>
    <t>-0.06426288607982578</t>
  </si>
  <si>
    <t>40406</t>
  </si>
  <si>
    <t>26.408891677856445</t>
  </si>
  <si>
    <t>88.73696899414062</t>
  </si>
  <si>
    <t>0.02946005940604124</t>
  </si>
  <si>
    <t>38944</t>
  </si>
  <si>
    <t>26.64348602294922</t>
  </si>
  <si>
    <t>103.95844268798828</t>
  </si>
  <si>
    <t>-0.03685357198623329</t>
  </si>
  <si>
    <t>36947</t>
  </si>
  <si>
    <t>26.779569625854492</t>
  </si>
  <si>
    <t>128.6085662841797</t>
  </si>
  <si>
    <t>-0.05264026350543283</t>
  </si>
  <si>
    <t>40164</t>
  </si>
  <si>
    <t>26.680419921875</t>
  </si>
  <si>
    <t>105.3809585571289</t>
  </si>
  <si>
    <t>0.08348661871750629</t>
  </si>
  <si>
    <t>42424</t>
  </si>
  <si>
    <t>26.498716354370117</t>
  </si>
  <si>
    <t>98.10360717773438</t>
  </si>
  <si>
    <t>0.054743167817639105</t>
  </si>
  <si>
    <t>43438</t>
  </si>
  <si>
    <t>26.6917724609375</t>
  </si>
  <si>
    <t>85.9357681274414</t>
  </si>
  <si>
    <t>0.02362039421529971</t>
  </si>
  <si>
    <t>42916</t>
  </si>
  <si>
    <t>26.48305320739746</t>
  </si>
  <si>
    <t>94.85255432128906</t>
  </si>
  <si>
    <t>-0.012089917275629247</t>
  </si>
  <si>
    <t>42025</t>
  </si>
  <si>
    <t>26.619741439819336</t>
  </si>
  <si>
    <t>97.8016128540039</t>
  </si>
  <si>
    <t>-0.020980037479819913</t>
  </si>
  <si>
    <t>42963</t>
  </si>
  <si>
    <t>26.890893936157227</t>
  </si>
  <si>
    <t>79.2319564819336</t>
  </si>
  <si>
    <t>0.022074600869995464</t>
  </si>
  <si>
    <t>40532</t>
  </si>
  <si>
    <t>27.11206817626953</t>
  </si>
  <si>
    <t>83.72341918945312</t>
  </si>
  <si>
    <t>-0.058247494578603565</t>
  </si>
  <si>
    <t>41232</t>
  </si>
  <si>
    <t>27.519264221191406</t>
  </si>
  <si>
    <t>91.77336883544922</t>
  </si>
  <si>
    <t>0.017122868323937723</t>
  </si>
  <si>
    <t>44643</t>
  </si>
  <si>
    <t>26.4753475189209</t>
  </si>
  <si>
    <t>95.9422607421875</t>
  </si>
  <si>
    <t>0.07948286620601408</t>
  </si>
  <si>
    <t>46042</t>
  </si>
  <si>
    <t>27.036155700683594</t>
  </si>
  <si>
    <t>109.14798736572266</t>
  </si>
  <si>
    <t>0.030856503280681125</t>
  </si>
  <si>
    <t>46360</t>
  </si>
  <si>
    <t>26.64674949645996</t>
  </si>
  <si>
    <t>108.94355773925781</t>
  </si>
  <si>
    <t>0.006882995074846576</t>
  </si>
  <si>
    <t>47262</t>
  </si>
  <si>
    <t>26.878578186035156</t>
  </si>
  <si>
    <t>97.9378433227539</t>
  </si>
  <si>
    <t>0.019269571477691372</t>
  </si>
  <si>
    <t>48535</t>
  </si>
  <si>
    <t>27.032363891601562</t>
  </si>
  <si>
    <t>98.50379180908203</t>
  </si>
  <si>
    <t>0.026578597214946598</t>
  </si>
  <si>
    <t>48691</t>
  </si>
  <si>
    <t>27.201913833618164</t>
  </si>
  <si>
    <t>102.12556457519531</t>
  </si>
  <si>
    <t>0.0032090209176889317</t>
  </si>
  <si>
    <t>47552</t>
  </si>
  <si>
    <t>27.004270553588867</t>
  </si>
  <si>
    <t>109.05413818359375</t>
  </si>
  <si>
    <t>-0.02367035898658365</t>
  </si>
  <si>
    <t>47714</t>
  </si>
  <si>
    <t>27.328779220581055</t>
  </si>
  <si>
    <t>121.22135925292969</t>
  </si>
  <si>
    <t>0.0034010067842125125</t>
  </si>
  <si>
    <t>47025</t>
  </si>
  <si>
    <t>26.70503807067871</t>
  </si>
  <si>
    <t>105.48857879638672</t>
  </si>
  <si>
    <t>-0.014545480692412127</t>
  </si>
  <si>
    <t>44771</t>
  </si>
  <si>
    <t>26.96919822692871</t>
  </si>
  <si>
    <t>112.27095031738281</t>
  </si>
  <si>
    <t>-0.049118766797700886</t>
  </si>
  <si>
    <t>46768</t>
  </si>
  <si>
    <t>27.32136344909668</t>
  </si>
  <si>
    <t>102.36949157714844</t>
  </si>
  <si>
    <t>0.04363859997949682</t>
  </si>
  <si>
    <t>50188</t>
  </si>
  <si>
    <t>27.10428810119629</t>
  </si>
  <si>
    <t>102.71873474121094</t>
  </si>
  <si>
    <t>0.07057674592856245</t>
  </si>
  <si>
    <t>69</t>
  </si>
  <si>
    <t>SEN</t>
  </si>
  <si>
    <t>2470</t>
  </si>
  <si>
    <t>27.368764877319336</t>
  </si>
  <si>
    <t>502.3782958984375</t>
  </si>
  <si>
    <t>4268.44580078125</t>
  </si>
  <si>
    <t>Senegal</t>
  </si>
  <si>
    <t>2464</t>
  </si>
  <si>
    <t>27.01934242248535</t>
  </si>
  <si>
    <t>511.0134582519531</t>
  </si>
  <si>
    <t>-0.0024321049686122365</t>
  </si>
  <si>
    <t>2428</t>
  </si>
  <si>
    <t>26.88869285583496</t>
  </si>
  <si>
    <t>521.631103515625</t>
  </si>
  <si>
    <t>-0.014718172474021074</t>
  </si>
  <si>
    <t>26.875900268554688</t>
  </si>
  <si>
    <t>577.0095825195312</t>
  </si>
  <si>
    <t>-0.014102266061470914</t>
  </si>
  <si>
    <t>2330</t>
  </si>
  <si>
    <t>26.720483779907227</t>
  </si>
  <si>
    <t>622.7987060546875</t>
  </si>
  <si>
    <t>-0.027097339558172173</t>
  </si>
  <si>
    <t>2396</t>
  </si>
  <si>
    <t>27.224767684936523</t>
  </si>
  <si>
    <t>646.91796875</t>
  </si>
  <si>
    <t>0.027932412675593987</t>
  </si>
  <si>
    <t>2386</t>
  </si>
  <si>
    <t>27.359651565551758</t>
  </si>
  <si>
    <t>563.8331909179688</t>
  </si>
  <si>
    <t>-0.004182356577478785</t>
  </si>
  <si>
    <t>27.528549194335938</t>
  </si>
  <si>
    <t>554.6659545898438</t>
  </si>
  <si>
    <t>0.006683399982067684</t>
  </si>
  <si>
    <t>2486</t>
  </si>
  <si>
    <t>27.759248733520508</t>
  </si>
  <si>
    <t>610.6218872070312</t>
  </si>
  <si>
    <t>0.03437326943072705</t>
  </si>
  <si>
    <t>2582</t>
  </si>
  <si>
    <t>26.95939826965332</t>
  </si>
  <si>
    <t>810.3809204101562</t>
  </si>
  <si>
    <t>0.03788929933593188</t>
  </si>
  <si>
    <t>27.037866592407227</t>
  </si>
  <si>
    <t>644.4691162109375</t>
  </si>
  <si>
    <t>0.0146100253485546</t>
  </si>
  <si>
    <t>2669</t>
  </si>
  <si>
    <t>27.59136962890625</t>
  </si>
  <si>
    <t>588.4791870117188</t>
  </si>
  <si>
    <t>0.018529552649381387</t>
  </si>
  <si>
    <t>2607</t>
  </si>
  <si>
    <t>27.418121337890625</t>
  </si>
  <si>
    <t>445.96478271484375</t>
  </si>
  <si>
    <t>-0.02350373547102169</t>
  </si>
  <si>
    <t>2686</t>
  </si>
  <si>
    <t>27.43152618408203</t>
  </si>
  <si>
    <t>707.7413330078125</t>
  </si>
  <si>
    <t>0.02985296314968089</t>
  </si>
  <si>
    <t>2741</t>
  </si>
  <si>
    <t>27.530527114868164</t>
  </si>
  <si>
    <t>521.8583374023438</t>
  </si>
  <si>
    <t>0.020269719219602855</t>
  </si>
  <si>
    <t>2788</t>
  </si>
  <si>
    <t>27.747520446777344</t>
  </si>
  <si>
    <t>811.8093872070312</t>
  </si>
  <si>
    <t>0.017001675577628994</t>
  </si>
  <si>
    <t>2779</t>
  </si>
  <si>
    <t>27.482892990112305</t>
  </si>
  <si>
    <t>674.3789672851562</t>
  </si>
  <si>
    <t>-0.003233342137911599</t>
  </si>
  <si>
    <t>2784</t>
  </si>
  <si>
    <t>27.397287368774414</t>
  </si>
  <si>
    <t>637.20068359375</t>
  </si>
  <si>
    <t>0.001797591711807378</t>
  </si>
  <si>
    <t>2811</t>
  </si>
  <si>
    <t>27.45917320251465</t>
  </si>
  <si>
    <t>724.1204833984375</t>
  </si>
  <si>
    <t>0.009651549452221353</t>
  </si>
  <si>
    <t>2813</t>
  </si>
  <si>
    <t>27.482833862304688</t>
  </si>
  <si>
    <t>768.838623046875</t>
  </si>
  <si>
    <t>0.0007112375833244755</t>
  </si>
  <si>
    <t>2830</t>
  </si>
  <si>
    <t>27.968238830566406</t>
  </si>
  <si>
    <t>875.9200439453125</t>
  </si>
  <si>
    <t>0.006025182147427088</t>
  </si>
  <si>
    <t>2791</t>
  </si>
  <si>
    <t>27.34440803527832</t>
  </si>
  <si>
    <t>595.8058471679688</t>
  </si>
  <si>
    <t>-0.013876757100961257</t>
  </si>
  <si>
    <t>2825</t>
  </si>
  <si>
    <t>27.35498046875</t>
  </si>
  <si>
    <t>847.7999267578125</t>
  </si>
  <si>
    <t>0.012108410044218587</t>
  </si>
  <si>
    <t>2815</t>
  </si>
  <si>
    <t>27.645132064819336</t>
  </si>
  <si>
    <t>701.6532592773438</t>
  </si>
  <si>
    <t>-0.0035461030067498456</t>
  </si>
  <si>
    <t>2910</t>
  </si>
  <si>
    <t>27.356260299682617</t>
  </si>
  <si>
    <t>577.268310546875</t>
  </si>
  <si>
    <t>0.033190819591746745</t>
  </si>
  <si>
    <t>3012</t>
  </si>
  <si>
    <t>27.80656623840332</t>
  </si>
  <si>
    <t>692.3446044921875</t>
  </si>
  <si>
    <t>0.034451228754245555</t>
  </si>
  <si>
    <t>3118</t>
  </si>
  <si>
    <t>27.616310119628906</t>
  </si>
  <si>
    <t>671.341552734375</t>
  </si>
  <si>
    <t>0.03458746069793861</t>
  </si>
  <si>
    <t>3259</t>
  </si>
  <si>
    <t>27.771337509155273</t>
  </si>
  <si>
    <t>618.0404663085938</t>
  </si>
  <si>
    <t>0.04422862921983928</t>
  </si>
  <si>
    <t>3369</t>
  </si>
  <si>
    <t>27.153587341308594</t>
  </si>
  <si>
    <t>615.5298461914062</t>
  </si>
  <si>
    <t>0.03319556456899164</t>
  </si>
  <si>
    <t>27.388540267944336</t>
  </si>
  <si>
    <t>635.8886108398438</t>
  </si>
  <si>
    <t>0.017944296753432454</t>
  </si>
  <si>
    <t>3384</t>
  </si>
  <si>
    <t>28.126846313476562</t>
  </si>
  <si>
    <t>713.5076293945312</t>
  </si>
  <si>
    <t>-0.013501819433871631</t>
  </si>
  <si>
    <t>3512</t>
  </si>
  <si>
    <t>28.07255744934082</t>
  </si>
  <si>
    <t>669.565673828125</t>
  </si>
  <si>
    <t>0.03712723402889395</t>
  </si>
  <si>
    <t>27.48777198791504</t>
  </si>
  <si>
    <t>856.737548828125</t>
  </si>
  <si>
    <t>0.014978378093388756</t>
  </si>
  <si>
    <t>71</t>
  </si>
  <si>
    <t>SLE</t>
  </si>
  <si>
    <t>1433</t>
  </si>
  <si>
    <t>26.549348831176758</t>
  </si>
  <si>
    <t>2370.77978515625</t>
  </si>
  <si>
    <t>1310.39990234375</t>
  </si>
  <si>
    <t>Sierra Leone</t>
  </si>
  <si>
    <t>1449</t>
  </si>
  <si>
    <t>26.336530685424805</t>
  </si>
  <si>
    <t>2252.771728515625</t>
  </si>
  <si>
    <t>0.011103514492510236</t>
  </si>
  <si>
    <t>1195</t>
  </si>
  <si>
    <t>26.306833267211914</t>
  </si>
  <si>
    <t>2663.138671875</t>
  </si>
  <si>
    <t>-0.1927274779550716</t>
  </si>
  <si>
    <t>1213</t>
  </si>
  <si>
    <t>26.387649536132812</t>
  </si>
  <si>
    <t>2629.390380859375</t>
  </si>
  <si>
    <t>0.014950444578439637</t>
  </si>
  <si>
    <t>1184</t>
  </si>
  <si>
    <t>26.142244338989258</t>
  </si>
  <si>
    <t>2966.291748046875</t>
  </si>
  <si>
    <t>-0.024198093500099382</t>
  </si>
  <si>
    <t>1087</t>
  </si>
  <si>
    <t>26.571563720703125</t>
  </si>
  <si>
    <t>2747.711181640625</t>
  </si>
  <si>
    <t>-0.08547692832274123</t>
  </si>
  <si>
    <t>1100</t>
  </si>
  <si>
    <t>26.57975196838379</t>
  </si>
  <si>
    <t>2726.40380859375</t>
  </si>
  <si>
    <t>0.011888571665251924</t>
  </si>
  <si>
    <t>1022</t>
  </si>
  <si>
    <t>26.583694458007812</t>
  </si>
  <si>
    <t>2535.157470703125</t>
  </si>
  <si>
    <t>-0.07354868802281178</t>
  </si>
  <si>
    <t>27.041837692260742</t>
  </si>
  <si>
    <t>3033.265625</t>
  </si>
  <si>
    <t>0.0068259650703996755</t>
  </si>
  <si>
    <t>1003</t>
  </si>
  <si>
    <t>26.353456497192383</t>
  </si>
  <si>
    <t>2770.6767578125</t>
  </si>
  <si>
    <t>-0.025591947872113607</t>
  </si>
  <si>
    <t>1045</t>
  </si>
  <si>
    <t>26.3776912689209</t>
  </si>
  <si>
    <t>2750.111572265625</t>
  </si>
  <si>
    <t>0.041021376436975565</t>
  </si>
  <si>
    <t>923</t>
  </si>
  <si>
    <t>26.610109329223633</t>
  </si>
  <si>
    <t>2752.3154296875</t>
  </si>
  <si>
    <t>-0.12414292989605968</t>
  </si>
  <si>
    <t>1104</t>
  </si>
  <si>
    <t>26.891252517700195</t>
  </si>
  <si>
    <t>2745.149658203125</t>
  </si>
  <si>
    <t>0.17906599233418863</t>
  </si>
  <si>
    <t>1161</t>
  </si>
  <si>
    <t>26.639724731445312</t>
  </si>
  <si>
    <t>2612.71728515625</t>
  </si>
  <si>
    <t>0.050341754860850685</t>
  </si>
  <si>
    <t>26.7418155670166</t>
  </si>
  <si>
    <t>2760.250732421875</t>
  </si>
  <si>
    <t>0.02886448266771957</t>
  </si>
  <si>
    <t>26.90184783935547</t>
  </si>
  <si>
    <t>2625.844482421875</t>
  </si>
  <si>
    <t>0.016597891409038112</t>
  </si>
  <si>
    <t>1239</t>
  </si>
  <si>
    <t>26.906625747680664</t>
  </si>
  <si>
    <t>3242.4228515625</t>
  </si>
  <si>
    <t>0.019560525854493527</t>
  </si>
  <si>
    <t>1309</t>
  </si>
  <si>
    <t>26.787214279174805</t>
  </si>
  <si>
    <t>2616.918212890625</t>
  </si>
  <si>
    <t>0.054958884280758014</t>
  </si>
  <si>
    <t>1346</t>
  </si>
  <si>
    <t>26.632417678833008</t>
  </si>
  <si>
    <t>2740.56005859375</t>
  </si>
  <si>
    <t>0.027873744294772962</t>
  </si>
  <si>
    <t>1351</t>
  </si>
  <si>
    <t>26.71155548095703</t>
  </si>
  <si>
    <t>2742.993408203125</t>
  </si>
  <si>
    <t>0.0037078277555258055</t>
  </si>
  <si>
    <t>1401</t>
  </si>
  <si>
    <t>26.90515899658203</t>
  </si>
  <si>
    <t>2776.611328125</t>
  </si>
  <si>
    <t>0.03634120837680754</t>
  </si>
  <si>
    <t>1446</t>
  </si>
  <si>
    <t>26.5963077545166</t>
  </si>
  <si>
    <t>2749.9345703125</t>
  </si>
  <si>
    <t>0.03161485638170358</t>
  </si>
  <si>
    <t>1623</t>
  </si>
  <si>
    <t>26.470388412475586</t>
  </si>
  <si>
    <t>2743.4169921875</t>
  </si>
  <si>
    <t>0.11547516479588094</t>
  </si>
  <si>
    <t>1915</t>
  </si>
  <si>
    <t>26.689504623413086</t>
  </si>
  <si>
    <t>2744.44384765625</t>
  </si>
  <si>
    <t>0.16544133410015505</t>
  </si>
  <si>
    <t>26.50572395324707</t>
  </si>
  <si>
    <t>2734.792236328125</t>
  </si>
  <si>
    <t>0.019649029261932682</t>
  </si>
  <si>
    <t>1516</t>
  </si>
  <si>
    <t>26.802675247192383</t>
  </si>
  <si>
    <t>2764.985595703125</t>
  </si>
  <si>
    <t>-0.25329136467436175</t>
  </si>
  <si>
    <t>1574</t>
  </si>
  <si>
    <t>26.953157424926758</t>
  </si>
  <si>
    <t>2761.72900390625</t>
  </si>
  <si>
    <t>0.03754486277503144</t>
  </si>
  <si>
    <t>1594</t>
  </si>
  <si>
    <t>26.955636978149414</t>
  </si>
  <si>
    <t>2742.448974609375</t>
  </si>
  <si>
    <t>0.01262643037281208</t>
  </si>
  <si>
    <t>1610</t>
  </si>
  <si>
    <t>26.709455490112305</t>
  </si>
  <si>
    <t>2746.533203125</t>
  </si>
  <si>
    <t>0.009987598628348415</t>
  </si>
  <si>
    <t>1656</t>
  </si>
  <si>
    <t>26.661577224731445</t>
  </si>
  <si>
    <t>2627.44384765625</t>
  </si>
  <si>
    <t>0.028170876966695957</t>
  </si>
  <si>
    <t>27.09300422668457</t>
  </si>
  <si>
    <t>2680.085205078125</t>
  </si>
  <si>
    <t>-0.04318993275041194</t>
  </si>
  <si>
    <t>1615</t>
  </si>
  <si>
    <t>27.276723861694336</t>
  </si>
  <si>
    <t>2876.7900390625</t>
  </si>
  <si>
    <t>0.018119833461963886</t>
  </si>
  <si>
    <t>26.62986183166504</t>
  </si>
  <si>
    <t>2756.336181640625</t>
  </si>
  <si>
    <t>0.012307847674597028</t>
  </si>
  <si>
    <t>72</t>
  </si>
  <si>
    <t>SGP</t>
  </si>
  <si>
    <t>37326</t>
  </si>
  <si>
    <t>2123.89990234375</t>
  </si>
  <si>
    <t>2813.084228515625</t>
  </si>
  <si>
    <t>Singapore</t>
  </si>
  <si>
    <t>38706</t>
  </si>
  <si>
    <t>27.39166831970215</t>
  </si>
  <si>
    <t>2260.7001953125</t>
  </si>
  <si>
    <t>0.03630449201722108</t>
  </si>
  <si>
    <t>40054</t>
  </si>
  <si>
    <t>27.358335494995117</t>
  </si>
  <si>
    <t>2154.699951171875</t>
  </si>
  <si>
    <t>0.03423391690507316</t>
  </si>
  <si>
    <t>43529</t>
  </si>
  <si>
    <t>27.316665649414062</t>
  </si>
  <si>
    <t>2378.2998046875</t>
  </si>
  <si>
    <t>0.0831988389545657</t>
  </si>
  <si>
    <t>46865</t>
  </si>
  <si>
    <t>27.366666793823242</t>
  </si>
  <si>
    <t>2525.2998046875</t>
  </si>
  <si>
    <t>0.07384374556065154</t>
  </si>
  <si>
    <t>48725</t>
  </si>
  <si>
    <t>27.450002670288086</t>
  </si>
  <si>
    <t>2685.900146484375</t>
  </si>
  <si>
    <t>0.03892111719517466</t>
  </si>
  <si>
    <t>50280</t>
  </si>
  <si>
    <t>2373.39990234375</t>
  </si>
  <si>
    <t>0.03141513832842158</t>
  </si>
  <si>
    <t>52663</t>
  </si>
  <si>
    <t>27.92500114440918</t>
  </si>
  <si>
    <t>1925.099853515625</t>
  </si>
  <si>
    <t>0.04630573796004356</t>
  </si>
  <si>
    <t>49789</t>
  </si>
  <si>
    <t>28.01667022705078</t>
  </si>
  <si>
    <t>2215.800048828125</t>
  </si>
  <si>
    <t>-0.056119045583979954</t>
  </si>
  <si>
    <t>52217</t>
  </si>
  <si>
    <t>2518.2001953125</t>
  </si>
  <si>
    <t>0.04761403626944194</t>
  </si>
  <si>
    <t>55959</t>
  </si>
  <si>
    <t>2795.800048828125</t>
  </si>
  <si>
    <t>0.06921116736298316</t>
  </si>
  <si>
    <t>53886</t>
  </si>
  <si>
    <t>27.724998474121094</t>
  </si>
  <si>
    <t>2305.10009765625</t>
  </si>
  <si>
    <t>-0.03774857581366753</t>
  </si>
  <si>
    <t>55492</t>
  </si>
  <si>
    <t>28.04166603088379</t>
  </si>
  <si>
    <t>2450.199951171875</t>
  </si>
  <si>
    <t>0.02936816230161199</t>
  </si>
  <si>
    <t>58878</t>
  </si>
  <si>
    <t>27.82499885559082</t>
  </si>
  <si>
    <t>2647.900146484375</t>
  </si>
  <si>
    <t>0.059228640233932595</t>
  </si>
  <si>
    <t>63925</t>
  </si>
  <si>
    <t>27.67500114440918</t>
  </si>
  <si>
    <t>2264.699951171875</t>
  </si>
  <si>
    <t>0.0822430147248383</t>
  </si>
  <si>
    <t>67039</t>
  </si>
  <si>
    <t>27.775001525878906</t>
  </si>
  <si>
    <t>2460.60009765625</t>
  </si>
  <si>
    <t>0.047564018417546094</t>
  </si>
  <si>
    <t>70826</t>
  </si>
  <si>
    <t>27.57499885559082</t>
  </si>
  <si>
    <t>2703.60009765625</t>
  </si>
  <si>
    <t>0.05495162533026132</t>
  </si>
  <si>
    <t>74065</t>
  </si>
  <si>
    <t>27.566665649414062</t>
  </si>
  <si>
    <t>2599.5</t>
  </si>
  <si>
    <t>0.04471692110895731</t>
  </si>
  <si>
    <t>71535</t>
  </si>
  <si>
    <t>27.383333206176758</t>
  </si>
  <si>
    <t>2733.800048828125</t>
  </si>
  <si>
    <t>-0.034756245615717773</t>
  </si>
  <si>
    <t>69499</t>
  </si>
  <si>
    <t>2480.900146484375</t>
  </si>
  <si>
    <t>-0.028874476440273966</t>
  </si>
  <si>
    <t>78192</t>
  </si>
  <si>
    <t>27.925003051757812</t>
  </si>
  <si>
    <t>2918.00048828125</t>
  </si>
  <si>
    <t>0.11785497654977561</t>
  </si>
  <si>
    <t>81338</t>
  </si>
  <si>
    <t>2512.0</t>
  </si>
  <si>
    <t>0.039445971500473576</t>
  </si>
  <si>
    <t>82887</t>
  </si>
  <si>
    <t>27.78333282470703</t>
  </si>
  <si>
    <t>2594.400146484375</t>
  </si>
  <si>
    <t>0.018864922375859905</t>
  </si>
  <si>
    <t>85484</t>
  </si>
  <si>
    <t>27.825002670288086</t>
  </si>
  <si>
    <t>2624.400146484375</t>
  </si>
  <si>
    <t>0.030850989523813155</t>
  </si>
  <si>
    <t>87703</t>
  </si>
  <si>
    <t>27.98333168029785</t>
  </si>
  <si>
    <t>2171.89990234375</t>
  </si>
  <si>
    <t>0.02562688239078348</t>
  </si>
  <si>
    <t>89248</t>
  </si>
  <si>
    <t>28.09166717529297</t>
  </si>
  <si>
    <t>1968.7000732421875</t>
  </si>
  <si>
    <t>0.01746290512634907</t>
  </si>
  <si>
    <t>91271</t>
  </si>
  <si>
    <t>28.174997329711914</t>
  </si>
  <si>
    <t>2540.400146484375</t>
  </si>
  <si>
    <t>0.022414091526369972</t>
  </si>
  <si>
    <t>95334</t>
  </si>
  <si>
    <t>27.76666831970215</t>
  </si>
  <si>
    <t>2609.699951171875</t>
  </si>
  <si>
    <t>0.04355341216283648</t>
  </si>
  <si>
    <t>98280</t>
  </si>
  <si>
    <t>27.991668701171875</t>
  </si>
  <si>
    <t>2389.300048828125</t>
  </si>
  <si>
    <t>0.030434032518693144</t>
  </si>
  <si>
    <t>98455</t>
  </si>
  <si>
    <t>28.308334350585938</t>
  </si>
  <si>
    <t>1792.5</t>
  </si>
  <si>
    <t>0.0017790433441557951</t>
  </si>
  <si>
    <t>94910</t>
  </si>
  <si>
    <t>28.058332443237305</t>
  </si>
  <si>
    <t>2737.5</t>
  </si>
  <si>
    <t>-0.03667051685473233</t>
  </si>
  <si>
    <t>107741</t>
  </si>
  <si>
    <t>27.883333206176758</t>
  </si>
  <si>
    <t>2860.600341796875</t>
  </si>
  <si>
    <t>0.12680112467077365</t>
  </si>
  <si>
    <t>108036</t>
  </si>
  <si>
    <t>2962.10009765625</t>
  </si>
  <si>
    <t>0.002734306101165984</t>
  </si>
  <si>
    <t>73</t>
  </si>
  <si>
    <t>SLB</t>
  </si>
  <si>
    <t>2192</t>
  </si>
  <si>
    <t>13.775885581970215</t>
  </si>
  <si>
    <t>1394.5321044921875</t>
  </si>
  <si>
    <t>703.5528564453125</t>
  </si>
  <si>
    <t>Solomon Islands</t>
  </si>
  <si>
    <t>2256</t>
  </si>
  <si>
    <t>13.48313045501709</t>
  </si>
  <si>
    <t>1440.4622802734375</t>
  </si>
  <si>
    <t>0.028778964550043362</t>
  </si>
  <si>
    <t>2468</t>
  </si>
  <si>
    <t>13.486770629882812</t>
  </si>
  <si>
    <t>1533.190185546875</t>
  </si>
  <si>
    <t>0.08981477240732971</t>
  </si>
  <si>
    <t>2493</t>
  </si>
  <si>
    <t>13.4805269241333</t>
  </si>
  <si>
    <t>1533.1541748046875</t>
  </si>
  <si>
    <t>0.010078698498278804</t>
  </si>
  <si>
    <t>2618</t>
  </si>
  <si>
    <t>13.469841957092285</t>
  </si>
  <si>
    <t>1533.1495361328125</t>
  </si>
  <si>
    <t>0.048923862946287144</t>
  </si>
  <si>
    <t>2800</t>
  </si>
  <si>
    <t>13.501864433288574</t>
  </si>
  <si>
    <t>1533.2633056640625</t>
  </si>
  <si>
    <t>0.06720874969345036</t>
  </si>
  <si>
    <t>2765</t>
  </si>
  <si>
    <t>13.494267463684082</t>
  </si>
  <si>
    <t>1533.310302734375</t>
  </si>
  <si>
    <t>-0.012578782206859707</t>
  </si>
  <si>
    <t>2664</t>
  </si>
  <si>
    <t>13.475685119628906</t>
  </si>
  <si>
    <t>1533.3211669921875</t>
  </si>
  <si>
    <t>-0.03721188229615535</t>
  </si>
  <si>
    <t>13.515509605407715</t>
  </si>
  <si>
    <t>1533.4061279296875</t>
  </si>
  <si>
    <t>-0.014747856634556022</t>
  </si>
  <si>
    <t>2543</t>
  </si>
  <si>
    <t>13.508610725402832</t>
  </si>
  <si>
    <t>1533.5045166015625</t>
  </si>
  <si>
    <t>-0.0317364096036048</t>
  </si>
  <si>
    <t>2126</t>
  </si>
  <si>
    <t>13.511707305908203</t>
  </si>
  <si>
    <t>1533.4556884765625</t>
  </si>
  <si>
    <t>-0.17910220652022613</t>
  </si>
  <si>
    <t>1910</t>
  </si>
  <si>
    <t>13.472464561462402</t>
  </si>
  <si>
    <t>1533.5009765625</t>
  </si>
  <si>
    <t>-0.10713903786121737</t>
  </si>
  <si>
    <t>1814</t>
  </si>
  <si>
    <t>13.483085632324219</t>
  </si>
  <si>
    <t>1533.4195556640625</t>
  </si>
  <si>
    <t>-0.0515688903655942</t>
  </si>
  <si>
    <t>13.48476791381836</t>
  </si>
  <si>
    <t>1533.4412841796875</t>
  </si>
  <si>
    <t>0.0405132368264276</t>
  </si>
  <si>
    <t>13.499560356140137</t>
  </si>
  <si>
    <t>1533.2415771484375</t>
  </si>
  <si>
    <t>0.051081519715010515</t>
  </si>
  <si>
    <t>2087</t>
  </si>
  <si>
    <t>13.497684478759766</t>
  </si>
  <si>
    <t>1533.4466552734375</t>
  </si>
  <si>
    <t>0.04859851986068087</t>
  </si>
  <si>
    <t>13.492093086242676</t>
  </si>
  <si>
    <t>1533.5244140625</t>
  </si>
  <si>
    <t>0.018044174281316216</t>
  </si>
  <si>
    <t>13.484076499938965</t>
  </si>
  <si>
    <t>1533.58837890625</t>
  </si>
  <si>
    <t>0.013554776357817211</t>
  </si>
  <si>
    <t>2238</t>
  </si>
  <si>
    <t>13.472163200378418</t>
  </si>
  <si>
    <t>1533.478271484375</t>
  </si>
  <si>
    <t>0.03825603115553644</t>
  </si>
  <si>
    <t>2250</t>
  </si>
  <si>
    <t>13.503020286560059</t>
  </si>
  <si>
    <t>0.005347606326595589</t>
  </si>
  <si>
    <t>2411</t>
  </si>
  <si>
    <t>13.513774871826172</t>
  </si>
  <si>
    <t>1533.4837646484375</t>
  </si>
  <si>
    <t>0.06911138298270458</t>
  </si>
  <si>
    <t>2528</t>
  </si>
  <si>
    <t>13.472389221191406</t>
  </si>
  <si>
    <t>0.04738687708557787</t>
  </si>
  <si>
    <t>2526</t>
  </si>
  <si>
    <t>13.472012519836426</t>
  </si>
  <si>
    <t>-0.0007914523563119502</t>
  </si>
  <si>
    <t>1533.47998046875</t>
  </si>
  <si>
    <t>0.025792754561728692</t>
  </si>
  <si>
    <t>13.472237586975098</t>
  </si>
  <si>
    <t>-0.013595082180978935</t>
  </si>
  <si>
    <t>2535</t>
  </si>
  <si>
    <t>13.472087860107422</t>
  </si>
  <si>
    <t>-0.008641059265903195</t>
  </si>
  <si>
    <t>2610</t>
  </si>
  <si>
    <t>13.472689628601074</t>
  </si>
  <si>
    <t>0.029156584291455623</t>
  </si>
  <si>
    <t>13.472538948059082</t>
  </si>
  <si>
    <t>0.005730674708985362</t>
  </si>
  <si>
    <t>2633</t>
  </si>
  <si>
    <t>13.471786499023438</t>
  </si>
  <si>
    <t>0.003042984470585708</t>
  </si>
  <si>
    <t>2617</t>
  </si>
  <si>
    <t>-0.0060952569661640865</t>
  </si>
  <si>
    <t>-0.058215413184965925</t>
  </si>
  <si>
    <t>2397</t>
  </si>
  <si>
    <t>13.472740173339844</t>
  </si>
  <si>
    <t>-0.029595254910795177</t>
  </si>
  <si>
    <t>2248</t>
  </si>
  <si>
    <t>13.472764015197754</t>
  </si>
  <si>
    <t>-0.064177023420803</t>
  </si>
  <si>
    <t>76</t>
  </si>
  <si>
    <t>VCT</t>
  </si>
  <si>
    <t>6480</t>
  </si>
  <si>
    <t>25.958330154418945</t>
  </si>
  <si>
    <t>2437.10009765625</t>
  </si>
  <si>
    <t>279.4715270996094</t>
  </si>
  <si>
    <t>Saint Vincent and the Grenadines</t>
  </si>
  <si>
    <t>6537</t>
  </si>
  <si>
    <t>25.816667556762695</t>
  </si>
  <si>
    <t>2432.60009765625</t>
  </si>
  <si>
    <t>0.008757834266408082</t>
  </si>
  <si>
    <t>6926</t>
  </si>
  <si>
    <t>25.9666690826416</t>
  </si>
  <si>
    <t>2735.699951171875</t>
  </si>
  <si>
    <t>0.057804101349637094</t>
  </si>
  <si>
    <t>7195</t>
  </si>
  <si>
    <t>26.024999618530273</t>
  </si>
  <si>
    <t>2450.39990234375</t>
  </si>
  <si>
    <t>0.038103894359101886</t>
  </si>
  <si>
    <t>25.73333168029785</t>
  </si>
  <si>
    <t>2323.60009765625</t>
  </si>
  <si>
    <t>-0.015406467196687146</t>
  </si>
  <si>
    <t>7620</t>
  </si>
  <si>
    <t>26.166669845581055</t>
  </si>
  <si>
    <t>2464.500244140625</t>
  </si>
  <si>
    <t>0.07279649655591136</t>
  </si>
  <si>
    <t>7711</t>
  </si>
  <si>
    <t>26.133333206176758</t>
  </si>
  <si>
    <t>2829.0</t>
  </si>
  <si>
    <t>0.011871511152268255</t>
  </si>
  <si>
    <t>7982</t>
  </si>
  <si>
    <t>2073.699951171875</t>
  </si>
  <si>
    <t>0.034541125775717774</t>
  </si>
  <si>
    <t>8317</t>
  </si>
  <si>
    <t>26.633331298828125</t>
  </si>
  <si>
    <t>3054.30029296875</t>
  </si>
  <si>
    <t>0.04111260626000934</t>
  </si>
  <si>
    <t>8555</t>
  </si>
  <si>
    <t>26.183334350585938</t>
  </si>
  <si>
    <t>2421.800048828125</t>
  </si>
  <si>
    <t>0.02821429445760515</t>
  </si>
  <si>
    <t>8709</t>
  </si>
  <si>
    <t>26.09166717529297</t>
  </si>
  <si>
    <t>2376.800048828125</t>
  </si>
  <si>
    <t>0.017841066366447222</t>
  </si>
  <si>
    <t>8874</t>
  </si>
  <si>
    <t>2021.7001953125</t>
  </si>
  <si>
    <t>0.018768679246115028</t>
  </si>
  <si>
    <t>9364</t>
  </si>
  <si>
    <t>26.399999618530273</t>
  </si>
  <si>
    <t>2122.999755859375</t>
  </si>
  <si>
    <t>0.053746896671945876</t>
  </si>
  <si>
    <t>10021</t>
  </si>
  <si>
    <t>26.45833396911621</t>
  </si>
  <si>
    <t>2146.500244140625</t>
  </si>
  <si>
    <t>0.06781034144752773</t>
  </si>
  <si>
    <t>10480</t>
  </si>
  <si>
    <t>26.225000381469727</t>
  </si>
  <si>
    <t>3268.89990234375</t>
  </si>
  <si>
    <t>0.044785787816703504</t>
  </si>
  <si>
    <t>10795</t>
  </si>
  <si>
    <t>2885.199951171875</t>
  </si>
  <si>
    <t>0.029614385073875482</t>
  </si>
  <si>
    <t>11614</t>
  </si>
  <si>
    <t>26.28333282470703</t>
  </si>
  <si>
    <t>2405.499755859375</t>
  </si>
  <si>
    <t>0.07312820298308687</t>
  </si>
  <si>
    <t>12065</t>
  </si>
  <si>
    <t>26.20833396911621</t>
  </si>
  <si>
    <t>2176.099853515625</t>
  </si>
  <si>
    <t>0.03809743212713812</t>
  </si>
  <si>
    <t>12170</t>
  </si>
  <si>
    <t>2541.39990234375</t>
  </si>
  <si>
    <t>0.008665207922440743</t>
  </si>
  <si>
    <t>12054</t>
  </si>
  <si>
    <t>26.375</t>
  </si>
  <si>
    <t>2028.1002197265625</t>
  </si>
  <si>
    <t>-0.009577351938583334</t>
  </si>
  <si>
    <t>11571</t>
  </si>
  <si>
    <t>2951.19970703125</t>
  </si>
  <si>
    <t>-0.04089458716665284</t>
  </si>
  <si>
    <t>11565</t>
  </si>
  <si>
    <t>26.175003051757812</t>
  </si>
  <si>
    <t>2915.500244140625</t>
  </si>
  <si>
    <t>-0.0005186722107985986</t>
  </si>
  <si>
    <t>11767</t>
  </si>
  <si>
    <t>26.275001525878906</t>
  </si>
  <si>
    <t>2325.89990234375</t>
  </si>
  <si>
    <t>0.017315707798390534</t>
  </si>
  <si>
    <t>12128</t>
  </si>
  <si>
    <t>2424.900146484375</t>
  </si>
  <si>
    <t>0.030217825418223043</t>
  </si>
  <si>
    <t>12329</t>
  </si>
  <si>
    <t>2041.1998291015625</t>
  </si>
  <si>
    <t>0.016437381986399657</t>
  </si>
  <si>
    <t>12723</t>
  </si>
  <si>
    <t>26.491662979125977</t>
  </si>
  <si>
    <t>1854.7000732421875</t>
  </si>
  <si>
    <t>0.03145716827414802</t>
  </si>
  <si>
    <t>13316</t>
  </si>
  <si>
    <t>26.55000114440918</t>
  </si>
  <si>
    <t>2803.2001953125</t>
  </si>
  <si>
    <t>0.04555494055221487</t>
  </si>
  <si>
    <t>13575</t>
  </si>
  <si>
    <t>2775.5</t>
  </si>
  <si>
    <t>0.019263546107220364</t>
  </si>
  <si>
    <t>14042</t>
  </si>
  <si>
    <t>25.92500114440918</t>
  </si>
  <si>
    <t>2250.500244140625</t>
  </si>
  <si>
    <t>0.03382297277505941</t>
  </si>
  <si>
    <t>14183</t>
  </si>
  <si>
    <t>2101.400146484375</t>
  </si>
  <si>
    <t>0.009991225717412178</t>
  </si>
  <si>
    <t>13691</t>
  </si>
  <si>
    <t>26.299997329711914</t>
  </si>
  <si>
    <t>2301.60009765625</t>
  </si>
  <si>
    <t>-0.03530538166085151</t>
  </si>
  <si>
    <t>13839</t>
  </si>
  <si>
    <t>2220.500244140625</t>
  </si>
  <si>
    <t>0.010752010592174344</t>
  </si>
  <si>
    <t>14573</t>
  </si>
  <si>
    <t>25.96666717529297</t>
  </si>
  <si>
    <t>2702.400146484375</t>
  </si>
  <si>
    <t>0.051679808307767416</t>
  </si>
  <si>
    <t>77</t>
  </si>
  <si>
    <t>SDN</t>
  </si>
  <si>
    <t>2757</t>
  </si>
  <si>
    <t>28.662641525268555</t>
  </si>
  <si>
    <t>198.82225036621094</t>
  </si>
  <si>
    <t>8436.603515625</t>
  </si>
  <si>
    <t>Sudan</t>
  </si>
  <si>
    <t>28.24427032470703</t>
  </si>
  <si>
    <t>303.04656982421875</t>
  </si>
  <si>
    <t>0.054009949141740954</t>
  </si>
  <si>
    <t>3053</t>
  </si>
  <si>
    <t>27.72911834716797</t>
  </si>
  <si>
    <t>309.4944763183594</t>
  </si>
  <si>
    <t>0.04797163256934045</t>
  </si>
  <si>
    <t>3140</t>
  </si>
  <si>
    <t>28.741182327270508</t>
  </si>
  <si>
    <t>341.35504150390625</t>
  </si>
  <si>
    <t>0.0280980861674216</t>
  </si>
  <si>
    <t>3096</t>
  </si>
  <si>
    <t>28.018526077270508</t>
  </si>
  <si>
    <t>396.838623046875</t>
  </si>
  <si>
    <t>-0.014111844192681744</t>
  </si>
  <si>
    <t>27.86052703857422</t>
  </si>
  <si>
    <t>341.6968688964844</t>
  </si>
  <si>
    <t>0.03178907217654725</t>
  </si>
  <si>
    <t>3304</t>
  </si>
  <si>
    <t>28.700048446655273</t>
  </si>
  <si>
    <t>301.18023681640625</t>
  </si>
  <si>
    <t>0.03323382775470307</t>
  </si>
  <si>
    <t>3812</t>
  </si>
  <si>
    <t>28.65087127685547</t>
  </si>
  <si>
    <t>314.3497314453125</t>
  </si>
  <si>
    <t>0.143020130133225</t>
  </si>
  <si>
    <t>3887</t>
  </si>
  <si>
    <t>28.920820236206055</t>
  </si>
  <si>
    <t>397.4106750488281</t>
  </si>
  <si>
    <t>0.019483666078130568</t>
  </si>
  <si>
    <t>3912</t>
  </si>
  <si>
    <t>28.755752563476562</t>
  </si>
  <si>
    <t>430.678955078125</t>
  </si>
  <si>
    <t>0.006411100302484485</t>
  </si>
  <si>
    <t>4041</t>
  </si>
  <si>
    <t>28.578153610229492</t>
  </si>
  <si>
    <t>329.97735595703125</t>
  </si>
  <si>
    <t>0.03244343392376514</t>
  </si>
  <si>
    <t>4183</t>
  </si>
  <si>
    <t>28.553380966186523</t>
  </si>
  <si>
    <t>320.45343017578125</t>
  </si>
  <si>
    <t>0.034536506363725294</t>
  </si>
  <si>
    <t>4316</t>
  </si>
  <si>
    <t>29.144258499145508</t>
  </si>
  <si>
    <t>309.9364318847656</t>
  </si>
  <si>
    <t>0.03130035493582639</t>
  </si>
  <si>
    <t>28.877653121948242</t>
  </si>
  <si>
    <t>397.37237548828125</t>
  </si>
  <si>
    <t>0.03438799497409306</t>
  </si>
  <si>
    <t>4571</t>
  </si>
  <si>
    <t>28.94783592224121</t>
  </si>
  <si>
    <t>274.17578125</t>
  </si>
  <si>
    <t>0.023014956979626078</t>
  </si>
  <si>
    <t>4692</t>
  </si>
  <si>
    <t>29.603567123413086</t>
  </si>
  <si>
    <t>342.713623046875</t>
  </si>
  <si>
    <t>0.026126931441622148</t>
  </si>
  <si>
    <t>4848</t>
  </si>
  <si>
    <t>28.552881240844727</t>
  </si>
  <si>
    <t>359.8376770019531</t>
  </si>
  <si>
    <t>0.03270731797578286</t>
  </si>
  <si>
    <t>4964</t>
  </si>
  <si>
    <t>28.88190269470215</t>
  </si>
  <si>
    <t>422.8016052246094</t>
  </si>
  <si>
    <t>0.023645618575347527</t>
  </si>
  <si>
    <t>4994</t>
  </si>
  <si>
    <t>29.136980056762695</t>
  </si>
  <si>
    <t>321.29400634765625</t>
  </si>
  <si>
    <t>0.006025324515221087</t>
  </si>
  <si>
    <t>4707</t>
  </si>
  <si>
    <t>29.682205200195312</t>
  </si>
  <si>
    <t>270.6326599121094</t>
  </si>
  <si>
    <t>-0.05918642943857577</t>
  </si>
  <si>
    <t>4745</t>
  </si>
  <si>
    <t>29.68338966369629</t>
  </si>
  <si>
    <t>355.5697326660156</t>
  </si>
  <si>
    <t>0.0080406696428863</t>
  </si>
  <si>
    <t>5047</t>
  </si>
  <si>
    <t>28.919172286987305</t>
  </si>
  <si>
    <t>289.6307678222656</t>
  </si>
  <si>
    <t>0.06170257529623413</t>
  </si>
  <si>
    <t>29.209707260131836</t>
  </si>
  <si>
    <t>361.1724853515625</t>
  </si>
  <si>
    <t>-0.06889380764022235</t>
  </si>
  <si>
    <t>29.148109436035156</t>
  </si>
  <si>
    <t>365.097412109375</t>
  </si>
  <si>
    <t>-0.00404126892667378</t>
  </si>
  <si>
    <t>4777</t>
  </si>
  <si>
    <t>28.943588256835938</t>
  </si>
  <si>
    <t>402.3282775878906</t>
  </si>
  <si>
    <t>0.01795380361659582</t>
  </si>
  <si>
    <t>4719</t>
  </si>
  <si>
    <t>29.355812072753906</t>
  </si>
  <si>
    <t>304.87701416015625</t>
  </si>
  <si>
    <t>-0.01221582166357571</t>
  </si>
  <si>
    <t>4733</t>
  </si>
  <si>
    <t>29.802284240722656</t>
  </si>
  <si>
    <t>343.5927734375</t>
  </si>
  <si>
    <t>0.002962338179861135</t>
  </si>
  <si>
    <t>4614</t>
  </si>
  <si>
    <t>28.889371871948242</t>
  </si>
  <si>
    <t>327.7342834472656</t>
  </si>
  <si>
    <t>-0.02546409117254811</t>
  </si>
  <si>
    <t>4349</t>
  </si>
  <si>
    <t>29.26972007751465</t>
  </si>
  <si>
    <t>416.58544921875</t>
  </si>
  <si>
    <t>-0.05914922613606066</t>
  </si>
  <si>
    <t>4133</t>
  </si>
  <si>
    <t>28.604249954223633</t>
  </si>
  <si>
    <t>421.20220947265625</t>
  </si>
  <si>
    <t>-0.050942398085906504</t>
  </si>
  <si>
    <t>3875</t>
  </si>
  <si>
    <t>28.67189598083496</t>
  </si>
  <si>
    <t>400.5734558105469</t>
  </si>
  <si>
    <t>-0.06445787272428483</t>
  </si>
  <si>
    <t>3701</t>
  </si>
  <si>
    <t>28.874052047729492</t>
  </si>
  <si>
    <t>385.20947265625</t>
  </si>
  <si>
    <t>-0.045942609401292245</t>
  </si>
  <si>
    <t>3571</t>
  </si>
  <si>
    <t>28.399919509887695</t>
  </si>
  <si>
    <t>443.671875</t>
  </si>
  <si>
    <t>-0.035757384791706315</t>
  </si>
  <si>
    <t>78</t>
  </si>
  <si>
    <t>SUR</t>
  </si>
  <si>
    <t>27.010908126831055</t>
  </si>
  <si>
    <t>2581.24267578125</t>
  </si>
  <si>
    <t>174.11599731445312</t>
  </si>
  <si>
    <t>Suriname</t>
  </si>
  <si>
    <t>13893</t>
  </si>
  <si>
    <t>26.870988845825195</t>
  </si>
  <si>
    <t>1948.278076171875</t>
  </si>
  <si>
    <t>0.01881844322613091</t>
  </si>
  <si>
    <t>13831</t>
  </si>
  <si>
    <t>26.757356643676758</t>
  </si>
  <si>
    <t>1858.0609130859375</t>
  </si>
  <si>
    <t>-0.004472666524153013</t>
  </si>
  <si>
    <t>12817</t>
  </si>
  <si>
    <t>26.920698165893555</t>
  </si>
  <si>
    <t>2055.48828125</t>
  </si>
  <si>
    <t>-0.07614003489488397</t>
  </si>
  <si>
    <t>13123</t>
  </si>
  <si>
    <t>27.115442276000977</t>
  </si>
  <si>
    <t>2202.41455078125</t>
  </si>
  <si>
    <t>0.023594001166463485</t>
  </si>
  <si>
    <t>12883</t>
  </si>
  <si>
    <t>27.462005615234375</t>
  </si>
  <si>
    <t>1996.2548828125</t>
  </si>
  <si>
    <t>-0.01845780310476286</t>
  </si>
  <si>
    <t>12738</t>
  </si>
  <si>
    <t>27.132970809936523</t>
  </si>
  <si>
    <t>2521.6826171875</t>
  </si>
  <si>
    <t>-0.011318960860213778</t>
  </si>
  <si>
    <t>13195</t>
  </si>
  <si>
    <t>27.55821990966797</t>
  </si>
  <si>
    <t>1739.8189697265625</t>
  </si>
  <si>
    <t>0.035248318006113166</t>
  </si>
  <si>
    <t>13240</t>
  </si>
  <si>
    <t>27.647430419921875</t>
  </si>
  <si>
    <t>2004.1314697265625</t>
  </si>
  <si>
    <t>0.003404580553574732</t>
  </si>
  <si>
    <t>12813</t>
  </si>
  <si>
    <t>27.171159744262695</t>
  </si>
  <si>
    <t>2222.958740234375</t>
  </si>
  <si>
    <t>-0.032782269981423084</t>
  </si>
  <si>
    <t>12848</t>
  </si>
  <si>
    <t>27.08513641357422</t>
  </si>
  <si>
    <t>2414.6865234375</t>
  </si>
  <si>
    <t>0.002727876676967611</t>
  </si>
  <si>
    <t>13157</t>
  </si>
  <si>
    <t>27.108963012695312</t>
  </si>
  <si>
    <t>1743.9005126953125</t>
  </si>
  <si>
    <t>0.023765779179294455</t>
  </si>
  <si>
    <t>13300</t>
  </si>
  <si>
    <t>26.957674026489258</t>
  </si>
  <si>
    <t>2028.1883544921875</t>
  </si>
  <si>
    <t>0.010810098844007854</t>
  </si>
  <si>
    <t>13910</t>
  </si>
  <si>
    <t>27.525793075561523</t>
  </si>
  <si>
    <t>1800.761962890625</t>
  </si>
  <si>
    <t>0.044843970707642455</t>
  </si>
  <si>
    <t>27.130455017089844</t>
  </si>
  <si>
    <t>2211.11328125</t>
  </si>
  <si>
    <t>0.06821615007511994</t>
  </si>
  <si>
    <t>15392</t>
  </si>
  <si>
    <t>27.262868881225586</t>
  </si>
  <si>
    <t>2531.44287109375</t>
  </si>
  <si>
    <t>0.03302373791287927</t>
  </si>
  <si>
    <t>16103</t>
  </si>
  <si>
    <t>27.327726364135742</t>
  </si>
  <si>
    <t>2001.015869140625</t>
  </si>
  <si>
    <t>0.04515769611250953</t>
  </si>
  <si>
    <t>16736</t>
  </si>
  <si>
    <t>27.110883712768555</t>
  </si>
  <si>
    <t>2542.510009765625</t>
  </si>
  <si>
    <t>0.038556497846652604</t>
  </si>
  <si>
    <t>17234</t>
  </si>
  <si>
    <t>27.09773826599121</t>
  </si>
  <si>
    <t>2433.473876953125</t>
  </si>
  <si>
    <t>0.029322088935062496</t>
  </si>
  <si>
    <t>17554</t>
  </si>
  <si>
    <t>27.2298526763916</t>
  </si>
  <si>
    <t>1765.5780029296875</t>
  </si>
  <si>
    <t>0.018397667352351377</t>
  </si>
  <si>
    <t>18255</t>
  </si>
  <si>
    <t>27.517545700073242</t>
  </si>
  <si>
    <t>2070.115234375</t>
  </si>
  <si>
    <t>0.039157170937674124</t>
  </si>
  <si>
    <t>19111</t>
  </si>
  <si>
    <t>27.103912353515625</t>
  </si>
  <si>
    <t>2341.278564453125</t>
  </si>
  <si>
    <t>0.04582507039924444</t>
  </si>
  <si>
    <t>19415</t>
  </si>
  <si>
    <t>26.953237533569336</t>
  </si>
  <si>
    <t>1932.4383544921875</t>
  </si>
  <si>
    <t>0.015781877676785072</t>
  </si>
  <si>
    <t>26.832502365112305</t>
  </si>
  <si>
    <t>2586.407958984375</t>
  </si>
  <si>
    <t>0.018524245664169214</t>
  </si>
  <si>
    <t>19629</t>
  </si>
  <si>
    <t>27.060720443725586</t>
  </si>
  <si>
    <t>1994.5947265625</t>
  </si>
  <si>
    <t>-0.00756214429208768</t>
  </si>
  <si>
    <t>18769</t>
  </si>
  <si>
    <t>27.455976486206055</t>
  </si>
  <si>
    <t>2099.37353515625</t>
  </si>
  <si>
    <t>-0.04480149188159821</t>
  </si>
  <si>
    <t>17662</t>
  </si>
  <si>
    <t>27.4571533203125</t>
  </si>
  <si>
    <t>2208.75732421875</t>
  </si>
  <si>
    <t>-0.06079113362750199</t>
  </si>
  <si>
    <t>17753</t>
  </si>
  <si>
    <t>27.337158203125</t>
  </si>
  <si>
    <t>2168.0166015625</t>
  </si>
  <si>
    <t>0.005139076678050358</t>
  </si>
  <si>
    <t>18438</t>
  </si>
  <si>
    <t>27.12348747253418</t>
  </si>
  <si>
    <t>2176.509765625</t>
  </si>
  <si>
    <t>0.03785923665174096</t>
  </si>
  <si>
    <t>18449</t>
  </si>
  <si>
    <t>27.45641326904297</t>
  </si>
  <si>
    <t>1703.81298828125</t>
  </si>
  <si>
    <t>0.0005964160992260048</t>
  </si>
  <si>
    <t>15329</t>
  </si>
  <si>
    <t>27.504941940307617</t>
  </si>
  <si>
    <t>2218.13720703125</t>
  </si>
  <si>
    <t>-0.18526370929165736</t>
  </si>
  <si>
    <t>14811</t>
  </si>
  <si>
    <t>27.195566177368164</t>
  </si>
  <si>
    <t>2637.86962890625</t>
  </si>
  <si>
    <t>-0.03437631123913576</t>
  </si>
  <si>
    <t>15048</t>
  </si>
  <si>
    <t>27.163612365722656</t>
  </si>
  <si>
    <t>2772.071044921875</t>
  </si>
  <si>
    <t>0.01587494405389478</t>
  </si>
  <si>
    <t>79</t>
  </si>
  <si>
    <t>TJK</t>
  </si>
  <si>
    <t>3991</t>
  </si>
  <si>
    <t>11.53250789642334</t>
  </si>
  <si>
    <t>549.2816162109375</t>
  </si>
  <si>
    <t>2330.767578125</t>
  </si>
  <si>
    <t>Tajikistan</t>
  </si>
  <si>
    <t>11.340041160583496</t>
  </si>
  <si>
    <t>777.43359375</t>
  </si>
  <si>
    <t>-0.09894997045586784</t>
  </si>
  <si>
    <t>2521</t>
  </si>
  <si>
    <t>10.874567985534668</t>
  </si>
  <si>
    <t>642.299072265625</t>
  </si>
  <si>
    <t>-0.36043620740494564</t>
  </si>
  <si>
    <t>2085</t>
  </si>
  <si>
    <t>10.187533378601074</t>
  </si>
  <si>
    <t>928.0374145507812</t>
  </si>
  <si>
    <t>-0.18988679295501765</t>
  </si>
  <si>
    <t>1617</t>
  </si>
  <si>
    <t>11.06777286529541</t>
  </si>
  <si>
    <t>634.5303344726562</t>
  </si>
  <si>
    <t>-0.2541962746557953</t>
  </si>
  <si>
    <t>11.727862358093262</t>
  </si>
  <si>
    <t>397.27764892578125</t>
  </si>
  <si>
    <t>-0.1519885168227626</t>
  </si>
  <si>
    <t>1134</t>
  </si>
  <si>
    <t>11.050182342529297</t>
  </si>
  <si>
    <t>527.9717407226562</t>
  </si>
  <si>
    <t>-0.202832858466647</t>
  </si>
  <si>
    <t>1138</t>
  </si>
  <si>
    <t>11.581725120544434</t>
  </si>
  <si>
    <t>747.202880859375</t>
  </si>
  <si>
    <t>0.003521130398579153</t>
  </si>
  <si>
    <t>1191</t>
  </si>
  <si>
    <t>11.646026611328125</t>
  </si>
  <si>
    <t>855.99853515625</t>
  </si>
  <si>
    <t>0.04552095466902362</t>
  </si>
  <si>
    <t>12.159810066223145</t>
  </si>
  <si>
    <t>727.22412109375</t>
  </si>
  <si>
    <t>0.03059353935178777</t>
  </si>
  <si>
    <t>1313</t>
  </si>
  <si>
    <t>11.795805931091309</t>
  </si>
  <si>
    <t>469.832763671875</t>
  </si>
  <si>
    <t>0.06692776559570834</t>
  </si>
  <si>
    <t>12.573150634765625</t>
  </si>
  <si>
    <t>486.1341247558594</t>
  </si>
  <si>
    <t>0.06985566241519159</t>
  </si>
  <si>
    <t>1528</t>
  </si>
  <si>
    <t>12.062393188476562</t>
  </si>
  <si>
    <t>718.4188842773438</t>
  </si>
  <si>
    <t>0.08178943300847852</t>
  </si>
  <si>
    <t>1663</t>
  </si>
  <si>
    <t>11.500134468078613</t>
  </si>
  <si>
    <t>834.7649536132812</t>
  </si>
  <si>
    <t>0.08466350946646184</t>
  </si>
  <si>
    <t>1800</t>
  </si>
  <si>
    <t>12.279205322265625</t>
  </si>
  <si>
    <t>660.4881591796875</t>
  </si>
  <si>
    <t>0.0791634646913284</t>
  </si>
  <si>
    <t>11.641310691833496</t>
  </si>
  <si>
    <t>645.7050170898438</t>
  </si>
  <si>
    <t>0.046141155997855066</t>
  </si>
  <si>
    <t>12.5064115524292</t>
  </si>
  <si>
    <t>539.8243408203125</t>
  </si>
  <si>
    <t>0.0491690238064697</t>
  </si>
  <si>
    <t>2096</t>
  </si>
  <si>
    <t>11.238414764404297</t>
  </si>
  <si>
    <t>594.8704223632812</t>
  </si>
  <si>
    <t>0.05693392175235168</t>
  </si>
  <si>
    <t>12.397246360778809</t>
  </si>
  <si>
    <t>489.5815124511719</t>
  </si>
  <si>
    <t>0.05702587749166099</t>
  </si>
  <si>
    <t>2261</t>
  </si>
  <si>
    <t>12.017683982849121</t>
  </si>
  <si>
    <t>765.5457153320312</t>
  </si>
  <si>
    <t>0.018750549345376122</t>
  </si>
  <si>
    <t>2360</t>
  </si>
  <si>
    <t>12.08746337890625</t>
  </si>
  <si>
    <t>602.7400512695312</t>
  </si>
  <si>
    <t>0.04285442574168563</t>
  </si>
  <si>
    <t>2482</t>
  </si>
  <si>
    <t>11.488926887512207</t>
  </si>
  <si>
    <t>651.7980346679688</t>
  </si>
  <si>
    <t>0.050403067744897</t>
  </si>
  <si>
    <t>11.512373924255371</t>
  </si>
  <si>
    <t>660.0158081054688</t>
  </si>
  <si>
    <t>0.050285534552186206</t>
  </si>
  <si>
    <t>12.249481201171875</t>
  </si>
  <si>
    <t>649.6752319335938</t>
  </si>
  <si>
    <t>0.048972595986047196</t>
  </si>
  <si>
    <t>2858</t>
  </si>
  <si>
    <t>11.182454109191895</t>
  </si>
  <si>
    <t>655.4873046875</t>
  </si>
  <si>
    <t>0.0417992621870269</t>
  </si>
  <si>
    <t>12.58559799194336</t>
  </si>
  <si>
    <t>749.4815063476562</t>
  </si>
  <si>
    <t>0.03506718882829318</t>
  </si>
  <si>
    <t>3091</t>
  </si>
  <si>
    <t>12.469311714172363</t>
  </si>
  <si>
    <t>702.5836791992188</t>
  </si>
  <si>
    <t>0.04330539481401008</t>
  </si>
  <si>
    <t>12.009066581726074</t>
  </si>
  <si>
    <t>466.5892028808594</t>
  </si>
  <si>
    <t>0.045843336046266</t>
  </si>
  <si>
    <t>3405</t>
  </si>
  <si>
    <t>12.481354713439941</t>
  </si>
  <si>
    <t>613.3507080078125</t>
  </si>
  <si>
    <t>0.05090694040523047</t>
  </si>
  <si>
    <t>3575</t>
  </si>
  <si>
    <t>12.378983497619629</t>
  </si>
  <si>
    <t>656.3872680664062</t>
  </si>
  <si>
    <t>0.04872023654449542</t>
  </si>
  <si>
    <t>11.637354850769043</t>
  </si>
  <si>
    <t>619.8150024414062</t>
  </si>
  <si>
    <t>0.021309786586751756</t>
  </si>
  <si>
    <t>3910</t>
  </si>
  <si>
    <t>13.166193962097168</t>
  </si>
  <si>
    <t>481.3432922363281</t>
  </si>
  <si>
    <t>0.06826241126455201</t>
  </si>
  <si>
    <t>4137</t>
  </si>
  <si>
    <t>12.617024421691895</t>
  </si>
  <si>
    <t>731.7561645507812</t>
  </si>
  <si>
    <t>0.05643351348200021</t>
  </si>
  <si>
    <t>80</t>
  </si>
  <si>
    <t>TGO</t>
  </si>
  <si>
    <t>26.980958938598633</t>
  </si>
  <si>
    <t>999.97900390625</t>
  </si>
  <si>
    <t>1880.704833984375</t>
  </si>
  <si>
    <t>Togo</t>
  </si>
  <si>
    <t>1737</t>
  </si>
  <si>
    <t>26.630760192871094</t>
  </si>
  <si>
    <t>1346.8330078125</t>
  </si>
  <si>
    <t>-0.0356271776431516</t>
  </si>
  <si>
    <t>1620</t>
  </si>
  <si>
    <t>26.628297805786133</t>
  </si>
  <si>
    <t>947.6150512695312</t>
  </si>
  <si>
    <t>-0.06973333801467518</t>
  </si>
  <si>
    <t>26.843820571899414</t>
  </si>
  <si>
    <t>1132.0155029296875</t>
  </si>
  <si>
    <t>-0.1567260096049905</t>
  </si>
  <si>
    <t>1587</t>
  </si>
  <si>
    <t>26.7042293548584</t>
  </si>
  <si>
    <t>1072.525146484375</t>
  </si>
  <si>
    <t>0.13614530190497032</t>
  </si>
  <si>
    <t>1637</t>
  </si>
  <si>
    <t>27.064062118530273</t>
  </si>
  <si>
    <t>1231.211669921875</t>
  </si>
  <si>
    <t>0.031019856844725524</t>
  </si>
  <si>
    <t>1715</t>
  </si>
  <si>
    <t>26.939119338989258</t>
  </si>
  <si>
    <t>1144.27978515625</t>
  </si>
  <si>
    <t>0.0465477822289051</t>
  </si>
  <si>
    <t>26.892732620239258</t>
  </si>
  <si>
    <t>1309.4776611328125</t>
  </si>
  <si>
    <t>0.10191435121224579</t>
  </si>
  <si>
    <t>1802</t>
  </si>
  <si>
    <t>27.503530502319336</t>
  </si>
  <si>
    <t>1016.65283203125</t>
  </si>
  <si>
    <t>-0.052430272644002685</t>
  </si>
  <si>
    <t>1794</t>
  </si>
  <si>
    <t>26.946212768554688</t>
  </si>
  <si>
    <t>1326.139892578125</t>
  </si>
  <si>
    <t>-0.004449395549541713</t>
  </si>
  <si>
    <t>1730</t>
  </si>
  <si>
    <t>27.01692771911621</t>
  </si>
  <si>
    <t>1046.296630859375</t>
  </si>
  <si>
    <t>-0.036326355126917065</t>
  </si>
  <si>
    <t>27.183439254760742</t>
  </si>
  <si>
    <t>929.766357421875</t>
  </si>
  <si>
    <t>-0.01925942225759769</t>
  </si>
  <si>
    <t>27.373437881469727</t>
  </si>
  <si>
    <t>1216.7620849609375</t>
  </si>
  <si>
    <t>0.01171659566324923</t>
  </si>
  <si>
    <t>1785</t>
  </si>
  <si>
    <t>27.33019256591797</t>
  </si>
  <si>
    <t>1312.5029296875</t>
  </si>
  <si>
    <t>0.038839833316263395</t>
  </si>
  <si>
    <t>1722</t>
  </si>
  <si>
    <t>27.127267837524414</t>
  </si>
  <si>
    <t>1192.653076171875</t>
  </si>
  <si>
    <t>-0.03593200922606332</t>
  </si>
  <si>
    <t>27.579862594604492</t>
  </si>
  <si>
    <t>1132.890380859375</t>
  </si>
  <si>
    <t>-0.07410797215372167</t>
  </si>
  <si>
    <t>1596</t>
  </si>
  <si>
    <t>27.29957389831543</t>
  </si>
  <si>
    <t>1099.5010986328125</t>
  </si>
  <si>
    <t>-0.001877934824199734</t>
  </si>
  <si>
    <t>1532</t>
  </si>
  <si>
    <t>27.257123947143555</t>
  </si>
  <si>
    <t>1335.1597900390625</t>
  </si>
  <si>
    <t>-0.04092642770921806</t>
  </si>
  <si>
    <t>27.242273330688477</t>
  </si>
  <si>
    <t>1384.9478759765625</t>
  </si>
  <si>
    <t>0.011035490116332092</t>
  </si>
  <si>
    <t>1589</t>
  </si>
  <si>
    <t>27.443269729614258</t>
  </si>
  <si>
    <t>1229.1014404296875</t>
  </si>
  <si>
    <t>0.02549532611984784</t>
  </si>
  <si>
    <t>1638</t>
  </si>
  <si>
    <t>27.62388038635254</t>
  </si>
  <si>
    <t>1411.6885986328125</t>
  </si>
  <si>
    <t>0.03037109787629877</t>
  </si>
  <si>
    <t>1688</t>
  </si>
  <si>
    <t>27.3458309173584</t>
  </si>
  <si>
    <t>1200.30908203125</t>
  </si>
  <si>
    <t>0.030068410742887686</t>
  </si>
  <si>
    <t>27.137313842773438</t>
  </si>
  <si>
    <t>1181.682861328125</t>
  </si>
  <si>
    <t>0.03492788105957789</t>
  </si>
  <si>
    <t>1803</t>
  </si>
  <si>
    <t>27.321901321411133</t>
  </si>
  <si>
    <t>1107.192626953125</t>
  </si>
  <si>
    <t>0.03097966698783683</t>
  </si>
  <si>
    <t>1857</t>
  </si>
  <si>
    <t>27.2637996673584</t>
  </si>
  <si>
    <t>1261.0335693359375</t>
  </si>
  <si>
    <t>0.029510338149388637</t>
  </si>
  <si>
    <t>27.604799270629883</t>
  </si>
  <si>
    <t>1090.3427734375</t>
  </si>
  <si>
    <t>0.02814095968796959</t>
  </si>
  <si>
    <t>1942</t>
  </si>
  <si>
    <t>27.78571891784668</t>
  </si>
  <si>
    <t>1130.655517578125</t>
  </si>
  <si>
    <t>0.01661512781059482</t>
  </si>
  <si>
    <t>27.568572998046875</t>
  </si>
  <si>
    <t>1125.122314453125</t>
  </si>
  <si>
    <t>0.014315172880763782</t>
  </si>
  <si>
    <t>27.603981018066406</t>
  </si>
  <si>
    <t>1268.1072998046875</t>
  </si>
  <si>
    <t>0.022585652648748678</t>
  </si>
  <si>
    <t>27.312387466430664</t>
  </si>
  <si>
    <t>1494.43994140625</t>
  </si>
  <si>
    <t>0.024026652220670464</t>
  </si>
  <si>
    <t>2059</t>
  </si>
  <si>
    <t>27.765647888183594</t>
  </si>
  <si>
    <t>1115.5028076171875</t>
  </si>
  <si>
    <t>-0.002425419573664378</t>
  </si>
  <si>
    <t>2131</t>
  </si>
  <si>
    <t>27.817747116088867</t>
  </si>
  <si>
    <t>1198.07861328125</t>
  </si>
  <si>
    <t>0.03437092507082795</t>
  </si>
  <si>
    <t>2203</t>
  </si>
  <si>
    <t>27.338882446289062</t>
  </si>
  <si>
    <t>1162.216796875</t>
  </si>
  <si>
    <t>0.03322871470372579</t>
  </si>
  <si>
    <t>81</t>
  </si>
  <si>
    <t>TTO</t>
  </si>
  <si>
    <t>9861</t>
  </si>
  <si>
    <t>26.322898864746094</t>
  </si>
  <si>
    <t>1791.7218017578125</t>
  </si>
  <si>
    <t>1531.9195556640625</t>
  </si>
  <si>
    <t>Trinidad and Tobago</t>
  </si>
  <si>
    <t>10091</t>
  </si>
  <si>
    <t>26.263307571411133</t>
  </si>
  <si>
    <t>1660.4412841796875</t>
  </si>
  <si>
    <t>0.02305635413219953</t>
  </si>
  <si>
    <t>26.397438049316406</t>
  </si>
  <si>
    <t>1612.800048828125</t>
  </si>
  <si>
    <t>0.08888422984161792</t>
  </si>
  <si>
    <t>26.6595458984375</t>
  </si>
  <si>
    <t>1790.561767578125</t>
  </si>
  <si>
    <t>-0.013234346403010022</t>
  </si>
  <si>
    <t>11208</t>
  </si>
  <si>
    <t>26.297698974609375</t>
  </si>
  <si>
    <t>1687.4603271484375</t>
  </si>
  <si>
    <t>0.0293339881137058</t>
  </si>
  <si>
    <t>11577</t>
  </si>
  <si>
    <t>26.629056930541992</t>
  </si>
  <si>
    <t>1641.8394775390625</t>
  </si>
  <si>
    <t>0.03239256218888542</t>
  </si>
  <si>
    <t>12350</t>
  </si>
  <si>
    <t>26.34165382385254</t>
  </si>
  <si>
    <t>1818.0924072265625</t>
  </si>
  <si>
    <t>0.06463569185039475</t>
  </si>
  <si>
    <t>13232</t>
  </si>
  <si>
    <t>26.5170955657959</t>
  </si>
  <si>
    <t>1532.4736328125</t>
  </si>
  <si>
    <t>0.06898207520734978</t>
  </si>
  <si>
    <t>14259</t>
  </si>
  <si>
    <t>27.027801513671875</t>
  </si>
  <si>
    <t>2116.792236328125</t>
  </si>
  <si>
    <t>0.0747501480186461</t>
  </si>
  <si>
    <t>15351</t>
  </si>
  <si>
    <t>26.617944717407227</t>
  </si>
  <si>
    <t>1984.6402587890625</t>
  </si>
  <si>
    <t>0.07379233219108272</t>
  </si>
  <si>
    <t>16348</t>
  </si>
  <si>
    <t>26.462623596191406</t>
  </si>
  <si>
    <t>1811.9923095703125</t>
  </si>
  <si>
    <t>0.06292494721096631</t>
  </si>
  <si>
    <t>16948</t>
  </si>
  <si>
    <t>26.95534324645996</t>
  </si>
  <si>
    <t>1381.5650634765625</t>
  </si>
  <si>
    <t>0.03604426706228203</t>
  </si>
  <si>
    <t>18193</t>
  </si>
  <si>
    <t>26.783727645874023</t>
  </si>
  <si>
    <t>1551.3033447265625</t>
  </si>
  <si>
    <t>0.07088707195035404</t>
  </si>
  <si>
    <t>20703</t>
  </si>
  <si>
    <t>27.012718200683594</t>
  </si>
  <si>
    <t>1503.6375732421875</t>
  </si>
  <si>
    <t>0.12924171259190764</t>
  </si>
  <si>
    <t>22224</t>
  </si>
  <si>
    <t>26.732526779174805</t>
  </si>
  <si>
    <t>2054.538330078125</t>
  </si>
  <si>
    <t>0.07089416870541321</t>
  </si>
  <si>
    <t>23467</t>
  </si>
  <si>
    <t>27.08467674255371</t>
  </si>
  <si>
    <t>1955.6695556640625</t>
  </si>
  <si>
    <t>0.05442239292847084</t>
  </si>
  <si>
    <t>26416</t>
  </si>
  <si>
    <t>26.88646125793457</t>
  </si>
  <si>
    <t>1652.841796875</t>
  </si>
  <si>
    <t>0.11837470823731344</t>
  </si>
  <si>
    <t>27513</t>
  </si>
  <si>
    <t>26.712356567382812</t>
  </si>
  <si>
    <t>1581.89453125</t>
  </si>
  <si>
    <t>0.040688733067144156</t>
  </si>
  <si>
    <t>28284</t>
  </si>
  <si>
    <t>26.610246658325195</t>
  </si>
  <si>
    <t>1668.61181640625</t>
  </si>
  <si>
    <t>0.02763765349707903</t>
  </si>
  <si>
    <t>26880</t>
  </si>
  <si>
    <t>26.998489379882812</t>
  </si>
  <si>
    <t>1322.2242431640625</t>
  </si>
  <si>
    <t>-0.0509137580870469</t>
  </si>
  <si>
    <t>27594</t>
  </si>
  <si>
    <t>27.247438430786133</t>
  </si>
  <si>
    <t>2072.693115234375</t>
  </si>
  <si>
    <t>0.026215842130893563</t>
  </si>
  <si>
    <t>27324</t>
  </si>
  <si>
    <t>26.845582962036133</t>
  </si>
  <si>
    <t>1914.11181640625</t>
  </si>
  <si>
    <t>-0.009832920916238663</t>
  </si>
  <si>
    <t>29146</t>
  </si>
  <si>
    <t>26.82518196105957</t>
  </si>
  <si>
    <t>1455.65185546875</t>
  </si>
  <si>
    <t>0.06455224524190228</t>
  </si>
  <si>
    <t>29959</t>
  </si>
  <si>
    <t>27.005714416503906</t>
  </si>
  <si>
    <t>1666.5814208984375</t>
  </si>
  <si>
    <t>0.027512098143343877</t>
  </si>
  <si>
    <t>30900</t>
  </si>
  <si>
    <t>26.9537353515625</t>
  </si>
  <si>
    <t>1548.4383544921875</t>
  </si>
  <si>
    <t>0.030926403648850354</t>
  </si>
  <si>
    <t>30460</t>
  </si>
  <si>
    <t>27.168317794799805</t>
  </si>
  <si>
    <t>1152.9049072265625</t>
  </si>
  <si>
    <t>-0.014341836436683408</t>
  </si>
  <si>
    <t>27992</t>
  </si>
  <si>
    <t>27.078527450561523</t>
  </si>
  <si>
    <t>1785.642333984375</t>
  </si>
  <si>
    <t>-0.08449559240162863</t>
  </si>
  <si>
    <t>26481</t>
  </si>
  <si>
    <t>26.783647537231445</t>
  </si>
  <si>
    <t>1896.04443359375</t>
  </si>
  <si>
    <t>-0.05549126035918306</t>
  </si>
  <si>
    <t>25865</t>
  </si>
  <si>
    <t>26.391441345214844</t>
  </si>
  <si>
    <t>1523.7606201171875</t>
  </si>
  <si>
    <t>-0.023536791250725386</t>
  </si>
  <si>
    <t>25698</t>
  </si>
  <si>
    <t>26.765098571777344</t>
  </si>
  <si>
    <t>1354.5146484375</t>
  </si>
  <si>
    <t>-0.006477535594189732</t>
  </si>
  <si>
    <t>23393</t>
  </si>
  <si>
    <t>26.787023544311523</t>
  </si>
  <si>
    <t>1640.162353515625</t>
  </si>
  <si>
    <t>-0.09397633554965878</t>
  </si>
  <si>
    <t>23036</t>
  </si>
  <si>
    <t>26.55830192565918</t>
  </si>
  <si>
    <t>1900.630126953125</t>
  </si>
  <si>
    <t>-0.015378622667205022</t>
  </si>
  <si>
    <t>23296</t>
  </si>
  <si>
    <t>26.439294815063477</t>
  </si>
  <si>
    <t>2064.385498046875</t>
  </si>
  <si>
    <t>0.011223462369850168</t>
  </si>
  <si>
    <t>82</t>
  </si>
  <si>
    <t>TUN</t>
  </si>
  <si>
    <t>19.08670997619629</t>
  </si>
  <si>
    <t>508.4797668457031</t>
  </si>
  <si>
    <t>5015.435546875</t>
  </si>
  <si>
    <t>Tunisia</t>
  </si>
  <si>
    <t>5757</t>
  </si>
  <si>
    <t>18.192052841186523</t>
  </si>
  <si>
    <t>457.8775939941406</t>
  </si>
  <si>
    <t>0.01699261347858183</t>
  </si>
  <si>
    <t>6079</t>
  </si>
  <si>
    <t>18.481122970581055</t>
  </si>
  <si>
    <t>459.9194641113281</t>
  </si>
  <si>
    <t>0.05442370307291178</t>
  </si>
  <si>
    <t>6092</t>
  </si>
  <si>
    <t>18.85831642150879</t>
  </si>
  <si>
    <t>356.1060485839844</t>
  </si>
  <si>
    <t>0.0021362262663302545</t>
  </si>
  <si>
    <t>6171</t>
  </si>
  <si>
    <t>19.607540130615234</t>
  </si>
  <si>
    <t>377.74530029296875</t>
  </si>
  <si>
    <t>0.01288446430601553</t>
  </si>
  <si>
    <t>6214</t>
  </si>
  <si>
    <t>19.27012825012207</t>
  </si>
  <si>
    <t>457.7314758300781</t>
  </si>
  <si>
    <t>0.006943911631925204</t>
  </si>
  <si>
    <t>6561</t>
  </si>
  <si>
    <t>18.730154037475586</t>
  </si>
  <si>
    <t>516.93359375</t>
  </si>
  <si>
    <t>0.054338219391885545</t>
  </si>
  <si>
    <t>6826</t>
  </si>
  <si>
    <t>19.435489654541016</t>
  </si>
  <si>
    <t>488.935302734375</t>
  </si>
  <si>
    <t>0.03959582012177343</t>
  </si>
  <si>
    <t>7065</t>
  </si>
  <si>
    <t>18.934720993041992</t>
  </si>
  <si>
    <t>459.0274963378906</t>
  </si>
  <si>
    <t>0.03441416565197564</t>
  </si>
  <si>
    <t>7407</t>
  </si>
  <si>
    <t>19.500974655151367</t>
  </si>
  <si>
    <t>372.4006042480469</t>
  </si>
  <si>
    <t>0.04727248289466246</t>
  </si>
  <si>
    <t>7674</t>
  </si>
  <si>
    <t>19.702913284301758</t>
  </si>
  <si>
    <t>369.4061279296875</t>
  </si>
  <si>
    <t>0.0354124927936077</t>
  </si>
  <si>
    <t>7884</t>
  </si>
  <si>
    <t>19.52748680114746</t>
  </si>
  <si>
    <t>293.4682922363281</t>
  </si>
  <si>
    <t>0.02699739746571339</t>
  </si>
  <si>
    <t>7909</t>
  </si>
  <si>
    <t>19.557971954345703</t>
  </si>
  <si>
    <t>513.4638061523438</t>
  </si>
  <si>
    <t>0.0031659622468058757</t>
  </si>
  <si>
    <t>8201</t>
  </si>
  <si>
    <t>19.732149124145508</t>
  </si>
  <si>
    <t>564.423583984375</t>
  </si>
  <si>
    <t>0.03625474651699534</t>
  </si>
  <si>
    <t>19.0001163482666</t>
  </si>
  <si>
    <t>479.04034423828125</t>
  </si>
  <si>
    <t>0.05087252547189536</t>
  </si>
  <si>
    <t>8847</t>
  </si>
  <si>
    <t>18.943077087402344</t>
  </si>
  <si>
    <t>488.9506530761719</t>
  </si>
  <si>
    <t>0.024949794975078987</t>
  </si>
  <si>
    <t>9226</t>
  </si>
  <si>
    <t>19.854740142822266</t>
  </si>
  <si>
    <t>356.1623229980469</t>
  </si>
  <si>
    <t>0.041947166634379585</t>
  </si>
  <si>
    <t>9755</t>
  </si>
  <si>
    <t>19.39763832092285</t>
  </si>
  <si>
    <t>465.5982971191406</t>
  </si>
  <si>
    <t>0.05575438893944629</t>
  </si>
  <si>
    <t>10074</t>
  </si>
  <si>
    <t>19.487340927124023</t>
  </si>
  <si>
    <t>409.909423828125</t>
  </si>
  <si>
    <t>0.03217787324838284</t>
  </si>
  <si>
    <t>19.498722076416016</t>
  </si>
  <si>
    <t>455.9950866699219</t>
  </si>
  <si>
    <t>0.02024241270356164</t>
  </si>
  <si>
    <t>10478</t>
  </si>
  <si>
    <t>19.52008628845215</t>
  </si>
  <si>
    <t>430.6205139160156</t>
  </si>
  <si>
    <t>0.019077560959008366</t>
  </si>
  <si>
    <t>10136</t>
  </si>
  <si>
    <t>19.33767318725586</t>
  </si>
  <si>
    <t>513.0242309570312</t>
  </si>
  <si>
    <t>-0.033184377967190315</t>
  </si>
  <si>
    <t>10429</t>
  </si>
  <si>
    <t>19.838224411010742</t>
  </si>
  <si>
    <t>369.5346374511719</t>
  </si>
  <si>
    <t>0.02849694412023851</t>
  </si>
  <si>
    <t>10563</t>
  </si>
  <si>
    <t>19.44097137451172</t>
  </si>
  <si>
    <t>455.8184509277344</t>
  </si>
  <si>
    <t>0.012766941701949364</t>
  </si>
  <si>
    <t>10767</t>
  </si>
  <si>
    <t>19.878995895385742</t>
  </si>
  <si>
    <t>407.2641296386719</t>
  </si>
  <si>
    <t>0.01912857199255491</t>
  </si>
  <si>
    <t>10750</t>
  </si>
  <si>
    <t>19.799531936645508</t>
  </si>
  <si>
    <t>432.2078857421875</t>
  </si>
  <si>
    <t>-0.0015801462599078775</t>
  </si>
  <si>
    <t>10751</t>
  </si>
  <si>
    <t>19.705175399780273</t>
  </si>
  <si>
    <t>405.31005859375</t>
  </si>
  <si>
    <t>9.301892941770973e-05</t>
  </si>
  <si>
    <t>10875</t>
  </si>
  <si>
    <t>19.805322647094727</t>
  </si>
  <si>
    <t>336.2449645996094</t>
  </si>
  <si>
    <t>0.011467803471656879</t>
  </si>
  <si>
    <t>11047</t>
  </si>
  <si>
    <t>19.478944778442383</t>
  </si>
  <si>
    <t>514.9051513671875</t>
  </si>
  <si>
    <t>0.015692320915391633</t>
  </si>
  <si>
    <t>19.805288314819336</t>
  </si>
  <si>
    <t>464.347412109375</t>
  </si>
  <si>
    <t>0.006046676967590869</t>
  </si>
  <si>
    <t>10040</t>
  </si>
  <si>
    <t>19.80057716369629</t>
  </si>
  <si>
    <t>411.393310546875</t>
  </si>
  <si>
    <t>-0.10162846059414576</t>
  </si>
  <si>
    <t>10396</t>
  </si>
  <si>
    <t>20.007429122924805</t>
  </si>
  <si>
    <t>304.5169372558594</t>
  </si>
  <si>
    <t>0.03484400251566022</t>
  </si>
  <si>
    <t>10569</t>
  </si>
  <si>
    <t>20.45704460144043</t>
  </si>
  <si>
    <t>223.91407775878906</t>
  </si>
  <si>
    <t>0.016504071247965157</t>
  </si>
  <si>
    <t>83</t>
  </si>
  <si>
    <t>TKM</t>
  </si>
  <si>
    <t>7138</t>
  </si>
  <si>
    <t>15.486186981201172</t>
  </si>
  <si>
    <t>147.70932006835938</t>
  </si>
  <si>
    <t>2707.8916015625</t>
  </si>
  <si>
    <t>Turkmenistan</t>
  </si>
  <si>
    <t>6628</t>
  </si>
  <si>
    <t>15.238011360168457</t>
  </si>
  <si>
    <t>199.1889190673828</t>
  </si>
  <si>
    <t>-0.07412952550365226</t>
  </si>
  <si>
    <t>5486</t>
  </si>
  <si>
    <t>14.590502738952637</t>
  </si>
  <si>
    <t>206.24050903320312</t>
  </si>
  <si>
    <t>-0.1891037070489041</t>
  </si>
  <si>
    <t>5423</t>
  </si>
  <si>
    <t>14.31277847290039</t>
  </si>
  <si>
    <t>209.81430053710938</t>
  </si>
  <si>
    <t>-0.011550224656488695</t>
  </si>
  <si>
    <t>4375</t>
  </si>
  <si>
    <t>14.960516929626465</t>
  </si>
  <si>
    <t>141.51016235351562</t>
  </si>
  <si>
    <t>-0.21474264804934506</t>
  </si>
  <si>
    <t>3970</t>
  </si>
  <si>
    <t>15.77734088897705</t>
  </si>
  <si>
    <t>117.18872833251953</t>
  </si>
  <si>
    <t>-0.09714042511047971</t>
  </si>
  <si>
    <t>4162</t>
  </si>
  <si>
    <t>15.195087432861328</t>
  </si>
  <si>
    <t>127.48184204101562</t>
  </si>
  <si>
    <t>0.04722963327234453</t>
  </si>
  <si>
    <t>3635</t>
  </si>
  <si>
    <t>15.485791206359863</t>
  </si>
  <si>
    <t>155.6417999267578</t>
  </si>
  <si>
    <t>-0.13538661698595966</t>
  </si>
  <si>
    <t>3834</t>
  </si>
  <si>
    <t>15.756806373596191</t>
  </si>
  <si>
    <t>161.6949005126953</t>
  </si>
  <si>
    <t>0.053299533637968466</t>
  </si>
  <si>
    <t>4397</t>
  </si>
  <si>
    <t>16.18402099609375</t>
  </si>
  <si>
    <t>139.50404357910156</t>
  </si>
  <si>
    <t>0.1370138455752219</t>
  </si>
  <si>
    <t>4568</t>
  </si>
  <si>
    <t>15.842637062072754</t>
  </si>
  <si>
    <t>111.56133270263672</t>
  </si>
  <si>
    <t>0.03815298215503482</t>
  </si>
  <si>
    <t>4699</t>
  </si>
  <si>
    <t>16.387258529663086</t>
  </si>
  <si>
    <t>136.90570068359375</t>
  </si>
  <si>
    <t>0.028274247766969296</t>
  </si>
  <si>
    <t>4647</t>
  </si>
  <si>
    <t>15.892346382141113</t>
  </si>
  <si>
    <t>185.87637329101562</t>
  </si>
  <si>
    <t>-0.011127870017837438</t>
  </si>
  <si>
    <t>4738</t>
  </si>
  <si>
    <t>15.310993194580078</t>
  </si>
  <si>
    <t>226.85707092285156</t>
  </si>
  <si>
    <t>0.01939325563375327</t>
  </si>
  <si>
    <t>4913</t>
  </si>
  <si>
    <t>15.997252464294434</t>
  </si>
  <si>
    <t>190.37954711914062</t>
  </si>
  <si>
    <t>0.036269647449916675</t>
  </si>
  <si>
    <t>5478</t>
  </si>
  <si>
    <t>15.552840232849121</t>
  </si>
  <si>
    <t>166.63906860351562</t>
  </si>
  <si>
    <t>0.10885531765437584</t>
  </si>
  <si>
    <t>5995</t>
  </si>
  <si>
    <t>16.33981704711914</t>
  </si>
  <si>
    <t>140.68321228027344</t>
  </si>
  <si>
    <t>0.09018571763859029</t>
  </si>
  <si>
    <t>6565</t>
  </si>
  <si>
    <t>14.932781219482422</t>
  </si>
  <si>
    <t>175.5797576904297</t>
  </si>
  <si>
    <t>0.09082671927528274</t>
  </si>
  <si>
    <t>7418</t>
  </si>
  <si>
    <t>16.20674705505371</t>
  </si>
  <si>
    <t>94.5716323852539</t>
  </si>
  <si>
    <t>0.12215697131263958</t>
  </si>
  <si>
    <t>7748</t>
  </si>
  <si>
    <t>16.011720657348633</t>
  </si>
  <si>
    <t>191.753173828125</t>
  </si>
  <si>
    <t>0.04352526647735111</t>
  </si>
  <si>
    <t>8321</t>
  </si>
  <si>
    <t>16.352821350097656</t>
  </si>
  <si>
    <t>141.3914031982422</t>
  </si>
  <si>
    <t>0.07134769437354294</t>
  </si>
  <si>
    <t>9379</t>
  </si>
  <si>
    <t>15.15112590789795</t>
  </si>
  <si>
    <t>174.5772247314453</t>
  </si>
  <si>
    <t>0.11969070760850897</t>
  </si>
  <si>
    <t>10233</t>
  </si>
  <si>
    <t>15.751391410827637</t>
  </si>
  <si>
    <t>157.08705139160156</t>
  </si>
  <si>
    <t>0.08714464457781546</t>
  </si>
  <si>
    <t>11072</t>
  </si>
  <si>
    <t>16.27134132385254</t>
  </si>
  <si>
    <t>148.82025146484375</t>
  </si>
  <si>
    <t>0.07880160677069625</t>
  </si>
  <si>
    <t>11990</t>
  </si>
  <si>
    <t>15.216434478759766</t>
  </si>
  <si>
    <t>156.67115783691406</t>
  </si>
  <si>
    <t>0.07965357016410834</t>
  </si>
  <si>
    <t>12540</t>
  </si>
  <si>
    <t>16.410667419433594</t>
  </si>
  <si>
    <t>193.30291748046875</t>
  </si>
  <si>
    <t>0.0448505661653531</t>
  </si>
  <si>
    <t>13086</t>
  </si>
  <si>
    <t>16.196372985839844</t>
  </si>
  <si>
    <t>187.40280151367188</t>
  </si>
  <si>
    <t>0.042619421242772404</t>
  </si>
  <si>
    <t>13704</t>
  </si>
  <si>
    <t>15.939098358154297</t>
  </si>
  <si>
    <t>148.27716064453125</t>
  </si>
  <si>
    <t>0.04614480457427206</t>
  </si>
  <si>
    <t>14321</t>
  </si>
  <si>
    <t>16.393198013305664</t>
  </si>
  <si>
    <t>169.67066955566406</t>
  </si>
  <si>
    <t>0.04403923047474656</t>
  </si>
  <si>
    <t>14993</t>
  </si>
  <si>
    <t>16.188989639282227</t>
  </si>
  <si>
    <t>215.4670867919922</t>
  </si>
  <si>
    <t>0.04585643401619954</t>
  </si>
  <si>
    <t>14270</t>
  </si>
  <si>
    <t>15.420344352722168</t>
  </si>
  <si>
    <t>175.76690673828125</t>
  </si>
  <si>
    <t>-0.04942399402402131</t>
  </si>
  <si>
    <t>14697</t>
  </si>
  <si>
    <t>16.895708084106445</t>
  </si>
  <si>
    <t>106.94364929199219</t>
  </si>
  <si>
    <t>0.029483959835802764</t>
  </si>
  <si>
    <t>14740</t>
  </si>
  <si>
    <t>16.35640525817871</t>
  </si>
  <si>
    <t>155.29209899902344</t>
  </si>
  <si>
    <t>0.00292149543664344</t>
  </si>
  <si>
    <t>85</t>
  </si>
  <si>
    <t>UGA</t>
  </si>
  <si>
    <t>902</t>
  </si>
  <si>
    <t>22.536375045776367</t>
  </si>
  <si>
    <t>1255.4296875</t>
  </si>
  <si>
    <t>9686.6025390625</t>
  </si>
  <si>
    <t>Uganda</t>
  </si>
  <si>
    <t>921</t>
  </si>
  <si>
    <t>22.27613639831543</t>
  </si>
  <si>
    <t>1297.45654296875</t>
  </si>
  <si>
    <t>0.020845516192682823</t>
  </si>
  <si>
    <t>22.188013076782227</t>
  </si>
  <si>
    <t>1209.4830322265625</t>
  </si>
  <si>
    <t>22.388442993164062</t>
  </si>
  <si>
    <t>1100.509033203125</t>
  </si>
  <si>
    <t>0.04459337554281895</t>
  </si>
  <si>
    <t>991</t>
  </si>
  <si>
    <t>22.240633010864258</t>
  </si>
  <si>
    <t>1342.12548828125</t>
  </si>
  <si>
    <t>0.028661122531862482</t>
  </si>
  <si>
    <t>1076</t>
  </si>
  <si>
    <t>22.654342651367188</t>
  </si>
  <si>
    <t>1405.1824951171875</t>
  </si>
  <si>
    <t>0.08229120639174159</t>
  </si>
  <si>
    <t>1142</t>
  </si>
  <si>
    <t>22.27290153503418</t>
  </si>
  <si>
    <t>1394.852783203125</t>
  </si>
  <si>
    <t>0.05953064949422604</t>
  </si>
  <si>
    <t>1166</t>
  </si>
  <si>
    <t>22.340118408203125</t>
  </si>
  <si>
    <t>1469.456787109375</t>
  </si>
  <si>
    <t>0.02079797669448169</t>
  </si>
  <si>
    <t>22.520273208618164</t>
  </si>
  <si>
    <t>1236.8453369140625</t>
  </si>
  <si>
    <t>0.01785002769923061</t>
  </si>
  <si>
    <t>1242</t>
  </si>
  <si>
    <t>22.338409423828125</t>
  </si>
  <si>
    <t>1327.4873046875</t>
  </si>
  <si>
    <t>0.045293867883756</t>
  </si>
  <si>
    <t>22.74973487854004</t>
  </si>
  <si>
    <t>1236.363525390625</t>
  </si>
  <si>
    <t>22.972238540649414</t>
  </si>
  <si>
    <t>1320.7867431640625</t>
  </si>
  <si>
    <t>0.019928917827714443</t>
  </si>
  <si>
    <t>1335</t>
  </si>
  <si>
    <t>23.160690307617188</t>
  </si>
  <si>
    <t>1282.9200439453125</t>
  </si>
  <si>
    <t>0.05227939051321151</t>
  </si>
  <si>
    <t>1378</t>
  </si>
  <si>
    <t>23.239938735961914</t>
  </si>
  <si>
    <t>1267.2342529296875</t>
  </si>
  <si>
    <t>0.03170188073925395</t>
  </si>
  <si>
    <t>1429</t>
  </si>
  <si>
    <t>22.986970901489258</t>
  </si>
  <si>
    <t>1160.9290771484375</t>
  </si>
  <si>
    <t>0.036341726356263315</t>
  </si>
  <si>
    <t>23.292585372924805</t>
  </si>
  <si>
    <t>1117.5899658203125</t>
  </si>
  <si>
    <t>0.03236082723055045</t>
  </si>
  <si>
    <t>22.840576171875</t>
  </si>
  <si>
    <t>1379.0633544921875</t>
  </si>
  <si>
    <t>0.07313963664666279</t>
  </si>
  <si>
    <t>1672</t>
  </si>
  <si>
    <t>23.09165382385254</t>
  </si>
  <si>
    <t>1466.533203125</t>
  </si>
  <si>
    <t>0.05154515183756647</t>
  </si>
  <si>
    <t>1765</t>
  </si>
  <si>
    <t>22.920974731445312</t>
  </si>
  <si>
    <t>1291.4908447265625</t>
  </si>
  <si>
    <t>0.05413017572274992</t>
  </si>
  <si>
    <t>23.362863540649414</t>
  </si>
  <si>
    <t>1276.8250732421875</t>
  </si>
  <si>
    <t>0.03671157530711344</t>
  </si>
  <si>
    <t>1879</t>
  </si>
  <si>
    <t>23.302278518676758</t>
  </si>
  <si>
    <t>1449.6041259765625</t>
  </si>
  <si>
    <t>0.02587745473895442</t>
  </si>
  <si>
    <t>22.671607971191406</t>
  </si>
  <si>
    <t>1310.379638671875</t>
  </si>
  <si>
    <t>0.06040545745794468</t>
  </si>
  <si>
    <t>22.49232292175293</t>
  </si>
  <si>
    <t>1528.279541015625</t>
  </si>
  <si>
    <t>0.0089776164070976</t>
  </si>
  <si>
    <t>2027</t>
  </si>
  <si>
    <t>22.535903930664062</t>
  </si>
  <si>
    <t>1501.47705078125</t>
  </si>
  <si>
    <t>0.006434073173492649</t>
  </si>
  <si>
    <t>2068</t>
  </si>
  <si>
    <t>22.4919490814209</t>
  </si>
  <si>
    <t>1232.245849609375</t>
  </si>
  <si>
    <t>0.020025089176320066</t>
  </si>
  <si>
    <t>2109</t>
  </si>
  <si>
    <t>22.62471580505371</t>
  </si>
  <si>
    <t>1481.890380859375</t>
  </si>
  <si>
    <t>0.019631944850454275</t>
  </si>
  <si>
    <t>2137</t>
  </si>
  <si>
    <t>22.769006729125977</t>
  </si>
  <si>
    <t>1381.69677734375</t>
  </si>
  <si>
    <t>0.013189074840373571</t>
  </si>
  <si>
    <t>2128</t>
  </si>
  <si>
    <t>22.695749282836914</t>
  </si>
  <si>
    <t>1441.9747314453125</t>
  </si>
  <si>
    <t>-0.0042204048576124364</t>
  </si>
  <si>
    <t>2187</t>
  </si>
  <si>
    <t>22.532264709472656</t>
  </si>
  <si>
    <t>1394.254150390625</t>
  </si>
  <si>
    <t>0.027348170215232948</t>
  </si>
  <si>
    <t>22.68180274963379</t>
  </si>
  <si>
    <t>1812.9853515625</t>
  </si>
  <si>
    <t>0.028399474521697776</t>
  </si>
  <si>
    <t>2240</t>
  </si>
  <si>
    <t>22.663042068481445</t>
  </si>
  <si>
    <t>1513.88671875</t>
  </si>
  <si>
    <t>-0.004454350349380576</t>
  </si>
  <si>
    <t>2246</t>
  </si>
  <si>
    <t>22.68931770324707</t>
  </si>
  <si>
    <t>1539.491943359375</t>
  </si>
  <si>
    <t>0.002674990449302861</t>
  </si>
  <si>
    <t>2280</t>
  </si>
  <si>
    <t>22.603731155395508</t>
  </si>
  <si>
    <t>1423.794921875</t>
  </si>
  <si>
    <t>0.01502458665009776</t>
  </si>
  <si>
    <t>86</t>
  </si>
  <si>
    <t>VUT</t>
  </si>
  <si>
    <t>2774</t>
  </si>
  <si>
    <t>16.660810470581055</t>
  </si>
  <si>
    <t>1398.011962890625</t>
  </si>
  <si>
    <t>133.23812866210938</t>
  </si>
  <si>
    <t>Vanuatu</t>
  </si>
  <si>
    <t>16.47113037109375</t>
  </si>
  <si>
    <t>1847.9346923828125</t>
  </si>
  <si>
    <t>0.006109632661545739</t>
  </si>
  <si>
    <t>2793</t>
  </si>
  <si>
    <t>16.410823822021484</t>
  </si>
  <si>
    <t>1195.5123291015625</t>
  </si>
  <si>
    <t>0.0007163324088548251</t>
  </si>
  <si>
    <t>2745</t>
  </si>
  <si>
    <t>16.385826110839844</t>
  </si>
  <si>
    <t>1103.8858642578125</t>
  </si>
  <si>
    <t>-0.017335212001546196</t>
  </si>
  <si>
    <t>2922</t>
  </si>
  <si>
    <t>16.31837272644043</t>
  </si>
  <si>
    <t>1128.6072998046875</t>
  </si>
  <si>
    <t>0.062487238367014086</t>
  </si>
  <si>
    <t>16.827102661132812</t>
  </si>
  <si>
    <t>1351.2607421875</t>
  </si>
  <si>
    <t>-0.014130857226116511</t>
  </si>
  <si>
    <t>16.746227264404297</t>
  </si>
  <si>
    <t>1510.8106689453125</t>
  </si>
  <si>
    <t>-0.0006944444723524512</t>
  </si>
  <si>
    <t>2950</t>
  </si>
  <si>
    <t>16.569534301757812</t>
  </si>
  <si>
    <t>1536.8419189453125</t>
  </si>
  <si>
    <t>0.02436215872168912</t>
  </si>
  <si>
    <t>2916</t>
  </si>
  <si>
    <t>17.12502098083496</t>
  </si>
  <si>
    <t>1785.9671630859375</t>
  </si>
  <si>
    <t>-0.011592356205316179</t>
  </si>
  <si>
    <t>16.880399703979492</t>
  </si>
  <si>
    <t>1981.6314697265625</t>
  </si>
  <si>
    <t>-0.02009073463873623</t>
  </si>
  <si>
    <t>2954</t>
  </si>
  <si>
    <t>16.7845458984375</t>
  </si>
  <si>
    <t>1873.901123046875</t>
  </si>
  <si>
    <t>0.033038104601512686</t>
  </si>
  <si>
    <t>2782</t>
  </si>
  <si>
    <t>16.729143142700195</t>
  </si>
  <si>
    <t>1994.9368896484375</t>
  </si>
  <si>
    <t>-0.05999009060793714</t>
  </si>
  <si>
    <t>2571</t>
  </si>
  <si>
    <t>16.687807083129883</t>
  </si>
  <si>
    <t>1775.682373046875</t>
  </si>
  <si>
    <t>-0.07887516521749927</t>
  </si>
  <si>
    <t>2615</t>
  </si>
  <si>
    <t>16.664525985717773</t>
  </si>
  <si>
    <t>1880.3187255859375</t>
  </si>
  <si>
    <t>0.01696916923313374</t>
  </si>
  <si>
    <t>2653</t>
  </si>
  <si>
    <t>16.77748680114746</t>
  </si>
  <si>
    <t>1275.8775634765625</t>
  </si>
  <si>
    <t>0.01442697763871692</t>
  </si>
  <si>
    <t>2727</t>
  </si>
  <si>
    <t>16.726259231567383</t>
  </si>
  <si>
    <t>1907.670654296875</t>
  </si>
  <si>
    <t>0.02751102870784905</t>
  </si>
  <si>
    <t>2887</t>
  </si>
  <si>
    <t>16.602922439575195</t>
  </si>
  <si>
    <t>2005.0888671875</t>
  </si>
  <si>
    <t>0.05701579681734614</t>
  </si>
  <si>
    <t>2900</t>
  </si>
  <si>
    <t>16.854875564575195</t>
  </si>
  <si>
    <t>2188.09716796875</t>
  </si>
  <si>
    <t>0.004492836311630555</t>
  </si>
  <si>
    <t>16.670570373535156</t>
  </si>
  <si>
    <t>1942.371337890625</t>
  </si>
  <si>
    <t>0.030228146309371873</t>
  </si>
  <si>
    <t>3006</t>
  </si>
  <si>
    <t>16.772424697875977</t>
  </si>
  <si>
    <t>1397.5145263671875</t>
  </si>
  <si>
    <t>0.005671408028982583</t>
  </si>
  <si>
    <t>2972</t>
  </si>
  <si>
    <t>17.00137710571289</t>
  </si>
  <si>
    <t>1955.995849609375</t>
  </si>
  <si>
    <t>-0.011375164475269983</t>
  </si>
  <si>
    <t>16.62825584411621</t>
  </si>
  <si>
    <t>1947.441162109375</t>
  </si>
  <si>
    <t>0.007375159141924215</t>
  </si>
  <si>
    <t>16.495243072509766</t>
  </si>
  <si>
    <t>1944.5146484375</t>
  </si>
  <si>
    <t>-0.013450101888248689</t>
  </si>
  <si>
    <t>2898</t>
  </si>
  <si>
    <t>16.543209075927734</t>
  </si>
  <si>
    <t>1947.83935546875</t>
  </si>
  <si>
    <t>-0.019139340210697853</t>
  </si>
  <si>
    <t>16.539064407348633</t>
  </si>
  <si>
    <t>1937.4912109375</t>
  </si>
  <si>
    <t>0.006877606202102982</t>
  </si>
  <si>
    <t>2859</t>
  </si>
  <si>
    <t>16.5601863861084</t>
  </si>
  <si>
    <t>1942.4559326171875</t>
  </si>
  <si>
    <t>-0.020426536760418834</t>
  </si>
  <si>
    <t>16.866849899291992</t>
  </si>
  <si>
    <t>0.02179639998833327</t>
  </si>
  <si>
    <t>3031</t>
  </si>
  <si>
    <t>16.814743041992188</t>
  </si>
  <si>
    <t>0.036624284747158065</t>
  </si>
  <si>
    <t>3045</t>
  </si>
  <si>
    <t>16.566909790039062</t>
  </si>
  <si>
    <t>0.004608303086193644</t>
  </si>
  <si>
    <t>3070</t>
  </si>
  <si>
    <t>16.65104103088379</t>
  </si>
  <si>
    <t>0.008176660437246852</t>
  </si>
  <si>
    <t>2849</t>
  </si>
  <si>
    <t>16.84357261657715</t>
  </si>
  <si>
    <t>-0.0747095060833356</t>
  </si>
  <si>
    <t>16.795452117919922</t>
  </si>
  <si>
    <t>-0.017348638334612865</t>
  </si>
  <si>
    <t>2786</t>
  </si>
  <si>
    <t>16.869688034057617</t>
  </si>
  <si>
    <t>-0.005012541823544048</t>
  </si>
  <si>
    <t>87</t>
  </si>
  <si>
    <t>ZMB</t>
  </si>
  <si>
    <t>2290</t>
  </si>
  <si>
    <t>21.910871505737305</t>
  </si>
  <si>
    <t>908.057373046875</t>
  </si>
  <si>
    <t>3446.5263671875</t>
  </si>
  <si>
    <t>Zambia</t>
  </si>
  <si>
    <t>2233</t>
  </si>
  <si>
    <t>21.67578887939453</t>
  </si>
  <si>
    <t>830.1022338867188</t>
  </si>
  <si>
    <t>-0.025205844708127145</t>
  </si>
  <si>
    <t>2142</t>
  </si>
  <si>
    <t>22.185964584350586</t>
  </si>
  <si>
    <t>869.416259765625</t>
  </si>
  <si>
    <t>-0.041606000832463685</t>
  </si>
  <si>
    <t>21.699724197387695</t>
  </si>
  <si>
    <t>965.8045043945312</t>
  </si>
  <si>
    <t>0.041606000832463685</t>
  </si>
  <si>
    <t>21.9302921295166</t>
  </si>
  <si>
    <t>734.971435546875</t>
  </si>
  <si>
    <t>-0.11470894777596197</t>
  </si>
  <si>
    <t>22.343244552612305</t>
  </si>
  <si>
    <t>827.1182861328125</t>
  </si>
  <si>
    <t>0.004010030436203849</t>
  </si>
  <si>
    <t>2072</t>
  </si>
  <si>
    <t>21.860231399536133</t>
  </si>
  <si>
    <t>990.8639526367188</t>
  </si>
  <si>
    <t>0.035867268878973846</t>
  </si>
  <si>
    <t>21.96209144592285</t>
  </si>
  <si>
    <t>1109.981689453125</t>
  </si>
  <si>
    <t>0.011516442061559218</t>
  </si>
  <si>
    <t>22.13805389404297</t>
  </si>
  <si>
    <t>874.327880859375</t>
  </si>
  <si>
    <t>-0.02953494756423769</t>
  </si>
  <si>
    <t>2074</t>
  </si>
  <si>
    <t>21.538558959960938</t>
  </si>
  <si>
    <t>841.810791015625</t>
  </si>
  <si>
    <t>0.01898329091277784</t>
  </si>
  <si>
    <t>21.619749069213867</t>
  </si>
  <si>
    <t>1131.5577392578125</t>
  </si>
  <si>
    <t>0.010551656651459851</t>
  </si>
  <si>
    <t>2143</t>
  </si>
  <si>
    <t>21.88462257385254</t>
  </si>
  <si>
    <t>1065.5997314453125</t>
  </si>
  <si>
    <t>0.022175950032644387</t>
  </si>
  <si>
    <t>22.129554748535156</t>
  </si>
  <si>
    <t>961.1737060546875</t>
  </si>
  <si>
    <t>0.01344168558024883</t>
  </si>
  <si>
    <t>2252</t>
  </si>
  <si>
    <t>22.196067810058594</t>
  </si>
  <si>
    <t>1037.89599609375</t>
  </si>
  <si>
    <t>0.0361703082057554</t>
  </si>
  <si>
    <t>2335</t>
  </si>
  <si>
    <t>22.038217544555664</t>
  </si>
  <si>
    <t>1087.4354248046875</t>
  </si>
  <si>
    <t>0.036193180843416606</t>
  </si>
  <si>
    <t>2422</t>
  </si>
  <si>
    <t>22.788406372070312</t>
  </si>
  <si>
    <t>828.7906494140625</t>
  </si>
  <si>
    <t>0.03658175401003927</t>
  </si>
  <si>
    <t>2525</t>
  </si>
  <si>
    <t>21.78392791748047</t>
  </si>
  <si>
    <t>1119.4449462890625</t>
  </si>
  <si>
    <t>0.04164741759642254</t>
  </si>
  <si>
    <t>2641</t>
  </si>
  <si>
    <t>21.920516967773438</t>
  </si>
  <si>
    <t>1036.8675537109375</t>
  </si>
  <si>
    <t>0.044916570587672844</t>
  </si>
  <si>
    <t>2746</t>
  </si>
  <si>
    <t>21.822843551635742</t>
  </si>
  <si>
    <t>917.6472778320312</t>
  </si>
  <si>
    <t>0.03898767403078374</t>
  </si>
  <si>
    <t>2895</t>
  </si>
  <si>
    <t>21.92115592956543</t>
  </si>
  <si>
    <t>1069.60888671875</t>
  </si>
  <si>
    <t>0.05283980367917884</t>
  </si>
  <si>
    <t>3083</t>
  </si>
  <si>
    <t>22.25893211364746</t>
  </si>
  <si>
    <t>1054.5013427734375</t>
  </si>
  <si>
    <t>0.06291803787905526</t>
  </si>
  <si>
    <t>3147</t>
  </si>
  <si>
    <t>21.74077796936035</t>
  </si>
  <si>
    <t>1004.1303100585938</t>
  </si>
  <si>
    <t>0.020546469178256643</t>
  </si>
  <si>
    <t>3276</t>
  </si>
  <si>
    <t>21.81407356262207</t>
  </si>
  <si>
    <t>1152.307861328125</t>
  </si>
  <si>
    <t>0.04017354790855343</t>
  </si>
  <si>
    <t>3331</t>
  </si>
  <si>
    <t>21.628448486328125</t>
  </si>
  <si>
    <t>998.996826171875</t>
  </si>
  <si>
    <t>0.016649393220719233</t>
  </si>
  <si>
    <t>3376</t>
  </si>
  <si>
    <t>21.702316284179688</t>
  </si>
  <si>
    <t>1015.2877197265625</t>
  </si>
  <si>
    <t>0.013419017522167564</t>
  </si>
  <si>
    <t>3365</t>
  </si>
  <si>
    <t>22.228303909301758</t>
  </si>
  <si>
    <t>857.9813842773438</t>
  </si>
  <si>
    <t>-0.0032636136370189917</t>
  </si>
  <si>
    <t>22.1018009185791</t>
  </si>
  <si>
    <t>857.7841186523438</t>
  </si>
  <si>
    <t>0.005630478647285386</t>
  </si>
  <si>
    <t>3395</t>
  </si>
  <si>
    <t>21.979291915893555</t>
  </si>
  <si>
    <t>1136.326171875</t>
  </si>
  <si>
    <t>0.003245319266682145</t>
  </si>
  <si>
    <t>3426</t>
  </si>
  <si>
    <t>21.735336303710938</t>
  </si>
  <si>
    <t>1059.963134765625</t>
  </si>
  <si>
    <t>0.009089638891270013</t>
  </si>
  <si>
    <t>22.064208984375</t>
  </si>
  <si>
    <t>1030.3406982421875</t>
  </si>
  <si>
    <t>-0.015887359762320585</t>
  </si>
  <si>
    <t>3184</t>
  </si>
  <si>
    <t>21.87645721435547</t>
  </si>
  <si>
    <t>1024.0440673828125</t>
  </si>
  <si>
    <t>-0.057367772157471464</t>
  </si>
  <si>
    <t>21.902746200561523</t>
  </si>
  <si>
    <t>1025.6429443359375</t>
  </si>
  <si>
    <t>0.031837026699944815</t>
  </si>
  <si>
    <t>21.66182518005371</t>
  </si>
  <si>
    <t>1013.4684448242188</t>
  </si>
  <si>
    <t>0.023749801086532685</t>
  </si>
  <si>
    <t>88</t>
  </si>
  <si>
    <t>ZWE</t>
  </si>
  <si>
    <t>2705</t>
  </si>
  <si>
    <t>20.77988624572754</t>
  </si>
  <si>
    <t>604.3086547851562</t>
  </si>
  <si>
    <t>3921.35107421875</t>
  </si>
  <si>
    <t>Zimbabwe</t>
  </si>
  <si>
    <t>20.80729103088379</t>
  </si>
  <si>
    <t>536.6436157226562</t>
  </si>
  <si>
    <t>0.02806818120280674</t>
  </si>
  <si>
    <t>21.37933349609375</t>
  </si>
  <si>
    <t>581.7479858398438</t>
  </si>
  <si>
    <t>-0.11976198745810951</t>
  </si>
  <si>
    <t>2459</t>
  </si>
  <si>
    <t>20.907861709594727</t>
  </si>
  <si>
    <t>801.9974365234375</t>
  </si>
  <si>
    <t>-0.0036533428090859132</t>
  </si>
  <si>
    <t>2670</t>
  </si>
  <si>
    <t>20.481464385986328</t>
  </si>
  <si>
    <t>481.0110778808594</t>
  </si>
  <si>
    <t>0.08232370917810261</t>
  </si>
  <si>
    <t>21.2352352142334</t>
  </si>
  <si>
    <t>701.2877807617188</t>
  </si>
  <si>
    <t>-0.010920839097162904</t>
  </si>
  <si>
    <t>2867</t>
  </si>
  <si>
    <t>20.56525421142578</t>
  </si>
  <si>
    <t>832.1995849609375</t>
  </si>
  <si>
    <t>0.08210855358623714</t>
  </si>
  <si>
    <t>20.775510787963867</t>
  </si>
  <si>
    <t>864.1038208007812</t>
  </si>
  <si>
    <t>0.01006428762223699</t>
  </si>
  <si>
    <t>2932</t>
  </si>
  <si>
    <t>21.20314598083496</t>
  </si>
  <si>
    <t>750.2799072265625</t>
  </si>
  <si>
    <t>0.012354309500935301</t>
  </si>
  <si>
    <t>2866</t>
  </si>
  <si>
    <t>20.552715301513672</t>
  </si>
  <si>
    <t>831.76513671875</t>
  </si>
  <si>
    <t>-0.022767454618424665</t>
  </si>
  <si>
    <t>2751</t>
  </si>
  <si>
    <t>20.46314811706543</t>
  </si>
  <si>
    <t>885.92626953125</t>
  </si>
  <si>
    <t>-0.040952847463542774</t>
  </si>
  <si>
    <t>2772</t>
  </si>
  <si>
    <t>20.77970314025879</t>
  </si>
  <si>
    <t>971.46728515625</t>
  </si>
  <si>
    <t>0.007604599385219402</t>
  </si>
  <si>
    <t>2510</t>
  </si>
  <si>
    <t>21.028871536254883</t>
  </si>
  <si>
    <t>531.4513549804688</t>
  </si>
  <si>
    <t>-0.09928632818396466</t>
  </si>
  <si>
    <t>21.138761520385742</t>
  </si>
  <si>
    <t>800.2444458007812</t>
  </si>
  <si>
    <t>-0.1937007964975095</t>
  </si>
  <si>
    <t>1934</t>
  </si>
  <si>
    <t>21.189861297607422</t>
  </si>
  <si>
    <t>830.9014892578125</t>
  </si>
  <si>
    <t>-0.0669915596150803</t>
  </si>
  <si>
    <t>21.846303939819336</t>
  </si>
  <si>
    <t>715.4759521484375</t>
  </si>
  <si>
    <t>-0.06405604533815801</t>
  </si>
  <si>
    <t>1736</t>
  </si>
  <si>
    <t>20.99279022216797</t>
  </si>
  <si>
    <t>825.9676513671875</t>
  </si>
  <si>
    <t>-0.04395073545478567</t>
  </si>
  <si>
    <t>1657</t>
  </si>
  <si>
    <t>21.143157958984375</t>
  </si>
  <si>
    <t>890.2923583984375</t>
  </si>
  <si>
    <t>-0.04657487779373337</t>
  </si>
  <si>
    <t>1353</t>
  </si>
  <si>
    <t>21.150663375854492</t>
  </si>
  <si>
    <t>555.6190185546875</t>
  </si>
  <si>
    <t>-0.2026843892557748</t>
  </si>
  <si>
    <t>1500</t>
  </si>
  <si>
    <t>21.189388275146484</t>
  </si>
  <si>
    <t>700.3486328125</t>
  </si>
  <si>
    <t>0.10314075891951369</t>
  </si>
  <si>
    <t>21.28314781188965</t>
  </si>
  <si>
    <t>900.4877319335938</t>
  </si>
  <si>
    <t>0.1823215567939549</t>
  </si>
  <si>
    <t>2033</t>
  </si>
  <si>
    <t>20.877063751220703</t>
  </si>
  <si>
    <t>752.4996948242188</t>
  </si>
  <si>
    <t>0.12172586974409061</t>
  </si>
  <si>
    <t>2311</t>
  </si>
  <si>
    <t>20.99796485900879</t>
  </si>
  <si>
    <t>838.261474609375</t>
  </si>
  <si>
    <t>0.12816779664603395</t>
  </si>
  <si>
    <t>2334</t>
  </si>
  <si>
    <t>20.716447830200195</t>
  </si>
  <si>
    <t>604.6253051757812</t>
  </si>
  <si>
    <t>0.009903202572120406</t>
  </si>
  <si>
    <t>2317</t>
  </si>
  <si>
    <t>20.902324676513672</t>
  </si>
  <si>
    <t>566.1368408203125</t>
  </si>
  <si>
    <t>-0.007310288414124955</t>
  </si>
  <si>
    <t>2314</t>
  </si>
  <si>
    <t>21.536684036254883</t>
  </si>
  <si>
    <t>462.703857421875</t>
  </si>
  <si>
    <t>-0.001295616678754108</t>
  </si>
  <si>
    <t>2287</t>
  </si>
  <si>
    <t>21.302091598510742</t>
  </si>
  <si>
    <t>930.1162109375</t>
  </si>
  <si>
    <t>-0.011736713730841508</t>
  </si>
  <si>
    <t>2332</t>
  </si>
  <si>
    <t>20.979278564453125</t>
  </si>
  <si>
    <t>781.9921875</t>
  </si>
  <si>
    <t>0.01948535344760227</t>
  </si>
  <si>
    <t>2400</t>
  </si>
  <si>
    <t>21.226531982421875</t>
  </si>
  <si>
    <t>809.7532958984375</t>
  </si>
  <si>
    <t>0.028742468865654125</t>
  </si>
  <si>
    <t>21.50267791748047</t>
  </si>
  <si>
    <t>823.002685546875</t>
  </si>
  <si>
    <t>-0.08564866953369421</t>
  </si>
  <si>
    <t>21.119970321655273</t>
  </si>
  <si>
    <t>703.8528442382812</t>
  </si>
  <si>
    <t>-0.10168542908380473</t>
  </si>
  <si>
    <t>2115</t>
  </si>
  <si>
    <t>21.02569007873535</t>
  </si>
  <si>
    <t>755.4915161132812</t>
  </si>
  <si>
    <t>0.06092017376183989</t>
  </si>
  <si>
    <t>2208</t>
  </si>
  <si>
    <t>21.012977600097656</t>
  </si>
  <si>
    <t>744.4285278320312</t>
  </si>
  <si>
    <t>0.04303231591660772</t>
  </si>
  <si>
    <t>89</t>
  </si>
  <si>
    <t>BTN</t>
  </si>
  <si>
    <t>18.98987579345703</t>
  </si>
  <si>
    <t>2955.922607421875</t>
  </si>
  <si>
    <t>724.268310546875</t>
  </si>
  <si>
    <t>Bhutan</t>
  </si>
  <si>
    <t>2837</t>
  </si>
  <si>
    <t>18.815061569213867</t>
  </si>
  <si>
    <t>3090.29150390625</t>
  </si>
  <si>
    <t>-0.020583318696755448</t>
  </si>
  <si>
    <t>18.6770076751709</t>
  </si>
  <si>
    <t>2517.540771484375</t>
  </si>
  <si>
    <t>0.08380450153063723</t>
  </si>
  <si>
    <t>19.027507781982422</t>
  </si>
  <si>
    <t>3244.970703125</t>
  </si>
  <si>
    <t>0.06676456678005493</t>
  </si>
  <si>
    <t>3459</t>
  </si>
  <si>
    <t>19.10407257080078</t>
  </si>
  <si>
    <t>2152.60205078125</t>
  </si>
  <si>
    <t>0.047663305817625456</t>
  </si>
  <si>
    <t>19.489599227905273</t>
  </si>
  <si>
    <t>3098.868896484375</t>
  </si>
  <si>
    <t>0.05648361745824282</t>
  </si>
  <si>
    <t>3792</t>
  </si>
  <si>
    <t>19.24932289123535</t>
  </si>
  <si>
    <t>2598.7197265625</t>
  </si>
  <si>
    <t>0.03543043697950132</t>
  </si>
  <si>
    <t>3927</t>
  </si>
  <si>
    <t>18.70047950744629</t>
  </si>
  <si>
    <t>2637.059814453125</t>
  </si>
  <si>
    <t>0.0349821912030972</t>
  </si>
  <si>
    <t>4082</t>
  </si>
  <si>
    <t>19.717105865478516</t>
  </si>
  <si>
    <t>3063.203125</t>
  </si>
  <si>
    <t>0.0387112887917791</t>
  </si>
  <si>
    <t>19.78415870666504</t>
  </si>
  <si>
    <t>3239.352294921875</t>
  </si>
  <si>
    <t>0.05249296645788526</t>
  </si>
  <si>
    <t>4323</t>
  </si>
  <si>
    <t>19.065998077392578</t>
  </si>
  <si>
    <t>2931.979736328125</t>
  </si>
  <si>
    <t>0.004869574839956314</t>
  </si>
  <si>
    <t>4560</t>
  </si>
  <si>
    <t>19.429018020629883</t>
  </si>
  <si>
    <t>3290.199951171875</t>
  </si>
  <si>
    <t>0.053373017840801396</t>
  </si>
  <si>
    <t>4931</t>
  </si>
  <si>
    <t>19.432825088500977</t>
  </si>
  <si>
    <t>2823.24853515625</t>
  </si>
  <si>
    <t>0.07821918371569403</t>
  </si>
  <si>
    <t>5187</t>
  </si>
  <si>
    <t>19.442646026611328</t>
  </si>
  <si>
    <t>2913.361572265625</t>
  </si>
  <si>
    <t>0.050613688127274514</t>
  </si>
  <si>
    <t>5368</t>
  </si>
  <si>
    <t>19.37286949157715</t>
  </si>
  <si>
    <t>2833.477294921875</t>
  </si>
  <si>
    <t>0.034299904300116424</t>
  </si>
  <si>
    <t>5644</t>
  </si>
  <si>
    <t>19.787904739379883</t>
  </si>
  <si>
    <t>2515.282958984375</t>
  </si>
  <si>
    <t>0.05013763432118701</t>
  </si>
  <si>
    <t>5950</t>
  </si>
  <si>
    <t>19.814775466918945</t>
  </si>
  <si>
    <t>2640.18310546875</t>
  </si>
  <si>
    <t>0.0527981855669708</t>
  </si>
  <si>
    <t>6956</t>
  </si>
  <si>
    <t>19.68269920349121</t>
  </si>
  <si>
    <t>2992.617431640625</t>
  </si>
  <si>
    <t>0.15621337693449888</t>
  </si>
  <si>
    <t>7204</t>
  </si>
  <si>
    <t>19.466136932373047</t>
  </si>
  <si>
    <t>3224.486328125</t>
  </si>
  <si>
    <t>0.03503183082167283</t>
  </si>
  <si>
    <t>20.180965423583984</t>
  </si>
  <si>
    <t>2103.471923828125</t>
  </si>
  <si>
    <t>0.05390647893258915</t>
  </si>
  <si>
    <t>8416</t>
  </si>
  <si>
    <t>19.925100326538086</t>
  </si>
  <si>
    <t>3059.563720703125</t>
  </si>
  <si>
    <t>0.10159174974905483</t>
  </si>
  <si>
    <t>8988</t>
  </si>
  <si>
    <t>19.454334259033203</t>
  </si>
  <si>
    <t>2631.578857421875</t>
  </si>
  <si>
    <t>0.0657556983277292</t>
  </si>
  <si>
    <t>9346</t>
  </si>
  <si>
    <t>19.134077072143555</t>
  </si>
  <si>
    <t>2520.819091796875</t>
  </si>
  <si>
    <t>0.03905808995515159</t>
  </si>
  <si>
    <t>9443</t>
  </si>
  <si>
    <t>19.429424285888672</t>
  </si>
  <si>
    <t>2482.216552734375</t>
  </si>
  <si>
    <t>0.010325282002698444</t>
  </si>
  <si>
    <t>9887</t>
  </si>
  <si>
    <t>19.705997467041016</t>
  </si>
  <si>
    <t>2488.36474609375</t>
  </si>
  <si>
    <t>0.045947036634062854</t>
  </si>
  <si>
    <t>10446</t>
  </si>
  <si>
    <t>19.22646141052246</t>
  </si>
  <si>
    <t>2766.9853515625</t>
  </si>
  <si>
    <t>0.054998367099111434</t>
  </si>
  <si>
    <t>11197</t>
  </si>
  <si>
    <t>19.948549270629883</t>
  </si>
  <si>
    <t>2717.088134765625</t>
  </si>
  <si>
    <t>0.0694267552639527</t>
  </si>
  <si>
    <t>11619</t>
  </si>
  <si>
    <t>19.6569766998291</t>
  </si>
  <si>
    <t>3034.46142578125</t>
  </si>
  <si>
    <t>0.03699580392266455</t>
  </si>
  <si>
    <t>11932</t>
  </si>
  <si>
    <t>19.45159339904785</t>
  </si>
  <si>
    <t>2304.575439453125</t>
  </si>
  <si>
    <t>0.026582177451777156</t>
  </si>
  <si>
    <t>12530</t>
  </si>
  <si>
    <t>19.545352935791016</t>
  </si>
  <si>
    <t>2667.8583984375</t>
  </si>
  <si>
    <t>0.04890190225547464</t>
  </si>
  <si>
    <t>11176</t>
  </si>
  <si>
    <t>19.60654067993164</t>
  </si>
  <si>
    <t>3063.66357421875</t>
  </si>
  <si>
    <t>-0.11435714695331534</t>
  </si>
  <si>
    <t>11596</t>
  </si>
  <si>
    <t>19.92400360107422</t>
  </si>
  <si>
    <t>2421.237060546875</t>
  </si>
  <si>
    <t>0.03689158910474788</t>
  </si>
  <si>
    <t>12989</t>
  </si>
  <si>
    <t>19.756818771362305</t>
  </si>
  <si>
    <t>2499.22265625</t>
  </si>
  <si>
    <t>0.11344263436573776</t>
  </si>
  <si>
    <t>90</t>
  </si>
  <si>
    <t>ERI</t>
  </si>
  <si>
    <t>1255</t>
  </si>
  <si>
    <t>24.370641708374023</t>
  </si>
  <si>
    <t>151.27442932128906</t>
  </si>
  <si>
    <t>1092.712646484375</t>
  </si>
  <si>
    <t>Eritrea</t>
  </si>
  <si>
    <t>1273</t>
  </si>
  <si>
    <t>23.82501792907715</t>
  </si>
  <si>
    <t>321.4144287109375</t>
  </si>
  <si>
    <t>0.01424074699152289</t>
  </si>
  <si>
    <t>1200</t>
  </si>
  <si>
    <t>23.416725158691406</t>
  </si>
  <si>
    <t>352.8338317871094</t>
  </si>
  <si>
    <t>-0.05905476278131516</t>
  </si>
  <si>
    <t>1366</t>
  </si>
  <si>
    <t>24.229446411132812</t>
  </si>
  <si>
    <t>303.1220703125</t>
  </si>
  <si>
    <t>0.1295652043546438</t>
  </si>
  <si>
    <t>1667</t>
  </si>
  <si>
    <t>23.845247268676758</t>
  </si>
  <si>
    <t>326.7121276855469</t>
  </si>
  <si>
    <t>0.19913884262005865</t>
  </si>
  <si>
    <t>23.404495239257812</t>
  </si>
  <si>
    <t>304.70819091796875</t>
  </si>
  <si>
    <t>0.029552978146681674</t>
  </si>
  <si>
    <t>1880</t>
  </si>
  <si>
    <t>24.350122451782227</t>
  </si>
  <si>
    <t>277.08514404296875</t>
  </si>
  <si>
    <t>0.09069319492651928</t>
  </si>
  <si>
    <t>2030</t>
  </si>
  <si>
    <t>24.119979858398438</t>
  </si>
  <si>
    <t>294.406005859375</t>
  </si>
  <si>
    <t>0.07676401621183793</t>
  </si>
  <si>
    <t>24.5972843170166</t>
  </si>
  <si>
    <t>394.3556823730469</t>
  </si>
  <si>
    <t>0.014184634991956102</t>
  </si>
  <si>
    <t>24.631860733032227</t>
  </si>
  <si>
    <t>270.0447998046875</t>
  </si>
  <si>
    <t>-0.011724609151094079</t>
  </si>
  <si>
    <t>1740</t>
  </si>
  <si>
    <t>24.345748901367188</t>
  </si>
  <si>
    <t>329.5877990722656</t>
  </si>
  <si>
    <t>-0.15661070566812008</t>
  </si>
  <si>
    <t>1827</t>
  </si>
  <si>
    <t>24.482696533203125</t>
  </si>
  <si>
    <t>341.7588195800781</t>
  </si>
  <si>
    <t>0.04879016416943127</t>
  </si>
  <si>
    <t>25.0117130279541</t>
  </si>
  <si>
    <t>301.8396301269531</t>
  </si>
  <si>
    <t>-0.014333211202050222</t>
  </si>
  <si>
    <t>24.444021224975586</t>
  </si>
  <si>
    <t>367.83624267578125</t>
  </si>
  <si>
    <t>-0.07432155153130893</t>
  </si>
  <si>
    <t>24.516250610351562</t>
  </si>
  <si>
    <t>270.3584899902344</t>
  </si>
  <si>
    <t>-0.029744226130056006</t>
  </si>
  <si>
    <t>25.13092613220215</t>
  </si>
  <si>
    <t>374.37371826171875</t>
  </si>
  <si>
    <t>-0.013647854517876645</t>
  </si>
  <si>
    <t>24.21129608154297</t>
  </si>
  <si>
    <t>337.2815246582031</t>
  </si>
  <si>
    <t>-0.04144679928909678</t>
  </si>
  <si>
    <t>1517</t>
  </si>
  <si>
    <t>24.49964714050293</t>
  </si>
  <si>
    <t>367.5352783203125</t>
  </si>
  <si>
    <t>-0.012446934359085837</t>
  </si>
  <si>
    <t>1196</t>
  </si>
  <si>
    <t>24.798507690429688</t>
  </si>
  <si>
    <t>312.6572570800781</t>
  </si>
  <si>
    <t>-0.2377520448379551</t>
  </si>
  <si>
    <t>1317</t>
  </si>
  <si>
    <t>25.296554565429688</t>
  </si>
  <si>
    <t>269.3546447753906</t>
  </si>
  <si>
    <t>0.09637376723270386</t>
  </si>
  <si>
    <t>25.29707908630371</t>
  </si>
  <si>
    <t>329.55548095703125</t>
  </si>
  <si>
    <t>0.08720118433574431</t>
  </si>
  <si>
    <t>1782</t>
  </si>
  <si>
    <t>24.748329162597656</t>
  </si>
  <si>
    <t>263.303466796875</t>
  </si>
  <si>
    <t>0.21517872195172938</t>
  </si>
  <si>
    <t>1795</t>
  </si>
  <si>
    <t>24.99696159362793</t>
  </si>
  <si>
    <t>239.4893798828125</t>
  </si>
  <si>
    <t>0.007268692891624795</t>
  </si>
  <si>
    <t>1592</t>
  </si>
  <si>
    <t>24.98163604736328</t>
  </si>
  <si>
    <t>335.4049072265625</t>
  </si>
  <si>
    <t>-0.12001393451805065</t>
  </si>
  <si>
    <t>2066</t>
  </si>
  <si>
    <t>24.654922485351562</t>
  </si>
  <si>
    <t>363.85516357421875</t>
  </si>
  <si>
    <t>0.2606232832752555</t>
  </si>
  <si>
    <t>25.19957733154297</t>
  </si>
  <si>
    <t>321.3908996582031</t>
  </si>
  <si>
    <t>-0.24072212895796063</t>
  </si>
  <si>
    <t>1727</t>
  </si>
  <si>
    <t>25.546899795532227</t>
  </si>
  <si>
    <t>321.45751953125</t>
  </si>
  <si>
    <t>0.06149355742505502</t>
  </si>
  <si>
    <t>1537</t>
  </si>
  <si>
    <t>24.78215789794922</t>
  </si>
  <si>
    <t>297.0634460449219</t>
  </si>
  <si>
    <t>-0.11655333460808226</t>
  </si>
  <si>
    <t>1718</t>
  </si>
  <si>
    <t>24.961753845214844</t>
  </si>
  <si>
    <t>418.30804443359375</t>
  </si>
  <si>
    <t>0.11132835900560423</t>
  </si>
  <si>
    <t>24.26426124572754</t>
  </si>
  <si>
    <t>376.712890625</t>
  </si>
  <si>
    <t>0.024721005952005548</t>
  </si>
  <si>
    <t>1728</t>
  </si>
  <si>
    <t>24.501134872436523</t>
  </si>
  <si>
    <t>389.4473571777344</t>
  </si>
  <si>
    <t>-0.018917159132205263</t>
  </si>
  <si>
    <t>24.533899307250977</t>
  </si>
  <si>
    <t>397.1053161621094</t>
  </si>
  <si>
    <t>0.012651117553558855</t>
  </si>
  <si>
    <t>24.20811653137207</t>
  </si>
  <si>
    <t>436.2265930175781</t>
  </si>
  <si>
    <t>0.019802627296179764</t>
  </si>
  <si>
    <t>91</t>
  </si>
  <si>
    <t>LBN</t>
  </si>
  <si>
    <t>5856</t>
  </si>
  <si>
    <t>15.436324119567871</t>
  </si>
  <si>
    <t>499.7278747558594</t>
  </si>
  <si>
    <t>1406.851318359375</t>
  </si>
  <si>
    <t>Lebanon</t>
  </si>
  <si>
    <t>8577</t>
  </si>
  <si>
    <t>15.04073715209961</t>
  </si>
  <si>
    <t>991.69775390625</t>
  </si>
  <si>
    <t>0.38161742534927257</t>
  </si>
  <si>
    <t>9777</t>
  </si>
  <si>
    <t>14.1415376663208</t>
  </si>
  <si>
    <t>861.3966674804688</t>
  </si>
  <si>
    <t>0.13094848651524948</t>
  </si>
  <si>
    <t>10622</t>
  </si>
  <si>
    <t>15.312840461730957</t>
  </si>
  <si>
    <t>541.3380737304688</t>
  </si>
  <si>
    <t>0.08289463347667336</t>
  </si>
  <si>
    <t>11278</t>
  </si>
  <si>
    <t>15.71814250946045</t>
  </si>
  <si>
    <t>831.99169921875</t>
  </si>
  <si>
    <t>0.05992660338478295</t>
  </si>
  <si>
    <t>11788</t>
  </si>
  <si>
    <t>15.363082885742188</t>
  </si>
  <si>
    <t>617.12451171875</t>
  </si>
  <si>
    <t>0.04422813949045867</t>
  </si>
  <si>
    <t>12876</t>
  </si>
  <si>
    <t>15.931331634521484</t>
  </si>
  <si>
    <t>565.2459716796875</t>
  </si>
  <si>
    <t>0.08828304856111302</t>
  </si>
  <si>
    <t>12780</t>
  </si>
  <si>
    <t>14.805081367492676</t>
  </si>
  <si>
    <t>767.673583984375</t>
  </si>
  <si>
    <t>-0.007483664487173414</t>
  </si>
  <si>
    <t>13022</t>
  </si>
  <si>
    <t>16.47962760925293</t>
  </si>
  <si>
    <t>595.7019653320312</t>
  </si>
  <si>
    <t>0.018758785865282235</t>
  </si>
  <si>
    <t>12737</t>
  </si>
  <si>
    <t>16.016298294067383</t>
  </si>
  <si>
    <t>565.6954956054688</t>
  </si>
  <si>
    <t>-0.02212909120704687</t>
  </si>
  <si>
    <t>12697</t>
  </si>
  <si>
    <t>15.749698638916016</t>
  </si>
  <si>
    <t>589.80078125</t>
  </si>
  <si>
    <t>-0.0031453985199689782</t>
  </si>
  <si>
    <t>12978</t>
  </si>
  <si>
    <t>16.117536544799805</t>
  </si>
  <si>
    <t>845.3661499023438</t>
  </si>
  <si>
    <t>0.021889871111321568</t>
  </si>
  <si>
    <t>13249</t>
  </si>
  <si>
    <t>16.173954010009766</t>
  </si>
  <si>
    <t>731.5714721679688</t>
  </si>
  <si>
    <t>0.020666461687010695</t>
  </si>
  <si>
    <t>13500</t>
  </si>
  <si>
    <t>15.800034523010254</t>
  </si>
  <si>
    <t>1033.508056640625</t>
  </si>
  <si>
    <t>0.018767607558396904</t>
  </si>
  <si>
    <t>14182</t>
  </si>
  <si>
    <t>15.761886596679688</t>
  </si>
  <si>
    <t>577.2596435546875</t>
  </si>
  <si>
    <t>0.04928386943742069</t>
  </si>
  <si>
    <t>14348</t>
  </si>
  <si>
    <t>15.643914222717285</t>
  </si>
  <si>
    <t>589.2412719726562</t>
  </si>
  <si>
    <t>0.011637004788232375</t>
  </si>
  <si>
    <t>14334</t>
  </si>
  <si>
    <t>15.59700870513916</t>
  </si>
  <si>
    <t>538.5281982421875</t>
  </si>
  <si>
    <t>-0.0009762220983091652</t>
  </si>
  <si>
    <t>15376</t>
  </si>
  <si>
    <t>15.700186729431152</t>
  </si>
  <si>
    <t>621.81787109375</t>
  </si>
  <si>
    <t>0.07017351465620969</t>
  </si>
  <si>
    <t>16503</t>
  </si>
  <si>
    <t>16.348188400268555</t>
  </si>
  <si>
    <t>439.406982421875</t>
  </si>
  <si>
    <t>0.07073433033349374</t>
  </si>
  <si>
    <t>17958</t>
  </si>
  <si>
    <t>16.192258834838867</t>
  </si>
  <si>
    <t>793.9332885742188</t>
  </si>
  <si>
    <t>0.08449351553718643</t>
  </si>
  <si>
    <t>19216</t>
  </si>
  <si>
    <t>17.454675674438477</t>
  </si>
  <si>
    <t>509.39764404296875</t>
  </si>
  <si>
    <t>0.06770756723900995</t>
  </si>
  <si>
    <t>19194</t>
  </si>
  <si>
    <t>15.3182954788208</t>
  </si>
  <si>
    <t>950.4119873046875</t>
  </si>
  <si>
    <t>-0.0011455351421911786</t>
  </si>
  <si>
    <t>19180</t>
  </si>
  <si>
    <t>16.479698181152344</t>
  </si>
  <si>
    <t>858.259765625</t>
  </si>
  <si>
    <t>-0.0007296607401432453</t>
  </si>
  <si>
    <t>18159</t>
  </si>
  <si>
    <t>16.25821876525879</t>
  </si>
  <si>
    <t>427.7821044921875</t>
  </si>
  <si>
    <t>-0.054701763877632814</t>
  </si>
  <si>
    <t>16843</t>
  </si>
  <si>
    <t>16.327585220336914</t>
  </si>
  <si>
    <t>728.9664916992188</t>
  </si>
  <si>
    <t>-0.07523116536141039</t>
  </si>
  <si>
    <t>16592</t>
  </si>
  <si>
    <t>16.178319931030273</t>
  </si>
  <si>
    <t>653.2182006835938</t>
  </si>
  <si>
    <t>-0.015014488729077513</t>
  </si>
  <si>
    <t>17228</t>
  </si>
  <si>
    <t>16.49921989440918</t>
  </si>
  <si>
    <t>594.1398315429688</t>
  </si>
  <si>
    <t>0.037615315704691454</t>
  </si>
  <si>
    <t>17808</t>
  </si>
  <si>
    <t>16.43136215209961</t>
  </si>
  <si>
    <t>538.7913818359375</t>
  </si>
  <si>
    <t>0.033111827341326006</t>
  </si>
  <si>
    <t>17938</t>
  </si>
  <si>
    <t>16.903738021850586</t>
  </si>
  <si>
    <t>788.8605346679688</t>
  </si>
  <si>
    <t>0.007273573162621005</t>
  </si>
  <si>
    <t>17185</t>
  </si>
  <si>
    <t>16.331523895263672</t>
  </si>
  <si>
    <t>953.7036743164062</t>
  </si>
  <si>
    <t>-0.04288445739401325</t>
  </si>
  <si>
    <t>13791</t>
  </si>
  <si>
    <t>16.71376609802246</t>
  </si>
  <si>
    <t>769.9472045898438</t>
  </si>
  <si>
    <t>-0.22002070480959723</t>
  </si>
  <si>
    <t>12987</t>
  </si>
  <si>
    <t>16.51445198059082</t>
  </si>
  <si>
    <t>706.8817138671875</t>
  </si>
  <si>
    <t>-0.06006734836424599</t>
  </si>
  <si>
    <t>13191</t>
  </si>
  <si>
    <t>16.4603214263916</t>
  </si>
  <si>
    <t>597.4013671875</t>
  </si>
  <si>
    <t>0.015585921738829</t>
  </si>
  <si>
    <t>93</t>
  </si>
  <si>
    <t>MDA</t>
  </si>
  <si>
    <t>9585</t>
  </si>
  <si>
    <t>11.090636253356934</t>
  </si>
  <si>
    <t>396.30841064453125</t>
  </si>
  <si>
    <t>2293.4443359375</t>
  </si>
  <si>
    <t>Moldova</t>
  </si>
  <si>
    <t>9171</t>
  </si>
  <si>
    <t>9.978520393371582</t>
  </si>
  <si>
    <t>559.0751342773438</t>
  </si>
  <si>
    <t>-0.044153044920800966</t>
  </si>
  <si>
    <t>8303</t>
  </si>
  <si>
    <t>10.426257133483887</t>
  </si>
  <si>
    <t>434.56402587890625</t>
  </si>
  <si>
    <t>-0.09942943629691392</t>
  </si>
  <si>
    <t>8225</t>
  </si>
  <si>
    <t>9.760693550109863</t>
  </si>
  <si>
    <t>505.7430419921875</t>
  </si>
  <si>
    <t>-0.009438598628458195</t>
  </si>
  <si>
    <t>5677</t>
  </si>
  <si>
    <t>10.598038673400879</t>
  </si>
  <si>
    <t>418.5151672363281</t>
  </si>
  <si>
    <t>-0.3707553724628454</t>
  </si>
  <si>
    <t>5618</t>
  </si>
  <si>
    <t>9.965521812438965</t>
  </si>
  <si>
    <t>568.4639892578125</t>
  </si>
  <si>
    <t>-0.010447195506538165</t>
  </si>
  <si>
    <t>5298</t>
  </si>
  <si>
    <t>9.591343879699707</t>
  </si>
  <si>
    <t>532.6673583984375</t>
  </si>
  <si>
    <t>-0.05864633783217421</t>
  </si>
  <si>
    <t>5406</t>
  </si>
  <si>
    <t>9.79249382019043</t>
  </si>
  <si>
    <t>642.0818481445312</t>
  </si>
  <si>
    <t>0.02018005700437797</t>
  </si>
  <si>
    <t>5054</t>
  </si>
  <si>
    <t>10.223004341125488</t>
  </si>
  <si>
    <t>549.9541625976562</t>
  </si>
  <si>
    <t>-0.06732943888825282</t>
  </si>
  <si>
    <t>4891</t>
  </si>
  <si>
    <t>10.969527244567871</t>
  </si>
  <si>
    <t>511.7497253417969</t>
  </si>
  <si>
    <t>-0.03278322740878181</t>
  </si>
  <si>
    <t>5005</t>
  </si>
  <si>
    <t>11.57703685760498</t>
  </si>
  <si>
    <t>406.5718688964844</t>
  </si>
  <si>
    <t>0.023040631209964246</t>
  </si>
  <si>
    <t>5322</t>
  </si>
  <si>
    <t>10.429250717163086</t>
  </si>
  <si>
    <t>548.488037109375</t>
  </si>
  <si>
    <t>0.061411759788311926</t>
  </si>
  <si>
    <t>5750</t>
  </si>
  <si>
    <t>11.053794860839844</t>
  </si>
  <si>
    <t>567.8881225585938</t>
  </si>
  <si>
    <t>0.07735068225376196</t>
  </si>
  <si>
    <t>6147</t>
  </si>
  <si>
    <t>9.89580249786377</t>
  </si>
  <si>
    <t>437.61407470703125</t>
  </si>
  <si>
    <t>0.06676430311561354</t>
  </si>
  <si>
    <t>6618</t>
  </si>
  <si>
    <t>10.89334487915039</t>
  </si>
  <si>
    <t>557.3271484375</t>
  </si>
  <si>
    <t>0.073829051574549</t>
  </si>
  <si>
    <t>7132</t>
  </si>
  <si>
    <t>9.947209358215332</t>
  </si>
  <si>
    <t>564.44140625</t>
  </si>
  <si>
    <t>0.07479849050147358</t>
  </si>
  <si>
    <t>7495</t>
  </si>
  <si>
    <t>11.057286262512207</t>
  </si>
  <si>
    <t>478.371826171875</t>
  </si>
  <si>
    <t>0.04964443155366638</t>
  </si>
  <si>
    <t>7738</t>
  </si>
  <si>
    <t>11.371188163757324</t>
  </si>
  <si>
    <t>436.5243225097656</t>
  </si>
  <si>
    <t>0.03190712472376056</t>
  </si>
  <si>
    <t>8357</t>
  </si>
  <si>
    <t>11.38554859161377</t>
  </si>
  <si>
    <t>490.747802734375</t>
  </si>
  <si>
    <t>0.07695625474097767</t>
  </si>
  <si>
    <t>11.004168510437012</t>
  </si>
  <si>
    <t>473.68365478515625</t>
  </si>
  <si>
    <t>-0.060549837009681085</t>
  </si>
  <si>
    <t>8433</t>
  </si>
  <si>
    <t>11.227128028869629</t>
  </si>
  <si>
    <t>623.5352172851562</t>
  </si>
  <si>
    <t>0.0696029065828867</t>
  </si>
  <si>
    <t>8929</t>
  </si>
  <si>
    <t>10.536102294921875</t>
  </si>
  <si>
    <t>405.53448486328125</t>
  </si>
  <si>
    <t>0.057151825942574064</t>
  </si>
  <si>
    <t>8877</t>
  </si>
  <si>
    <t>11.151074409484863</t>
  </si>
  <si>
    <t>531.5587158203125</t>
  </si>
  <si>
    <t>-0.005840744448896373</t>
  </si>
  <si>
    <t>9682</t>
  </si>
  <si>
    <t>11.3312349319458</t>
  </si>
  <si>
    <t>531.065185546875</t>
  </si>
  <si>
    <t>0.08680482943131906</t>
  </si>
  <si>
    <t>10173</t>
  </si>
  <si>
    <t>11.411042213439941</t>
  </si>
  <si>
    <t>544.65380859375</t>
  </si>
  <si>
    <t>0.04946866029411012</t>
  </si>
  <si>
    <t>10216</t>
  </si>
  <si>
    <t>11.62971019744873</t>
  </si>
  <si>
    <t>479.8906555175781</t>
  </si>
  <si>
    <t>0.0042179669186257485</t>
  </si>
  <si>
    <t>10816</t>
  </si>
  <si>
    <t>11.322768211364746</t>
  </si>
  <si>
    <t>518.7903442382812</t>
  </si>
  <si>
    <t>0.0570714005703703</t>
  </si>
  <si>
    <t>11.644780158996582</t>
  </si>
  <si>
    <t>545.8648681640625</t>
  </si>
  <si>
    <t>0.05818517122526323</t>
  </si>
  <si>
    <t>12143</t>
  </si>
  <si>
    <t>11.338547706604004</t>
  </si>
  <si>
    <t>510.97088623046875</t>
  </si>
  <si>
    <t>0.057541181545810005</t>
  </si>
  <si>
    <t>12777</t>
  </si>
  <si>
    <t>12.583542823791504</t>
  </si>
  <si>
    <t>325.78985595703125</t>
  </si>
  <si>
    <t>0.05089380753750561</t>
  </si>
  <si>
    <t>12.375773429870605</t>
  </si>
  <si>
    <t>484.1964111328125</t>
  </si>
  <si>
    <t>-0.07540320377458443</t>
  </si>
  <si>
    <t>10.889446258544922</t>
  </si>
  <si>
    <t>545.445556640625</t>
  </si>
  <si>
    <t>0.1454442851872173</t>
  </si>
  <si>
    <t>13308</t>
  </si>
  <si>
    <t>11.921993255615234</t>
  </si>
  <si>
    <t>377.3919677734375</t>
  </si>
  <si>
    <t>-0.029322402865588515</t>
  </si>
  <si>
    <t>95</t>
  </si>
  <si>
    <t>TON</t>
  </si>
  <si>
    <t>3625</t>
  </si>
  <si>
    <t>24.70134735107422</t>
  </si>
  <si>
    <t>1805.1639404296875</t>
  </si>
  <si>
    <t>308.1191711425781</t>
  </si>
  <si>
    <t>Tonga</t>
  </si>
  <si>
    <t>3847</t>
  </si>
  <si>
    <t>24.36210060119629</t>
  </si>
  <si>
    <t>1095.28759765625</t>
  </si>
  <si>
    <t>0.05943933546351943</t>
  </si>
  <si>
    <t>24.279573440551758</t>
  </si>
  <si>
    <t>1276.107666015625</t>
  </si>
  <si>
    <t>3982</t>
  </si>
  <si>
    <t>24.118391036987305</t>
  </si>
  <si>
    <t>1436.6129150390625</t>
  </si>
  <si>
    <t>0.034490581871846615</t>
  </si>
  <si>
    <t>4169</t>
  </si>
  <si>
    <t>24.2852725982666</t>
  </si>
  <si>
    <t>1351.99267578125</t>
  </si>
  <si>
    <t>0.04589199325665483</t>
  </si>
  <si>
    <t>4465</t>
  </si>
  <si>
    <t>24.755807876586914</t>
  </si>
  <si>
    <t>1606.0484619140625</t>
  </si>
  <si>
    <t>0.06859301542980312</t>
  </si>
  <si>
    <t>4536</t>
  </si>
  <si>
    <t>24.889142990112305</t>
  </si>
  <si>
    <t>1526.9683837890625</t>
  </si>
  <si>
    <t>0.01577635209698869</t>
  </si>
  <si>
    <t>4570</t>
  </si>
  <si>
    <t>24.41656494140625</t>
  </si>
  <si>
    <t>1432.0223388671875</t>
  </si>
  <si>
    <t>0.007467638480662231</t>
  </si>
  <si>
    <t>4651</t>
  </si>
  <si>
    <t>24.99140167236328</t>
  </si>
  <si>
    <t>1315.5589599609375</t>
  </si>
  <si>
    <t>0.017569045335847022</t>
  </si>
  <si>
    <t>24.736295700073242</t>
  </si>
  <si>
    <t>2269.405517578125</t>
  </si>
  <si>
    <t>0.030074269935534303</t>
  </si>
  <si>
    <t>4806</t>
  </si>
  <si>
    <t>24.92430305480957</t>
  </si>
  <si>
    <t>2288.938720703125</t>
  </si>
  <si>
    <t>0.0027086171367827205</t>
  </si>
  <si>
    <t>4957</t>
  </si>
  <si>
    <t>25.144628524780273</t>
  </si>
  <si>
    <t>1433.7117919921875</t>
  </si>
  <si>
    <t>0.03093558172415989</t>
  </si>
  <si>
    <t>5168</t>
  </si>
  <si>
    <t>24.541349411010742</t>
  </si>
  <si>
    <t>1816.3167724609375</t>
  </si>
  <si>
    <t>0.04168504744186308</t>
  </si>
  <si>
    <t>5256</t>
  </si>
  <si>
    <t>24.761293411254883</t>
  </si>
  <si>
    <t>1503.3428955078125</t>
  </si>
  <si>
    <t>0.016884514702010023</t>
  </si>
  <si>
    <t>5099</t>
  </si>
  <si>
    <t>24.84645652770996</t>
  </si>
  <si>
    <t>1627.6207275390625</t>
  </si>
  <si>
    <t>-0.030325839109291763</t>
  </si>
  <si>
    <t>5074</t>
  </si>
  <si>
    <t>24.71086311340332</t>
  </si>
  <si>
    <t>1603.889404296875</t>
  </si>
  <si>
    <t>-0.004914980895927457</t>
  </si>
  <si>
    <t>24.609037399291992</t>
  </si>
  <si>
    <t>1584.763671875</t>
  </si>
  <si>
    <t>-0.006723379093813264</t>
  </si>
  <si>
    <t>5033</t>
  </si>
  <si>
    <t>24.743980407714844</t>
  </si>
  <si>
    <t>1645.2630615234375</t>
  </si>
  <si>
    <t>-0.0013898542890551369</t>
  </si>
  <si>
    <t>5257</t>
  </si>
  <si>
    <t>24.610864639282227</t>
  </si>
  <si>
    <t>1628.3232421875</t>
  </si>
  <si>
    <t>0.04354429404308924</t>
  </si>
  <si>
    <t>4974</t>
  </si>
  <si>
    <t>24.548067092895508</t>
  </si>
  <si>
    <t>1625.6690673828125</t>
  </si>
  <si>
    <t>-0.05533617645609823</t>
  </si>
  <si>
    <t>5003</t>
  </si>
  <si>
    <t>24.62409019470215</t>
  </si>
  <si>
    <t>0.005813387124854685</t>
  </si>
  <si>
    <t>5332</t>
  </si>
  <si>
    <t>25.00623893737793</t>
  </si>
  <si>
    <t>1721.921875</t>
  </si>
  <si>
    <t>0.06368866981039467</t>
  </si>
  <si>
    <t>5382</t>
  </si>
  <si>
    <t>24.575109481811523</t>
  </si>
  <si>
    <t>1611.3052978515625</t>
  </si>
  <si>
    <t>0.00933364998825148</t>
  </si>
  <si>
    <t>5419</t>
  </si>
  <si>
    <t>24.719411849975586</t>
  </si>
  <si>
    <t>1630.3529052734375</t>
  </si>
  <si>
    <t>0.006851244279262758</t>
  </si>
  <si>
    <t>5553</t>
  </si>
  <si>
    <t>24.715972900390625</t>
  </si>
  <si>
    <t>1623.7174072265625</t>
  </si>
  <si>
    <t>0.02442702567549304</t>
  </si>
  <si>
    <t>5645</t>
  </si>
  <si>
    <t>24.631616592407227</t>
  </si>
  <si>
    <t>1569.697265625</t>
  </si>
  <si>
    <t>0.016431875342155067</t>
  </si>
  <si>
    <t>6039</t>
  </si>
  <si>
    <t>25.11048698425293</t>
  </si>
  <si>
    <t>1670.6337890625</t>
  </si>
  <si>
    <t>0.0674682377241389</t>
  </si>
  <si>
    <t>6257</t>
  </si>
  <si>
    <t>25.070863723754883</t>
  </si>
  <si>
    <t>1613.647216796875</t>
  </si>
  <si>
    <t>0.035462401690463</t>
  </si>
  <si>
    <t>6288</t>
  </si>
  <si>
    <t>24.65172576904297</t>
  </si>
  <si>
    <t>0.004942218110677743</t>
  </si>
  <si>
    <t>6344</t>
  </si>
  <si>
    <t>24.84339141845703</t>
  </si>
  <si>
    <t>1632.69482421875</t>
  </si>
  <si>
    <t>0.008866429205642845</t>
  </si>
  <si>
    <t>25.186508178710938</t>
  </si>
  <si>
    <t>1691.2427978515625</t>
  </si>
  <si>
    <t>0.0020470836217238997</t>
  </si>
  <si>
    <t>6143</t>
  </si>
  <si>
    <t>24.844627380371094</t>
  </si>
  <si>
    <t>1596.3951416015625</t>
  </si>
  <si>
    <t>-0.03424334577248089</t>
  </si>
  <si>
    <t>6369</t>
  </si>
  <si>
    <t>24.814950942993164</t>
  </si>
  <si>
    <t>1658.2216796875</t>
  </si>
  <si>
    <t>0.03612924920743765</t>
  </si>
  <si>
    <t>96</t>
  </si>
  <si>
    <t>YEM</t>
  </si>
  <si>
    <t>3032</t>
  </si>
  <si>
    <t>23.697309494018555</t>
  </si>
  <si>
    <t>252.93089294433594</t>
  </si>
  <si>
    <t>5989.3623046875</t>
  </si>
  <si>
    <t>Yemen</t>
  </si>
  <si>
    <t>3102</t>
  </si>
  <si>
    <t>23.42485809326172</t>
  </si>
  <si>
    <t>279.3681945800781</t>
  </si>
  <si>
    <t>0.0228245969742229</t>
  </si>
  <si>
    <t>3231</t>
  </si>
  <si>
    <t>23.325925827026367</t>
  </si>
  <si>
    <t>377.4065856933594</t>
  </si>
  <si>
    <t>0.040744622088013216</t>
  </si>
  <si>
    <t>3235</t>
  </si>
  <si>
    <t>23.32556915283203</t>
  </si>
  <si>
    <t>362.0217590332031</t>
  </si>
  <si>
    <t>0.0012372411105037173</t>
  </si>
  <si>
    <t>3326</t>
  </si>
  <si>
    <t>23.421724319458008</t>
  </si>
  <si>
    <t>299.3713684082031</t>
  </si>
  <si>
    <t>0.027741452817870993</t>
  </si>
  <si>
    <t>23.64166259765625</t>
  </si>
  <si>
    <t>327.41259765625</t>
  </si>
  <si>
    <t>0.01846939601907316</t>
  </si>
  <si>
    <t>23.617055892944336</t>
  </si>
  <si>
    <t>330.46380615234375</t>
  </si>
  <si>
    <t>0.012320484388039787</t>
  </si>
  <si>
    <t>23.627578735351562</t>
  </si>
  <si>
    <t>335.0856628417969</t>
  </si>
  <si>
    <t>0.021630259308704325</t>
  </si>
  <si>
    <t>3608</t>
  </si>
  <si>
    <t>24.027456283569336</t>
  </si>
  <si>
    <t>356.9325866699219</t>
  </si>
  <si>
    <t>0.028963081713824224</t>
  </si>
  <si>
    <t>3640</t>
  </si>
  <si>
    <t>23.52050018310547</t>
  </si>
  <si>
    <t>461.30279541015625</t>
  </si>
  <si>
    <t>0.008830079448271633</t>
  </si>
  <si>
    <t>23.563398361206055</t>
  </si>
  <si>
    <t>390.65234375</t>
  </si>
  <si>
    <t>0.03163708494318307</t>
  </si>
  <si>
    <t>23.59025001525879</t>
  </si>
  <si>
    <t>337.2909240722656</t>
  </si>
  <si>
    <t>0.009536496114931126</t>
  </si>
  <si>
    <t>3838</t>
  </si>
  <si>
    <t>23.944013595581055</t>
  </si>
  <si>
    <t>337.39178466796875</t>
  </si>
  <si>
    <t>0.0117941348787447</t>
  </si>
  <si>
    <t>3878</t>
  </si>
  <si>
    <t>23.821260452270508</t>
  </si>
  <si>
    <t>337.3587951660156</t>
  </si>
  <si>
    <t>0.010368159234952046</t>
  </si>
  <si>
    <t>3926</t>
  </si>
  <si>
    <t>23.683565139770508</t>
  </si>
  <si>
    <t>337.31707763671875</t>
  </si>
  <si>
    <t>0.012301539033810371</t>
  </si>
  <si>
    <t>23.84532928466797</t>
  </si>
  <si>
    <t>337.2528076171875</t>
  </si>
  <si>
    <t>0.027880746016533564</t>
  </si>
  <si>
    <t>4045</t>
  </si>
  <si>
    <t>23.630483627319336</t>
  </si>
  <si>
    <t>337.2676696777344</t>
  </si>
  <si>
    <t>0.0019797086396522445</t>
  </si>
  <si>
    <t>23.71282958984375</t>
  </si>
  <si>
    <t>337.9010009765625</t>
  </si>
  <si>
    <t>0.00246913705692009</t>
  </si>
  <si>
    <t>4078</t>
  </si>
  <si>
    <t>23.573671340942383</t>
  </si>
  <si>
    <t>337.3658142089844</t>
  </si>
  <si>
    <t>0.0056559845848873636</t>
  </si>
  <si>
    <t>4112</t>
  </si>
  <si>
    <t>24.12629508972168</t>
  </si>
  <si>
    <t>337.207763671875</t>
  </si>
  <si>
    <t>0.008302856000600656</t>
  </si>
  <si>
    <t>4300</t>
  </si>
  <si>
    <t>23.886123657226562</t>
  </si>
  <si>
    <t>337.260009765625</t>
  </si>
  <si>
    <t>0.04470549454665296</t>
  </si>
  <si>
    <t>3645</t>
  </si>
  <si>
    <t>23.73903465270996</t>
  </si>
  <si>
    <t>337.3778076171875</t>
  </si>
  <si>
    <t>-0.16525865723889588</t>
  </si>
  <si>
    <t>23.86267852783203</t>
  </si>
  <si>
    <t>337.21722412109375</t>
  </si>
  <si>
    <t>-0.005502077153982654</t>
  </si>
  <si>
    <t>3693</t>
  </si>
  <si>
    <t>23.909446716308594</t>
  </si>
  <si>
    <t>337.228515625</t>
  </si>
  <si>
    <t>0.018584847563788642</t>
  </si>
  <si>
    <t>3582</t>
  </si>
  <si>
    <t>23.82438087463379</t>
  </si>
  <si>
    <t>337.3071594238281</t>
  </si>
  <si>
    <t>-0.030517832231906183</t>
  </si>
  <si>
    <t>2509</t>
  </si>
  <si>
    <t>24.213899612426758</t>
  </si>
  <si>
    <t>337.243408203125</t>
  </si>
  <si>
    <t>-0.3560370362542358</t>
  </si>
  <si>
    <t>2214</t>
  </si>
  <si>
    <t>24.149385452270508</t>
  </si>
  <si>
    <t>337.3523254394531</t>
  </si>
  <si>
    <t>-0.12508343309783942</t>
  </si>
  <si>
    <t>2048</t>
  </si>
  <si>
    <t>23.92328643798828</t>
  </si>
  <si>
    <t>337.3204650878906</t>
  </si>
  <si>
    <t>-0.07793712710918399</t>
  </si>
  <si>
    <t>23.8651065826416</t>
  </si>
  <si>
    <t>337.29119873046875</t>
  </si>
  <si>
    <t>-0.01773445493976844</t>
  </si>
  <si>
    <t>23.8238582611084</t>
  </si>
  <si>
    <t>337.2408447265625</t>
  </si>
  <si>
    <t>-0.010492227155434186</t>
  </si>
  <si>
    <t>1778</t>
  </si>
  <si>
    <t>23.722421646118164</t>
  </si>
  <si>
    <t>337.3070983886719</t>
  </si>
  <si>
    <t>-0.11314788799034581</t>
  </si>
  <si>
    <t>23.75873374938965</t>
  </si>
  <si>
    <t>337.2718200683594</t>
  </si>
  <si>
    <t>-0.03200273108617413</t>
  </si>
  <si>
    <t>1640</t>
  </si>
  <si>
    <t>23.701736450195312</t>
  </si>
  <si>
    <t>337.36651611328125</t>
  </si>
  <si>
    <t>-0.04879016416943216</t>
  </si>
  <si>
    <t>97</t>
  </si>
  <si>
    <t>TWN</t>
  </si>
  <si>
    <t>15946</t>
  </si>
  <si>
    <t>22.066162109375</t>
  </si>
  <si>
    <t>2263.7861328125</t>
  </si>
  <si>
    <t>10806.66015625</t>
  </si>
  <si>
    <t>Taiwan</t>
  </si>
  <si>
    <t>22.06072235107422</t>
  </si>
  <si>
    <t>1552.1800537109375</t>
  </si>
  <si>
    <t>0.07039662676220715</t>
  </si>
  <si>
    <t>18355</t>
  </si>
  <si>
    <t>21.52760887145996</t>
  </si>
  <si>
    <t>2105.81201171875</t>
  </si>
  <si>
    <t>0.0702973761062875</t>
  </si>
  <si>
    <t>19426</t>
  </si>
  <si>
    <t>22.085012435913086</t>
  </si>
  <si>
    <t>1382.3465576171875</t>
  </si>
  <si>
    <t>0.05671035803134039</t>
  </si>
  <si>
    <t>20704</t>
  </si>
  <si>
    <t>22.1888427734375</t>
  </si>
  <si>
    <t>1952.43505859375</t>
  </si>
  <si>
    <t>0.06371454333835125</t>
  </si>
  <si>
    <t>21864</t>
  </si>
  <si>
    <t>21.62730598449707</t>
  </si>
  <si>
    <t>1519.93505859375</t>
  </si>
  <si>
    <t>0.05451453030727649</t>
  </si>
  <si>
    <t>23033</t>
  </si>
  <si>
    <t>21.741621017456055</t>
  </si>
  <si>
    <t>1858.9825439453125</t>
  </si>
  <si>
    <t>0.052086521595001045</t>
  </si>
  <si>
    <t>24183</t>
  </si>
  <si>
    <t>22.01460838317871</t>
  </si>
  <si>
    <t>2159.179931640625</t>
  </si>
  <si>
    <t>0.048721936748805206</t>
  </si>
  <si>
    <t>24986</t>
  </si>
  <si>
    <t>22.909706115722656</t>
  </si>
  <si>
    <t>2400.041015625</t>
  </si>
  <si>
    <t>0.03266576104006447</t>
  </si>
  <si>
    <t>26470</t>
  </si>
  <si>
    <t>22.200523376464844</t>
  </si>
  <si>
    <t>1788.997314453125</t>
  </si>
  <si>
    <t>0.05769634822937242</t>
  </si>
  <si>
    <t>27909</t>
  </si>
  <si>
    <t>22.277421951293945</t>
  </si>
  <si>
    <t>2323.041015625</t>
  </si>
  <si>
    <t>0.05293720121552248</t>
  </si>
  <si>
    <t>27360</t>
  </si>
  <si>
    <t>22.275314331054688</t>
  </si>
  <si>
    <t>2124.348388671875</t>
  </si>
  <si>
    <t>-0.01986712470018226</t>
  </si>
  <si>
    <t>28712</t>
  </si>
  <si>
    <t>22.424049377441406</t>
  </si>
  <si>
    <t>2146.91650390625</t>
  </si>
  <si>
    <t>0.04823306109095604</t>
  </si>
  <si>
    <t>29814</t>
  </si>
  <si>
    <t>22.407806396484375</t>
  </si>
  <si>
    <t>1440.7847900390625</t>
  </si>
  <si>
    <t>0.03766292800293236</t>
  </si>
  <si>
    <t>31767</t>
  </si>
  <si>
    <t>22.17128562927246</t>
  </si>
  <si>
    <t>1723.070068359375</t>
  </si>
  <si>
    <t>0.06344993326818837</t>
  </si>
  <si>
    <t>33358</t>
  </si>
  <si>
    <t>22.180837631225586</t>
  </si>
  <si>
    <t>2178.13720703125</t>
  </si>
  <si>
    <t>0.04886960853855449</t>
  </si>
  <si>
    <t>35119</t>
  </si>
  <si>
    <t>22.45499610900879</t>
  </si>
  <si>
    <t>2331.528076171875</t>
  </si>
  <si>
    <t>0.05144467090244831</t>
  </si>
  <si>
    <t>37391</t>
  </si>
  <si>
    <t>22.577699661254883</t>
  </si>
  <si>
    <t>1932.404296875</t>
  </si>
  <si>
    <t>0.062687739192965</t>
  </si>
  <si>
    <t>37562</t>
  </si>
  <si>
    <t>22.033803939819336</t>
  </si>
  <si>
    <t>2163.482421875</t>
  </si>
  <si>
    <t>0.004562867308351315</t>
  </si>
  <si>
    <t>36823</t>
  </si>
  <si>
    <t>22.493972778320312</t>
  </si>
  <si>
    <t>1974.666015625</t>
  </si>
  <si>
    <t>-0.019870251115017723</t>
  </si>
  <si>
    <t>40522</t>
  </si>
  <si>
    <t>21.996625900268555</t>
  </si>
  <si>
    <t>2114.63037109375</t>
  </si>
  <si>
    <t>0.09572238656023124</t>
  </si>
  <si>
    <t>41897</t>
  </si>
  <si>
    <t>22.050661087036133</t>
  </si>
  <si>
    <t>1765.427734375</t>
  </si>
  <si>
    <t>0.03336918881545259</t>
  </si>
  <si>
    <t>42661</t>
  </si>
  <si>
    <t>22.243059158325195</t>
  </si>
  <si>
    <t>2247.03955078125</t>
  </si>
  <si>
    <t>0.01807092861173487</t>
  </si>
  <si>
    <t>43612</t>
  </si>
  <si>
    <t>22.283254623413086</t>
  </si>
  <si>
    <t>2167.043701171875</t>
  </si>
  <si>
    <t>0.022047187912988875</t>
  </si>
  <si>
    <t>45553</t>
  </si>
  <si>
    <t>22.39780616760254</t>
  </si>
  <si>
    <t>1987.3685302734375</t>
  </si>
  <si>
    <t>0.04354414138349583</t>
  </si>
  <si>
    <t>46106</t>
  </si>
  <si>
    <t>22.86567497253418</t>
  </si>
  <si>
    <t>2237.4423828125</t>
  </si>
  <si>
    <t>0.012066610149773283</t>
  </si>
  <si>
    <t>47009</t>
  </si>
  <si>
    <t>23.1012020111084</t>
  </si>
  <si>
    <t>2076.9296875</t>
  </si>
  <si>
    <t>0.019395979362608173</t>
  </si>
  <si>
    <t>48501</t>
  </si>
  <si>
    <t>22.667085647583008</t>
  </si>
  <si>
    <t>2101.83447265625</t>
  </si>
  <si>
    <t>0.031245343547565696</t>
  </si>
  <si>
    <t>49815</t>
  </si>
  <si>
    <t>22.79438018798828</t>
  </si>
  <si>
    <t>2066.517333984375</t>
  </si>
  <si>
    <t>0.02673172720924022</t>
  </si>
  <si>
    <t>51310</t>
  </si>
  <si>
    <t>23.180875778198242</t>
  </si>
  <si>
    <t>2081.398193359375</t>
  </si>
  <si>
    <t>0.029569521457053938</t>
  </si>
  <si>
    <t>53142</t>
  </si>
  <si>
    <t>22.886240005493164</t>
  </si>
  <si>
    <t>1885.2474365234375</t>
  </si>
  <si>
    <t>0.03508191110162784</t>
  </si>
  <si>
    <t>57062</t>
  </si>
  <si>
    <t>23.21521759033203</t>
  </si>
  <si>
    <t>1976.07763671875</t>
  </si>
  <si>
    <t>0.07117081993928132</t>
  </si>
  <si>
    <t>61403</t>
  </si>
  <si>
    <t>22.778913497924805</t>
  </si>
  <si>
    <t>2076.19140625</t>
  </si>
  <si>
    <t>0.07332029789955996</t>
  </si>
  <si>
    <t>98</t>
  </si>
  <si>
    <t>ZNC</t>
  </si>
  <si>
    <t>10117</t>
  </si>
  <si>
    <t>19.114656448364258</t>
  </si>
  <si>
    <t>291.7784423828125</t>
  </si>
  <si>
    <t>256.64862060546875</t>
  </si>
  <si>
    <t>Northern Cyprus</t>
  </si>
  <si>
    <t>10267</t>
  </si>
  <si>
    <t>18.424386978149414</t>
  </si>
  <si>
    <t>501.9935302734375</t>
  </si>
  <si>
    <t>0.014717691093075302</t>
  </si>
  <si>
    <t>11186</t>
  </si>
  <si>
    <t>17.861862182617188</t>
  </si>
  <si>
    <t>440.98101806640625</t>
  </si>
  <si>
    <t>0.08572812808256813</t>
  </si>
  <si>
    <t>11256</t>
  </si>
  <si>
    <t>18.932720184326172</t>
  </si>
  <si>
    <t>375.86505126953125</t>
  </si>
  <si>
    <t>0.006238323412691926</t>
  </si>
  <si>
    <t>11926</t>
  </si>
  <si>
    <t>19.327251434326172</t>
  </si>
  <si>
    <t>450.5591735839844</t>
  </si>
  <si>
    <t>0.05781957088882628</t>
  </si>
  <si>
    <t>12957</t>
  </si>
  <si>
    <t>18.837453842163086</t>
  </si>
  <si>
    <t>356.67218017578125</t>
  </si>
  <si>
    <t>0.08291529194575986</t>
  </si>
  <si>
    <t>13126</t>
  </si>
  <si>
    <t>19.232316970825195</t>
  </si>
  <si>
    <t>337.90484619140625</t>
  </si>
  <si>
    <t>0.012958813404855718</t>
  </si>
  <si>
    <t>13475</t>
  </si>
  <si>
    <t>18.299055099487305</t>
  </si>
  <si>
    <t>455.8153991699219</t>
  </si>
  <si>
    <t>0.026241120743531354</t>
  </si>
  <si>
    <t>14217</t>
  </si>
  <si>
    <t>19.530447006225586</t>
  </si>
  <si>
    <t>407.2273254394531</t>
  </si>
  <si>
    <t>0.05360231485849987</t>
  </si>
  <si>
    <t>14901</t>
  </si>
  <si>
    <t>19.35826301574707</t>
  </si>
  <si>
    <t>280.052001953125</t>
  </si>
  <si>
    <t>0.04698989313976121</t>
  </si>
  <si>
    <t>16136</t>
  </si>
  <si>
    <t>19.09846305847168</t>
  </si>
  <si>
    <t>406.7699279785156</t>
  </si>
  <si>
    <t>0.0796244758585889</t>
  </si>
  <si>
    <t>17329</t>
  </si>
  <si>
    <t>19.49339485168457</t>
  </si>
  <si>
    <t>485.7849426269531</t>
  </si>
  <si>
    <t>0.07132859800619684</t>
  </si>
  <si>
    <t>17852</t>
  </si>
  <si>
    <t>19.40532875061035</t>
  </si>
  <si>
    <t>371.1073913574219</t>
  </si>
  <si>
    <t>0.029734148108914837</t>
  </si>
  <si>
    <t>18401</t>
  </si>
  <si>
    <t>18.849197387695312</t>
  </si>
  <si>
    <t>619.8721923828125</t>
  </si>
  <si>
    <t>0.03028946419721379</t>
  </si>
  <si>
    <t>19662</t>
  </si>
  <si>
    <t>19.105731964111328</t>
  </si>
  <si>
    <t>342.19775390625</t>
  </si>
  <si>
    <t>0.0662828279804959</t>
  </si>
  <si>
    <t>21040</t>
  </si>
  <si>
    <t>18.874860763549805</t>
  </si>
  <si>
    <t>324.1264343261719</t>
  </si>
  <si>
    <t>0.0677375489247769</t>
  </si>
  <si>
    <t>22744</t>
  </si>
  <si>
    <t>19.040462493896484</t>
  </si>
  <si>
    <t>285.1841125488281</t>
  </si>
  <si>
    <t>0.0778759864791887</t>
  </si>
  <si>
    <t>24922</t>
  </si>
  <si>
    <t>19.344131469726562</t>
  </si>
  <si>
    <t>404.2571105957031</t>
  </si>
  <si>
    <t>0.09144957317197822</t>
  </si>
  <si>
    <t>26396</t>
  </si>
  <si>
    <t>19.759258270263672</t>
  </si>
  <si>
    <t>315.28094482421875</t>
  </si>
  <si>
    <t>0.05746153600049908</t>
  </si>
  <si>
    <t>25681</t>
  </si>
  <si>
    <t>19.547990798950195</t>
  </si>
  <si>
    <t>529.9619140625</t>
  </si>
  <si>
    <t>-0.027461064647619438</t>
  </si>
  <si>
    <t>25396</t>
  </si>
  <si>
    <t>20.47185516357422</t>
  </si>
  <si>
    <t>329.72186279296875</t>
  </si>
  <si>
    <t>-0.011159737565352046</t>
  </si>
  <si>
    <t>25317</t>
  </si>
  <si>
    <t>18.61799430847168</t>
  </si>
  <si>
    <t>565.8426513671875</t>
  </si>
  <si>
    <t>-0.0031155744642656913</t>
  </si>
  <si>
    <t>24193</t>
  </si>
  <si>
    <t>19.88612937927246</t>
  </si>
  <si>
    <t>537.18017578125</t>
  </si>
  <si>
    <t>-0.045412771722288525</t>
  </si>
  <si>
    <t>23078</t>
  </si>
  <si>
    <t>19.777061462402344</t>
  </si>
  <si>
    <t>298.71649169921875</t>
  </si>
  <si>
    <t>-0.04718355234917482</t>
  </si>
  <si>
    <t>22865</t>
  </si>
  <si>
    <t>19.83539581298828</t>
  </si>
  <si>
    <t>456.4212951660156</t>
  </si>
  <si>
    <t>-0.00927242566245745</t>
  </si>
  <si>
    <t>24192</t>
  </si>
  <si>
    <t>19.374528884887695</t>
  </si>
  <si>
    <t>407.0443115234375</t>
  </si>
  <si>
    <t>0.056414642887105515</t>
  </si>
  <si>
    <t>27190</t>
  </si>
  <si>
    <t>19.86539077758789</t>
  </si>
  <si>
    <t>377.1824035644531</t>
  </si>
  <si>
    <t>0.1168272586472554</t>
  </si>
  <si>
    <t>29113</t>
  </si>
  <si>
    <t>19.84185791015625</t>
  </si>
  <si>
    <t>413.1883544921875</t>
  </si>
  <si>
    <t>0.06833555117170853</t>
  </si>
  <si>
    <t>30827</t>
  </si>
  <si>
    <t>20.430328369140625</t>
  </si>
  <si>
    <t>531.5216064453125</t>
  </si>
  <si>
    <t>0.05720611953019805</t>
  </si>
  <si>
    <t>33375</t>
  </si>
  <si>
    <t>20.021663665771484</t>
  </si>
  <si>
    <t>584.9378051757812</t>
  </si>
  <si>
    <t>0.07941618737412881</t>
  </si>
  <si>
    <t>31391</t>
  </si>
  <si>
    <t>20.546663284301758</t>
  </si>
  <si>
    <t>437.0480651855469</t>
  </si>
  <si>
    <t>-0.06128588909459509</t>
  </si>
  <si>
    <t>33644</t>
  </si>
  <si>
    <t>20.131322860717773</t>
  </si>
  <si>
    <t>413.9233093261719</t>
  </si>
  <si>
    <t>0.06931350647437107</t>
  </si>
  <si>
    <t>35441</t>
  </si>
  <si>
    <t>20.134992599487305</t>
  </si>
  <si>
    <t>313.81475830078125</t>
  </si>
  <si>
    <t>0.05203460794289505</t>
  </si>
  <si>
    <t>99</t>
  </si>
  <si>
    <t>GLP</t>
  </si>
  <si>
    <t>15186</t>
  </si>
  <si>
    <t>25.382383346557617</t>
  </si>
  <si>
    <t>2312.15234375</t>
  </si>
  <si>
    <t>492.75439453125</t>
  </si>
  <si>
    <t>Guadeloupe</t>
  </si>
  <si>
    <t>15202</t>
  </si>
  <si>
    <t>25.253328323364258</t>
  </si>
  <si>
    <t>2129.07861328125</t>
  </si>
  <si>
    <t>0.0010530473528067574</t>
  </si>
  <si>
    <t>15482</t>
  </si>
  <si>
    <t>25.4242000579834</t>
  </si>
  <si>
    <t>2668.967041015625</t>
  </si>
  <si>
    <t>0.0182510606386721</t>
  </si>
  <si>
    <t>15974</t>
  </si>
  <si>
    <t>25.544921875</t>
  </si>
  <si>
    <t>2108.630126953125</t>
  </si>
  <si>
    <t>0.031284341712675356</t>
  </si>
  <si>
    <t>16231</t>
  </si>
  <si>
    <t>25.328107833862305</t>
  </si>
  <si>
    <t>1913.503662109375</t>
  </si>
  <si>
    <t>0.015960593427736924</t>
  </si>
  <si>
    <t>16955</t>
  </si>
  <si>
    <t>25.744993209838867</t>
  </si>
  <si>
    <t>2233.072998046875</t>
  </si>
  <si>
    <t>0.04363978165466875</t>
  </si>
  <si>
    <t>17427</t>
  </si>
  <si>
    <t>25.57442283630371</t>
  </si>
  <si>
    <t>2437.83935546875</t>
  </si>
  <si>
    <t>0.02745795210090307</t>
  </si>
  <si>
    <t>18044</t>
  </si>
  <si>
    <t>25.986513137817383</t>
  </si>
  <si>
    <t>2049.17529296875</t>
  </si>
  <si>
    <t>0.03479249186764477</t>
  </si>
  <si>
    <t>18753</t>
  </si>
  <si>
    <t>26.319992065429688</t>
  </si>
  <si>
    <t>2542.12890625</t>
  </si>
  <si>
    <t>0.03854052007163489</t>
  </si>
  <si>
    <t>19580</t>
  </si>
  <si>
    <t>25.816232681274414</t>
  </si>
  <si>
    <t>2205.3203125</t>
  </si>
  <si>
    <t>0.04315489748457857</t>
  </si>
  <si>
    <t>19866</t>
  </si>
  <si>
    <t>25.66594123840332</t>
  </si>
  <si>
    <t>1890.1256103515625</t>
  </si>
  <si>
    <t>0.014501090690799856</t>
  </si>
  <si>
    <t>20690</t>
  </si>
  <si>
    <t>26.08666229248047</t>
  </si>
  <si>
    <t>2159.707275390625</t>
  </si>
  <si>
    <t>0.04064076396428895</t>
  </si>
  <si>
    <t>20966</t>
  </si>
  <si>
    <t>25.924196243286133</t>
  </si>
  <si>
    <t>2134.425048828125</t>
  </si>
  <si>
    <t>0.013251586272929217</t>
  </si>
  <si>
    <t>21953</t>
  </si>
  <si>
    <t>25.99492073059082</t>
  </si>
  <si>
    <t>2167.298828125</t>
  </si>
  <si>
    <t>0.04600172641140432</t>
  </si>
  <si>
    <t>22363</t>
  </si>
  <si>
    <t>25.603477478027344</t>
  </si>
  <si>
    <t>2829.265869140625</t>
  </si>
  <si>
    <t>0.018504003002794533</t>
  </si>
  <si>
    <t>23312</t>
  </si>
  <si>
    <t>25.924346923828125</t>
  </si>
  <si>
    <t>2698.8828125</t>
  </si>
  <si>
    <t>0.041560442008268694</t>
  </si>
  <si>
    <t>24055</t>
  </si>
  <si>
    <t>25.6408634185791</t>
  </si>
  <si>
    <t>2381.92724609375</t>
  </si>
  <si>
    <t>0.03137462569856808</t>
  </si>
  <si>
    <t>24065</t>
  </si>
  <si>
    <t>25.60332679748535</t>
  </si>
  <si>
    <t>2141.688232421875</t>
  </si>
  <si>
    <t>0.0004156276036546558</t>
  </si>
  <si>
    <t>24662</t>
  </si>
  <si>
    <t>25.344993591308594</t>
  </si>
  <si>
    <t>2555.75</t>
  </si>
  <si>
    <t>0.024505094693266116</t>
  </si>
  <si>
    <t>23399</t>
  </si>
  <si>
    <t>25.67412567138672</t>
  </si>
  <si>
    <t>1972.7789306640625</t>
  </si>
  <si>
    <t>-0.05257031104058463</t>
  </si>
  <si>
    <t>24087</t>
  </si>
  <si>
    <t>26.06180763244629</t>
  </si>
  <si>
    <t>2657.450439453125</t>
  </si>
  <si>
    <t>0.028978989462903115</t>
  </si>
  <si>
    <t>24914</t>
  </si>
  <si>
    <t>25.553476333618164</t>
  </si>
  <si>
    <t>2564.7548828125</t>
  </si>
  <si>
    <t>0.03375761859324378</t>
  </si>
  <si>
    <t>25377</t>
  </si>
  <si>
    <t>25.719995498657227</t>
  </si>
  <si>
    <t>2271.267578125</t>
  </si>
  <si>
    <t>0.018413357526087637</t>
  </si>
  <si>
    <t>25393</t>
  </si>
  <si>
    <t>25.807458877563477</t>
  </si>
  <si>
    <t>2185.189697265625</t>
  </si>
  <si>
    <t>0.0006302935012669764</t>
  </si>
  <si>
    <t>25915</t>
  </si>
  <si>
    <t>25.740570068359375</t>
  </si>
  <si>
    <t>2098.34619140625</t>
  </si>
  <si>
    <t>0.02034840615041489</t>
  </si>
  <si>
    <t>26254</t>
  </si>
  <si>
    <t>25.978105545043945</t>
  </si>
  <si>
    <t>1686.4603271484375</t>
  </si>
  <si>
    <t>0.012996406739546273</t>
  </si>
  <si>
    <t>26839</t>
  </si>
  <si>
    <t>25.940793991088867</t>
  </si>
  <si>
    <t>2439.5419921875</t>
  </si>
  <si>
    <t>0.022037695204032204</t>
  </si>
  <si>
    <t>27101</t>
  </si>
  <si>
    <t>25.761438369750977</t>
  </si>
  <si>
    <t>2462.388427734375</t>
  </si>
  <si>
    <t>0.009714573988608421</t>
  </si>
  <si>
    <t>27616</t>
  </si>
  <si>
    <t>25.403032302856445</t>
  </si>
  <si>
    <t>2137.349365234375</t>
  </si>
  <si>
    <t>0.018824687327160916</t>
  </si>
  <si>
    <t>27999</t>
  </si>
  <si>
    <t>25.798830032348633</t>
  </si>
  <si>
    <t>2166.981689453125</t>
  </si>
  <si>
    <t>0.013773480350701917</t>
  </si>
  <si>
    <t>26360</t>
  </si>
  <si>
    <t>25.76549530029297</t>
  </si>
  <si>
    <t>2051.81396484375</t>
  </si>
  <si>
    <t>-0.06032108561741367</t>
  </si>
  <si>
    <t>26962</t>
  </si>
  <si>
    <t>25.62397575378418</t>
  </si>
  <si>
    <t>1883.7142333984375</t>
  </si>
  <si>
    <t>0.02258075763456624</t>
  </si>
  <si>
    <t>25.457237243652344</t>
  </si>
  <si>
    <t>2169.418701171875</t>
  </si>
  <si>
    <t>0.03398314466762997</t>
  </si>
  <si>
    <t>101</t>
  </si>
  <si>
    <t>REU</t>
  </si>
  <si>
    <t>15586</t>
  </si>
  <si>
    <t>19.03026580810547</t>
  </si>
  <si>
    <t>961.1976318359375</t>
  </si>
  <si>
    <t>450.506591796875</t>
  </si>
  <si>
    <t>Réunion</t>
  </si>
  <si>
    <t>15603</t>
  </si>
  <si>
    <t>19.358076095581055</t>
  </si>
  <si>
    <t>1421.8502197265625</t>
  </si>
  <si>
    <t>0.0010901280376760525</t>
  </si>
  <si>
    <t>15890</t>
  </si>
  <si>
    <t>19.090797424316406</t>
  </si>
  <si>
    <t>882.1245727539062</t>
  </si>
  <si>
    <t>0.018226777089580537</t>
  </si>
  <si>
    <t>16395</t>
  </si>
  <si>
    <t>19.07735252380371</t>
  </si>
  <si>
    <t>2093.530029296875</t>
  </si>
  <si>
    <t>0.03128642974798623</t>
  </si>
  <si>
    <t>16659</t>
  </si>
  <si>
    <t>19.3604793548584</t>
  </si>
  <si>
    <t>1404.9154052734375</t>
  </si>
  <si>
    <t>0.015974200630967772</t>
  </si>
  <si>
    <t>17402</t>
  </si>
  <si>
    <t>19.18016242980957</t>
  </si>
  <si>
    <t>1438.04248046875</t>
  </si>
  <si>
    <t>0.04363453121625405</t>
  </si>
  <si>
    <t>17887</t>
  </si>
  <si>
    <t>18.921728134155273</t>
  </si>
  <si>
    <t>975.6453857421875</t>
  </si>
  <si>
    <t>0.02748904986727574</t>
  </si>
  <si>
    <t>18520</t>
  </si>
  <si>
    <t>19.34682846069336</t>
  </si>
  <si>
    <t>1218.787841796875</t>
  </si>
  <si>
    <t>0.03477703720692382</t>
  </si>
  <si>
    <t>19247</t>
  </si>
  <si>
    <t>19.394018173217773</t>
  </si>
  <si>
    <t>1730.9730224609375</t>
  </si>
  <si>
    <t>0.03850397521495452</t>
  </si>
  <si>
    <t>20097</t>
  </si>
  <si>
    <t>19.113597869873047</t>
  </si>
  <si>
    <t>1133.5784912109375</t>
  </si>
  <si>
    <t>0.04321534576125252</t>
  </si>
  <si>
    <t>20390</t>
  </si>
  <si>
    <t>19.096830368041992</t>
  </si>
  <si>
    <t>1070.1793212890625</t>
  </si>
  <si>
    <t>0.01447403439212458</t>
  </si>
  <si>
    <t>21172</t>
  </si>
  <si>
    <t>19.48859977722168</t>
  </si>
  <si>
    <t>1304.998291015625</t>
  </si>
  <si>
    <t>0.037634969409376495</t>
  </si>
  <si>
    <t>21847</t>
  </si>
  <si>
    <t>19.524744033813477</t>
  </si>
  <si>
    <t>1262.54833984375</t>
  </si>
  <si>
    <t>0.03138405834821434</t>
  </si>
  <si>
    <t>22377</t>
  </si>
  <si>
    <t>19.558076858520508</t>
  </si>
  <si>
    <t>1693.187255859375</t>
  </si>
  <si>
    <t>0.023970033297180393</t>
  </si>
  <si>
    <t>23210</t>
  </si>
  <si>
    <t>19.555368423461914</t>
  </si>
  <si>
    <t>1493.2098388671875</t>
  </si>
  <si>
    <t>0.03654957464521047</t>
  </si>
  <si>
    <t>23989</t>
  </si>
  <si>
    <t>19.310787200927734</t>
  </si>
  <si>
    <t>1850.0853271484375</t>
  </si>
  <si>
    <t>0.03301217166143822</t>
  </si>
  <si>
    <t>24731</t>
  </si>
  <si>
    <t>19.53578758239746</t>
  </si>
  <si>
    <t>1747.5135498046875</t>
  </si>
  <si>
    <t>0.03046212548453653</t>
  </si>
  <si>
    <t>25380</t>
  </si>
  <si>
    <t>19.405366897583008</t>
  </si>
  <si>
    <t>1474.2908935546875</t>
  </si>
  <si>
    <t>0.02590394485392089</t>
  </si>
  <si>
    <t>25548</t>
  </si>
  <si>
    <t>19.485889434814453</t>
  </si>
  <si>
    <t>1433.7706298828125</t>
  </si>
  <si>
    <t>0.006597573413101188</t>
  </si>
  <si>
    <t>24384</t>
  </si>
  <si>
    <t>19.902555465698242</t>
  </si>
  <si>
    <t>1699.7774658203125</t>
  </si>
  <si>
    <t>-0.046631856195107346</t>
  </si>
  <si>
    <t>24115</t>
  </si>
  <si>
    <t>19.92474365234375</t>
  </si>
  <si>
    <t>1755.6680908203125</t>
  </si>
  <si>
    <t>-0.011093125983300922</t>
  </si>
  <si>
    <t>24795</t>
  </si>
  <si>
    <t>19.913597106933594</t>
  </si>
  <si>
    <t>1271.06689453125</t>
  </si>
  <si>
    <t>0.0278079664201627</t>
  </si>
  <si>
    <t>24883</t>
  </si>
  <si>
    <t>19.721830368041992</t>
  </si>
  <si>
    <t>1469.147705078125</t>
  </si>
  <si>
    <t>0.0035428194389801604</t>
  </si>
  <si>
    <t>24781</t>
  </si>
  <si>
    <t>19.683076858520508</t>
  </si>
  <si>
    <t>1559.5496826171875</t>
  </si>
  <si>
    <t>-0.0041076088682263645</t>
  </si>
  <si>
    <t>25069</t>
  </si>
  <si>
    <t>20.069223403930664</t>
  </si>
  <si>
    <t>1116.0068359375</t>
  </si>
  <si>
    <t>0.01155479255006675</t>
  </si>
  <si>
    <t>25484</t>
  </si>
  <si>
    <t>1610.4112548828125</t>
  </si>
  <si>
    <t>0.016418781192323095</t>
  </si>
  <si>
    <t>26043</t>
  </si>
  <si>
    <t>19.769224166870117</t>
  </si>
  <si>
    <t>1102.2215576171875</t>
  </si>
  <si>
    <t>0.021698213823539092</t>
  </si>
  <si>
    <t>26563</t>
  </si>
  <si>
    <t>20.138700485229492</t>
  </si>
  <si>
    <t>1857.2841796875</t>
  </si>
  <si>
    <t>0.0197702519591072</t>
  </si>
  <si>
    <t>26887</t>
  </si>
  <si>
    <t>19.98036766052246</t>
  </si>
  <si>
    <t>1816.1566162109375</t>
  </si>
  <si>
    <t>0.012123628382193274</t>
  </si>
  <si>
    <t>27248</t>
  </si>
  <si>
    <t>20.313804626464844</t>
  </si>
  <si>
    <t>1164.9161376953125</t>
  </si>
  <si>
    <t>0.013337225501251382</t>
  </si>
  <si>
    <t>25875</t>
  </si>
  <si>
    <t>19.749847412109375</t>
  </si>
  <si>
    <t>896.0927124023438</t>
  </si>
  <si>
    <t>-0.051702872334798755</t>
  </si>
  <si>
    <t>27211</t>
  </si>
  <si>
    <t>19.905263900756836</t>
  </si>
  <si>
    <t>1594.23388671875</t>
  </si>
  <si>
    <t>0.050344051728727024</t>
  </si>
  <si>
    <t>28607</t>
  </si>
  <si>
    <t>19.477453231811523</t>
  </si>
  <si>
    <t>1668.6087646484375</t>
  </si>
  <si>
    <t>0.05003013980862292</t>
  </si>
  <si>
    <t>102</t>
  </si>
  <si>
    <t>GUF</t>
  </si>
  <si>
    <t>13930</t>
  </si>
  <si>
    <t>26.412015914916992</t>
  </si>
  <si>
    <t>3678.183349609375</t>
  </si>
  <si>
    <t>62.94447326660156</t>
  </si>
  <si>
    <t>French Guiana</t>
  </si>
  <si>
    <t>26.273643493652344</t>
  </si>
  <si>
    <t>2865.784912109375</t>
  </si>
  <si>
    <t>0.0010762332877387593</t>
  </si>
  <si>
    <t>14202</t>
  </si>
  <si>
    <t>26.21055793762207</t>
  </si>
  <si>
    <t>3123.708251953125</t>
  </si>
  <si>
    <t>0.01826177868044887</t>
  </si>
  <si>
    <t>14653</t>
  </si>
  <si>
    <t>26.211320877075195</t>
  </si>
  <si>
    <t>3324.612060546875</t>
  </si>
  <si>
    <t>0.03126229289598648</t>
  </si>
  <si>
    <t>14889</t>
  </si>
  <si>
    <t>26.34025001525879</t>
  </si>
  <si>
    <t>3429.654052734375</t>
  </si>
  <si>
    <t>0.01597759261752607</t>
  </si>
  <si>
    <t>15553</t>
  </si>
  <si>
    <t>26.668794631958008</t>
  </si>
  <si>
    <t>2869.39990234375</t>
  </si>
  <si>
    <t>0.04363086078900835</t>
  </si>
  <si>
    <t>15986</t>
  </si>
  <si>
    <t>26.51188087463379</t>
  </si>
  <si>
    <t>3882.57568359375</t>
  </si>
  <si>
    <t>0.027459793141405342</t>
  </si>
  <si>
    <t>16552</t>
  </si>
  <si>
    <t>26.892372131347656</t>
  </si>
  <si>
    <t>2720.143310546875</t>
  </si>
  <si>
    <t>0.03479360123941433</t>
  </si>
  <si>
    <t>17202</t>
  </si>
  <si>
    <t>27.13860511779785</t>
  </si>
  <si>
    <t>3107.56591796875</t>
  </si>
  <si>
    <t>0.03851871568604537</t>
  </si>
  <si>
    <t>17961</t>
  </si>
  <si>
    <t>26.561853408813477</t>
  </si>
  <si>
    <t>3181.256103515625</t>
  </si>
  <si>
    <t>0.04317708448203739</t>
  </si>
  <si>
    <t>18223</t>
  </si>
  <si>
    <t>26.456939697265625</t>
  </si>
  <si>
    <t>3544.4345703125</t>
  </si>
  <si>
    <t>0.014481791892594131</t>
  </si>
  <si>
    <t>19885</t>
  </si>
  <si>
    <t>26.685762405395508</t>
  </si>
  <si>
    <t>2716.536865234375</t>
  </si>
  <si>
    <t>0.08728114615573546</t>
  </si>
  <si>
    <t>19979</t>
  </si>
  <si>
    <t>26.717187881469727</t>
  </si>
  <si>
    <t>3068.828857421875</t>
  </si>
  <si>
    <t>0.004716043258158109</t>
  </si>
  <si>
    <t>18495</t>
  </si>
  <si>
    <t>26.86707305908203</t>
  </si>
  <si>
    <t>2544.503173828125</t>
  </si>
  <si>
    <t>-0.07718129663339468</t>
  </si>
  <si>
    <t>18633</t>
  </si>
  <si>
    <t>26.846412658691406</t>
  </si>
  <si>
    <t>3424.229736328125</t>
  </si>
  <si>
    <t>0.00743377696085723</t>
  </si>
  <si>
    <t>18617</t>
  </si>
  <si>
    <t>27.14164924621582</t>
  </si>
  <si>
    <t>3635.2568359375</t>
  </si>
  <si>
    <t>-0.0008590604555145376</t>
  </si>
  <si>
    <t>19067</t>
  </si>
  <si>
    <t>2917.720703125</t>
  </si>
  <si>
    <t>0.02388395029254653</t>
  </si>
  <si>
    <t>18477</t>
  </si>
  <si>
    <t>26.73362159729004</t>
  </si>
  <si>
    <t>3333.045166015625</t>
  </si>
  <si>
    <t>-0.03143237670929011</t>
  </si>
  <si>
    <t>18488</t>
  </si>
  <si>
    <t>26.644742965698242</t>
  </si>
  <si>
    <t>3503.23974609375</t>
  </si>
  <si>
    <t>0.0005951575990632563</t>
  </si>
  <si>
    <t>18747</t>
  </si>
  <si>
    <t>26.843740463256836</t>
  </si>
  <si>
    <t>2764.56982421875</t>
  </si>
  <si>
    <t>0.013911866642974502</t>
  </si>
  <si>
    <t>18783</t>
  </si>
  <si>
    <t>27.06340980529785</t>
  </si>
  <si>
    <t>3188.380859375</t>
  </si>
  <si>
    <t>0.001918465816228121</t>
  </si>
  <si>
    <t>19198</t>
  </si>
  <si>
    <t>26.774795532226562</t>
  </si>
  <si>
    <t>3392.7041015625</t>
  </si>
  <si>
    <t>0.021853901510063167</t>
  </si>
  <si>
    <t>19826</t>
  </si>
  <si>
    <t>26.74250030517578</t>
  </si>
  <si>
    <t>2869.875732421875</t>
  </si>
  <si>
    <t>0.03218810066936051</t>
  </si>
  <si>
    <t>19540</t>
  </si>
  <si>
    <t>26.68182373046875</t>
  </si>
  <si>
    <t>3820.1689453125</t>
  </si>
  <si>
    <t>-0.014530560996069752</t>
  </si>
  <si>
    <t>19358</t>
  </si>
  <si>
    <t>26.74703025817871</t>
  </si>
  <si>
    <t>2771.248779296875</t>
  </si>
  <si>
    <t>-0.009357875887738842</t>
  </si>
  <si>
    <t>18660</t>
  </si>
  <si>
    <t>27.01396369934082</t>
  </si>
  <si>
    <t>3043.30615234375</t>
  </si>
  <si>
    <t>-0.03672357530770043</t>
  </si>
  <si>
    <t>18889</t>
  </si>
  <si>
    <t>27.03389549255371</t>
  </si>
  <si>
    <t>3292.37255859375</t>
  </si>
  <si>
    <t>0.012197546630485334</t>
  </si>
  <si>
    <t>18540</t>
  </si>
  <si>
    <t>26.837186813354492</t>
  </si>
  <si>
    <t>3276.419677734375</t>
  </si>
  <si>
    <t>-0.0186491819119734</t>
  </si>
  <si>
    <t>18897</t>
  </si>
  <si>
    <t>26.667924880981445</t>
  </si>
  <si>
    <t>3395.067626953125</t>
  </si>
  <si>
    <t>0.019072619170191984</t>
  </si>
  <si>
    <t>18490</t>
  </si>
  <si>
    <t>26.934486389160156</t>
  </si>
  <si>
    <t>2348.3544921875</t>
  </si>
  <si>
    <t>-0.021773133908867592</t>
  </si>
  <si>
    <t>17506</t>
  </si>
  <si>
    <t>27.0068359375</t>
  </si>
  <si>
    <t>2989.421630859375</t>
  </si>
  <si>
    <t>-0.05468636608878796</t>
  </si>
  <si>
    <t>18548</t>
  </si>
  <si>
    <t>26.684310913085938</t>
  </si>
  <si>
    <t>3972.43603515625</t>
  </si>
  <si>
    <t>0.05781828721896787</t>
  </si>
  <si>
    <t>18935</t>
  </si>
  <si>
    <t>26.60005760192871</t>
  </si>
  <si>
    <t>4285.4140625</t>
  </si>
  <si>
    <t>0.020650094824544496</t>
  </si>
  <si>
    <t>103</t>
  </si>
  <si>
    <t>MYT</t>
  </si>
  <si>
    <t>2105</t>
  </si>
  <si>
    <t>24.633333206176758</t>
  </si>
  <si>
    <t>1357.4000244140625</t>
  </si>
  <si>
    <t>386.0711364746094</t>
  </si>
  <si>
    <t>Mayotte</t>
  </si>
  <si>
    <t>2108</t>
  </si>
  <si>
    <t>24.41666603088379</t>
  </si>
  <si>
    <t>1665.0999755859375</t>
  </si>
  <si>
    <t>0.001424163544771595</t>
  </si>
  <si>
    <t>2147</t>
  </si>
  <si>
    <t>1231.2000732421875</t>
  </si>
  <si>
    <t>0.018331888217527847</t>
  </si>
  <si>
    <t>2215</t>
  </si>
  <si>
    <t>1195.5</t>
  </si>
  <si>
    <t>0.031180884600455094</t>
  </si>
  <si>
    <t>24.791669845581055</t>
  </si>
  <si>
    <t>1359.7000732421875</t>
  </si>
  <si>
    <t>0.015677812719229856</t>
  </si>
  <si>
    <t>2351</t>
  </si>
  <si>
    <t>24.53333282470703</t>
  </si>
  <si>
    <t>1272.5</t>
  </si>
  <si>
    <t>0.0439105533416031</t>
  </si>
  <si>
    <t>2416</t>
  </si>
  <si>
    <t>24.400001525878906</t>
  </si>
  <si>
    <t>1232.7000732421875</t>
  </si>
  <si>
    <t>0.02727251051463675</t>
  </si>
  <si>
    <t>2502</t>
  </si>
  <si>
    <t>24.80000114440918</t>
  </si>
  <si>
    <t>862.4000244140625</t>
  </si>
  <si>
    <t>0.03497713197215013</t>
  </si>
  <si>
    <t>2600</t>
  </si>
  <si>
    <t>24.975000381469727</t>
  </si>
  <si>
    <t>903.4999389648438</t>
  </si>
  <si>
    <t>0.038421032982717485</t>
  </si>
  <si>
    <t>3371</t>
  </si>
  <si>
    <t>24.64166831970215</t>
  </si>
  <si>
    <t>1221.800048828125</t>
  </si>
  <si>
    <t>0.25969799122448656</t>
  </si>
  <si>
    <t>4142</t>
  </si>
  <si>
    <t>24.625001907348633</t>
  </si>
  <si>
    <t>1235.2999267578125</t>
  </si>
  <si>
    <t>0.20596932672146906</t>
  </si>
  <si>
    <t>4912</t>
  </si>
  <si>
    <t>24.691665649414062</t>
  </si>
  <si>
    <t>1017.0000610351562</t>
  </si>
  <si>
    <t>0.1705024278714493</t>
  </si>
  <si>
    <t>5683</t>
  </si>
  <si>
    <t>24.67500114440918</t>
  </si>
  <si>
    <t>1096.2000732421875</t>
  </si>
  <si>
    <t>0.1457980714701428</t>
  </si>
  <si>
    <t>6454</t>
  </si>
  <si>
    <t>24.741666793823242</t>
  </si>
  <si>
    <t>1087.800048828125</t>
  </si>
  <si>
    <t>0.12722083131478534</t>
  </si>
  <si>
    <t>7006</t>
  </si>
  <si>
    <t>24.58333396911621</t>
  </si>
  <si>
    <t>654.5999755859375</t>
  </si>
  <si>
    <t>0.08206683114552504</t>
  </si>
  <si>
    <t>7472</t>
  </si>
  <si>
    <t>24.899999618530273</t>
  </si>
  <si>
    <t>1041.800048828125</t>
  </si>
  <si>
    <t>0.06439577615124747</t>
  </si>
  <si>
    <t>8184</t>
  </si>
  <si>
    <t>24.76666831970215</t>
  </si>
  <si>
    <t>960.10009765625</t>
  </si>
  <si>
    <t>0.09101832772278406</t>
  </si>
  <si>
    <t>8333</t>
  </si>
  <si>
    <t>25.0</t>
  </si>
  <si>
    <t>1184.5</t>
  </si>
  <si>
    <t>0.018042506750743925</t>
  </si>
  <si>
    <t>9244</t>
  </si>
  <si>
    <t>24.66666603088379</t>
  </si>
  <si>
    <t>1335.5</t>
  </si>
  <si>
    <t>0.10375115701206461</t>
  </si>
  <si>
    <t>8971</t>
  </si>
  <si>
    <t>25.05000114440918</t>
  </si>
  <si>
    <t>1291.60009765625</t>
  </si>
  <si>
    <t>-0.029977539834987965</t>
  </si>
  <si>
    <t>9309</t>
  </si>
  <si>
    <t>25.03333282470703</t>
  </si>
  <si>
    <t>1098.5999755859375</t>
  </si>
  <si>
    <t>0.03698452155720666</t>
  </si>
  <si>
    <t>9383</t>
  </si>
  <si>
    <t>25.041669845581055</t>
  </si>
  <si>
    <t>1386.199951171875</t>
  </si>
  <si>
    <t>0.00791786717355869</t>
  </si>
  <si>
    <t>9561</t>
  </si>
  <si>
    <t>24.950002670288086</t>
  </si>
  <si>
    <t>1171.7000732421875</t>
  </si>
  <si>
    <t>0.018792782795397756</t>
  </si>
  <si>
    <t>9812</t>
  </si>
  <si>
    <t>24.98333168029785</t>
  </si>
  <si>
    <t>1067.699951171875</t>
  </si>
  <si>
    <t>0.025913802292933497</t>
  </si>
  <si>
    <t>10177</t>
  </si>
  <si>
    <t>1683.39990234375</t>
  </si>
  <si>
    <t>0.036524145813551456</t>
  </si>
  <si>
    <t>10866</t>
  </si>
  <si>
    <t>25.17500114440918</t>
  </si>
  <si>
    <t>1221.0999755859375</t>
  </si>
  <si>
    <t>0.06550837591953673</t>
  </si>
  <si>
    <t>11060</t>
  </si>
  <si>
    <t>24.991668701171875</t>
  </si>
  <si>
    <t>1192.800048828125</t>
  </si>
  <si>
    <t>0.01769634796485775</t>
  </si>
  <si>
    <t>1540.300048828125</t>
  </si>
  <si>
    <t>0.04930669310653535</t>
  </si>
  <si>
    <t>11439</t>
  </si>
  <si>
    <t>25.133333206176758</t>
  </si>
  <si>
    <t>1241.2000732421875</t>
  </si>
  <si>
    <t>-0.015613119657187369</t>
  </si>
  <si>
    <t>11612</t>
  </si>
  <si>
    <t>25.28333282470703</t>
  </si>
  <si>
    <t>1217.800048828125</t>
  </si>
  <si>
    <t>0.015010476618845914</t>
  </si>
  <si>
    <t>11314</t>
  </si>
  <si>
    <t>25.30000114440918</t>
  </si>
  <si>
    <t>1043.800048828125</t>
  </si>
  <si>
    <t>-0.025998149241418744</t>
  </si>
  <si>
    <t>11244</t>
  </si>
  <si>
    <t>25.016664505004883</t>
  </si>
  <si>
    <t>1127.5999755859375</t>
  </si>
  <si>
    <t>-0.006206243876679451</t>
  </si>
  <si>
    <t>24.94999885559082</t>
  </si>
  <si>
    <t>1194.10009765625</t>
  </si>
  <si>
    <t>0.019202563085260138</t>
  </si>
  <si>
    <t>104</t>
  </si>
  <si>
    <t>SJM</t>
  </si>
  <si>
    <t>41549</t>
  </si>
  <si>
    <t>-6.7730393409729</t>
  </si>
  <si>
    <t>331.2268981933594</t>
  </si>
  <si>
    <t>9.463833808898926</t>
  </si>
  <si>
    <t>Svalbard and Jan Mayen</t>
  </si>
  <si>
    <t>42611</t>
  </si>
  <si>
    <t>-7.605601787567139</t>
  </si>
  <si>
    <t>359.8705749511719</t>
  </si>
  <si>
    <t>0.025238982282616007</t>
  </si>
  <si>
    <t>43887</t>
  </si>
  <si>
    <t>-7.764355182647705</t>
  </si>
  <si>
    <t>344.4058532714844</t>
  </si>
  <si>
    <t>0.029505712758297165</t>
  </si>
  <si>
    <t>44859</t>
  </si>
  <si>
    <t>-8.355181694030762</t>
  </si>
  <si>
    <t>368.7285461425781</t>
  </si>
  <si>
    <t>0.021906088605756935</t>
  </si>
  <si>
    <t>46862</t>
  </si>
  <si>
    <t>-8.058473587036133</t>
  </si>
  <si>
    <t>341.25628662109375</t>
  </si>
  <si>
    <t>0.043682875223424844</t>
  </si>
  <si>
    <t>48560</t>
  </si>
  <si>
    <t>-7.555742263793945</t>
  </si>
  <si>
    <t>349.9394836425781</t>
  </si>
  <si>
    <t>0.03559303425800309</t>
  </si>
  <si>
    <t>50750</t>
  </si>
  <si>
    <t>-8.033123016357422</t>
  </si>
  <si>
    <t>358.209228515625</t>
  </si>
  <si>
    <t>0.044111471170653616</t>
  </si>
  <si>
    <t>53158</t>
  </si>
  <si>
    <t>-8.192646980285645</t>
  </si>
  <si>
    <t>311.38739013671875</t>
  </si>
  <si>
    <t>0.046356992943026754</t>
  </si>
  <si>
    <t>54312</t>
  </si>
  <si>
    <t>-7.998319149017334</t>
  </si>
  <si>
    <t>331.0554504394531</t>
  </si>
  <si>
    <t>0.021476586134422604</t>
  </si>
  <si>
    <t>55075</t>
  </si>
  <si>
    <t>-6.599649429321289</t>
  </si>
  <si>
    <t>278.58740234375</t>
  </si>
  <si>
    <t>0.0139506956890596</t>
  </si>
  <si>
    <t>56499</t>
  </si>
  <si>
    <t>-6.505042552947998</t>
  </si>
  <si>
    <t>339.5411682128906</t>
  </si>
  <si>
    <t>0.025527046192314273</t>
  </si>
  <si>
    <t>57390</t>
  </si>
  <si>
    <t>-7.476680278778076</t>
  </si>
  <si>
    <t>322.24200439453125</t>
  </si>
  <si>
    <t>0.01564713323955047</t>
  </si>
  <si>
    <t>57871</t>
  </si>
  <si>
    <t>-7.211904525756836</t>
  </si>
  <si>
    <t>273.7655334472656</t>
  </si>
  <si>
    <t>0.008346323426769331</t>
  </si>
  <si>
    <t>58071</t>
  </si>
  <si>
    <t>-7.778711318969727</t>
  </si>
  <si>
    <t>370.79327392578125</t>
  </si>
  <si>
    <t>0.0034500042844776146</t>
  </si>
  <si>
    <t>60072</t>
  </si>
  <si>
    <t>-5.986764907836914</t>
  </si>
  <si>
    <t>320.8260498046875</t>
  </si>
  <si>
    <t>0.033877442966065985</t>
  </si>
  <si>
    <t>61273</t>
  </si>
  <si>
    <t>-5.39425802230835</t>
  </si>
  <si>
    <t>367.9075622558594</t>
  </si>
  <si>
    <t>0.019795446345023393</t>
  </si>
  <si>
    <t>62277</t>
  </si>
  <si>
    <t>-6.029551982879639</t>
  </si>
  <si>
    <t>300.9403381347656</t>
  </si>
  <si>
    <t>0.016252887106160685</t>
  </si>
  <si>
    <t>63488</t>
  </si>
  <si>
    <t>-5.533823490142822</t>
  </si>
  <si>
    <t>349.52435302734375</t>
  </si>
  <si>
    <t>0.019258735413639982</t>
  </si>
  <si>
    <t>62964</t>
  </si>
  <si>
    <t>-6.646638870239258</t>
  </si>
  <si>
    <t>351.3344421386719</t>
  </si>
  <si>
    <t>-0.008287777169833532</t>
  </si>
  <si>
    <t>60996</t>
  </si>
  <si>
    <t>-6.088796138763428</t>
  </si>
  <si>
    <t>349.8377990722656</t>
  </si>
  <si>
    <t>-0.03175484623980829</t>
  </si>
  <si>
    <t>60696</t>
  </si>
  <si>
    <t>-6.921008586883545</t>
  </si>
  <si>
    <t>343.621826171875</t>
  </si>
  <si>
    <t>-0.004930490216992212</t>
  </si>
  <si>
    <t>60572</t>
  </si>
  <si>
    <t>-4.581303119659424</t>
  </si>
  <si>
    <t>351.4461975097656</t>
  </si>
  <si>
    <t>-0.0020450579413644476</t>
  </si>
  <si>
    <t>61409</t>
  </si>
  <si>
    <t>-4.963935852050781</t>
  </si>
  <si>
    <t>350.4243469238281</t>
  </si>
  <si>
    <t>0.013723664121478407</t>
  </si>
  <si>
    <t>61285</t>
  </si>
  <si>
    <t>-5.77885103225708</t>
  </si>
  <si>
    <t>345.505859375</t>
  </si>
  <si>
    <t>-0.0020212894227586986</t>
  </si>
  <si>
    <t>61814</t>
  </si>
  <si>
    <t>-5.9173665046691895</t>
  </si>
  <si>
    <t>346.2966613769531</t>
  </si>
  <si>
    <t>0.008594761231663028</t>
  </si>
  <si>
    <t>62324</t>
  </si>
  <si>
    <t>-4.497338771820068</t>
  </si>
  <si>
    <t>343.4285583496094</t>
  </si>
  <si>
    <t>0.00821670833031618</t>
  </si>
  <si>
    <t>62482</t>
  </si>
  <si>
    <t>-3.7324931621551514</t>
  </si>
  <si>
    <t>346.19830322265625</t>
  </si>
  <si>
    <t>0.0025319309072830976</t>
  </si>
  <si>
    <t>63513</t>
  </si>
  <si>
    <t>-5.113585472106934</t>
  </si>
  <si>
    <t>347.941162109375</t>
  </si>
  <si>
    <t>0.016366094092521877</t>
  </si>
  <si>
    <t>63614</t>
  </si>
  <si>
    <t>-5.23074197769165</t>
  </si>
  <si>
    <t>349.1411437988281</t>
  </si>
  <si>
    <t>0.0015889625532015117</t>
  </si>
  <si>
    <t>63930</t>
  </si>
  <si>
    <t>-6.222198486328125</t>
  </si>
  <si>
    <t>348.5369873046875</t>
  </si>
  <si>
    <t>0.004955162870521335</t>
  </si>
  <si>
    <t>62725</t>
  </si>
  <si>
    <t>-5.32457971572876</t>
  </si>
  <si>
    <t>350.27056884765625</t>
  </si>
  <si>
    <t>-0.019028642526150108</t>
  </si>
  <si>
    <t>64844</t>
  </si>
  <si>
    <t>-5.768557071685791</t>
  </si>
  <si>
    <t>346.89410400390625</t>
  </si>
  <si>
    <t>0.03322429302684071</t>
  </si>
  <si>
    <t>66208</t>
  </si>
  <si>
    <t>-4.997058868408203</t>
  </si>
  <si>
    <t>348.0848693847656</t>
  </si>
  <si>
    <t>0.02081691628380611</t>
  </si>
  <si>
    <t>105</t>
  </si>
  <si>
    <t>AFG</t>
  </si>
  <si>
    <t>12.692477226257324</t>
  </si>
  <si>
    <t>390.6194152832031</t>
  </si>
  <si>
    <t>8110.4794921875</t>
  </si>
  <si>
    <t>Afghanistan</t>
  </si>
  <si>
    <t>1185</t>
  </si>
  <si>
    <t>12.279373168945312</t>
  </si>
  <si>
    <t>527.0617065429688</t>
  </si>
  <si>
    <t>0.04311012365372768</t>
  </si>
  <si>
    <t>11.902743339538574</t>
  </si>
  <si>
    <t>425.67083740234375</t>
  </si>
  <si>
    <t>-0.0008442381252802278</t>
  </si>
  <si>
    <t>12.226061820983887</t>
  </si>
  <si>
    <t>377.9965515136719</t>
  </si>
  <si>
    <t>12.39957332611084</t>
  </si>
  <si>
    <t>363.71197509765625</t>
  </si>
  <si>
    <t>0.047824447049473306</t>
  </si>
  <si>
    <t>1252</t>
  </si>
  <si>
    <t>12.51043701171875</t>
  </si>
  <si>
    <t>379.24139404296875</t>
  </si>
  <si>
    <t>0.008019289166619537</t>
  </si>
  <si>
    <t>1249</t>
  </si>
  <si>
    <t>12.304329872131348</t>
  </si>
  <si>
    <t>367.98980712890625</t>
  </si>
  <si>
    <t>-0.0023990415344661287</t>
  </si>
  <si>
    <t>1314</t>
  </si>
  <si>
    <t>12.297503471374512</t>
  </si>
  <si>
    <t>433.36138916015625</t>
  </si>
  <si>
    <t>0.050732688918977864</t>
  </si>
  <si>
    <t>1354</t>
  </si>
  <si>
    <t>12.813464164733887</t>
  </si>
  <si>
    <t>420.1224365234375</t>
  </si>
  <si>
    <t>0.029987254427664922</t>
  </si>
  <si>
    <t>1179</t>
  </si>
  <si>
    <t>13.345573425292969</t>
  </si>
  <si>
    <t>352.63616943359375</t>
  </si>
  <si>
    <t>-0.1383965529348492</t>
  </si>
  <si>
    <t>1163</t>
  </si>
  <si>
    <t>13.020698547363281</t>
  </si>
  <si>
    <t>273.2631530761719</t>
  </si>
  <si>
    <t>-0.013663748018706734</t>
  </si>
  <si>
    <t>1220</t>
  </si>
  <si>
    <t>13.522566795349121</t>
  </si>
  <si>
    <t>286.6177673339844</t>
  </si>
  <si>
    <t>0.0478479852086382</t>
  </si>
  <si>
    <t>1280</t>
  </si>
  <si>
    <t>13.177310943603516</t>
  </si>
  <si>
    <t>362.3199768066406</t>
  </si>
  <si>
    <t>0.04800921918636014</t>
  </si>
  <si>
    <t>1292</t>
  </si>
  <si>
    <t>12.688358306884766</t>
  </si>
  <si>
    <t>433.05743408203125</t>
  </si>
  <si>
    <t>0.009331327428884428</t>
  </si>
  <si>
    <t>1260</t>
  </si>
  <si>
    <t>13.18769359588623</t>
  </si>
  <si>
    <t>352.2521057128906</t>
  </si>
  <si>
    <t>-0.02507968439702335</t>
  </si>
  <si>
    <t>1352</t>
  </si>
  <si>
    <t>12.575187683105469</t>
  </si>
  <si>
    <t>431.44525146484375</t>
  </si>
  <si>
    <t>0.0704732566573858</t>
  </si>
  <si>
    <t>1367</t>
  </si>
  <si>
    <t>13.366278648376465</t>
  </si>
  <si>
    <t>383.6517639160156</t>
  </si>
  <si>
    <t>0.011033580121039499</t>
  </si>
  <si>
    <t>12.47249698638916</t>
  </si>
  <si>
    <t>428.6771240234375</t>
  </si>
  <si>
    <t>0.11134113300251691</t>
  </si>
  <si>
    <t>13.479365348815918</t>
  </si>
  <si>
    <t>337.65179443359375</t>
  </si>
  <si>
    <t>0.018801202107532333</t>
  </si>
  <si>
    <t>13.206912994384766</t>
  </si>
  <si>
    <t>427.5017395019531</t>
  </si>
  <si>
    <t>0.15827099880027795</t>
  </si>
  <si>
    <t>2026</t>
  </si>
  <si>
    <t>13.258708000183105</t>
  </si>
  <si>
    <t>350.746337890625</t>
  </si>
  <si>
    <t>0.1050315141743523</t>
  </si>
  <si>
    <t>1961</t>
  </si>
  <si>
    <t>12.810707092285156</t>
  </si>
  <si>
    <t>393.7066955566406</t>
  </si>
  <si>
    <t>-0.032608858612282354</t>
  </si>
  <si>
    <t>12.675594329833984</t>
  </si>
  <si>
    <t>422.64532470703125</t>
  </si>
  <si>
    <t>0.07937563550690996</t>
  </si>
  <si>
    <t>2165</t>
  </si>
  <si>
    <t>13.274772644042969</t>
  </si>
  <si>
    <t>432.36175537109375</t>
  </si>
  <si>
    <t>0.019590178733333907</t>
  </si>
  <si>
    <t>2144</t>
  </si>
  <si>
    <t>12.540963172912598</t>
  </si>
  <si>
    <t>390.20928955078125</t>
  </si>
  <si>
    <t>-0.009747118245897468</t>
  </si>
  <si>
    <t>13.293194770812988</t>
  </si>
  <si>
    <t>481.5530700683594</t>
  </si>
  <si>
    <t>-0.01645934171191854</t>
  </si>
  <si>
    <t>2101</t>
  </si>
  <si>
    <t>13.442200660705566</t>
  </si>
  <si>
    <t>435.33843994140625</t>
  </si>
  <si>
    <t>-0.0038004796337736124</t>
  </si>
  <si>
    <t>13.321361541748047</t>
  </si>
  <si>
    <t>297.3893737792969</t>
  </si>
  <si>
    <t>-0.0023826554040677905</t>
  </si>
  <si>
    <t>13.626978874206543</t>
  </si>
  <si>
    <t>363.9656066894531</t>
  </si>
  <si>
    <t>-0.016839464550473693</t>
  </si>
  <si>
    <t>12.99719524383545</t>
  </si>
  <si>
    <t>466.7565002441406</t>
  </si>
  <si>
    <t>0.00917659180490471</t>
  </si>
  <si>
    <t>1968</t>
  </si>
  <si>
    <t>12.656014442443848</t>
  </si>
  <si>
    <t>426.8463439941406</t>
  </si>
  <si>
    <t>-0.05535009508316513</t>
  </si>
  <si>
    <t>13.912731170654297</t>
  </si>
  <si>
    <t>321.81976318359375</t>
  </si>
  <si>
    <t>-0.26094251140988156</t>
  </si>
  <si>
    <t>1563</t>
  </si>
  <si>
    <t>13.612598419189453</t>
  </si>
  <si>
    <t>327.5047302246094</t>
  </si>
  <si>
    <t>0.030531764219159818</t>
  </si>
  <si>
    <t>109</t>
  </si>
  <si>
    <t>CYM</t>
  </si>
  <si>
    <t>61004</t>
  </si>
  <si>
    <t>28.049997329711914</t>
  </si>
  <si>
    <t>1436.5999755859375</t>
  </si>
  <si>
    <t>189.0090789794922</t>
  </si>
  <si>
    <t>Cayman Islands</t>
  </si>
  <si>
    <t>59398</t>
  </si>
  <si>
    <t>27.725000381469727</t>
  </si>
  <si>
    <t>1437.199951171875</t>
  </si>
  <si>
    <t>-0.026678880025857055</t>
  </si>
  <si>
    <t>59740</t>
  </si>
  <si>
    <t>1411.300048828125</t>
  </si>
  <si>
    <t>0.00574125701988315</t>
  </si>
  <si>
    <t>61009</t>
  </si>
  <si>
    <t>27.533327102661133</t>
  </si>
  <si>
    <t>1456.7000732421875</t>
  </si>
  <si>
    <t>0.021019581485854033</t>
  </si>
  <si>
    <t>60958</t>
  </si>
  <si>
    <t>27.983335494995117</t>
  </si>
  <si>
    <t>1404.4000244140625</t>
  </si>
  <si>
    <t>-0.0008362918325843793</t>
  </si>
  <si>
    <t>62890</t>
  </si>
  <si>
    <t>27.683332443237305</t>
  </si>
  <si>
    <t>1497.800048828125</t>
  </si>
  <si>
    <t>0.031202066114179416</t>
  </si>
  <si>
    <t>63956</t>
  </si>
  <si>
    <t>27.258333206176758</t>
  </si>
  <si>
    <t>1496.9000244140625</t>
  </si>
  <si>
    <t>0.016808178367760718</t>
  </si>
  <si>
    <t>66169</t>
  </si>
  <si>
    <t>27.75</t>
  </si>
  <si>
    <t>1405.5</t>
  </si>
  <si>
    <t>0.03401672839781256</t>
  </si>
  <si>
    <t>67992</t>
  </si>
  <si>
    <t>1399.699951171875</t>
  </si>
  <si>
    <t>0.027177975875339655</t>
  </si>
  <si>
    <t>69671</t>
  </si>
  <si>
    <t>1490.4000244140625</t>
  </si>
  <si>
    <t>0.024394111122914452</t>
  </si>
  <si>
    <t>74810</t>
  </si>
  <si>
    <t>27.40833282470703</t>
  </si>
  <si>
    <t>1418.0</t>
  </si>
  <si>
    <t>0.07116740356507378</t>
  </si>
  <si>
    <t>78859</t>
  </si>
  <si>
    <t>27.858335494995117</t>
  </si>
  <si>
    <t>1473.2999267578125</t>
  </si>
  <si>
    <t>0.05270988178479108</t>
  </si>
  <si>
    <t>1475.5999755859375</t>
  </si>
  <si>
    <t>-0.01917867003057161</t>
  </si>
  <si>
    <t>79256</t>
  </si>
  <si>
    <t>1438.7999267578125</t>
  </si>
  <si>
    <t>0.02420034203219501</t>
  </si>
  <si>
    <t>80433</t>
  </si>
  <si>
    <t>27.733335494995117</t>
  </si>
  <si>
    <t>1399.5001220703125</t>
  </si>
  <si>
    <t>0.014741420064746436</t>
  </si>
  <si>
    <t>81170</t>
  </si>
  <si>
    <t>27.66666603088379</t>
  </si>
  <si>
    <t>1526.0001220703125</t>
  </si>
  <si>
    <t>0.009121181037610171</t>
  </si>
  <si>
    <t>84778</t>
  </si>
  <si>
    <t>27.799997329711914</t>
  </si>
  <si>
    <t>1455.900146484375</t>
  </si>
  <si>
    <t>0.043490354403695974</t>
  </si>
  <si>
    <t>84870</t>
  </si>
  <si>
    <t>27.941665649414062</t>
  </si>
  <si>
    <t>1508.89990234375</t>
  </si>
  <si>
    <t>0.0010845988048036048</t>
  </si>
  <si>
    <t>82125</t>
  </si>
  <si>
    <t>1468.300048828125</t>
  </si>
  <si>
    <t>-0.032878197176810176</t>
  </si>
  <si>
    <t>74069</t>
  </si>
  <si>
    <t>27.700002670288086</t>
  </si>
  <si>
    <t>1425.5999755859375</t>
  </si>
  <si>
    <t>-0.1032453856132527</t>
  </si>
  <si>
    <t>70096</t>
  </si>
  <si>
    <t>27.191667556762695</t>
  </si>
  <si>
    <t>1587.0001220703125</t>
  </si>
  <si>
    <t>-0.05513136011997943</t>
  </si>
  <si>
    <t>69103</t>
  </si>
  <si>
    <t>28.150001525878906</t>
  </si>
  <si>
    <t>1559.800048828125</t>
  </si>
  <si>
    <t>-0.014267585900249458</t>
  </si>
  <si>
    <t>68270</t>
  </si>
  <si>
    <t>28.008333206176758</t>
  </si>
  <si>
    <t>1408.0999755859375</t>
  </si>
  <si>
    <t>-0.012127713741104884</t>
  </si>
  <si>
    <t>67538</t>
  </si>
  <si>
    <t>27.908334732055664</t>
  </si>
  <si>
    <t>1396.199951171875</t>
  </si>
  <si>
    <t>-0.010780028992941837</t>
  </si>
  <si>
    <t>67762</t>
  </si>
  <si>
    <t>1474.699951171875</t>
  </si>
  <si>
    <t>0.00331116340957216</t>
  </si>
  <si>
    <t>68135</t>
  </si>
  <si>
    <t>28.33333396911621</t>
  </si>
  <si>
    <t>1377.7999267578125</t>
  </si>
  <si>
    <t>0.005489465354965972</t>
  </si>
  <si>
    <t>68824</t>
  </si>
  <si>
    <t>28.275001525878906</t>
  </si>
  <si>
    <t>1443.7998046875</t>
  </si>
  <si>
    <t>0.01006149011726265</t>
  </si>
  <si>
    <t>69535</t>
  </si>
  <si>
    <t>1586.0</t>
  </si>
  <si>
    <t>0.010277701611526524</t>
  </si>
  <si>
    <t>71046</t>
  </si>
  <si>
    <t>28.14166831970215</t>
  </si>
  <si>
    <t>1341.5</t>
  </si>
  <si>
    <t>0.021497331646301632</t>
  </si>
  <si>
    <t>72433</t>
  </si>
  <si>
    <t>28.599998474121094</t>
  </si>
  <si>
    <t>1381.2999267578125</t>
  </si>
  <si>
    <t>0.019334442073997593</t>
  </si>
  <si>
    <t>67531</t>
  </si>
  <si>
    <t>28.475000381469727</t>
  </si>
  <si>
    <t>1525.39990234375</t>
  </si>
  <si>
    <t>-0.07007524494038542</t>
  </si>
  <si>
    <t>69401</t>
  </si>
  <si>
    <t>1504.0999755859375</t>
  </si>
  <si>
    <t>0.027314524920361904</t>
  </si>
  <si>
    <t>71354</t>
  </si>
  <si>
    <t>28.30000114440918</t>
  </si>
  <si>
    <t>1452.999755859375</t>
  </si>
  <si>
    <t>0.02775212738843358</t>
  </si>
  <si>
    <t>111</t>
  </si>
  <si>
    <t>FRO</t>
  </si>
  <si>
    <t>51475</t>
  </si>
  <si>
    <t>6.31158447265625</t>
  </si>
  <si>
    <t>1774.6353759765625</t>
  </si>
  <si>
    <t>92.18998718261719</t>
  </si>
  <si>
    <t>Faroe Islands</t>
  </si>
  <si>
    <t>46809</t>
  </si>
  <si>
    <t>6.853540897369385</t>
  </si>
  <si>
    <t>1583.013671875</t>
  </si>
  <si>
    <t>-0.09502076078669752</t>
  </si>
  <si>
    <t>33227</t>
  </si>
  <si>
    <t>5.924468517303467</t>
  </si>
  <si>
    <t>2032.62158203125</t>
  </si>
  <si>
    <t>-0.3427126937037155</t>
  </si>
  <si>
    <t>27809</t>
  </si>
  <si>
    <t>5.718656539916992</t>
  </si>
  <si>
    <t>1471.1336669921875</t>
  </si>
  <si>
    <t>-0.1780030891124671</t>
  </si>
  <si>
    <t>21991</t>
  </si>
  <si>
    <t>5.882539749145508</t>
  </si>
  <si>
    <t>1631.5198974609375</t>
  </si>
  <si>
    <t>-0.2347264305622616</t>
  </si>
  <si>
    <t>19165</t>
  </si>
  <si>
    <t>5.783249378204346</t>
  </si>
  <si>
    <t>1520.5723876953125</t>
  </si>
  <si>
    <t>-0.13754757991619293</t>
  </si>
  <si>
    <t>16000</t>
  </si>
  <si>
    <t>6.05706262588501</t>
  </si>
  <si>
    <t>1496.2933349609375</t>
  </si>
  <si>
    <t>-0.1804969765927371</t>
  </si>
  <si>
    <t>17000</t>
  </si>
  <si>
    <t>6.628698825836182</t>
  </si>
  <si>
    <t>1726.412353515625</t>
  </si>
  <si>
    <t>0.060624621816435464</t>
  </si>
  <si>
    <t>18000</t>
  </si>
  <si>
    <t>5.993104934692383</t>
  </si>
  <si>
    <t>1797.1309814453125</t>
  </si>
  <si>
    <t>0.05715841383994835</t>
  </si>
  <si>
    <t>19000</t>
  </si>
  <si>
    <t>6.1482062339782715</t>
  </si>
  <si>
    <t>1846.026611328125</t>
  </si>
  <si>
    <t>0.05406722127027486</t>
  </si>
  <si>
    <t>20000</t>
  </si>
  <si>
    <t>6.339874267578125</t>
  </si>
  <si>
    <t>1743.681396484375</t>
  </si>
  <si>
    <t>0.05129329438755015</t>
  </si>
  <si>
    <t>21312</t>
  </si>
  <si>
    <t>6.373468399047852</t>
  </si>
  <si>
    <t>1490.2591552734375</t>
  </si>
  <si>
    <t>0.06353802080398907</t>
  </si>
  <si>
    <t>22625</t>
  </si>
  <si>
    <t>6.820916652679443</t>
  </si>
  <si>
    <t>1535.2982177734375</t>
  </si>
  <si>
    <t>0.05978519522801129</t>
  </si>
  <si>
    <t>23938</t>
  </si>
  <si>
    <t>7.235323429107666</t>
  </si>
  <si>
    <t>1465.1533203125</t>
  </si>
  <si>
    <t>0.05641166486518756</t>
  </si>
  <si>
    <t>25250</t>
  </si>
  <si>
    <t>6.981800556182861</t>
  </si>
  <si>
    <t>1813.0045166015625</t>
  </si>
  <si>
    <t>0.05335900127019144</t>
  </si>
  <si>
    <t>26562</t>
  </si>
  <si>
    <t>6.626438140869141</t>
  </si>
  <si>
    <t>1709.01708984375</t>
  </si>
  <si>
    <t>0.050655467256689235</t>
  </si>
  <si>
    <t>27875</t>
  </si>
  <si>
    <t>6.902699947357178</t>
  </si>
  <si>
    <t>1582.1357421875</t>
  </si>
  <si>
    <t>0.04824860680222365</t>
  </si>
  <si>
    <t>29188</t>
  </si>
  <si>
    <t>6.7350616455078125</t>
  </si>
  <si>
    <t>1654.4193115234375</t>
  </si>
  <si>
    <t>0.0460274361230919</t>
  </si>
  <si>
    <t>30500</t>
  </si>
  <si>
    <t>6.674728870391846</t>
  </si>
  <si>
    <t>1660.029296875</t>
  </si>
  <si>
    <t>0.043969017709992286</t>
  </si>
  <si>
    <t>32083</t>
  </si>
  <si>
    <t>6.88406229019165</t>
  </si>
  <si>
    <t>1672.2691650390625</t>
  </si>
  <si>
    <t>0.05059961122205614</t>
  </si>
  <si>
    <t>33667</t>
  </si>
  <si>
    <t>6.2839035987854</t>
  </si>
  <si>
    <t>1442.9744873046875</t>
  </si>
  <si>
    <t>0.04819183427881235</t>
  </si>
  <si>
    <t>35250</t>
  </si>
  <si>
    <t>6.829250812530518</t>
  </si>
  <si>
    <t>2012.996826171875</t>
  </si>
  <si>
    <t>0.045947400144042305</t>
  </si>
  <si>
    <t>36833</t>
  </si>
  <si>
    <t>6.4765706062316895</t>
  </si>
  <si>
    <t>1588.2451171875</t>
  </si>
  <si>
    <t>0.043928653216715574</t>
  </si>
  <si>
    <t>38417</t>
  </si>
  <si>
    <t>6.52601957321167</t>
  </si>
  <si>
    <t>1590.834716796875</t>
  </si>
  <si>
    <t>0.042105887485600846</t>
  </si>
  <si>
    <t>40000</t>
  </si>
  <si>
    <t>7.344946384429932</t>
  </si>
  <si>
    <t>1637.7271728515625</t>
  </si>
  <si>
    <t>0.040379384153341746</t>
  </si>
  <si>
    <t>41351</t>
  </si>
  <si>
    <t>6.478989124298096</t>
  </si>
  <si>
    <t>1666.4429931640625</t>
  </si>
  <si>
    <t>0.03321715086019772</t>
  </si>
  <si>
    <t>43094</t>
  </si>
  <si>
    <t>7.114715099334717</t>
  </si>
  <si>
    <t>1439.7852783203125</t>
  </si>
  <si>
    <t>0.04128717130790882</t>
  </si>
  <si>
    <t>45022</t>
  </si>
  <si>
    <t>7.020497798919678</t>
  </si>
  <si>
    <t>1521.2469482421875</t>
  </si>
  <si>
    <t>0.04376748290992971</t>
  </si>
  <si>
    <t>6.828540802001953</t>
  </si>
  <si>
    <t>1408.119140625</t>
  </si>
  <si>
    <t>0.04855533075727081</t>
  </si>
  <si>
    <t>49522</t>
  </si>
  <si>
    <t>6.969946384429932</t>
  </si>
  <si>
    <t>1601.579345703125</t>
  </si>
  <si>
    <t>0.04671042533366787</t>
  </si>
  <si>
    <t>50539</t>
  </si>
  <si>
    <t>6.6060919761657715</t>
  </si>
  <si>
    <t>1441.0218505859375</t>
  </si>
  <si>
    <t>0.02032830017351195</t>
  </si>
  <si>
    <t>53972</t>
  </si>
  <si>
    <t>6.966396331787109</t>
  </si>
  <si>
    <t>1558.0479736328125</t>
  </si>
  <si>
    <t>0.06572007811211833</t>
  </si>
  <si>
    <t>56984</t>
  </si>
  <si>
    <t>7.00272798538208</t>
  </si>
  <si>
    <t>1563.2908935546875</t>
  </si>
  <si>
    <t>0.05430513310751195</t>
  </si>
  <si>
    <t>112</t>
  </si>
  <si>
    <t>PYF</t>
  </si>
  <si>
    <t>11594</t>
  </si>
  <si>
    <t>7.529056549072266</t>
  </si>
  <si>
    <t>559.2139892578125</t>
  </si>
  <si>
    <t>202.30322265625</t>
  </si>
  <si>
    <t>French Polynesia</t>
  </si>
  <si>
    <t>9118</t>
  </si>
  <si>
    <t>7.566528797149658</t>
  </si>
  <si>
    <t>509.09332275390625</t>
  </si>
  <si>
    <t>-0.24023724112629097</t>
  </si>
  <si>
    <t>8687</t>
  </si>
  <si>
    <t>7.57805871963501</t>
  </si>
  <si>
    <t>612.3440551757812</t>
  </si>
  <si>
    <t>-0.048422826513467854</t>
  </si>
  <si>
    <t>9308</t>
  </si>
  <si>
    <t>7.554998397827148</t>
  </si>
  <si>
    <t>503.2476806640625</t>
  </si>
  <si>
    <t>0.06904659016226233</t>
  </si>
  <si>
    <t>9909</t>
  </si>
  <si>
    <t>7.609766006469727</t>
  </si>
  <si>
    <t>754.9926147460938</t>
  </si>
  <si>
    <t>0.06256918963671687</t>
  </si>
  <si>
    <t>10933</t>
  </si>
  <si>
    <t>7.621296405792236</t>
  </si>
  <si>
    <t>683.9450073242188</t>
  </si>
  <si>
    <t>0.09834230337558658</t>
  </si>
  <si>
    <t>11747</t>
  </si>
  <si>
    <t>7.5319390296936035</t>
  </si>
  <si>
    <t>575.5750732421875</t>
  </si>
  <si>
    <t>0.07181215038940003</t>
  </si>
  <si>
    <t>10800</t>
  </si>
  <si>
    <t>7.508878707885742</t>
  </si>
  <si>
    <t>507.84808349609375</t>
  </si>
  <si>
    <t>-0.08405175471157378</t>
  </si>
  <si>
    <t>12475</t>
  </si>
  <si>
    <t>7.572293758392334</t>
  </si>
  <si>
    <t>629.1892700195312</t>
  </si>
  <si>
    <t>0.14418050750740719</t>
  </si>
  <si>
    <t>14150</t>
  </si>
  <si>
    <t>7.589588642120361</t>
  </si>
  <si>
    <t>501.3797912597656</t>
  </si>
  <si>
    <t>0.1259879824516652</t>
  </si>
  <si>
    <t>15825</t>
  </si>
  <si>
    <t>427.4958801269531</t>
  </si>
  <si>
    <t>0.11187634394099355</t>
  </si>
  <si>
    <t>17500</t>
  </si>
  <si>
    <t>7.5348219871521</t>
  </si>
  <si>
    <t>533.6521606445312</t>
  </si>
  <si>
    <t>0.1006099128992286</t>
  </si>
  <si>
    <t>7.644355773925781</t>
  </si>
  <si>
    <t>402.6603698730469</t>
  </si>
  <si>
    <t>7.604000568389893</t>
  </si>
  <si>
    <t>398.95928955078125</t>
  </si>
  <si>
    <t>7.575176239013672</t>
  </si>
  <si>
    <t>441.85064697265625</t>
  </si>
  <si>
    <t>613.0358276367188</t>
  </si>
  <si>
    <t>0.105360515657825</t>
  </si>
  <si>
    <t>22000</t>
  </si>
  <si>
    <t>7.632826328277588</t>
  </si>
  <si>
    <t>696.0860595703125</t>
  </si>
  <si>
    <t>0.09531017980432566</t>
  </si>
  <si>
    <t>22683</t>
  </si>
  <si>
    <t>7.604001522064209</t>
  </si>
  <si>
    <t>509.681396484375</t>
  </si>
  <si>
    <t>0.03057329188592739</t>
  </si>
  <si>
    <t>23367</t>
  </si>
  <si>
    <t>296.74627685546875</t>
  </si>
  <si>
    <t>0.029709025361677632</t>
  </si>
  <si>
    <t>24050</t>
  </si>
  <si>
    <t>7.673181056976318</t>
  </si>
  <si>
    <t>517.32568359375</t>
  </si>
  <si>
    <t>0.0288102259458487</t>
  </si>
  <si>
    <t>24733</t>
  </si>
  <si>
    <t>7.627061367034912</t>
  </si>
  <si>
    <t>409.9588623046875</t>
  </si>
  <si>
    <t>0.02800338777369049</t>
  </si>
  <si>
    <t>25417</t>
  </si>
  <si>
    <t>7.520409107208252</t>
  </si>
  <si>
    <t>424.52117919921875</t>
  </si>
  <si>
    <t>0.027279857162051613</t>
  </si>
  <si>
    <t>26100</t>
  </si>
  <si>
    <t>7.601118564605713</t>
  </si>
  <si>
    <t>544.82470703125</t>
  </si>
  <si>
    <t>0.026517072841135914</t>
  </si>
  <si>
    <t>26375</t>
  </si>
  <si>
    <t>7.503114223480225</t>
  </si>
  <si>
    <t>358.2470397949219</t>
  </si>
  <si>
    <t>0.010481277467583539</t>
  </si>
  <si>
    <t>26842</t>
  </si>
  <si>
    <t>7.569411754608154</t>
  </si>
  <si>
    <t>726.4905395507812</t>
  </si>
  <si>
    <t>0.017551233179382564</t>
  </si>
  <si>
    <t>27444</t>
  </si>
  <si>
    <t>7.5838236808776855</t>
  </si>
  <si>
    <t>351.4328308105469</t>
  </si>
  <si>
    <t>0.0221797398530299</t>
  </si>
  <si>
    <t>28298</t>
  </si>
  <si>
    <t>7.713534832000732</t>
  </si>
  <si>
    <t>831.816650390625</t>
  </si>
  <si>
    <t>0.030643565945117857</t>
  </si>
  <si>
    <t>29288</t>
  </si>
  <si>
    <t>7.676063060760498</t>
  </si>
  <si>
    <t>542.2650146484375</t>
  </si>
  <si>
    <t>0.034386745044173495</t>
  </si>
  <si>
    <t>30417</t>
  </si>
  <si>
    <t>7.598236083984375</t>
  </si>
  <si>
    <t>539.8091430664062</t>
  </si>
  <si>
    <t>0.037823786820617045</t>
  </si>
  <si>
    <t>31111</t>
  </si>
  <si>
    <t>7.650121212005615</t>
  </si>
  <si>
    <t>383.8089599609375</t>
  </si>
  <si>
    <t>0.02255979175952838</t>
  </si>
  <si>
    <t>30337</t>
  </si>
  <si>
    <t>469.695556640625</t>
  </si>
  <si>
    <t>-0.025193364733752333</t>
  </si>
  <si>
    <t>33059</t>
  </si>
  <si>
    <t>7.650120258331299</t>
  </si>
  <si>
    <t>397.8523864746094</t>
  </si>
  <si>
    <t>0.0859257542371914</t>
  </si>
  <si>
    <t>34911</t>
  </si>
  <si>
    <t>494.738525390625</t>
  </si>
  <si>
    <t>0.05450812189253007</t>
  </si>
  <si>
    <t>114</t>
  </si>
  <si>
    <t>GRL</t>
  </si>
  <si>
    <t>20905</t>
  </si>
  <si>
    <t>-6.2757086753845215</t>
  </si>
  <si>
    <t>618.104248046875</t>
  </si>
  <si>
    <t>76.303466796875</t>
  </si>
  <si>
    <t>Greenland</t>
  </si>
  <si>
    <t>18773</t>
  </si>
  <si>
    <t>-5.172828674316406</t>
  </si>
  <si>
    <t>652.6932373046875</t>
  </si>
  <si>
    <t>-0.10756869746630393</t>
  </si>
  <si>
    <t>17133</t>
  </si>
  <si>
    <t>-7.076685428619385</t>
  </si>
  <si>
    <t>570.7587890625</t>
  </si>
  <si>
    <t>-0.09141323899138953</t>
  </si>
  <si>
    <t>16963</t>
  </si>
  <si>
    <t>-6.505792140960693</t>
  </si>
  <si>
    <t>668.1767578125</t>
  </si>
  <si>
    <t>-0.009971926837250678</t>
  </si>
  <si>
    <t>17490</t>
  </si>
  <si>
    <t>-5.761448383331299</t>
  </si>
  <si>
    <t>651.7100830078125</t>
  </si>
  <si>
    <t>0.030594787516925237</t>
  </si>
  <si>
    <t>18316</t>
  </si>
  <si>
    <t>-5.189356327056885</t>
  </si>
  <si>
    <t>697.3964233398438</t>
  </si>
  <si>
    <t>0.04614570576433863</t>
  </si>
  <si>
    <t>19794</t>
  </si>
  <si>
    <t>-5.099989414215088</t>
  </si>
  <si>
    <t>873.888671875</t>
  </si>
  <si>
    <t>0.07760386667965058</t>
  </si>
  <si>
    <t>16100</t>
  </si>
  <si>
    <t>-5.280184268951416</t>
  </si>
  <si>
    <t>813.4884643554688</t>
  </si>
  <si>
    <t>-0.20655958948408149</t>
  </si>
  <si>
    <t>17400</t>
  </si>
  <si>
    <t>-4.468125343322754</t>
  </si>
  <si>
    <t>654.716552734375</t>
  </si>
  <si>
    <t>0.07765093423006597</t>
  </si>
  <si>
    <t>18700</t>
  </si>
  <si>
    <t>-5.31587553024292</t>
  </si>
  <si>
    <t>761.1229248046875</t>
  </si>
  <si>
    <t>0.07205331764005685</t>
  </si>
  <si>
    <t>-4.507191181182861</t>
  </si>
  <si>
    <t>768.0439453125</t>
  </si>
  <si>
    <t>0.06720874969344948</t>
  </si>
  <si>
    <t>-4.177306652069092</t>
  </si>
  <si>
    <t>656.7662353515625</t>
  </si>
  <si>
    <t>22650</t>
  </si>
  <si>
    <t>-4.341430187225342</t>
  </si>
  <si>
    <t>574.5438842773438</t>
  </si>
  <si>
    <t>0.12442757837505347</t>
  </si>
  <si>
    <t>25300</t>
  </si>
  <si>
    <t>-3.8027639389038086</t>
  </si>
  <si>
    <t>740.316162109375</t>
  </si>
  <si>
    <t>0.11064454380443145</t>
  </si>
  <si>
    <t>27950</t>
  </si>
  <si>
    <t>-4.1949591636657715</t>
  </si>
  <si>
    <t>682.4816284179688</t>
  </si>
  <si>
    <t>0.0996128038676325</t>
  </si>
  <si>
    <t>30600</t>
  </si>
  <si>
    <t>-3.655597686767578</t>
  </si>
  <si>
    <t>734.7083129882812</t>
  </si>
  <si>
    <t>0.09058280935722784</t>
  </si>
  <si>
    <t>33250</t>
  </si>
  <si>
    <t>-3.888456106185913</t>
  </si>
  <si>
    <t>513.2532958984375</t>
  </si>
  <si>
    <t>0.08305475814352725</t>
  </si>
  <si>
    <t>35900</t>
  </si>
  <si>
    <t>-4.317982196807861</t>
  </si>
  <si>
    <t>703.5132446289062</t>
  </si>
  <si>
    <t>0.07668252839236978</t>
  </si>
  <si>
    <t>37900</t>
  </si>
  <si>
    <t>-4.495814800262451</t>
  </si>
  <si>
    <t>586.4224853515625</t>
  </si>
  <si>
    <t>0.0542138165941477</t>
  </si>
  <si>
    <t>38457</t>
  </si>
  <si>
    <t>-4.077517986297607</t>
  </si>
  <si>
    <t>488.9100341796875</t>
  </si>
  <si>
    <t>0.014589621909726347</t>
  </si>
  <si>
    <t>39014</t>
  </si>
  <si>
    <t>-2.20904803276062</t>
  </si>
  <si>
    <t>494.1732482910156</t>
  </si>
  <si>
    <t>0.014379822074634063</t>
  </si>
  <si>
    <t>39571</t>
  </si>
  <si>
    <t>-4.699686527252197</t>
  </si>
  <si>
    <t>615.6779174804688</t>
  </si>
  <si>
    <t>0.01417597067572629</t>
  </si>
  <si>
    <t>40129</t>
  </si>
  <si>
    <t>-4.331566333770752</t>
  </si>
  <si>
    <t>783.7978515625</t>
  </si>
  <si>
    <t>0.014002738206666976</t>
  </si>
  <si>
    <t>40686</t>
  </si>
  <si>
    <t>-4.524712562561035</t>
  </si>
  <si>
    <t>835.7310180664062</t>
  </si>
  <si>
    <t>0.013784787974625345</t>
  </si>
  <si>
    <t>41243</t>
  </si>
  <si>
    <t>-4.618122577667236</t>
  </si>
  <si>
    <t>771.7688598632812</t>
  </si>
  <si>
    <t>0.013597348481074079</t>
  </si>
  <si>
    <t>41800</t>
  </si>
  <si>
    <t>-5.519641876220703</t>
  </si>
  <si>
    <t>736.6279296875</t>
  </si>
  <si>
    <t>0.013414938119877817</t>
  </si>
  <si>
    <t>43675</t>
  </si>
  <si>
    <t>-4.091702938079834</t>
  </si>
  <si>
    <t>758.69873046875</t>
  </si>
  <si>
    <t>0.04387951648940991</t>
  </si>
  <si>
    <t>45489</t>
  </si>
  <si>
    <t>-4.754518985748291</t>
  </si>
  <si>
    <t>700.074462890625</t>
  </si>
  <si>
    <t>0.040694682466790866</t>
  </si>
  <si>
    <t>47334</t>
  </si>
  <si>
    <t>-5.28290319442749</t>
  </si>
  <si>
    <t>686.1075439453125</t>
  </si>
  <si>
    <t>0.039758314854095644</t>
  </si>
  <si>
    <t>49981</t>
  </si>
  <si>
    <t>-3.750741958618164</t>
  </si>
  <si>
    <t>634.1961669921875</t>
  </si>
  <si>
    <t>0.0544140798688435</t>
  </si>
  <si>
    <t>48011</t>
  </si>
  <si>
    <t>-3.946748733520508</t>
  </si>
  <si>
    <t>765.5850830078125</t>
  </si>
  <si>
    <t>-0.04021278188996291</t>
  </si>
  <si>
    <t>52810</t>
  </si>
  <si>
    <t>-3.4911601543426514</t>
  </si>
  <si>
    <t>736.0935668945312</t>
  </si>
  <si>
    <t>0.09527041539895365</t>
  </si>
  <si>
    <t>59249</t>
  </si>
  <si>
    <t>-4.529694557189941</t>
  </si>
  <si>
    <t>735.572509765625</t>
  </si>
  <si>
    <t>0.11504833551683902</t>
  </si>
  <si>
    <t>115</t>
  </si>
  <si>
    <t>GUM</t>
  </si>
  <si>
    <t>22457</t>
  </si>
  <si>
    <t>2589.199951171875</t>
  </si>
  <si>
    <t>226.98622131347656</t>
  </si>
  <si>
    <t>Guam</t>
  </si>
  <si>
    <t>21342</t>
  </si>
  <si>
    <t>27.608335494995117</t>
  </si>
  <si>
    <t>2524.69970703125</t>
  </si>
  <si>
    <t>-0.05092540740203155</t>
  </si>
  <si>
    <t>19007</t>
  </si>
  <si>
    <t>27.625001907348633</t>
  </si>
  <si>
    <t>2291.699951171875</t>
  </si>
  <si>
    <t>-0.1158696298256725</t>
  </si>
  <si>
    <t>17482</t>
  </si>
  <si>
    <t>27.59166717529297</t>
  </si>
  <si>
    <t>1792.2001953125</t>
  </si>
  <si>
    <t>-0.08363555221040464</t>
  </si>
  <si>
    <t>17319</t>
  </si>
  <si>
    <t>2041.9998779296875</t>
  </si>
  <si>
    <t>-0.009367615411388641</t>
  </si>
  <si>
    <t>18196</t>
  </si>
  <si>
    <t>27.475004196166992</t>
  </si>
  <si>
    <t>2232.60009765625</t>
  </si>
  <si>
    <t>0.049397624960850095</t>
  </si>
  <si>
    <t>27.500001907348633</t>
  </si>
  <si>
    <t>2633.5</t>
  </si>
  <si>
    <t>0.043237189458682934</t>
  </si>
  <si>
    <t>19500</t>
  </si>
  <si>
    <t>27.458335876464844</t>
  </si>
  <si>
    <t>2681.300048828125</t>
  </si>
  <si>
    <t>0.025975486403261527</t>
  </si>
  <si>
    <t>1425.800048828125</t>
  </si>
  <si>
    <t>0.02531780798428862</t>
  </si>
  <si>
    <t>20500</t>
  </si>
  <si>
    <t>1997.89990234375</t>
  </si>
  <si>
    <t>0.02469261259037303</t>
  </si>
  <si>
    <t>21000</t>
  </si>
  <si>
    <t>27.70833396911621</t>
  </si>
  <si>
    <t>2013.0001220703125</t>
  </si>
  <si>
    <t>0.02409755157905913</t>
  </si>
  <si>
    <t>19800</t>
  </si>
  <si>
    <t>2669.30029296875</t>
  </si>
  <si>
    <t>-0.058840500022933284</t>
  </si>
  <si>
    <t>18600</t>
  </si>
  <si>
    <t>2137.39990234375</t>
  </si>
  <si>
    <t>-0.06252035698133263</t>
  </si>
  <si>
    <t>27.69999885559082</t>
  </si>
  <si>
    <t>2818.89990234375</t>
  </si>
  <si>
    <t>-0.06669137449867257</t>
  </si>
  <si>
    <t>16200</t>
  </si>
  <si>
    <t>27.73332977294922</t>
  </si>
  <si>
    <t>2157.7998046875</t>
  </si>
  <si>
    <t>-0.07145896398214546</t>
  </si>
  <si>
    <t>15000</t>
  </si>
  <si>
    <t>2419.0</t>
  </si>
  <si>
    <t>-0.07696104113612812</t>
  </si>
  <si>
    <t>17740</t>
  </si>
  <si>
    <t>27.73333740234375</t>
  </si>
  <si>
    <t>2398.10009765625</t>
  </si>
  <si>
    <t>0.1677717757792223</t>
  </si>
  <si>
    <t>20480</t>
  </si>
  <si>
    <t>27.883331298828125</t>
  </si>
  <si>
    <t>2226.39990234375</t>
  </si>
  <si>
    <t>0.14362682328987475</t>
  </si>
  <si>
    <t>23220</t>
  </si>
  <si>
    <t>27.8416690826416</t>
  </si>
  <si>
    <t>1930.5001220703125</t>
  </si>
  <si>
    <t>0.12556517609843887</t>
  </si>
  <si>
    <t>25960</t>
  </si>
  <si>
    <t>27.79166603088379</t>
  </si>
  <si>
    <t>2421.500244140625</t>
  </si>
  <si>
    <t>0.11154291556614382</t>
  </si>
  <si>
    <t>28700</t>
  </si>
  <si>
    <t>27.933334350585938</t>
  </si>
  <si>
    <t>2178.30029296875</t>
  </si>
  <si>
    <t>0.10034023092968525</t>
  </si>
  <si>
    <t>29300</t>
  </si>
  <si>
    <t>3010.00048828125</t>
  </si>
  <si>
    <t>0.02069039325744626</t>
  </si>
  <si>
    <t>29900</t>
  </si>
  <si>
    <t>28.041669845581055</t>
  </si>
  <si>
    <t>2593.89990234375</t>
  </si>
  <si>
    <t>0.020270964373619194</t>
  </si>
  <si>
    <t>28.341665267944336</t>
  </si>
  <si>
    <t>2753.5</t>
  </si>
  <si>
    <t>0.019868203216725888</t>
  </si>
  <si>
    <t>32200</t>
  </si>
  <si>
    <t>28.149999618530273</t>
  </si>
  <si>
    <t>2658.0</t>
  </si>
  <si>
    <t>0.05423976893699667</t>
  </si>
  <si>
    <t>33900</t>
  </si>
  <si>
    <t>2573.800048828125</t>
  </si>
  <si>
    <t>0.05144856183604141</t>
  </si>
  <si>
    <t>35600</t>
  </si>
  <si>
    <t>28.5</t>
  </si>
  <si>
    <t>2623.7001953125</t>
  </si>
  <si>
    <t>0.0489306234715805</t>
  </si>
  <si>
    <t>36882</t>
  </si>
  <si>
    <t>28.258333206176758</t>
  </si>
  <si>
    <t>2450.2998046875</t>
  </si>
  <si>
    <t>0.035377989294941514</t>
  </si>
  <si>
    <t>39742</t>
  </si>
  <si>
    <t>2930.7001953125</t>
  </si>
  <si>
    <t>0.0746849358306978</t>
  </si>
  <si>
    <t>42311</t>
  </si>
  <si>
    <t>28.10833168029785</t>
  </si>
  <si>
    <t>2442.0</t>
  </si>
  <si>
    <t>0.06263853654349738</t>
  </si>
  <si>
    <t>40355</t>
  </si>
  <si>
    <t>28.07499885559082</t>
  </si>
  <si>
    <t>2406.69970703125</t>
  </si>
  <si>
    <t>-0.047331796750786026</t>
  </si>
  <si>
    <t>45031</t>
  </si>
  <si>
    <t>27.875001907348633</t>
  </si>
  <si>
    <t>2692.10009765625</t>
  </si>
  <si>
    <t>0.10963583870784</t>
  </si>
  <si>
    <t>47590</t>
  </si>
  <si>
    <t>27.591665267944336</t>
  </si>
  <si>
    <t>2633.099853515625</t>
  </si>
  <si>
    <t>0.05527151364884375</t>
  </si>
  <si>
    <t>116</t>
  </si>
  <si>
    <t>IMN</t>
  </si>
  <si>
    <t>12000</t>
  </si>
  <si>
    <t>9.666666984558105</t>
  </si>
  <si>
    <t>1253.800048828125</t>
  </si>
  <si>
    <t>101.71833801269531</t>
  </si>
  <si>
    <t>Isle of Man</t>
  </si>
  <si>
    <t>12160</t>
  </si>
  <si>
    <t>9.208333969116211</t>
  </si>
  <si>
    <t>1106.800048828125</t>
  </si>
  <si>
    <t>0.013245226750020933</t>
  </si>
  <si>
    <t>12320</t>
  </si>
  <si>
    <t>9.358333587646484</t>
  </si>
  <si>
    <t>1321.5</t>
  </si>
  <si>
    <t>0.013072081567353067</t>
  </si>
  <si>
    <t>12480</t>
  </si>
  <si>
    <t>8.82500171661377</t>
  </si>
  <si>
    <t>1211.5</t>
  </si>
  <si>
    <t>0.01290340483590846</t>
  </si>
  <si>
    <t>12640</t>
  </si>
  <si>
    <t>9.341668128967285</t>
  </si>
  <si>
    <t>1346.9998779296875</t>
  </si>
  <si>
    <t>0.012739025777429802</t>
  </si>
  <si>
    <t>12800</t>
  </si>
  <si>
    <t>9.958333969116211</t>
  </si>
  <si>
    <t>1012.2001342773438</t>
  </si>
  <si>
    <t>0.012578782206858818</t>
  </si>
  <si>
    <t>14300</t>
  </si>
  <si>
    <t>8.774999618530273</t>
  </si>
  <si>
    <t>1034.60009765625</t>
  </si>
  <si>
    <t>0.11081436634029096</t>
  </si>
  <si>
    <t>15800</t>
  </si>
  <si>
    <t>10.199999809265137</t>
  </si>
  <si>
    <t>1253.0999755859375</t>
  </si>
  <si>
    <t>0.09975040276705904</t>
  </si>
  <si>
    <t>17300</t>
  </si>
  <si>
    <t>9.808333396911621</t>
  </si>
  <si>
    <t>1411.7000732421875</t>
  </si>
  <si>
    <t>0.0906965614708124</t>
  </si>
  <si>
    <t>18800</t>
  </si>
  <si>
    <t>9.875</t>
  </si>
  <si>
    <t>1246.9000244140625</t>
  </si>
  <si>
    <t>0.08315036833216993</t>
  </si>
  <si>
    <t>19900</t>
  </si>
  <si>
    <t>9.52500057220459</t>
  </si>
  <si>
    <t>1501.10009765625</t>
  </si>
  <si>
    <t>0.056862861894543926</t>
  </si>
  <si>
    <t>9.649999618530273</t>
  </si>
  <si>
    <t>1131.0</t>
  </si>
  <si>
    <t>0.05380270599297532</t>
  </si>
  <si>
    <t>24400</t>
  </si>
  <si>
    <t>9.77500057220459</t>
  </si>
  <si>
    <t>1458.5999755859375</t>
  </si>
  <si>
    <t>0.15006069457573368</t>
  </si>
  <si>
    <t>27800</t>
  </si>
  <si>
    <t>9.983333587646484</t>
  </si>
  <si>
    <t>1091.0</t>
  </si>
  <si>
    <t>0.13045288839743563</t>
  </si>
  <si>
    <t>31400</t>
  </si>
  <si>
    <t>9.933333396911621</t>
  </si>
  <si>
    <t>1135.4000244140625</t>
  </si>
  <si>
    <t>0.1217718722176162</t>
  </si>
  <si>
    <t>35000</t>
  </si>
  <si>
    <t>9.7333345413208</t>
  </si>
  <si>
    <t>1090.2000732421875</t>
  </si>
  <si>
    <t>0.10854016857520499</t>
  </si>
  <si>
    <t>40511</t>
  </si>
  <si>
    <t>10.175000190734863</t>
  </si>
  <si>
    <t>1318.400146484375</t>
  </si>
  <si>
    <t>0.1462254806834089</t>
  </si>
  <si>
    <t>46022</t>
  </si>
  <si>
    <t>10.091666221618652</t>
  </si>
  <si>
    <t>1199.39990234375</t>
  </si>
  <si>
    <t>0.12754600085555978</t>
  </si>
  <si>
    <t>51533</t>
  </si>
  <si>
    <t>9.375000953674316</t>
  </si>
  <si>
    <t>1293.7000732421875</t>
  </si>
  <si>
    <t>0.11310283613060612</t>
  </si>
  <si>
    <t>57044</t>
  </si>
  <si>
    <t>9.433332443237305</t>
  </si>
  <si>
    <t>1269.60009765625</t>
  </si>
  <si>
    <t>0.10160052071553238</t>
  </si>
  <si>
    <t>62556</t>
  </si>
  <si>
    <t>8.691667556762695</t>
  </si>
  <si>
    <t>1043.0999755859375</t>
  </si>
  <si>
    <t>0.09223925569944846</t>
  </si>
  <si>
    <t>68067</t>
  </si>
  <si>
    <t>9.966666221618652</t>
  </si>
  <si>
    <t>1243.2000732421875</t>
  </si>
  <si>
    <t>0.08443035863614412</t>
  </si>
  <si>
    <t>73578</t>
  </si>
  <si>
    <t>9.258334159851074</t>
  </si>
  <si>
    <t>1386.9998779296875</t>
  </si>
  <si>
    <t>0.07785355379783176</t>
  </si>
  <si>
    <t>79089</t>
  </si>
  <si>
    <t>9.391666412353516</t>
  </si>
  <si>
    <t>1294.4000244140625</t>
  </si>
  <si>
    <t>0.07222773261995563</t>
  </si>
  <si>
    <t>84600</t>
  </si>
  <si>
    <t>10.09999942779541</t>
  </si>
  <si>
    <t>1297.800048828125</t>
  </si>
  <si>
    <t>0.0673604659842777</t>
  </si>
  <si>
    <t>90248</t>
  </si>
  <si>
    <t>9.466666221618652</t>
  </si>
  <si>
    <t>1486.599853515625</t>
  </si>
  <si>
    <t>0.06462716969044102</t>
  </si>
  <si>
    <t>96087</t>
  </si>
  <si>
    <t>1097.9000244140625</t>
  </si>
  <si>
    <t>0.062692594768615</t>
  </si>
  <si>
    <t>102354</t>
  </si>
  <si>
    <t>9.908333778381348</t>
  </si>
  <si>
    <t>1352.10009765625</t>
  </si>
  <si>
    <t>0.06318336185520401</t>
  </si>
  <si>
    <t>108964</t>
  </si>
  <si>
    <t>9.683333396911621</t>
  </si>
  <si>
    <t>1133.7999267578125</t>
  </si>
  <si>
    <t>0.06258015952047202</t>
  </si>
  <si>
    <t>115226</t>
  </si>
  <si>
    <t>1328.0</t>
  </si>
  <si>
    <t>0.05587786479416579</t>
  </si>
  <si>
    <t>117593</t>
  </si>
  <si>
    <t>9.658333778381348</t>
  </si>
  <si>
    <t>1489.7999267578125</t>
  </si>
  <si>
    <t>0.020334092642315227</t>
  </si>
  <si>
    <t>127694</t>
  </si>
  <si>
    <t>10.024999618530273</t>
  </si>
  <si>
    <t>1115.60009765625</t>
  </si>
  <si>
    <t>0.08240726692988964</t>
  </si>
  <si>
    <t>131629</t>
  </si>
  <si>
    <t>10.316666603088379</t>
  </si>
  <si>
    <t>1228.0999755859375</t>
  </si>
  <si>
    <t>0.030350582542833848</t>
  </si>
  <si>
    <t>117</t>
  </si>
  <si>
    <t>PRK</t>
  </si>
  <si>
    <t>9.234671592712402</t>
  </si>
  <si>
    <t>1411.4444580078125</t>
  </si>
  <si>
    <t>10912.8515625</t>
  </si>
  <si>
    <t>North Korea</t>
  </si>
  <si>
    <t>2272</t>
  </si>
  <si>
    <t>8.643392562866211</t>
  </si>
  <si>
    <t>886.5259399414062</t>
  </si>
  <si>
    <t>-0.09802735561497222</t>
  </si>
  <si>
    <t>8.47453784942627</t>
  </si>
  <si>
    <t>944.6245727539062</t>
  </si>
  <si>
    <t>-0.11311744001522683</t>
  </si>
  <si>
    <t>1723</t>
  </si>
  <si>
    <t>8.179694175720215</t>
  </si>
  <si>
    <t>910.4470825195312</t>
  </si>
  <si>
    <t>-0.1634761032978851</t>
  </si>
  <si>
    <t>1308</t>
  </si>
  <si>
    <t>9.357935905456543</t>
  </si>
  <si>
    <t>1004.4620971679688</t>
  </si>
  <si>
    <t>-0.2755677045107854</t>
  </si>
  <si>
    <t>8.50507640838623</t>
  </si>
  <si>
    <t>1168.9925537109375</t>
  </si>
  <si>
    <t>-0.1339683600774011</t>
  </si>
  <si>
    <t>8.315703392028809</t>
  </si>
  <si>
    <t>997.4368286132812</t>
  </si>
  <si>
    <t>-0.10788896201118536</t>
  </si>
  <si>
    <t>9.029646873474121</t>
  </si>
  <si>
    <t>902.6723022460938</t>
  </si>
  <si>
    <t>-0.023646421966621922</t>
  </si>
  <si>
    <t>9.838078498840332</t>
  </si>
  <si>
    <t>1231.4893798828125</t>
  </si>
  <si>
    <t>-0.0110276806770635</t>
  </si>
  <si>
    <t>8.937982559204102</t>
  </si>
  <si>
    <t>1077.750732421875</t>
  </si>
  <si>
    <t>8.609003067016602</t>
  </si>
  <si>
    <t>931.9857177734375</t>
  </si>
  <si>
    <t>9.27660846710205</t>
  </si>
  <si>
    <t>946.8856811523438</t>
  </si>
  <si>
    <t>8.919568061828613</t>
  </si>
  <si>
    <t>931.45849609375</t>
  </si>
  <si>
    <t>1300</t>
  </si>
  <si>
    <t>9.010233879089355</t>
  </si>
  <si>
    <t>1195.6849365234375</t>
  </si>
  <si>
    <t>0.2623642644674913</t>
  </si>
  <si>
    <t>1700</t>
  </si>
  <si>
    <t>9.440688133239746</t>
  </si>
  <si>
    <t>1128.725830078125</t>
  </si>
  <si>
    <t>0.268263986594679</t>
  </si>
  <si>
    <t>8.598514556884766</t>
  </si>
  <si>
    <t>1174.3663330078125</t>
  </si>
  <si>
    <t>9.068222999572754</t>
  </si>
  <si>
    <t>1059.757568359375</t>
  </si>
  <si>
    <t>0.05715841383994924</t>
  </si>
  <si>
    <t>9.331391334533691</t>
  </si>
  <si>
    <t>1186.887939453125</t>
  </si>
  <si>
    <t>-0.05715841383994924</t>
  </si>
  <si>
    <t>9.16991901397705</t>
  </si>
  <si>
    <t>933.2698974609375</t>
  </si>
  <si>
    <t>8.792815208435059</t>
  </si>
  <si>
    <t>1020.9865112304688</t>
  </si>
  <si>
    <t>8.371026039123535</t>
  </si>
  <si>
    <t>1293.019287109375</t>
  </si>
  <si>
    <t>8.688834190368652</t>
  </si>
  <si>
    <t>1076.8724365234375</t>
  </si>
  <si>
    <t>8.345759391784668</t>
  </si>
  <si>
    <t>1251.320068359375</t>
  </si>
  <si>
    <t>8.971461296081543</t>
  </si>
  <si>
    <t>1189.86328125</t>
  </si>
  <si>
    <t>9.160819053649902</t>
  </si>
  <si>
    <t>783.0134887695312</t>
  </si>
  <si>
    <t>9.299412727355957</t>
  </si>
  <si>
    <t>819.0718994140625</t>
  </si>
  <si>
    <t>1752</t>
  </si>
  <si>
    <t>9.668601036071777</t>
  </si>
  <si>
    <t>957.578125</t>
  </si>
  <si>
    <t>0.030129741452030068</t>
  </si>
  <si>
    <t>9.058682441711426</t>
  </si>
  <si>
    <t>872.1368408203125</t>
  </si>
  <si>
    <t>0.02980259927064388</t>
  </si>
  <si>
    <t>1882</t>
  </si>
  <si>
    <t>9.433928489685059</t>
  </si>
  <si>
    <t>957.5213012695312</t>
  </si>
  <si>
    <t>0.041774449378343625</t>
  </si>
  <si>
    <t>1958</t>
  </si>
  <si>
    <t>9.830252647399902</t>
  </si>
  <si>
    <t>847.469970703125</t>
  </si>
  <si>
    <t>0.039588502945131054</t>
  </si>
  <si>
    <t>1894</t>
  </si>
  <si>
    <t>9.250588417053223</t>
  </si>
  <si>
    <t>1258.5115966796875</t>
  </si>
  <si>
    <t>-0.033232549344432094</t>
  </si>
  <si>
    <t>1982</t>
  </si>
  <si>
    <t>9.891802787780762</t>
  </si>
  <si>
    <t>1017.5748291015625</t>
  </si>
  <si>
    <t>0.04541544114391005</t>
  </si>
  <si>
    <t>1621</t>
  </si>
  <si>
    <t>9.50497055053711</t>
  </si>
  <si>
    <t>1284.5399169921875</t>
  </si>
  <si>
    <t>-0.20106319315425747</t>
  </si>
  <si>
    <t>118</t>
  </si>
  <si>
    <t>KSV</t>
  </si>
  <si>
    <t>5067</t>
  </si>
  <si>
    <t>9.941582679748535</t>
  </si>
  <si>
    <t>677.4564819335938</t>
  </si>
  <si>
    <t>669.9938354492188</t>
  </si>
  <si>
    <t>Kosovo</t>
  </si>
  <si>
    <t>8.671770095825195</t>
  </si>
  <si>
    <t>844.3947143554688</t>
  </si>
  <si>
    <t>0.033954178407441304</t>
  </si>
  <si>
    <t>5304</t>
  </si>
  <si>
    <t>9.858763694763184</t>
  </si>
  <si>
    <t>748.8717041015625</t>
  </si>
  <si>
    <t>0.011758147982346756</t>
  </si>
  <si>
    <t>5358</t>
  </si>
  <si>
    <t>9.376700401306152</t>
  </si>
  <si>
    <t>762.4949951171875</t>
  </si>
  <si>
    <t>0.01012951823885544</t>
  </si>
  <si>
    <t>10.296725273132324</t>
  </si>
  <si>
    <t>716.590576171875</t>
  </si>
  <si>
    <t>0.05200226286815024</t>
  </si>
  <si>
    <t>5703</t>
  </si>
  <si>
    <t>9.382347106933594</t>
  </si>
  <si>
    <t>941.6123046875</t>
  </si>
  <si>
    <t>0.010399318183834438</t>
  </si>
  <si>
    <t>5872</t>
  </si>
  <si>
    <t>8.687455177307129</t>
  </si>
  <si>
    <t>982.7959594726562</t>
  </si>
  <si>
    <t>0.029202939137812578</t>
  </si>
  <si>
    <t>6037</t>
  </si>
  <si>
    <t>9.32987117767334</t>
  </si>
  <si>
    <t>750.1644897460938</t>
  </si>
  <si>
    <t>0.02771190850207539</t>
  </si>
  <si>
    <t>6098</t>
  </si>
  <si>
    <t>9.20594596862793</t>
  </si>
  <si>
    <t>872.9183959960938</t>
  </si>
  <si>
    <t>0.010053648751773281</t>
  </si>
  <si>
    <t>6244</t>
  </si>
  <si>
    <t>9.515474319458008</t>
  </si>
  <si>
    <t>926.5020141601562</t>
  </si>
  <si>
    <t>0.023660154087123075</t>
  </si>
  <si>
    <t>6507</t>
  </si>
  <si>
    <t>11.046310424804688</t>
  </si>
  <si>
    <t>707.4483642578125</t>
  </si>
  <si>
    <t>0.04125751785966081</t>
  </si>
  <si>
    <t>6804</t>
  </si>
  <si>
    <t>9.482359886169434</t>
  </si>
  <si>
    <t>754.39208984375</t>
  </si>
  <si>
    <t>0.0446321540207677</t>
  </si>
  <si>
    <t>6601</t>
  </si>
  <si>
    <t>10.34437370300293</t>
  </si>
  <si>
    <t>1004.70458984375</t>
  </si>
  <si>
    <t>-0.030289521826981414</t>
  </si>
  <si>
    <t>6654</t>
  </si>
  <si>
    <t>9.575211524963379</t>
  </si>
  <si>
    <t>788.7020263671875</t>
  </si>
  <si>
    <t>0.007997024889652593</t>
  </si>
  <si>
    <t>6309</t>
  </si>
  <si>
    <t>9.565937995910645</t>
  </si>
  <si>
    <t>913.8096923828125</t>
  </si>
  <si>
    <t>-0.05324099220761269</t>
  </si>
  <si>
    <t>6513</t>
  </si>
  <si>
    <t>8.787222862243652</t>
  </si>
  <si>
    <t>957.0617065429688</t>
  </si>
  <si>
    <t>0.031822994175591646</t>
  </si>
  <si>
    <t>6652</t>
  </si>
  <si>
    <t>10.31197452545166</t>
  </si>
  <si>
    <t>885.4909057617188</t>
  </si>
  <si>
    <t>0.021117381766416088</t>
  </si>
  <si>
    <t>7105</t>
  </si>
  <si>
    <t>10.54340648651123</t>
  </si>
  <si>
    <t>910.2832641601562</t>
  </si>
  <si>
    <t>0.06588120021838328</t>
  </si>
  <si>
    <t>7032</t>
  </si>
  <si>
    <t>10.423258781433105</t>
  </si>
  <si>
    <t>906.3760375976562</t>
  </si>
  <si>
    <t>-0.010327601166189027</t>
  </si>
  <si>
    <t>7327</t>
  </si>
  <si>
    <t>10.577707290649414</t>
  </si>
  <si>
    <t>1013.1175537109375</t>
  </si>
  <si>
    <t>0.04109499479495149</t>
  </si>
  <si>
    <t>7628</t>
  </si>
  <si>
    <t>9.674065589904785</t>
  </si>
  <si>
    <t>1009.8880004882812</t>
  </si>
  <si>
    <t>0.040259532560346756</t>
  </si>
  <si>
    <t>8041</t>
  </si>
  <si>
    <t>10.003945350646973</t>
  </si>
  <si>
    <t>656.4852294921875</t>
  </si>
  <si>
    <t>0.052727765827839335</t>
  </si>
  <si>
    <t>8105</t>
  </si>
  <si>
    <t>10.445927619934082</t>
  </si>
  <si>
    <t>834.206298828125</t>
  </si>
  <si>
    <t>0.007927701621627037</t>
  </si>
  <si>
    <t>8487</t>
  </si>
  <si>
    <t>10.59117603302002</t>
  </si>
  <si>
    <t>824.9849243164062</t>
  </si>
  <si>
    <t>0.046054425799900045</t>
  </si>
  <si>
    <t>8797</t>
  </si>
  <si>
    <t>11.014923095703125</t>
  </si>
  <si>
    <t>1099.7774658203125</t>
  </si>
  <si>
    <t>0.03587517328299761</t>
  </si>
  <si>
    <t>10.677990913391113</t>
  </si>
  <si>
    <t>909.21142578125</t>
  </si>
  <si>
    <t>0.07107474668293534</t>
  </si>
  <si>
    <t>10031</t>
  </si>
  <si>
    <t>9.952709197998047</t>
  </si>
  <si>
    <t>966.0225219726562</t>
  </si>
  <si>
    <t>0.06019479694787577</t>
  </si>
  <si>
    <t>10436</t>
  </si>
  <si>
    <t>11.123072624206543</t>
  </si>
  <si>
    <t>797.429443359375</t>
  </si>
  <si>
    <t>0.039581069373133104</t>
  </si>
  <si>
    <t>10.973074913024902</t>
  </si>
  <si>
    <t>868.937744140625</t>
  </si>
  <si>
    <t>0.030109395445212073</t>
  </si>
  <si>
    <t>11318</t>
  </si>
  <si>
    <t>11.44969654083252</t>
  </si>
  <si>
    <t>837.0631103515625</t>
  </si>
  <si>
    <t>0.05102361600063787</t>
  </si>
  <si>
    <t>10707</t>
  </si>
  <si>
    <t>10.962376594543457</t>
  </si>
  <si>
    <t>963.6297607421875</t>
  </si>
  <si>
    <t>-0.0554966455441992</t>
  </si>
  <si>
    <t>11884</t>
  </si>
  <si>
    <t>10.020605087280273</t>
  </si>
  <si>
    <t>841.1654052734375</t>
  </si>
  <si>
    <t>0.104295224424229</t>
  </si>
  <si>
    <t>12675</t>
  </si>
  <si>
    <t>11.396073341369629</t>
  </si>
  <si>
    <t>840.1278686523438</t>
  </si>
  <si>
    <t>0.06443859187688616</t>
  </si>
  <si>
    <t>119</t>
  </si>
  <si>
    <t>LBR</t>
  </si>
  <si>
    <t>1708</t>
  </si>
  <si>
    <t>25.724729537963867</t>
  </si>
  <si>
    <t>2532.03369140625</t>
  </si>
  <si>
    <t>1524.9468994140625</t>
  </si>
  <si>
    <t>Liberia</t>
  </si>
  <si>
    <t>25.55925178527832</t>
  </si>
  <si>
    <t>2581.86474609375</t>
  </si>
  <si>
    <t>1622</t>
  </si>
  <si>
    <t>25.48372459411621</t>
  </si>
  <si>
    <t>2658.5615234375</t>
  </si>
  <si>
    <t>-0.06792366054493737</t>
  </si>
  <si>
    <t>1619</t>
  </si>
  <si>
    <t>25.56102180480957</t>
  </si>
  <si>
    <t>2505.12255859375</t>
  </si>
  <si>
    <t>-0.001851280997723137</t>
  </si>
  <si>
    <t>1696</t>
  </si>
  <si>
    <t>25.42665672302246</t>
  </si>
  <si>
    <t>2729.713623046875</t>
  </si>
  <si>
    <t>0.0464638626742131</t>
  </si>
  <si>
    <t>25.827287673950195</t>
  </si>
  <si>
    <t>2838.909423828125</t>
  </si>
  <si>
    <t>-0.006506973565386431</t>
  </si>
  <si>
    <t>1767</t>
  </si>
  <si>
    <t>25.762548446655273</t>
  </si>
  <si>
    <t>3187.90966796875</t>
  </si>
  <si>
    <t>0.04751762953323446</t>
  </si>
  <si>
    <t>25.768510818481445</t>
  </si>
  <si>
    <t>2575.597900390625</t>
  </si>
  <si>
    <t>0.006205943754153509</t>
  </si>
  <si>
    <t>1791</t>
  </si>
  <si>
    <t>26.297639846801758</t>
  </si>
  <si>
    <t>2927.595458984375</t>
  </si>
  <si>
    <t>0.0072849859868613365</t>
  </si>
  <si>
    <t>25.683046340942383</t>
  </si>
  <si>
    <t>2972.847412109375</t>
  </si>
  <si>
    <t>-0.013490929741014845</t>
  </si>
  <si>
    <t>1725</t>
  </si>
  <si>
    <t>25.637746810913086</t>
  </si>
  <si>
    <t>2855.099365234375</t>
  </si>
  <si>
    <t>-0.02405614285423674</t>
  </si>
  <si>
    <t>25.719633102416992</t>
  </si>
  <si>
    <t>2928.145263671875</t>
  </si>
  <si>
    <t>-0.0005798782418215964</t>
  </si>
  <si>
    <t>1743</t>
  </si>
  <si>
    <t>25.90327262878418</t>
  </si>
  <si>
    <t>2887.7119140625</t>
  </si>
  <si>
    <t>0.01096059429638263</t>
  </si>
  <si>
    <t>1208</t>
  </si>
  <si>
    <t>25.834245681762695</t>
  </si>
  <si>
    <t>2924.691650390625</t>
  </si>
  <si>
    <t>-0.36664166702526035</t>
  </si>
  <si>
    <t>1225</t>
  </si>
  <si>
    <t>25.825769424438477</t>
  </si>
  <si>
    <t>2909.70849609375</t>
  </si>
  <si>
    <t>0.013974744484066548</t>
  </si>
  <si>
    <t>1232</t>
  </si>
  <si>
    <t>26.11260223388672</t>
  </si>
  <si>
    <t>2874.45947265625</t>
  </si>
  <si>
    <t>0.005698021114637797</t>
  </si>
  <si>
    <t>1259</t>
  </si>
  <si>
    <t>25.94074249267578</t>
  </si>
  <si>
    <t>2943.40380859375</t>
  </si>
  <si>
    <t>0.021678889950882407</t>
  </si>
  <si>
    <t>1311</t>
  </si>
  <si>
    <t>25.923070907592773</t>
  </si>
  <si>
    <t>2858.37451171875</t>
  </si>
  <si>
    <t>0.04047244971935271</t>
  </si>
  <si>
    <t>1349</t>
  </si>
  <si>
    <t>25.6158504486084</t>
  </si>
  <si>
    <t>2875.16796875</t>
  </si>
  <si>
    <t>25.877378463745117</t>
  </si>
  <si>
    <t>2881.470458984375</t>
  </si>
  <si>
    <t>0.019817162285533207</t>
  </si>
  <si>
    <t>1419</t>
  </si>
  <si>
    <t>26.06624412536621</t>
  </si>
  <si>
    <t>2976.388916015625</t>
  </si>
  <si>
    <t>0.030771658666753687</t>
  </si>
  <si>
    <t>25.745040893554688</t>
  </si>
  <si>
    <t>2944.3154296875</t>
  </si>
  <si>
    <t>0.03938332800037525</t>
  </si>
  <si>
    <t>1538</t>
  </si>
  <si>
    <t>25.617605209350586</t>
  </si>
  <si>
    <t>2795.957763671875</t>
  </si>
  <si>
    <t>0.04114714490517102</t>
  </si>
  <si>
    <t>1636</t>
  </si>
  <si>
    <t>25.825838088989258</t>
  </si>
  <si>
    <t>2872.306884765625</t>
  </si>
  <si>
    <t>0.06177136709710318</t>
  </si>
  <si>
    <t>25.741979598999023</t>
  </si>
  <si>
    <t>2959.5732421875</t>
  </si>
  <si>
    <t>-0.013538668332797599</t>
  </si>
  <si>
    <t>1581</t>
  </si>
  <si>
    <t>26.044736862182617</t>
  </si>
  <si>
    <t>2868.015380859375</t>
  </si>
  <si>
    <t>-0.020658011620422023</t>
  </si>
  <si>
    <t>1525</t>
  </si>
  <si>
    <t>26.28350257873535</t>
  </si>
  <si>
    <t>3012.3291015625</t>
  </si>
  <si>
    <t>-0.03606314816796008</t>
  </si>
  <si>
    <t>1533</t>
  </si>
  <si>
    <t>26.15453338623047</t>
  </si>
  <si>
    <t>2812.991943359375</t>
  </si>
  <si>
    <t>0.0052321898303020475</t>
  </si>
  <si>
    <t>25.820741653442383</t>
  </si>
  <si>
    <t>2884.631591796875</t>
  </si>
  <si>
    <t>-0.007201340450182947</t>
  </si>
  <si>
    <t>1456</t>
  </si>
  <si>
    <t>25.784833908081055</t>
  </si>
  <si>
    <t>2869.80615234375</t>
  </si>
  <si>
    <t>-0.044332309665000125</t>
  </si>
  <si>
    <t>1384</t>
  </si>
  <si>
    <t>26.057424545288086</t>
  </si>
  <si>
    <t>2873.9375</t>
  </si>
  <si>
    <t>1423</t>
  </si>
  <si>
    <t>26.083406448364258</t>
  </si>
  <si>
    <t>2869.3818359375</t>
  </si>
  <si>
    <t>0.027789461912237634</t>
  </si>
  <si>
    <t>1461</t>
  </si>
  <si>
    <t>25.80620574951172</t>
  </si>
  <si>
    <t>2869.329345703125</t>
  </si>
  <si>
    <t>0.026353813660847436</t>
  </si>
  <si>
    <t>120</t>
  </si>
  <si>
    <t>MNE</t>
  </si>
  <si>
    <t>12176</t>
  </si>
  <si>
    <t>11.769186973571777</t>
  </si>
  <si>
    <t>1052.493408203125</t>
  </si>
  <si>
    <t>376.03594970703125</t>
  </si>
  <si>
    <t>Montenegro</t>
  </si>
  <si>
    <t>10870</t>
  </si>
  <si>
    <t>10.80129623413086</t>
  </si>
  <si>
    <t>1308.7454833984375</t>
  </si>
  <si>
    <t>-0.11346009998621298</t>
  </si>
  <si>
    <t>11513</t>
  </si>
  <si>
    <t>11.674633979797363</t>
  </si>
  <si>
    <t>1100.1575927734375</t>
  </si>
  <si>
    <t>0.05747013055840888</t>
  </si>
  <si>
    <t>12263</t>
  </si>
  <si>
    <t>11.377487182617188</t>
  </si>
  <si>
    <t>1363.422607421875</t>
  </si>
  <si>
    <t>0.06310976708836336</t>
  </si>
  <si>
    <t>11704</t>
  </si>
  <si>
    <t>12.11197280883789</t>
  </si>
  <si>
    <t>1072.641845703125</t>
  </si>
  <si>
    <t>-0.046655935062066334</t>
  </si>
  <si>
    <t>12401</t>
  </si>
  <si>
    <t>11.187260627746582</t>
  </si>
  <si>
    <t>1595.869873046875</t>
  </si>
  <si>
    <t>0.05784645080281159</t>
  </si>
  <si>
    <t>12198</t>
  </si>
  <si>
    <t>10.795014381408691</t>
  </si>
  <si>
    <t>1630.0596923828125</t>
  </si>
  <si>
    <t>-0.016505110646370724</t>
  </si>
  <si>
    <t>12579</t>
  </si>
  <si>
    <t>11.469932556152344</t>
  </si>
  <si>
    <t>1148.169189453125</t>
  </si>
  <si>
    <t>0.03075675298247127</t>
  </si>
  <si>
    <t>13236</t>
  </si>
  <si>
    <t>11.42934799194336</t>
  </si>
  <si>
    <t>1376.201904296875</t>
  </si>
  <si>
    <t>0.050911633202630924</t>
  </si>
  <si>
    <t>12025</t>
  </si>
  <si>
    <t>11.622894287109375</t>
  </si>
  <si>
    <t>1408.259521484375</t>
  </si>
  <si>
    <t>-0.09595257406754243</t>
  </si>
  <si>
    <t>12419</t>
  </si>
  <si>
    <t>12.72235107421875</t>
  </si>
  <si>
    <t>1422.2816162109375</t>
  </si>
  <si>
    <t>0.03223974197407209</t>
  </si>
  <si>
    <t>12505</t>
  </si>
  <si>
    <t>11.553962707519531</t>
  </si>
  <si>
    <t>1135.9638671875</t>
  </si>
  <si>
    <t>0.0069010063636856245</t>
  </si>
  <si>
    <t>12692</t>
  </si>
  <si>
    <t>12.216854095458984</t>
  </si>
  <si>
    <t>1547.013671875</t>
  </si>
  <si>
    <t>0.014843309391366688</t>
  </si>
  <si>
    <t>12956</t>
  </si>
  <si>
    <t>11.73829174041748</t>
  </si>
  <si>
    <t>1081.5400390625</t>
  </si>
  <si>
    <t>0.020587127588134635</t>
  </si>
  <si>
    <t>13505</t>
  </si>
  <si>
    <t>11.514877319335938</t>
  </si>
  <si>
    <t>1596.9864501953125</t>
  </si>
  <si>
    <t>0.041500985935496004</t>
  </si>
  <si>
    <t>14049</t>
  </si>
  <si>
    <t>10.79648494720459</t>
  </si>
  <si>
    <t>1659.467041015625</t>
  </si>
  <si>
    <t>0.03949123162493606</t>
  </si>
  <si>
    <t>15233</t>
  </si>
  <si>
    <t>12.110649108886719</t>
  </si>
  <si>
    <t>1281.8282470703125</t>
  </si>
  <si>
    <t>0.0809129082850486</t>
  </si>
  <si>
    <t>16248</t>
  </si>
  <si>
    <t>12.219449043273926</t>
  </si>
  <si>
    <t>1261.49169921875</t>
  </si>
  <si>
    <t>0.06450569712352028</t>
  </si>
  <si>
    <t>17391</t>
  </si>
  <si>
    <t>12.136862754821777</t>
  </si>
  <si>
    <t>1587.5745849609375</t>
  </si>
  <si>
    <t>0.06798300674762103</t>
  </si>
  <si>
    <t>12.179591178894043</t>
  </si>
  <si>
    <t>1629.448486328125</t>
  </si>
  <si>
    <t>-0.06184726532367435</t>
  </si>
  <si>
    <t>16764</t>
  </si>
  <si>
    <t>11.606330871582031</t>
  </si>
  <si>
    <t>1825.3739013671875</t>
  </si>
  <si>
    <t>0.025128164360793903</t>
  </si>
  <si>
    <t>17288</t>
  </si>
  <si>
    <t>12.121453285217285</t>
  </si>
  <si>
    <t>985.1087036132812</t>
  </si>
  <si>
    <t>0.030778889141760857</t>
  </si>
  <si>
    <t>16803</t>
  </si>
  <si>
    <t>12.409729957580566</t>
  </si>
  <si>
    <t>1408.2366943359375</t>
  </si>
  <si>
    <t>-0.028455177308780222</t>
  </si>
  <si>
    <t>17382</t>
  </si>
  <si>
    <t>12.422804832458496</t>
  </si>
  <si>
    <t>1434.1478271484375</t>
  </si>
  <si>
    <t>0.03387774611946348</t>
  </si>
  <si>
    <t>17675</t>
  </si>
  <si>
    <t>12.698193550109863</t>
  </si>
  <si>
    <t>1698.1348876953125</t>
  </si>
  <si>
    <t>0.01671602376736736</t>
  </si>
  <si>
    <t>18264</t>
  </si>
  <si>
    <t>12.570266723632812</t>
  </si>
  <si>
    <t>1250.8453369140625</t>
  </si>
  <si>
    <t>0.03278069744485812</t>
  </si>
  <si>
    <t>18798</t>
  </si>
  <si>
    <t>11.994243621826172</t>
  </si>
  <si>
    <t>1447.0552978515625</t>
  </si>
  <si>
    <t>0.02881857197061599</t>
  </si>
  <si>
    <t>19682</t>
  </si>
  <si>
    <t>12.846796989440918</t>
  </si>
  <si>
    <t>1167.837158203125</t>
  </si>
  <si>
    <t>0.045954031278682805</t>
  </si>
  <si>
    <t>20687</t>
  </si>
  <si>
    <t>12.733901023864746</t>
  </si>
  <si>
    <t>1358.76904296875</t>
  </si>
  <si>
    <t>0.04980097118411919</t>
  </si>
  <si>
    <t>21534</t>
  </si>
  <si>
    <t>13.232184410095215</t>
  </si>
  <si>
    <t>1407.023193359375</t>
  </si>
  <si>
    <t>0.04012759773261365</t>
  </si>
  <si>
    <t>18259</t>
  </si>
  <si>
    <t>12.768961906433105</t>
  </si>
  <si>
    <t>1520.435546875</t>
  </si>
  <si>
    <t>-0.1649749722389302</t>
  </si>
  <si>
    <t>20711</t>
  </si>
  <si>
    <t>12.037220001220703</t>
  </si>
  <si>
    <t>1201.4306640625</t>
  </si>
  <si>
    <t>0.12600685093941877</t>
  </si>
  <si>
    <t>22109</t>
  </si>
  <si>
    <t>13.2433500289917</t>
  </si>
  <si>
    <t>1374.8653564453125</t>
  </si>
  <si>
    <t>0.065319805349068</t>
  </si>
  <si>
    <t>122</t>
  </si>
  <si>
    <t>NCL</t>
  </si>
  <si>
    <t>22455</t>
  </si>
  <si>
    <t>18.579153060913086</t>
  </si>
  <si>
    <t>1336.2440185546875</t>
  </si>
  <si>
    <t>75.58702850341797</t>
  </si>
  <si>
    <t>New Caledonia</t>
  </si>
  <si>
    <t>21459</t>
  </si>
  <si>
    <t>18.185232162475586</t>
  </si>
  <si>
    <t>1131.6151123046875</t>
  </si>
  <si>
    <t>-0.04536916874534569</t>
  </si>
  <si>
    <t>17736</t>
  </si>
  <si>
    <t>18.17137336730957</t>
  </si>
  <si>
    <t>1236.498291015625</t>
  </si>
  <si>
    <t>-0.19054766548034685</t>
  </si>
  <si>
    <t>7630</t>
  </si>
  <si>
    <t>18.1899356842041</t>
  </si>
  <si>
    <t>862.8717041015625</t>
  </si>
  <si>
    <t>-0.8435086270176448</t>
  </si>
  <si>
    <t>7107</t>
  </si>
  <si>
    <t>18.033342361450195</t>
  </si>
  <si>
    <t>686.472412109375</t>
  </si>
  <si>
    <t>-0.07100763145160727</t>
  </si>
  <si>
    <t>10234</t>
  </si>
  <si>
    <t>18.73900604248047</t>
  </si>
  <si>
    <t>1283.2340087890625</t>
  </si>
  <si>
    <t>0.3646352965381432</t>
  </si>
  <si>
    <t>13266</t>
  </si>
  <si>
    <t>18.625682830810547</t>
  </si>
  <si>
    <t>1593.6351318359375</t>
  </si>
  <si>
    <t>0.25948886072046307</t>
  </si>
  <si>
    <t>14538</t>
  </si>
  <si>
    <t>18.314279556274414</t>
  </si>
  <si>
    <t>972.8615112304688</t>
  </si>
  <si>
    <t>0.09156153995908056</t>
  </si>
  <si>
    <t>19.105146408081055</t>
  </si>
  <si>
    <t>1561.052490234375</t>
  </si>
  <si>
    <t>0.03128429003976585</t>
  </si>
  <si>
    <t>18.682998657226562</t>
  </si>
  <si>
    <t>1689.0916748046875</t>
  </si>
  <si>
    <t>18.501182556152344</t>
  </si>
  <si>
    <t>1286.543701171875</t>
  </si>
  <si>
    <t>18.672521591186523</t>
  </si>
  <si>
    <t>1227.7646484375</t>
  </si>
  <si>
    <t>14000</t>
  </si>
  <si>
    <t>18.470020294189453</t>
  </si>
  <si>
    <t>1215.9228515625</t>
  </si>
  <si>
    <t>18.49367332458496</t>
  </si>
  <si>
    <t>1311.54052734375</t>
  </si>
  <si>
    <t>0.06899287148695166</t>
  </si>
  <si>
    <t>18.556562423706055</t>
  </si>
  <si>
    <t>1281.299560546875</t>
  </si>
  <si>
    <t>0.2644134455124263</t>
  </si>
  <si>
    <t>24080</t>
  </si>
  <si>
    <t>18.52083969116211</t>
  </si>
  <si>
    <t>1174.4295654296875</t>
  </si>
  <si>
    <t>0.20891797382598298</t>
  </si>
  <si>
    <t>28620</t>
  </si>
  <si>
    <t>18.276071548461914</t>
  </si>
  <si>
    <t>1002.4824829101562</t>
  </si>
  <si>
    <t>0.17272415368768534</t>
  </si>
  <si>
    <t>33160</t>
  </si>
  <si>
    <t>18.80320930480957</t>
  </si>
  <si>
    <t>1194.638916015625</t>
  </si>
  <si>
    <t>0.1472385561387899</t>
  </si>
  <si>
    <t>37700</t>
  </si>
  <si>
    <t>18.54327392578125</t>
  </si>
  <si>
    <t>1640.5335693359375</t>
  </si>
  <si>
    <t>0.12831576418687085</t>
  </si>
  <si>
    <t>37975</t>
  </si>
  <si>
    <t>18.56145668029785</t>
  </si>
  <si>
    <t>1713.1229248046875</t>
  </si>
  <si>
    <t>0.007267954027870616</t>
  </si>
  <si>
    <t>38250</t>
  </si>
  <si>
    <t>18.883718490600586</t>
  </si>
  <si>
    <t>1458.800048828125</t>
  </si>
  <si>
    <t>0.007215511790708007</t>
  </si>
  <si>
    <t>38525</t>
  </si>
  <si>
    <t>18.55428123474121</t>
  </si>
  <si>
    <t>1575.9766845703125</t>
  </si>
  <si>
    <t>0.007163820933635989</t>
  </si>
  <si>
    <t>38800</t>
  </si>
  <si>
    <t>18.32423973083496</t>
  </si>
  <si>
    <t>1560.7489013671875</t>
  </si>
  <si>
    <t>0.00711286542304812</t>
  </si>
  <si>
    <t>36233</t>
  </si>
  <si>
    <t>18.417428970336914</t>
  </si>
  <si>
    <t>1285.4925537109375</t>
  </si>
  <si>
    <t>-0.06844994084450562</t>
  </si>
  <si>
    <t>18.40985679626465</t>
  </si>
  <si>
    <t>956.2885131835938</t>
  </si>
  <si>
    <t>-0.07345217667048765</t>
  </si>
  <si>
    <t>31100</t>
  </si>
  <si>
    <t>18.47126007080078</t>
  </si>
  <si>
    <t>1108.447509765625</t>
  </si>
  <si>
    <t>-0.0793103099290473</t>
  </si>
  <si>
    <t>28232</t>
  </si>
  <si>
    <t>19.04115867614746</t>
  </si>
  <si>
    <t>1377.4464111328125</t>
  </si>
  <si>
    <t>-0.09675173281221916</t>
  </si>
  <si>
    <t>26604</t>
  </si>
  <si>
    <t>18.925661087036133</t>
  </si>
  <si>
    <t>906.3566284179688</t>
  </si>
  <si>
    <t>-0.05939450595079343</t>
  </si>
  <si>
    <t>24584</t>
  </si>
  <si>
    <t>18.49762725830078</t>
  </si>
  <si>
    <t>1207.1829833984375</t>
  </si>
  <si>
    <t>-0.0789657555939911</t>
  </si>
  <si>
    <t>22929</t>
  </si>
  <si>
    <t>18.617568969726562</t>
  </si>
  <si>
    <t>981.556884765625</t>
  </si>
  <si>
    <t>-0.06969333989932736</t>
  </si>
  <si>
    <t>19501</t>
  </si>
  <si>
    <t>18.92241859436035</t>
  </si>
  <si>
    <t>1522.87060546875</t>
  </si>
  <si>
    <t>-0.16193673862275304</t>
  </si>
  <si>
    <t>18795</t>
  </si>
  <si>
    <t>18.86648941040039</t>
  </si>
  <si>
    <t>1695.7685546875</t>
  </si>
  <si>
    <t>-0.036874869289961865</t>
  </si>
  <si>
    <t>18761</t>
  </si>
  <si>
    <t>19.086524963378906</t>
  </si>
  <si>
    <t>1981.086669921875</t>
  </si>
  <si>
    <t>-0.001810629954668741</t>
  </si>
  <si>
    <t>123</t>
  </si>
  <si>
    <t>MNP</t>
  </si>
  <si>
    <t>10859</t>
  </si>
  <si>
    <t>24.845718383789062</t>
  </si>
  <si>
    <t>1915.742431640625</t>
  </si>
  <si>
    <t>369.17767333984375</t>
  </si>
  <si>
    <t>Northern Mariana Islands</t>
  </si>
  <si>
    <t>10753</t>
  </si>
  <si>
    <t>25.01100730895996</t>
  </si>
  <si>
    <t>1881.48291015625</t>
  </si>
  <si>
    <t>-0.00980944382637361</t>
  </si>
  <si>
    <t>10072</t>
  </si>
  <si>
    <t>24.965927124023438</t>
  </si>
  <si>
    <t>1718.11865234375</t>
  </si>
  <si>
    <t>-0.06542548866634412</t>
  </si>
  <si>
    <t>24.905820846557617</t>
  </si>
  <si>
    <t>1431.6905517578125</t>
  </si>
  <si>
    <t>-0.06448557046111247</t>
  </si>
  <si>
    <t>8249</t>
  </si>
  <si>
    <t>24.69545555114746</t>
  </si>
  <si>
    <t>1596.2266845703125</t>
  </si>
  <si>
    <t>-0.1351817454023383</t>
  </si>
  <si>
    <t>9484</t>
  </si>
  <si>
    <t>24.620325088500977</t>
  </si>
  <si>
    <t>1707.389892578125</t>
  </si>
  <si>
    <t>0.1395141873245649</t>
  </si>
  <si>
    <t>24.627838134765625</t>
  </si>
  <si>
    <t>1936.478515625</t>
  </si>
  <si>
    <t>-0.019591768043948576</t>
  </si>
  <si>
    <t>10100</t>
  </si>
  <si>
    <t>1958.296630859375</t>
  </si>
  <si>
    <t>0.08252102368800251</t>
  </si>
  <si>
    <t>10900</t>
  </si>
  <si>
    <t>1229.1080322265625</t>
  </si>
  <si>
    <t>0.07622736538788466</t>
  </si>
  <si>
    <t>11700</t>
  </si>
  <si>
    <t>24.627840042114258</t>
  </si>
  <si>
    <t>1524.010986328125</t>
  </si>
  <si>
    <t>0.07082605256861285</t>
  </si>
  <si>
    <t>12500</t>
  </si>
  <si>
    <t>24.650381088256836</t>
  </si>
  <si>
    <t>1545.19775390625</t>
  </si>
  <si>
    <t>0.06613980250454432</t>
  </si>
  <si>
    <t>12610</t>
  </si>
  <si>
    <t>24.67291831970215</t>
  </si>
  <si>
    <t>1931.8804931640625</t>
  </si>
  <si>
    <t>0.008761505668573477</t>
  </si>
  <si>
    <t>12720</t>
  </si>
  <si>
    <t>24.63535499572754</t>
  </si>
  <si>
    <t>1603.980224609375</t>
  </si>
  <si>
    <t>0.008685407935146827</t>
  </si>
  <si>
    <t>12830</t>
  </si>
  <si>
    <t>24.642868041992188</t>
  </si>
  <si>
    <t>2041.601318359375</t>
  </si>
  <si>
    <t>0.008610620715568729</t>
  </si>
  <si>
    <t>12940</t>
  </si>
  <si>
    <t>24.65789222717285</t>
  </si>
  <si>
    <t>1656.2708740234375</t>
  </si>
  <si>
    <t>0.008537110445210772</t>
  </si>
  <si>
    <t>13050</t>
  </si>
  <si>
    <t>24.67292022705078</t>
  </si>
  <si>
    <t>1810.89013671875</t>
  </si>
  <si>
    <t>0.008464844695946994</t>
  </si>
  <si>
    <t>13160</t>
  </si>
  <si>
    <t>1801.6038818359375</t>
  </si>
  <si>
    <t>0.008393792128469357</t>
  </si>
  <si>
    <t>13270</t>
  </si>
  <si>
    <t>1707.6602783203125</t>
  </si>
  <si>
    <t>0.008323922446944465</t>
  </si>
  <si>
    <t>13380</t>
  </si>
  <si>
    <t>1543.0341796875</t>
  </si>
  <si>
    <t>0.008255206355967104</t>
  </si>
  <si>
    <t>13490</t>
  </si>
  <si>
    <t>1819.9959716796875</t>
  </si>
  <si>
    <t>0.00818761551958147</t>
  </si>
  <si>
    <t>13600</t>
  </si>
  <si>
    <t>1706.4884033203125</t>
  </si>
  <si>
    <t>0.00812112252234165</t>
  </si>
  <si>
    <t>2149.068359375</t>
  </si>
  <si>
    <t>-0.007380107297622729</t>
  </si>
  <si>
    <t>13400</t>
  </si>
  <si>
    <t>24.695457458496094</t>
  </si>
  <si>
    <t>1903.210693359375</t>
  </si>
  <si>
    <t>-0.0074349784875185065</t>
  </si>
  <si>
    <t>24.702970504760742</t>
  </si>
  <si>
    <t>2036.9132080078125</t>
  </si>
  <si>
    <t>-0.007490671729156517</t>
  </si>
  <si>
    <t>17033</t>
  </si>
  <si>
    <t>24.68043327331543</t>
  </si>
  <si>
    <t>1962.53369140625</t>
  </si>
  <si>
    <t>0.247388603650732</t>
  </si>
  <si>
    <t>20767</t>
  </si>
  <si>
    <t>1909.07080078125</t>
  </si>
  <si>
    <t>0.19821254948240075</t>
  </si>
  <si>
    <t>24500</t>
  </si>
  <si>
    <t>24.718000411987305</t>
  </si>
  <si>
    <t>1922.955078125</t>
  </si>
  <si>
    <t>0.16530792918984005</t>
  </si>
  <si>
    <t>27314</t>
  </si>
  <si>
    <t>1869.762451171875</t>
  </si>
  <si>
    <t>0.10872627370555144</t>
  </si>
  <si>
    <t>29500</t>
  </si>
  <si>
    <t>24.710481643676758</t>
  </si>
  <si>
    <t>2113.095947265625</t>
  </si>
  <si>
    <t>0.07699087208954225</t>
  </si>
  <si>
    <t>30729</t>
  </si>
  <si>
    <t>1821.258056640625</t>
  </si>
  <si>
    <t>0.040816570776732064</t>
  </si>
  <si>
    <t>29811</t>
  </si>
  <si>
    <t>24.6654052734375</t>
  </si>
  <si>
    <t>1795.3829345703125</t>
  </si>
  <si>
    <t>-0.03032938120517059</t>
  </si>
  <si>
    <t>32347</t>
  </si>
  <si>
    <t>1979.12255859375</t>
  </si>
  <si>
    <t>0.08164382802610604</t>
  </si>
  <si>
    <t>24.635351181030273</t>
  </si>
  <si>
    <t>1962.3533935546875</t>
  </si>
  <si>
    <t>0.03212443536488685</t>
  </si>
  <si>
    <t>124</t>
  </si>
  <si>
    <t>PLW</t>
  </si>
  <si>
    <t>13901</t>
  </si>
  <si>
    <t>3684.599853515625</t>
  </si>
  <si>
    <t>117.87127685546875</t>
  </si>
  <si>
    <t>Palau</t>
  </si>
  <si>
    <t>15415</t>
  </si>
  <si>
    <t>27.32499885559082</t>
  </si>
  <si>
    <t>3491.900146484375</t>
  </si>
  <si>
    <t>0.10338028134315813</t>
  </si>
  <si>
    <t>15450</t>
  </si>
  <si>
    <t>2680.5</t>
  </si>
  <si>
    <t>0.002267942005641288</t>
  </si>
  <si>
    <t>14734</t>
  </si>
  <si>
    <t>2796.60009765625</t>
  </si>
  <si>
    <t>-0.04745125508313208</t>
  </si>
  <si>
    <t>14385</t>
  </si>
  <si>
    <t>2579.800048828125</t>
  </si>
  <si>
    <t>-0.02397175125711115</t>
  </si>
  <si>
    <t>14005</t>
  </si>
  <si>
    <t>3159.80029296875</t>
  </si>
  <si>
    <t>-0.026771588291438775</t>
  </si>
  <si>
    <t>13988</t>
  </si>
  <si>
    <t>2737.0</t>
  </si>
  <si>
    <t>-0.0012145895109423321</t>
  </si>
  <si>
    <t>13760</t>
  </si>
  <si>
    <t>2414.800048828125</t>
  </si>
  <si>
    <t>-0.0164339866959331</t>
  </si>
  <si>
    <t>13790</t>
  </si>
  <si>
    <t>3043.199951171875</t>
  </si>
  <si>
    <t>0.002177859300013907</t>
  </si>
  <si>
    <t>12901</t>
  </si>
  <si>
    <t>27.80000114440918</t>
  </si>
  <si>
    <t>3350.900146484375</t>
  </si>
  <si>
    <t>-0.06663886406221131</t>
  </si>
  <si>
    <t>13301</t>
  </si>
  <si>
    <t>28.025001525878906</t>
  </si>
  <si>
    <t>3397.800048828125</t>
  </si>
  <si>
    <t>0.03053439262816049</t>
  </si>
  <si>
    <t>14085</t>
  </si>
  <si>
    <t>3923.499755859375</t>
  </si>
  <si>
    <t>0.057271180957176426</t>
  </si>
  <si>
    <t>14572</t>
  </si>
  <si>
    <t>28.091665267944336</t>
  </si>
  <si>
    <t>2769.89990234375</t>
  </si>
  <si>
    <t>0.033991477817981064</t>
  </si>
  <si>
    <t>14076</t>
  </si>
  <si>
    <t>3852.599853515625</t>
  </si>
  <si>
    <t>-0.03463065968697876</t>
  </si>
  <si>
    <t>28.050003051757812</t>
  </si>
  <si>
    <t>2665.60009765625</t>
  </si>
  <si>
    <t>0.04609366730185194</t>
  </si>
  <si>
    <t>15382</t>
  </si>
  <si>
    <t>27.975000381469727</t>
  </si>
  <si>
    <t>3892.7001953125</t>
  </si>
  <si>
    <t>0.04263310787367125</t>
  </si>
  <si>
    <t>15485</t>
  </si>
  <si>
    <t>28.066667556762695</t>
  </si>
  <si>
    <t>3252.900146484375</t>
  </si>
  <si>
    <t>0.0066738187903041535</t>
  </si>
  <si>
    <t>16005</t>
  </si>
  <si>
    <t>2962.0</t>
  </si>
  <si>
    <t>0.0330293599966609</t>
  </si>
  <si>
    <t>15288</t>
  </si>
  <si>
    <t>27.83333396911621</t>
  </si>
  <si>
    <t>3402.5</t>
  </si>
  <si>
    <t>-0.045832966483855486</t>
  </si>
  <si>
    <t>14489</t>
  </si>
  <si>
    <t>3448.900146484375</t>
  </si>
  <si>
    <t>-0.05367846609938631</t>
  </si>
  <si>
    <t>14745</t>
  </si>
  <si>
    <t>2827.300048828125</t>
  </si>
  <si>
    <t>0.017514301428654733</t>
  </si>
  <si>
    <t>15989</t>
  </si>
  <si>
    <t>3717.10009765625</t>
  </si>
  <si>
    <t>0.08099694353604292</t>
  </si>
  <si>
    <t>16523</t>
  </si>
  <si>
    <t>28.183334350585938</t>
  </si>
  <si>
    <t>3023.699951171875</t>
  </si>
  <si>
    <t>0.032852363865570666</t>
  </si>
  <si>
    <t>16089</t>
  </si>
  <si>
    <t>2794.900146484375</t>
  </si>
  <si>
    <t>-0.026617540999955835</t>
  </si>
  <si>
    <t>17111</t>
  </si>
  <si>
    <t>28.15000343322754</t>
  </si>
  <si>
    <t>2999.2001953125</t>
  </si>
  <si>
    <t>0.061585722880936444</t>
  </si>
  <si>
    <t>18403</t>
  </si>
  <si>
    <t>28.28333282470703</t>
  </si>
  <si>
    <t>2010.800048828125</t>
  </si>
  <si>
    <t>0.07279216325322402</t>
  </si>
  <si>
    <t>18365</t>
  </si>
  <si>
    <t>28.316665649414062</t>
  </si>
  <si>
    <t>2892.900146484375</t>
  </si>
  <si>
    <t>-0.0020670155314270744</t>
  </si>
  <si>
    <t>17595</t>
  </si>
  <si>
    <t>28.141664505004883</t>
  </si>
  <si>
    <t>3806.400146484375</t>
  </si>
  <si>
    <t>-0.04283190849808172</t>
  </si>
  <si>
    <t>17816</t>
  </si>
  <si>
    <t>28.350004196166992</t>
  </si>
  <si>
    <t>2951.000244140625</t>
  </si>
  <si>
    <t>0.012482159181518071</t>
  </si>
  <si>
    <t>17800</t>
  </si>
  <si>
    <t>28.166669845581055</t>
  </si>
  <si>
    <t>2890.300048828125</t>
  </si>
  <si>
    <t>-0.0008984726570275825</t>
  </si>
  <si>
    <t>16405</t>
  </si>
  <si>
    <t>3523.599609375</t>
  </si>
  <si>
    <t>-0.08161229088497457</t>
  </si>
  <si>
    <t>14113</t>
  </si>
  <si>
    <t>4154.10009765625</t>
  </si>
  <si>
    <t>-0.15048980798119516</t>
  </si>
  <si>
    <t>15177</t>
  </si>
  <si>
    <t>27.499998092651367</t>
  </si>
  <si>
    <t>4185.2001953125</t>
  </si>
  <si>
    <t>0.07268476554603787</t>
  </si>
  <si>
    <t>127</t>
  </si>
  <si>
    <t>SOM</t>
  </si>
  <si>
    <t>1198</t>
  </si>
  <si>
    <t>26.600095748901367</t>
  </si>
  <si>
    <t>339.9595947265625</t>
  </si>
  <si>
    <t>2296.9736328125</t>
  </si>
  <si>
    <t>Somalia</t>
  </si>
  <si>
    <t>981</t>
  </si>
  <si>
    <t>26.53162956237793</t>
  </si>
  <si>
    <t>308.4193115234375</t>
  </si>
  <si>
    <t>-0.1998363191100312</t>
  </si>
  <si>
    <t>26.561784744262695</t>
  </si>
  <si>
    <t>315.40045166015625</t>
  </si>
  <si>
    <t>-0.20146385169884873</t>
  </si>
  <si>
    <t>499</t>
  </si>
  <si>
    <t>26.407949447631836</t>
  </si>
  <si>
    <t>336.32501220703125</t>
  </si>
  <si>
    <t>-0.47450251211499594</t>
  </si>
  <si>
    <t>474</t>
  </si>
  <si>
    <t>26.489341735839844</t>
  </si>
  <si>
    <t>379.7157897949219</t>
  </si>
  <si>
    <t>-0.05139877405644189</t>
  </si>
  <si>
    <t>476</t>
  </si>
  <si>
    <t>26.77552604675293</t>
  </si>
  <si>
    <t>339.7522277832031</t>
  </si>
  <si>
    <t>512</t>
  </si>
  <si>
    <t>26.636077880859375</t>
  </si>
  <si>
    <t>329.194580078125</t>
  </si>
  <si>
    <t>0.07290677080808727</t>
  </si>
  <si>
    <t>557</t>
  </si>
  <si>
    <t>26.58329200744629</t>
  </si>
  <si>
    <t>432.3614501953125</t>
  </si>
  <si>
    <t>0.08424061488777657</t>
  </si>
  <si>
    <t>610</t>
  </si>
  <si>
    <t>26.838529586791992</t>
  </si>
  <si>
    <t>346.31048583984375</t>
  </si>
  <si>
    <t>0.090893717240073</t>
  </si>
  <si>
    <t>657</t>
  </si>
  <si>
    <t>26.48095703125</t>
  </si>
  <si>
    <t>340.1339416503906</t>
  </si>
  <si>
    <t>0.07422506131725282</t>
  </si>
  <si>
    <t>688</t>
  </si>
  <si>
    <t>26.62847137451172</t>
  </si>
  <si>
    <t>375.87005615234375</t>
  </si>
  <si>
    <t>0.04610481944873346</t>
  </si>
  <si>
    <t>732</t>
  </si>
  <si>
    <t>26.656858444213867</t>
  </si>
  <si>
    <t>354.43017578125</t>
  </si>
  <si>
    <t>0.061991676027967735</t>
  </si>
  <si>
    <t>780</t>
  </si>
  <si>
    <t>26.912736892700195</t>
  </si>
  <si>
    <t>366.9297790527344</t>
  </si>
  <si>
    <t>0.06351340572232633</t>
  </si>
  <si>
    <t>854</t>
  </si>
  <si>
    <t>26.8796329498291</t>
  </si>
  <si>
    <t>371.55633544921875</t>
  </si>
  <si>
    <t>0.09063727410493261</t>
  </si>
  <si>
    <t>975</t>
  </si>
  <si>
    <t>26.67064666748047</t>
  </si>
  <si>
    <t>377.15435791015625</t>
  </si>
  <si>
    <t>0.1325062772092771</t>
  </si>
  <si>
    <t>959</t>
  </si>
  <si>
    <t>26.687149047851562</t>
  </si>
  <si>
    <t>369.07318115234375</t>
  </si>
  <si>
    <t>-0.01654639611440878</t>
  </si>
  <si>
    <t>990</t>
  </si>
  <si>
    <t>26.76011085510254</t>
  </si>
  <si>
    <t>380.0075378417969</t>
  </si>
  <si>
    <t>0.03181386824519716</t>
  </si>
  <si>
    <t>26.682905197143555</t>
  </si>
  <si>
    <t>390.7388000488281</t>
  </si>
  <si>
    <t>0.04445176257083361</t>
  </si>
  <si>
    <t>26.541475296020508</t>
  </si>
  <si>
    <t>365.438232421875</t>
  </si>
  <si>
    <t>-0.0009666506310948009</t>
  </si>
  <si>
    <t>27.06614112854004</t>
  </si>
  <si>
    <t>346.2342834472656</t>
  </si>
  <si>
    <t>-0.00874216349586554</t>
  </si>
  <si>
    <t>26.720502853393555</t>
  </si>
  <si>
    <t>356.4078674316406</t>
  </si>
  <si>
    <t>26.83553123474121</t>
  </si>
  <si>
    <t>388.0804138183594</t>
  </si>
  <si>
    <t>0.01452810056290943</t>
  </si>
  <si>
    <t>26.72419548034668</t>
  </si>
  <si>
    <t>357.8299560546875</t>
  </si>
  <si>
    <t>0.050619990846508145</t>
  </si>
  <si>
    <t>26.835067749023438</t>
  </si>
  <si>
    <t>398.2228088378906</t>
  </si>
  <si>
    <t>0.17865854903521772</t>
  </si>
  <si>
    <t>1358</t>
  </si>
  <si>
    <t>26.779447555541992</t>
  </si>
  <si>
    <t>370.4611511230469</t>
  </si>
  <si>
    <t>0.03751377610149742</t>
  </si>
  <si>
    <t>1444</t>
  </si>
  <si>
    <t>27.06312370300293</t>
  </si>
  <si>
    <t>392.76055908203125</t>
  </si>
  <si>
    <t>0.06140401133412965</t>
  </si>
  <si>
    <t>1480</t>
  </si>
  <si>
    <t>27.065322875976562</t>
  </si>
  <si>
    <t>385.9647521972656</t>
  </si>
  <si>
    <t>0.02462504730538928</t>
  </si>
  <si>
    <t>26.9066162109375</t>
  </si>
  <si>
    <t>443.9754333496094</t>
  </si>
  <si>
    <t>0.05136085967253301</t>
  </si>
  <si>
    <t>26.656721115112305</t>
  </si>
  <si>
    <t>391.6478271484375</t>
  </si>
  <si>
    <t>-0.006439172281020866</t>
  </si>
  <si>
    <t>1547</t>
  </si>
  <si>
    <t>26.989952087402344</t>
  </si>
  <si>
    <t>420.127197265625</t>
  </si>
  <si>
    <t>-0.0006462035766068297</t>
  </si>
  <si>
    <t>1457</t>
  </si>
  <si>
    <t>26.860565185546875</t>
  </si>
  <si>
    <t>362.3283996582031</t>
  </si>
  <si>
    <t>-0.05993804437786121</t>
  </si>
  <si>
    <t>1458</t>
  </si>
  <si>
    <t>26.77232551574707</t>
  </si>
  <si>
    <t>383.4658203125</t>
  </si>
  <si>
    <t>0.0006861063733989425</t>
  </si>
  <si>
    <t>26.860231399536133</t>
  </si>
  <si>
    <t>419.19073486328125</t>
  </si>
  <si>
    <t>-0.006191970247921397</t>
  </si>
  <si>
    <t>128</t>
  </si>
  <si>
    <t>SSD</t>
  </si>
  <si>
    <t>1937</t>
  </si>
  <si>
    <t>28.2825870513916</t>
  </si>
  <si>
    <t>867.2089233398438</t>
  </si>
  <si>
    <t>1950.983154296875</t>
  </si>
  <si>
    <t>South Sudan</t>
  </si>
  <si>
    <t>1908</t>
  </si>
  <si>
    <t>27.8928279876709</t>
  </si>
  <si>
    <t>1038.4161376953125</t>
  </si>
  <si>
    <t>-0.015084811398764053</t>
  </si>
  <si>
    <t>1893</t>
  </si>
  <si>
    <t>27.324087142944336</t>
  </si>
  <si>
    <t>937.2599487304688</t>
  </si>
  <si>
    <t>-0.007892700798908692</t>
  </si>
  <si>
    <t>1866</t>
  </si>
  <si>
    <t>27.955991744995117</t>
  </si>
  <si>
    <t>981.513427734375</t>
  </si>
  <si>
    <t>-0.014365769802033412</t>
  </si>
  <si>
    <t>27.475242614746094</t>
  </si>
  <si>
    <t>937.4970703125</t>
  </si>
  <si>
    <t>-0.005912406365753853</t>
  </si>
  <si>
    <t>1835</t>
  </si>
  <si>
    <t>27.687713623046875</t>
  </si>
  <si>
    <t>1013.3856201171875</t>
  </si>
  <si>
    <t>-0.010840214552865213</t>
  </si>
  <si>
    <t>1808</t>
  </si>
  <si>
    <t>27.85803985595703</t>
  </si>
  <si>
    <t>995.593505859375</t>
  </si>
  <si>
    <t>-0.014823219536548748</t>
  </si>
  <si>
    <t>28.06846809387207</t>
  </si>
  <si>
    <t>960.1871948242188</t>
  </si>
  <si>
    <t>-0.012242779515677427</t>
  </si>
  <si>
    <t>1758</t>
  </si>
  <si>
    <t>28.152860641479492</t>
  </si>
  <si>
    <t>962.7188110351562</t>
  </si>
  <si>
    <t>-0.015801683191321914</t>
  </si>
  <si>
    <t>1734</t>
  </si>
  <si>
    <t>27.763662338256836</t>
  </si>
  <si>
    <t>1024.173583984375</t>
  </si>
  <si>
    <t>-0.013745920904635334</t>
  </si>
  <si>
    <t>28.12748146057129</t>
  </si>
  <si>
    <t>953.6433715820312</t>
  </si>
  <si>
    <t>-0.008688151957637835</t>
  </si>
  <si>
    <t>1702</t>
  </si>
  <si>
    <t>28.14887237548828</t>
  </si>
  <si>
    <t>975.8997802734375</t>
  </si>
  <si>
    <t>-0.009938696249529144</t>
  </si>
  <si>
    <t>28.693199157714844</t>
  </si>
  <si>
    <t>952.3892211914062</t>
  </si>
  <si>
    <t>-0.013010236736015202</t>
  </si>
  <si>
    <t>1647</t>
  </si>
  <si>
    <t>28.62318992614746</t>
  </si>
  <si>
    <t>984.309326171875</t>
  </si>
  <si>
    <t>-0.019838342219664185</t>
  </si>
  <si>
    <t>1608</t>
  </si>
  <si>
    <t>28.660001754760742</t>
  </si>
  <si>
    <t>892.56005859375</t>
  </si>
  <si>
    <t>-0.023964280438728558</t>
  </si>
  <si>
    <t>29.196226119995117</t>
  </si>
  <si>
    <t>928.5084228515625</t>
  </si>
  <si>
    <t>-0.028384119317435008</t>
  </si>
  <si>
    <t>28.43659782409668</t>
  </si>
  <si>
    <t>1021.5281982421875</t>
  </si>
  <si>
    <t>-0.03515987165362766</t>
  </si>
  <si>
    <t>1484</t>
  </si>
  <si>
    <t>29.026704788208008</t>
  </si>
  <si>
    <t>1061.943603515625</t>
  </si>
  <si>
    <t>-0.01670603504052348</t>
  </si>
  <si>
    <t>28.95180320739746</t>
  </si>
  <si>
    <t>1016.5438842773438</t>
  </si>
  <si>
    <t>-0.06976328754971117</t>
  </si>
  <si>
    <t>29.45082664489746</t>
  </si>
  <si>
    <t>876.7197875976562</t>
  </si>
  <si>
    <t>-0.027097959767250934</t>
  </si>
  <si>
    <t>1258</t>
  </si>
  <si>
    <t>29.292266845703125</t>
  </si>
  <si>
    <t>972.107421875</t>
  </si>
  <si>
    <t>-0.0683567391499782</t>
  </si>
  <si>
    <t>1056</t>
  </si>
  <si>
    <t>28.399118423461914</t>
  </si>
  <si>
    <t>941.8306884765625</t>
  </si>
  <si>
    <t>-0.1750349729941787</t>
  </si>
  <si>
    <t>507</t>
  </si>
  <si>
    <t>28.278261184692383</t>
  </si>
  <si>
    <t>951.6814575195312</t>
  </si>
  <si>
    <t>-0.7337324606750233</t>
  </si>
  <si>
    <t>624</t>
  </si>
  <si>
    <t>28.3366641998291</t>
  </si>
  <si>
    <t>951.9420776367188</t>
  </si>
  <si>
    <t>0.2076393647782444</t>
  </si>
  <si>
    <t>614</t>
  </si>
  <si>
    <t>28.0770263671875</t>
  </si>
  <si>
    <t>987.9013061523438</t>
  </si>
  <si>
    <t>-0.016155440222285655</t>
  </si>
  <si>
    <t>595</t>
  </si>
  <si>
    <t>28.523347854614258</t>
  </si>
  <si>
    <t>951.2525024414062</t>
  </si>
  <si>
    <t>-0.03143352260151211</t>
  </si>
  <si>
    <t>501</t>
  </si>
  <si>
    <t>28.765439987182617</t>
  </si>
  <si>
    <t>951.7400512695312</t>
  </si>
  <si>
    <t>-0.17195530446076557</t>
  </si>
  <si>
    <t>459</t>
  </si>
  <si>
    <t>28.136396408081055</t>
  </si>
  <si>
    <t>973.4585571289062</t>
  </si>
  <si>
    <t>-0.08755589102431927</t>
  </si>
  <si>
    <t>435</t>
  </si>
  <si>
    <t>28.250944137573242</t>
  </si>
  <si>
    <t>972.6760864257812</t>
  </si>
  <si>
    <t>-0.05370417897186108</t>
  </si>
  <si>
    <t>426</t>
  </si>
  <si>
    <t>27.96677589416504</t>
  </si>
  <si>
    <t>1016.609130859375</t>
  </si>
  <si>
    <t>-0.020906684819313348</t>
  </si>
  <si>
    <t>387</t>
  </si>
  <si>
    <t>28.007287979125977</t>
  </si>
  <si>
    <t>945.9736938476562</t>
  </si>
  <si>
    <t>-0.09601465323958891</t>
  </si>
  <si>
    <t>396</t>
  </si>
  <si>
    <t>28.131317138671875</t>
  </si>
  <si>
    <t>952.03369140625</t>
  </si>
  <si>
    <t>0.022989518224698635</t>
  </si>
  <si>
    <t>370</t>
  </si>
  <si>
    <t>27.790138244628906</t>
  </si>
  <si>
    <t>979.4646606445312</t>
  </si>
  <si>
    <t>-0.06791120561621078</t>
  </si>
  <si>
    <t>129</t>
  </si>
  <si>
    <t>SYR</t>
  </si>
  <si>
    <t>17.26909065246582</t>
  </si>
  <si>
    <t>309.7448425292969</t>
  </si>
  <si>
    <t>6168.009765625</t>
  </si>
  <si>
    <t>Syria</t>
  </si>
  <si>
    <t>16.764896392822266</t>
  </si>
  <si>
    <t>530.6166381835938</t>
  </si>
  <si>
    <t>-0.3902293563307433</t>
  </si>
  <si>
    <t>710</t>
  </si>
  <si>
    <t>15.75350284576416</t>
  </si>
  <si>
    <t>485.07373046875</t>
  </si>
  <si>
    <t>-0.31203110146206736</t>
  </si>
  <si>
    <t>636</t>
  </si>
  <si>
    <t>16.959535598754883</t>
  </si>
  <si>
    <t>407.91943359375</t>
  </si>
  <si>
    <t>-0.11006640669523904</t>
  </si>
  <si>
    <t>863</t>
  </si>
  <si>
    <t>17.529338836669922</t>
  </si>
  <si>
    <t>493.5602722167969</t>
  </si>
  <si>
    <t>0.3052161277433054</t>
  </si>
  <si>
    <t>1117</t>
  </si>
  <si>
    <t>17.086944580078125</t>
  </si>
  <si>
    <t>400.9350280761719</t>
  </si>
  <si>
    <t>0.2579871079857732</t>
  </si>
  <si>
    <t>17.601795196533203</t>
  </si>
  <si>
    <t>416.03082275390625</t>
  </si>
  <si>
    <t>0.18723337734116274</t>
  </si>
  <si>
    <t>16.507150650024414</t>
  </si>
  <si>
    <t>498.1996765136719</t>
  </si>
  <si>
    <t>0.2776092396634864</t>
  </si>
  <si>
    <t>2170</t>
  </si>
  <si>
    <t>18.204809188842773</t>
  </si>
  <si>
    <t>360.4736633300781</t>
  </si>
  <si>
    <t>0.19923803046065558</t>
  </si>
  <si>
    <t>2500</t>
  </si>
  <si>
    <t>17.76980209350586</t>
  </si>
  <si>
    <t>344.6507568359375</t>
  </si>
  <si>
    <t>0.1415635643217863</t>
  </si>
  <si>
    <t>3100</t>
  </si>
  <si>
    <t>17.52296257019043</t>
  </si>
  <si>
    <t>346.5040588378906</t>
  </si>
  <si>
    <t>0.21511137961694526</t>
  </si>
  <si>
    <t>17.849599838256836</t>
  </si>
  <si>
    <t>507.0086669921875</t>
  </si>
  <si>
    <t>0.0317486983145816</t>
  </si>
  <si>
    <t>17.722076416015625</t>
  </si>
  <si>
    <t>427.4737548828125</t>
  </si>
  <si>
    <t>0.08961215868968608</t>
  </si>
  <si>
    <t>3300</t>
  </si>
  <si>
    <t>17.4382381439209</t>
  </si>
  <si>
    <t>627.558349609375</t>
  </si>
  <si>
    <t>3400</t>
  </si>
  <si>
    <t>17.43163299560547</t>
  </si>
  <si>
    <t>348.78387451171875</t>
  </si>
  <si>
    <t>3900</t>
  </si>
  <si>
    <t>17.374536514282227</t>
  </si>
  <si>
    <t>387.9876403808594</t>
  </si>
  <si>
    <t>0.13720112151348474</t>
  </si>
  <si>
    <t>4100</t>
  </si>
  <si>
    <t>17.290531158447266</t>
  </si>
  <si>
    <t>369.2600402832031</t>
  </si>
  <si>
    <t>0.05001042057466165</t>
  </si>
  <si>
    <t>4700</t>
  </si>
  <si>
    <t>17.403539657592773</t>
  </si>
  <si>
    <t>394.90185546875</t>
  </si>
  <si>
    <t>0.13657553500575048</t>
  </si>
  <si>
    <t>5000</t>
  </si>
  <si>
    <t>18.004507064819336</t>
  </si>
  <si>
    <t>258.6016845703125</t>
  </si>
  <si>
    <t>0.06187540371808886</t>
  </si>
  <si>
    <t>4600</t>
  </si>
  <si>
    <t>17.847869873046875</t>
  </si>
  <si>
    <t>509.733642578125</t>
  </si>
  <si>
    <t>-0.08338160893905133</t>
  </si>
  <si>
    <t>4800</t>
  </si>
  <si>
    <t>19.112184524536133</t>
  </si>
  <si>
    <t>305.2364196777344</t>
  </si>
  <si>
    <t>0.04255961441879563</t>
  </si>
  <si>
    <t>5100</t>
  </si>
  <si>
    <t>16.991867065429688</t>
  </si>
  <si>
    <t>547.7765502929688</t>
  </si>
  <si>
    <t>4550</t>
  </si>
  <si>
    <t>18.130695343017578</t>
  </si>
  <si>
    <t>553.6168823242188</t>
  </si>
  <si>
    <t>-0.11411330676742182</t>
  </si>
  <si>
    <t>4000</t>
  </si>
  <si>
    <t>17.84636688232422</t>
  </si>
  <si>
    <t>300.8143615722656</t>
  </si>
  <si>
    <t>-0.12883287184296854</t>
  </si>
  <si>
    <t>3450</t>
  </si>
  <si>
    <t>18.122600555419922</t>
  </si>
  <si>
    <t>424.0081787109375</t>
  </si>
  <si>
    <t>-0.1479201300766224</t>
  </si>
  <si>
    <t>17.918766021728516</t>
  </si>
  <si>
    <t>418.5981140136719</t>
  </si>
  <si>
    <t>-0.1736634940508397</t>
  </si>
  <si>
    <t>18.113101959228516</t>
  </si>
  <si>
    <t>381.70465087890625</t>
  </si>
  <si>
    <t>0.05891931465096878</t>
  </si>
  <si>
    <t>3288</t>
  </si>
  <si>
    <t>18.219091415405273</t>
  </si>
  <si>
    <t>340.2469177246094</t>
  </si>
  <si>
    <t>0.06664942555053699</t>
  </si>
  <si>
    <t>18.75336265563965</t>
  </si>
  <si>
    <t>548.9650268554688</t>
  </si>
  <si>
    <t>0.022553955564198702</t>
  </si>
  <si>
    <t>18.143903732299805</t>
  </si>
  <si>
    <t>558.9681396484375</t>
  </si>
  <si>
    <t>0.02438070534760506</t>
  </si>
  <si>
    <t>3257</t>
  </si>
  <si>
    <t>18.518381118774414</t>
  </si>
  <si>
    <t>492.6450500488281</t>
  </si>
  <si>
    <t>-0.056407611811641445</t>
  </si>
  <si>
    <t>18.323293685913086</t>
  </si>
  <si>
    <t>361.1201171875</t>
  </si>
  <si>
    <t>0.05785751782176973</t>
  </si>
  <si>
    <t>3553</t>
  </si>
  <si>
    <t>18.278352737426758</t>
  </si>
  <si>
    <t>352.8191223144531</t>
  </si>
  <si>
    <t>0.02912827292302289</t>
  </si>
  <si>
    <t>130</t>
  </si>
  <si>
    <t>TLS</t>
  </si>
  <si>
    <t>24.42530059814453</t>
  </si>
  <si>
    <t>1179.4556884765625</t>
  </si>
  <si>
    <t>374.9821472167969</t>
  </si>
  <si>
    <t>Timor-Leste</t>
  </si>
  <si>
    <t>2474</t>
  </si>
  <si>
    <t>24.340042114257812</t>
  </si>
  <si>
    <t>1308.413330078125</t>
  </si>
  <si>
    <t>-0.02159220231431558</t>
  </si>
  <si>
    <t>24.565401077270508</t>
  </si>
  <si>
    <t>1448.69091796875</t>
  </si>
  <si>
    <t>0.05082835204213243</t>
  </si>
  <si>
    <t>2712</t>
  </si>
  <si>
    <t>24.484451293945312</t>
  </si>
  <si>
    <t>1333.4990234375</t>
  </si>
  <si>
    <t>0.04102174406572079</t>
  </si>
  <si>
    <t>23.86827278137207</t>
  </si>
  <si>
    <t>1268.228759765625</t>
  </si>
  <si>
    <t>0.04082199452025481</t>
  </si>
  <si>
    <t>24.220476150512695</t>
  </si>
  <si>
    <t>1840.3819580078125</t>
  </si>
  <si>
    <t>0.06409594533924245</t>
  </si>
  <si>
    <t>2644</t>
  </si>
  <si>
    <t>24.121259689331055</t>
  </si>
  <si>
    <t>1803.26416015625</t>
  </si>
  <si>
    <t>-0.13031138794820674</t>
  </si>
  <si>
    <t>2425</t>
  </si>
  <si>
    <t>24.096479415893555</t>
  </si>
  <si>
    <t>1228.006591796875</t>
  </si>
  <si>
    <t>-0.08646139759999283</t>
  </si>
  <si>
    <t>2366</t>
  </si>
  <si>
    <t>24.728315353393555</t>
  </si>
  <si>
    <t>1408.9560546875</t>
  </si>
  <si>
    <t>-0.024630758833251498</t>
  </si>
  <si>
    <t>2304</t>
  </si>
  <si>
    <t>23.864913940429688</t>
  </si>
  <si>
    <t>1322.4642333984375</t>
  </si>
  <si>
    <t>-0.02655402272255003</t>
  </si>
  <si>
    <t>2320</t>
  </si>
  <si>
    <t>23.976537704467773</t>
  </si>
  <si>
    <t>1377.7918701171875</t>
  </si>
  <si>
    <t>0.006920442844573493</t>
  </si>
  <si>
    <t>2655</t>
  </si>
  <si>
    <t>24.2757511138916</t>
  </si>
  <si>
    <t>1104.78173828125</t>
  </si>
  <si>
    <t>0.13487746901568354</t>
  </si>
  <si>
    <t>2431</t>
  </si>
  <si>
    <t>24.386762619018555</t>
  </si>
  <si>
    <t>1281.442138671875</t>
  </si>
  <si>
    <t>-0.0881419593599162</t>
  </si>
  <si>
    <t>24.55109214782715</t>
  </si>
  <si>
    <t>1363.706298828125</t>
  </si>
  <si>
    <t>-0.04029080421312514</t>
  </si>
  <si>
    <t>2296</t>
  </si>
  <si>
    <t>24.250999450683594</t>
  </si>
  <si>
    <t>1453.572509765625</t>
  </si>
  <si>
    <t>-0.01684341266354128</t>
  </si>
  <si>
    <t>2308</t>
  </si>
  <si>
    <t>24.421831130981445</t>
  </si>
  <si>
    <t>1216.88818359375</t>
  </si>
  <si>
    <t>0.005212870188533891</t>
  </si>
  <si>
    <t>2157</t>
  </si>
  <si>
    <t>23.763349533081055</t>
  </si>
  <si>
    <t>1200.5830078125</t>
  </si>
  <si>
    <t>-0.06766298123883452</t>
  </si>
  <si>
    <t>23.950986862182617</t>
  </si>
  <si>
    <t>1246.4517822265625</t>
  </si>
  <si>
    <t>0.07284881827119971</t>
  </si>
  <si>
    <t>24.01776123046875</t>
  </si>
  <si>
    <t>1412.5225830078125</t>
  </si>
  <si>
    <t>0.08506983825008074</t>
  </si>
  <si>
    <t>2723</t>
  </si>
  <si>
    <t>24.16612434387207</t>
  </si>
  <si>
    <t>1298.67431640625</t>
  </si>
  <si>
    <t>0.0750971897633228</t>
  </si>
  <si>
    <t>24.255102157592773</t>
  </si>
  <si>
    <t>1454.4158935546875</t>
  </si>
  <si>
    <t>0.06813560611083336</t>
  </si>
  <si>
    <t>23.924039840698242</t>
  </si>
  <si>
    <t>1616.602294921875</t>
  </si>
  <si>
    <t>0.03538701158432289</t>
  </si>
  <si>
    <t>3099</t>
  </si>
  <si>
    <t>24.115814208984375</t>
  </si>
  <si>
    <t>1570.429443359375</t>
  </si>
  <si>
    <t>0.025822647418833</t>
  </si>
  <si>
    <t>24.441246032714844</t>
  </si>
  <si>
    <t>1608.3128662109375</t>
  </si>
  <si>
    <t>0.009633985881134066</t>
  </si>
  <si>
    <t>3205</t>
  </si>
  <si>
    <t>24.360076904296875</t>
  </si>
  <si>
    <t>1378.877197265625</t>
  </si>
  <si>
    <t>0.02399862568588773</t>
  </si>
  <si>
    <t>3237</t>
  </si>
  <si>
    <t>24.439668655395508</t>
  </si>
  <si>
    <t>1309.839599609375</t>
  </si>
  <si>
    <t>0.00993488457147329</t>
  </si>
  <si>
    <t>24.824026107788086</t>
  </si>
  <si>
    <t>1289.58544921875</t>
  </si>
  <si>
    <t>0.017759193010363106</t>
  </si>
  <si>
    <t>3143</t>
  </si>
  <si>
    <t>24.444570541381836</t>
  </si>
  <si>
    <t>1415.1138916015625</t>
  </si>
  <si>
    <t>-0.04722841013903967</t>
  </si>
  <si>
    <t>24.476707458496094</t>
  </si>
  <si>
    <t>876.4288330078125</t>
  </si>
  <si>
    <t>-0.021547706172032832</t>
  </si>
  <si>
    <t>3740</t>
  </si>
  <si>
    <t>24.49769401550293</t>
  </si>
  <si>
    <t>803.5054931640625</t>
  </si>
  <si>
    <t>0.19545555978304385</t>
  </si>
  <si>
    <t>4862</t>
  </si>
  <si>
    <t>24.62238311767578</t>
  </si>
  <si>
    <t>870.9091186523438</t>
  </si>
  <si>
    <t>5039</t>
  </si>
  <si>
    <t>24.587417602539062</t>
  </si>
  <si>
    <t>943.0476684570312</t>
  </si>
  <si>
    <t>0.03575777380452827</t>
  </si>
  <si>
    <t>3943</t>
  </si>
  <si>
    <t>24.513521194458008</t>
  </si>
  <si>
    <t>1076.545654296875</t>
  </si>
  <si>
    <t>-0.24526579480296995</t>
  </si>
  <si>
    <t>131</t>
  </si>
  <si>
    <t>TCA</t>
  </si>
  <si>
    <t>7825</t>
  </si>
  <si>
    <t>26.132444381713867</t>
  </si>
  <si>
    <t>703.90625</t>
  </si>
  <si>
    <t>67.19560241699219</t>
  </si>
  <si>
    <t>Turks and Caicos Islands</t>
  </si>
  <si>
    <t>5384</t>
  </si>
  <si>
    <t>26.009658813476562</t>
  </si>
  <si>
    <t>551.3914794921875</t>
  </si>
  <si>
    <t>-0.3738921440837917</t>
  </si>
  <si>
    <t>5025</t>
  </si>
  <si>
    <t>26.157445907592773</t>
  </si>
  <si>
    <t>636.1939697265625</t>
  </si>
  <si>
    <t>-0.06900613839728642</t>
  </si>
  <si>
    <t>2191</t>
  </si>
  <si>
    <t>26.14948272705078</t>
  </si>
  <si>
    <t>790.03466796875</t>
  </si>
  <si>
    <t>-0.8300673933318103</t>
  </si>
  <si>
    <t>305</t>
  </si>
  <si>
    <t>26.282814025878906</t>
  </si>
  <si>
    <t>672.7939453125</t>
  </si>
  <si>
    <t>-1.9718015629880545</t>
  </si>
  <si>
    <t>26.249479293823242</t>
  </si>
  <si>
    <t>784.2530517578125</t>
  </si>
  <si>
    <t>1.5472136512207602</t>
  </si>
  <si>
    <t>2865</t>
  </si>
  <si>
    <t>25.902799606323242</t>
  </si>
  <si>
    <t>815.0717163085938</t>
  </si>
  <si>
    <t>0.6927982013206675</t>
  </si>
  <si>
    <t>2489</t>
  </si>
  <si>
    <t>26.78428840637207</t>
  </si>
  <si>
    <t>671.1114501953125</t>
  </si>
  <si>
    <t>-0.14068732678124718</t>
  </si>
  <si>
    <t>4739</t>
  </si>
  <si>
    <t>26.6650390625</t>
  </si>
  <si>
    <t>743.1307983398438</t>
  </si>
  <si>
    <t>0.6439451195999952</t>
  </si>
  <si>
    <t>5907</t>
  </si>
  <si>
    <t>26.0998477935791</t>
  </si>
  <si>
    <t>379.8645935058594</t>
  </si>
  <si>
    <t>0.22031194533964715</t>
  </si>
  <si>
    <t>7490</t>
  </si>
  <si>
    <t>26.007078170776367</t>
  </si>
  <si>
    <t>757.4420776367188</t>
  </si>
  <si>
    <t>0.23743070920403042</t>
  </si>
  <si>
    <t>8587</t>
  </si>
  <si>
    <t>26.2904109954834</t>
  </si>
  <si>
    <t>867.618408203125</t>
  </si>
  <si>
    <t>0.13668063416121967</t>
  </si>
  <si>
    <t>11514</t>
  </si>
  <si>
    <t>26.405969619750977</t>
  </si>
  <si>
    <t>713.2235107421875</t>
  </si>
  <si>
    <t>0.29331425456327054</t>
  </si>
  <si>
    <t>15710</t>
  </si>
  <si>
    <t>26.480966567993164</t>
  </si>
  <si>
    <t>898.31396484375</t>
  </si>
  <si>
    <t>0.3107337660139109</t>
  </si>
  <si>
    <t>17901</t>
  </si>
  <si>
    <t>26.13783073425293</t>
  </si>
  <si>
    <t>616.2214965820312</t>
  </si>
  <si>
    <t>0.13055912494052535</t>
  </si>
  <si>
    <t>21440</t>
  </si>
  <si>
    <t>26.14800453186035</t>
  </si>
  <si>
    <t>924.4188842773438</t>
  </si>
  <si>
    <t>0.18040175899454702</t>
  </si>
  <si>
    <t>21643</t>
  </si>
  <si>
    <t>26.322265625</t>
  </si>
  <si>
    <t>882.7361450195312</t>
  </si>
  <si>
    <t>0.00942374032979032</t>
  </si>
  <si>
    <t>23079</t>
  </si>
  <si>
    <t>26.280969619750977</t>
  </si>
  <si>
    <t>1006.8335571289062</t>
  </si>
  <si>
    <t>0.06424103661251479</t>
  </si>
  <si>
    <t>23641</t>
  </si>
  <si>
    <t>26.07337760925293</t>
  </si>
  <si>
    <t>726.6483154296875</t>
  </si>
  <si>
    <t>0.024059379682753956</t>
  </si>
  <si>
    <t>23464</t>
  </si>
  <si>
    <t>26.174848556518555</t>
  </si>
  <si>
    <t>819.2445068359375</t>
  </si>
  <si>
    <t>-0.007515161152511496</t>
  </si>
  <si>
    <t>24899</t>
  </si>
  <si>
    <t>25.80670928955078</t>
  </si>
  <si>
    <t>908.9969482421875</t>
  </si>
  <si>
    <t>0.05936031034648259</t>
  </si>
  <si>
    <t>25731</t>
  </si>
  <si>
    <t>26.114303588867188</t>
  </si>
  <si>
    <t>802.4010009765625</t>
  </si>
  <si>
    <t>0.03286884865476303</t>
  </si>
  <si>
    <t>24476</t>
  </si>
  <si>
    <t>26.45021629333496</t>
  </si>
  <si>
    <t>804.5825805664062</t>
  </si>
  <si>
    <t>-0.05000344507610066</t>
  </si>
  <si>
    <t>23624</t>
  </si>
  <si>
    <t>26.557815551757812</t>
  </si>
  <si>
    <t>525.2574462890625</t>
  </si>
  <si>
    <t>-0.03542990115867184</t>
  </si>
  <si>
    <t>24661</t>
  </si>
  <si>
    <t>26.685028076171875</t>
  </si>
  <si>
    <t>895.1638793945312</t>
  </si>
  <si>
    <t>0.04295990397279148</t>
  </si>
  <si>
    <t>26285</t>
  </si>
  <si>
    <t>26.86651611328125</t>
  </si>
  <si>
    <t>742.9253540039062</t>
  </si>
  <si>
    <t>0.0637753858569976</t>
  </si>
  <si>
    <t>26932</t>
  </si>
  <si>
    <t>26.56540870666504</t>
  </si>
  <si>
    <t>858.3009033203125</t>
  </si>
  <si>
    <t>0.024316736411623907</t>
  </si>
  <si>
    <t>25208</t>
  </si>
  <si>
    <t>26.673744201660156</t>
  </si>
  <si>
    <t>830.2069702148438</t>
  </si>
  <si>
    <t>-0.06615376622806224</t>
  </si>
  <si>
    <t>25568</t>
  </si>
  <si>
    <t>26.582443237304688</t>
  </si>
  <si>
    <t>647.3770751953125</t>
  </si>
  <si>
    <t>0.014180165128891531</t>
  </si>
  <si>
    <t>25934</t>
  </si>
  <si>
    <t>26.95670509338379</t>
  </si>
  <si>
    <t>836.4033203125</t>
  </si>
  <si>
    <t>0.014213279542827806</t>
  </si>
  <si>
    <t>18475</t>
  </si>
  <si>
    <t>26.85707664489746</t>
  </si>
  <si>
    <t>917.1705322265625</t>
  </si>
  <si>
    <t>-0.33913638229242693</t>
  </si>
  <si>
    <t>19764</t>
  </si>
  <si>
    <t>26.4744815826416</t>
  </si>
  <si>
    <t>732.0218505859375</t>
  </si>
  <si>
    <t>0.06744363414923882</t>
  </si>
  <si>
    <t>20718</t>
  </si>
  <si>
    <t>26.657075881958008</t>
  </si>
  <si>
    <t>617.4456176757812</t>
  </si>
  <si>
    <t>0.047140786652406064</t>
  </si>
  <si>
    <t>132</t>
  </si>
  <si>
    <t>VIR</t>
  </si>
  <si>
    <t>19046</t>
  </si>
  <si>
    <t>26.688997268676758</t>
  </si>
  <si>
    <t>1180.4141845703125</t>
  </si>
  <si>
    <t>556.5989379882812</t>
  </si>
  <si>
    <t>Virgin Islands, U.S.</t>
  </si>
  <si>
    <t>17973</t>
  </si>
  <si>
    <t>26.652048110961914</t>
  </si>
  <si>
    <t>1064.921875</t>
  </si>
  <si>
    <t>-0.05798647400195733</t>
  </si>
  <si>
    <t>16258</t>
  </si>
  <si>
    <t>26.783170700073242</t>
  </si>
  <si>
    <t>1236.77001953125</t>
  </si>
  <si>
    <t>-0.10028553644551685</t>
  </si>
  <si>
    <t>17970</t>
  </si>
  <si>
    <t>26.891504287719727</t>
  </si>
  <si>
    <t>945.2449951171875</t>
  </si>
  <si>
    <t>0.10011860547108675</t>
  </si>
  <si>
    <t>13437</t>
  </si>
  <si>
    <t>26.80927848815918</t>
  </si>
  <si>
    <t>971.1438598632812</t>
  </si>
  <si>
    <t>-0.2906916049021948</t>
  </si>
  <si>
    <t>13590</t>
  </si>
  <si>
    <t>27.00817108154297</t>
  </si>
  <si>
    <t>1060.7945556640625</t>
  </si>
  <si>
    <t>0.011322132269780738</t>
  </si>
  <si>
    <t>14948</t>
  </si>
  <si>
    <t>26.712890625</t>
  </si>
  <si>
    <t>1117.9534912109375</t>
  </si>
  <si>
    <t>0.09524328346018507</t>
  </si>
  <si>
    <t>15410</t>
  </si>
  <si>
    <t>27.07233428955078</t>
  </si>
  <si>
    <t>1148.8802490234375</t>
  </si>
  <si>
    <t>0.030439137708786035</t>
  </si>
  <si>
    <t>14258</t>
  </si>
  <si>
    <t>27.39954376220703</t>
  </si>
  <si>
    <t>1490.829345703125</t>
  </si>
  <si>
    <t>-0.07769849663658768</t>
  </si>
  <si>
    <t>26.84261131286621</t>
  </si>
  <si>
    <t>1318.6512451171875</t>
  </si>
  <si>
    <t>0.0507320484067737</t>
  </si>
  <si>
    <t>26.89733123779297</t>
  </si>
  <si>
    <t>887.9824829101562</t>
  </si>
  <si>
    <t>27.158172607421875</t>
  </si>
  <si>
    <t>1306.4005126953125</t>
  </si>
  <si>
    <t>0.23638877806422975</t>
  </si>
  <si>
    <t>17200</t>
  </si>
  <si>
    <t>27.26399803161621</t>
  </si>
  <si>
    <t>1229.306396484375</t>
  </si>
  <si>
    <t>-0.09952959534703254</t>
  </si>
  <si>
    <t>15850</t>
  </si>
  <si>
    <t>27.16650390625</t>
  </si>
  <si>
    <t>1352.41015625</t>
  </si>
  <si>
    <t>-0.08173988349611783</t>
  </si>
  <si>
    <t>14500</t>
  </si>
  <si>
    <t>26.774839401245117</t>
  </si>
  <si>
    <t>1475.5665283203125</t>
  </si>
  <si>
    <t>-0.0890208508967607</t>
  </si>
  <si>
    <t>16900</t>
  </si>
  <si>
    <t>27.066505432128906</t>
  </si>
  <si>
    <t>1587.105224609375</t>
  </si>
  <si>
    <t>0.1531649725024984</t>
  </si>
  <si>
    <t>19300</t>
  </si>
  <si>
    <t>26.924837112426758</t>
  </si>
  <si>
    <t>1533.3875732421875</t>
  </si>
  <si>
    <t>0.132791473981813</t>
  </si>
  <si>
    <t>21700</t>
  </si>
  <si>
    <t>26.85455894470215</t>
  </si>
  <si>
    <t>1251.65185546875</t>
  </si>
  <si>
    <t>0.11720716463557324</t>
  </si>
  <si>
    <t>24100</t>
  </si>
  <si>
    <t>26.549837112426758</t>
  </si>
  <si>
    <t>1496.9034423828125</t>
  </si>
  <si>
    <t>0.10489957995019594</t>
  </si>
  <si>
    <t>26500</t>
  </si>
  <si>
    <t>26.90706443786621</t>
  </si>
  <si>
    <t>1096.923095703125</t>
  </si>
  <si>
    <t>0.09493289249556724</t>
  </si>
  <si>
    <t>28900</t>
  </si>
  <si>
    <t>27.145116806030273</t>
  </si>
  <si>
    <t>1441.48486328125</t>
  </si>
  <si>
    <t>0.0866968621262103</t>
  </si>
  <si>
    <t>31300</t>
  </si>
  <si>
    <t>26.74150276184082</t>
  </si>
  <si>
    <t>1332.86962890625</t>
  </si>
  <si>
    <t>0.07977650242771972</t>
  </si>
  <si>
    <t>33700</t>
  </si>
  <si>
    <t>26.93567657470703</t>
  </si>
  <si>
    <t>1015.0816650390625</t>
  </si>
  <si>
    <t>0.07387973981220952</t>
  </si>
  <si>
    <t>36100</t>
  </si>
  <si>
    <t>27.061782836914062</t>
  </si>
  <si>
    <t>1332.3516845703125</t>
  </si>
  <si>
    <t>0.06879502798051895</t>
  </si>
  <si>
    <t>36325</t>
  </si>
  <si>
    <t>27.065397262573242</t>
  </si>
  <si>
    <t>1371.335205078125</t>
  </si>
  <si>
    <t>0.006213344117512065</t>
  </si>
  <si>
    <t>36550</t>
  </si>
  <si>
    <t>27.28206443786621</t>
  </si>
  <si>
    <t>737.0836181640625</t>
  </si>
  <si>
    <t>36775</t>
  </si>
  <si>
    <t>27.20345115661621</t>
  </si>
  <si>
    <t>1258.87353515625</t>
  </si>
  <si>
    <t>0.006137080291713559</t>
  </si>
  <si>
    <t>37000</t>
  </si>
  <si>
    <t>27.111785888671875</t>
  </si>
  <si>
    <t>1388.0001220703125</t>
  </si>
  <si>
    <t>0.006099646156721761</t>
  </si>
  <si>
    <t>37532</t>
  </si>
  <si>
    <t>26.808168411254883</t>
  </si>
  <si>
    <t>1123.1927490234375</t>
  </si>
  <si>
    <t>0.014275989783579135</t>
  </si>
  <si>
    <t>36597</t>
  </si>
  <si>
    <t>27.170120239257812</t>
  </si>
  <si>
    <t>1260.4410400390625</t>
  </si>
  <si>
    <t>-0.025227632593091798</t>
  </si>
  <si>
    <t>33303</t>
  </si>
  <si>
    <t>27.14872932434082</t>
  </si>
  <si>
    <t>1089.281005859375</t>
  </si>
  <si>
    <t>-0.09431878681609085</t>
  </si>
  <si>
    <t>35114</t>
  </si>
  <si>
    <t>27.003448486328125</t>
  </si>
  <si>
    <t>1077.4754638671875</t>
  </si>
  <si>
    <t>0.052952428328396195</t>
  </si>
  <si>
    <t>36483</t>
  </si>
  <si>
    <t>26.895118713378906</t>
  </si>
  <si>
    <t>1177.19970703125</t>
  </si>
  <si>
    <t>0.038246487319955946</t>
  </si>
  <si>
    <t>133</t>
  </si>
  <si>
    <t>PSE</t>
  </si>
  <si>
    <t>3744</t>
  </si>
  <si>
    <t>19.31588363647461</t>
  </si>
  <si>
    <t>345.32342529296875</t>
  </si>
  <si>
    <t>1492.119384765625</t>
  </si>
  <si>
    <t>Palestine</t>
  </si>
  <si>
    <t>3840</t>
  </si>
  <si>
    <t>19.03160285949707</t>
  </si>
  <si>
    <t>623.4572143554688</t>
  </si>
  <si>
    <t>3839</t>
  </si>
  <si>
    <t>18.30496597290039</t>
  </si>
  <si>
    <t>538.6024780273438</t>
  </si>
  <si>
    <t>-0.00026045058097423635</t>
  </si>
  <si>
    <t>19.444494247436523</t>
  </si>
  <si>
    <t>335.253173828125</t>
  </si>
  <si>
    <t>-0.00026051843315322287</t>
  </si>
  <si>
    <t>3951</t>
  </si>
  <si>
    <t>19.610382080078125</t>
  </si>
  <si>
    <t>495.2783508300781</t>
  </si>
  <si>
    <t>0.02901731384374706</t>
  </si>
  <si>
    <t>4047</t>
  </si>
  <si>
    <t>19.37335968017578</t>
  </si>
  <si>
    <t>338.7115783691406</t>
  </si>
  <si>
    <t>0.024007154464474212</t>
  </si>
  <si>
    <t>3917</t>
  </si>
  <si>
    <t>19.9329776763916</t>
  </si>
  <si>
    <t>344.5337829589844</t>
  </si>
  <si>
    <t>-0.032649811210035296</t>
  </si>
  <si>
    <t>4295</t>
  </si>
  <si>
    <t>19.04345703125</t>
  </si>
  <si>
    <t>482.29840087890625</t>
  </si>
  <si>
    <t>0.09212550075252501</t>
  </si>
  <si>
    <t>4786</t>
  </si>
  <si>
    <t>20.360029220581055</t>
  </si>
  <si>
    <t>264.06036376953125</t>
  </si>
  <si>
    <t>0.10824343404996384</t>
  </si>
  <si>
    <t>5052</t>
  </si>
  <si>
    <t>19.981338500976562</t>
  </si>
  <si>
    <t>322.2416076660156</t>
  </si>
  <si>
    <t>0.054089215002061763</t>
  </si>
  <si>
    <t>4503</t>
  </si>
  <si>
    <t>19.689239501953125</t>
  </si>
  <si>
    <t>340.24176025390625</t>
  </si>
  <si>
    <t>-0.11504036316880928</t>
  </si>
  <si>
    <t>20.10263442993164</t>
  </si>
  <si>
    <t>448.6711730957031</t>
  </si>
  <si>
    <t>-0.12321079730125462</t>
  </si>
  <si>
    <t>3396</t>
  </si>
  <si>
    <t>20.4581298828125</t>
  </si>
  <si>
    <t>392.6148986816406</t>
  </si>
  <si>
    <t>-0.15893477556907953</t>
  </si>
  <si>
    <t>3774</t>
  </si>
  <si>
    <t>20.048856735229492</t>
  </si>
  <si>
    <t>583.3499145507812</t>
  </si>
  <si>
    <t>0.10553717849725786</t>
  </si>
  <si>
    <t>4486</t>
  </si>
  <si>
    <t>19.982877731323242</t>
  </si>
  <si>
    <t>312.8780212402344</t>
  </si>
  <si>
    <t>0.17282598915165792</t>
  </si>
  <si>
    <t>4866</t>
  </si>
  <si>
    <t>19.75375747680664</t>
  </si>
  <si>
    <t>318.4477844238281</t>
  </si>
  <si>
    <t>0.08131080826331427</t>
  </si>
  <si>
    <t>4696</t>
  </si>
  <si>
    <t>19.678152084350586</t>
  </si>
  <si>
    <t>323.5357666015625</t>
  </si>
  <si>
    <t>-0.035561161835534705</t>
  </si>
  <si>
    <t>4751</t>
  </si>
  <si>
    <t>19.780040740966797</t>
  </si>
  <si>
    <t>371.7818298339844</t>
  </si>
  <si>
    <t>0.011644039678987639</t>
  </si>
  <si>
    <t>20.437936782836914</t>
  </si>
  <si>
    <t>164.83067321777344</t>
  </si>
  <si>
    <t>0.044058175292352786</t>
  </si>
  <si>
    <t>5250</t>
  </si>
  <si>
    <t>20.31328773498535</t>
  </si>
  <si>
    <t>369.640625</t>
  </si>
  <si>
    <t>0.05581477910639521</t>
  </si>
  <si>
    <t>5411</t>
  </si>
  <si>
    <t>21.52281951904297</t>
  </si>
  <si>
    <t>268.8286437988281</t>
  </si>
  <si>
    <t>0.030205842057066334</t>
  </si>
  <si>
    <t>5783</t>
  </si>
  <si>
    <t>19.446365356445312</t>
  </si>
  <si>
    <t>451.3533020019531</t>
  </si>
  <si>
    <t>0.06648866051548374</t>
  </si>
  <si>
    <t>5986</t>
  </si>
  <si>
    <t>20.516454696655273</t>
  </si>
  <si>
    <t>507.6766662597656</t>
  </si>
  <si>
    <t>0.03450083025442474</t>
  </si>
  <si>
    <t>6118</t>
  </si>
  <si>
    <t>20.164405822753906</t>
  </si>
  <si>
    <t>268.901123046875</t>
  </si>
  <si>
    <t>0.021811836298205378</t>
  </si>
  <si>
    <t>5967</t>
  </si>
  <si>
    <t>20.14483642578125</t>
  </si>
  <si>
    <t>419.7156066894531</t>
  </si>
  <si>
    <t>-0.024990957188766316</t>
  </si>
  <si>
    <t>6049</t>
  </si>
  <si>
    <t>20.118200302124023</t>
  </si>
  <si>
    <t>348.1622314453125</t>
  </si>
  <si>
    <t>0.013648680584831041</t>
  </si>
  <si>
    <t>20.523611068725586</t>
  </si>
  <si>
    <t>350.324951171875</t>
  </si>
  <si>
    <t>0.06248027943126999</t>
  </si>
  <si>
    <t>6402</t>
  </si>
  <si>
    <t>20.278331756591797</t>
  </si>
  <si>
    <t>255.6630859375</t>
  </si>
  <si>
    <t>-0.005762807008375503</t>
  </si>
  <si>
    <t>6318</t>
  </si>
  <si>
    <t>20.752565383911133</t>
  </si>
  <si>
    <t>421.4891052246094</t>
  </si>
  <si>
    <t>-0.013207739167777177</t>
  </si>
  <si>
    <t>6245</t>
  </si>
  <si>
    <t>20.197751998901367</t>
  </si>
  <si>
    <t>496.7373046875</t>
  </si>
  <si>
    <t>-0.011621558802353604</t>
  </si>
  <si>
    <t>5403</t>
  </si>
  <si>
    <t>20.467164993286133</t>
  </si>
  <si>
    <t>430.23736572265625</t>
  </si>
  <si>
    <t>-0.14482678871561205</t>
  </si>
  <si>
    <t>5641</t>
  </si>
  <si>
    <t>20.36570930480957</t>
  </si>
  <si>
    <t>431.3447570800781</t>
  </si>
  <si>
    <t>0.04310699989591171</t>
  </si>
  <si>
    <t>5722</t>
  </si>
  <si>
    <t>20.21502113342285</t>
  </si>
  <si>
    <t>447.73516845703125</t>
  </si>
  <si>
    <t>0.014257039870079424</t>
  </si>
  <si>
    <t>136</t>
  </si>
  <si>
    <t>SPM</t>
  </si>
  <si>
    <t>9865</t>
  </si>
  <si>
    <t>4.8666672706604</t>
  </si>
  <si>
    <t>1487.4998779296875</t>
  </si>
  <si>
    <t>45.191158294677734</t>
  </si>
  <si>
    <t>Saint Pierre and Miquelon</t>
  </si>
  <si>
    <t>8613</t>
  </si>
  <si>
    <t>4.825000286102295</t>
  </si>
  <si>
    <t>1272.9000244140625</t>
  </si>
  <si>
    <t>-0.1357204496675415</t>
  </si>
  <si>
    <t>7438</t>
  </si>
  <si>
    <t>4.100000381469727</t>
  </si>
  <si>
    <t>1364.8001708984375</t>
  </si>
  <si>
    <t>-0.14667069430415935</t>
  </si>
  <si>
    <t>5687</t>
  </si>
  <si>
    <t>4.266665935516357</t>
  </si>
  <si>
    <t>1530.5999755859375</t>
  </si>
  <si>
    <t>-0.26841912717821614</t>
  </si>
  <si>
    <t>7755</t>
  </si>
  <si>
    <t>5.241666793823242</t>
  </si>
  <si>
    <t>1521.699951171875</t>
  </si>
  <si>
    <t>0.31015492830383984</t>
  </si>
  <si>
    <t>4.908332824707031</t>
  </si>
  <si>
    <t>1284.89990234375</t>
  </si>
  <si>
    <t>0.25634509444769016</t>
  </si>
  <si>
    <t>11000</t>
  </si>
  <si>
    <t>5.5749993324279785</t>
  </si>
  <si>
    <t>1351.800048828125</t>
  </si>
  <si>
    <t>0.0932123817221786</t>
  </si>
  <si>
    <t>13656</t>
  </si>
  <si>
    <t>4.708333492279053</t>
  </si>
  <si>
    <t>1249.7001953125</t>
  </si>
  <si>
    <t>0.21628371269376956</t>
  </si>
  <si>
    <t>16311</t>
  </si>
  <si>
    <t>6.200000286102295</t>
  </si>
  <si>
    <t>1479.0999755859375</t>
  </si>
  <si>
    <t>0.17766074133975351</t>
  </si>
  <si>
    <t>18967</t>
  </si>
  <si>
    <t>6.9083333015441895</t>
  </si>
  <si>
    <t>1431.5001220703125</t>
  </si>
  <si>
    <t>0.15086090017029186</t>
  </si>
  <si>
    <t>21622</t>
  </si>
  <si>
    <t>5.6583333015441895</t>
  </si>
  <si>
    <t>1382.4998779296875</t>
  </si>
  <si>
    <t>0.13101068786839498</t>
  </si>
  <si>
    <t>24278</t>
  </si>
  <si>
    <t>5.883333206176758</t>
  </si>
  <si>
    <t>1220.4000244140625</t>
  </si>
  <si>
    <t>0.11585927560503073</t>
  </si>
  <si>
    <t>26933</t>
  </si>
  <si>
    <t>4.675000190734863</t>
  </si>
  <si>
    <t>1329.5001220703125</t>
  </si>
  <si>
    <t>0.10378171006911963</t>
  </si>
  <si>
    <t>29589</t>
  </si>
  <si>
    <t>5.066666603088379</t>
  </si>
  <si>
    <t>1341.9000244140625</t>
  </si>
  <si>
    <t>0.09405037009523554</t>
  </si>
  <si>
    <t>32244</t>
  </si>
  <si>
    <t>5.074999809265137</t>
  </si>
  <si>
    <t>1396.800048828125</t>
  </si>
  <si>
    <t>0.08592930878138816</t>
  </si>
  <si>
    <t>34900</t>
  </si>
  <si>
    <t>6.3249993324279785</t>
  </si>
  <si>
    <t>1295.800048828125</t>
  </si>
  <si>
    <t>0.07915484978702736</t>
  </si>
  <si>
    <t>35760</t>
  </si>
  <si>
    <t>6.625000476837158</t>
  </si>
  <si>
    <t>1388.2000732421875</t>
  </si>
  <si>
    <t>0.024343121096931597</t>
  </si>
  <si>
    <t>36620</t>
  </si>
  <si>
    <t>4.875000476837158</t>
  </si>
  <si>
    <t>1199.5</t>
  </si>
  <si>
    <t>0.02376458894105049</t>
  </si>
  <si>
    <t>37480</t>
  </si>
  <si>
    <t>5.433333873748779</t>
  </si>
  <si>
    <t>1369.300048828125</t>
  </si>
  <si>
    <t>0.02321291812385695</t>
  </si>
  <si>
    <t>38340</t>
  </si>
  <si>
    <t>5.866666793823242</t>
  </si>
  <si>
    <t>1377.89990234375</t>
  </si>
  <si>
    <t>0.022686280247278034</t>
  </si>
  <si>
    <t>39200</t>
  </si>
  <si>
    <t>7.399999618530273</t>
  </si>
  <si>
    <t>1339.0999755859375</t>
  </si>
  <si>
    <t>0.022183009178917246</t>
  </si>
  <si>
    <t>40060</t>
  </si>
  <si>
    <t>5.525000095367432</t>
  </si>
  <si>
    <t>1370.4000244140625</t>
  </si>
  <si>
    <t>0.02170158344125639</t>
  </si>
  <si>
    <t>40920</t>
  </si>
  <si>
    <t>6.849999904632568</t>
  </si>
  <si>
    <t>1132.7999267578125</t>
  </si>
  <si>
    <t>0.02124061084575324</t>
  </si>
  <si>
    <t>41780</t>
  </si>
  <si>
    <t>5.983333110809326</t>
  </si>
  <si>
    <t>1503.0</t>
  </si>
  <si>
    <t>0.020798815044994257</t>
  </si>
  <si>
    <t>42640</t>
  </si>
  <si>
    <t>5.0916666984558105</t>
  </si>
  <si>
    <t>1242.0001220703125</t>
  </si>
  <si>
    <t>0.020375023729169328</t>
  </si>
  <si>
    <t>43500</t>
  </si>
  <si>
    <t>4.641666412353516</t>
  </si>
  <si>
    <t>1311.699951171875</t>
  </si>
  <si>
    <t>0.019968158237048783</t>
  </si>
  <si>
    <t>44314</t>
  </si>
  <si>
    <t>4.8833327293396</t>
  </si>
  <si>
    <t>1320.0</t>
  </si>
  <si>
    <t>0.018539716118446847</t>
  </si>
  <si>
    <t>45546</t>
  </si>
  <si>
    <t>5.175000190734863</t>
  </si>
  <si>
    <t>1327.800048828125</t>
  </si>
  <si>
    <t>0.027422150049600802</t>
  </si>
  <si>
    <t>46352</t>
  </si>
  <si>
    <t>4.891665935516357</t>
  </si>
  <si>
    <t>1322.0999755859375</t>
  </si>
  <si>
    <t>0.01754163676430842</t>
  </si>
  <si>
    <t>47359</t>
  </si>
  <si>
    <t>1317.4000244140625</t>
  </si>
  <si>
    <t>0.021492434460968823</t>
  </si>
  <si>
    <t>44308</t>
  </si>
  <si>
    <t>5.4916672706604</t>
  </si>
  <si>
    <t>-0.06659162783327588</t>
  </si>
  <si>
    <t>49989</t>
  </si>
  <si>
    <t>5.524999618530273</t>
  </si>
  <si>
    <t>0.12063773356990914</t>
  </si>
  <si>
    <t>52397</t>
  </si>
  <si>
    <t>5.458333492279053</t>
  </si>
  <si>
    <t>0.047046356555050295</t>
  </si>
  <si>
    <t>139</t>
  </si>
  <si>
    <t>WLF</t>
  </si>
  <si>
    <t>3088</t>
  </si>
  <si>
    <t>2899.60009765625</t>
  </si>
  <si>
    <t>128.70069885253906</t>
  </si>
  <si>
    <t>Wallis and Futuna</t>
  </si>
  <si>
    <t>2804</t>
  </si>
  <si>
    <t>27.233335494995117</t>
  </si>
  <si>
    <t>2900.399658203125</t>
  </si>
  <si>
    <t>-0.09647666299018631</t>
  </si>
  <si>
    <t>3007</t>
  </si>
  <si>
    <t>27.116668701171875</t>
  </si>
  <si>
    <t>4194.30029296875</t>
  </si>
  <si>
    <t>0.06989593483404732</t>
  </si>
  <si>
    <t>2347</t>
  </si>
  <si>
    <t>3414.699951171875</t>
  </si>
  <si>
    <t>-0.24780498713750454</t>
  </si>
  <si>
    <t>27.175004959106445</t>
  </si>
  <si>
    <t>3509.500244140625</t>
  </si>
  <si>
    <t>-2.9487088404786066</t>
  </si>
  <si>
    <t>27.375</t>
  </si>
  <si>
    <t>4192.7001953125</t>
  </si>
  <si>
    <t>2.788718104169665</t>
  </si>
  <si>
    <t>3665.400146484375</t>
  </si>
  <si>
    <t>3784.199951171875</t>
  </si>
  <si>
    <t>2477.50048828125</t>
  </si>
  <si>
    <t>2700.699951171875</t>
  </si>
  <si>
    <t>2970.2998046875</t>
  </si>
  <si>
    <t>3215.2001953125</t>
  </si>
  <si>
    <t>0.6151856390902335</t>
  </si>
  <si>
    <t>3099.60009765625</t>
  </si>
  <si>
    <t>0.008879380282268201</t>
  </si>
  <si>
    <t>3767</t>
  </si>
  <si>
    <t>27.374998092651367</t>
  </si>
  <si>
    <t>3032.89990234375</t>
  </si>
  <si>
    <t>0.009066728777456845</t>
  </si>
  <si>
    <t>3204.80029296875</t>
  </si>
  <si>
    <t>0.00872213802243671</t>
  </si>
  <si>
    <t>4240</t>
  </si>
  <si>
    <t>27.60833740234375</t>
  </si>
  <si>
    <t>2967.10009765625</t>
  </si>
  <si>
    <t>0.10956220251152615</t>
  </si>
  <si>
    <t>27.491666793823242</t>
  </si>
  <si>
    <t>3516.800048828125</t>
  </si>
  <si>
    <t>0.10214781328192934</t>
  </si>
  <si>
    <t>5060</t>
  </si>
  <si>
    <t>27.71666717529297</t>
  </si>
  <si>
    <t>2953.400146484375</t>
  </si>
  <si>
    <t>0.0746554007735778</t>
  </si>
  <si>
    <t>5716</t>
  </si>
  <si>
    <t>27.383337020874023</t>
  </si>
  <si>
    <t>2888.800048828125</t>
  </si>
  <si>
    <t>0.12190277676824657</t>
  </si>
  <si>
    <t>6017</t>
  </si>
  <si>
    <t>27.383331298828125</t>
  </si>
  <si>
    <t>2683.500244140625</t>
  </si>
  <si>
    <t>0.051319536170593594</t>
  </si>
  <si>
    <t>27.55000114440918</t>
  </si>
  <si>
    <t>2901.900146484375</t>
  </si>
  <si>
    <t>0.06576346445545234</t>
  </si>
  <si>
    <t>6915</t>
  </si>
  <si>
    <t>27.333335876464844</t>
  </si>
  <si>
    <t>2597.10009765625</t>
  </si>
  <si>
    <t>0.07334070442305496</t>
  </si>
  <si>
    <t>7506</t>
  </si>
  <si>
    <t>27.29166603088379</t>
  </si>
  <si>
    <t>3345.300048828125</t>
  </si>
  <si>
    <t>0.0820097355961078</t>
  </si>
  <si>
    <t>7742</t>
  </si>
  <si>
    <t>27.5</t>
  </si>
  <si>
    <t>3637.2001953125</t>
  </si>
  <si>
    <t>0.0309573514426269</t>
  </si>
  <si>
    <t>8134</t>
  </si>
  <si>
    <t>27.325002670288086</t>
  </si>
  <si>
    <t>3796.5</t>
  </si>
  <si>
    <t>0.04939275532957765</t>
  </si>
  <si>
    <t>8830</t>
  </si>
  <si>
    <t>27.30833625793457</t>
  </si>
  <si>
    <t>3221.10009765625</t>
  </si>
  <si>
    <t>0.08210220713083594</t>
  </si>
  <si>
    <t>9231</t>
  </si>
  <si>
    <t>2955.2998046875</t>
  </si>
  <si>
    <t>0.04441237039214485</t>
  </si>
  <si>
    <t>9400</t>
  </si>
  <si>
    <t>27.599998474121094</t>
  </si>
  <si>
    <t>3697.800048828125</t>
  </si>
  <si>
    <t>0.018142304267943388</t>
  </si>
  <si>
    <t>10130</t>
  </si>
  <si>
    <t>4081.2998046875</t>
  </si>
  <si>
    <t>0.07479162898463443</t>
  </si>
  <si>
    <t>11028</t>
  </si>
  <si>
    <t>3820.89990234375</t>
  </si>
  <si>
    <t>0.0849361749009585</t>
  </si>
  <si>
    <t>10238</t>
  </si>
  <si>
    <t>4424.19970703125</t>
  </si>
  <si>
    <t>-0.07433120512615865</t>
  </si>
  <si>
    <t>11327</t>
  </si>
  <si>
    <t>2807.900146484375</t>
  </si>
  <si>
    <t>0.10108296818318507</t>
  </si>
  <si>
    <t>12139</t>
  </si>
  <si>
    <t>2577.0</t>
  </si>
  <si>
    <t>0.0692341536970904</t>
  </si>
  <si>
    <t>142</t>
  </si>
  <si>
    <t>FLK</t>
  </si>
  <si>
    <t>70373</t>
  </si>
  <si>
    <t>6.062694072723389</t>
  </si>
  <si>
    <t>588.2127685546875</t>
  </si>
  <si>
    <t>8.583195686340332</t>
  </si>
  <si>
    <t>Falkland Islands</t>
  </si>
  <si>
    <t>71633</t>
  </si>
  <si>
    <t>5.811537265777588</t>
  </si>
  <si>
    <t>0.017746194769326706</t>
  </si>
  <si>
    <t>71763</t>
  </si>
  <si>
    <t>5.674776077270508</t>
  </si>
  <si>
    <t>0.0018131612543612619</t>
  </si>
  <si>
    <t>68211</t>
  </si>
  <si>
    <t>6.190281391143799</t>
  </si>
  <si>
    <t>-0.050763180730648116</t>
  </si>
  <si>
    <t>81268</t>
  </si>
  <si>
    <t>5.762228012084961</t>
  </si>
  <si>
    <t>0.175146492969251</t>
  </si>
  <si>
    <t>78264</t>
  </si>
  <si>
    <t>5.759794235229492</t>
  </si>
  <si>
    <t>-0.0376646079802363</t>
  </si>
  <si>
    <t>78105</t>
  </si>
  <si>
    <t>6.166339874267578</t>
  </si>
  <si>
    <t>-0.0020336518721553176</t>
  </si>
  <si>
    <t>83344</t>
  </si>
  <si>
    <t>5.684463977813721</t>
  </si>
  <si>
    <t>0.06492254571986322</t>
  </si>
  <si>
    <t>80835</t>
  </si>
  <si>
    <t>6.410482883453369</t>
  </si>
  <si>
    <t>-0.030566580949265898</t>
  </si>
  <si>
    <t>76562</t>
  </si>
  <si>
    <t>6.0650248527526855</t>
  </si>
  <si>
    <t>-0.05430916994809287</t>
  </si>
  <si>
    <t>83651</t>
  </si>
  <si>
    <t>5.657400608062744</t>
  </si>
  <si>
    <t>0.08855251182852619</t>
  </si>
  <si>
    <t>70957</t>
  </si>
  <si>
    <t>5.828365802764893</t>
  </si>
  <si>
    <t>-0.16457932216573568</t>
  </si>
  <si>
    <t>55400</t>
  </si>
  <si>
    <t>5.516268253326416</t>
  </si>
  <si>
    <t>-0.2474944660150289</t>
  </si>
  <si>
    <t>59480</t>
  </si>
  <si>
    <t>6.072746276855469</t>
  </si>
  <si>
    <t>0.07106052783871597</t>
  </si>
  <si>
    <t>63560</t>
  </si>
  <si>
    <t>6.309284210205078</t>
  </si>
  <si>
    <t>0.06634422007656227</t>
  </si>
  <si>
    <t>67640</t>
  </si>
  <si>
    <t>6.002509593963623</t>
  </si>
  <si>
    <t>0.06221518236186441</t>
  </si>
  <si>
    <t>71720</t>
  </si>
  <si>
    <t>6.062293529510498</t>
  </si>
  <si>
    <t>0.05857012470655221</t>
  </si>
  <si>
    <t>75800</t>
  </si>
  <si>
    <t>5.820837497711182</t>
  </si>
  <si>
    <t>0.055328643911392916</t>
  </si>
  <si>
    <t>79880</t>
  </si>
  <si>
    <t>6.17275857925415</t>
  </si>
  <si>
    <t>0.05242721589928934</t>
  </si>
  <si>
    <t>83960</t>
  </si>
  <si>
    <t>5.882776260375977</t>
  </si>
  <si>
    <t>0.04981498640481696</t>
  </si>
  <si>
    <t>88040</t>
  </si>
  <si>
    <t>5.988011837005615</t>
  </si>
  <si>
    <t>0.047450761705828626</t>
  </si>
  <si>
    <t>92120</t>
  </si>
  <si>
    <t>6.27063512802124</t>
  </si>
  <si>
    <t>0.0453008182942245</t>
  </si>
  <si>
    <t>96200</t>
  </si>
  <si>
    <t>5.963979721069336</t>
  </si>
  <si>
    <t>0.04333728271917536</t>
  </si>
  <si>
    <t>87733</t>
  </si>
  <si>
    <t>6.038791656494141</t>
  </si>
  <si>
    <t>-0.09213124628792357</t>
  </si>
  <si>
    <t>79267</t>
  </si>
  <si>
    <t>5.970236301422119</t>
  </si>
  <si>
    <t>-0.10147621058954037</t>
  </si>
  <si>
    <t>70800</t>
  </si>
  <si>
    <t>5.981137752532959</t>
  </si>
  <si>
    <t>-0.11296290009452292</t>
  </si>
  <si>
    <t>75049</t>
  </si>
  <si>
    <t>6.237850189208984</t>
  </si>
  <si>
    <t>0.05828223284065892</t>
  </si>
  <si>
    <t>82499</t>
  </si>
  <si>
    <t>6.225061416625977</t>
  </si>
  <si>
    <t>0.094644938514719</t>
  </si>
  <si>
    <t>83442</t>
  </si>
  <si>
    <t>6.057256698608398</t>
  </si>
  <si>
    <t>0.01136560766947703</t>
  </si>
  <si>
    <t>85165</t>
  </si>
  <si>
    <t>6.065027236938477</t>
  </si>
  <si>
    <t>0.02043877158801166</t>
  </si>
  <si>
    <t>70090</t>
  </si>
  <si>
    <t>6.216785907745361</t>
  </si>
  <si>
    <t>-0.19481042080030697</t>
  </si>
  <si>
    <t>66790</t>
  </si>
  <si>
    <t>6.489971160888672</t>
  </si>
  <si>
    <t>-0.04822676177468921</t>
  </si>
  <si>
    <t>65797</t>
  </si>
  <si>
    <t>6.173946380615234</t>
  </si>
  <si>
    <t>-0.014979124150817924</t>
  </si>
  <si>
    <t>144</t>
  </si>
  <si>
    <t>ESH</t>
  </si>
  <si>
    <t>22.94384765625</t>
  </si>
  <si>
    <t>34.00494384765625</t>
  </si>
  <si>
    <t>182.62376403808594</t>
  </si>
  <si>
    <t>Western Sahara</t>
  </si>
  <si>
    <t>2254</t>
  </si>
  <si>
    <t>22.067222595214844</t>
  </si>
  <si>
    <t>35.06878662109375</t>
  </si>
  <si>
    <t>-0.011469027348764094</t>
  </si>
  <si>
    <t>2209</t>
  </si>
  <si>
    <t>22.052978515625</t>
  </si>
  <si>
    <t>48.217899322509766</t>
  </si>
  <si>
    <t>-0.020166491179605117</t>
  </si>
  <si>
    <t>2245</t>
  </si>
  <si>
    <t>21.804899215698242</t>
  </si>
  <si>
    <t>63.73379135131836</t>
  </si>
  <si>
    <t>0.016165596756238187</t>
  </si>
  <si>
    <t>2103</t>
  </si>
  <si>
    <t>22.345346450805664</t>
  </si>
  <si>
    <t>28.99386978149414</t>
  </si>
  <si>
    <t>-0.06534062447365496</t>
  </si>
  <si>
    <t>23.166189193725586</t>
  </si>
  <si>
    <t>46.182186126708984</t>
  </si>
  <si>
    <t>0.06578595959568823</t>
  </si>
  <si>
    <t>2329</t>
  </si>
  <si>
    <t>22.635568618774414</t>
  </si>
  <si>
    <t>68.0139389038086</t>
  </si>
  <si>
    <t>0.036288134585952925</t>
  </si>
  <si>
    <t>2185</t>
  </si>
  <si>
    <t>23.180234909057617</t>
  </si>
  <si>
    <t>37.462886810302734</t>
  </si>
  <si>
    <t>-0.0638231623546508</t>
  </si>
  <si>
    <t>2188</t>
  </si>
  <si>
    <t>23.251375198364258</t>
  </si>
  <si>
    <t>48.568790435791016</t>
  </si>
  <si>
    <t>0.0013720560121814884</t>
  </si>
  <si>
    <t>2207</t>
  </si>
  <si>
    <t>22.664968490600586</t>
  </si>
  <si>
    <t>45.06462860107422</t>
  </si>
  <si>
    <t>0.008646242714864805</t>
  </si>
  <si>
    <t>2062</t>
  </si>
  <si>
    <t>22.849349975585938</t>
  </si>
  <si>
    <t>29.39232635498047</t>
  </si>
  <si>
    <t>-0.06795774167983115</t>
  </si>
  <si>
    <t>23.46491813659668</t>
  </si>
  <si>
    <t>50.249977111816406</t>
  </si>
  <si>
    <t>-0.032531207705496</t>
  </si>
  <si>
    <t>23.029443740844727</t>
  </si>
  <si>
    <t>55.91692352294922</t>
  </si>
  <si>
    <t>-0.007543410172858422</t>
  </si>
  <si>
    <t>2073</t>
  </si>
  <si>
    <t>23.072965621948242</t>
  </si>
  <si>
    <t>36.738224029541016</t>
  </si>
  <si>
    <t>0.04539506573722818</t>
  </si>
  <si>
    <t>22.838865280151367</t>
  </si>
  <si>
    <t>45.12027359008789</t>
  </si>
  <si>
    <t>0.02430426992605028</t>
  </si>
  <si>
    <t>22.863637924194336</t>
  </si>
  <si>
    <t>71.83024597167969</t>
  </si>
  <si>
    <t>0.06029223025611952</t>
  </si>
  <si>
    <t>23.174102783203125</t>
  </si>
  <si>
    <t>50.27732467651367</t>
  </si>
  <si>
    <t>0.14575688769878958</t>
  </si>
  <si>
    <t>22.805692672729492</t>
  </si>
  <si>
    <t>32.89097595214844</t>
  </si>
  <si>
    <t>-0.0430594894604468</t>
  </si>
  <si>
    <t>2430</t>
  </si>
  <si>
    <t>22.712270736694336</t>
  </si>
  <si>
    <t>59.72341537475586</t>
  </si>
  <si>
    <t>-0.028399474521697776</t>
  </si>
  <si>
    <t>2367</t>
  </si>
  <si>
    <t>23.403833389282227</t>
  </si>
  <si>
    <t>41.623443603515625</t>
  </si>
  <si>
    <t>-0.0262679268206103</t>
  </si>
  <si>
    <t>23.656234741210938</t>
  </si>
  <si>
    <t>56.42188262939453</t>
  </si>
  <si>
    <t>-0.002961711494328334</t>
  </si>
  <si>
    <t>22.97088623046875</t>
  </si>
  <si>
    <t>26.858144760131836</t>
  </si>
  <si>
    <t>0.01095670463820575</t>
  </si>
  <si>
    <t>23.24886131286621</t>
  </si>
  <si>
    <t>33.28086471557617</t>
  </si>
  <si>
    <t>0.012494956396844614</t>
  </si>
  <si>
    <t>2444</t>
  </si>
  <si>
    <t>23.289705276489258</t>
  </si>
  <si>
    <t>43.44886016845703</t>
  </si>
  <si>
    <t>0.011522761236779644</t>
  </si>
  <si>
    <t>23.082178115844727</t>
  </si>
  <si>
    <t>42.96214294433594</t>
  </si>
  <si>
    <t>0.015428645473066993</t>
  </si>
  <si>
    <t>2547</t>
  </si>
  <si>
    <t>23.38397979736328</t>
  </si>
  <si>
    <t>33.70355987548828</t>
  </si>
  <si>
    <t>0.02585150921490431</t>
  </si>
  <si>
    <t>23.241241455078125</t>
  </si>
  <si>
    <t>52.233856201171875</t>
  </si>
  <si>
    <t>-0.013836947391367538</t>
  </si>
  <si>
    <t>23.587915420532227</t>
  </si>
  <si>
    <t>36.473567962646484</t>
  </si>
  <si>
    <t>0.03443219642148421</t>
  </si>
  <si>
    <t>2654</t>
  </si>
  <si>
    <t>22.429643630981445</t>
  </si>
  <si>
    <t>44.963722229003906</t>
  </si>
  <si>
    <t>0.020556490882579048</t>
  </si>
  <si>
    <t>2667</t>
  </si>
  <si>
    <t>23.110681533813477</t>
  </si>
  <si>
    <t>33.70961380004883</t>
  </si>
  <si>
    <t>0.004886309289862112</t>
  </si>
  <si>
    <t>2589</t>
  </si>
  <si>
    <t>23.591371536254883</t>
  </si>
  <si>
    <t>39.31177520751953</t>
  </si>
  <si>
    <t>-0.02968254443047691</t>
  </si>
  <si>
    <t>23.198652267456055</t>
  </si>
  <si>
    <t>35.7511100769043</t>
  </si>
  <si>
    <t>-0.01792721432941846</t>
  </si>
  <si>
    <t>23.558496475219727</t>
  </si>
  <si>
    <t>36.77733612060547</t>
  </si>
  <si>
    <t>0.035918130200278675</t>
  </si>
  <si>
    <t>146</t>
  </si>
  <si>
    <t>MSR</t>
  </si>
  <si>
    <t>18599</t>
  </si>
  <si>
    <t>25.59166717529297</t>
  </si>
  <si>
    <t>1697.900146484375</t>
  </si>
  <si>
    <t>43.592559814453125</t>
  </si>
  <si>
    <t>Montserrat</t>
  </si>
  <si>
    <t>18295</t>
  </si>
  <si>
    <t>25.424997329711914</t>
  </si>
  <si>
    <t>1479.5999755859375</t>
  </si>
  <si>
    <t>-0.016480017361820032</t>
  </si>
  <si>
    <t>18909</t>
  </si>
  <si>
    <t>25.633333206176758</t>
  </si>
  <si>
    <t>2042.0999755859375</t>
  </si>
  <si>
    <t>0.033010200727913386</t>
  </si>
  <si>
    <t>19928</t>
  </si>
  <si>
    <t>25.75</t>
  </si>
  <si>
    <t>1457.300048828125</t>
  </si>
  <si>
    <t>0.05248777876079558</t>
  </si>
  <si>
    <t>20708</t>
  </si>
  <si>
    <t>25.566667556762695</t>
  </si>
  <si>
    <t>1284.5999755859375</t>
  </si>
  <si>
    <t>0.03839432107977636</t>
  </si>
  <si>
    <t>21541</t>
  </si>
  <si>
    <t>25.95833396911621</t>
  </si>
  <si>
    <t>1606.7001953125</t>
  </si>
  <si>
    <t>0.039437996866306335</t>
  </si>
  <si>
    <t>22511</t>
  </si>
  <si>
    <t>25.724998474121094</t>
  </si>
  <si>
    <t>1771.2999267578125</t>
  </si>
  <si>
    <t>0.044045982726064636</t>
  </si>
  <si>
    <t>23739</t>
  </si>
  <si>
    <t>1547.400146484375</t>
  </si>
  <si>
    <t>0.05311518666314008</t>
  </si>
  <si>
    <t>23317</t>
  </si>
  <si>
    <t>1896.4000244140625</t>
  </si>
  <si>
    <t>-0.017936557028310318</t>
  </si>
  <si>
    <t>23748</t>
  </si>
  <si>
    <t>1682.7000732421875</t>
  </si>
  <si>
    <t>0.01831560814157207</t>
  </si>
  <si>
    <t>25767</t>
  </si>
  <si>
    <t>25.84166717529297</t>
  </si>
  <si>
    <t>1262.10009765625</t>
  </si>
  <si>
    <t>0.08159628704376942</t>
  </si>
  <si>
    <t>26811</t>
  </si>
  <si>
    <t>1630.60009765625</t>
  </si>
  <si>
    <t>0.039717647615166385</t>
  </si>
  <si>
    <t>27015</t>
  </si>
  <si>
    <t>26.125</t>
  </si>
  <si>
    <t>1610.60009765625</t>
  </si>
  <si>
    <t>0.007580016228665443</t>
  </si>
  <si>
    <t>25859</t>
  </si>
  <si>
    <t>1612.4998779296875</t>
  </si>
  <si>
    <t>-0.043733564460259444</t>
  </si>
  <si>
    <t>26806</t>
  </si>
  <si>
    <t>25.82499885559082</t>
  </si>
  <si>
    <t>2091.199951171875</t>
  </si>
  <si>
    <t>0.03596704022053565</t>
  </si>
  <si>
    <t>29324</t>
  </si>
  <si>
    <t>2100.39990234375</t>
  </si>
  <si>
    <t>0.08978055030503462</t>
  </si>
  <si>
    <t>30152</t>
  </si>
  <si>
    <t>25.883333206176758</t>
  </si>
  <si>
    <t>1923.9998779296875</t>
  </si>
  <si>
    <t>0.027844962603493784</t>
  </si>
  <si>
    <t>30242</t>
  </si>
  <si>
    <t>1606.60009765625</t>
  </si>
  <si>
    <t>0.002980430725642691</t>
  </si>
  <si>
    <t>33522</t>
  </si>
  <si>
    <t>25.566665649414062</t>
  </si>
  <si>
    <t>2020.2999267578125</t>
  </si>
  <si>
    <t>0.10297025301458973</t>
  </si>
  <si>
    <t>32300</t>
  </si>
  <si>
    <t>25.91666603088379</t>
  </si>
  <si>
    <t>1358.5999755859375</t>
  </si>
  <si>
    <t>-0.03713470947645625</t>
  </si>
  <si>
    <t>26.233335494995117</t>
  </si>
  <si>
    <t>1951.60009765625</t>
  </si>
  <si>
    <t>-0.0378594110434225</t>
  </si>
  <si>
    <t>34000</t>
  </si>
  <si>
    <t>25.766664505004883</t>
  </si>
  <si>
    <t>1875.900146484375</t>
  </si>
  <si>
    <t>0.08915270543097442</t>
  </si>
  <si>
    <t>33718</t>
  </si>
  <si>
    <t>25.941667556762695</t>
  </si>
  <si>
    <t>1595.5</t>
  </si>
  <si>
    <t>-0.008328705222552912</t>
  </si>
  <si>
    <t>35613</t>
  </si>
  <si>
    <t>26.041669845581055</t>
  </si>
  <si>
    <t>1598.0001220703125</t>
  </si>
  <si>
    <t>0.05467892034589816</t>
  </si>
  <si>
    <t>38296</t>
  </si>
  <si>
    <t>26.01666259765625</t>
  </si>
  <si>
    <t>1561.199951171875</t>
  </si>
  <si>
    <t>0.07263471235070007</t>
  </si>
  <si>
    <t>26.241668701171875</t>
  </si>
  <si>
    <t>1035.0</t>
  </si>
  <si>
    <t>0.007077465013113127</t>
  </si>
  <si>
    <t>40083</t>
  </si>
  <si>
    <t>26.191665649414062</t>
  </si>
  <si>
    <t>1752.800048828125</t>
  </si>
  <si>
    <t>0.03852938717154686</t>
  </si>
  <si>
    <t>40093</t>
  </si>
  <si>
    <t>26.033334732055664</t>
  </si>
  <si>
    <t>1839.300048828125</t>
  </si>
  <si>
    <t>0.00024945120863684167</t>
  </si>
  <si>
    <t>40936</t>
  </si>
  <si>
    <t>25.65833282470703</t>
  </si>
  <si>
    <t>1510.7000732421875</t>
  </si>
  <si>
    <t>0.02080811601928545</t>
  </si>
  <si>
    <t>42638</t>
  </si>
  <si>
    <t>1669.800048828125</t>
  </si>
  <si>
    <t>0.04073600293956048</t>
  </si>
  <si>
    <t>26.05000114440918</t>
  </si>
  <si>
    <t>1452.10009765625</t>
  </si>
  <si>
    <t>-0.155899475775378</t>
  </si>
  <si>
    <t>36185</t>
  </si>
  <si>
    <t>25.90833282470703</t>
  </si>
  <si>
    <t>1355.60009765625</t>
  </si>
  <si>
    <t>-0.008201730348881497</t>
  </si>
  <si>
    <t>39344</t>
  </si>
  <si>
    <t>25.733335494995117</t>
  </si>
  <si>
    <t>1573.699951171875</t>
  </si>
  <si>
    <t>0.08369881715574579</t>
  </si>
  <si>
    <t>148</t>
  </si>
  <si>
    <t>ALB</t>
  </si>
  <si>
    <t>2719</t>
  </si>
  <si>
    <t>9.858333587646484</t>
  </si>
  <si>
    <t>897.0</t>
  </si>
  <si>
    <t>71.65364074707031</t>
  </si>
  <si>
    <t>Dibra</t>
  </si>
  <si>
    <t>Albania</t>
  </si>
  <si>
    <t>8.825000762939453</t>
  </si>
  <si>
    <t>1049.7000732421875</t>
  </si>
  <si>
    <t>-0.29321407992139736</t>
  </si>
  <si>
    <t>1948</t>
  </si>
  <si>
    <t>9.491666793823242</t>
  </si>
  <si>
    <t>902.9000854492188</t>
  </si>
  <si>
    <t>-0.04024688050859293</t>
  </si>
  <si>
    <t>919.2999267578125</t>
  </si>
  <si>
    <t>0.12528392319450532</t>
  </si>
  <si>
    <t>10.308333396911621</t>
  </si>
  <si>
    <t>957.5999755859375</t>
  </si>
  <si>
    <t>0.11294041118059539</t>
  </si>
  <si>
    <t>9.324999809265137</t>
  </si>
  <si>
    <t>1293.199951171875</t>
  </si>
  <si>
    <t>0.1583029349280256</t>
  </si>
  <si>
    <t>3262</t>
  </si>
  <si>
    <t>9.083333969116211</t>
  </si>
  <si>
    <t>1248.5</t>
  </si>
  <si>
    <t>0.11901002967535312</t>
  </si>
  <si>
    <t>2998</t>
  </si>
  <si>
    <t>9.241667747497559</t>
  </si>
  <si>
    <t>997.5</t>
  </si>
  <si>
    <t>-0.0843951045184177</t>
  </si>
  <si>
    <t>9.84999942779541</t>
  </si>
  <si>
    <t>1135.300048828125</t>
  </si>
  <si>
    <t>0.11548256341628615</t>
  </si>
  <si>
    <t>3915</t>
  </si>
  <si>
    <t>1187.300048828125</t>
  </si>
  <si>
    <t>0.15138736634607497</t>
  </si>
  <si>
    <t>4315</t>
  </si>
  <si>
    <t>10.875</t>
  </si>
  <si>
    <t>910.0999755859375</t>
  </si>
  <si>
    <t>0.0972819950926258</t>
  </si>
  <si>
    <t>942.0000610351562</t>
  </si>
  <si>
    <t>0.1115061348894919</t>
  </si>
  <si>
    <t>5014</t>
  </si>
  <si>
    <t>10.458333015441895</t>
  </si>
  <si>
    <t>1265.9000244140625</t>
  </si>
  <si>
    <t>0.03863054031121749</t>
  </si>
  <si>
    <t>5262</t>
  </si>
  <si>
    <t>9.850000381469727</t>
  </si>
  <si>
    <t>1040.4000244140625</t>
  </si>
  <si>
    <t>0.04827718288199989</t>
  </si>
  <si>
    <t>5520</t>
  </si>
  <si>
    <t>1162.0999755859375</t>
  </si>
  <si>
    <t>0.04786667767090336</t>
  </si>
  <si>
    <t>5792</t>
  </si>
  <si>
    <t>9.183333396911621</t>
  </si>
  <si>
    <t>1152.800048828125</t>
  </si>
  <si>
    <t>0.0480997947944104</t>
  </si>
  <si>
    <t>6100</t>
  </si>
  <si>
    <t>1052.4000244140625</t>
  </si>
  <si>
    <t>0.051811116095850096</t>
  </si>
  <si>
    <t>6432</t>
  </si>
  <si>
    <t>10.349998474121094</t>
  </si>
  <si>
    <t>1167.2000732421875</t>
  </si>
  <si>
    <t>0.05299676069740045</t>
  </si>
  <si>
    <t>6875</t>
  </si>
  <si>
    <t>10.583333015441895</t>
  </si>
  <si>
    <t>1219.0</t>
  </si>
  <si>
    <t>0.06660611167596997</t>
  </si>
  <si>
    <t>7054</t>
  </si>
  <si>
    <t>10.358333587646484</t>
  </si>
  <si>
    <t>1320.5999755859375</t>
  </si>
  <si>
    <t>0.025703188261225307</t>
  </si>
  <si>
    <t>6264</t>
  </si>
  <si>
    <t>1331.10009765625</t>
  </si>
  <si>
    <t>-0.11877587312535809</t>
  </si>
  <si>
    <t>6473</t>
  </si>
  <si>
    <t>9.97499942779541</t>
  </si>
  <si>
    <t>885.199951171875</t>
  </si>
  <si>
    <t>0.03282072087487009</t>
  </si>
  <si>
    <t>7404</t>
  </si>
  <si>
    <t>10.766666412353516</t>
  </si>
  <si>
    <t>1112.900146484375</t>
  </si>
  <si>
    <t>0.13438071514787886</t>
  </si>
  <si>
    <t>7582</t>
  </si>
  <si>
    <t>1099.0001220703125</t>
  </si>
  <si>
    <t>0.02375662238289067</t>
  </si>
  <si>
    <t>7889</t>
  </si>
  <si>
    <t>10.600001335144043</t>
  </si>
  <si>
    <t>1376.39990234375</t>
  </si>
  <si>
    <t>0.039692367018810515</t>
  </si>
  <si>
    <t>8500</t>
  </si>
  <si>
    <t>10.608333587646484</t>
  </si>
  <si>
    <t>1183.300048828125</t>
  </si>
  <si>
    <t>0.07459677938331843</t>
  </si>
  <si>
    <t>9119</t>
  </si>
  <si>
    <t>10.300000190734863</t>
  </si>
  <si>
    <t>1198.39990234375</t>
  </si>
  <si>
    <t>0.07029398545525645</t>
  </si>
  <si>
    <t>9320</t>
  </si>
  <si>
    <t>1033.5999755859375</t>
  </si>
  <si>
    <t>0.021802479745971937</t>
  </si>
  <si>
    <t>9882</t>
  </si>
  <si>
    <t>10.8583345413208</t>
  </si>
  <si>
    <t>1130.60009765625</t>
  </si>
  <si>
    <t>0.058552291726059025</t>
  </si>
  <si>
    <t>11.166666984558105</t>
  </si>
  <si>
    <t>1052.39990234375</t>
  </si>
  <si>
    <t>0.01924292689989926</t>
  </si>
  <si>
    <t>9743</t>
  </si>
  <si>
    <t>10.958332061767578</t>
  </si>
  <si>
    <t>1240.300048828125</t>
  </si>
  <si>
    <t>-0.03340876888025335</t>
  </si>
  <si>
    <t>10643</t>
  </si>
  <si>
    <t>10.408333778381348</t>
  </si>
  <si>
    <t>1103.800048828125</t>
  </si>
  <si>
    <t>0.08835332061570256</t>
  </si>
  <si>
    <t>11225</t>
  </si>
  <si>
    <t>11.350001335144043</t>
  </si>
  <si>
    <t>1033.2000732421875</t>
  </si>
  <si>
    <t>0.05324103456941032</t>
  </si>
  <si>
    <t>150</t>
  </si>
  <si>
    <t>10.466666221618652</t>
  </si>
  <si>
    <t>875.5001220703125</t>
  </si>
  <si>
    <t>101.34789276123047</t>
  </si>
  <si>
    <t>Elbasan</t>
  </si>
  <si>
    <t>3412</t>
  </si>
  <si>
    <t>9.366667747497559</t>
  </si>
  <si>
    <t>947.4999389648438</t>
  </si>
  <si>
    <t>-0.3383963598567501</t>
  </si>
  <si>
    <t>3137</t>
  </si>
  <si>
    <t>10.008333206176758</t>
  </si>
  <si>
    <t>868.1000366210938</t>
  </si>
  <si>
    <t>-0.08403170042089059</t>
  </si>
  <si>
    <t>3403</t>
  </si>
  <si>
    <t>10.116665840148926</t>
  </si>
  <si>
    <t>1003.2000732421875</t>
  </si>
  <si>
    <t>0.08139046631022673</t>
  </si>
  <si>
    <t>3651</t>
  </si>
  <si>
    <t>10.808333396911621</t>
  </si>
  <si>
    <t>1055.7999267578125</t>
  </si>
  <si>
    <t>0.07034370715473237</t>
  </si>
  <si>
    <t>4098</t>
  </si>
  <si>
    <t>9.925000190734863</t>
  </si>
  <si>
    <t>1092.699951171875</t>
  </si>
  <si>
    <t>0.11549794714320782</t>
  </si>
  <si>
    <t>1165.0999755859375</t>
  </si>
  <si>
    <t>0.07654521440332474</t>
  </si>
  <si>
    <t>9.800000190734863</t>
  </si>
  <si>
    <t>846.0</t>
  </si>
  <si>
    <t>-0.12606771108443304</t>
  </si>
  <si>
    <t>4199</t>
  </si>
  <si>
    <t>10.324999809265137</t>
  </si>
  <si>
    <t>1014.4000244140625</t>
  </si>
  <si>
    <t>0.0738698485664564</t>
  </si>
  <si>
    <t>4689</t>
  </si>
  <si>
    <t>10.541666984558105</t>
  </si>
  <si>
    <t>1046.60009765625</t>
  </si>
  <si>
    <t>0.11037293840539242</t>
  </si>
  <si>
    <t>4960</t>
  </si>
  <si>
    <t>11.433334350585938</t>
  </si>
  <si>
    <t>823.5999755859375</t>
  </si>
  <si>
    <t>0.056186400629387734</t>
  </si>
  <si>
    <t>5324</t>
  </si>
  <si>
    <t>10.441666603088379</t>
  </si>
  <si>
    <t>768.800048828125</t>
  </si>
  <si>
    <t>0.07081915979602904</t>
  </si>
  <si>
    <t>5565</t>
  </si>
  <si>
    <t>11.033332824707031</t>
  </si>
  <si>
    <t>1346.10009765625</t>
  </si>
  <si>
    <t>0.04427208419464179</t>
  </si>
  <si>
    <t>5874</t>
  </si>
  <si>
    <t>10.3583345413208</t>
  </si>
  <si>
    <t>1010.5</t>
  </si>
  <si>
    <t>0.05403884804892023</t>
  </si>
  <si>
    <t>6197</t>
  </si>
  <si>
    <t>1049.800048828125</t>
  </si>
  <si>
    <t>0.05352947120354301</t>
  </si>
  <si>
    <t>6542</t>
  </si>
  <si>
    <t>9.725000381469727</t>
  </si>
  <si>
    <t>1105.2999267578125</t>
  </si>
  <si>
    <t>0.05417762513622115</t>
  </si>
  <si>
    <t>6931</t>
  </si>
  <si>
    <t>10.783333778381348</t>
  </si>
  <si>
    <t>997.0999755859375</t>
  </si>
  <si>
    <t>0.05776117381965484</t>
  </si>
  <si>
    <t>7353</t>
  </si>
  <si>
    <t>10.941666603088379</t>
  </si>
  <si>
    <t>1087.199951171875</t>
  </si>
  <si>
    <t>0.05910429027823838</t>
  </si>
  <si>
    <t>7908</t>
  </si>
  <si>
    <t>11.116667747497559</t>
  </si>
  <si>
    <t>1166.0</t>
  </si>
  <si>
    <t>0.07276651209428486</t>
  </si>
  <si>
    <t>8165</t>
  </si>
  <si>
    <t>10.916666984558105</t>
  </si>
  <si>
    <t>1207.0</t>
  </si>
  <si>
    <t>0.03198182111405856</t>
  </si>
  <si>
    <t>8099</t>
  </si>
  <si>
    <t>1321.60009765625</t>
  </si>
  <si>
    <t>-0.008116129155576246</t>
  </si>
  <si>
    <t>7906</t>
  </si>
  <si>
    <t>10.533332824707031</t>
  </si>
  <si>
    <t>756.5999755859375</t>
  </si>
  <si>
    <t>-0.024118632392358563</t>
  </si>
  <si>
    <t>7745</t>
  </si>
  <si>
    <t>11.391667366027832</t>
  </si>
  <si>
    <t>1110.4000244140625</t>
  </si>
  <si>
    <t>-0.020574491005662665</t>
  </si>
  <si>
    <t>8283</t>
  </si>
  <si>
    <t>11.341667175292969</t>
  </si>
  <si>
    <t>1033.199951171875</t>
  </si>
  <si>
    <t>0.0671577477472951</t>
  </si>
  <si>
    <t>8392</t>
  </si>
  <si>
    <t>1333.300048828125</t>
  </si>
  <si>
    <t>0.013073649477869154</t>
  </si>
  <si>
    <t>11.083333015441895</t>
  </si>
  <si>
    <t>1071.10009765625</t>
  </si>
  <si>
    <t>-0.025831249151544</t>
  </si>
  <si>
    <t>8644</t>
  </si>
  <si>
    <t>10.825000762939453</t>
  </si>
  <si>
    <t>1188.5</t>
  </si>
  <si>
    <t>0.055417816702188816</t>
  </si>
  <si>
    <t>8760</t>
  </si>
  <si>
    <t>975.4000244140625</t>
  </si>
  <si>
    <t>0.013330466303660415</t>
  </si>
  <si>
    <t>9135</t>
  </si>
  <si>
    <t>11.408333778381348</t>
  </si>
  <si>
    <t>1064.4000244140625</t>
  </si>
  <si>
    <t>0.041917284881670014</t>
  </si>
  <si>
    <t>9313</t>
  </si>
  <si>
    <t>11.708332061767578</t>
  </si>
  <si>
    <t>1045.7000732421875</t>
  </si>
  <si>
    <t>0.01929808370955044</t>
  </si>
  <si>
    <t>9006</t>
  </si>
  <si>
    <t>11.558333396911621</t>
  </si>
  <si>
    <t>1237.800048828125</t>
  </si>
  <si>
    <t>-0.03352025166014094</t>
  </si>
  <si>
    <t>9838</t>
  </si>
  <si>
    <t>11.024998664855957</t>
  </si>
  <si>
    <t>971.4000244140625</t>
  </si>
  <si>
    <t>0.08836141649376827</t>
  </si>
  <si>
    <t>10377</t>
  </si>
  <si>
    <t>11.941665649414062</t>
  </si>
  <si>
    <t>1034.0999755859375</t>
  </si>
  <si>
    <t>0.05333938024999263</t>
  </si>
  <si>
    <t>151</t>
  </si>
  <si>
    <t>5817</t>
  </si>
  <si>
    <t>15.658332824707031</t>
  </si>
  <si>
    <t>957.0999755859375</t>
  </si>
  <si>
    <t>228.5432891845703</t>
  </si>
  <si>
    <t>Fleri</t>
  </si>
  <si>
    <t>4135</t>
  </si>
  <si>
    <t>14.641666412353516</t>
  </si>
  <si>
    <t>869.0</t>
  </si>
  <si>
    <t>-0.34129733645296945</t>
  </si>
  <si>
    <t>15.216666221618652</t>
  </si>
  <si>
    <t>792.800048828125</t>
  </si>
  <si>
    <t>-0.0873851964391914</t>
  </si>
  <si>
    <t>15.491668701171875</t>
  </si>
  <si>
    <t>1014.2000122070312</t>
  </si>
  <si>
    <t>0.07839691778024438</t>
  </si>
  <si>
    <t>4381</t>
  </si>
  <si>
    <t>16.09166717529297</t>
  </si>
  <si>
    <t>1087.5999755859375</t>
  </si>
  <si>
    <t>0.06677795901505235</t>
  </si>
  <si>
    <t>4900</t>
  </si>
  <si>
    <t>15.158333778381348</t>
  </si>
  <si>
    <t>983.300048828125</t>
  </si>
  <si>
    <t>0.11195819628482084</t>
  </si>
  <si>
    <t>5271</t>
  </si>
  <si>
    <t>15.00833511352539</t>
  </si>
  <si>
    <t>1095.8001708984375</t>
  </si>
  <si>
    <t>0.07298489275648734</t>
  </si>
  <si>
    <t>15.13333511352539</t>
  </si>
  <si>
    <t>808.8999633789062</t>
  </si>
  <si>
    <t>-0.12987923582393535</t>
  </si>
  <si>
    <t>15.624999046325684</t>
  </si>
  <si>
    <t>1072.7000732421875</t>
  </si>
  <si>
    <t>0.07007243544800268</t>
  </si>
  <si>
    <t>15.800002098083496</t>
  </si>
  <si>
    <t>995.9000244140625</t>
  </si>
  <si>
    <t>0.10632681601082616</t>
  </si>
  <si>
    <t>5816</t>
  </si>
  <si>
    <t>16.608333587646484</t>
  </si>
  <si>
    <t>707.9999389648438</t>
  </si>
  <si>
    <t>0.05187262672325588</t>
  </si>
  <si>
    <t>6216</t>
  </si>
  <si>
    <t>15.77500057220459</t>
  </si>
  <si>
    <t>717.5000610351562</t>
  </si>
  <si>
    <t>0.06651387283412724</t>
  </si>
  <si>
    <t>6407</t>
  </si>
  <si>
    <t>16.316667556762695</t>
  </si>
  <si>
    <t>1310.7999267578125</t>
  </si>
  <si>
    <t>0.030264529591539358</t>
  </si>
  <si>
    <t>6665</t>
  </si>
  <si>
    <t>975.2000122070312</t>
  </si>
  <si>
    <t>0.03947881097378669</t>
  </si>
  <si>
    <t>6928</t>
  </si>
  <si>
    <t>15.758331298828125</t>
  </si>
  <si>
    <t>919.2000122070312</t>
  </si>
  <si>
    <t>0.03870121762946255</t>
  </si>
  <si>
    <t>7203</t>
  </si>
  <si>
    <t>15.075000762939453</t>
  </si>
  <si>
    <t>1216.5</t>
  </si>
  <si>
    <t>0.03892643464709167</t>
  </si>
  <si>
    <t>7513</t>
  </si>
  <si>
    <t>15.90000057220459</t>
  </si>
  <si>
    <t>1017.0</t>
  </si>
  <si>
    <t>0.04213724747979697</t>
  </si>
  <si>
    <t>7844</t>
  </si>
  <si>
    <t>16.141666412353516</t>
  </si>
  <si>
    <t>1060.5</t>
  </si>
  <si>
    <t>0.04311405494707721</t>
  </si>
  <si>
    <t>8299</t>
  </si>
  <si>
    <t>16.44166374206543</t>
  </si>
  <si>
    <t>1249.800048828125</t>
  </si>
  <si>
    <t>0.056386117282210435</t>
  </si>
  <si>
    <t>8425</t>
  </si>
  <si>
    <t>16.166667938232422</t>
  </si>
  <si>
    <t>1152.199951171875</t>
  </si>
  <si>
    <t>0.015068450622115037</t>
  </si>
  <si>
    <t>9772</t>
  </si>
  <si>
    <t>16.2166690826416</t>
  </si>
  <si>
    <t>1276.300048828125</t>
  </si>
  <si>
    <t>0.14831767715706867</t>
  </si>
  <si>
    <t>11629</t>
  </si>
  <si>
    <t>15.800000190734863</t>
  </si>
  <si>
    <t>819.199951171875</t>
  </si>
  <si>
    <t>0.17398082491541267</t>
  </si>
  <si>
    <t>13037</t>
  </si>
  <si>
    <t>16.691667556762695</t>
  </si>
  <si>
    <t>1126.300048828125</t>
  </si>
  <si>
    <t>0.11428949036973535</t>
  </si>
  <si>
    <t>13825</t>
  </si>
  <si>
    <t>16.674999237060547</t>
  </si>
  <si>
    <t>1080.2000732421875</t>
  </si>
  <si>
    <t>0.058687078727755804</t>
  </si>
  <si>
    <t>14470</t>
  </si>
  <si>
    <t>16.383333206176758</t>
  </si>
  <si>
    <t>1302.199951171875</t>
  </si>
  <si>
    <t>0.04559899323499472</t>
  </si>
  <si>
    <t>13042</t>
  </si>
  <si>
    <t>16.458332061767578</t>
  </si>
  <si>
    <t>1046.0999755859375</t>
  </si>
  <si>
    <t>-0.10390262167238262</t>
  </si>
  <si>
    <t>12766</t>
  </si>
  <si>
    <t>16.149999618530273</t>
  </si>
  <si>
    <t>1144.9998779296875</t>
  </si>
  <si>
    <t>-0.02138953213714423</t>
  </si>
  <si>
    <t>12892</t>
  </si>
  <si>
    <t>16.725000381469727</t>
  </si>
  <si>
    <t>943.1000366210938</t>
  </si>
  <si>
    <t>0.009821577119325298</t>
  </si>
  <si>
    <t>13756</t>
  </si>
  <si>
    <t>16.766666412353516</t>
  </si>
  <si>
    <t>998.2001342773438</t>
  </si>
  <si>
    <t>0.064868128616828</t>
  </si>
  <si>
    <t>14024</t>
  </si>
  <si>
    <t>17.041669845581055</t>
  </si>
  <si>
    <t>0.019295055048914378</t>
  </si>
  <si>
    <t>13563</t>
  </si>
  <si>
    <t>16.80833625793457</t>
  </si>
  <si>
    <t>1169.4000244140625</t>
  </si>
  <si>
    <t>-0.03342465063835576</t>
  </si>
  <si>
    <t>14815</t>
  </si>
  <si>
    <t>16.358333587646484</t>
  </si>
  <si>
    <t>981.60009765625</t>
  </si>
  <si>
    <t>0.08829468404494989</t>
  </si>
  <si>
    <t>15627</t>
  </si>
  <si>
    <t>17.183332443237305</t>
  </si>
  <si>
    <t>1135.199951171875</t>
  </si>
  <si>
    <t>0.05336000640563654</t>
  </si>
  <si>
    <t>152</t>
  </si>
  <si>
    <t>11.833333015441895</t>
  </si>
  <si>
    <t>1046.9000244140625</t>
  </si>
  <si>
    <t>36.52235412597656</t>
  </si>
  <si>
    <t>Gjirokastra</t>
  </si>
  <si>
    <t>3247</t>
  </si>
  <si>
    <t>10.783332824707031</t>
  </si>
  <si>
    <t>1013.4000244140625</t>
  </si>
  <si>
    <t>-0.2878360488936895</t>
  </si>
  <si>
    <t>3135</t>
  </si>
  <si>
    <t>11.366665840148926</t>
  </si>
  <si>
    <t>869.7000122070312</t>
  </si>
  <si>
    <t>-0.035102319035823726</t>
  </si>
  <si>
    <t>3570</t>
  </si>
  <si>
    <t>11.59166431427002</t>
  </si>
  <si>
    <t>1199.0</t>
  </si>
  <si>
    <t>0.1299364217066632</t>
  </si>
  <si>
    <t>4017</t>
  </si>
  <si>
    <t>12.191666603088379</t>
  </si>
  <si>
    <t>1212.800048828125</t>
  </si>
  <si>
    <t>0.11796975958559841</t>
  </si>
  <si>
    <t>4725</t>
  </si>
  <si>
    <t>11.333334922790527</t>
  </si>
  <si>
    <t>1151.0</t>
  </si>
  <si>
    <t>0.16233220556856054</t>
  </si>
  <si>
    <t>11.108333587646484</t>
  </si>
  <si>
    <t>1238.60009765625</t>
  </si>
  <si>
    <t>0.12310687528863795</t>
  </si>
  <si>
    <t>11.300002098083496</t>
  </si>
  <si>
    <t>914.5999755859375</t>
  </si>
  <si>
    <t>-0.08043262899235515</t>
  </si>
  <si>
    <t>5554</t>
  </si>
  <si>
    <t>11.816665649414062</t>
  </si>
  <si>
    <t>1153.699951171875</t>
  </si>
  <si>
    <t>0.11897658164261848</t>
  </si>
  <si>
    <t>6486</t>
  </si>
  <si>
    <t>11.966667175292969</t>
  </si>
  <si>
    <t>1120.300048828125</t>
  </si>
  <si>
    <t>0.15512761900051864</t>
  </si>
  <si>
    <t>7171</t>
  </si>
  <si>
    <t>12.800000190734863</t>
  </si>
  <si>
    <t>897.9000244140625</t>
  </si>
  <si>
    <t>0.10039910701531163</t>
  </si>
  <si>
    <t>8043</t>
  </si>
  <si>
    <t>11.92499828338623</t>
  </si>
  <si>
    <t>824.5</t>
  </si>
  <si>
    <t>0.11475703302149398</t>
  </si>
  <si>
    <t>8053</t>
  </si>
  <si>
    <t>12.474998474121094</t>
  </si>
  <si>
    <t>1444.60009765625</t>
  </si>
  <si>
    <t>0.001242544891475461</t>
  </si>
  <si>
    <t>8121</t>
  </si>
  <si>
    <t>11.924999237060547</t>
  </si>
  <si>
    <t>1112.4000244140625</t>
  </si>
  <si>
    <t>0.008408606486867143</t>
  </si>
  <si>
    <t>11.900001525878906</t>
  </si>
  <si>
    <t>1067.199951171875</t>
  </si>
  <si>
    <t>0.005403427122153914</t>
  </si>
  <si>
    <t>11.233333587646484</t>
  </si>
  <si>
    <t>1267.10009765625</t>
  </si>
  <si>
    <t>0.002935063865622922</t>
  </si>
  <si>
    <t>8215</t>
  </si>
  <si>
    <t>12.049999237060547</t>
  </si>
  <si>
    <t>1073.7999267578125</t>
  </si>
  <si>
    <t>0.0031699612011806266</t>
  </si>
  <si>
    <t>8221</t>
  </si>
  <si>
    <t>12.266667366027832</t>
  </si>
  <si>
    <t>1206.2000732421875</t>
  </si>
  <si>
    <t>0.0007301046807643985</t>
  </si>
  <si>
    <t>8305</t>
  </si>
  <si>
    <t>12.566666603088379</t>
  </si>
  <si>
    <t>1391.4998779296875</t>
  </si>
  <si>
    <t>0.010165886895261877</t>
  </si>
  <si>
    <t>8014</t>
  </si>
  <si>
    <t>12.291665077209473</t>
  </si>
  <si>
    <t>1414.0</t>
  </si>
  <si>
    <t>-0.035667730851304924</t>
  </si>
  <si>
    <t>8570</t>
  </si>
  <si>
    <t>12.408333778381348</t>
  </si>
  <si>
    <t>1516.5</t>
  </si>
  <si>
    <t>0.06707772039573534</t>
  </si>
  <si>
    <t>10711</t>
  </si>
  <si>
    <t>11.883332252502441</t>
  </si>
  <si>
    <t>852.2000122070312</t>
  </si>
  <si>
    <t>0.2230035181728045</t>
  </si>
  <si>
    <t>11734</t>
  </si>
  <si>
    <t>12.841667175292969</t>
  </si>
  <si>
    <t>1339.60009765625</t>
  </si>
  <si>
    <t>0.09121935972117434</t>
  </si>
  <si>
    <t>11735</t>
  </si>
  <si>
    <t>12.816666603088379</t>
  </si>
  <si>
    <t>1148.10009765625</t>
  </si>
  <si>
    <t>8.52187993185538e-05</t>
  </si>
  <si>
    <t>12219</t>
  </si>
  <si>
    <t>12.49999713897705</t>
  </si>
  <si>
    <t>1560.199951171875</t>
  </si>
  <si>
    <t>0.040416288031398295</t>
  </si>
  <si>
    <t>11769</t>
  </si>
  <si>
    <t>12.583334922790527</t>
  </si>
  <si>
    <t>1187.2000732421875</t>
  </si>
  <si>
    <t>-0.03752316143885892</t>
  </si>
  <si>
    <t>12209</t>
  </si>
  <si>
    <t>12.299999237060547</t>
  </si>
  <si>
    <t>1314.2999267578125</t>
  </si>
  <si>
    <t>0.03670442879119307</t>
  </si>
  <si>
    <t>12484</t>
  </si>
  <si>
    <t>12.858333587646484</t>
  </si>
  <si>
    <t>1060.300048828125</t>
  </si>
  <si>
    <t>0.022274439721813977</t>
  </si>
  <si>
    <t>12983</t>
  </si>
  <si>
    <t>12.90000057220459</t>
  </si>
  <si>
    <t>1231.60009765625</t>
  </si>
  <si>
    <t>0.03919298496958312</t>
  </si>
  <si>
    <t>13235</t>
  </si>
  <si>
    <t>13.166666984558105</t>
  </si>
  <si>
    <t>1201.2000732421875</t>
  </si>
  <si>
    <t>0.019224026300948438</t>
  </si>
  <si>
    <t>12.933334350585938</t>
  </si>
  <si>
    <t>1420.800048828125</t>
  </si>
  <si>
    <t>-0.03341966475349345</t>
  </si>
  <si>
    <t>13982</t>
  </si>
  <si>
    <t>12.500000953674316</t>
  </si>
  <si>
    <t>1062.699951171875</t>
  </si>
  <si>
    <t>0.08832561716422305</t>
  </si>
  <si>
    <t>14748</t>
  </si>
  <si>
    <t>13.308333396911621</t>
  </si>
  <si>
    <t>1178.5001220703125</t>
  </si>
  <si>
    <t>0.05333669228210347</t>
  </si>
  <si>
    <t>153</t>
  </si>
  <si>
    <t>9.946708679199219</t>
  </si>
  <si>
    <t>753.8597412109375</t>
  </si>
  <si>
    <t>126.94364166259766</t>
  </si>
  <si>
    <t>Korca</t>
  </si>
  <si>
    <t>3361</t>
  </si>
  <si>
    <t>8.855937004089355</t>
  </si>
  <si>
    <t>756.7648315429688</t>
  </si>
  <si>
    <t>-0.3406290122027382</t>
  </si>
  <si>
    <t>9.471709251403809</t>
  </si>
  <si>
    <t>683.085693359375</t>
  </si>
  <si>
    <t>-0.08633539983895488</t>
  </si>
  <si>
    <t>9.711587905883789</t>
  </si>
  <si>
    <t>797.298828125</t>
  </si>
  <si>
    <t>0.07916905086522341</t>
  </si>
  <si>
    <t>10.296709060668945</t>
  </si>
  <si>
    <t>843.742919921875</t>
  </si>
  <si>
    <t>0.06777346884307534</t>
  </si>
  <si>
    <t>3998</t>
  </si>
  <si>
    <t>9.43927001953125</t>
  </si>
  <si>
    <t>814.4923095703125</t>
  </si>
  <si>
    <t>0.11294856746589588</t>
  </si>
  <si>
    <t>4305</t>
  </si>
  <si>
    <t>9.182724952697754</t>
  </si>
  <si>
    <t>861.2765502929688</t>
  </si>
  <si>
    <t>0.07398290180148592</t>
  </si>
  <si>
    <t>3785</t>
  </si>
  <si>
    <t>9.37914752960205</t>
  </si>
  <si>
    <t>622.4088134765625</t>
  </si>
  <si>
    <t>-0.12873125099028115</t>
  </si>
  <si>
    <t>4064</t>
  </si>
  <si>
    <t>9.908618927001953</t>
  </si>
  <si>
    <t>827.576416015625</t>
  </si>
  <si>
    <t>0.07112182338676831</t>
  </si>
  <si>
    <t>4525</t>
  </si>
  <si>
    <t>10.049391746520996</t>
  </si>
  <si>
    <t>774.6771240234375</t>
  </si>
  <si>
    <t>0.10744986687570801</t>
  </si>
  <si>
    <t>4772</t>
  </si>
  <si>
    <t>10.896709442138672</t>
  </si>
  <si>
    <t>529.0865478515625</t>
  </si>
  <si>
    <t>0.053147927083781354</t>
  </si>
  <si>
    <t>5106</t>
  </si>
  <si>
    <t>10.010407447814941</t>
  </si>
  <si>
    <t>572.3810424804688</t>
  </si>
  <si>
    <t>0.06765081458362232</t>
  </si>
  <si>
    <t>5347</t>
  </si>
  <si>
    <t>10.549391746520996</t>
  </si>
  <si>
    <t>1073.2158203125</t>
  </si>
  <si>
    <t>0.04611933714730121</t>
  </si>
  <si>
    <t>5652</t>
  </si>
  <si>
    <t>9.990164756774902</t>
  </si>
  <si>
    <t>778.5516967773438</t>
  </si>
  <si>
    <t>0.05547380885568742</t>
  </si>
  <si>
    <t>5974</t>
  </si>
  <si>
    <t>9.99849796295166</t>
  </si>
  <si>
    <t>733.5037841796875</t>
  </si>
  <si>
    <t>0.05540725497163734</t>
  </si>
  <si>
    <t>6317</t>
  </si>
  <si>
    <t>9.307724952697754</t>
  </si>
  <si>
    <t>961.1754150390625</t>
  </si>
  <si>
    <t>0.05582769212264438</t>
  </si>
  <si>
    <t>10.137481689453125</t>
  </si>
  <si>
    <t>808.4146118164062</t>
  </si>
  <si>
    <t>0.0594599512632179</t>
  </si>
  <si>
    <t>7125</t>
  </si>
  <si>
    <t>10.364270210266113</t>
  </si>
  <si>
    <t>830.5863647460938</t>
  </si>
  <si>
    <t>0.06090536297493365</t>
  </si>
  <si>
    <t>7677</t>
  </si>
  <si>
    <t>10.649392127990723</t>
  </si>
  <si>
    <t>931.0135498046875</t>
  </si>
  <si>
    <t>0.07461911969104662</t>
  </si>
  <si>
    <t>7941</t>
  </si>
  <si>
    <t>10.421709060668945</t>
  </si>
  <si>
    <t>899.8368530273438</t>
  </si>
  <si>
    <t>0.03381036606731236</t>
  </si>
  <si>
    <t>7285</t>
  </si>
  <si>
    <t>10.476180076599121</t>
  </si>
  <si>
    <t>995.046142578125</t>
  </si>
  <si>
    <t>-0.08622177226590466</t>
  </si>
  <si>
    <t>8188</t>
  </si>
  <si>
    <t>9.995814323425293</t>
  </si>
  <si>
    <t>657.2862548828125</t>
  </si>
  <si>
    <t>0.11685222815187402</t>
  </si>
  <si>
    <t>8338</t>
  </si>
  <si>
    <t>10.9178466796875</t>
  </si>
  <si>
    <t>885.627197265625</t>
  </si>
  <si>
    <t>0.018153711659561367</t>
  </si>
  <si>
    <t>8540</t>
  </si>
  <si>
    <t>10.899391174316406</t>
  </si>
  <si>
    <t>790.3025512695312</t>
  </si>
  <si>
    <t>0.02393762834187463</t>
  </si>
  <si>
    <t>8610</t>
  </si>
  <si>
    <t>10.604147911071777</t>
  </si>
  <si>
    <t>1067.519287109375</t>
  </si>
  <si>
    <t>0.008163310639160315</t>
  </si>
  <si>
    <t>8717</t>
  </si>
  <si>
    <t>10.661587715148926</t>
  </si>
  <si>
    <t>909.0606689453125</t>
  </si>
  <si>
    <t>0.012350823589800441</t>
  </si>
  <si>
    <t>9498</t>
  </si>
  <si>
    <t>10.375285148620605</t>
  </si>
  <si>
    <t>950.643310546875</t>
  </si>
  <si>
    <t>0.0858061080974899</t>
  </si>
  <si>
    <t>9310</t>
  </si>
  <si>
    <t>10.93927001953125</t>
  </si>
  <si>
    <t>803.8880615234375</t>
  </si>
  <si>
    <t>-0.019992158837954577</t>
  </si>
  <si>
    <t>9617</t>
  </si>
  <si>
    <t>10.989269256591797</t>
  </si>
  <si>
    <t>865.7401733398438</t>
  </si>
  <si>
    <t>0.03244327444136985</t>
  </si>
  <si>
    <t>9805</t>
  </si>
  <si>
    <t>11.263375282287598</t>
  </si>
  <si>
    <t>894.4915771484375</t>
  </si>
  <si>
    <t>0.019360093917963894</t>
  </si>
  <si>
    <t>9482</t>
  </si>
  <si>
    <t>11.023497581481934</t>
  </si>
  <si>
    <t>979.4049682617188</t>
  </si>
  <si>
    <t>-0.033497195168381566</t>
  </si>
  <si>
    <t>10358</t>
  </si>
  <si>
    <t>10.581830024719238</t>
  </si>
  <si>
    <t>785.788818359375</t>
  </si>
  <si>
    <t>0.08836390352177226</t>
  </si>
  <si>
    <t>10925</t>
  </si>
  <si>
    <t>11.412482261657715</t>
  </si>
  <si>
    <t>899.9722290039062</t>
  </si>
  <si>
    <t>0.053294572979954324</t>
  </si>
  <si>
    <t>154</t>
  </si>
  <si>
    <t>2987</t>
  </si>
  <si>
    <t>11.058334350585938</t>
  </si>
  <si>
    <t>860.4000244140625</t>
  </si>
  <si>
    <t>68.48387145996094</t>
  </si>
  <si>
    <t>Kukes</t>
  </si>
  <si>
    <t>2178</t>
  </si>
  <si>
    <t>9.80000114440918</t>
  </si>
  <si>
    <t>1069.699951171875</t>
  </si>
  <si>
    <t>-0.3158625147232046</t>
  </si>
  <si>
    <t>10.958333015441895</t>
  </si>
  <si>
    <t>906.7999877929688</t>
  </si>
  <si>
    <t>-0.061543317333507375</t>
  </si>
  <si>
    <t>2274</t>
  </si>
  <si>
    <t>10.566666603088379</t>
  </si>
  <si>
    <t>972.9000244140625</t>
  </si>
  <si>
    <t>0.10467668815108322</t>
  </si>
  <si>
    <t>2497</t>
  </si>
  <si>
    <t>11.383334159851074</t>
  </si>
  <si>
    <t>843.60009765625</t>
  </si>
  <si>
    <t>0.0935496159692919</t>
  </si>
  <si>
    <t>2869</t>
  </si>
  <si>
    <t>10.42500114440918</t>
  </si>
  <si>
    <t>1249.7000732421875</t>
  </si>
  <si>
    <t>0.13887352570159095</t>
  </si>
  <si>
    <t>3172</t>
  </si>
  <si>
    <t>9.841666221618652</t>
  </si>
  <si>
    <t>1314.300048828125</t>
  </si>
  <si>
    <t>0.10039876677337478</t>
  </si>
  <si>
    <t>2864</t>
  </si>
  <si>
    <t>10.558333396911621</t>
  </si>
  <si>
    <t>980.7000122070312</t>
  </si>
  <si>
    <t>-0.10214305467420282</t>
  </si>
  <si>
    <t>3159</t>
  </si>
  <si>
    <t>10.441665649414062</t>
  </si>
  <si>
    <t>1096.300048828125</t>
  </si>
  <si>
    <t>0.09803627272154891</t>
  </si>
  <si>
    <t>3614</t>
  </si>
  <si>
    <t>10.766667366027832</t>
  </si>
  <si>
    <t>1182.300048828125</t>
  </si>
  <si>
    <t>0.13455967035008776</t>
  </si>
  <si>
    <t>3918</t>
  </si>
  <si>
    <t>1016.5000610351562</t>
  </si>
  <si>
    <t>0.08076612735231237</t>
  </si>
  <si>
    <t>4312</t>
  </si>
  <si>
    <t>10.625</t>
  </si>
  <si>
    <t>922.2999877929688</t>
  </si>
  <si>
    <t>0.09582051408434822</t>
  </si>
  <si>
    <t>4747</t>
  </si>
  <si>
    <t>11.441666603088379</t>
  </si>
  <si>
    <t>1210.300048828125</t>
  </si>
  <si>
    <t>0.09611100596248434</t>
  </si>
  <si>
    <t>5266</t>
  </si>
  <si>
    <t>10.7333345413208</t>
  </si>
  <si>
    <t>878.5999755859375</t>
  </si>
  <si>
    <t>0.10375822150493619</t>
  </si>
  <si>
    <t>5829</t>
  </si>
  <si>
    <t>10.675000190734863</t>
  </si>
  <si>
    <t>1235.60009765625</t>
  </si>
  <si>
    <t>0.10157439798929602</t>
  </si>
  <si>
    <t>1299.5001220703125</t>
  </si>
  <si>
    <t>0.10030400625131541</t>
  </si>
  <si>
    <t>11.433333396911621</t>
  </si>
  <si>
    <t>1110.0001220703125</t>
  </si>
  <si>
    <t>0.10228315975323987</t>
  </si>
  <si>
    <t>11.65000057220459</t>
  </si>
  <si>
    <t>1167.7999267578125</t>
  </si>
  <si>
    <t>0.10244228024040147</t>
  </si>
  <si>
    <t>8869</t>
  </si>
  <si>
    <t>11.52500057220459</t>
  </si>
  <si>
    <t>1177.4000244140625</t>
  </si>
  <si>
    <t>0.11468714508594502</t>
  </si>
  <si>
    <t>11.691666603088379</t>
  </si>
  <si>
    <t>1307.800048828125</t>
  </si>
  <si>
    <t>0.0725120599286786</t>
  </si>
  <si>
    <t>7453</t>
  </si>
  <si>
    <t>10.77500057220459</t>
  </si>
  <si>
    <t>1429.300048828125</t>
  </si>
  <si>
    <t>-0.2464574744234369</t>
  </si>
  <si>
    <t>8358</t>
  </si>
  <si>
    <t>11.149998664855957</t>
  </si>
  <si>
    <t>788.5000610351562</t>
  </si>
  <si>
    <t>0.11460252812616645</t>
  </si>
  <si>
    <t>8169</t>
  </si>
  <si>
    <t>11.549999237060547</t>
  </si>
  <si>
    <t>1090.0</t>
  </si>
  <si>
    <t>-0.02287266166599089</t>
  </si>
  <si>
    <t>8754</t>
  </si>
  <si>
    <t>11.658332824707031</t>
  </si>
  <si>
    <t>1123.4000244140625</t>
  </si>
  <si>
    <t>0.06916423640897129</t>
  </si>
  <si>
    <t>7750</t>
  </si>
  <si>
    <t>12.108332633972168</t>
  </si>
  <si>
    <t>1409.800048828125</t>
  </si>
  <si>
    <t>-0.12181789540344745</t>
  </si>
  <si>
    <t>7497</t>
  </si>
  <si>
    <t>11.791666984558105</t>
  </si>
  <si>
    <t>1083.39990234375</t>
  </si>
  <si>
    <t>-0.03318990284433099</t>
  </si>
  <si>
    <t>7514</t>
  </si>
  <si>
    <t>11.058333396911621</t>
  </si>
  <si>
    <t>1194.6002197265625</t>
  </si>
  <si>
    <t>0.002265006630851829</t>
  </si>
  <si>
    <t>12.208333015441895</t>
  </si>
  <si>
    <t>1037.3001708984375</t>
  </si>
  <si>
    <t>0.046163042401069276</t>
  </si>
  <si>
    <t>8306</t>
  </si>
  <si>
    <t>12.058333396911621</t>
  </si>
  <si>
    <t>1087.3001708984375</t>
  </si>
  <si>
    <t>0.05404715565571472</t>
  </si>
  <si>
    <t>8468</t>
  </si>
  <si>
    <t>12.541667938232422</t>
  </si>
  <si>
    <t>1089.800048828125</t>
  </si>
  <si>
    <t>0.019316208064058316</t>
  </si>
  <si>
    <t>1271.300048828125</t>
  </si>
  <si>
    <t>-0.033502562984567774</t>
  </si>
  <si>
    <t>8945</t>
  </si>
  <si>
    <t>0.08830292667263073</t>
  </si>
  <si>
    <t>9435</t>
  </si>
  <si>
    <t>12.483333587646484</t>
  </si>
  <si>
    <t>1101.5999755859375</t>
  </si>
  <si>
    <t>0.053331461859832174</t>
  </si>
  <si>
    <t>155</t>
  </si>
  <si>
    <t>14.116668701171875</t>
  </si>
  <si>
    <t>1084.7000732421875</t>
  </si>
  <si>
    <t>114.56472778320312</t>
  </si>
  <si>
    <t>Lezha</t>
  </si>
  <si>
    <t>3814</t>
  </si>
  <si>
    <t>13.091667175292969</t>
  </si>
  <si>
    <t>1261.199951171875</t>
  </si>
  <si>
    <t>-0.33204263367277065</t>
  </si>
  <si>
    <t>3528</t>
  </si>
  <si>
    <t>13.75</t>
  </si>
  <si>
    <t>1036.199951171875</t>
  </si>
  <si>
    <t>-0.0779473690336836</t>
  </si>
  <si>
    <t>13.916667938232422</t>
  </si>
  <si>
    <t>1227.7000732421875</t>
  </si>
  <si>
    <t>0.08838043184763045</t>
  </si>
  <si>
    <t>14.566666603088379</t>
  </si>
  <si>
    <t>1058.4000244140625</t>
  </si>
  <si>
    <t>0.07688415797926851</t>
  </si>
  <si>
    <t>4704</t>
  </si>
  <si>
    <t>13.591667175292969</t>
  </si>
  <si>
    <t>1546.8001708984375</t>
  </si>
  <si>
    <t>0.12241748262488272</t>
  </si>
  <si>
    <t>5116</t>
  </si>
  <si>
    <t>13.341667175292969</t>
  </si>
  <si>
    <t>1608.0001220703125</t>
  </si>
  <si>
    <t>0.08395967312027075</t>
  </si>
  <si>
    <t>4542</t>
  </si>
  <si>
    <t>13.516667366027832</t>
  </si>
  <si>
    <t>1130.4000244140625</t>
  </si>
  <si>
    <t>-0.11900544003323077</t>
  </si>
  <si>
    <t>4928</t>
  </si>
  <si>
    <t>14.09999942779541</t>
  </si>
  <si>
    <t>0.08156578254785352</t>
  </si>
  <si>
    <t>5545</t>
  </si>
  <si>
    <t>14.216666221618652</t>
  </si>
  <si>
    <t>1380.5999755859375</t>
  </si>
  <si>
    <t>0.11796339457111138</t>
  </si>
  <si>
    <t>15.133334159851074</t>
  </si>
  <si>
    <t>1208.39990234375</t>
  </si>
  <si>
    <t>0.06408756284356976</t>
  </si>
  <si>
    <t>6398</t>
  </si>
  <si>
    <t>14.091667175292969</t>
  </si>
  <si>
    <t>1148.9000244140625</t>
  </si>
  <si>
    <t>0.07900125788142631</t>
  </si>
  <si>
    <t>14.708334922790527</t>
  </si>
  <si>
    <t>1537.0</t>
  </si>
  <si>
    <t>0.017814738036937783</t>
  </si>
  <si>
    <t>6686</t>
  </si>
  <si>
    <t>14.116667747497559</t>
  </si>
  <si>
    <t>1211.199951171875</t>
  </si>
  <si>
    <t>0.02621560843364179</t>
  </si>
  <si>
    <t>6855</t>
  </si>
  <si>
    <t>14.166665077209473</t>
  </si>
  <si>
    <t>1362.300048828125</t>
  </si>
  <si>
    <t>0.024962525016372084</t>
  </si>
  <si>
    <t>7023</t>
  </si>
  <si>
    <t>13.450000762939453</t>
  </si>
  <si>
    <t>1558.5999755859375</t>
  </si>
  <si>
    <t>0.02421216416260563</t>
  </si>
  <si>
    <t>7213</t>
  </si>
  <si>
    <t>14.433335304260254</t>
  </si>
  <si>
    <t>1239.5</t>
  </si>
  <si>
    <t>0.02669447634465172</t>
  </si>
  <si>
    <t>14.61666488647461</t>
  </si>
  <si>
    <t>1428.1002197265625</t>
  </si>
  <si>
    <t>0.02654054550961682</t>
  </si>
  <si>
    <t>14.84999942779541</t>
  </si>
  <si>
    <t>1448.7999267578125</t>
  </si>
  <si>
    <t>0.03892469152595979</t>
  </si>
  <si>
    <t>7673</t>
  </si>
  <si>
    <t>14.633334159851074</t>
  </si>
  <si>
    <t>1616.4998779296875</t>
  </si>
  <si>
    <t>-0.0036425173615839412</t>
  </si>
  <si>
    <t>7024</t>
  </si>
  <si>
    <t>14.591666221618652</t>
  </si>
  <si>
    <t>1645.5</t>
  </si>
  <si>
    <t>-0.08837481686271254</t>
  </si>
  <si>
    <t>7191</t>
  </si>
  <si>
    <t>14.258334159851074</t>
  </si>
  <si>
    <t>1021.2000732421875</t>
  </si>
  <si>
    <t>0.023497387787541513</t>
  </si>
  <si>
    <t>7751</t>
  </si>
  <si>
    <t>1359.0</t>
  </si>
  <si>
    <t>0.07499162317901664</t>
  </si>
  <si>
    <t>7483</t>
  </si>
  <si>
    <t>15.016666412353516</t>
  </si>
  <si>
    <t>1388.7999267578125</t>
  </si>
  <si>
    <t>-0.03518808620115266</t>
  </si>
  <si>
    <t>8355</t>
  </si>
  <si>
    <t>14.875</t>
  </si>
  <si>
    <t>1696.9000244140625</t>
  </si>
  <si>
    <t>0.11022638094913617</t>
  </si>
  <si>
    <t>8556</t>
  </si>
  <si>
    <t>14.874999046325684</t>
  </si>
  <si>
    <t>1369.0001220703125</t>
  </si>
  <si>
    <t>0.023772629172801985</t>
  </si>
  <si>
    <t>9366</t>
  </si>
  <si>
    <t>1391.0001220703125</t>
  </si>
  <si>
    <t>0.09045331954119007</t>
  </si>
  <si>
    <t>9219</t>
  </si>
  <si>
    <t>15.124999046325684</t>
  </si>
  <si>
    <t>1218.199951171875</t>
  </si>
  <si>
    <t>-0.01581953894489274</t>
  </si>
  <si>
    <t>9261</t>
  </si>
  <si>
    <t>15.141666412353516</t>
  </si>
  <si>
    <t>1390.7999267578125</t>
  </si>
  <si>
    <t>0.004545462371675413</t>
  </si>
  <si>
    <t>9441</t>
  </si>
  <si>
    <t>15.433334350585938</t>
  </si>
  <si>
    <t>1240.800048828125</t>
  </si>
  <si>
    <t>0.01924987256224675</t>
  </si>
  <si>
    <t>9131</t>
  </si>
  <si>
    <t>15.183334350585938</t>
  </si>
  <si>
    <t>1475.300048828125</t>
  </si>
  <si>
    <t>-0.033386689116175816</t>
  </si>
  <si>
    <t>9974</t>
  </si>
  <si>
    <t>14.700000762939453</t>
  </si>
  <si>
    <t>1286.400146484375</t>
  </si>
  <si>
    <t>0.08830648948972808</t>
  </si>
  <si>
    <t>10520</t>
  </si>
  <si>
    <t>15.666667938232422</t>
  </si>
  <si>
    <t>1199.4000244140625</t>
  </si>
  <si>
    <t>0.05329650018563292</t>
  </si>
  <si>
    <t>156</t>
  </si>
  <si>
    <t>10.38333511352539</t>
  </si>
  <si>
    <t>966.9000244140625</t>
  </si>
  <si>
    <t>49.982627868652344</t>
  </si>
  <si>
    <t>Shkoder</t>
  </si>
  <si>
    <t>3260</t>
  </si>
  <si>
    <t>9.133332252502441</t>
  </si>
  <si>
    <t>1226.800048828125</t>
  </si>
  <si>
    <t>-0.33493731690312956</t>
  </si>
  <si>
    <t>1035.60009765625</t>
  </si>
  <si>
    <t>-0.08111690404783367</t>
  </si>
  <si>
    <t>3272</t>
  </si>
  <si>
    <t>1250.199951171875</t>
  </si>
  <si>
    <t>0.0847911274097175</t>
  </si>
  <si>
    <t>10.716666221618652</t>
  </si>
  <si>
    <t>1008.199951171875</t>
  </si>
  <si>
    <t>0.07362759133351382</t>
  </si>
  <si>
    <t>9.758333206176758</t>
  </si>
  <si>
    <t>1526.89990234375</t>
  </si>
  <si>
    <t>0.11898113145817923</t>
  </si>
  <si>
    <t>4299</t>
  </si>
  <si>
    <t>9.166666984558105</t>
  </si>
  <si>
    <t>1582.2000732421875</t>
  </si>
  <si>
    <t>0.08037229598195061</t>
  </si>
  <si>
    <t>3804</t>
  </si>
  <si>
    <t>1072.9000244140625</t>
  </si>
  <si>
    <t>-0.12232929283100091</t>
  </si>
  <si>
    <t>4111</t>
  </si>
  <si>
    <t>9.758332252502441</t>
  </si>
  <si>
    <t>1347.199951171875</t>
  </si>
  <si>
    <t>0.07761316323259848</t>
  </si>
  <si>
    <t>4609</t>
  </si>
  <si>
    <t>10.091667175292969</t>
  </si>
  <si>
    <t>1349.400146484375</t>
  </si>
  <si>
    <t>0.11434460582263029</t>
  </si>
  <si>
    <t>4895</t>
  </si>
  <si>
    <t>11.524998664855957</t>
  </si>
  <si>
    <t>1354.9000244140625</t>
  </si>
  <si>
    <t>0.060203362244100944</t>
  </si>
  <si>
    <t>5277</t>
  </si>
  <si>
    <t>9.933332443237305</t>
  </si>
  <si>
    <t>1094.4000244140625</t>
  </si>
  <si>
    <t>0.07514347844105806</t>
  </si>
  <si>
    <t>5523</t>
  </si>
  <si>
    <t>10.7666654586792</t>
  </si>
  <si>
    <t>1428.699951171875</t>
  </si>
  <si>
    <t>0.04556343649552019</t>
  </si>
  <si>
    <t>5836</t>
  </si>
  <si>
    <t>10.05000114440918</t>
  </si>
  <si>
    <t>981.4000244140625</t>
  </si>
  <si>
    <t>0.05512443974148873</t>
  </si>
  <si>
    <t>6165</t>
  </si>
  <si>
    <t>9.999999046325684</t>
  </si>
  <si>
    <t>1502.0</t>
  </si>
  <si>
    <t>0.054842505955766896</t>
  </si>
  <si>
    <t>6516</t>
  </si>
  <si>
    <t>9.258333206176758</t>
  </si>
  <si>
    <t>1533.699951171875</t>
  </si>
  <si>
    <t>0.05537255412349218</t>
  </si>
  <si>
    <t>10.758332252502441</t>
  </si>
  <si>
    <t>1268.4000244140625</t>
  </si>
  <si>
    <t>0.05914300622332824</t>
  </si>
  <si>
    <t>7343</t>
  </si>
  <si>
    <t>1257.2000732421875</t>
  </si>
  <si>
    <t>0.06034378150634545</t>
  </si>
  <si>
    <t>10.841667175292969</t>
  </si>
  <si>
    <t>1487.5999755859375</t>
  </si>
  <si>
    <t>0.07412742683889739</t>
  </si>
  <si>
    <t>8176</t>
  </si>
  <si>
    <t>11.000000953674316</t>
  </si>
  <si>
    <t>1587.0</t>
  </si>
  <si>
    <t>0.03332812815297892</t>
  </si>
  <si>
    <t>7990</t>
  </si>
  <si>
    <t>10.100001335144043</t>
  </si>
  <si>
    <t>1646.099853515625</t>
  </si>
  <si>
    <t>-0.023012273683166384</t>
  </si>
  <si>
    <t>8675</t>
  </si>
  <si>
    <t>10.4833345413208</t>
  </si>
  <si>
    <t>927.6000366210938</t>
  </si>
  <si>
    <t>0.0822545660547398</t>
  </si>
  <si>
    <t>10.875000953674316</t>
  </si>
  <si>
    <t>1350.5</t>
  </si>
  <si>
    <t>-0.02190974484538266</t>
  </si>
  <si>
    <t>8324</t>
  </si>
  <si>
    <t>10.975001335144043</t>
  </si>
  <si>
    <t>1300.4000244140625</t>
  </si>
  <si>
    <t>-0.01939267245615106</t>
  </si>
  <si>
    <t>8142</t>
  </si>
  <si>
    <t>1555.900146484375</t>
  </si>
  <si>
    <t>-0.022107058450600903</t>
  </si>
  <si>
    <t>8625</t>
  </si>
  <si>
    <t>11.116665840148926</t>
  </si>
  <si>
    <t>1142.7000732421875</t>
  </si>
  <si>
    <t>0.05762911283663641</t>
  </si>
  <si>
    <t>9073</t>
  </si>
  <si>
    <t>10.375000953674316</t>
  </si>
  <si>
    <t>1416.5001220703125</t>
  </si>
  <si>
    <t>0.050638007270068286</t>
  </si>
  <si>
    <t>11.516666412353516</t>
  </si>
  <si>
    <t>1103.5</t>
  </si>
  <si>
    <t>-0.003865059198403742</t>
  </si>
  <si>
    <t>9420</t>
  </si>
  <si>
    <t>1250.0</t>
  </si>
  <si>
    <t>0.041397177599183266</t>
  </si>
  <si>
    <t>9604</t>
  </si>
  <si>
    <t>11.84999942779541</t>
  </si>
  <si>
    <t>1328.7999267578125</t>
  </si>
  <si>
    <t>0.01934458977073561</t>
  </si>
  <si>
    <t>9288</t>
  </si>
  <si>
    <t>11.366668701171875</t>
  </si>
  <si>
    <t>1468.9000244140625</t>
  </si>
  <si>
    <t>-0.033456433963417354</t>
  </si>
  <si>
    <t>10145</t>
  </si>
  <si>
    <t>10.433333396911621</t>
  </si>
  <si>
    <t>0.08825772888218708</t>
  </si>
  <si>
    <t>10701</t>
  </si>
  <si>
    <t>1299.0999755859375</t>
  </si>
  <si>
    <t>0.05335622176708732</t>
  </si>
  <si>
    <t>157</t>
  </si>
  <si>
    <t>14.966667175292969</t>
  </si>
  <si>
    <t>936.300048828125</t>
  </si>
  <si>
    <t>336.0103454589844</t>
  </si>
  <si>
    <t>TIran, Islamic Rep.a</t>
  </si>
  <si>
    <t>4530</t>
  </si>
  <si>
    <t>13.950000762939453</t>
  </si>
  <si>
    <t>1085.9000244140625</t>
  </si>
  <si>
    <t>-0.3175301660921388</t>
  </si>
  <si>
    <t>4251</t>
  </si>
  <si>
    <t>14.591667175292969</t>
  </si>
  <si>
    <t>908.2000732421875</t>
  </si>
  <si>
    <t>-0.06356769011828867</t>
  </si>
  <si>
    <t>14.75</t>
  </si>
  <si>
    <t>1021.8999633789062</t>
  </si>
  <si>
    <t>0.10274595034124978</t>
  </si>
  <si>
    <t>5162</t>
  </si>
  <si>
    <t>15.391666412353516</t>
  </si>
  <si>
    <t>935.2000122070312</t>
  </si>
  <si>
    <t>0.0914239015785192</t>
  </si>
  <si>
    <t>5920</t>
  </si>
  <si>
    <t>14.433333396911621</t>
  </si>
  <si>
    <t>1362.5001220703125</t>
  </si>
  <si>
    <t>0.13701234759949088</t>
  </si>
  <si>
    <t>6533</t>
  </si>
  <si>
    <t>14.183333396911621</t>
  </si>
  <si>
    <t>1308.099853515625</t>
  </si>
  <si>
    <t>0.0985298069627003</t>
  </si>
  <si>
    <t>5887</t>
  </si>
  <si>
    <t>14.358333587646484</t>
  </si>
  <si>
    <t>1010.4000854492188</t>
  </si>
  <si>
    <t>-0.10411972581248996</t>
  </si>
  <si>
    <t>6481</t>
  </si>
  <si>
    <t>14.941666603088379</t>
  </si>
  <si>
    <t>1159.699951171875</t>
  </si>
  <si>
    <t>0.09612828939945572</t>
  </si>
  <si>
    <t>7402</t>
  </si>
  <si>
    <t>15.074999809265137</t>
  </si>
  <si>
    <t>1223.10009765625</t>
  </si>
  <si>
    <t>0.13287541451838436</t>
  </si>
  <si>
    <t>8010</t>
  </si>
  <si>
    <t>15.941665649414062</t>
  </si>
  <si>
    <t>1033.0999755859375</t>
  </si>
  <si>
    <t>0.07894052711630373</t>
  </si>
  <si>
    <t>8800</t>
  </si>
  <si>
    <t>14.983332633972168</t>
  </si>
  <si>
    <t>915.4000244140625</t>
  </si>
  <si>
    <t>0.094060960403894</t>
  </si>
  <si>
    <t>15.566665649414062</t>
  </si>
  <si>
    <t>0.06212082814450248</t>
  </si>
  <si>
    <t>10059</t>
  </si>
  <si>
    <t>14.991667747497559</t>
  </si>
  <si>
    <t>1049.300048828125</t>
  </si>
  <si>
    <t>0.07159520652353635</t>
  </si>
  <si>
    <t>10802</t>
  </si>
  <si>
    <t>1173.39990234375</t>
  </si>
  <si>
    <t>0.07126354601849982</t>
  </si>
  <si>
    <t>11602</t>
  </si>
  <si>
    <t>14.300000190734863</t>
  </si>
  <si>
    <t>1266.0999755859375</t>
  </si>
  <si>
    <t>0.07144619487317172</t>
  </si>
  <si>
    <t>12507</t>
  </si>
  <si>
    <t>15.283332824707031</t>
  </si>
  <si>
    <t>1077.7999267578125</t>
  </si>
  <si>
    <t>0.07511099052289794</t>
  </si>
  <si>
    <t>15.45000171661377</t>
  </si>
  <si>
    <t>1215.2000732421875</t>
  </si>
  <si>
    <t>0.07640119787761357</t>
  </si>
  <si>
    <t>14770</t>
  </si>
  <si>
    <t>15.708334922790527</t>
  </si>
  <si>
    <t>1222.9000244140625</t>
  </si>
  <si>
    <t>0.08990841109890546</t>
  </si>
  <si>
    <t>15511</t>
  </si>
  <si>
    <t>15.475001335144043</t>
  </si>
  <si>
    <t>1428.300048828125</t>
  </si>
  <si>
    <t>0.048951353099324635</t>
  </si>
  <si>
    <t>16513</t>
  </si>
  <si>
    <t>15.449999809265137</t>
  </si>
  <si>
    <t>1418.4000244140625</t>
  </si>
  <si>
    <t>0.06259849983823784</t>
  </si>
  <si>
    <t>15630</t>
  </si>
  <si>
    <t>15.091668128967285</t>
  </si>
  <si>
    <t>797.7000732421875</t>
  </si>
  <si>
    <t>-0.054955805047466555</t>
  </si>
  <si>
    <t>15438</t>
  </si>
  <si>
    <t>15.925002098083496</t>
  </si>
  <si>
    <t>1170.9000244140625</t>
  </si>
  <si>
    <t>-0.012360141905721989</t>
  </si>
  <si>
    <t>15122</t>
  </si>
  <si>
    <t>15.850001335144043</t>
  </si>
  <si>
    <t>1160.7000732421875</t>
  </si>
  <si>
    <t>-0.02068136539158516</t>
  </si>
  <si>
    <t>15310</t>
  </si>
  <si>
    <t>15.708333015441895</t>
  </si>
  <si>
    <t>1542.699951171875</t>
  </si>
  <si>
    <t>0.012355572533515158</t>
  </si>
  <si>
    <t>16201</t>
  </si>
  <si>
    <t>1145.800048828125</t>
  </si>
  <si>
    <t>0.05656675905868802</t>
  </si>
  <si>
    <t>16406</t>
  </si>
  <si>
    <t>15.416667938232422</t>
  </si>
  <si>
    <t>1212.699951171875</t>
  </si>
  <si>
    <t>0.012574152852277365</t>
  </si>
  <si>
    <t>15.966667175292969</t>
  </si>
  <si>
    <t>995.1000366210938</t>
  </si>
  <si>
    <t>0.0583057094451469</t>
  </si>
  <si>
    <t>17981</t>
  </si>
  <si>
    <t>15.983332633972168</t>
  </si>
  <si>
    <t>1193.0001220703125</t>
  </si>
  <si>
    <t>0.033362813823796245</t>
  </si>
  <si>
    <t>18331</t>
  </si>
  <si>
    <t>16.233333587646484</t>
  </si>
  <si>
    <t>0.019277970887726426</t>
  </si>
  <si>
    <t>17728</t>
  </si>
  <si>
    <t>15.991665840148926</t>
  </si>
  <si>
    <t>1300.10009765625</t>
  </si>
  <si>
    <t>-0.033448305172354864</t>
  </si>
  <si>
    <t>19365</t>
  </si>
  <si>
    <t>15.558333396911621</t>
  </si>
  <si>
    <t>1010.2000122070312</t>
  </si>
  <si>
    <t>0.08832200240184207</t>
  </si>
  <si>
    <t>20426</t>
  </si>
  <si>
    <t>16.46666717529297</t>
  </si>
  <si>
    <t>964.4000854492188</t>
  </si>
  <si>
    <t>0.05334128618919287</t>
  </si>
  <si>
    <t>158</t>
  </si>
  <si>
    <t>13.638131141662598</t>
  </si>
  <si>
    <t>1120.62109375</t>
  </si>
  <si>
    <t>78.75468444824219</t>
  </si>
  <si>
    <t>Vlora</t>
  </si>
  <si>
    <t>3410</t>
  </si>
  <si>
    <t>12.572892189025879</t>
  </si>
  <si>
    <t>1029.646240234375</t>
  </si>
  <si>
    <t>-0.3099398514130218</t>
  </si>
  <si>
    <t>13.178128242492676</t>
  </si>
  <si>
    <t>885.1495361328125</t>
  </si>
  <si>
    <t>-0.05577934104769078</t>
  </si>
  <si>
    <t>3600</t>
  </si>
  <si>
    <t>13.3933687210083</t>
  </si>
  <si>
    <t>1242.9298095703125</t>
  </si>
  <si>
    <t>0.11000089521432876</t>
  </si>
  <si>
    <t>3974</t>
  </si>
  <si>
    <t>14.010035514831543</t>
  </si>
  <si>
    <t>1279.1025390625</t>
  </si>
  <si>
    <t>0.09883929866756169</t>
  </si>
  <si>
    <t>4590</t>
  </si>
  <si>
    <t>13.1336088180542</t>
  </si>
  <si>
    <t>1183.17822265625</t>
  </si>
  <si>
    <t>0.14410687994282867</t>
  </si>
  <si>
    <t>5101</t>
  </si>
  <si>
    <t>12.920750617980957</t>
  </si>
  <si>
    <t>1348.2757568359375</t>
  </si>
  <si>
    <t>0.10555657486833603</t>
  </si>
  <si>
    <t>4628</t>
  </si>
  <si>
    <t>13.081939697265625</t>
  </si>
  <si>
    <t>947.2813720703125</t>
  </si>
  <si>
    <t>-0.09731178960936049</t>
  </si>
  <si>
    <t>5130</t>
  </si>
  <si>
    <t>13.629798889160156</t>
  </si>
  <si>
    <t>1217.0682373046875</t>
  </si>
  <si>
    <t>0.10298084985124767</t>
  </si>
  <si>
    <t>5899</t>
  </si>
  <si>
    <t>13.770750999450684</t>
  </si>
  <si>
    <t>1172.801025390625</t>
  </si>
  <si>
    <t>0.13967718583826105</t>
  </si>
  <si>
    <t>6425</t>
  </si>
  <si>
    <t>14.593369483947754</t>
  </si>
  <si>
    <t>879.1288452148438</t>
  </si>
  <si>
    <t>0.08541378576034475</t>
  </si>
  <si>
    <t>7104</t>
  </si>
  <si>
    <t>13.73741626739502</t>
  </si>
  <si>
    <t>860.9624633789062</t>
  </si>
  <si>
    <t>0.1004613749085852</t>
  </si>
  <si>
    <t>7303</t>
  </si>
  <si>
    <t>14.268367767333984</t>
  </si>
  <si>
    <t>1519.0899658203125</t>
  </si>
  <si>
    <t>0.02762721694810466</t>
  </si>
  <si>
    <t>7576</t>
  </si>
  <si>
    <t>13.72360610961914</t>
  </si>
  <si>
    <t>1171.913818359375</t>
  </si>
  <si>
    <t>0.03670013324580346</t>
  </si>
  <si>
    <t>7853</t>
  </si>
  <si>
    <t>13.704798698425293</t>
  </si>
  <si>
    <t>1076.8623046875</t>
  </si>
  <si>
    <t>0.035910268508960286</t>
  </si>
  <si>
    <t>8139</t>
  </si>
  <si>
    <t>13.030512809753418</t>
  </si>
  <si>
    <t>1461.4541015625</t>
  </si>
  <si>
    <t>0.035771697952167614</t>
  </si>
  <si>
    <t>8462</t>
  </si>
  <si>
    <t>13.838844299316406</t>
  </si>
  <si>
    <t>1157.5992431640625</t>
  </si>
  <si>
    <t>0.03891822995297112</t>
  </si>
  <si>
    <t>8806</t>
  </si>
  <si>
    <t>14.081939697265625</t>
  </si>
  <si>
    <t>1280.9698486328125</t>
  </si>
  <si>
    <t>0.03984775503568727</t>
  </si>
  <si>
    <t>9284</t>
  </si>
  <si>
    <t>14.368369102478027</t>
  </si>
  <si>
    <t>1492.446044921875</t>
  </si>
  <si>
    <t>0.052859181078627415</t>
  </si>
  <si>
    <t>9390</t>
  </si>
  <si>
    <t>14.088844299316406</t>
  </si>
  <si>
    <t>1453.180908203125</t>
  </si>
  <si>
    <t>0.011352804807980732</t>
  </si>
  <si>
    <t>10055</t>
  </si>
  <si>
    <t>14.203370094299316</t>
  </si>
  <si>
    <t>1569.974365234375</t>
  </si>
  <si>
    <t>0.06842473000444471</t>
  </si>
  <si>
    <t>11550</t>
  </si>
  <si>
    <t>13.702415466308594</t>
  </si>
  <si>
    <t>952.273681640625</t>
  </si>
  <si>
    <t>0.13861541374318698</t>
  </si>
  <si>
    <t>10716</t>
  </si>
  <si>
    <t>14.633606910705566</t>
  </si>
  <si>
    <t>1396.1031494140625</t>
  </si>
  <si>
    <t>-0.07494748528544015</t>
  </si>
  <si>
    <t>10417</t>
  </si>
  <si>
    <t>14.617655754089355</t>
  </si>
  <si>
    <t>1252.34619140625</t>
  </si>
  <si>
    <t>-0.028298864680051494</t>
  </si>
  <si>
    <t>10345</t>
  </si>
  <si>
    <t>14.297892570495605</t>
  </si>
  <si>
    <t>1598.3045654296875</t>
  </si>
  <si>
    <t>-0.006935775804803868</t>
  </si>
  <si>
    <t>10169</t>
  </si>
  <si>
    <t>14.387177467346191</t>
  </si>
  <si>
    <t>1260.83056640625</t>
  </si>
  <si>
    <t>-0.017159434388506867</t>
  </si>
  <si>
    <t>10980</t>
  </si>
  <si>
    <t>14.100275993347168</t>
  </si>
  <si>
    <t>1368.4439697265625</t>
  </si>
  <si>
    <t>0.07673155927238362</t>
  </si>
  <si>
    <t>10718</t>
  </si>
  <si>
    <t>14.65241527557373</t>
  </si>
  <si>
    <t>1099.805908203125</t>
  </si>
  <si>
    <t>-0.024150865008724764</t>
  </si>
  <si>
    <t>11237</t>
  </si>
  <si>
    <t>14.710036277770996</t>
  </si>
  <si>
    <t>1248.277099609375</t>
  </si>
  <si>
    <t>0.047287333853105906</t>
  </si>
  <si>
    <t>11456</t>
  </si>
  <si>
    <t>14.96908187866211</t>
  </si>
  <si>
    <t>1269.683349609375</t>
  </si>
  <si>
    <t>0.019301705292525284</t>
  </si>
  <si>
    <t>11079</t>
  </si>
  <si>
    <t>14.742655754089355</t>
  </si>
  <si>
    <t>1431.81591796875</t>
  </si>
  <si>
    <t>-0.03346218567975434</t>
  </si>
  <si>
    <t>12102</t>
  </si>
  <si>
    <t>14.309321403503418</t>
  </si>
  <si>
    <t>1131.19677734375</t>
  </si>
  <si>
    <t>0.0883193036615939</t>
  </si>
  <si>
    <t>12765</t>
  </si>
  <si>
    <t>15.094796180725098</t>
  </si>
  <si>
    <t>1302.812255859375</t>
  </si>
  <si>
    <t>0.05333632249331721</t>
  </si>
  <si>
    <t>159</t>
  </si>
  <si>
    <t>ARE</t>
  </si>
  <si>
    <t>167768</t>
  </si>
  <si>
    <t>27.899642944335938</t>
  </si>
  <si>
    <t>51.23295211791992</t>
  </si>
  <si>
    <t>336.1297912597656</t>
  </si>
  <si>
    <t>Abu Dhabi</t>
  </si>
  <si>
    <t>United Arab Emirates</t>
  </si>
  <si>
    <t>152926</t>
  </si>
  <si>
    <t>27.2722110748291</t>
  </si>
  <si>
    <t>56.07234191894531</t>
  </si>
  <si>
    <t>-0.0926279283683904</t>
  </si>
  <si>
    <t>148386</t>
  </si>
  <si>
    <t>26.84168243408203</t>
  </si>
  <si>
    <t>65.99369049072266</t>
  </si>
  <si>
    <t>-0.0301371576000502</t>
  </si>
  <si>
    <t>141356</t>
  </si>
  <si>
    <t>27.889245986938477</t>
  </si>
  <si>
    <t>75.84313201904297</t>
  </si>
  <si>
    <t>-0.04853545559711314</t>
  </si>
  <si>
    <t>142438</t>
  </si>
  <si>
    <t>27.99553680419922</t>
  </si>
  <si>
    <t>40.042137145996094</t>
  </si>
  <si>
    <t>0.0076252862480181705</t>
  </si>
  <si>
    <t>143475</t>
  </si>
  <si>
    <t>27.56001091003418</t>
  </si>
  <si>
    <t>69.92139434814453</t>
  </si>
  <si>
    <t>0.0072539866831444755</t>
  </si>
  <si>
    <t>141613</t>
  </si>
  <si>
    <t>28.067039489746094</t>
  </si>
  <si>
    <t>71.27185821533203</t>
  </si>
  <si>
    <t>-0.013062819039291185</t>
  </si>
  <si>
    <t>141410</t>
  </si>
  <si>
    <t>27.453453063964844</t>
  </si>
  <si>
    <t>91.87523651123047</t>
  </si>
  <si>
    <t>-0.0014345126354502469</t>
  </si>
  <si>
    <t>131241</t>
  </si>
  <si>
    <t>28.8579158782959</t>
  </si>
  <si>
    <t>42.87089157104492</t>
  </si>
  <si>
    <t>-0.07462814462765088</t>
  </si>
  <si>
    <t>125276</t>
  </si>
  <si>
    <t>28.85228157043457</t>
  </si>
  <si>
    <t>54.0252799987793</t>
  </si>
  <si>
    <t>-0.04651602443947134</t>
  </si>
  <si>
    <t>129105</t>
  </si>
  <si>
    <t>28.27052116394043</t>
  </si>
  <si>
    <t>45.849544525146484</t>
  </si>
  <si>
    <t>0.030106723516984957</t>
  </si>
  <si>
    <t>122188</t>
  </si>
  <si>
    <t>28.50464630126953</t>
  </si>
  <si>
    <t>33.31956100463867</t>
  </si>
  <si>
    <t>-0.05506518452662412</t>
  </si>
  <si>
    <t>119787</t>
  </si>
  <si>
    <t>28.308950424194336</t>
  </si>
  <si>
    <t>37.86613464355469</t>
  </si>
  <si>
    <t>-0.019845676639983267</t>
  </si>
  <si>
    <t>130668</t>
  </si>
  <si>
    <t>28.602022171020508</t>
  </si>
  <si>
    <t>47.06035232543945</t>
  </si>
  <si>
    <t>0.08694458954898288</t>
  </si>
  <si>
    <t>150083</t>
  </si>
  <si>
    <t>28.334924697875977</t>
  </si>
  <si>
    <t>49.92371368408203</t>
  </si>
  <si>
    <t>0.13852871924522603</t>
  </si>
  <si>
    <t>162629</t>
  </si>
  <si>
    <t>28.218812942504883</t>
  </si>
  <si>
    <t>41.51214599609375</t>
  </si>
  <si>
    <t>0.08028305859729024</t>
  </si>
  <si>
    <t>159834</t>
  </si>
  <si>
    <t>28.427452087402344</t>
  </si>
  <si>
    <t>58.1047248840332</t>
  </si>
  <si>
    <t>-0.017335756336285257</t>
  </si>
  <si>
    <t>129354</t>
  </si>
  <si>
    <t>28.471315383911133</t>
  </si>
  <si>
    <t>54.76369857788086</t>
  </si>
  <si>
    <t>-0.21158294465422856</t>
  </si>
  <si>
    <t>116118</t>
  </si>
  <si>
    <t>28.476289749145508</t>
  </si>
  <si>
    <t>31.40291404724121</t>
  </si>
  <si>
    <t>-0.10794591655765728</t>
  </si>
  <si>
    <t>93511</t>
  </si>
  <si>
    <t>28.8149356842041</t>
  </si>
  <si>
    <t>69.2896728515625</t>
  </si>
  <si>
    <t>-0.21652783901267547</t>
  </si>
  <si>
    <t>88360</t>
  </si>
  <si>
    <t>29.10780906677246</t>
  </si>
  <si>
    <t>45.965633392333984</t>
  </si>
  <si>
    <t>-0.05665969788167757</t>
  </si>
  <si>
    <t>94312</t>
  </si>
  <si>
    <t>28.437273025512695</t>
  </si>
  <si>
    <t>35.645362854003906</t>
  </si>
  <si>
    <t>0.06518905643791051</t>
  </si>
  <si>
    <t>96538</t>
  </si>
  <si>
    <t>28.757417678833008</t>
  </si>
  <si>
    <t>41.014034271240234</t>
  </si>
  <si>
    <t>0.023328278226598442</t>
  </si>
  <si>
    <t>101978</t>
  </si>
  <si>
    <t>28.465791702270508</t>
  </si>
  <si>
    <t>53.08115005493164</t>
  </si>
  <si>
    <t>0.05482039052970755</t>
  </si>
  <si>
    <t>106836</t>
  </si>
  <si>
    <t>28.481630325317383</t>
  </si>
  <si>
    <t>69.48625183105469</t>
  </si>
  <si>
    <t>0.04653784463340216</t>
  </si>
  <si>
    <t>114773</t>
  </si>
  <si>
    <t>28.64487648010254</t>
  </si>
  <si>
    <t>49.655517578125</t>
  </si>
  <si>
    <t>0.07166131620641103</t>
  </si>
  <si>
    <t>121340</t>
  </si>
  <si>
    <t>28.75731086730957</t>
  </si>
  <si>
    <t>57.339149475097656</t>
  </si>
  <si>
    <t>0.05564025792820715</t>
  </si>
  <si>
    <t>122461</t>
  </si>
  <si>
    <t>28.56328582763672</t>
  </si>
  <si>
    <t>59.10898971557617</t>
  </si>
  <si>
    <t>0.009196089434047039</t>
  </si>
  <si>
    <t>124329</t>
  </si>
  <si>
    <t>28.918344497680664</t>
  </si>
  <si>
    <t>50.745506286621094</t>
  </si>
  <si>
    <t>0.015138665873225321</t>
  </si>
  <si>
    <t>125972</t>
  </si>
  <si>
    <t>28.337745666503906</t>
  </si>
  <si>
    <t>67.26853942871094</t>
  </si>
  <si>
    <t>0.013128382212814316</t>
  </si>
  <si>
    <t>119924</t>
  </si>
  <si>
    <t>28.27113914489746</t>
  </si>
  <si>
    <t>56.75928497314453</t>
  </si>
  <si>
    <t>-0.04920145122580166</t>
  </si>
  <si>
    <t>124441</t>
  </si>
  <si>
    <t>29.108121871948242</t>
  </si>
  <si>
    <t>49.367393493652344</t>
  </si>
  <si>
    <t>0.03697349918999571</t>
  </si>
  <si>
    <t>133483</t>
  </si>
  <si>
    <t>28.59212303161621</t>
  </si>
  <si>
    <t>54.93492889404297</t>
  </si>
  <si>
    <t>0.07014242090937017</t>
  </si>
  <si>
    <t>161</t>
  </si>
  <si>
    <t>86868</t>
  </si>
  <si>
    <t>79.43437194824219</t>
  </si>
  <si>
    <t>424.66522216796875</t>
  </si>
  <si>
    <t>Dubai</t>
  </si>
  <si>
    <t>77806</t>
  </si>
  <si>
    <t>26.83479118347168</t>
  </si>
  <si>
    <t>109.91845703125</t>
  </si>
  <si>
    <t>-0.11017117606569471</t>
  </si>
  <si>
    <t>81974</t>
  </si>
  <si>
    <t>26.50501251220703</t>
  </si>
  <si>
    <t>116.24986267089844</t>
  </si>
  <si>
    <t>0.05218357478188551</t>
  </si>
  <si>
    <t>84429</t>
  </si>
  <si>
    <t>27.55827522277832</t>
  </si>
  <si>
    <t>135.2471923828125</t>
  </si>
  <si>
    <t>0.029508820664837287</t>
  </si>
  <si>
    <t>91640</t>
  </si>
  <si>
    <t>27.633275985717773</t>
  </si>
  <si>
    <t>32.03704071044922</t>
  </si>
  <si>
    <t>0.08195691310526065</t>
  </si>
  <si>
    <t>99105</t>
  </si>
  <si>
    <t>27.156526565551758</t>
  </si>
  <si>
    <t>126.26817321777344</t>
  </si>
  <si>
    <t>0.07831203656466457</t>
  </si>
  <si>
    <t>104720</t>
  </si>
  <si>
    <t>27.711599349975586</t>
  </si>
  <si>
    <t>129.56324768066406</t>
  </si>
  <si>
    <t>0.05511022745168681</t>
  </si>
  <si>
    <t>111659</t>
  </si>
  <si>
    <t>27.033157348632812</t>
  </si>
  <si>
    <t>175.62904357910156</t>
  </si>
  <si>
    <t>0.0641594624819124</t>
  </si>
  <si>
    <t>110402</t>
  </si>
  <si>
    <t>28.463171005249023</t>
  </si>
  <si>
    <t>57.76366424560547</t>
  </si>
  <si>
    <t>-0.011321334462625288</t>
  </si>
  <si>
    <t>112041</t>
  </si>
  <si>
    <t>28.44481086730957</t>
  </si>
  <si>
    <t>73.71338653564453</t>
  </si>
  <si>
    <t>0.014736626114935092</t>
  </si>
  <si>
    <t>122533</t>
  </si>
  <si>
    <t>27.889862060546875</t>
  </si>
  <si>
    <t>54.772823333740234</t>
  </si>
  <si>
    <t>0.08951550572565026</t>
  </si>
  <si>
    <t>122862</t>
  </si>
  <si>
    <t>28.145048141479492</t>
  </si>
  <si>
    <t>18.15239143371582</t>
  </si>
  <si>
    <t>0.0026813928329598724</t>
  </si>
  <si>
    <t>119414</t>
  </si>
  <si>
    <t>27.940034866333008</t>
  </si>
  <si>
    <t>39.22310256958008</t>
  </si>
  <si>
    <t>-0.028465327278240693</t>
  </si>
  <si>
    <t>118731</t>
  </si>
  <si>
    <t>28.27336883544922</t>
  </si>
  <si>
    <t>41.521690368652344</t>
  </si>
  <si>
    <t>-0.005736016902851304</t>
  </si>
  <si>
    <t>113625</t>
  </si>
  <si>
    <t>27.996679306030273</t>
  </si>
  <si>
    <t>60.27000427246094</t>
  </si>
  <si>
    <t>-0.043956877615743295</t>
  </si>
  <si>
    <t>96441</t>
  </si>
  <si>
    <t>27.898366928100586</t>
  </si>
  <si>
    <t>49.560142517089844</t>
  </si>
  <si>
    <t>-0.16397213009699563</t>
  </si>
  <si>
    <t>80172</t>
  </si>
  <si>
    <t>28.060022354125977</t>
  </si>
  <si>
    <t>99.18479919433594</t>
  </si>
  <si>
    <t>-0.18475709566930654</t>
  </si>
  <si>
    <t>72977</t>
  </si>
  <si>
    <t>28.17167854309082</t>
  </si>
  <si>
    <t>65.35873413085938</t>
  </si>
  <si>
    <t>-0.0940300037206061</t>
  </si>
  <si>
    <t>54463</t>
  </si>
  <si>
    <t>28.081703186035156</t>
  </si>
  <si>
    <t>18.79224967956543</t>
  </si>
  <si>
    <t>-0.292622750980442</t>
  </si>
  <si>
    <t>44548</t>
  </si>
  <si>
    <t>28.460023880004883</t>
  </si>
  <si>
    <t>126.63030242919922</t>
  </si>
  <si>
    <t>-0.20095431249943907</t>
  </si>
  <si>
    <t>42094</t>
  </si>
  <si>
    <t>28.795045852661133</t>
  </si>
  <si>
    <t>38.39506912231445</t>
  </si>
  <si>
    <t>-0.05666204681387299</t>
  </si>
  <si>
    <t>44930</t>
  </si>
  <si>
    <t>28.100004196166992</t>
  </si>
  <si>
    <t>36.7811279296875</t>
  </si>
  <si>
    <t>0.0652005103650879</t>
  </si>
  <si>
    <t>45990</t>
  </si>
  <si>
    <t>28.493356704711914</t>
  </si>
  <si>
    <t>43.70563507080078</t>
  </si>
  <si>
    <t>0.02331825846976443</t>
  </si>
  <si>
    <t>48582</t>
  </si>
  <si>
    <t>28.275060653686523</t>
  </si>
  <si>
    <t>80.16506958007812</t>
  </si>
  <si>
    <t>0.054829110380200774</t>
  </si>
  <si>
    <t>50896</t>
  </si>
  <si>
    <t>28.29685401916504</t>
  </si>
  <si>
    <t>109.96929931640625</t>
  </si>
  <si>
    <t>0.04653124307475487</t>
  </si>
  <si>
    <t>54678</t>
  </si>
  <si>
    <t>28.5903263092041</t>
  </si>
  <si>
    <t>78.4616928100586</t>
  </si>
  <si>
    <t>0.0716770997352576</t>
  </si>
  <si>
    <t>57806</t>
  </si>
  <si>
    <t>28.802045822143555</t>
  </si>
  <si>
    <t>88.03718566894531</t>
  </si>
  <si>
    <t>0.05563114177716599</t>
  </si>
  <si>
    <t>58340</t>
  </si>
  <si>
    <t>28.565271377563477</t>
  </si>
  <si>
    <t>84.74071502685547</t>
  </si>
  <si>
    <t>0.00919538792036434</t>
  </si>
  <si>
    <t>59230</t>
  </si>
  <si>
    <t>28.9318790435791</t>
  </si>
  <si>
    <t>74.36380767822266</t>
  </si>
  <si>
    <t>0.015140205849297317</t>
  </si>
  <si>
    <t>60013</t>
  </si>
  <si>
    <t>28.106704711914062</t>
  </si>
  <si>
    <t>95.97563934326172</t>
  </si>
  <si>
    <t>0.013133035131062343</t>
  </si>
  <si>
    <t>57131</t>
  </si>
  <si>
    <t>28.00507164001465</t>
  </si>
  <si>
    <t>86.99803161621094</t>
  </si>
  <si>
    <t>-0.04921432889837085</t>
  </si>
  <si>
    <t>59283</t>
  </si>
  <si>
    <t>29.06014060974121</t>
  </si>
  <si>
    <t>72.62394714355469</t>
  </si>
  <si>
    <t>0.03697571047321091</t>
  </si>
  <si>
    <t>63591</t>
  </si>
  <si>
    <t>28.513463973999023</t>
  </si>
  <si>
    <t>82.59944915771484</t>
  </si>
  <si>
    <t>0.07014936390393345</t>
  </si>
  <si>
    <t>164</t>
  </si>
  <si>
    <t>47746</t>
  </si>
  <si>
    <t>27.242467880249023</t>
  </si>
  <si>
    <t>91.33902740478516</t>
  </si>
  <si>
    <t>302.6365966796875</t>
  </si>
  <si>
    <t>Sharjah</t>
  </si>
  <si>
    <t>42932</t>
  </si>
  <si>
    <t>26.603673934936523</t>
  </si>
  <si>
    <t>128.46409606933594</t>
  </si>
  <si>
    <t>-0.10627782516508155</t>
  </si>
  <si>
    <t>41128</t>
  </si>
  <si>
    <t>26.188657760620117</t>
  </si>
  <si>
    <t>132.5724334716797</t>
  </si>
  <si>
    <t>-0.04292831386607432</t>
  </si>
  <si>
    <t>38662</t>
  </si>
  <si>
    <t>27.03489112854004</t>
  </si>
  <si>
    <t>126.82906341552734</t>
  </si>
  <si>
    <t>-0.06183194925370472</t>
  </si>
  <si>
    <t>38421</t>
  </si>
  <si>
    <t>27.277780532836914</t>
  </si>
  <si>
    <t>45.626487731933594</t>
  </si>
  <si>
    <t>-0.006253020387454455</t>
  </si>
  <si>
    <t>38145</t>
  </si>
  <si>
    <t>26.831972122192383</t>
  </si>
  <si>
    <t>147.0726318359375</t>
  </si>
  <si>
    <t>-0.00720949756985334</t>
  </si>
  <si>
    <t>37086</t>
  </si>
  <si>
    <t>27.239458084106445</t>
  </si>
  <si>
    <t>143.92799377441406</t>
  </si>
  <si>
    <t>-0.02815514763700122</t>
  </si>
  <si>
    <t>36453</t>
  </si>
  <si>
    <t>26.900711059570312</t>
  </si>
  <si>
    <t>216.635986328125</t>
  </si>
  <si>
    <t>-0.017215780310605666</t>
  </si>
  <si>
    <t>33278</t>
  </si>
  <si>
    <t>28.129432678222656</t>
  </si>
  <si>
    <t>74.26042938232422</t>
  </si>
  <si>
    <t>-0.09112724160126895</t>
  </si>
  <si>
    <t>31221</t>
  </si>
  <si>
    <t>28.11775779724121</t>
  </si>
  <si>
    <t>86.92886352539062</t>
  </si>
  <si>
    <t>-0.06380557266948372</t>
  </si>
  <si>
    <t>31598</t>
  </si>
  <si>
    <t>27.548215866088867</t>
  </si>
  <si>
    <t>67.7090835571289</t>
  </si>
  <si>
    <t>0.012002882126825654</t>
  </si>
  <si>
    <t>29341</t>
  </si>
  <si>
    <t>28.06742286682129</t>
  </si>
  <si>
    <t>23.78292465209961</t>
  </si>
  <si>
    <t>-0.07410797215372256</t>
  </si>
  <si>
    <t>28130</t>
  </si>
  <si>
    <t>27.801603317260742</t>
  </si>
  <si>
    <t>55.45481491088867</t>
  </si>
  <si>
    <t>-0.04214923279517002</t>
  </si>
  <si>
    <t>28286</t>
  </si>
  <si>
    <t>27.986207962036133</t>
  </si>
  <si>
    <t>46.1513557434082</t>
  </si>
  <si>
    <t>0.005530360096543063</t>
  </si>
  <si>
    <t>28056</t>
  </si>
  <si>
    <t>27.639036178588867</t>
  </si>
  <si>
    <t>71.76496887207031</t>
  </si>
  <si>
    <t>-0.00816446976043217</t>
  </si>
  <si>
    <t>30493</t>
  </si>
  <si>
    <t>27.63446807861328</t>
  </si>
  <si>
    <t>69.75080871582031</t>
  </si>
  <si>
    <t>0.08329463623773137</t>
  </si>
  <si>
    <t>27.674062728881836</t>
  </si>
  <si>
    <t>118.79674530029297</t>
  </si>
  <si>
    <t>-0.1104639374712022</t>
  </si>
  <si>
    <t>22258</t>
  </si>
  <si>
    <t>27.77372932434082</t>
  </si>
  <si>
    <t>84.64681243896484</t>
  </si>
  <si>
    <t>-0.2043317170531722</t>
  </si>
  <si>
    <t>18392</t>
  </si>
  <si>
    <t>27.7745304107666</t>
  </si>
  <si>
    <t>26.67784309387207</t>
  </si>
  <si>
    <t>-0.19078570709035247</t>
  </si>
  <si>
    <t>16457</t>
  </si>
  <si>
    <t>28.209089279174805</t>
  </si>
  <si>
    <t>156.29966735839844</t>
  </si>
  <si>
    <t>-0.11116486884763432</t>
  </si>
  <si>
    <t>15551</t>
  </si>
  <si>
    <t>28.610315322875977</t>
  </si>
  <si>
    <t>46.36768341064453</t>
  </si>
  <si>
    <t>-0.05662597337404662</t>
  </si>
  <si>
    <t>16598</t>
  </si>
  <si>
    <t>27.726133346557617</t>
  </si>
  <si>
    <t>46.56097412109375</t>
  </si>
  <si>
    <t>0.0651572609370561</t>
  </si>
  <si>
    <t>16990</t>
  </si>
  <si>
    <t>27.959091186523438</t>
  </si>
  <si>
    <t>72.48767852783203</t>
  </si>
  <si>
    <t>0.023342729507584536</t>
  </si>
  <si>
    <t>17947</t>
  </si>
  <si>
    <t>27.736162185668945</t>
  </si>
  <si>
    <t>102.00162506103516</t>
  </si>
  <si>
    <t>0.054798034363299664</t>
  </si>
  <si>
    <t>18802</t>
  </si>
  <si>
    <t>27.900711059570312</t>
  </si>
  <si>
    <t>153.53048706054688</t>
  </si>
  <si>
    <t>0.046540277109219375</t>
  </si>
  <si>
    <t>20199</t>
  </si>
  <si>
    <t>28.287385940551758</t>
  </si>
  <si>
    <t>82.09620666503906</t>
  </si>
  <si>
    <t>0.0716698510748941</t>
  </si>
  <si>
    <t>21355</t>
  </si>
  <si>
    <t>28.42072105407715</t>
  </si>
  <si>
    <t>103.37297821044922</t>
  </si>
  <si>
    <t>0.055652806062175486</t>
  </si>
  <si>
    <t>21552</t>
  </si>
  <si>
    <t>28.201982498168945</t>
  </si>
  <si>
    <t>95.72669982910156</t>
  </si>
  <si>
    <t>0.009182715374578265</t>
  </si>
  <si>
    <t>21881</t>
  </si>
  <si>
    <t>28.61238670349121</t>
  </si>
  <si>
    <t>78.27080535888672</t>
  </si>
  <si>
    <t>0.015150060680506172</t>
  </si>
  <si>
    <t>22170</t>
  </si>
  <si>
    <t>27.953630447387695</t>
  </si>
  <si>
    <t>126.8740463256836</t>
  </si>
  <si>
    <t>0.01312134327970682</t>
  </si>
  <si>
    <t>21106</t>
  </si>
  <si>
    <t>27.861541748046875</t>
  </si>
  <si>
    <t>102.66734313964844</t>
  </si>
  <si>
    <t>-0.04918266337932131</t>
  </si>
  <si>
    <t>21901</t>
  </si>
  <si>
    <t>28.772369384765625</t>
  </si>
  <si>
    <t>70.86572265625</t>
  </si>
  <si>
    <t>0.03697493763153048</t>
  </si>
  <si>
    <t>23492</t>
  </si>
  <si>
    <t>28.3002872467041</t>
  </si>
  <si>
    <t>91.16735076904297</t>
  </si>
  <si>
    <t>0.07012763977984271</t>
  </si>
  <si>
    <t>166</t>
  </si>
  <si>
    <t>ARG</t>
  </si>
  <si>
    <t>13258</t>
  </si>
  <si>
    <t>16.452415466308594</t>
  </si>
  <si>
    <t>1245.1903076171875</t>
  </si>
  <si>
    <t>7743.7724609375</t>
  </si>
  <si>
    <t>Buenos Aires</t>
  </si>
  <si>
    <t>Argentina</t>
  </si>
  <si>
    <t>14287</t>
  </si>
  <si>
    <t>16.912832260131836</t>
  </si>
  <si>
    <t>1054.7008056640625</t>
  </si>
  <si>
    <t>0.07474888906382127</t>
  </si>
  <si>
    <t>16.704891204833984</t>
  </si>
  <si>
    <t>1066.41552734375</t>
  </si>
  <si>
    <t>0.06411409427154346</t>
  </si>
  <si>
    <t>16285</t>
  </si>
  <si>
    <t>16.675416946411133</t>
  </si>
  <si>
    <t>1317.0550537109375</t>
  </si>
  <si>
    <t>0.06678031157363229</t>
  </si>
  <si>
    <t>16999</t>
  </si>
  <si>
    <t>17.207883834838867</t>
  </si>
  <si>
    <t>917.4700317382812</t>
  </si>
  <si>
    <t>0.04291008006843633</t>
  </si>
  <si>
    <t>16235</t>
  </si>
  <si>
    <t>16.5188045501709</t>
  </si>
  <si>
    <t>816.525390625</t>
  </si>
  <si>
    <t>-0.04598511324182297</t>
  </si>
  <si>
    <t>16902</t>
  </si>
  <si>
    <t>17.01042938232422</t>
  </si>
  <si>
    <t>906.9678344726562</t>
  </si>
  <si>
    <t>0.04026255256748179</t>
  </si>
  <si>
    <t>18306</t>
  </si>
  <si>
    <t>17.068735122680664</t>
  </si>
  <si>
    <t>1064.7010498046875</t>
  </si>
  <si>
    <t>0.0797969168402961</t>
  </si>
  <si>
    <t>18927</t>
  </si>
  <si>
    <t>16.536645889282227</t>
  </si>
  <si>
    <t>921.4921875</t>
  </si>
  <si>
    <t>0.033360599094194754</t>
  </si>
  <si>
    <t>17899</t>
  </si>
  <si>
    <t>16.74662971496582</t>
  </si>
  <si>
    <t>847.9578247070312</t>
  </si>
  <si>
    <t>-0.05584462869241946</t>
  </si>
  <si>
    <t>17365</t>
  </si>
  <si>
    <t>16.54560661315918</t>
  </si>
  <si>
    <t>1307.55224609375</t>
  </si>
  <si>
    <t>-0.03028815916832528</t>
  </si>
  <si>
    <t>16281</t>
  </si>
  <si>
    <t>17.32884407043457</t>
  </si>
  <si>
    <t>1285.0238037109375</t>
  </si>
  <si>
    <t>-0.0644579024466605</t>
  </si>
  <si>
    <t>13872</t>
  </si>
  <si>
    <t>16.992856979370117</t>
  </si>
  <si>
    <t>1342.1448974609375</t>
  </si>
  <si>
    <t>-0.16012636371119093</t>
  </si>
  <si>
    <t>15340</t>
  </si>
  <si>
    <t>16.653867721557617</t>
  </si>
  <si>
    <t>1187.8355712890625</t>
  </si>
  <si>
    <t>0.10059137590092426</t>
  </si>
  <si>
    <t>16595</t>
  </si>
  <si>
    <t>16.92999839782715</t>
  </si>
  <si>
    <t>940.1011352539062</t>
  </si>
  <si>
    <t>0.07863764923282801</t>
  </si>
  <si>
    <t>17767</t>
  </si>
  <si>
    <t>16.691015243530273</t>
  </si>
  <si>
    <t>998.8411865234375</t>
  </si>
  <si>
    <t>0.06824135888183136</t>
  </si>
  <si>
    <t>19140</t>
  </si>
  <si>
    <t>17.03782081604004</t>
  </si>
  <si>
    <t>975.2484130859375</t>
  </si>
  <si>
    <t>0.07443758197103811</t>
  </si>
  <si>
    <t>20804</t>
  </si>
  <si>
    <t>16.199003219604492</t>
  </si>
  <si>
    <t>1148.3699951171875</t>
  </si>
  <si>
    <t>0.08336488988601864</t>
  </si>
  <si>
    <t>21582</t>
  </si>
  <si>
    <t>17.196063995361328</t>
  </si>
  <si>
    <t>614.5835571289062</t>
  </si>
  <si>
    <t>0.0367143580307161</t>
  </si>
  <si>
    <t>20090</t>
  </si>
  <si>
    <t>17.13572120666504</t>
  </si>
  <si>
    <t>1137.4027099609375</t>
  </si>
  <si>
    <t>-0.07163745511469877</t>
  </si>
  <si>
    <t>22061</t>
  </si>
  <si>
    <t>16.860172271728516</t>
  </si>
  <si>
    <t>1086.498046875</t>
  </si>
  <si>
    <t>0.09358916488678304</t>
  </si>
  <si>
    <t>23140</t>
  </si>
  <si>
    <t>16.935522079467773</t>
  </si>
  <si>
    <t>745.33935546875</t>
  </si>
  <si>
    <t>0.047751378051904325</t>
  </si>
  <si>
    <t>22671</t>
  </si>
  <si>
    <t>17.22175407409668</t>
  </si>
  <si>
    <t>1336.8077392578125</t>
  </si>
  <si>
    <t>-0.02047614705883838</t>
  </si>
  <si>
    <t>22991</t>
  </si>
  <si>
    <t>17.00994300842285</t>
  </si>
  <si>
    <t>979.6966552734375</t>
  </si>
  <si>
    <t>0.014016260295106164</t>
  </si>
  <si>
    <t>22205</t>
  </si>
  <si>
    <t>17.118547439575195</t>
  </si>
  <si>
    <t>1429.06787109375</t>
  </si>
  <si>
    <t>-0.034785346257732996</t>
  </si>
  <si>
    <t>22609</t>
  </si>
  <si>
    <t>17.460546493530273</t>
  </si>
  <si>
    <t>840.3973388671875</t>
  </si>
  <si>
    <t>0.018030568350113185</t>
  </si>
  <si>
    <t>21950</t>
  </si>
  <si>
    <t>16.53999900817871</t>
  </si>
  <si>
    <t>1077.26953125</t>
  </si>
  <si>
    <t>-0.02958091757299819</t>
  </si>
  <si>
    <t>22386</t>
  </si>
  <si>
    <t>17.524797439575195</t>
  </si>
  <si>
    <t>1095.77880859375</t>
  </si>
  <si>
    <t>0.01966862394589519</t>
  </si>
  <si>
    <t>21632</t>
  </si>
  <si>
    <t>17.084346771240234</t>
  </si>
  <si>
    <t>1294.1259765625</t>
  </si>
  <si>
    <t>-0.03426206360652273</t>
  </si>
  <si>
    <t>21044</t>
  </si>
  <si>
    <t>17.001392364501953</t>
  </si>
  <si>
    <t>975.5411376953125</t>
  </si>
  <si>
    <t>-0.02755821599199315</t>
  </si>
  <si>
    <t>18815</t>
  </si>
  <si>
    <t>17.12965202331543</t>
  </si>
  <si>
    <t>855.4110717773438</t>
  </si>
  <si>
    <t>-0.11196105982315885</t>
  </si>
  <si>
    <t>20659</t>
  </si>
  <si>
    <t>17.252267837524414</t>
  </si>
  <si>
    <t>920.4188232421875</t>
  </si>
  <si>
    <t>0.09349663576409029</t>
  </si>
  <si>
    <t>21508</t>
  </si>
  <si>
    <t>16.884599685668945</t>
  </si>
  <si>
    <t>635.8443603515625</t>
  </si>
  <si>
    <t>0.040273899137940106</t>
  </si>
  <si>
    <t>167</t>
  </si>
  <si>
    <t>15.193793296813965</t>
  </si>
  <si>
    <t>534.094970703125</t>
  </si>
  <si>
    <t>133.18276977539062</t>
  </si>
  <si>
    <t>Catamarca</t>
  </si>
  <si>
    <t>10128</t>
  </si>
  <si>
    <t>15.75711727142334</t>
  </si>
  <si>
    <t>518.858642578125</t>
  </si>
  <si>
    <t>0.07470056476365627</t>
  </si>
  <si>
    <t>10799</t>
  </si>
  <si>
    <t>15.291035652160645</t>
  </si>
  <si>
    <t>639.2682495117188</t>
  </si>
  <si>
    <t>0.06414967184880105</t>
  </si>
  <si>
    <t>11545</t>
  </si>
  <si>
    <t>15.547173500061035</t>
  </si>
  <si>
    <t>351.407958984375</t>
  </si>
  <si>
    <t>0.0667989055558369</t>
  </si>
  <si>
    <t>11950</t>
  </si>
  <si>
    <t>16.452150344848633</t>
  </si>
  <si>
    <t>442.74658203125</t>
  </si>
  <si>
    <t>0.03447883557106124</t>
  </si>
  <si>
    <t>10893</t>
  </si>
  <si>
    <t>15.924140930175781</t>
  </si>
  <si>
    <t>337.5981140136719</t>
  </si>
  <si>
    <t>-0.09261089727721128</t>
  </si>
  <si>
    <t>15.494887351989746</t>
  </si>
  <si>
    <t>555.672607421875</t>
  </si>
  <si>
    <t>-0.013121607597218699</t>
  </si>
  <si>
    <t>11639</t>
  </si>
  <si>
    <t>16.10638427734375</t>
  </si>
  <si>
    <t>422.2640686035156</t>
  </si>
  <si>
    <t>0.07936275445674923</t>
  </si>
  <si>
    <t>13952</t>
  </si>
  <si>
    <t>15.20141887664795</t>
  </si>
  <si>
    <t>509.5482482910156</t>
  </si>
  <si>
    <t>0.18126133920678456</t>
  </si>
  <si>
    <t>15087</t>
  </si>
  <si>
    <t>15.031791687011719</t>
  </si>
  <si>
    <t>623.0924682617188</t>
  </si>
  <si>
    <t>0.07821057869131387</t>
  </si>
  <si>
    <t>13296</t>
  </si>
  <si>
    <t>14.818432807922363</t>
  </si>
  <si>
    <t>627.833984375</t>
  </si>
  <si>
    <t>-0.12637020774484498</t>
  </si>
  <si>
    <t>13362</t>
  </si>
  <si>
    <t>15.267314910888672</t>
  </si>
  <si>
    <t>530.7300415039062</t>
  </si>
  <si>
    <t>0.004951619390192619</t>
  </si>
  <si>
    <t>20202</t>
  </si>
  <si>
    <t>15.509624481201172</t>
  </si>
  <si>
    <t>501.55224609375</t>
  </si>
  <si>
    <t>0.4133667519037072</t>
  </si>
  <si>
    <t>23900</t>
  </si>
  <si>
    <t>16.127336502075195</t>
  </si>
  <si>
    <t>362.59930419921875</t>
  </si>
  <si>
    <t>0.16809684953047288</t>
  </si>
  <si>
    <t>25911</t>
  </si>
  <si>
    <t>15.720564842224121</t>
  </si>
  <si>
    <t>357.3565673828125</t>
  </si>
  <si>
    <t>0.0807891300287924</t>
  </si>
  <si>
    <t>30308</t>
  </si>
  <si>
    <t>15.405516624450684</t>
  </si>
  <si>
    <t>447.7274169921875</t>
  </si>
  <si>
    <t>0.15674411510286923</t>
  </si>
  <si>
    <t>16.19964027404785</t>
  </si>
  <si>
    <t>374.3597106933594</t>
  </si>
  <si>
    <t>-0.11809653338609216</t>
  </si>
  <si>
    <t>23143</t>
  </si>
  <si>
    <t>14.945212364196777</t>
  </si>
  <si>
    <t>410.2826232910156</t>
  </si>
  <si>
    <t>-0.15162281168550962</t>
  </si>
  <si>
    <t>17741</t>
  </si>
  <si>
    <t>15.573966026306152</t>
  </si>
  <si>
    <t>461.28240966796875</t>
  </si>
  <si>
    <t>-0.26581401391901416</t>
  </si>
  <si>
    <t>17684</t>
  </si>
  <si>
    <t>16.33525276184082</t>
  </si>
  <si>
    <t>344.42498779296875</t>
  </si>
  <si>
    <t>-0.0032180691145153872</t>
  </si>
  <si>
    <t>20698</t>
  </si>
  <si>
    <t>15.285611152648926</t>
  </si>
  <si>
    <t>434.2942199707031</t>
  </si>
  <si>
    <t>0.15737680128198583</t>
  </si>
  <si>
    <t>23050</t>
  </si>
  <si>
    <t>15.747936248779297</t>
  </si>
  <si>
    <t>406.9034423828125</t>
  </si>
  <si>
    <t>0.10762869219667515</t>
  </si>
  <si>
    <t>23891</t>
  </si>
  <si>
    <t>16.38711166381836</t>
  </si>
  <si>
    <t>370.72808837890625</t>
  </si>
  <si>
    <t>0.035836049537225634</t>
  </si>
  <si>
    <t>25551</t>
  </si>
  <si>
    <t>16.234296798706055</t>
  </si>
  <si>
    <t>384.57684326171875</t>
  </si>
  <si>
    <t>0.0671746358471701</t>
  </si>
  <si>
    <t>25952</t>
  </si>
  <si>
    <t>15.88930892944336</t>
  </si>
  <si>
    <t>517.8905029296875</t>
  </si>
  <si>
    <t>0.0155722231059503</t>
  </si>
  <si>
    <t>27718</t>
  </si>
  <si>
    <t>15.954291343688965</t>
  </si>
  <si>
    <t>585.5841674804688</t>
  </si>
  <si>
    <t>0.06583334371360827</t>
  </si>
  <si>
    <t>28162</t>
  </si>
  <si>
    <t>15.326957702636719</t>
  </si>
  <si>
    <t>489.7217102050781</t>
  </si>
  <si>
    <t>0.015891529848508057</t>
  </si>
  <si>
    <t>29994</t>
  </si>
  <si>
    <t>15.839912414550781</t>
  </si>
  <si>
    <t>532.9022827148438</t>
  </si>
  <si>
    <t>0.06302381016436875</t>
  </si>
  <si>
    <t>30211</t>
  </si>
  <si>
    <t>15.610111236572266</t>
  </si>
  <si>
    <t>489.9245300292969</t>
  </si>
  <si>
    <t>0.007208734813225703</t>
  </si>
  <si>
    <t>30581</t>
  </si>
  <si>
    <t>15.66414737701416</t>
  </si>
  <si>
    <t>486.310546875</t>
  </si>
  <si>
    <t>0.012172804605370402</t>
  </si>
  <si>
    <t>27341</t>
  </si>
  <si>
    <t>16.013408660888672</t>
  </si>
  <si>
    <t>380.9418640136719</t>
  </si>
  <si>
    <t>-0.1119914940064124</t>
  </si>
  <si>
    <t>30021</t>
  </si>
  <si>
    <t>15.84484577178955</t>
  </si>
  <si>
    <t>486.06842041015625</t>
  </si>
  <si>
    <t>0.09350972970475624</t>
  </si>
  <si>
    <t>31255</t>
  </si>
  <si>
    <t>15.631436347961426</t>
  </si>
  <si>
    <t>399.8944396972656</t>
  </si>
  <si>
    <t>0.04028222660734748</t>
  </si>
  <si>
    <t>168</t>
  </si>
  <si>
    <t>7188</t>
  </si>
  <si>
    <t>21.48207664489746</t>
  </si>
  <si>
    <t>1364.0369873046875</t>
  </si>
  <si>
    <t>377.2991943359375</t>
  </si>
  <si>
    <t>Chaco</t>
  </si>
  <si>
    <t>7747</t>
  </si>
  <si>
    <t>22.26306915283203</t>
  </si>
  <si>
    <t>1133.9400634765625</t>
  </si>
  <si>
    <t>0.07489270272845161</t>
  </si>
  <si>
    <t>8259</t>
  </si>
  <si>
    <t>21.621030807495117</t>
  </si>
  <si>
    <t>1441.3426513671875</t>
  </si>
  <si>
    <t>0.06399784317881618</t>
  </si>
  <si>
    <t>21.72772789001465</t>
  </si>
  <si>
    <t>960.4443359375</t>
  </si>
  <si>
    <t>0.06685149978728866</t>
  </si>
  <si>
    <t>9166</t>
  </si>
  <si>
    <t>22.587730407714844</t>
  </si>
  <si>
    <t>1280.5130615234375</t>
  </si>
  <si>
    <t>0.037345971471062</t>
  </si>
  <si>
    <t>9347</t>
  </si>
  <si>
    <t>21.771554946899414</t>
  </si>
  <si>
    <t>988.982421875</t>
  </si>
  <si>
    <t>0.019554450113515642</t>
  </si>
  <si>
    <t>9436</t>
  </si>
  <si>
    <t>21.62007713317871</t>
  </si>
  <si>
    <t>1395.2808837890625</t>
  </si>
  <si>
    <t>0.009476725344981674</t>
  </si>
  <si>
    <t>9919</t>
  </si>
  <si>
    <t>22.41213035583496</t>
  </si>
  <si>
    <t>1178.2103271484375</t>
  </si>
  <si>
    <t>0.04991994821842738</t>
  </si>
  <si>
    <t>9577</t>
  </si>
  <si>
    <t>21.302539825439453</t>
  </si>
  <si>
    <t>1379.209228515625</t>
  </si>
  <si>
    <t>-0.03508771922437326</t>
  </si>
  <si>
    <t>8841</t>
  </si>
  <si>
    <t>21.648651123046875</t>
  </si>
  <si>
    <t>1003.9476928710938</t>
  </si>
  <si>
    <t>-0.07996439811581624</t>
  </si>
  <si>
    <t>8716</t>
  </si>
  <si>
    <t>21.298643112182617</t>
  </si>
  <si>
    <t>1217.571533203125</t>
  </si>
  <si>
    <t>-0.01423957534129272</t>
  </si>
  <si>
    <t>22.314783096313477</t>
  </si>
  <si>
    <t>1109.7620849609375</t>
  </si>
  <si>
    <t>-0.07341981981552159</t>
  </si>
  <si>
    <t>22.052335739135742</t>
  </si>
  <si>
    <t>1472.2354736328125</t>
  </si>
  <si>
    <t>-0.10017444208902582</t>
  </si>
  <si>
    <t>7805</t>
  </si>
  <si>
    <t>21.881357192993164</t>
  </si>
  <si>
    <t>1063.90234375</t>
  </si>
  <si>
    <t>0.06319839878956834</t>
  </si>
  <si>
    <t>8359</t>
  </si>
  <si>
    <t>21.81696128845215</t>
  </si>
  <si>
    <t>1090.9327392578125</t>
  </si>
  <si>
    <t>0.06857424874962348</t>
  </si>
  <si>
    <t>8947</t>
  </si>
  <si>
    <t>21.939115524291992</t>
  </si>
  <si>
    <t>972.067138671875</t>
  </si>
  <si>
    <t>0.06797947784844105</t>
  </si>
  <si>
    <t>8164</t>
  </si>
  <si>
    <t>22.4420108795166</t>
  </si>
  <si>
    <t>1107.2318115234375</t>
  </si>
  <si>
    <t>-0.09158403561786166</t>
  </si>
  <si>
    <t>21.49592399597168</t>
  </si>
  <si>
    <t>1042.965576171875</t>
  </si>
  <si>
    <t>-0.11281926094550165</t>
  </si>
  <si>
    <t>5949</t>
  </si>
  <si>
    <t>21.948347091674805</t>
  </si>
  <si>
    <t>783.2570190429688</t>
  </si>
  <si>
    <t>-0.20369184579632815</t>
  </si>
  <si>
    <t>6104</t>
  </si>
  <si>
    <t>22.119009017944336</t>
  </si>
  <si>
    <t>983.2294921875</t>
  </si>
  <si>
    <t>0.025721155776388116</t>
  </si>
  <si>
    <t>7322</t>
  </si>
  <si>
    <t>21.566017150878906</t>
  </si>
  <si>
    <t>1033.6356201171875</t>
  </si>
  <si>
    <t>0.18193922071588808</t>
  </si>
  <si>
    <t>8328</t>
  </si>
  <si>
    <t>21.806413650512695</t>
  </si>
  <si>
    <t>984.1331787109375</t>
  </si>
  <si>
    <t>0.1287398166146243</t>
  </si>
  <si>
    <t>8793</t>
  </si>
  <si>
    <t>22.524465560913086</t>
  </si>
  <si>
    <t>1021.0419921875</t>
  </si>
  <si>
    <t>0.054332619084195954</t>
  </si>
  <si>
    <t>9557</t>
  </si>
  <si>
    <t>21.962669372558594</t>
  </si>
  <si>
    <t>1131.7783203125</t>
  </si>
  <si>
    <t>0.08331791988717896</t>
  </si>
  <si>
    <t>9847</t>
  </si>
  <si>
    <t>22.360700607299805</t>
  </si>
  <si>
    <t>1321.0147705078125</t>
  </si>
  <si>
    <t>0.029892969981622386</t>
  </si>
  <si>
    <t>10653</t>
  </si>
  <si>
    <t>22.646512985229492</t>
  </si>
  <si>
    <t>1325.8856201171875</t>
  </si>
  <si>
    <t>0.07867470236339535</t>
  </si>
  <si>
    <t>10948</t>
  </si>
  <si>
    <t>21.466032028198242</t>
  </si>
  <si>
    <t>1233.447021484375</t>
  </si>
  <si>
    <t>0.027315248549371063</t>
  </si>
  <si>
    <t>11782</t>
  </si>
  <si>
    <t>22.51503562927246</t>
  </si>
  <si>
    <t>1329.9874267578125</t>
  </si>
  <si>
    <t>0.0734161519210641</t>
  </si>
  <si>
    <t>11979</t>
  </si>
  <si>
    <t>22.130311965942383</t>
  </si>
  <si>
    <t>1233.8089599609375</t>
  </si>
  <si>
    <t>0.01658217364969694</t>
  </si>
  <si>
    <t>12230</t>
  </si>
  <si>
    <t>22.222532272338867</t>
  </si>
  <si>
    <t>1146.4393310546875</t>
  </si>
  <si>
    <t>0.02073683294988804</t>
  </si>
  <si>
    <t>10934</t>
  </si>
  <si>
    <t>22.3293399810791</t>
  </si>
  <si>
    <t>895.6046142578125</t>
  </si>
  <si>
    <t>-0.11201474922627419</t>
  </si>
  <si>
    <t>12006</t>
  </si>
  <si>
    <t>22.206954956054688</t>
  </si>
  <si>
    <t>880.2510986328125</t>
  </si>
  <si>
    <t>0.0935293243568438</t>
  </si>
  <si>
    <t>12499</t>
  </si>
  <si>
    <t>21.797807693481445</t>
  </si>
  <si>
    <t>853.7732543945312</t>
  </si>
  <si>
    <t>0.040242116278433215</t>
  </si>
  <si>
    <t>169</t>
  </si>
  <si>
    <t>17507</t>
  </si>
  <si>
    <t>12.494427680969238</t>
  </si>
  <si>
    <t>210.1400909423828</t>
  </si>
  <si>
    <t>186.697509765625</t>
  </si>
  <si>
    <t>Chubut</t>
  </si>
  <si>
    <t>18866</t>
  </si>
  <si>
    <t>11.716780662536621</t>
  </si>
  <si>
    <t>278.8309326171875</t>
  </si>
  <si>
    <t>0.07476055927686609</t>
  </si>
  <si>
    <t>20114</t>
  </si>
  <si>
    <t>11.2821044921875</t>
  </si>
  <si>
    <t>313.9470520019531</t>
  </si>
  <si>
    <t>0.06405472979462701</t>
  </si>
  <si>
    <t>21504</t>
  </si>
  <si>
    <t>12.131875038146973</t>
  </si>
  <si>
    <t>272.7085266113281</t>
  </si>
  <si>
    <t>0.06682287431845069</t>
  </si>
  <si>
    <t>22503</t>
  </si>
  <si>
    <t>11.778016090393066</t>
  </si>
  <si>
    <t>273.7106628417969</t>
  </si>
  <si>
    <t>0.04540966931486956</t>
  </si>
  <si>
    <t>21860</t>
  </si>
  <si>
    <t>11.481941223144531</t>
  </si>
  <si>
    <t>266.61029052734375</t>
  </si>
  <si>
    <t>-0.028990150907215906</t>
  </si>
  <si>
    <t>23570</t>
  </si>
  <si>
    <t>12.154145240783691</t>
  </si>
  <si>
    <t>220.19918823242188</t>
  </si>
  <si>
    <t>0.07531623419964717</t>
  </si>
  <si>
    <t>24401</t>
  </si>
  <si>
    <t>11.641324043273926</t>
  </si>
  <si>
    <t>350.27508544921875</t>
  </si>
  <si>
    <t>0.03464939811786749</t>
  </si>
  <si>
    <t>23454</t>
  </si>
  <si>
    <t>12.677410125732422</t>
  </si>
  <si>
    <t>196.23094177246094</t>
  </si>
  <si>
    <t>-0.039583059027034295</t>
  </si>
  <si>
    <t>22549</t>
  </si>
  <si>
    <t>12.026371955871582</t>
  </si>
  <si>
    <t>289.88470458984375</t>
  </si>
  <si>
    <t>-0.03935033697149848</t>
  </si>
  <si>
    <t>24691</t>
  </si>
  <si>
    <t>11.094146728515625</t>
  </si>
  <si>
    <t>324.1375732421875</t>
  </si>
  <si>
    <t>0.09074808569714321</t>
  </si>
  <si>
    <t>24108</t>
  </si>
  <si>
    <t>11.670990943908691</t>
  </si>
  <si>
    <t>254.51585388183594</t>
  </si>
  <si>
    <t>-0.023895069143721415</t>
  </si>
  <si>
    <t>29095</t>
  </si>
  <si>
    <t>11.234354972839355</t>
  </si>
  <si>
    <t>307.85394287109375</t>
  </si>
  <si>
    <t>0.18802260248783575</t>
  </si>
  <si>
    <t>29282</t>
  </si>
  <si>
    <t>12.106375694274902</t>
  </si>
  <si>
    <t>265.7842102050781</t>
  </si>
  <si>
    <t>0.00640665466265844</t>
  </si>
  <si>
    <t>31186</t>
  </si>
  <si>
    <t>12.27419662475586</t>
  </si>
  <si>
    <t>253.58126831054688</t>
  </si>
  <si>
    <t>0.06299628339140284</t>
  </si>
  <si>
    <t>33820</t>
  </si>
  <si>
    <t>11.663287162780762</t>
  </si>
  <si>
    <t>271.21514892578125</t>
  </si>
  <si>
    <t>0.08108306730774117</t>
  </si>
  <si>
    <t>37769</t>
  </si>
  <si>
    <t>12.04043197631836</t>
  </si>
  <si>
    <t>255.01727294921875</t>
  </si>
  <si>
    <t>0.1104363168642486</t>
  </si>
  <si>
    <t>42481</t>
  </si>
  <si>
    <t>11.578030586242676</t>
  </si>
  <si>
    <t>198.1588134765625</t>
  </si>
  <si>
    <t>0.11756825681156968</t>
  </si>
  <si>
    <t>45531</t>
  </si>
  <si>
    <t>12.503875732421875</t>
  </si>
  <si>
    <t>214.15415954589844</t>
  </si>
  <si>
    <t>0.0693364954997655</t>
  </si>
  <si>
    <t>41302</t>
  </si>
  <si>
    <t>12.135968208312988</t>
  </si>
  <si>
    <t>217.78025817871094</t>
  </si>
  <si>
    <t>-0.09748248770141821</t>
  </si>
  <si>
    <t>44168</t>
  </si>
  <si>
    <t>11.815251350402832</t>
  </si>
  <si>
    <t>226.0939483642578</t>
  </si>
  <si>
    <t>0.0670896200371427</t>
  </si>
  <si>
    <t>45090</t>
  </si>
  <si>
    <t>12.534958839416504</t>
  </si>
  <si>
    <t>209.69004821777344</t>
  </si>
  <si>
    <t>0.020659947451250105</t>
  </si>
  <si>
    <t>42966</t>
  </si>
  <si>
    <t>12.157475471496582</t>
  </si>
  <si>
    <t>240.94564819335938</t>
  </si>
  <si>
    <t>-0.04825138718013555</t>
  </si>
  <si>
    <t>42349</t>
  </si>
  <si>
    <t>12.334328651428223</t>
  </si>
  <si>
    <t>265.3541564941406</t>
  </si>
  <si>
    <t>-0.014464297184465735</t>
  </si>
  <si>
    <t>39722</t>
  </si>
  <si>
    <t>12.064125061035156</t>
  </si>
  <si>
    <t>246.43589782714844</t>
  </si>
  <si>
    <t>-0.06403961769179212</t>
  </si>
  <si>
    <t>39248</t>
  </si>
  <si>
    <t>12.33934497833252</t>
  </si>
  <si>
    <t>235.0749053955078</t>
  </si>
  <si>
    <t>-0.012004702860465954</t>
  </si>
  <si>
    <t>36945</t>
  </si>
  <si>
    <t>12.219252586364746</t>
  </si>
  <si>
    <t>238.41432189941406</t>
  </si>
  <si>
    <t>-0.06047016727552368</t>
  </si>
  <si>
    <t>12.477295875549316</t>
  </si>
  <si>
    <t>251.16827392578125</t>
  </si>
  <si>
    <t>-0.012145457287751071</t>
  </si>
  <si>
    <t>34134</t>
  </si>
  <si>
    <t>12.195218086242676</t>
  </si>
  <si>
    <t>222.29530334472656</t>
  </si>
  <si>
    <t>-0.06699090795629381</t>
  </si>
  <si>
    <t>32106</t>
  </si>
  <si>
    <t>12.312718391418457</t>
  </si>
  <si>
    <t>222.43124389648438</t>
  </si>
  <si>
    <t>-0.06125102643934355</t>
  </si>
  <si>
    <t>28704</t>
  </si>
  <si>
    <t>12.441561698913574</t>
  </si>
  <si>
    <t>220.18182373046875</t>
  </si>
  <si>
    <t>-0.11200644268083693</t>
  </si>
  <si>
    <t>31518</t>
  </si>
  <si>
    <t>12.886398315429688</t>
  </si>
  <si>
    <t>228.8477020263672</t>
  </si>
  <si>
    <t>0.09352232532349447</t>
  </si>
  <si>
    <t>32814</t>
  </si>
  <si>
    <t>12.097782135009766</t>
  </si>
  <si>
    <t>259.70855712890625</t>
  </si>
  <si>
    <t>0.040296442392811826</t>
  </si>
  <si>
    <t>171</t>
  </si>
  <si>
    <t>8114</t>
  </si>
  <si>
    <t>20.652006149291992</t>
  </si>
  <si>
    <t>1691.2464599609375</t>
  </si>
  <si>
    <t>395.1517028808594</t>
  </si>
  <si>
    <t>Corrientes</t>
  </si>
  <si>
    <t>8744</t>
  </si>
  <si>
    <t>21.475553512573242</t>
  </si>
  <si>
    <t>1292.5518798828125</t>
  </si>
  <si>
    <t>0.0747767860899824</t>
  </si>
  <si>
    <t>9323</t>
  </si>
  <si>
    <t>20.828821182250977</t>
  </si>
  <si>
    <t>1659.092529296875</t>
  </si>
  <si>
    <t>0.06411671444031875</t>
  </si>
  <si>
    <t>9967</t>
  </si>
  <si>
    <t>20.95672607421875</t>
  </si>
  <si>
    <t>1229.617919921875</t>
  </si>
  <si>
    <t>0.06679517067076368</t>
  </si>
  <si>
    <t>10022</t>
  </si>
  <si>
    <t>21.71874237060547</t>
  </si>
  <si>
    <t>1344.166015625</t>
  </si>
  <si>
    <t>0.005503040552213179</t>
  </si>
  <si>
    <t>9635</t>
  </si>
  <si>
    <t>20.977703094482422</t>
  </si>
  <si>
    <t>1069.2991943359375</t>
  </si>
  <si>
    <t>-0.03938037467120381</t>
  </si>
  <si>
    <t>9489</t>
  </si>
  <si>
    <t>20.877134323120117</t>
  </si>
  <si>
    <t>1349.6871337890625</t>
  </si>
  <si>
    <t>-0.015269068874706804</t>
  </si>
  <si>
    <t>10282</t>
  </si>
  <si>
    <t>21.50541114807129</t>
  </si>
  <si>
    <t>1490.33154296875</t>
  </si>
  <si>
    <t>0.08026156064169143</t>
  </si>
  <si>
    <t>10575</t>
  </si>
  <si>
    <t>20.514068603515625</t>
  </si>
  <si>
    <t>1591.0572509765625</t>
  </si>
  <si>
    <t>0.028097931299027934</t>
  </si>
  <si>
    <t>10008</t>
  </si>
  <si>
    <t>20.86557960510254</t>
  </si>
  <si>
    <t>1052.3001708984375</t>
  </si>
  <si>
    <t>-0.05510795176773087</t>
  </si>
  <si>
    <t>9609</t>
  </si>
  <si>
    <t>20.493322372436523</t>
  </si>
  <si>
    <t>1451.4290771484375</t>
  </si>
  <si>
    <t>-0.0406846138694803</t>
  </si>
  <si>
    <t>9040</t>
  </si>
  <si>
    <t>21.541990280151367</t>
  </si>
  <si>
    <t>1302.4979248046875</t>
  </si>
  <si>
    <t>-0.06104098489104537</t>
  </si>
  <si>
    <t>7622</t>
  </si>
  <si>
    <t>21.22603416442871</t>
  </si>
  <si>
    <t>1906.6702880859375</t>
  </si>
  <si>
    <t>-0.17062037195241686</t>
  </si>
  <si>
    <t>7779</t>
  </si>
  <si>
    <t>21.003612518310547</t>
  </si>
  <si>
    <t>1392.9656982421875</t>
  </si>
  <si>
    <t>0.02038899277296835</t>
  </si>
  <si>
    <t>8431</t>
  </si>
  <si>
    <t>21.017179489135742</t>
  </si>
  <si>
    <t>1207.233642578125</t>
  </si>
  <si>
    <t>0.08048759371590286</t>
  </si>
  <si>
    <t>21.191930770874023</t>
  </si>
  <si>
    <t>1165.307373046875</t>
  </si>
  <si>
    <t>0.10698415236737269</t>
  </si>
  <si>
    <t>21.61437225341797</t>
  </si>
  <si>
    <t>1208.2215576171875</t>
  </si>
  <si>
    <t>0.08671825079670548</t>
  </si>
  <si>
    <t>11255</t>
  </si>
  <si>
    <t>20.7257137298584</t>
  </si>
  <si>
    <t>1291.4674072265625</t>
  </si>
  <si>
    <t>0.09519468225407834</t>
  </si>
  <si>
    <t>11812</t>
  </si>
  <si>
    <t>21.139862060546875</t>
  </si>
  <si>
    <t>911.5989379882812</t>
  </si>
  <si>
    <t>0.048303489522981025</t>
  </si>
  <si>
    <t>21.24024200439453</t>
  </si>
  <si>
    <t>1232.610107421875</t>
  </si>
  <si>
    <t>-0.02563913219015035</t>
  </si>
  <si>
    <t>13209</t>
  </si>
  <si>
    <t>20.806541442871094</t>
  </si>
  <si>
    <t>1160.0018310546875</t>
  </si>
  <si>
    <t>0.13742158375019997</t>
  </si>
  <si>
    <t>14447</t>
  </si>
  <si>
    <t>20.96246337890625</t>
  </si>
  <si>
    <t>1067.5908203125</t>
  </si>
  <si>
    <t>0.08958836510551826</t>
  </si>
  <si>
    <t>14733</t>
  </si>
  <si>
    <t>21.655982971191406</t>
  </si>
  <si>
    <t>1274.6068115234375</t>
  </si>
  <si>
    <t>0.019603095177972207</t>
  </si>
  <si>
    <t>15527</t>
  </si>
  <si>
    <t>21.041439056396484</t>
  </si>
  <si>
    <t>1278.389892578125</t>
  </si>
  <si>
    <t>0.05249056827381615</t>
  </si>
  <si>
    <t>15560</t>
  </si>
  <si>
    <t>21.555341720581055</t>
  </si>
  <si>
    <t>1642.1844482421875</t>
  </si>
  <si>
    <t>0.002123074751212428</t>
  </si>
  <si>
    <t>16415</t>
  </si>
  <si>
    <t>21.816957473754883</t>
  </si>
  <si>
    <t>1487.4122314453125</t>
  </si>
  <si>
    <t>0.05349203220331056</t>
  </si>
  <si>
    <t>16490</t>
  </si>
  <si>
    <t>20.677698135375977</t>
  </si>
  <si>
    <t>1388.0333251953125</t>
  </si>
  <si>
    <t>0.004558585617951749</t>
  </si>
  <si>
    <t>17381</t>
  </si>
  <si>
    <t>21.811777114868164</t>
  </si>
  <si>
    <t>1562.6236572265625</t>
  </si>
  <si>
    <t>0.05262351900983475</t>
  </si>
  <si>
    <t>17338</t>
  </si>
  <si>
    <t>21.356782913208008</t>
  </si>
  <si>
    <t>1443.02685546875</t>
  </si>
  <si>
    <t>-0.002477031134894503</t>
  </si>
  <si>
    <t>17394</t>
  </si>
  <si>
    <t>21.463882446289062</t>
  </si>
  <si>
    <t>1292.9271240234375</t>
  </si>
  <si>
    <t>0.0032246947211245214</t>
  </si>
  <si>
    <t>21.53032684326172</t>
  </si>
  <si>
    <t>1001.4407958984375</t>
  </si>
  <si>
    <t>-0.11200037392837281</t>
  </si>
  <si>
    <t>17076</t>
  </si>
  <si>
    <t>21.392976760864258</t>
  </si>
  <si>
    <t>935.5873413085938</t>
  </si>
  <si>
    <t>0.09354902365651618</t>
  </si>
  <si>
    <t>17778</t>
  </si>
  <si>
    <t>21.019670486450195</t>
  </si>
  <si>
    <t>959.6181030273438</t>
  </si>
  <si>
    <t>0.04028776892376662</t>
  </si>
  <si>
    <t>172</t>
  </si>
  <si>
    <t>13862</t>
  </si>
  <si>
    <t>17.5018253326416</t>
  </si>
  <si>
    <t>814.8955078125</t>
  </si>
  <si>
    <t>1172.7017822265625</t>
  </si>
  <si>
    <t>Crdoba</t>
  </si>
  <si>
    <t>14938</t>
  </si>
  <si>
    <t>18.002174377441406</t>
  </si>
  <si>
    <t>833.5822143554688</t>
  </si>
  <si>
    <t>0.07475701843908311</t>
  </si>
  <si>
    <t>15927</t>
  </si>
  <si>
    <t>17.593313217163086</t>
  </si>
  <si>
    <t>1043.3150634765625</t>
  </si>
  <si>
    <t>0.0641074803347692</t>
  </si>
  <si>
    <t>17027</t>
  </si>
  <si>
    <t>17.72625160217285</t>
  </si>
  <si>
    <t>769.2258911132812</t>
  </si>
  <si>
    <t>0.06678453716886246</t>
  </si>
  <si>
    <t>18.481611251831055</t>
  </si>
  <si>
    <t>720.6429443359375</t>
  </si>
  <si>
    <t>0.05262265060863314</t>
  </si>
  <si>
    <t>16565</t>
  </si>
  <si>
    <t>17.9289493560791</t>
  </si>
  <si>
    <t>656.5963134765625</t>
  </si>
  <si>
    <t>-0.08013093429528162</t>
  </si>
  <si>
    <t>17209</t>
  </si>
  <si>
    <t>17.947708129882812</t>
  </si>
  <si>
    <t>774.6044921875</t>
  </si>
  <si>
    <t>0.03814046703091556</t>
  </si>
  <si>
    <t>18416</t>
  </si>
  <si>
    <t>18.14802360534668</t>
  </si>
  <si>
    <t>697.0450439453125</t>
  </si>
  <si>
    <t>0.06778734919675244</t>
  </si>
  <si>
    <t>19250</t>
  </si>
  <si>
    <t>17.409622192382812</t>
  </si>
  <si>
    <t>752.0346069335938</t>
  </si>
  <si>
    <t>0.04429120875426662</t>
  </si>
  <si>
    <t>17578</t>
  </si>
  <si>
    <t>17.363771438598633</t>
  </si>
  <si>
    <t>959.9002685546875</t>
  </si>
  <si>
    <t>-0.09086294059133948</t>
  </si>
  <si>
    <t>17451</t>
  </si>
  <si>
    <t>17.246450424194336</t>
  </si>
  <si>
    <t>898.1076049804688</t>
  </si>
  <si>
    <t>-0.007251166545719556</t>
  </si>
  <si>
    <t>16420</t>
  </si>
  <si>
    <t>17.727296829223633</t>
  </si>
  <si>
    <t>868.4931030273438</t>
  </si>
  <si>
    <t>-0.06089684957245112</t>
  </si>
  <si>
    <t>15558</t>
  </si>
  <si>
    <t>17.77391242980957</t>
  </si>
  <si>
    <t>830.6477661132812</t>
  </si>
  <si>
    <t>-0.05392512823970108</t>
  </si>
  <si>
    <t>16790</t>
  </si>
  <si>
    <t>18.124998092651367</t>
  </si>
  <si>
    <t>673.84130859375</t>
  </si>
  <si>
    <t>0.07620849530486673</t>
  </si>
  <si>
    <t>18232</t>
  </si>
  <si>
    <t>17.84391212463379</t>
  </si>
  <si>
    <t>721.713134765625</t>
  </si>
  <si>
    <t>0.0823948208539349</t>
  </si>
  <si>
    <t>19565</t>
  </si>
  <si>
    <t>17.65840721130371</t>
  </si>
  <si>
    <t>744.9913330078125</t>
  </si>
  <si>
    <t>0.07056396371899254</t>
  </si>
  <si>
    <t>19686</t>
  </si>
  <si>
    <t>18.19202423095703</t>
  </si>
  <si>
    <t>714.3516235351562</t>
  </si>
  <si>
    <t>0.006165467544644088</t>
  </si>
  <si>
    <t>19904</t>
  </si>
  <si>
    <t>16.9561824798584</t>
  </si>
  <si>
    <t>780.6340942382812</t>
  </si>
  <si>
    <t>0.011012993349748257</t>
  </si>
  <si>
    <t>19122</t>
  </si>
  <si>
    <t>17.827407836914062</t>
  </si>
  <si>
    <t>621.6729736328125</t>
  </si>
  <si>
    <t>-0.04008121189351321</t>
  </si>
  <si>
    <t>18.405668258666992</t>
  </si>
  <si>
    <t>565.1434936523438</t>
  </si>
  <si>
    <t>-0.11111797311342109</t>
  </si>
  <si>
    <t>18034</t>
  </si>
  <si>
    <t>17.431623458862305</t>
  </si>
  <si>
    <t>690.594482421875</t>
  </si>
  <si>
    <t>0.05253733352788004</t>
  </si>
  <si>
    <t>18127</t>
  </si>
  <si>
    <t>17.92207908630371</t>
  </si>
  <si>
    <t>630.483642578125</t>
  </si>
  <si>
    <t>0.005143674403067067</t>
  </si>
  <si>
    <t>16988</t>
  </si>
  <si>
    <t>18.276138305664062</t>
  </si>
  <si>
    <t>799.3856201171875</t>
  </si>
  <si>
    <t>-0.06489532702975609</t>
  </si>
  <si>
    <t>16447</t>
  </si>
  <si>
    <t>18.163827896118164</t>
  </si>
  <si>
    <t>676.1643676757812</t>
  </si>
  <si>
    <t>-0.03236412269189337</t>
  </si>
  <si>
    <t>15133</t>
  </si>
  <si>
    <t>17.91041374206543</t>
  </si>
  <si>
    <t>817.6884765625</t>
  </si>
  <si>
    <t>-0.08326530005424182</t>
  </si>
  <si>
    <t>14646</t>
  </si>
  <si>
    <t>18.104101181030273</t>
  </si>
  <si>
    <t>801.6434326171875</t>
  </si>
  <si>
    <t>-0.03271052906601213</t>
  </si>
  <si>
    <t>13480</t>
  </si>
  <si>
    <t>17.31043815612793</t>
  </si>
  <si>
    <t>838.6602783203125</t>
  </si>
  <si>
    <t>-0.08296015515471744</t>
  </si>
  <si>
    <t>12996</t>
  </si>
  <si>
    <t>18.043180465698242</t>
  </si>
  <si>
    <t>684.4304809570312</t>
  </si>
  <si>
    <t>-0.03656548767730605</t>
  </si>
  <si>
    <t>11835</t>
  </si>
  <si>
    <t>17.822654724121094</t>
  </si>
  <si>
    <t>717.3121337890625</t>
  </si>
  <si>
    <t>-0.09358037484090787</t>
  </si>
  <si>
    <t>10811</t>
  </si>
  <si>
    <t>17.77250862121582</t>
  </si>
  <si>
    <t>675.6539306640625</t>
  </si>
  <si>
    <t>-0.09049710865531146</t>
  </si>
  <si>
    <t>9666</t>
  </si>
  <si>
    <t>17.848163604736328</t>
  </si>
  <si>
    <t>667.340087890625</t>
  </si>
  <si>
    <t>-0.11194956088774255</t>
  </si>
  <si>
    <t>10613</t>
  </si>
  <si>
    <t>17.939699172973633</t>
  </si>
  <si>
    <t>639.4518432617188</t>
  </si>
  <si>
    <t>0.09346509135679248</t>
  </si>
  <si>
    <t>11050</t>
  </si>
  <si>
    <t>17.69706153869629</t>
  </si>
  <si>
    <t>501.9407653808594</t>
  </si>
  <si>
    <t>0.04035076318407782</t>
  </si>
  <si>
    <t>173</t>
  </si>
  <si>
    <t>10236</t>
  </si>
  <si>
    <t>18.206846237182617</t>
  </si>
  <si>
    <t>1503.0028076171875</t>
  </si>
  <si>
    <t>466.5486145019531</t>
  </si>
  <si>
    <t>Entre Ros</t>
  </si>
  <si>
    <t>11031</t>
  </si>
  <si>
    <t>18.927183151245117</t>
  </si>
  <si>
    <t>1187.5635986328125</t>
  </si>
  <si>
    <t>0.07479857268970136</t>
  </si>
  <si>
    <t>11761</t>
  </si>
  <si>
    <t>18.450504302978516</t>
  </si>
  <si>
    <t>1229.51708984375</t>
  </si>
  <si>
    <t>0.06407948188165591</t>
  </si>
  <si>
    <t>12574</t>
  </si>
  <si>
    <t>18.394697189331055</t>
  </si>
  <si>
    <t>1171.67822265625</t>
  </si>
  <si>
    <t>0.06684221709196869</t>
  </si>
  <si>
    <t>13180</t>
  </si>
  <si>
    <t>19.212865829467773</t>
  </si>
  <si>
    <t>988.9404296875</t>
  </si>
  <si>
    <t>0.04706933911349154</t>
  </si>
  <si>
    <t>12769</t>
  </si>
  <si>
    <t>18.343364715576172</t>
  </si>
  <si>
    <t>991.1531982421875</t>
  </si>
  <si>
    <t>-0.03168017063181594</t>
  </si>
  <si>
    <t>12867</t>
  </si>
  <si>
    <t>18.657148361206055</t>
  </si>
  <si>
    <t>1053.176513671875</t>
  </si>
  <si>
    <t>0.00764553576030913</t>
  </si>
  <si>
    <t>13646</t>
  </si>
  <si>
    <t>18.978818893432617</t>
  </si>
  <si>
    <t>1199.897216796875</t>
  </si>
  <si>
    <t>0.05878054419037859</t>
  </si>
  <si>
    <t>14127</t>
  </si>
  <si>
    <t>18.169029235839844</t>
  </si>
  <si>
    <t>1120.986572265625</t>
  </si>
  <si>
    <t>0.03464142153629446</t>
  </si>
  <si>
    <t>13297</t>
  </si>
  <si>
    <t>18.536821365356445</t>
  </si>
  <si>
    <t>911.1463012695312</t>
  </si>
  <si>
    <t>-0.060549414054957396</t>
  </si>
  <si>
    <t>12668</t>
  </si>
  <si>
    <t>18.077117919921875</t>
  </si>
  <si>
    <t>1533.96826171875</t>
  </si>
  <si>
    <t>-0.04845931719817642</t>
  </si>
  <si>
    <t>19.03690528869629</t>
  </si>
  <si>
    <t>1311.1884765625</t>
  </si>
  <si>
    <t>-0.032492529896503086</t>
  </si>
  <si>
    <t>10461</t>
  </si>
  <si>
    <t>18.741132736206055</t>
  </si>
  <si>
    <t>1652.0675048828125</t>
  </si>
  <si>
    <t>-0.15893254241826682</t>
  </si>
  <si>
    <t>11274</t>
  </si>
  <si>
    <t>18.45522117614746</t>
  </si>
  <si>
    <t>1376.81591796875</t>
  </si>
  <si>
    <t>0.07484513329776021</t>
  </si>
  <si>
    <t>12067</t>
  </si>
  <si>
    <t>18.67399787902832</t>
  </si>
  <si>
    <t>1084.884521484375</t>
  </si>
  <si>
    <t>0.06797526443208035</t>
  </si>
  <si>
    <t>18.646265029907227</t>
  </si>
  <si>
    <t>1230.911865234375</t>
  </si>
  <si>
    <t>0.07416716371539067</t>
  </si>
  <si>
    <t>14297</t>
  </si>
  <si>
    <t>19.015932083129883</t>
  </si>
  <si>
    <t>1058.0389404296875</t>
  </si>
  <si>
    <t>0.09540810724017312</t>
  </si>
  <si>
    <t>15857</t>
  </si>
  <si>
    <t>18.043010711669922</t>
  </si>
  <si>
    <t>1286.0828857421875</t>
  </si>
  <si>
    <t>0.10356131816040381</t>
  </si>
  <si>
    <t>16775</t>
  </si>
  <si>
    <t>18.94976806640625</t>
  </si>
  <si>
    <t>669.3052368164062</t>
  </si>
  <si>
    <t>0.05627863965031388</t>
  </si>
  <si>
    <t>15841</t>
  </si>
  <si>
    <t>18.830442428588867</t>
  </si>
  <si>
    <t>1283.8428955078125</t>
  </si>
  <si>
    <t>-0.05728816715103058</t>
  </si>
  <si>
    <t>17642</t>
  </si>
  <si>
    <t>18.513999938964844</t>
  </si>
  <si>
    <t>1139.0650634765625</t>
  </si>
  <si>
    <t>0.10768090712986123</t>
  </si>
  <si>
    <t>18763</t>
  </si>
  <si>
    <t>18.583147048950195</t>
  </si>
  <si>
    <t>969.4180297851562</t>
  </si>
  <si>
    <t>0.06160442266866184</t>
  </si>
  <si>
    <t>18636</t>
  </si>
  <si>
    <t>19.08896255493164</t>
  </si>
  <si>
    <t>1429.3154296875</t>
  </si>
  <si>
    <t>-0.00679165155068695</t>
  </si>
  <si>
    <t>19154</t>
  </si>
  <si>
    <t>18.786258697509766</t>
  </si>
  <si>
    <t>1117.1278076171875</t>
  </si>
  <si>
    <t>0.027416377144877657</t>
  </si>
  <si>
    <t>18745</t>
  </si>
  <si>
    <t>18.94651985168457</t>
  </si>
  <si>
    <t>1553.502197265625</t>
  </si>
  <si>
    <t>-0.02158452091155283</t>
  </si>
  <si>
    <t>19335</t>
  </si>
  <si>
    <t>19.332359313964844</t>
  </si>
  <si>
    <t>1027.243408203125</t>
  </si>
  <si>
    <t>0.03098987487138416</t>
  </si>
  <si>
    <t>19013</t>
  </si>
  <si>
    <t>18.27071762084961</t>
  </si>
  <si>
    <t>1297.8424072265625</t>
  </si>
  <si>
    <t>-0.0167939693318111</t>
  </si>
  <si>
    <t>19636</t>
  </si>
  <si>
    <t>19.358627319335938</t>
  </si>
  <si>
    <t>1249.923095703125</t>
  </si>
  <si>
    <t>0.03224166046835819</t>
  </si>
  <si>
    <t>19211</t>
  </si>
  <si>
    <t>18.900779724121094</t>
  </si>
  <si>
    <t>1405.551513671875</t>
  </si>
  <si>
    <t>-0.021881584549500843</t>
  </si>
  <si>
    <t>18919</t>
  </si>
  <si>
    <t>18.84430503845215</t>
  </si>
  <si>
    <t>1140.2127685546875</t>
  </si>
  <si>
    <t>-0.015316323542023724</t>
  </si>
  <si>
    <t>16915</t>
  </si>
  <si>
    <t>18.934526443481445</t>
  </si>
  <si>
    <t>855.4073486328125</t>
  </si>
  <si>
    <t>-0.11196590587161026</t>
  </si>
  <si>
    <t>18573</t>
  </si>
  <si>
    <t>18.981367111206055</t>
  </si>
  <si>
    <t>938.7652587890625</t>
  </si>
  <si>
    <t>0.09350811097253242</t>
  </si>
  <si>
    <t>19336</t>
  </si>
  <si>
    <t>18.615385055541992</t>
  </si>
  <si>
    <t>802.5186157226562</t>
  </si>
  <si>
    <t>0.040259730195977284</t>
  </si>
  <si>
    <t>174</t>
  </si>
  <si>
    <t>6964</t>
  </si>
  <si>
    <t>23.25223731994629</t>
  </si>
  <si>
    <t>1510.083984375</t>
  </si>
  <si>
    <t>631.7681884765625</t>
  </si>
  <si>
    <t>Formosa</t>
  </si>
  <si>
    <t>7505</t>
  </si>
  <si>
    <t>23.735944747924805</t>
  </si>
  <si>
    <t>1287.3271484375</t>
  </si>
  <si>
    <t>0.07481544317948341</t>
  </si>
  <si>
    <t>8002</t>
  </si>
  <si>
    <t>23.053770065307617</t>
  </si>
  <si>
    <t>1658.329833984375</t>
  </si>
  <si>
    <t>0.06412204534961852</t>
  </si>
  <si>
    <t>23.295822143554688</t>
  </si>
  <si>
    <t>1068.25048828125</t>
  </si>
  <si>
    <t>0.06682439690911224</t>
  </si>
  <si>
    <t>8576</t>
  </si>
  <si>
    <t>24.10137367248535</t>
  </si>
  <si>
    <t>1449.844970703125</t>
  </si>
  <si>
    <t>0.0024516969842895975</t>
  </si>
  <si>
    <t>8216</t>
  </si>
  <si>
    <t>23.48335075378418</t>
  </si>
  <si>
    <t>1118.8038330078125</t>
  </si>
  <si>
    <t>-0.042884131702187744</t>
  </si>
  <si>
    <t>23.036428451538086</t>
  </si>
  <si>
    <t>1496.76318359375</t>
  </si>
  <si>
    <t>-0.010030665141224304</t>
  </si>
  <si>
    <t>8710</t>
  </si>
  <si>
    <t>24.145750045776367</t>
  </si>
  <si>
    <t>1448.856689453125</t>
  </si>
  <si>
    <t>0.06841898337937735</t>
  </si>
  <si>
    <t>8735</t>
  </si>
  <si>
    <t>22.965431213378906</t>
  </si>
  <si>
    <t>1665.4957275390625</t>
  </si>
  <si>
    <t>0.002866152721608728</t>
  </si>
  <si>
    <t>8408</t>
  </si>
  <si>
    <t>23.512985229492188</t>
  </si>
  <si>
    <t>1164.11328125</t>
  </si>
  <si>
    <t>-0.03815431001136993</t>
  </si>
  <si>
    <t>8016</t>
  </si>
  <si>
    <t>23.146738052368164</t>
  </si>
  <si>
    <t>1309.236572265625</t>
  </si>
  <si>
    <t>-0.04774408923214146</t>
  </si>
  <si>
    <t>7531</t>
  </si>
  <si>
    <t>23.982187271118164</t>
  </si>
  <si>
    <t>1254.20947265625</t>
  </si>
  <si>
    <t>-0.06241170922329431</t>
  </si>
  <si>
    <t>6159</t>
  </si>
  <si>
    <t>23.799713134765625</t>
  </si>
  <si>
    <t>1728.7735595703125</t>
  </si>
  <si>
    <t>-0.20111340841430803</t>
  </si>
  <si>
    <t>6500</t>
  </si>
  <si>
    <t>23.596010208129883</t>
  </si>
  <si>
    <t>1182.717529296875</t>
  </si>
  <si>
    <t>0.05388775019668479</t>
  </si>
  <si>
    <t>23.127538681030273</t>
  </si>
  <si>
    <t>1364.181396484375</t>
  </si>
  <si>
    <t>0.07980599326836035</t>
  </si>
  <si>
    <t>7780</t>
  </si>
  <si>
    <t>23.415658950805664</t>
  </si>
  <si>
    <t>1135.4781494140625</t>
  </si>
  <si>
    <t>0.09994816802034912</t>
  </si>
  <si>
    <t>8096</t>
  </si>
  <si>
    <t>23.879880905151367</t>
  </si>
  <si>
    <t>1357.9776611328125</t>
  </si>
  <si>
    <t>0.03981377435481015</t>
  </si>
  <si>
    <t>8494</t>
  </si>
  <si>
    <t>23.212005615234375</t>
  </si>
  <si>
    <t>1298.0819091796875</t>
  </si>
  <si>
    <t>0.04798991934596941</t>
  </si>
  <si>
    <t>23.323911666870117</t>
  </si>
  <si>
    <t>1087.17041015625</t>
  </si>
  <si>
    <t>0.0007061316051917288</t>
  </si>
  <si>
    <t>7944</t>
  </si>
  <si>
    <t>23.671464920043945</t>
  </si>
  <si>
    <t>1285.7313232421875</t>
  </si>
  <si>
    <t>-0.06764923675340029</t>
  </si>
  <si>
    <t>8758</t>
  </si>
  <si>
    <t>23.119226455688477</t>
  </si>
  <si>
    <t>1238.041259765625</t>
  </si>
  <si>
    <t>0.0975506416363352</t>
  </si>
  <si>
    <t>9223</t>
  </si>
  <si>
    <t>23.43382453918457</t>
  </si>
  <si>
    <t>1180.6529541015625</t>
  </si>
  <si>
    <t>0.051732795874375626</t>
  </si>
  <si>
    <t>9071</t>
  </si>
  <si>
    <t>24.13880157470703</t>
  </si>
  <si>
    <t>1167.7979736328125</t>
  </si>
  <si>
    <t>-0.016617852620774087</t>
  </si>
  <si>
    <t>9235</t>
  </si>
  <si>
    <t>23.397977828979492</t>
  </si>
  <si>
    <t>1298.2274169921875</t>
  </si>
  <si>
    <t>0.017918102018395388</t>
  </si>
  <si>
    <t>8954</t>
  </si>
  <si>
    <t>24.171159744262695</t>
  </si>
  <si>
    <t>1588.05029296875</t>
  </si>
  <si>
    <t>-0.03090025383242967</t>
  </si>
  <si>
    <t>9152</t>
  </si>
  <si>
    <t>24.365293502807617</t>
  </si>
  <si>
    <t>1697.6102294921875</t>
  </si>
  <si>
    <t>0.021872074818668708</t>
  </si>
  <si>
    <t>8919</t>
  </si>
  <si>
    <t>23.153060913085938</t>
  </si>
  <si>
    <t>1319.954345703125</t>
  </si>
  <si>
    <t>-0.025788601953372847</t>
  </si>
  <si>
    <t>9130</t>
  </si>
  <si>
    <t>24.09421730041504</t>
  </si>
  <si>
    <t>1499.4896240234375</t>
  </si>
  <si>
    <t>0.023381861922807445</t>
  </si>
  <si>
    <t>8856</t>
  </si>
  <si>
    <t>23.70572853088379</t>
  </si>
  <si>
    <t>1338.137939453125</t>
  </si>
  <si>
    <t>-0.030470499200541568</t>
  </si>
  <si>
    <t>8648</t>
  </si>
  <si>
    <t>24.08589744567871</t>
  </si>
  <si>
    <t>1376.893310546875</t>
  </si>
  <si>
    <t>-0.023767115069428968</t>
  </si>
  <si>
    <t>7732</t>
  </si>
  <si>
    <t>24.134048461914062</t>
  </si>
  <si>
    <t>1034.869873046875</t>
  </si>
  <si>
    <t>-0.11196051899082171</t>
  </si>
  <si>
    <t>8490</t>
  </si>
  <si>
    <t>23.943191528320312</t>
  </si>
  <si>
    <t>937.950439453125</t>
  </si>
  <si>
    <t>0.09352143897717191</t>
  </si>
  <si>
    <t>8839</t>
  </si>
  <si>
    <t>23.431564331054688</t>
  </si>
  <si>
    <t>1128.0106201171875</t>
  </si>
  <si>
    <t>0.04028474775555502</t>
  </si>
  <si>
    <t>175</t>
  </si>
  <si>
    <t>8069</t>
  </si>
  <si>
    <t>16.581472396850586</t>
  </si>
  <si>
    <t>789.345947265625</t>
  </si>
  <si>
    <t>181.05963134765625</t>
  </si>
  <si>
    <t>Jujuy</t>
  </si>
  <si>
    <t>8696</t>
  </si>
  <si>
    <t>17.127033233642578</t>
  </si>
  <si>
    <t>894.5219116210938</t>
  </si>
  <si>
    <t>0.07483359095254016</t>
  </si>
  <si>
    <t>9271</t>
  </si>
  <si>
    <t>16.764612197875977</t>
  </si>
  <si>
    <t>687.8909301757812</t>
  </si>
  <si>
    <t>0.0640280988059363</t>
  </si>
  <si>
    <t>9912</t>
  </si>
  <si>
    <t>17.020034790039062</t>
  </si>
  <si>
    <t>651.3345947265625</t>
  </si>
  <si>
    <t>0.06685489570199543</t>
  </si>
  <si>
    <t>10156</t>
  </si>
  <si>
    <t>17.775875091552734</t>
  </si>
  <si>
    <t>721.8544311523438</t>
  </si>
  <si>
    <t>0.02431851951559061</t>
  </si>
  <si>
    <t>9794</t>
  </si>
  <si>
    <t>17.101240158081055</t>
  </si>
  <si>
    <t>551.5422973632812</t>
  </si>
  <si>
    <t>-0.03629471056230571</t>
  </si>
  <si>
    <t>9647</t>
  </si>
  <si>
    <t>16.855653762817383</t>
  </si>
  <si>
    <t>691.0537109375</t>
  </si>
  <si>
    <t>-0.015122967091709683</t>
  </si>
  <si>
    <t>10382</t>
  </si>
  <si>
    <t>17.615259170532227</t>
  </si>
  <si>
    <t>643.1673583984375</t>
  </si>
  <si>
    <t>0.07342655121662212</t>
  </si>
  <si>
    <t>10559</t>
  </si>
  <si>
    <t>16.649906158447266</t>
  </si>
  <si>
    <t>650.5344848632812</t>
  </si>
  <si>
    <t>0.016905039419340184</t>
  </si>
  <si>
    <t>16.46388816833496</t>
  </si>
  <si>
    <t>717.09716796875</t>
  </si>
  <si>
    <t>-0.07735509546767894</t>
  </si>
  <si>
    <t>9322</t>
  </si>
  <si>
    <t>16.22632598876953</t>
  </si>
  <si>
    <t>815.874755859375</t>
  </si>
  <si>
    <t>-0.04724628340614956</t>
  </si>
  <si>
    <t>16.809497833251953</t>
  </si>
  <si>
    <t>702.635498046875</t>
  </si>
  <si>
    <t>-0.03648684362746657</t>
  </si>
  <si>
    <t>8112</t>
  </si>
  <si>
    <t>17.038902282714844</t>
  </si>
  <si>
    <t>773.7948608398438</t>
  </si>
  <si>
    <t>-0.10254590747425496</t>
  </si>
  <si>
    <t>8591</t>
  </si>
  <si>
    <t>17.39048194885254</t>
  </si>
  <si>
    <t>671.9261474609375</t>
  </si>
  <si>
    <t>0.05737069680709084</t>
  </si>
  <si>
    <t>9200</t>
  </si>
  <si>
    <t>17.0126895904541</t>
  </si>
  <si>
    <t>631.8297119140625</t>
  </si>
  <si>
    <t>0.06848834039907636</t>
  </si>
  <si>
    <t>9892</t>
  </si>
  <si>
    <t>16.901872634887695</t>
  </si>
  <si>
    <t>688.6634521484375</t>
  </si>
  <si>
    <t>0.07252286560417431</t>
  </si>
  <si>
    <t>10378</t>
  </si>
  <si>
    <t>17.425989151000977</t>
  </si>
  <si>
    <t>853.7366943359375</t>
  </si>
  <si>
    <t>0.04796183128637921</t>
  </si>
  <si>
    <t>10981</t>
  </si>
  <si>
    <t>16.467500686645508</t>
  </si>
  <si>
    <t>784.2353515625</t>
  </si>
  <si>
    <t>0.056478325670028084</t>
  </si>
  <si>
    <t>11086</t>
  </si>
  <si>
    <t>16.863508224487305</t>
  </si>
  <si>
    <t>764.6830444335938</t>
  </si>
  <si>
    <t>0.009516544382035974</t>
  </si>
  <si>
    <t>10510</t>
  </si>
  <si>
    <t>17.523283004760742</t>
  </si>
  <si>
    <t>687.8818969726562</t>
  </si>
  <si>
    <t>-0.05335586610875254</t>
  </si>
  <si>
    <t>11749</t>
  </si>
  <si>
    <t>16.72319221496582</t>
  </si>
  <si>
    <t>686.0158081054688</t>
  </si>
  <si>
    <t>0.11144094569657526</t>
  </si>
  <si>
    <t>12541</t>
  </si>
  <si>
    <t>16.998210906982422</t>
  </si>
  <si>
    <t>694.0291137695312</t>
  </si>
  <si>
    <t>0.06523514625647664</t>
  </si>
  <si>
    <t>17.8452091217041</t>
  </si>
  <si>
    <t>677.629150390625</t>
  </si>
  <si>
    <t>-0.003274632533656785</t>
  </si>
  <si>
    <t>12891</t>
  </si>
  <si>
    <t>17.60335922241211</t>
  </si>
  <si>
    <t>548.3294067382812</t>
  </si>
  <si>
    <t>0.03080074915271247</t>
  </si>
  <si>
    <t>12658</t>
  </si>
  <si>
    <t>17.547719955444336</t>
  </si>
  <si>
    <t>571.7505493164062</t>
  </si>
  <si>
    <t>-0.018239967107854582</t>
  </si>
  <si>
    <t>13098</t>
  </si>
  <si>
    <t>17.586681365966797</t>
  </si>
  <si>
    <t>721.0513916015625</t>
  </si>
  <si>
    <t>0.0341701204427487</t>
  </si>
  <si>
    <t>12920</t>
  </si>
  <si>
    <t>16.735746383666992</t>
  </si>
  <si>
    <t>606.8231811523438</t>
  </si>
  <si>
    <t>-0.013683048441405887</t>
  </si>
  <si>
    <t>13383</t>
  </si>
  <si>
    <t>17.374921798706055</t>
  </si>
  <si>
    <t>721.666015625</t>
  </si>
  <si>
    <t>0.03520874645978189</t>
  </si>
  <si>
    <t>13132</t>
  </si>
  <si>
    <t>17.090702056884766</t>
  </si>
  <si>
    <t>611.1032104492188</t>
  </si>
  <si>
    <t>-0.018933245174892477</t>
  </si>
  <si>
    <t>12969</t>
  </si>
  <si>
    <t>17.062294006347656</t>
  </si>
  <si>
    <t>657.3458251953125</t>
  </si>
  <si>
    <t>-0.012490105285740682</t>
  </si>
  <si>
    <t>11595</t>
  </si>
  <si>
    <t>17.71354103088379</t>
  </si>
  <si>
    <t>624.5338134765625</t>
  </si>
  <si>
    <t>-0.11198792364610988</t>
  </si>
  <si>
    <t>12731</t>
  </si>
  <si>
    <t>17.405622482299805</t>
  </si>
  <si>
    <t>645.4871826171875</t>
  </si>
  <si>
    <t>0.09346599337201411</t>
  </si>
  <si>
    <t>13255</t>
  </si>
  <si>
    <t>17.13296127319336</t>
  </si>
  <si>
    <t>456.69000244140625</t>
  </si>
  <si>
    <t>0.040334875661478975</t>
  </si>
  <si>
    <t>176</t>
  </si>
  <si>
    <t>15713</t>
  </si>
  <si>
    <t>16.156553268432617</t>
  </si>
  <si>
    <t>631.4819946289062</t>
  </si>
  <si>
    <t>113.50311279296875</t>
  </si>
  <si>
    <t>La Pampa</t>
  </si>
  <si>
    <t>16933</t>
  </si>
  <si>
    <t>16.23897933959961</t>
  </si>
  <si>
    <t>685.594970703125</t>
  </si>
  <si>
    <t>0.0747759854752097</t>
  </si>
  <si>
    <t>18053</t>
  </si>
  <si>
    <t>16.01850128173828</t>
  </si>
  <si>
    <t>834.2581176757812</t>
  </si>
  <si>
    <t>0.0640474952713177</t>
  </si>
  <si>
    <t>19301</t>
  </si>
  <si>
    <t>16.246112823486328</t>
  </si>
  <si>
    <t>635.7290649414062</t>
  </si>
  <si>
    <t>0.06684503208554915</t>
  </si>
  <si>
    <t>17.04046630859375</t>
  </si>
  <si>
    <t>621.2007446289062</t>
  </si>
  <si>
    <t>0.05488767654629356</t>
  </si>
  <si>
    <t>19385</t>
  </si>
  <si>
    <t>16.303604125976562</t>
  </si>
  <si>
    <t>521.3170166015625</t>
  </si>
  <si>
    <t>-0.05054501346347173</t>
  </si>
  <si>
    <t>19701</t>
  </si>
  <si>
    <t>16.57121467590332</t>
  </si>
  <si>
    <t>743.478271484375</t>
  </si>
  <si>
    <t>0.016169824754053153</t>
  </si>
  <si>
    <t>20734</t>
  </si>
  <si>
    <t>16.512052536010742</t>
  </si>
  <si>
    <t>697.8409423828125</t>
  </si>
  <si>
    <t>0.05110546902397495</t>
  </si>
  <si>
    <t>22206</t>
  </si>
  <si>
    <t>16.084238052368164</t>
  </si>
  <si>
    <t>644.1427001953125</t>
  </si>
  <si>
    <t>0.06858765773115394</t>
  </si>
  <si>
    <t>16.17719078063965</t>
  </si>
  <si>
    <t>839.8331298828125</t>
  </si>
  <si>
    <t>-0.12391501048995046</t>
  </si>
  <si>
    <t>19360</t>
  </si>
  <si>
    <t>15.913504600524902</t>
  </si>
  <si>
    <t>720.3878784179688</t>
  </si>
  <si>
    <t>-0.013238430293693426</t>
  </si>
  <si>
    <t>18258</t>
  </si>
  <si>
    <t>16.413679122924805</t>
  </si>
  <si>
    <t>882.154052734375</t>
  </si>
  <si>
    <t>-0.05860574170554145</t>
  </si>
  <si>
    <t>16.16560173034668</t>
  </si>
  <si>
    <t>671.1685180664062</t>
  </si>
  <si>
    <t>0.027283505362348137</t>
  </si>
  <si>
    <t>20139</t>
  </si>
  <si>
    <t>16.588022232055664</t>
  </si>
  <si>
    <t>546.0116577148438</t>
  </si>
  <si>
    <t>0.07077138811948736</t>
  </si>
  <si>
    <t>16.242401123046875</t>
  </si>
  <si>
    <t>694.3676147460938</t>
  </si>
  <si>
    <t>0.06348590416963162</t>
  </si>
  <si>
    <t>22844</t>
  </si>
  <si>
    <t>16.15656852722168</t>
  </si>
  <si>
    <t>509.59503173828125</t>
  </si>
  <si>
    <t>0.06254436300826072</t>
  </si>
  <si>
    <t>21590</t>
  </si>
  <si>
    <t>16.669605255126953</t>
  </si>
  <si>
    <t>605.4248657226562</t>
  </si>
  <si>
    <t>-0.056458256275901064</t>
  </si>
  <si>
    <t>20230</t>
  </si>
  <si>
    <t>15.538684844970703</t>
  </si>
  <si>
    <t>646.3754272460938</t>
  </si>
  <si>
    <t>-0.06506359334706246</t>
  </si>
  <si>
    <t>17676</t>
  </si>
  <si>
    <t>16.78785514831543</t>
  </si>
  <si>
    <t>456.248046875</t>
  </si>
  <si>
    <t>-0.13495886391116052</t>
  </si>
  <si>
    <t>16.966623306274414</t>
  </si>
  <si>
    <t>520.6195068359375</t>
  </si>
  <si>
    <t>-0.058777070708453394</t>
  </si>
  <si>
    <t>18534</t>
  </si>
  <si>
    <t>16.284700393676758</t>
  </si>
  <si>
    <t>631.3179931640625</t>
  </si>
  <si>
    <t>0.10617616660445961</t>
  </si>
  <si>
    <t>19685</t>
  </si>
  <si>
    <t>16.666379928588867</t>
  </si>
  <si>
    <t>525.8269653320312</t>
  </si>
  <si>
    <t>0.06025004123120148</t>
  </si>
  <si>
    <t>19524</t>
  </si>
  <si>
    <t>16.66351890563965</t>
  </si>
  <si>
    <t>801.5438232421875</t>
  </si>
  <si>
    <t>-0.008212446370800208</t>
  </si>
  <si>
    <t>20040</t>
  </si>
  <si>
    <t>16.713001251220703</t>
  </si>
  <si>
    <t>510.2649230957031</t>
  </si>
  <si>
    <t>0.026085798191763487</t>
  </si>
  <si>
    <t>19587</t>
  </si>
  <si>
    <t>16.562145233154297</t>
  </si>
  <si>
    <t>762.1167602539062</t>
  </si>
  <si>
    <t>-0.022864195344057592</t>
  </si>
  <si>
    <t>20178</t>
  </si>
  <si>
    <t>16.75468635559082</t>
  </si>
  <si>
    <t>706.2896118164062</t>
  </si>
  <si>
    <t>0.029726821113580826</t>
  </si>
  <si>
    <t>19818</t>
  </si>
  <si>
    <t>16.13851547241211</t>
  </si>
  <si>
    <t>699.6478271484375</t>
  </si>
  <si>
    <t>-0.0180022863494802</t>
  </si>
  <si>
    <t>20442</t>
  </si>
  <si>
    <t>16.802228927612305</t>
  </si>
  <si>
    <t>713.5614624023438</t>
  </si>
  <si>
    <t>0.03100099227017772</t>
  </si>
  <si>
    <t>19977</t>
  </si>
  <si>
    <t>16.5909366607666</t>
  </si>
  <si>
    <t>619.5180053710938</t>
  </si>
  <si>
    <t>-0.02300999611028942</t>
  </si>
  <si>
    <t>19651</t>
  </si>
  <si>
    <t>16.436046600341797</t>
  </si>
  <si>
    <t>453.5489807128906</t>
  </si>
  <si>
    <t>-0.016453384190965537</t>
  </si>
  <si>
    <t>17569</t>
  </si>
  <si>
    <t>16.564252853393555</t>
  </si>
  <si>
    <t>607.7432861328125</t>
  </si>
  <si>
    <t>-0.11199224222271198</t>
  </si>
  <si>
    <t>19291</t>
  </si>
  <si>
    <t>16.79929542541504</t>
  </si>
  <si>
    <t>677.915771484375</t>
  </si>
  <si>
    <t>0.09350268052283361</t>
  </si>
  <si>
    <t>20084</t>
  </si>
  <si>
    <t>16.42209815979004</t>
  </si>
  <si>
    <t>542.2357788085938</t>
  </si>
  <si>
    <t>0.04028481226670699</t>
  </si>
  <si>
    <t>177</t>
  </si>
  <si>
    <t>11200</t>
  </si>
  <si>
    <t>18.75377655029297</t>
  </si>
  <si>
    <t>474.727783203125</t>
  </si>
  <si>
    <t>105.69879913330078</t>
  </si>
  <si>
    <t>La Rioja</t>
  </si>
  <si>
    <t>12069</t>
  </si>
  <si>
    <t>19.273595809936523</t>
  </si>
  <si>
    <t>475.3048095703125</t>
  </si>
  <si>
    <t>0.07472640333471325</t>
  </si>
  <si>
    <t>12868</t>
  </si>
  <si>
    <t>18.77022933959961</t>
  </si>
  <si>
    <t>637.912109375</t>
  </si>
  <si>
    <t>0.06410342774101885</t>
  </si>
  <si>
    <t>13757</t>
  </si>
  <si>
    <t>19.063505172729492</t>
  </si>
  <si>
    <t>301.4859619140625</t>
  </si>
  <si>
    <t>0.06680417610207812</t>
  </si>
  <si>
    <t>13932</t>
  </si>
  <si>
    <t>19.956680297851562</t>
  </si>
  <si>
    <t>363.5681457519531</t>
  </si>
  <si>
    <t>0.012640567024895688</t>
  </si>
  <si>
    <t>19.455659866333008</t>
  </si>
  <si>
    <t>349.2567138671875</t>
  </si>
  <si>
    <t>-0.07688352476075444</t>
  </si>
  <si>
    <t>13197</t>
  </si>
  <si>
    <t>19.094999313354492</t>
  </si>
  <si>
    <t>501.6132507324219</t>
  </si>
  <si>
    <t>0.022684703291693253</t>
  </si>
  <si>
    <t>13497</t>
  </si>
  <si>
    <t>19.61785125732422</t>
  </si>
  <si>
    <t>400.3411865234375</t>
  </si>
  <si>
    <t>0.022477907492453042</t>
  </si>
  <si>
    <t>13837</t>
  </si>
  <si>
    <t>18.746116638183594</t>
  </si>
  <si>
    <t>439.42547607421875</t>
  </si>
  <si>
    <t>0.024878725160101922</t>
  </si>
  <si>
    <t>13519</t>
  </si>
  <si>
    <t>18.55889320373535</t>
  </si>
  <si>
    <t>564.3757934570312</t>
  </si>
  <si>
    <t>-0.02325006030497967</t>
  </si>
  <si>
    <t>12708</t>
  </si>
  <si>
    <t>18.383377075195312</t>
  </si>
  <si>
    <t>611.3823852539062</t>
  </si>
  <si>
    <t>-0.06186438697499774</t>
  </si>
  <si>
    <t>11839</t>
  </si>
  <si>
    <t>18.82213592529297</t>
  </si>
  <si>
    <t>472.1926574707031</t>
  </si>
  <si>
    <t>-0.07083254997777111</t>
  </si>
  <si>
    <t>9314</t>
  </si>
  <si>
    <t>19.045549392700195</t>
  </si>
  <si>
    <t>459.8177795410156</t>
  </si>
  <si>
    <t>-0.2398805218693134</t>
  </si>
  <si>
    <t>19.6638240814209</t>
  </si>
  <si>
    <t>336.1988525390625</t>
  </si>
  <si>
    <t>0.035128341628229975</t>
  </si>
  <si>
    <t>10340</t>
  </si>
  <si>
    <t>19.22519302368164</t>
  </si>
  <si>
    <t>342.95556640625</t>
  </si>
  <si>
    <t>0.0693728828918676</t>
  </si>
  <si>
    <t>11187</t>
  </si>
  <si>
    <t>18.941038131713867</t>
  </si>
  <si>
    <t>434.3833312988281</t>
  </si>
  <si>
    <t>0.07873252078450932</t>
  </si>
  <si>
    <t>11662</t>
  </si>
  <si>
    <t>19.72004508972168</t>
  </si>
  <si>
    <t>332.21685791015625</t>
  </si>
  <si>
    <t>0.04158330293517132</t>
  </si>
  <si>
    <t>12257</t>
  </si>
  <si>
    <t>18.43514060974121</t>
  </si>
  <si>
    <t>389.7903747558594</t>
  </si>
  <si>
    <t>0.049761509559063555</t>
  </si>
  <si>
    <t>12288</t>
  </si>
  <si>
    <t>19.08806037902832</t>
  </si>
  <si>
    <t>474.8277893066406</t>
  </si>
  <si>
    <t>0.002525974046289292</t>
  </si>
  <si>
    <t>11364</t>
  </si>
  <si>
    <t>19.85686683654785</t>
  </si>
  <si>
    <t>266.083251953125</t>
  </si>
  <si>
    <t>-0.07817271241337487</t>
  </si>
  <si>
    <t>12397</t>
  </si>
  <si>
    <t>18.816652297973633</t>
  </si>
  <si>
    <t>387.9853515625</t>
  </si>
  <si>
    <t>0.08700404386406824</t>
  </si>
  <si>
    <t>12918</t>
  </si>
  <si>
    <t>19.27431297302246</t>
  </si>
  <si>
    <t>358.5757141113281</t>
  </si>
  <si>
    <t>0.04116717975427164</t>
  </si>
  <si>
    <t>12573</t>
  </si>
  <si>
    <t>19.82183837890625</t>
  </si>
  <si>
    <t>346.746337890625</t>
  </si>
  <si>
    <t>-0.027070029999237022</t>
  </si>
  <si>
    <t>12666</t>
  </si>
  <si>
    <t>19.64576530456543</t>
  </si>
  <si>
    <t>327.29931640625</t>
  </si>
  <si>
    <t>0.007369580483194582</t>
  </si>
  <si>
    <t>12152</t>
  </si>
  <si>
    <t>19.310091018676758</t>
  </si>
  <si>
    <t>470.8157958984375</t>
  </si>
  <si>
    <t>-0.04142747280076797</t>
  </si>
  <si>
    <t>12291</t>
  </si>
  <si>
    <t>19.401071548461914</t>
  </si>
  <si>
    <t>517.4837036132812</t>
  </si>
  <si>
    <t>0.011373521939372466</t>
  </si>
  <si>
    <t>11852</t>
  </si>
  <si>
    <t>18.76530647277832</t>
  </si>
  <si>
    <t>461.45257568359375</t>
  </si>
  <si>
    <t>-0.03637065752152502</t>
  </si>
  <si>
    <t>19.293397903442383</t>
  </si>
  <si>
    <t>469.7427978515625</t>
  </si>
  <si>
    <t>0.01290989511833196</t>
  </si>
  <si>
    <t>11524</t>
  </si>
  <si>
    <t>19.094358444213867</t>
  </si>
  <si>
    <t>448.0780944824219</t>
  </si>
  <si>
    <t>-0.04097470760736854</t>
  </si>
  <si>
    <t>11135</t>
  </si>
  <si>
    <t>19.131603240966797</t>
  </si>
  <si>
    <t>441.9722595214844</t>
  </si>
  <si>
    <t>-0.0343385165129515</t>
  </si>
  <si>
    <t>9955</t>
  </si>
  <si>
    <t>19.394994735717773</t>
  </si>
  <si>
    <t>344.62762451171875</t>
  </si>
  <si>
    <t>-0.1120183631931706</t>
  </si>
  <si>
    <t>10931</t>
  </si>
  <si>
    <t>19.314008712768555</t>
  </si>
  <si>
    <t>454.7428894042969</t>
  </si>
  <si>
    <t>0.09352785179553891</t>
  </si>
  <si>
    <t>11381</t>
  </si>
  <si>
    <t>19.062238693237305</t>
  </si>
  <si>
    <t>381.0555419921875</t>
  </si>
  <si>
    <t>0.04034250898805425</t>
  </si>
  <si>
    <t>178</t>
  </si>
  <si>
    <t>13341</t>
  </si>
  <si>
    <t>14.0451078414917</t>
  </si>
  <si>
    <t>313.0555114746094</t>
  </si>
  <si>
    <t>615.1885986328125</t>
  </si>
  <si>
    <t>Mendoza</t>
  </si>
  <si>
    <t>14377</t>
  </si>
  <si>
    <t>14.359943389892578</t>
  </si>
  <si>
    <t>302.0071716308594</t>
  </si>
  <si>
    <t>0.07478770724378592</t>
  </si>
  <si>
    <t>13.9795503616333</t>
  </si>
  <si>
    <t>367.39410400390625</t>
  </si>
  <si>
    <t>0.06411675174351572</t>
  </si>
  <si>
    <t>16388</t>
  </si>
  <si>
    <t>14.165023803710938</t>
  </si>
  <si>
    <t>222.8538360595703</t>
  </si>
  <si>
    <t>0.06680290050065274</t>
  </si>
  <si>
    <t>16924</t>
  </si>
  <si>
    <t>14.94208812713623</t>
  </si>
  <si>
    <t>199.56410217285156</t>
  </si>
  <si>
    <t>0.03218337317319708</t>
  </si>
  <si>
    <t>15972</t>
  </si>
  <si>
    <t>14.183292388916016</t>
  </si>
  <si>
    <t>264.8709716796875</t>
  </si>
  <si>
    <t>-0.057895543656846016</t>
  </si>
  <si>
    <t>16454</t>
  </si>
  <si>
    <t>14.233922004699707</t>
  </si>
  <si>
    <t>278.4617919921875</t>
  </si>
  <si>
    <t>0.029731419545763416</t>
  </si>
  <si>
    <t>17730</t>
  </si>
  <si>
    <t>14.493610382080078</t>
  </si>
  <si>
    <t>357.6702880859375</t>
  </si>
  <si>
    <t>0.07468951133937907</t>
  </si>
  <si>
    <t>18069</t>
  </si>
  <si>
    <t>13.824753761291504</t>
  </si>
  <si>
    <t>295.18389892578125</t>
  </si>
  <si>
    <t>0.01893964264357706</t>
  </si>
  <si>
    <t>13.680848121643066</t>
  </si>
  <si>
    <t>363.10382080078125</t>
  </si>
  <si>
    <t>-0.004437302749145999</t>
  </si>
  <si>
    <t>17485</t>
  </si>
  <si>
    <t>13.541197776794434</t>
  </si>
  <si>
    <t>358.44366455078125</t>
  </si>
  <si>
    <t>-0.0284170894652096</t>
  </si>
  <si>
    <t>16678</t>
  </si>
  <si>
    <t>14.028572082519531</t>
  </si>
  <si>
    <t>362.8448486328125</t>
  </si>
  <si>
    <t>-0.04725288485054513</t>
  </si>
  <si>
    <t>14576</t>
  </si>
  <si>
    <t>14.054492950439453</t>
  </si>
  <si>
    <t>353.9371032714844</t>
  </si>
  <si>
    <t>-0.13471414514719093</t>
  </si>
  <si>
    <t>18632</t>
  </si>
  <si>
    <t>14.756293296813965</t>
  </si>
  <si>
    <t>175.8542022705078</t>
  </si>
  <si>
    <t>0.24550419206443763</t>
  </si>
  <si>
    <t>19381</t>
  </si>
  <si>
    <t>14.059205055236816</t>
  </si>
  <si>
    <t>323.5974426269531</t>
  </si>
  <si>
    <t>0.03941267213657085</t>
  </si>
  <si>
    <t>19539</t>
  </si>
  <si>
    <t>14.007903099060059</t>
  </si>
  <si>
    <t>331.2724914550781</t>
  </si>
  <si>
    <t>0.008119263513762576</t>
  </si>
  <si>
    <t>21970</t>
  </si>
  <si>
    <t>14.62985897064209</t>
  </si>
  <si>
    <t>254.1490936279297</t>
  </si>
  <si>
    <t>0.11726541816414482</t>
  </si>
  <si>
    <t>24866</t>
  </si>
  <si>
    <t>13.31272029876709</t>
  </si>
  <si>
    <t>303.09588623046875</t>
  </si>
  <si>
    <t>0.1238235221342272</t>
  </si>
  <si>
    <t>26804</t>
  </si>
  <si>
    <t>14.263725280761719</t>
  </si>
  <si>
    <t>339.65704345703125</t>
  </si>
  <si>
    <t>0.07504972158017864</t>
  </si>
  <si>
    <t>23991</t>
  </si>
  <si>
    <t>14.866805076599121</t>
  </si>
  <si>
    <t>162.4833984375</t>
  </si>
  <si>
    <t>-0.1108723700930625</t>
  </si>
  <si>
    <t>25291</t>
  </si>
  <si>
    <t>13.945454597473145</t>
  </si>
  <si>
    <t>199.5178985595703</t>
  </si>
  <si>
    <t>0.052769841202954026</t>
  </si>
  <si>
    <t>25428</t>
  </si>
  <si>
    <t>14.369174003601074</t>
  </si>
  <si>
    <t>273.3567810058594</t>
  </si>
  <si>
    <t>0.005402327853346378</t>
  </si>
  <si>
    <t>23838</t>
  </si>
  <si>
    <t>14.60844898223877</t>
  </si>
  <si>
    <t>251.16261291503906</t>
  </si>
  <si>
    <t>-0.06456998301364614</t>
  </si>
  <si>
    <t>23087</t>
  </si>
  <si>
    <t>14.586236000061035</t>
  </si>
  <si>
    <t>190.9186248779297</t>
  </si>
  <si>
    <t>-0.032011257510328406</t>
  </si>
  <si>
    <t>21250</t>
  </si>
  <si>
    <t>14.399394035339355</t>
  </si>
  <si>
    <t>235.0244140625</t>
  </si>
  <si>
    <t>-0.08291279317976219</t>
  </si>
  <si>
    <t>20574</t>
  </si>
  <si>
    <t>14.334808349609375</t>
  </si>
  <si>
    <t>364.7313537597656</t>
  </si>
  <si>
    <t>-0.032328752661587856</t>
  </si>
  <si>
    <t>18945</t>
  </si>
  <si>
    <t>14.014775276184082</t>
  </si>
  <si>
    <t>318.2145690917969</t>
  </si>
  <si>
    <t>-0.08248809823827408</t>
  </si>
  <si>
    <t>18274</t>
  </si>
  <si>
    <t>14.36272144317627</t>
  </si>
  <si>
    <t>285.3115234375</t>
  </si>
  <si>
    <t>-0.036060759894134264</t>
  </si>
  <si>
    <t>16649</t>
  </si>
  <si>
    <t>14.271368980407715</t>
  </si>
  <si>
    <t>201.2596435546875</t>
  </si>
  <si>
    <t>-0.0931291300137147</t>
  </si>
  <si>
    <t>15219</t>
  </si>
  <si>
    <t>14.400130271911621</t>
  </si>
  <si>
    <t>150.5690155029297</t>
  </si>
  <si>
    <t>-0.08980550731005188</t>
  </si>
  <si>
    <t>13607</t>
  </si>
  <si>
    <t>14.552386283874512</t>
  </si>
  <si>
    <t>229.3997802734375</t>
  </si>
  <si>
    <t>-0.11196028104394173</t>
  </si>
  <si>
    <t>14940</t>
  </si>
  <si>
    <t>14.43704891204834</t>
  </si>
  <si>
    <t>262.70111083984375</t>
  </si>
  <si>
    <t>0.0934578134959505</t>
  </si>
  <si>
    <t>15554</t>
  </si>
  <si>
    <t>14.27436351776123</t>
  </si>
  <si>
    <t>211.0223846435547</t>
  </si>
  <si>
    <t>0.04027566056807963</t>
  </si>
  <si>
    <t>179</t>
  </si>
  <si>
    <t>20.311689376831055</t>
  </si>
  <si>
    <t>2323.61181640625</t>
  </si>
  <si>
    <t>337.76092529296875</t>
  </si>
  <si>
    <t>Misiones</t>
  </si>
  <si>
    <t>8751</t>
  </si>
  <si>
    <t>21.06874656677246</t>
  </si>
  <si>
    <t>1470.13525390625</t>
  </si>
  <si>
    <t>0.07471468025341998</t>
  </si>
  <si>
    <t>9330</t>
  </si>
  <si>
    <t>20.371248245239258</t>
  </si>
  <si>
    <t>2308.859375</t>
  </si>
  <si>
    <t>0.06406703530555724</t>
  </si>
  <si>
    <t>9975</t>
  </si>
  <si>
    <t>20.618196487426758</t>
  </si>
  <si>
    <t>1772.6484375</t>
  </si>
  <si>
    <t>0.06684694791667489</t>
  </si>
  <si>
    <t>10110</t>
  </si>
  <si>
    <t>21.256582260131836</t>
  </si>
  <si>
    <t>2216.35400390625</t>
  </si>
  <si>
    <t>0.013443070256453638</t>
  </si>
  <si>
    <t>9600</t>
  </si>
  <si>
    <t>20.850940704345703</t>
  </si>
  <si>
    <t>1424.853271484375</t>
  </si>
  <si>
    <t>-0.05176193455858957</t>
  </si>
  <si>
    <t>9515</t>
  </si>
  <si>
    <t>20.35038185119629</t>
  </si>
  <si>
    <t>1840.7611083984375</t>
  </si>
  <si>
    <t>-0.008893597725677438</t>
  </si>
  <si>
    <t>10172</t>
  </si>
  <si>
    <t>21.259531021118164</t>
  </si>
  <si>
    <t>2009.02294921875</t>
  </si>
  <si>
    <t>0.0667693468117605</t>
  </si>
  <si>
    <t>10407</t>
  </si>
  <si>
    <t>20.27362632751465</t>
  </si>
  <si>
    <t>2306.00830078125</t>
  </si>
  <si>
    <t>0.02283980909584926</t>
  </si>
  <si>
    <t>20.59871482849121</t>
  </si>
  <si>
    <t>1638.4686279296875</t>
  </si>
  <si>
    <t>-0.03799536637859724</t>
  </si>
  <si>
    <t>9558</t>
  </si>
  <si>
    <t>20.376310348510742</t>
  </si>
  <si>
    <t>1989.7061767578125</t>
  </si>
  <si>
    <t>-0.04710479012115876</t>
  </si>
  <si>
    <t>9106</t>
  </si>
  <si>
    <t>21.355377197265625</t>
  </si>
  <si>
    <t>1520.0623779296875</t>
  </si>
  <si>
    <t>-0.04844496324337655</t>
  </si>
  <si>
    <t>7568</t>
  </si>
  <si>
    <t>21.165273666381836</t>
  </si>
  <si>
    <t>2425.78173828125</t>
  </si>
  <si>
    <t>-0.18500470516301348</t>
  </si>
  <si>
    <t>7940</t>
  </si>
  <si>
    <t>20.87816619873047</t>
  </si>
  <si>
    <t>1819.8001708984375</t>
  </si>
  <si>
    <t>0.047984443509466956</t>
  </si>
  <si>
    <t>8595</t>
  </si>
  <si>
    <t>20.618778228759766</t>
  </si>
  <si>
    <t>1492.3956298828125</t>
  </si>
  <si>
    <t>0.07926736357576836</t>
  </si>
  <si>
    <t>9180</t>
  </si>
  <si>
    <t>20.912080764770508</t>
  </si>
  <si>
    <t>1817.2757568359375</t>
  </si>
  <si>
    <t>0.06584656579758708</t>
  </si>
  <si>
    <t>9867</t>
  </si>
  <si>
    <t>21.213424682617188</t>
  </si>
  <si>
    <t>1719.6649169921875</t>
  </si>
  <si>
    <t>0.07216865124263094</t>
  </si>
  <si>
    <t>10699</t>
  </si>
  <si>
    <t>20.64111328125</t>
  </si>
  <si>
    <t>1889.72900390625</t>
  </si>
  <si>
    <t>0.08095442328143854</t>
  </si>
  <si>
    <t>11074</t>
  </si>
  <si>
    <t>20.59992790222168</t>
  </si>
  <si>
    <t>1607.6480712890625</t>
  </si>
  <si>
    <t>0.034449739244307054</t>
  </si>
  <si>
    <t>10277</t>
  </si>
  <si>
    <t>20.90290641784668</t>
  </si>
  <si>
    <t>2042.1549072265625</t>
  </si>
  <si>
    <t>-0.07469162975784016</t>
  </si>
  <si>
    <t>11250</t>
  </si>
  <si>
    <t>20.439090728759766</t>
  </si>
  <si>
    <t>1768.623046875</t>
  </si>
  <si>
    <t>0.09045974000749268</t>
  </si>
  <si>
    <t>11764</t>
  </si>
  <si>
    <t>20.657838821411133</t>
  </si>
  <si>
    <t>1717.201904296875</t>
  </si>
  <si>
    <t>0.04467589204132061</t>
  </si>
  <si>
    <t>11490</t>
  </si>
  <si>
    <t>21.43318748474121</t>
  </si>
  <si>
    <t>1552.868896484375</t>
  </si>
  <si>
    <t>-0.023566928831085576</t>
  </si>
  <si>
    <t>11616</t>
  </si>
  <si>
    <t>20.643156051635742</t>
  </si>
  <si>
    <t>1802.82763671875</t>
  </si>
  <si>
    <t>0.010906366221776764</t>
  </si>
  <si>
    <t>11185</t>
  </si>
  <si>
    <t>21.39520835876465</t>
  </si>
  <si>
    <t>2458.164306640625</t>
  </si>
  <si>
    <t>-0.037809863140347844</t>
  </si>
  <si>
    <t>11353</t>
  </si>
  <si>
    <t>21.556419372558594</t>
  </si>
  <si>
    <t>2192.029296875</t>
  </si>
  <si>
    <t>0.014908431240304054</t>
  </si>
  <si>
    <t>10988</t>
  </si>
  <si>
    <t>20.452301025390625</t>
  </si>
  <si>
    <t>1782.6063232421875</t>
  </si>
  <si>
    <t>-0.03267825794936918</t>
  </si>
  <si>
    <t>11171</t>
  </si>
  <si>
    <t>21.392675399780273</t>
  </si>
  <si>
    <t>2291.600341796875</t>
  </si>
  <si>
    <t>0.016517366355683905</t>
  </si>
  <si>
    <t>10761</t>
  </si>
  <si>
    <t>20.970579147338867</t>
  </si>
  <si>
    <t>1608.6754150390625</t>
  </si>
  <si>
    <t>-0.037392647370456444</t>
  </si>
  <si>
    <t>10437</t>
  </si>
  <si>
    <t>21.258237838745117</t>
  </si>
  <si>
    <t>1879.54541015625</t>
  </si>
  <si>
    <t>-0.03057130238033956</t>
  </si>
  <si>
    <t>21.284713745117188</t>
  </si>
  <si>
    <t>1363.2017822265625</t>
  </si>
  <si>
    <t>-0.11201499458602981</t>
  </si>
  <si>
    <t>10246</t>
  </si>
  <si>
    <t>21.07875633239746</t>
  </si>
  <si>
    <t>1189.23681640625</t>
  </si>
  <si>
    <t>0.09354519526512561</t>
  </si>
  <si>
    <t>10667</t>
  </si>
  <si>
    <t>20.660676956176758</t>
  </si>
  <si>
    <t>1589.9215087890625</t>
  </si>
  <si>
    <t>0.04026747812633502</t>
  </si>
  <si>
    <t>180</t>
  </si>
  <si>
    <t>20754</t>
  </si>
  <si>
    <t>12.861804008483887</t>
  </si>
  <si>
    <t>299.7210693359375</t>
  </si>
  <si>
    <t>211.2432403564453</t>
  </si>
  <si>
    <t>Neuqun</t>
  </si>
  <si>
    <t>22365</t>
  </si>
  <si>
    <t>12.6592378616333</t>
  </si>
  <si>
    <t>346.3954162597656</t>
  </si>
  <si>
    <t>0.07475823770172418</t>
  </si>
  <si>
    <t>23846</t>
  </si>
  <si>
    <t>12.071402549743652</t>
  </si>
  <si>
    <t>393.7345886230469</t>
  </si>
  <si>
    <t>0.0641192514991289</t>
  </si>
  <si>
    <t>25494</t>
  </si>
  <si>
    <t>12.730631828308105</t>
  </si>
  <si>
    <t>441.7535705566406</t>
  </si>
  <si>
    <t>0.06682664197679067</t>
  </si>
  <si>
    <t>25870</t>
  </si>
  <si>
    <t>13.057124137878418</t>
  </si>
  <si>
    <t>328.4095153808594</t>
  </si>
  <si>
    <t>0.014640865837208139</t>
  </si>
  <si>
    <t>26198</t>
  </si>
  <si>
    <t>12.643975257873535</t>
  </si>
  <si>
    <t>312.6955871582031</t>
  </si>
  <si>
    <t>0.012599075777519175</t>
  </si>
  <si>
    <t>28231</t>
  </si>
  <si>
    <t>12.721714973449707</t>
  </si>
  <si>
    <t>286.7768249511719</t>
  </si>
  <si>
    <t>0.07473759297108629</t>
  </si>
  <si>
    <t>29110</t>
  </si>
  <si>
    <t>12.78873348236084</t>
  </si>
  <si>
    <t>408.0997314453125</t>
  </si>
  <si>
    <t>0.03066109281098761</t>
  </si>
  <si>
    <t>26462</t>
  </si>
  <si>
    <t>13.062286376953125</t>
  </si>
  <si>
    <t>214.73870849609375</t>
  </si>
  <si>
    <t>-0.09537201613731128</t>
  </si>
  <si>
    <t>28370</t>
  </si>
  <si>
    <t>12.620478630065918</t>
  </si>
  <si>
    <t>341.54901123046875</t>
  </si>
  <si>
    <t>0.06962250720054008</t>
  </si>
  <si>
    <t>34033</t>
  </si>
  <si>
    <t>11.964659690856934</t>
  </si>
  <si>
    <t>417.6907653808594</t>
  </si>
  <si>
    <t>0.18199839331449041</t>
  </si>
  <si>
    <t>29805</t>
  </si>
  <si>
    <t>12.77060604095459</t>
  </si>
  <si>
    <t>345.09515380859375</t>
  </si>
  <si>
    <t>-0.13265447746336</t>
  </si>
  <si>
    <t>36323</t>
  </si>
  <si>
    <t>12.476390838623047</t>
  </si>
  <si>
    <t>410.1647644042969</t>
  </si>
  <si>
    <t>0.19777498476902444</t>
  </si>
  <si>
    <t>35701</t>
  </si>
  <si>
    <t>13.148385047912598</t>
  </si>
  <si>
    <t>281.13671875</t>
  </si>
  <si>
    <t>-0.01727244984314602</t>
  </si>
  <si>
    <t>38011</t>
  </si>
  <si>
    <t>12.800804138183594</t>
  </si>
  <si>
    <t>379.35675048828125</t>
  </si>
  <si>
    <t>0.06269689192340344</t>
  </si>
  <si>
    <t>41704</t>
  </si>
  <si>
    <t>12.512394905090332</t>
  </si>
  <si>
    <t>394.338134765625</t>
  </si>
  <si>
    <t>0.09272145594463232</t>
  </si>
  <si>
    <t>52998</t>
  </si>
  <si>
    <t>12.944931030273438</t>
  </si>
  <si>
    <t>364.8727111816406</t>
  </si>
  <si>
    <t>0.23965712952524498</t>
  </si>
  <si>
    <t>66248</t>
  </si>
  <si>
    <t>12.0123929977417</t>
  </si>
  <si>
    <t>253.68873596191406</t>
  </si>
  <si>
    <t>0.22315109874034889</t>
  </si>
  <si>
    <t>77567</t>
  </si>
  <si>
    <t>13.2554349899292</t>
  </si>
  <si>
    <t>291.9635314941406</t>
  </si>
  <si>
    <t>0.15773680327810347</t>
  </si>
  <si>
    <t>69219</t>
  </si>
  <si>
    <t>12.934697151184082</t>
  </si>
  <si>
    <t>324.68194580078125</t>
  </si>
  <si>
    <t>-0.1138666875983656</t>
  </si>
  <si>
    <t>72736</t>
  </si>
  <si>
    <t>12.49290943145752</t>
  </si>
  <si>
    <t>282.5936279296875</t>
  </si>
  <si>
    <t>0.04956105625899632</t>
  </si>
  <si>
    <t>72874</t>
  </si>
  <si>
    <t>12.989590644836426</t>
  </si>
  <si>
    <t>296.3235778808594</t>
  </si>
  <si>
    <t>0.0018954747794452942</t>
  </si>
  <si>
    <t>68055</t>
  </si>
  <si>
    <t>13.036636352539062</t>
  </si>
  <si>
    <t>295.87506103515625</t>
  </si>
  <si>
    <t>-0.06841572066554136</t>
  </si>
  <si>
    <t>65636</t>
  </si>
  <si>
    <t>13.119449615478516</t>
  </si>
  <si>
    <t>279.121337890625</t>
  </si>
  <si>
    <t>-0.036191875871132595</t>
  </si>
  <si>
    <t>60136</t>
  </si>
  <si>
    <t>12.91022777557373</t>
  </si>
  <si>
    <t>316.00640869140625</t>
  </si>
  <si>
    <t>-0.08751566203773642</t>
  </si>
  <si>
    <t>57925</t>
  </si>
  <si>
    <t>13.088977813720703</t>
  </si>
  <si>
    <t>320.1155090332031</t>
  </si>
  <si>
    <t>-0.037459593556727455</t>
  </si>
  <si>
    <t>53037</t>
  </si>
  <si>
    <t>12.893475532531738</t>
  </si>
  <si>
    <t>260.41021728515625</t>
  </si>
  <si>
    <t>-0.0881592871264445</t>
  </si>
  <si>
    <t>50835</t>
  </si>
  <si>
    <t>13.035655975341797</t>
  </si>
  <si>
    <t>308.4741516113281</t>
  </si>
  <si>
    <t>-0.04240468946487219</t>
  </si>
  <si>
    <t>45987</t>
  </si>
  <si>
    <t>12.789924621582031</t>
  </si>
  <si>
    <t>304.6001281738281</t>
  </si>
  <si>
    <t>-0.10022634587504342</t>
  </si>
  <si>
    <t>41697</t>
  </si>
  <si>
    <t>13.166329383850098</t>
  </si>
  <si>
    <t>253.93548583984375</t>
  </si>
  <si>
    <t>-0.09792956408134934</t>
  </si>
  <si>
    <t>37279</t>
  </si>
  <si>
    <t>13.196772575378418</t>
  </si>
  <si>
    <t>269.69427490234375</t>
  </si>
  <si>
    <t>-0.1119990183474453</t>
  </si>
  <si>
    <t>40934</t>
  </si>
  <si>
    <t>13.345850944519043</t>
  </si>
  <si>
    <t>227.06784057617188</t>
  </si>
  <si>
    <t>0.09353084813397139</t>
  </si>
  <si>
    <t>42617</t>
  </si>
  <si>
    <t>12.864654541015625</t>
  </si>
  <si>
    <t>308.2008972167969</t>
  </si>
  <si>
    <t>0.04029222114725428</t>
  </si>
  <si>
    <t>181</t>
  </si>
  <si>
    <t>13611</t>
  </si>
  <si>
    <t>12.911253929138184</t>
  </si>
  <si>
    <t>415.9620056152344</t>
  </si>
  <si>
    <t>233.23611450195312</t>
  </si>
  <si>
    <t>Ro Negro</t>
  </si>
  <si>
    <t>14667</t>
  </si>
  <si>
    <t>12.628475189208984</t>
  </si>
  <si>
    <t>433.8002624511719</t>
  </si>
  <si>
    <t>0.0747217829146809</t>
  </si>
  <si>
    <t>15638</t>
  </si>
  <si>
    <t>12.199112892150879</t>
  </si>
  <si>
    <t>510.4140930175781</t>
  </si>
  <si>
    <t>0.06410377743770468</t>
  </si>
  <si>
    <t>16719</t>
  </si>
  <si>
    <t>12.720902442932129</t>
  </si>
  <si>
    <t>564.1510620117188</t>
  </si>
  <si>
    <t>0.06684194755318629</t>
  </si>
  <si>
    <t>17562</t>
  </si>
  <si>
    <t>12.976818084716797</t>
  </si>
  <si>
    <t>458.99468994140625</t>
  </si>
  <si>
    <t>0.049191679682294875</t>
  </si>
  <si>
    <t>17350</t>
  </si>
  <si>
    <t>12.584461212158203</t>
  </si>
  <si>
    <t>421.3567810058594</t>
  </si>
  <si>
    <t>-0.012144970544936129</t>
  </si>
  <si>
    <t>17509</t>
  </si>
  <si>
    <t>12.817749977111816</t>
  </si>
  <si>
    <t>394.03570556640625</t>
  </si>
  <si>
    <t>0.009122528051312528</t>
  </si>
  <si>
    <t>18461</t>
  </si>
  <si>
    <t>12.749160766601562</t>
  </si>
  <si>
    <t>537.8040161132812</t>
  </si>
  <si>
    <t>0.0529453643442519</t>
  </si>
  <si>
    <t>13.13059139251709</t>
  </si>
  <si>
    <t>328.087646484375</t>
  </si>
  <si>
    <t>0.0015696466106014384</t>
  </si>
  <si>
    <t>18524</t>
  </si>
  <si>
    <t>12.622291564941406</t>
  </si>
  <si>
    <t>500.2828063964844</t>
  </si>
  <si>
    <t>0.0018371432194719262</t>
  </si>
  <si>
    <t>18063</t>
  </si>
  <si>
    <t>11.981183052062988</t>
  </si>
  <si>
    <t>561.6876831054688</t>
  </si>
  <si>
    <t>-0.02520154146808551</t>
  </si>
  <si>
    <t>17068</t>
  </si>
  <si>
    <t>12.620232582092285</t>
  </si>
  <si>
    <t>480.2052917480469</t>
  </si>
  <si>
    <t>-0.05666028182466576</t>
  </si>
  <si>
    <t>14432</t>
  </si>
  <si>
    <t>12.304191589355469</t>
  </si>
  <si>
    <t>503.18450927734375</t>
  </si>
  <si>
    <t>-0.1677574020054866</t>
  </si>
  <si>
    <t>14984</t>
  </si>
  <si>
    <t>13.023646354675293</t>
  </si>
  <si>
    <t>386.4891357421875</t>
  </si>
  <si>
    <t>0.03753500182151903</t>
  </si>
  <si>
    <t>16096</t>
  </si>
  <si>
    <t>12.785087585449219</t>
  </si>
  <si>
    <t>525.8587646484375</t>
  </si>
  <si>
    <t>0.0715878287755416</t>
  </si>
  <si>
    <t>17537</t>
  </si>
  <si>
    <t>12.431102752685547</t>
  </si>
  <si>
    <t>491.5179138183594</t>
  </si>
  <si>
    <t>0.08574214076982756</t>
  </si>
  <si>
    <t>19806</t>
  </si>
  <si>
    <t>12.976821899414062</t>
  </si>
  <si>
    <t>471.7356262207031</t>
  </si>
  <si>
    <t>0.12167198741195584</t>
  </si>
  <si>
    <t>22506</t>
  </si>
  <si>
    <t>12.103960990905762</t>
  </si>
  <si>
    <t>332.65850830078125</t>
  </si>
  <si>
    <t>0.12779701822869427</t>
  </si>
  <si>
    <t>24348</t>
  </si>
  <si>
    <t>13.313929557800293</t>
  </si>
  <si>
    <t>356.97320556640625</t>
  </si>
  <si>
    <t>0.07866777030387162</t>
  </si>
  <si>
    <t>22371</t>
  </si>
  <si>
    <t>13.063831329345703</t>
  </si>
  <si>
    <t>422.2632751464844</t>
  </si>
  <si>
    <t>-0.08468423340191045</t>
  </si>
  <si>
    <t>24243</t>
  </si>
  <si>
    <t>12.5638427734375</t>
  </si>
  <si>
    <t>396.8940734863281</t>
  </si>
  <si>
    <t>0.08036243868965265</t>
  </si>
  <si>
    <t>25093</t>
  </si>
  <si>
    <t>13.097098350524902</t>
  </si>
  <si>
    <t>362.1858825683594</t>
  </si>
  <si>
    <t>0.034461006860663446</t>
  </si>
  <si>
    <t>24255</t>
  </si>
  <si>
    <t>13.0026216506958</t>
  </si>
  <si>
    <t>417.3712463378906</t>
  </si>
  <si>
    <t>-0.03396614108290308</t>
  </si>
  <si>
    <t>24265</t>
  </si>
  <si>
    <t>13.163826942443848</t>
  </si>
  <si>
    <t>383.34765625</t>
  </si>
  <si>
    <t>0.0004122011599996256</t>
  </si>
  <si>
    <t>23115</t>
  </si>
  <si>
    <t>12.903277397155762</t>
  </si>
  <si>
    <t>446.4731140136719</t>
  </si>
  <si>
    <t>-0.04855322541699181</t>
  </si>
  <si>
    <t>13.113442420959473</t>
  </si>
  <si>
    <t>424.968994140625</t>
  </si>
  <si>
    <t>0.004101462846158199</t>
  </si>
  <si>
    <t>22219</t>
  </si>
  <si>
    <t>12.87374496459961</t>
  </si>
  <si>
    <t>369.09051513671875</t>
  </si>
  <si>
    <t>-0.043635441588044444</t>
  </si>
  <si>
    <t>22339</t>
  </si>
  <si>
    <t>13.165566444396973</t>
  </si>
  <si>
    <t>415.926513671875</t>
  </si>
  <si>
    <t>0.005386251183484347</t>
  </si>
  <si>
    <t>21278</t>
  </si>
  <si>
    <t>12.914238929748535</t>
  </si>
  <si>
    <t>423.2950134277344</t>
  </si>
  <si>
    <t>-0.04866035478761255</t>
  </si>
  <si>
    <t>20401</t>
  </si>
  <si>
    <t>13.119128227233887</t>
  </si>
  <si>
    <t>333.4184265136719</t>
  </si>
  <si>
    <t>-0.04208975583758168</t>
  </si>
  <si>
    <t>18240</t>
  </si>
  <si>
    <t>13.17907428741455</t>
  </si>
  <si>
    <t>351.649169921875</t>
  </si>
  <si>
    <t>-0.11196693461040574</t>
  </si>
  <si>
    <t>20028</t>
  </si>
  <si>
    <t>13.394906044006348</t>
  </si>
  <si>
    <t>332.3404846191406</t>
  </si>
  <si>
    <t>0.09351430982151143</t>
  </si>
  <si>
    <t>20851</t>
  </si>
  <si>
    <t>12.87051773071289</t>
  </si>
  <si>
    <t>448.30780029296875</t>
  </si>
  <si>
    <t>0.04027061425768608</t>
  </si>
  <si>
    <t>182</t>
  </si>
  <si>
    <t>7996</t>
  </si>
  <si>
    <t>17.247957229614258</t>
  </si>
  <si>
    <t>766.2465209960938</t>
  </si>
  <si>
    <t>427.4519348144531</t>
  </si>
  <si>
    <t>Salta</t>
  </si>
  <si>
    <t>8616</t>
  </si>
  <si>
    <t>17.747541427612305</t>
  </si>
  <si>
    <t>869.3427734375</t>
  </si>
  <si>
    <t>0.0746795232159343</t>
  </si>
  <si>
    <t>9186</t>
  </si>
  <si>
    <t>17.371721267700195</t>
  </si>
  <si>
    <t>682.21337890625</t>
  </si>
  <si>
    <t>0.06405964604951464</t>
  </si>
  <si>
    <t>9821</t>
  </si>
  <si>
    <t>17.597684860229492</t>
  </si>
  <si>
    <t>618.8110961914062</t>
  </si>
  <si>
    <t>0.06684236427203416</t>
  </si>
  <si>
    <t>9881</t>
  </si>
  <si>
    <t>18.363073348999023</t>
  </si>
  <si>
    <t>721.4390869140625</t>
  </si>
  <si>
    <t>0.006090771037190024</t>
  </si>
  <si>
    <t>9432</t>
  </si>
  <si>
    <t>17.70518684387207</t>
  </si>
  <si>
    <t>509.7622375488281</t>
  </si>
  <si>
    <t>-0.04650555797775624</t>
  </si>
  <si>
    <t>9456</t>
  </si>
  <si>
    <t>17.42424201965332</t>
  </si>
  <si>
    <t>703.1242065429688</t>
  </si>
  <si>
    <t>0.0025412974286727064</t>
  </si>
  <si>
    <t>10001</t>
  </si>
  <si>
    <t>18.242361068725586</t>
  </si>
  <si>
    <t>623.88330078125</t>
  </si>
  <si>
    <t>0.05603562733063683</t>
  </si>
  <si>
    <t>10066</t>
  </si>
  <si>
    <t>17.333005905151367</t>
  </si>
  <si>
    <t>645.5220947265625</t>
  </si>
  <si>
    <t>0.006478320359788015</t>
  </si>
  <si>
    <t>17.129079818725586</t>
  </si>
  <si>
    <t>673.158935546875</t>
  </si>
  <si>
    <t>-0.01794264543917201</t>
  </si>
  <si>
    <t>9709</t>
  </si>
  <si>
    <t>16.91490364074707</t>
  </si>
  <si>
    <t>811.8504028320312</t>
  </si>
  <si>
    <t>-0.01816747252698825</t>
  </si>
  <si>
    <t>17.50139617919922</t>
  </si>
  <si>
    <t>664.32470703125</t>
  </si>
  <si>
    <t>-0.07716293606492464</t>
  </si>
  <si>
    <t>8850</t>
  </si>
  <si>
    <t>17.673349380493164</t>
  </si>
  <si>
    <t>741.7059326171875</t>
  </si>
  <si>
    <t>-0.015472895303245693</t>
  </si>
  <si>
    <t>9332</t>
  </si>
  <si>
    <t>17.961782455444336</t>
  </si>
  <si>
    <t>631.6259155273438</t>
  </si>
  <si>
    <t>0.053031895139346474</t>
  </si>
  <si>
    <t>10033</t>
  </si>
  <si>
    <t>17.640260696411133</t>
  </si>
  <si>
    <t>610.0308227539062</t>
  </si>
  <si>
    <t>0.07243030578429277</t>
  </si>
  <si>
    <t>10654</t>
  </si>
  <si>
    <t>17.561664581298828</t>
  </si>
  <si>
    <t>667.6123657226562</t>
  </si>
  <si>
    <t>0.060055748551331334</t>
  </si>
  <si>
    <t>11333</t>
  </si>
  <si>
    <t>18.045602798461914</t>
  </si>
  <si>
    <t>817.8309936523438</t>
  </si>
  <si>
    <t>0.06178341525600395</t>
  </si>
  <si>
    <t>12163</t>
  </si>
  <si>
    <t>17.14025115966797</t>
  </si>
  <si>
    <t>722.0690307617188</t>
  </si>
  <si>
    <t>0.07067973288548757</t>
  </si>
  <si>
    <t>12459</t>
  </si>
  <si>
    <t>17.481538772583008</t>
  </si>
  <si>
    <t>713.0750122070312</t>
  </si>
  <si>
    <t>0.02404469668042708</t>
  </si>
  <si>
    <t>11661</t>
  </si>
  <si>
    <t>18.083837509155273</t>
  </si>
  <si>
    <t>651.162841796875</t>
  </si>
  <si>
    <t>-0.06619331277853036</t>
  </si>
  <si>
    <t>12875</t>
  </si>
  <si>
    <t>17.34901237487793</t>
  </si>
  <si>
    <t>657.8135986328125</t>
  </si>
  <si>
    <t>0.09903750601160333</t>
  </si>
  <si>
    <t>13577</t>
  </si>
  <si>
    <t>17.597681045532227</t>
  </si>
  <si>
    <t>664.4742431640625</t>
  </si>
  <si>
    <t>0.05308973806834416</t>
  </si>
  <si>
    <t>13373</t>
  </si>
  <si>
    <t>18.375417709350586</t>
  </si>
  <si>
    <t>630.2300415039062</t>
  </si>
  <si>
    <t>-0.015139435727483885</t>
  </si>
  <si>
    <t>18.114971160888672</t>
  </si>
  <si>
    <t>554.0953979492188</t>
  </si>
  <si>
    <t>0.01932892404993325</t>
  </si>
  <si>
    <t>13237</t>
  </si>
  <si>
    <t>18.14768409729004</t>
  </si>
  <si>
    <t>594.9904174804688</t>
  </si>
  <si>
    <t>-0.02955073420895893</t>
  </si>
  <si>
    <t>13548</t>
  </si>
  <si>
    <t>18.229930877685547</t>
  </si>
  <si>
    <t>694.7640991210938</t>
  </si>
  <si>
    <t>0.023222996223891457</t>
  </si>
  <si>
    <t>17.376480102539062</t>
  </si>
  <si>
    <t>597.63134765625</t>
  </si>
  <si>
    <t>-0.024356826044138913</t>
  </si>
  <si>
    <t>13553</t>
  </si>
  <si>
    <t>17.96734619140625</t>
  </si>
  <si>
    <t>704.3252563476562</t>
  </si>
  <si>
    <t>0.02472581612249236</t>
  </si>
  <si>
    <t>13163</t>
  </si>
  <si>
    <t>17.71922492980957</t>
  </si>
  <si>
    <t>614.1008911132812</t>
  </si>
  <si>
    <t>-0.029198061590609115</t>
  </si>
  <si>
    <t>12871</t>
  </si>
  <si>
    <t>17.718381881713867</t>
  </si>
  <si>
    <t>629.4304809570312</t>
  </si>
  <si>
    <t>-0.022433144776028868</t>
  </si>
  <si>
    <t>11507</t>
  </si>
  <si>
    <t>18.314254760742188</t>
  </si>
  <si>
    <t>607.21337890625</t>
  </si>
  <si>
    <t>-0.11202117282591928</t>
  </si>
  <si>
    <t>12635</t>
  </si>
  <si>
    <t>18.00100326538086</t>
  </si>
  <si>
    <t>592.065185546875</t>
  </si>
  <si>
    <t>0.09351519499883665</t>
  </si>
  <si>
    <t>13154</t>
  </si>
  <si>
    <t>17.72379493713379</t>
  </si>
  <si>
    <t>451.453125</t>
  </si>
  <si>
    <t>0.040255154039000374</t>
  </si>
  <si>
    <t>183</t>
  </si>
  <si>
    <t>14.952351570129395</t>
  </si>
  <si>
    <t>190.57949829101562</t>
  </si>
  <si>
    <t>239.97596740722656</t>
  </si>
  <si>
    <t>San Juan</t>
  </si>
  <si>
    <t>10633</t>
  </si>
  <si>
    <t>15.376849174499512</t>
  </si>
  <si>
    <t>186.25872802734375</t>
  </si>
  <si>
    <t>0.07476651679391821</t>
  </si>
  <si>
    <t>11336</t>
  </si>
  <si>
    <t>14.76456356048584</t>
  </si>
  <si>
    <t>256.8761901855469</t>
  </si>
  <si>
    <t>0.06402112971943019</t>
  </si>
  <si>
    <t>12120</t>
  </si>
  <si>
    <t>15.169194221496582</t>
  </si>
  <si>
    <t>120.03975677490234</t>
  </si>
  <si>
    <t>0.06687347825278955</t>
  </si>
  <si>
    <t>12340</t>
  </si>
  <si>
    <t>16.084890365600586</t>
  </si>
  <si>
    <t>112.98734283447266</t>
  </si>
  <si>
    <t>0.017989037836073862</t>
  </si>
  <si>
    <t>11004</t>
  </si>
  <si>
    <t>15.433545112609863</t>
  </si>
  <si>
    <t>140.47146606445312</t>
  </si>
  <si>
    <t>-0.11458717541491481</t>
  </si>
  <si>
    <t>15.21652889251709</t>
  </si>
  <si>
    <t>168.3544464111328</t>
  </si>
  <si>
    <t>-0.0209374039542638</t>
  </si>
  <si>
    <t>11483</t>
  </si>
  <si>
    <t>15.61856460571289</t>
  </si>
  <si>
    <t>193.93899536132812</t>
  </si>
  <si>
    <t>0.0635462416859891</t>
  </si>
  <si>
    <t>11931</t>
  </si>
  <si>
    <t>14.902698516845703</t>
  </si>
  <si>
    <t>191.63230895996094</t>
  </si>
  <si>
    <t>0.03827237409961093</t>
  </si>
  <si>
    <t>11758</t>
  </si>
  <si>
    <t>14.706035614013672</t>
  </si>
  <si>
    <t>215.92210388183594</t>
  </si>
  <si>
    <t>-0.01460619491360049</t>
  </si>
  <si>
    <t>14.45299243927002</t>
  </si>
  <si>
    <t>205.2237548828125</t>
  </si>
  <si>
    <t>-0.05121272539135191</t>
  </si>
  <si>
    <t>10486</t>
  </si>
  <si>
    <t>14.90581226348877</t>
  </si>
  <si>
    <t>209.4231414794922</t>
  </si>
  <si>
    <t>-0.0632801004383694</t>
  </si>
  <si>
    <t>7997</t>
  </si>
  <si>
    <t>15.03622055053711</t>
  </si>
  <si>
    <t>187.3058319091797</t>
  </si>
  <si>
    <t>-0.27097456280058907</t>
  </si>
  <si>
    <t>8510</t>
  </si>
  <si>
    <t>15.7372407913208</t>
  </si>
  <si>
    <t>101.32595825195312</t>
  </si>
  <si>
    <t>0.062175471235530466</t>
  </si>
  <si>
    <t>9321</t>
  </si>
  <si>
    <t>15.2591552734375</t>
  </si>
  <si>
    <t>193.0716552734375</t>
  </si>
  <si>
    <t>0.09102797649373606</t>
  </si>
  <si>
    <t>10116</t>
  </si>
  <si>
    <t>15.039349555969238</t>
  </si>
  <si>
    <t>188.27699279785156</t>
  </si>
  <si>
    <t>0.08184840972869978</t>
  </si>
  <si>
    <t>15.78331470489502</t>
  </si>
  <si>
    <t>153.47830200195312</t>
  </si>
  <si>
    <t>0.1880550558789995</t>
  </si>
  <si>
    <t>14673</t>
  </si>
  <si>
    <t>14.533587455749512</t>
  </si>
  <si>
    <t>180.18008422851562</t>
  </si>
  <si>
    <t>0.18383568553861096</t>
  </si>
  <si>
    <t>16657</t>
  </si>
  <si>
    <t>15.332903861999512</t>
  </si>
  <si>
    <t>207.30792236328125</t>
  </si>
  <si>
    <t>0.1268214782696404</t>
  </si>
  <si>
    <t>15405</t>
  </si>
  <si>
    <t>15.95649242401123</t>
  </si>
  <si>
    <t>84.27598571777344</t>
  </si>
  <si>
    <t>-0.07813841644633968</t>
  </si>
  <si>
    <t>16805</t>
  </si>
  <si>
    <t>15.0304536819458</t>
  </si>
  <si>
    <t>130.32333374023438</t>
  </si>
  <si>
    <t>0.08698432912843934</t>
  </si>
  <si>
    <t>17512</t>
  </si>
  <si>
    <t>15.36965560913086</t>
  </si>
  <si>
    <t>186.62132263183594</t>
  </si>
  <si>
    <t>0.04120989904349237</t>
  </si>
  <si>
    <t>17044</t>
  </si>
  <si>
    <t>15.82640552520752</t>
  </si>
  <si>
    <t>142.1565399169922</t>
  </si>
  <si>
    <t>-0.027088124582896</t>
  </si>
  <si>
    <t>17170</t>
  </si>
  <si>
    <t>15.665740966796875</t>
  </si>
  <si>
    <t>116.61503601074219</t>
  </si>
  <si>
    <t>0.007365439271717733</t>
  </si>
  <si>
    <t>16473</t>
  </si>
  <si>
    <t>15.390717506408691</t>
  </si>
  <si>
    <t>160.8994140625</t>
  </si>
  <si>
    <t>-0.04144099794453915</t>
  </si>
  <si>
    <t>16661</t>
  </si>
  <si>
    <t>15.376636505126953</t>
  </si>
  <si>
    <t>224.9814453125</t>
  </si>
  <si>
    <t>0.011347981982087418</t>
  </si>
  <si>
    <t>16067</t>
  </si>
  <si>
    <t>14.9764986038208</t>
  </si>
  <si>
    <t>192.91017150878906</t>
  </si>
  <si>
    <t>-0.03630317988573317</t>
  </si>
  <si>
    <t>16276</t>
  </si>
  <si>
    <t>15.349876403808594</t>
  </si>
  <si>
    <t>186.0906219482422</t>
  </si>
  <si>
    <t>0.012924151078244961</t>
  </si>
  <si>
    <t>15622</t>
  </si>
  <si>
    <t>15.18823528289795</t>
  </si>
  <si>
    <t>141.9925537109375</t>
  </si>
  <si>
    <t>-0.0410114529513379</t>
  </si>
  <si>
    <t>15095</t>
  </si>
  <si>
    <t>15.360492706298828</t>
  </si>
  <si>
    <t>109.12761688232422</t>
  </si>
  <si>
    <t>-0.034316614029304304</t>
  </si>
  <si>
    <t>13495</t>
  </si>
  <si>
    <t>15.510931968688965</t>
  </si>
  <si>
    <t>139.9423065185547</t>
  </si>
  <si>
    <t>-0.1120443166888343</t>
  </si>
  <si>
    <t>14818</t>
  </si>
  <si>
    <t>15.438567161560059</t>
  </si>
  <si>
    <t>182.263427734375</t>
  </si>
  <si>
    <t>0.09352341152449739</t>
  </si>
  <si>
    <t>15427</t>
  </si>
  <si>
    <t>15.157414436340332</t>
  </si>
  <si>
    <t>145.61627197265625</t>
  </si>
  <si>
    <t>0.04027656303533789</t>
  </si>
  <si>
    <t>184</t>
  </si>
  <si>
    <t>16739</t>
  </si>
  <si>
    <t>17.019174575805664</t>
  </si>
  <si>
    <t>656.8198852539062</t>
  </si>
  <si>
    <t>137.88113403320312</t>
  </si>
  <si>
    <t>San Luis</t>
  </si>
  <si>
    <t>18038</t>
  </si>
  <si>
    <t>17.283628463745117</t>
  </si>
  <si>
    <t>619.5659790039062</t>
  </si>
  <si>
    <t>0.07473931762303287</t>
  </si>
  <si>
    <t>19232</t>
  </si>
  <si>
    <t>16.95764923095703</t>
  </si>
  <si>
    <t>744.489990234375</t>
  </si>
  <si>
    <t>0.06409491460928152</t>
  </si>
  <si>
    <t>20561</t>
  </si>
  <si>
    <t>17.219472885131836</t>
  </si>
  <si>
    <t>552.5884399414062</t>
  </si>
  <si>
    <t>0.0668205191836666</t>
  </si>
  <si>
    <t>21166</t>
  </si>
  <si>
    <t>18.02474021911621</t>
  </si>
  <si>
    <t>524.2798461914062</t>
  </si>
  <si>
    <t>0.029000043135068765</t>
  </si>
  <si>
    <t>19610</t>
  </si>
  <si>
    <t>17.308847427368164</t>
  </si>
  <si>
    <t>436.6760559082031</t>
  </si>
  <si>
    <t>-0.07635648046327859</t>
  </si>
  <si>
    <t>19934</t>
  </si>
  <si>
    <t>17.262422561645508</t>
  </si>
  <si>
    <t>597.4227905273438</t>
  </si>
  <si>
    <t>0.0163871763370107</t>
  </si>
  <si>
    <t>20723</t>
  </si>
  <si>
    <t>17.59812355041504</t>
  </si>
  <si>
    <t>571.8113403320312</t>
  </si>
  <si>
    <t>0.038817378010085335</t>
  </si>
  <si>
    <t>20607</t>
  </si>
  <si>
    <t>16.844148635864258</t>
  </si>
  <si>
    <t>642.0110473632812</t>
  </si>
  <si>
    <t>-0.005613370655495942</t>
  </si>
  <si>
    <t>19010</t>
  </si>
  <si>
    <t>16.69716453552246</t>
  </si>
  <si>
    <t>779.5667724609375</t>
  </si>
  <si>
    <t>-0.08066566739951675</t>
  </si>
  <si>
    <t>18153</t>
  </si>
  <si>
    <t>16.613317489624023</t>
  </si>
  <si>
    <t>670.6259765625</t>
  </si>
  <si>
    <t>-0.046129320192044077</t>
  </si>
  <si>
    <t>17.048105239868164</t>
  </si>
  <si>
    <t>714.17822265625</t>
  </si>
  <si>
    <t>-0.06632862385726845</t>
  </si>
  <si>
    <t>15781</t>
  </si>
  <si>
    <t>17.112245559692383</t>
  </si>
  <si>
    <t>544.2323608398438</t>
  </si>
  <si>
    <t>-0.07370052768502866</t>
  </si>
  <si>
    <t>17.8009090423584</t>
  </si>
  <si>
    <t>384.1685791015625</t>
  </si>
  <si>
    <t>0.09357471389211192</t>
  </si>
  <si>
    <t>18907</t>
  </si>
  <si>
    <t>17.080230712890625</t>
  </si>
  <si>
    <t>601.4431762695312</t>
  </si>
  <si>
    <t>0.08715082520768291</t>
  </si>
  <si>
    <t>20333</t>
  </si>
  <si>
    <t>17.068655014038086</t>
  </si>
  <si>
    <t>503.85650634765625</t>
  </si>
  <si>
    <t>0.07271295806241262</t>
  </si>
  <si>
    <t>19439</t>
  </si>
  <si>
    <t>17.77814292907715</t>
  </si>
  <si>
    <t>545.871337890625</t>
  </si>
  <si>
    <t>-0.044963824548228004</t>
  </si>
  <si>
    <t>18485</t>
  </si>
  <si>
    <t>16.427478790283203</t>
  </si>
  <si>
    <t>612.5382690429688</t>
  </si>
  <si>
    <t>-0.050321764991380746</t>
  </si>
  <si>
    <t>16474</t>
  </si>
  <si>
    <t>17.2491397857666</t>
  </si>
  <si>
    <t>580.54296875</t>
  </si>
  <si>
    <t>-0.11517621186953875</t>
  </si>
  <si>
    <t>15426</t>
  </si>
  <si>
    <t>17.99955940246582</t>
  </si>
  <si>
    <t>377.2163391113281</t>
  </si>
  <si>
    <t>-0.06572898300724894</t>
  </si>
  <si>
    <t>17038</t>
  </si>
  <si>
    <t>16.96457862854004</t>
  </si>
  <si>
    <t>529.227783203125</t>
  </si>
  <si>
    <t>0.09939174610884116</t>
  </si>
  <si>
    <t>17975</t>
  </si>
  <si>
    <t>17.40060043334961</t>
  </si>
  <si>
    <t>463.8587951660156</t>
  </si>
  <si>
    <t>0.05353575998646143</t>
  </si>
  <si>
    <t>17713</t>
  </si>
  <si>
    <t>17.763967514038086</t>
  </si>
  <si>
    <t>630.4012451171875</t>
  </si>
  <si>
    <t>-0.014683070336650061</t>
  </si>
  <si>
    <t>18065</t>
  </si>
  <si>
    <t>17.73375129699707</t>
  </si>
  <si>
    <t>511.6902770996094</t>
  </si>
  <si>
    <t>0.01967753132914396</t>
  </si>
  <si>
    <t>17546</t>
  </si>
  <si>
    <t>17.438182830810547</t>
  </si>
  <si>
    <t>620.7491455078125</t>
  </si>
  <si>
    <t>-0.029150360893412497</t>
  </si>
  <si>
    <t>17966</t>
  </si>
  <si>
    <t>17.492801666259766</t>
  </si>
  <si>
    <t>721.5597534179688</t>
  </si>
  <si>
    <t>0.02365507910082343</t>
  </si>
  <si>
    <t>17539</t>
  </si>
  <si>
    <t>17.0041561126709</t>
  </si>
  <si>
    <t>667.0753173828125</t>
  </si>
  <si>
    <t>-0.02405411003101321</t>
  </si>
  <si>
    <t>17985</t>
  </si>
  <si>
    <t>17.44642448425293</t>
  </si>
  <si>
    <t>628.3863525390625</t>
  </si>
  <si>
    <t>0.025111104371585924</t>
  </si>
  <si>
    <t>17475</t>
  </si>
  <si>
    <t>17.30919075012207</t>
  </si>
  <si>
    <t>486.04205322265625</t>
  </si>
  <si>
    <t>-0.028766789027713457</t>
  </si>
  <si>
    <t>17092</t>
  </si>
  <si>
    <t>17.398237228393555</t>
  </si>
  <si>
    <t>430.6450500488281</t>
  </si>
  <si>
    <t>-0.022160770338095048</t>
  </si>
  <si>
    <t>15281</t>
  </si>
  <si>
    <t>17.553815841674805</t>
  </si>
  <si>
    <t>504.3724060058594</t>
  </si>
  <si>
    <t>-0.11200029115865817</t>
  </si>
  <si>
    <t>16779</t>
  </si>
  <si>
    <t>17.51709747314453</t>
  </si>
  <si>
    <t>578.6673583984375</t>
  </si>
  <si>
    <t>0.09351787788443922</t>
  </si>
  <si>
    <t>17469</t>
  </si>
  <si>
    <t>17.36446189880371</t>
  </si>
  <si>
    <t>426.0508117675781</t>
  </si>
  <si>
    <t>0.040299777015532</t>
  </si>
  <si>
    <t>185</t>
  </si>
  <si>
    <t>27916</t>
  </si>
  <si>
    <t>8.899877548217773</t>
  </si>
  <si>
    <t>270.1404724121094</t>
  </si>
  <si>
    <t>97.2093734741211</t>
  </si>
  <si>
    <t>Santa Cruz</t>
  </si>
  <si>
    <t>30083</t>
  </si>
  <si>
    <t>8.106654167175293</t>
  </si>
  <si>
    <t>273.4094543457031</t>
  </si>
  <si>
    <t>0.07476022699617779</t>
  </si>
  <si>
    <t>32074</t>
  </si>
  <si>
    <t>7.799355983734131</t>
  </si>
  <si>
    <t>303.81439208984375</t>
  </si>
  <si>
    <t>0.06408550493553378</t>
  </si>
  <si>
    <t>34290</t>
  </si>
  <si>
    <t>8.795023918151855</t>
  </si>
  <si>
    <t>225.36648559570312</t>
  </si>
  <si>
    <t>0.06680803338821129</t>
  </si>
  <si>
    <t>37411</t>
  </si>
  <si>
    <t>8.0745210647583</t>
  </si>
  <si>
    <t>327.95166015625</t>
  </si>
  <si>
    <t>0.08711101234860053</t>
  </si>
  <si>
    <t>42356</t>
  </si>
  <si>
    <t>7.977202892303467</t>
  </si>
  <si>
    <t>293.2911376953125</t>
  </si>
  <si>
    <t>0.12414530874477947</t>
  </si>
  <si>
    <t>45469</t>
  </si>
  <si>
    <t>8.806078910827637</t>
  </si>
  <si>
    <t>253.31744384765625</t>
  </si>
  <si>
    <t>0.07092068750433</t>
  </si>
  <si>
    <t>41356</t>
  </si>
  <si>
    <t>7.954217910766602</t>
  </si>
  <si>
    <t>318.7488098144531</t>
  </si>
  <si>
    <t>-0.09481326134809187</t>
  </si>
  <si>
    <t>34511</t>
  </si>
  <si>
    <t>9.37403392791748</t>
  </si>
  <si>
    <t>270.9403991699219</t>
  </si>
  <si>
    <t>-0.1809393999262774</t>
  </si>
  <si>
    <t>35583</t>
  </si>
  <si>
    <t>8.642909049987793</t>
  </si>
  <si>
    <t>221.52584838867188</t>
  </si>
  <si>
    <t>0.030589881917078898</t>
  </si>
  <si>
    <t>42241</t>
  </si>
  <si>
    <t>7.661924362182617</t>
  </si>
  <si>
    <t>312.606201171875</t>
  </si>
  <si>
    <t>0.17152331764495266</t>
  </si>
  <si>
    <t>39305</t>
  </si>
  <si>
    <t>8.114681243896484</t>
  </si>
  <si>
    <t>240.2999725341797</t>
  </si>
  <si>
    <t>-0.07203957611448075</t>
  </si>
  <si>
    <t>52661</t>
  </si>
  <si>
    <t>7.570328235626221</t>
  </si>
  <si>
    <t>372.4498596191406</t>
  </si>
  <si>
    <t>0.29252340638767826</t>
  </si>
  <si>
    <t>50195</t>
  </si>
  <si>
    <t>8.626445770263672</t>
  </si>
  <si>
    <t>319.665283203125</t>
  </si>
  <si>
    <t>-0.04795972348990851</t>
  </si>
  <si>
    <t>51715</t>
  </si>
  <si>
    <t>9.043313980102539</t>
  </si>
  <si>
    <t>255.1517791748047</t>
  </si>
  <si>
    <t>0.029832454686276932</t>
  </si>
  <si>
    <t>55156</t>
  </si>
  <si>
    <t>8.347325325012207</t>
  </si>
  <si>
    <t>317.42559814453125</t>
  </si>
  <si>
    <t>0.06441765914972741</t>
  </si>
  <si>
    <t>66329</t>
  </si>
  <si>
    <t>8.532496452331543</t>
  </si>
  <si>
    <t>303.9141540527344</t>
  </si>
  <si>
    <t>0.18446167330984586</t>
  </si>
  <si>
    <t>79493</t>
  </si>
  <si>
    <t>8.261372566223145</t>
  </si>
  <si>
    <t>231.67970275878906</t>
  </si>
  <si>
    <t>0.18104176017982532</t>
  </si>
  <si>
    <t>90035</t>
  </si>
  <si>
    <t>8.89841365814209</t>
  </si>
  <si>
    <t>314.1301574707031</t>
  </si>
  <si>
    <t>0.1245295161523039</t>
  </si>
  <si>
    <t>80771</t>
  </si>
  <si>
    <t>8.479090690612793</t>
  </si>
  <si>
    <t>258.4450988769531</t>
  </si>
  <si>
    <t>-0.10858049340943765</t>
  </si>
  <si>
    <t>85363</t>
  </si>
  <si>
    <t>8.413485527038574</t>
  </si>
  <si>
    <t>235.72471618652344</t>
  </si>
  <si>
    <t>0.055294761430989325</t>
  </si>
  <si>
    <t>86056</t>
  </si>
  <si>
    <t>9.033555030822754</t>
  </si>
  <si>
    <t>280.70709228515625</t>
  </si>
  <si>
    <t>0.008085495486684025</t>
  </si>
  <si>
    <t>80910</t>
  </si>
  <si>
    <t>8.607748985290527</t>
  </si>
  <si>
    <t>267.8642578125</t>
  </si>
  <si>
    <t>-0.06166082130995676</t>
  </si>
  <si>
    <t>78611</t>
  </si>
  <si>
    <t>8.69602108001709</t>
  </si>
  <si>
    <t>273.9120788574219</t>
  </si>
  <si>
    <t>-0.028825787067136233</t>
  </si>
  <si>
    <t>72610</t>
  </si>
  <si>
    <t>8.573227882385254</t>
  </si>
  <si>
    <t>303.8424377441406</t>
  </si>
  <si>
    <t>-0.07940898536045715</t>
  </si>
  <si>
    <t>70566</t>
  </si>
  <si>
    <t>8.749726295471191</t>
  </si>
  <si>
    <t>254.77943420410156</t>
  </si>
  <si>
    <t>-0.02855421129519975</t>
  </si>
  <si>
    <t>65252</t>
  </si>
  <si>
    <t>8.927430152893066</t>
  </si>
  <si>
    <t>236.75181579589844</t>
  </si>
  <si>
    <t>-0.0782917450228986</t>
  </si>
  <si>
    <t>63234</t>
  </si>
  <si>
    <t>8.972058296203613</t>
  </si>
  <si>
    <t>331.6837158203125</t>
  </si>
  <si>
    <t>-0.03141456589420066</t>
  </si>
  <si>
    <t>57912</t>
  </si>
  <si>
    <t>8.611442565917969</t>
  </si>
  <si>
    <t>243.2252197265625</t>
  </si>
  <si>
    <t>-0.08791751418901583</t>
  </si>
  <si>
    <t>53243</t>
  </si>
  <si>
    <t>8.764543533325195</t>
  </si>
  <si>
    <t>327.859619140625</t>
  </si>
  <si>
    <t>-0.0840582764413842</t>
  </si>
  <si>
    <t>47602</t>
  </si>
  <si>
    <t>8.96715259552002</t>
  </si>
  <si>
    <t>257.40252685546875</t>
  </si>
  <si>
    <t>-0.11199156338803995</t>
  </si>
  <si>
    <t>52269</t>
  </si>
  <si>
    <t>9.497231483459473</t>
  </si>
  <si>
    <t>217.14479064941406</t>
  </si>
  <si>
    <t>0.09352868394746316</t>
  </si>
  <si>
    <t>54417</t>
  </si>
  <si>
    <t>8.756401062011719</t>
  </si>
  <si>
    <t>221.3180694580078</t>
  </si>
  <si>
    <t>0.04027314393506387</t>
  </si>
  <si>
    <t>186</t>
  </si>
  <si>
    <t>13703</t>
  </si>
  <si>
    <t>17.92349624633789</t>
  </si>
  <si>
    <t>1245.3475341796875</t>
  </si>
  <si>
    <t>1242.04833984375</t>
  </si>
  <si>
    <t>Santa Fe</t>
  </si>
  <si>
    <t>14767</t>
  </si>
  <si>
    <t>18.612871170043945</t>
  </si>
  <si>
    <t>1039.252197265625</t>
  </si>
  <si>
    <t>0.07478017452757335</t>
  </si>
  <si>
    <t>15744</t>
  </si>
  <si>
    <t>18.177793502807617</t>
  </si>
  <si>
    <t>1147.1209716796875</t>
  </si>
  <si>
    <t>0.06406437881826044</t>
  </si>
  <si>
    <t>16833</t>
  </si>
  <si>
    <t>18.10808753967285</t>
  </si>
  <si>
    <t>1018.5953369140625</t>
  </si>
  <si>
    <t>0.0668819051270475</t>
  </si>
  <si>
    <t>17776</t>
  </si>
  <si>
    <t>18.92864418029785</t>
  </si>
  <si>
    <t>971.3721923828125</t>
  </si>
  <si>
    <t>0.05450798746032959</t>
  </si>
  <si>
    <t>16982</t>
  </si>
  <si>
    <t>18.043537139892578</t>
  </si>
  <si>
    <t>822.26025390625</t>
  </si>
  <si>
    <t>-0.045695273320102814</t>
  </si>
  <si>
    <t>18046</t>
  </si>
  <si>
    <t>18.418176651000977</t>
  </si>
  <si>
    <t>984.7251586914062</t>
  </si>
  <si>
    <t>0.06077009399513855</t>
  </si>
  <si>
    <t>18695</t>
  </si>
  <si>
    <t>18.694875717163086</t>
  </si>
  <si>
    <t>1032.965576171875</t>
  </si>
  <si>
    <t>0.035332054856766604</t>
  </si>
  <si>
    <t>19258</t>
  </si>
  <si>
    <t>17.919301986694336</t>
  </si>
  <si>
    <t>991.9869384765625</t>
  </si>
  <si>
    <t>0.029670450389016167</t>
  </si>
  <si>
    <t>17812</t>
  </si>
  <si>
    <t>18.278837203979492</t>
  </si>
  <si>
    <t>906.1197509765625</t>
  </si>
  <si>
    <t>-0.07805417135863735</t>
  </si>
  <si>
    <t>17410</t>
  </si>
  <si>
    <t>17.81275749206543</t>
  </si>
  <si>
    <t>1362.2225341796875</t>
  </si>
  <si>
    <t>-0.022827633679357362</t>
  </si>
  <si>
    <t>16529</t>
  </si>
  <si>
    <t>18.719934463500977</t>
  </si>
  <si>
    <t>1169.761474609375</t>
  </si>
  <si>
    <t>-0.05192833984488132</t>
  </si>
  <si>
    <t>15968</t>
  </si>
  <si>
    <t>18.47688865661621</t>
  </si>
  <si>
    <t>1293.9725341796875</t>
  </si>
  <si>
    <t>-0.03452969436610864</t>
  </si>
  <si>
    <t>17361</t>
  </si>
  <si>
    <t>18.245725631713867</t>
  </si>
  <si>
    <t>1106.43798828125</t>
  </si>
  <si>
    <t>0.08363959169070334</t>
  </si>
  <si>
    <t>18887</t>
  </si>
  <si>
    <t>18.40900421142578</t>
  </si>
  <si>
    <t>983.9718627929688</t>
  </si>
  <si>
    <t>0.08424754345389829</t>
  </si>
  <si>
    <t>20247</t>
  </si>
  <si>
    <t>18.330684661865234</t>
  </si>
  <si>
    <t>929.10693359375</t>
  </si>
  <si>
    <t>0.0695327797156704</t>
  </si>
  <si>
    <t>21895</t>
  </si>
  <si>
    <t>18.706418991088867</t>
  </si>
  <si>
    <t>964.3407592773438</t>
  </si>
  <si>
    <t>0.07825166582398246</t>
  </si>
  <si>
    <t>23885</t>
  </si>
  <si>
    <t>17.69269371032715</t>
  </si>
  <si>
    <t>1061.2623291015625</t>
  </si>
  <si>
    <t>0.0869923465885627</t>
  </si>
  <si>
    <t>24868</t>
  </si>
  <si>
    <t>18.71006965637207</t>
  </si>
  <si>
    <t>604.403076171875</t>
  </si>
  <si>
    <t>0.04033118956516546</t>
  </si>
  <si>
    <t>23092</t>
  </si>
  <si>
    <t>18.616365432739258</t>
  </si>
  <si>
    <t>1136.989013671875</t>
  </si>
  <si>
    <t>-0.07409559920840358</t>
  </si>
  <si>
    <t>25295</t>
  </si>
  <si>
    <t>18.235891342163086</t>
  </si>
  <si>
    <t>977.1951293945312</t>
  </si>
  <si>
    <t>0.0911205105452133</t>
  </si>
  <si>
    <t>26468</t>
  </si>
  <si>
    <t>18.34309959411621</t>
  </si>
  <si>
    <t>867.7506713867188</t>
  </si>
  <si>
    <t>0.04532970840591233</t>
  </si>
  <si>
    <t>25868</t>
  </si>
  <si>
    <t>18.834732055664062</t>
  </si>
  <si>
    <t>1279.12451171875</t>
  </si>
  <si>
    <t>-0.022929772565465356</t>
  </si>
  <si>
    <t>26169</t>
  </si>
  <si>
    <t>18.61309814453125</t>
  </si>
  <si>
    <t>976.4388427734375</t>
  </si>
  <si>
    <t>0.011568820534844093</t>
  </si>
  <si>
    <t>25213</t>
  </si>
  <si>
    <t>18.705873489379883</t>
  </si>
  <si>
    <t>1264.542724609375</t>
  </si>
  <si>
    <t>-0.03721576960268003</t>
  </si>
  <si>
    <t>25609</t>
  </si>
  <si>
    <t>19.094608306884766</t>
  </si>
  <si>
    <t>987.8137817382812</t>
  </si>
  <si>
    <t>0.015584117685390808</t>
  </si>
  <si>
    <t>24801</t>
  </si>
  <si>
    <t>18.014142990112305</t>
  </si>
  <si>
    <t>1225.6522216796875</t>
  </si>
  <si>
    <t>-0.03205987726325432</t>
  </si>
  <si>
    <t>25231</t>
  </si>
  <si>
    <t>19.046113967895508</t>
  </si>
  <si>
    <t>981.4365234375</t>
  </si>
  <si>
    <t>0.01718942228359488</t>
  </si>
  <si>
    <t>24322</t>
  </si>
  <si>
    <t>18.6241397857666</t>
  </si>
  <si>
    <t>1191.7386474609375</t>
  </si>
  <si>
    <t>-0.03669210666343403</t>
  </si>
  <si>
    <t>23604</t>
  </si>
  <si>
    <t>18.524871826171875</t>
  </si>
  <si>
    <t>952.312744140625</t>
  </si>
  <si>
    <t>-0.02996510136388686</t>
  </si>
  <si>
    <t>21103</t>
  </si>
  <si>
    <t>18.64997673034668</t>
  </si>
  <si>
    <t>827.5164794921875</t>
  </si>
  <si>
    <t>-0.11200097872474579</t>
  </si>
  <si>
    <t>23172</t>
  </si>
  <si>
    <t>18.732402801513672</t>
  </si>
  <si>
    <t>838.4020385742188</t>
  </si>
  <si>
    <t>0.09352944276420239</t>
  </si>
  <si>
    <t>24124</t>
  </si>
  <si>
    <t>18.38225746154785</t>
  </si>
  <si>
    <t>661.5257568359375</t>
  </si>
  <si>
    <t>0.04026254235436255</t>
  </si>
  <si>
    <t>187</t>
  </si>
  <si>
    <t>6418</t>
  </si>
  <si>
    <t>20.6192684173584</t>
  </si>
  <si>
    <t>748.63623046875</t>
  </si>
  <si>
    <t>301.4513854980469</t>
  </si>
  <si>
    <t>Santiago del Estero</t>
  </si>
  <si>
    <t>6916</t>
  </si>
  <si>
    <t>21.20823860168457</t>
  </si>
  <si>
    <t>769.739501953125</t>
  </si>
  <si>
    <t>0.07473102513337793</t>
  </si>
  <si>
    <t>7373</t>
  </si>
  <si>
    <t>20.71236801147461</t>
  </si>
  <si>
    <t>831.9402465820312</t>
  </si>
  <si>
    <t>0.06398711118646894</t>
  </si>
  <si>
    <t>7883</t>
  </si>
  <si>
    <t>20.92414665222168</t>
  </si>
  <si>
    <t>546.3507080078125</t>
  </si>
  <si>
    <t>0.06688386307025773</t>
  </si>
  <si>
    <t>8033</t>
  </si>
  <si>
    <t>21.83548927307129</t>
  </si>
  <si>
    <t>666.91259765625</t>
  </si>
  <si>
    <t>0.018849515113904758</t>
  </si>
  <si>
    <t>7559</t>
  </si>
  <si>
    <t>21.209657669067383</t>
  </si>
  <si>
    <t>496.5599670410156</t>
  </si>
  <si>
    <t>-0.0608191508816347</t>
  </si>
  <si>
    <t>7520</t>
  </si>
  <si>
    <t>20.987520217895508</t>
  </si>
  <si>
    <t>798.9390258789062</t>
  </si>
  <si>
    <t>-0.005172768348291612</t>
  </si>
  <si>
    <t>7904</t>
  </si>
  <si>
    <t>21.526376724243164</t>
  </si>
  <si>
    <t>654.45166015625</t>
  </si>
  <si>
    <t>0.04980282248381762</t>
  </si>
  <si>
    <t>7931</t>
  </si>
  <si>
    <t>20.60823631286621</t>
  </si>
  <si>
    <t>648.5214233398438</t>
  </si>
  <si>
    <t>0.00341017065561644</t>
  </si>
  <si>
    <t>7487</t>
  </si>
  <si>
    <t>20.53998565673828</t>
  </si>
  <si>
    <t>820.208251953125</t>
  </si>
  <si>
    <t>-0.0576109478526341</t>
  </si>
  <si>
    <t>7477</t>
  </si>
  <si>
    <t>20.30833625793457</t>
  </si>
  <si>
    <t>841.6143798828125</t>
  </si>
  <si>
    <t>-0.0013365412307706492</t>
  </si>
  <si>
    <t>6981</t>
  </si>
  <si>
    <t>20.812082290649414</t>
  </si>
  <si>
    <t>756.5155029296875</t>
  </si>
  <si>
    <t>-0.06863946902951312</t>
  </si>
  <si>
    <t>20.969839096069336</t>
  </si>
  <si>
    <t>736.9008178710938</t>
  </si>
  <si>
    <t>-0.0463222193575934</t>
  </si>
  <si>
    <t>7111</t>
  </si>
  <si>
    <t>21.432214736938477</t>
  </si>
  <si>
    <t>542.6980590820312</t>
  </si>
  <si>
    <t>0.0647729272707096</t>
  </si>
  <si>
    <t>7640</t>
  </si>
  <si>
    <t>21.149824142456055</t>
  </si>
  <si>
    <t>530.6388549804688</t>
  </si>
  <si>
    <t>0.07175472227704738</t>
  </si>
  <si>
    <t>8172</t>
  </si>
  <si>
    <t>20.829833984375</t>
  </si>
  <si>
    <t>662.8836059570312</t>
  </si>
  <si>
    <t>0.06731607377694715</t>
  </si>
  <si>
    <t>8486</t>
  </si>
  <si>
    <t>21.535303115844727</t>
  </si>
  <si>
    <t>596.0352783203125</t>
  </si>
  <si>
    <t>0.03770406982475727</t>
  </si>
  <si>
    <t>8882</t>
  </si>
  <si>
    <t>20.348861694335938</t>
  </si>
  <si>
    <t>636.0110473632812</t>
  </si>
  <si>
    <t>0.0456090100897768</t>
  </si>
  <si>
    <t>8866</t>
  </si>
  <si>
    <t>21.07561492919922</t>
  </si>
  <si>
    <t>589.5091552734375</t>
  </si>
  <si>
    <t>-0.001803020547047396</t>
  </si>
  <si>
    <t>8387</t>
  </si>
  <si>
    <t>21.685922622680664</t>
  </si>
  <si>
    <t>561.3390502929688</t>
  </si>
  <si>
    <t>-0.0555408483205877</t>
  </si>
  <si>
    <t>9357</t>
  </si>
  <si>
    <t>20.692350387573242</t>
  </si>
  <si>
    <t>633.2682495117188</t>
  </si>
  <si>
    <t>0.10944183829150056</t>
  </si>
  <si>
    <t>9969</t>
  </si>
  <si>
    <t>21.11518096923828</t>
  </si>
  <si>
    <t>599.5167236328125</t>
  </si>
  <si>
    <t>0.06335555174679186</t>
  </si>
  <si>
    <t>9917</t>
  </si>
  <si>
    <t>21.83725929260254</t>
  </si>
  <si>
    <t>541.010986328125</t>
  </si>
  <si>
    <t>-0.005229821836579163</t>
  </si>
  <si>
    <t>10209</t>
  </si>
  <si>
    <t>21.606239318847656</t>
  </si>
  <si>
    <t>557.92529296875</t>
  </si>
  <si>
    <t>0.029019227982891138</t>
  </si>
  <si>
    <t>10006</t>
  </si>
  <si>
    <t>21.386659622192383</t>
  </si>
  <si>
    <t>746.8654174804688</t>
  </si>
  <si>
    <t>-0.020084771120865597</t>
  </si>
  <si>
    <t>10337</t>
  </si>
  <si>
    <t>21.51710319519043</t>
  </si>
  <si>
    <t>755.4412231445312</t>
  </si>
  <si>
    <t>0.032544778520334106</t>
  </si>
  <si>
    <t>10179</t>
  </si>
  <si>
    <t>20.717771530151367</t>
  </si>
  <si>
    <t>673.0498046875</t>
  </si>
  <si>
    <t>-0.015402917116144721</t>
  </si>
  <si>
    <t>10527</t>
  </si>
  <si>
    <t>21.374351501464844</t>
  </si>
  <si>
    <t>685.141845703125</t>
  </si>
  <si>
    <t>0.033616610798985036</t>
  </si>
  <si>
    <t>10314</t>
  </si>
  <si>
    <t>21.095773696899414</t>
  </si>
  <si>
    <t>694.24755859375</t>
  </si>
  <si>
    <t>-0.02044118964042063</t>
  </si>
  <si>
    <t>10170</t>
  </si>
  <si>
    <t>21.102048873901367</t>
  </si>
  <si>
    <t>645.95263671875</t>
  </si>
  <si>
    <t>-0.014059985568298572</t>
  </si>
  <si>
    <t>9093</t>
  </si>
  <si>
    <t>21.41907501220703</t>
  </si>
  <si>
    <t>574.8506469726562</t>
  </si>
  <si>
    <t>-0.1119373233166936</t>
  </si>
  <si>
    <t>9984</t>
  </si>
  <si>
    <t>21.316999435424805</t>
  </si>
  <si>
    <t>630.3965454101562</t>
  </si>
  <si>
    <t>0.09347892488329634</t>
  </si>
  <si>
    <t>10395</t>
  </si>
  <si>
    <t>21.068601608276367</t>
  </si>
  <si>
    <t>520.966552734375</t>
  </si>
  <si>
    <t>0.040341109682904275</t>
  </si>
  <si>
    <t>188</t>
  </si>
  <si>
    <t>42962</t>
  </si>
  <si>
    <t>5.063243389129639</t>
  </si>
  <si>
    <t>519.6669311523438</t>
  </si>
  <si>
    <t>66.917236328125</t>
  </si>
  <si>
    <t>Tierra del Fuego</t>
  </si>
  <si>
    <t>46298</t>
  </si>
  <si>
    <t>4.425533771514893</t>
  </si>
  <si>
    <t>469.5157470703125</t>
  </si>
  <si>
    <t>0.07478275956312785</t>
  </si>
  <si>
    <t>49361</t>
  </si>
  <si>
    <t>4.342828273773193</t>
  </si>
  <si>
    <t>489.3687438964844</t>
  </si>
  <si>
    <t>0.06406187509628758</t>
  </si>
  <si>
    <t>52773</t>
  </si>
  <si>
    <t>5.26527738571167</t>
  </si>
  <si>
    <t>421.6687316894531</t>
  </si>
  <si>
    <t>0.06683905757367725</t>
  </si>
  <si>
    <t>51091</t>
  </si>
  <si>
    <t>4.424100399017334</t>
  </si>
  <si>
    <t>461.9732971191406</t>
  </si>
  <si>
    <t>-0.03239133983170994</t>
  </si>
  <si>
    <t>45273</t>
  </si>
  <si>
    <t>4.445018291473389</t>
  </si>
  <si>
    <t>494.9707946777344</t>
  </si>
  <si>
    <t>-0.12089752814864596</t>
  </si>
  <si>
    <t>46373</t>
  </si>
  <si>
    <t>5.3201518058776855</t>
  </si>
  <si>
    <t>472.2726745605469</t>
  </si>
  <si>
    <t>0.02400656500845777</t>
  </si>
  <si>
    <t>49628</t>
  </si>
  <si>
    <t>4.34492826461792</t>
  </si>
  <si>
    <t>542.200439453125</t>
  </si>
  <si>
    <t>0.06783779726764472</t>
  </si>
  <si>
    <t>48764</t>
  </si>
  <si>
    <t>5.758115768432617</t>
  </si>
  <si>
    <t>403.65667724609375</t>
  </si>
  <si>
    <t>-0.017562854877725798</t>
  </si>
  <si>
    <t>46024</t>
  </si>
  <si>
    <t>5.139894008636475</t>
  </si>
  <si>
    <t>397.51898193359375</t>
  </si>
  <si>
    <t>-0.057829336141907106</t>
  </si>
  <si>
    <t>47518</t>
  </si>
  <si>
    <t>4.333899974822998</t>
  </si>
  <si>
    <t>526.9614868164062</t>
  </si>
  <si>
    <t>0.031945587065603576</t>
  </si>
  <si>
    <t>41441</t>
  </si>
  <si>
    <t>4.603646278381348</t>
  </si>
  <si>
    <t>371.9078674316406</t>
  </si>
  <si>
    <t>-0.13683785769239165</t>
  </si>
  <si>
    <t>40230</t>
  </si>
  <si>
    <t>4.103168487548828</t>
  </si>
  <si>
    <t>490.25823974609375</t>
  </si>
  <si>
    <t>-0.029657742972506895</t>
  </si>
  <si>
    <t>40328</t>
  </si>
  <si>
    <t>5.145236492156982</t>
  </si>
  <si>
    <t>378.0727844238281</t>
  </si>
  <si>
    <t>0.0024330308186328864</t>
  </si>
  <si>
    <t>43426</t>
  </si>
  <si>
    <t>5.579844951629639</t>
  </si>
  <si>
    <t>319.7007751464844</t>
  </si>
  <si>
    <t>0.07401232329124952</t>
  </si>
  <si>
    <t>46795</t>
  </si>
  <si>
    <t>4.993228435516357</t>
  </si>
  <si>
    <t>462.1612548828125</t>
  </si>
  <si>
    <t>0.07471801953763979</t>
  </si>
  <si>
    <t>51678</t>
  </si>
  <si>
    <t>5.043102741241455</t>
  </si>
  <si>
    <t>332.60699462890625</t>
  </si>
  <si>
    <t>0.09925579942587248</t>
  </si>
  <si>
    <t>57524</t>
  </si>
  <si>
    <t>4.70574951171875</t>
  </si>
  <si>
    <t>401.99786376953125</t>
  </si>
  <si>
    <t>0.10717009298904223</t>
  </si>
  <si>
    <t>61061</t>
  </si>
  <si>
    <t>5.268165111541748</t>
  </si>
  <si>
    <t>360.6597900390625</t>
  </si>
  <si>
    <t>0.059671112482261535</t>
  </si>
  <si>
    <t>56298</t>
  </si>
  <si>
    <t>4.76859188079834</t>
  </si>
  <si>
    <t>439.3767395019531</t>
  </si>
  <si>
    <t>-0.08121435397042731</t>
  </si>
  <si>
    <t>61226</t>
  </si>
  <si>
    <t>4.9875807762146</t>
  </si>
  <si>
    <t>323.977783203125</t>
  </si>
  <si>
    <t>0.08391292536610173</t>
  </si>
  <si>
    <t>63601</t>
  </si>
  <si>
    <t>5.331972599029541</t>
  </si>
  <si>
    <t>364.4550476074219</t>
  </si>
  <si>
    <t>0.03805725759083778</t>
  </si>
  <si>
    <t>61706</t>
  </si>
  <si>
    <t>4.889245510101318</t>
  </si>
  <si>
    <t>422.75897216796875</t>
  </si>
  <si>
    <t>-0.030248022576950362</t>
  </si>
  <si>
    <t>61964</t>
  </si>
  <si>
    <t>5.005751132965088</t>
  </si>
  <si>
    <t>450.8393249511719</t>
  </si>
  <si>
    <t>0.0041724003281586874</t>
  </si>
  <si>
    <t>59255</t>
  </si>
  <si>
    <t>4.9321441650390625</t>
  </si>
  <si>
    <t>431.3242492675781</t>
  </si>
  <si>
    <t>-0.044703406603703755</t>
  </si>
  <si>
    <t>59734</t>
  </si>
  <si>
    <t>4.86704683303833</t>
  </si>
  <si>
    <t>453.7371520996094</t>
  </si>
  <si>
    <t>0.008051207884314238</t>
  </si>
  <si>
    <t>57412</t>
  </si>
  <si>
    <t>5.451959609985352</t>
  </si>
  <si>
    <t>410.0770568847656</t>
  </si>
  <si>
    <t>-0.0396480318155934</t>
  </si>
  <si>
    <t>57960</t>
  </si>
  <si>
    <t>5.4510016441345215</t>
  </si>
  <si>
    <t>456.4540100097656</t>
  </si>
  <si>
    <t>0.009499776743348676</t>
  </si>
  <si>
    <t>55439</t>
  </si>
  <si>
    <t>5.222472667694092</t>
  </si>
  <si>
    <t>418.191650390625</t>
  </si>
  <si>
    <t>-0.044469800251549785</t>
  </si>
  <si>
    <t>53382</t>
  </si>
  <si>
    <t>5.146117210388184</t>
  </si>
  <si>
    <t>502.6220397949219</t>
  </si>
  <si>
    <t>-0.03780970671024697</t>
  </si>
  <si>
    <t>47726</t>
  </si>
  <si>
    <t>5.475280284881592</t>
  </si>
  <si>
    <t>405.8306884765625</t>
  </si>
  <si>
    <t>-0.11199728771966022</t>
  </si>
  <si>
    <t>52405</t>
  </si>
  <si>
    <t>5.922271251678467</t>
  </si>
  <si>
    <t>369.811279296875</t>
  </si>
  <si>
    <t>0.09352568385111582</t>
  </si>
  <si>
    <t>54559</t>
  </si>
  <si>
    <t>5.524786472320557</t>
  </si>
  <si>
    <t>362.8614196777344</t>
  </si>
  <si>
    <t>0.040280678299350114</t>
  </si>
  <si>
    <t>189</t>
  </si>
  <si>
    <t>17.857046127319336</t>
  </si>
  <si>
    <t>897.8756713867188</t>
  </si>
  <si>
    <t>462.8052978515625</t>
  </si>
  <si>
    <t>Tucumn</t>
  </si>
  <si>
    <t>8975</t>
  </si>
  <si>
    <t>18.478565216064453</t>
  </si>
  <si>
    <t>781.908203125</t>
  </si>
  <si>
    <t>0.07481960306167501</t>
  </si>
  <si>
    <t>18.01935577392578</t>
  </si>
  <si>
    <t>908.0188598632812</t>
  </si>
  <si>
    <t>0.06408577242278213</t>
  </si>
  <si>
    <t>10230</t>
  </si>
  <si>
    <t>18.38998794555664</t>
  </si>
  <si>
    <t>611.1845703125</t>
  </si>
  <si>
    <t>0.06679587316640934</t>
  </si>
  <si>
    <t>10533</t>
  </si>
  <si>
    <t>19.157102584838867</t>
  </si>
  <si>
    <t>721.5699462890625</t>
  </si>
  <si>
    <t>0.029188605890869468</t>
  </si>
  <si>
    <t>10002</t>
  </si>
  <si>
    <t>18.52649688720703</t>
  </si>
  <si>
    <t>470.6356201171875</t>
  </si>
  <si>
    <t>-0.051728112857691855</t>
  </si>
  <si>
    <t>10253</t>
  </si>
  <si>
    <t>18.22649383544922</t>
  </si>
  <si>
    <t>849.1061401367188</t>
  </si>
  <si>
    <t>0.024785272691241644</t>
  </si>
  <si>
    <t>10996</t>
  </si>
  <si>
    <t>18.909719467163086</t>
  </si>
  <si>
    <t>665.40966796875</t>
  </si>
  <si>
    <t>0.06996122461504584</t>
  </si>
  <si>
    <t>10973</t>
  </si>
  <si>
    <t>17.977022171020508</t>
  </si>
  <si>
    <t>721.3447875976562</t>
  </si>
  <si>
    <t>-0.0020938602943374462</t>
  </si>
  <si>
    <t>10319</t>
  </si>
  <si>
    <t>17.774534225463867</t>
  </si>
  <si>
    <t>871.9048461914062</t>
  </si>
  <si>
    <t>-0.06145085387508509</t>
  </si>
  <si>
    <t>9874</t>
  </si>
  <si>
    <t>17.58807945251465</t>
  </si>
  <si>
    <t>920.078857421875</t>
  </si>
  <si>
    <t>-0.044081816296905885</t>
  </si>
  <si>
    <t>9433</t>
  </si>
  <si>
    <t>18.090070724487305</t>
  </si>
  <si>
    <t>791.46142578125</t>
  </si>
  <si>
    <t>-0.04569086016895518</t>
  </si>
  <si>
    <t>7799</t>
  </si>
  <si>
    <t>18.28591537475586</t>
  </si>
  <si>
    <t>809.6095581054688</t>
  </si>
  <si>
    <t>-0.19021865931935622</t>
  </si>
  <si>
    <t>8245</t>
  </si>
  <si>
    <t>18.791187286376953</t>
  </si>
  <si>
    <t>541.4426879882812</t>
  </si>
  <si>
    <t>0.05561143566320226</t>
  </si>
  <si>
    <t>8957</t>
  </si>
  <si>
    <t>18.419845581054688</t>
  </si>
  <si>
    <t>587.6286010742188</t>
  </si>
  <si>
    <t>0.08282839348149551</t>
  </si>
  <si>
    <t>9649</t>
  </si>
  <si>
    <t>18.15900230407715</t>
  </si>
  <si>
    <t>700.20751953125</t>
  </si>
  <si>
    <t>0.07441893354518925</t>
  </si>
  <si>
    <t>10366</t>
  </si>
  <si>
    <t>18.878400802612305</t>
  </si>
  <si>
    <t>690.5698852539062</t>
  </si>
  <si>
    <t>0.07167693672926845</t>
  </si>
  <si>
    <t>11236</t>
  </si>
  <si>
    <t>17.764989852905273</t>
  </si>
  <si>
    <t>700.263427734375</t>
  </si>
  <si>
    <t>0.08059168947448114</t>
  </si>
  <si>
    <t>11623</t>
  </si>
  <si>
    <t>18.278759002685547</t>
  </si>
  <si>
    <t>711.9685668945312</t>
  </si>
  <si>
    <t>0.03386298441957436</t>
  </si>
  <si>
    <t>10720</t>
  </si>
  <si>
    <t>18.931203842163086</t>
  </si>
  <si>
    <t>620.9264526367188</t>
  </si>
  <si>
    <t>-0.08087473801891498</t>
  </si>
  <si>
    <t>17.954927444458008</t>
  </si>
  <si>
    <t>702.1799926757812</t>
  </si>
  <si>
    <t>0.08413878489553994</t>
  </si>
  <si>
    <t>12117</t>
  </si>
  <si>
    <t>18.361053466796875</t>
  </si>
  <si>
    <t>653.7623901367188</t>
  </si>
  <si>
    <t>0.038359484711190106</t>
  </si>
  <si>
    <t>11759</t>
  </si>
  <si>
    <t>19.1658935546875</t>
  </si>
  <si>
    <t>609.2549438476562</t>
  </si>
  <si>
    <t>-0.029990520408107457</t>
  </si>
  <si>
    <t>18.923433303833008</t>
  </si>
  <si>
    <t>641.2879028320312</t>
  </si>
  <si>
    <t>0.004497059040398099</t>
  </si>
  <si>
    <t>11299</t>
  </si>
  <si>
    <t>18.736852645874023</t>
  </si>
  <si>
    <t>749.2161254882812</t>
  </si>
  <si>
    <t>-0.04440173765456734</t>
  </si>
  <si>
    <t>11393</t>
  </si>
  <si>
    <t>18.813989639282227</t>
  </si>
  <si>
    <t>846.5240478515625</t>
  </si>
  <si>
    <t>0.008284905488869398</t>
  </si>
  <si>
    <t>10954</t>
  </si>
  <si>
    <t>17.98370933532715</t>
  </si>
  <si>
    <t>729.9681396484375</t>
  </si>
  <si>
    <t>-0.03929444535445015</t>
  </si>
  <si>
    <t>11062</t>
  </si>
  <si>
    <t>18.616680145263672</t>
  </si>
  <si>
    <t>817.601806640625</t>
  </si>
  <si>
    <t>0.009811125210957172</t>
  </si>
  <si>
    <t>10584</t>
  </si>
  <si>
    <t>18.358285903930664</t>
  </si>
  <si>
    <t>746.79296875</t>
  </si>
  <si>
    <t>-0.04417238475983076</t>
  </si>
  <si>
    <t>10194</t>
  </si>
  <si>
    <t>18.332904815673828</t>
  </si>
  <si>
    <t>714.45654296875</t>
  </si>
  <si>
    <t>-0.03754411489480525</t>
  </si>
  <si>
    <t>9114</t>
  </si>
  <si>
    <t>18.890695571899414</t>
  </si>
  <si>
    <t>618.5956420898438</t>
  </si>
  <si>
    <t>-0.1119876190761584</t>
  </si>
  <si>
    <t>18.641576766967773</t>
  </si>
  <si>
    <t>721.6725463867188</t>
  </si>
  <si>
    <t>0.09357308032291911</t>
  </si>
  <si>
    <t>10419</t>
  </si>
  <si>
    <t>18.373868942260742</t>
  </si>
  <si>
    <t>578.7188110351562</t>
  </si>
  <si>
    <t>0.040246289265436275</t>
  </si>
  <si>
    <t>190</t>
  </si>
  <si>
    <t>AUS</t>
  </si>
  <si>
    <t>45316</t>
  </si>
  <si>
    <t>12.950000762939453</t>
  </si>
  <si>
    <t>816.800048828125</t>
  </si>
  <si>
    <t>163.08218383789062</t>
  </si>
  <si>
    <t>Capital Territory</t>
  </si>
  <si>
    <t>Australia</t>
  </si>
  <si>
    <t>43905</t>
  </si>
  <si>
    <t>12.725001335144043</t>
  </si>
  <si>
    <t>654.9000854492188</t>
  </si>
  <si>
    <t>-0.03163196219928466</t>
  </si>
  <si>
    <t>42952</t>
  </si>
  <si>
    <t>12.174999237060547</t>
  </si>
  <si>
    <t>938.0000610351562</t>
  </si>
  <si>
    <t>-0.021944995691690394</t>
  </si>
  <si>
    <t>44438</t>
  </si>
  <si>
    <t>12.616665840148926</t>
  </si>
  <si>
    <t>785.0</t>
  </si>
  <si>
    <t>0.034011746137979415</t>
  </si>
  <si>
    <t>45887</t>
  </si>
  <si>
    <t>12.458333015441895</t>
  </si>
  <si>
    <t>690.0999755859375</t>
  </si>
  <si>
    <t>0.032086893291776164</t>
  </si>
  <si>
    <t>37447</t>
  </si>
  <si>
    <t>12.141666412353516</t>
  </si>
  <si>
    <t>747.7000732421875</t>
  </si>
  <si>
    <t>-0.20325525260459543</t>
  </si>
  <si>
    <t>38901</t>
  </si>
  <si>
    <t>11.958334922790527</t>
  </si>
  <si>
    <t>750.0</t>
  </si>
  <si>
    <t>0.0380933572894282</t>
  </si>
  <si>
    <t>39694</t>
  </si>
  <si>
    <t>12.883334159851074</t>
  </si>
  <si>
    <t>494.4999694824219</t>
  </si>
  <si>
    <t>0.02018008553521078</t>
  </si>
  <si>
    <t>41554</t>
  </si>
  <si>
    <t>13.0</t>
  </si>
  <si>
    <t>874.199951171875</t>
  </si>
  <si>
    <t>0.045793743452527735</t>
  </si>
  <si>
    <t>42130</t>
  </si>
  <si>
    <t>12.416666984558105</t>
  </si>
  <si>
    <t>819.4999389648438</t>
  </si>
  <si>
    <t>0.013766289768330608</t>
  </si>
  <si>
    <t>44467</t>
  </si>
  <si>
    <t>13.050000190734863</t>
  </si>
  <si>
    <t>750.7001342773438</t>
  </si>
  <si>
    <t>0.053987265046265165</t>
  </si>
  <si>
    <t>43399</t>
  </si>
  <si>
    <t>12.716667175292969</t>
  </si>
  <si>
    <t>613.2999877929688</t>
  </si>
  <si>
    <t>-0.02431094167094372</t>
  </si>
  <si>
    <t>46127</t>
  </si>
  <si>
    <t>13.041667938232422</t>
  </si>
  <si>
    <t>458.199951171875</t>
  </si>
  <si>
    <t>0.06096206248801295</t>
  </si>
  <si>
    <t>46649</t>
  </si>
  <si>
    <t>12.858332633972168</t>
  </si>
  <si>
    <t>690.9000244140625</t>
  </si>
  <si>
    <t>0.01125302898211089</t>
  </si>
  <si>
    <t>47882</t>
  </si>
  <si>
    <t>12.925000190734863</t>
  </si>
  <si>
    <t>567.5</t>
  </si>
  <si>
    <t>0.026088160075417477</t>
  </si>
  <si>
    <t>48321</t>
  </si>
  <si>
    <t>13.116667747497559</t>
  </si>
  <si>
    <t>815.800048828125</t>
  </si>
  <si>
    <t>0.009126597864863584</t>
  </si>
  <si>
    <t>49978</t>
  </si>
  <si>
    <t>12.824999809265137</t>
  </si>
  <si>
    <t>317.9000244140625</t>
  </si>
  <si>
    <t>0.03371665982309047</t>
  </si>
  <si>
    <t>50780</t>
  </si>
  <si>
    <t>13.216666221618652</t>
  </si>
  <si>
    <t>684.5999755859375</t>
  </si>
  <si>
    <t>0.01591966767679054</t>
  </si>
  <si>
    <t>50966</t>
  </si>
  <si>
    <t>12.425000190734863</t>
  </si>
  <si>
    <t>621.699951171875</t>
  </si>
  <si>
    <t>0.0036561674600896765</t>
  </si>
  <si>
    <t>53854</t>
  </si>
  <si>
    <t>13.325000762939453</t>
  </si>
  <si>
    <t>515.4000244140625</t>
  </si>
  <si>
    <t>0.055117937515664295</t>
  </si>
  <si>
    <t>53252</t>
  </si>
  <si>
    <t>1165.60009765625</t>
  </si>
  <si>
    <t>-0.011241318682616352</t>
  </si>
  <si>
    <t>54146</t>
  </si>
  <si>
    <t>12.75</t>
  </si>
  <si>
    <t>790.2000122070312</t>
  </si>
  <si>
    <t>0.016648739266155843</t>
  </si>
  <si>
    <t>56531</t>
  </si>
  <si>
    <t>686.2000122070312</t>
  </si>
  <si>
    <t>0.04310505841718282</t>
  </si>
  <si>
    <t>55615</t>
  </si>
  <si>
    <t>13.458333015441895</t>
  </si>
  <si>
    <t>617.7000732421875</t>
  </si>
  <si>
    <t>-0.016336211209015516</t>
  </si>
  <si>
    <t>57374</t>
  </si>
  <si>
    <t>13.641666412353516</t>
  </si>
  <si>
    <t>757.8999633789062</t>
  </si>
  <si>
    <t>0.031138289990925827</t>
  </si>
  <si>
    <t>59437</t>
  </si>
  <si>
    <t>13.316668510437012</t>
  </si>
  <si>
    <t>805.1000366210938</t>
  </si>
  <si>
    <t>0.03532568903762012</t>
  </si>
  <si>
    <t>59506</t>
  </si>
  <si>
    <t>13.924999237060547</t>
  </si>
  <si>
    <t>711.2999877929688</t>
  </si>
  <si>
    <t>0.0011602197311351148</t>
  </si>
  <si>
    <t>59636</t>
  </si>
  <si>
    <t>13.691666603088379</t>
  </si>
  <si>
    <t>577.199951171875</t>
  </si>
  <si>
    <t>0.0021822707624785664</t>
  </si>
  <si>
    <t>60336</t>
  </si>
  <si>
    <t>13.800000190734863</t>
  </si>
  <si>
    <t>518.7000122070312</t>
  </si>
  <si>
    <t>0.01166952194984816</t>
  </si>
  <si>
    <t>62716</t>
  </si>
  <si>
    <t>13.841667175292969</t>
  </si>
  <si>
    <t>382.8999938964844</t>
  </si>
  <si>
    <t>0.038687657982203305</t>
  </si>
  <si>
    <t>61790</t>
  </si>
  <si>
    <t>13.241667747497559</t>
  </si>
  <si>
    <t>953.9999389648438</t>
  </si>
  <si>
    <t>-0.014875059425316195</t>
  </si>
  <si>
    <t>63007</t>
  </si>
  <si>
    <t>12.791666984558105</t>
  </si>
  <si>
    <t>1003.0999755859375</t>
  </si>
  <si>
    <t>0.01950429225737338</t>
  </si>
  <si>
    <t>64889</t>
  </si>
  <si>
    <t>12.766666412353516</t>
  </si>
  <si>
    <t>1046.699951171875</t>
  </si>
  <si>
    <t>0.0294322864890475</t>
  </si>
  <si>
    <t>191</t>
  </si>
  <si>
    <t>32478</t>
  </si>
  <si>
    <t>17.573667526245117</t>
  </si>
  <si>
    <t>1507.4503173828125</t>
  </si>
  <si>
    <t>3503.560546875</t>
  </si>
  <si>
    <t>New South Wales</t>
  </si>
  <si>
    <t>31930</t>
  </si>
  <si>
    <t>17.555509567260742</t>
  </si>
  <si>
    <t>929.65478515625</t>
  </si>
  <si>
    <t>-0.017016930316204437</t>
  </si>
  <si>
    <t>31435</t>
  </si>
  <si>
    <t>16.9704647064209</t>
  </si>
  <si>
    <t>1198.47119140625</t>
  </si>
  <si>
    <t>-0.015624084891666001</t>
  </si>
  <si>
    <t>32464</t>
  </si>
  <si>
    <t>17.405778884887695</t>
  </si>
  <si>
    <t>822.1859741210938</t>
  </si>
  <si>
    <t>0.03220986124843428</t>
  </si>
  <si>
    <t>33404</t>
  </si>
  <si>
    <t>17.066720962524414</t>
  </si>
  <si>
    <t>898.934326171875</t>
  </si>
  <si>
    <t>0.028543870207522914</t>
  </si>
  <si>
    <t>35338</t>
  </si>
  <si>
    <t>17.013376235961914</t>
  </si>
  <si>
    <t>1125.5775146484375</t>
  </si>
  <si>
    <t>0.05628321890347543</t>
  </si>
  <si>
    <t>36309</t>
  </si>
  <si>
    <t>16.862136840820312</t>
  </si>
  <si>
    <t>954.1866455078125</t>
  </si>
  <si>
    <t>0.027106772230119702</t>
  </si>
  <si>
    <t>37183</t>
  </si>
  <si>
    <t>17.825916290283203</t>
  </si>
  <si>
    <t>913.4976806640625</t>
  </si>
  <si>
    <t>0.023786023155802027</t>
  </si>
  <si>
    <t>38605</t>
  </si>
  <si>
    <t>17.900026321411133</t>
  </si>
  <si>
    <t>1321.3583984375</t>
  </si>
  <si>
    <t>0.03753013418040041</t>
  </si>
  <si>
    <t>40241</t>
  </si>
  <si>
    <t>17.206897735595703</t>
  </si>
  <si>
    <t>1224.62158203125</t>
  </si>
  <si>
    <t>0.04150457461655854</t>
  </si>
  <si>
    <t>17.62649917602539</t>
  </si>
  <si>
    <t>937.7890014648438</t>
  </si>
  <si>
    <t>0.017123495125451527</t>
  </si>
  <si>
    <t>40378</t>
  </si>
  <si>
    <t>17.436988830566406</t>
  </si>
  <si>
    <t>1004.2362670898438</t>
  </si>
  <si>
    <t>-0.013724789314757402</t>
  </si>
  <si>
    <t>41418</t>
  </si>
  <si>
    <t>17.666006088256836</t>
  </si>
  <si>
    <t>825.154296875</t>
  </si>
  <si>
    <t>0.025430486761361948</t>
  </si>
  <si>
    <t>42173</t>
  </si>
  <si>
    <t>17.375276565551758</t>
  </si>
  <si>
    <t>1015.9678955078125</t>
  </si>
  <si>
    <t>0.018064636899994824</t>
  </si>
  <si>
    <t>42889</t>
  </si>
  <si>
    <t>17.485013961791992</t>
  </si>
  <si>
    <t>1000.8300170898438</t>
  </si>
  <si>
    <t>0.016835176949442143</t>
  </si>
  <si>
    <t>42730</t>
  </si>
  <si>
    <t>17.902240753173828</t>
  </si>
  <si>
    <t>984.7957153320312</t>
  </si>
  <si>
    <t>-0.003714133142898035</t>
  </si>
  <si>
    <t>42549</t>
  </si>
  <si>
    <t>17.485143661499023</t>
  </si>
  <si>
    <t>778.5492553710938</t>
  </si>
  <si>
    <t>-0.00424489667535255</t>
  </si>
  <si>
    <t>42955</t>
  </si>
  <si>
    <t>17.708337783813477</t>
  </si>
  <si>
    <t>1294.073486328125</t>
  </si>
  <si>
    <t>0.009496703109439508</t>
  </si>
  <si>
    <t>43320</t>
  </si>
  <si>
    <t>16.990995407104492</t>
  </si>
  <si>
    <t>1056.9212646484375</t>
  </si>
  <si>
    <t>0.008461366042769924</t>
  </si>
  <si>
    <t>43877</t>
  </si>
  <si>
    <t>17.857900619506836</t>
  </si>
  <si>
    <t>1075.486083984375</t>
  </si>
  <si>
    <t>0.012775842659902281</t>
  </si>
  <si>
    <t>17.311277389526367</t>
  </si>
  <si>
    <t>1189.21044921875</t>
  </si>
  <si>
    <t>-0.007962882154894046</t>
  </si>
  <si>
    <t>43875</t>
  </si>
  <si>
    <t>17.26910972595215</t>
  </si>
  <si>
    <t>1203.4134521484375</t>
  </si>
  <si>
    <t>0.00791729914823236</t>
  </si>
  <si>
    <t>45517</t>
  </si>
  <si>
    <t>17.418115615844727</t>
  </si>
  <si>
    <t>1186.6007080078125</t>
  </si>
  <si>
    <t>0.036741200763547255</t>
  </si>
  <si>
    <t>45734</t>
  </si>
  <si>
    <t>18.025880813598633</t>
  </si>
  <si>
    <t>1018.6190185546875</t>
  </si>
  <si>
    <t>0.004756121227325494</t>
  </si>
  <si>
    <t>47338</t>
  </si>
  <si>
    <t>18.174636840820312</t>
  </si>
  <si>
    <t>1122.9334716796875</t>
  </si>
  <si>
    <t>0.03447135184571515</t>
  </si>
  <si>
    <t>48688</t>
  </si>
  <si>
    <t>17.84412384033203</t>
  </si>
  <si>
    <t>1345.2515869140625</t>
  </si>
  <si>
    <t>0.028119237531996077</t>
  </si>
  <si>
    <t>49328</t>
  </si>
  <si>
    <t>18.534944534301758</t>
  </si>
  <si>
    <t>1016.548095703125</t>
  </si>
  <si>
    <t>0.013059277989180273</t>
  </si>
  <si>
    <t>49286</t>
  </si>
  <si>
    <t>18.28986167907715</t>
  </si>
  <si>
    <t>961.6898193359375</t>
  </si>
  <si>
    <t>-0.0008518060831015362</t>
  </si>
  <si>
    <t>49410</t>
  </si>
  <si>
    <t>18.283872604370117</t>
  </si>
  <si>
    <t>928.37841796875</t>
  </si>
  <si>
    <t>0.0025127677969649653</t>
  </si>
  <si>
    <t>18.429563522338867</t>
  </si>
  <si>
    <t>725.2100830078125</t>
  </si>
  <si>
    <t>-0.009496477171403228</t>
  </si>
  <si>
    <t>47711</t>
  </si>
  <si>
    <t>17.923084259033203</t>
  </si>
  <si>
    <t>1388.762939453125</t>
  </si>
  <si>
    <t>-0.02549437641143193</t>
  </si>
  <si>
    <t>48650</t>
  </si>
  <si>
    <t>17.41096305847168</t>
  </si>
  <si>
    <t>1605.02001953125</t>
  </si>
  <si>
    <t>0.019489829357191013</t>
  </si>
  <si>
    <t>50103</t>
  </si>
  <si>
    <t>17.301219940185547</t>
  </si>
  <si>
    <t>1493.887939453125</t>
  </si>
  <si>
    <t>0.029429077905575696</t>
  </si>
  <si>
    <t>192</t>
  </si>
  <si>
    <t>40744</t>
  </si>
  <si>
    <t>25.75025749206543</t>
  </si>
  <si>
    <t>988.0745239257812</t>
  </si>
  <si>
    <t>46.27416229248047</t>
  </si>
  <si>
    <t>Northern Territory</t>
  </si>
  <si>
    <t>38772</t>
  </si>
  <si>
    <t>25.636322021484375</t>
  </si>
  <si>
    <t>837.5245971679688</t>
  </si>
  <si>
    <t>-0.04961025295194155</t>
  </si>
  <si>
    <t>36831</t>
  </si>
  <si>
    <t>25.726346969604492</t>
  </si>
  <si>
    <t>964.8922729492188</t>
  </si>
  <si>
    <t>-0.05135845476354994</t>
  </si>
  <si>
    <t>35702</t>
  </si>
  <si>
    <t>25.524099349975586</t>
  </si>
  <si>
    <t>924.0940551757812</t>
  </si>
  <si>
    <t>-0.031133172241451845</t>
  </si>
  <si>
    <t>36679</t>
  </si>
  <si>
    <t>25.06707763671875</t>
  </si>
  <si>
    <t>1051.9239501953125</t>
  </si>
  <si>
    <t>0.02699767457774449</t>
  </si>
  <si>
    <t>33798</t>
  </si>
  <si>
    <t>25.492385864257812</t>
  </si>
  <si>
    <t>968.0625</t>
  </si>
  <si>
    <t>-0.0818027550624727</t>
  </si>
  <si>
    <t>33531</t>
  </si>
  <si>
    <t>25.569517135620117</t>
  </si>
  <si>
    <t>1107.75146484375</t>
  </si>
  <si>
    <t>-0.007931245069048742</t>
  </si>
  <si>
    <t>34382</t>
  </si>
  <si>
    <t>25.22258186340332</t>
  </si>
  <si>
    <t>1020.992431640625</t>
  </si>
  <si>
    <t>0.025062787547717846</t>
  </si>
  <si>
    <t>37624</t>
  </si>
  <si>
    <t>26.05306053161621</t>
  </si>
  <si>
    <t>1071.708984375</t>
  </si>
  <si>
    <t>0.09010897302344567</t>
  </si>
  <si>
    <t>39412</t>
  </si>
  <si>
    <t>25.218172073364258</t>
  </si>
  <si>
    <t>1097.66552734375</t>
  </si>
  <si>
    <t>0.046428193817481755</t>
  </si>
  <si>
    <t>42766</t>
  </si>
  <si>
    <t>24.81610107421875</t>
  </si>
  <si>
    <t>1333.368408203125</t>
  </si>
  <si>
    <t>0.08167305590721519</t>
  </si>
  <si>
    <t>42053</t>
  </si>
  <si>
    <t>24.97077751159668</t>
  </si>
  <si>
    <t>997.1712646484375</t>
  </si>
  <si>
    <t>-0.016812666854796987</t>
  </si>
  <si>
    <t>42940</t>
  </si>
  <si>
    <t>25.626771926879883</t>
  </si>
  <si>
    <t>866.9656372070312</t>
  </si>
  <si>
    <t>0.02087306493798735</t>
  </si>
  <si>
    <t>42755</t>
  </si>
  <si>
    <t>25.779176712036133</t>
  </si>
  <si>
    <t>1006.4408569335938</t>
  </si>
  <si>
    <t>-0.0043176448427164615</t>
  </si>
  <si>
    <t>46711</t>
  </si>
  <si>
    <t>25.51186180114746</t>
  </si>
  <si>
    <t>1023.6646728515625</t>
  </si>
  <si>
    <t>0.0884935353688654</t>
  </si>
  <si>
    <t>50536</t>
  </si>
  <si>
    <t>26.137672424316406</t>
  </si>
  <si>
    <t>969.9083862304688</t>
  </si>
  <si>
    <t>0.07870627061961599</t>
  </si>
  <si>
    <t>56080</t>
  </si>
  <si>
    <t>24.995946884155273</t>
  </si>
  <si>
    <t>878.6061401367188</t>
  </si>
  <si>
    <t>0.10409328912993487</t>
  </si>
  <si>
    <t>55661</t>
  </si>
  <si>
    <t>25.41914176940918</t>
  </si>
  <si>
    <t>840.6768798828125</t>
  </si>
  <si>
    <t>-0.007499520566479845</t>
  </si>
  <si>
    <t>59467</t>
  </si>
  <si>
    <t>25.1638240814209</t>
  </si>
  <si>
    <t>1044.3551025390625</t>
  </si>
  <si>
    <t>0.06614181468340163</t>
  </si>
  <si>
    <t>54875</t>
  </si>
  <si>
    <t>25.573137283325195</t>
  </si>
  <si>
    <t>964.318359375</t>
  </si>
  <si>
    <t>-0.08036366544792095</t>
  </si>
  <si>
    <t>55912</t>
  </si>
  <si>
    <t>24.79949188232422</t>
  </si>
  <si>
    <t>1208.488525390625</t>
  </si>
  <si>
    <t>0.018721154779493432</t>
  </si>
  <si>
    <t>57918</t>
  </si>
  <si>
    <t>24.433713912963867</t>
  </si>
  <si>
    <t>1010.0452270507812</t>
  </si>
  <si>
    <t>0.03524919091970524</t>
  </si>
  <si>
    <t>62246</t>
  </si>
  <si>
    <t>25.100753784179688</t>
  </si>
  <si>
    <t>930.3817749023438</t>
  </si>
  <si>
    <t>0.07206605915759923</t>
  </si>
  <si>
    <t>63135</t>
  </si>
  <si>
    <t>26.039016723632812</t>
  </si>
  <si>
    <t>1106.551025390625</t>
  </si>
  <si>
    <t>0.014181014638511513</t>
  </si>
  <si>
    <t>25.468856811523438</t>
  </si>
  <si>
    <t>971.746826171875</t>
  </si>
  <si>
    <t>-0.009213135316676002</t>
  </si>
  <si>
    <t>61857</t>
  </si>
  <si>
    <t>25.570165634155273</t>
  </si>
  <si>
    <t>842.958251953125</t>
  </si>
  <si>
    <t>-0.011236886098281218</t>
  </si>
  <si>
    <t>62422</t>
  </si>
  <si>
    <t>25.871267318725586</t>
  </si>
  <si>
    <t>984.1292114257812</t>
  </si>
  <si>
    <t>0.009092507866139243</t>
  </si>
  <si>
    <t>62582</t>
  </si>
  <si>
    <t>25.709779739379883</t>
  </si>
  <si>
    <t>1201.572998046875</t>
  </si>
  <si>
    <t>0.0025599194805909775</t>
  </si>
  <si>
    <t>64006</t>
  </si>
  <si>
    <t>25.958473205566406</t>
  </si>
  <si>
    <t>887.2000122070312</t>
  </si>
  <si>
    <t>0.02249913214299859</t>
  </si>
  <si>
    <t>67813</t>
  </si>
  <si>
    <t>26.02124786376953</t>
  </si>
  <si>
    <t>793.6834716796875</t>
  </si>
  <si>
    <t>0.057777088014070443</t>
  </si>
  <si>
    <t>61752</t>
  </si>
  <si>
    <t>25.869384765625</t>
  </si>
  <si>
    <t>1034.9219970703125</t>
  </si>
  <si>
    <t>-0.09362755333193462</t>
  </si>
  <si>
    <t>62968</t>
  </si>
  <si>
    <t>25.521934509277344</t>
  </si>
  <si>
    <t>978.9620971679688</t>
  </si>
  <si>
    <t>0.019500297192596605</t>
  </si>
  <si>
    <t>64849</t>
  </si>
  <si>
    <t>25.39154815673828</t>
  </si>
  <si>
    <t>1071.99560546875</t>
  </si>
  <si>
    <t>0.029434829602950074</t>
  </si>
  <si>
    <t>193</t>
  </si>
  <si>
    <t>28215</t>
  </si>
  <si>
    <t>20.975324630737305</t>
  </si>
  <si>
    <t>1540.31494140625</t>
  </si>
  <si>
    <t>1398.646484375</t>
  </si>
  <si>
    <t>Queensland</t>
  </si>
  <si>
    <t>28182</t>
  </si>
  <si>
    <t>21.322805404663086</t>
  </si>
  <si>
    <t>877.4344482421875</t>
  </si>
  <si>
    <t>-0.001170275148188793</t>
  </si>
  <si>
    <t>28222</t>
  </si>
  <si>
    <t>20.828149795532227</t>
  </si>
  <si>
    <t>1179.2130126953125</t>
  </si>
  <si>
    <t>0.0014183393626545637</t>
  </si>
  <si>
    <t>28771</t>
  </si>
  <si>
    <t>21.354707717895508</t>
  </si>
  <si>
    <t>767.24267578125</t>
  </si>
  <si>
    <t>0.01926611975274639</t>
  </si>
  <si>
    <t>29611</t>
  </si>
  <si>
    <t>20.499967575073242</t>
  </si>
  <si>
    <t>810.7769165039062</t>
  </si>
  <si>
    <t>0.028777978529110015</t>
  </si>
  <si>
    <t>29428</t>
  </si>
  <si>
    <t>21.124691009521484</t>
  </si>
  <si>
    <t>1352.6640625</t>
  </si>
  <si>
    <t>-0.006199311847407074</t>
  </si>
  <si>
    <t>30199</t>
  </si>
  <si>
    <t>20.87481117248535</t>
  </si>
  <si>
    <t>1026.341552734375</t>
  </si>
  <si>
    <t>0.025862209179791762</t>
  </si>
  <si>
    <t>30761</t>
  </si>
  <si>
    <t>21.04586410522461</t>
  </si>
  <si>
    <t>1156.9542236328125</t>
  </si>
  <si>
    <t>0.018438842612129136</t>
  </si>
  <si>
    <t>31962</t>
  </si>
  <si>
    <t>21.51734161376953</t>
  </si>
  <si>
    <t>1227.45361328125</t>
  </si>
  <si>
    <t>0.03830004330097836</t>
  </si>
  <si>
    <t>32647</t>
  </si>
  <si>
    <t>20.623241424560547</t>
  </si>
  <si>
    <t>1395.648193359375</t>
  </si>
  <si>
    <t>0.021205270723877234</t>
  </si>
  <si>
    <t>33512</t>
  </si>
  <si>
    <t>20.54711151123047</t>
  </si>
  <si>
    <t>933.7511596679688</t>
  </si>
  <si>
    <t>0.026150615757940088</t>
  </si>
  <si>
    <t>34613</t>
  </si>
  <si>
    <t>21.02449607849121</t>
  </si>
  <si>
    <t>994.6775512695312</t>
  </si>
  <si>
    <t>0.03232575039625729</t>
  </si>
  <si>
    <t>35373</t>
  </si>
  <si>
    <t>21.184326171875</t>
  </si>
  <si>
    <t>754.1216430664062</t>
  </si>
  <si>
    <t>0.021719483221653846</t>
  </si>
  <si>
    <t>36424</t>
  </si>
  <si>
    <t>21.093629837036133</t>
  </si>
  <si>
    <t>1147.1387939453125</t>
  </si>
  <si>
    <t>0.029279080769835986</t>
  </si>
  <si>
    <t>38387</t>
  </si>
  <si>
    <t>20.990386962890625</t>
  </si>
  <si>
    <t>1060.3861083984375</t>
  </si>
  <si>
    <t>0.052490962576365874</t>
  </si>
  <si>
    <t>40635</t>
  </si>
  <si>
    <t>21.67035675048828</t>
  </si>
  <si>
    <t>951.5626220703125</t>
  </si>
  <si>
    <t>0.05691090359632156</t>
  </si>
  <si>
    <t>41602</t>
  </si>
  <si>
    <t>20.852994918823242</t>
  </si>
  <si>
    <t>933.6590576171875</t>
  </si>
  <si>
    <t>0.02351847882946778</t>
  </si>
  <si>
    <t>41850</t>
  </si>
  <si>
    <t>20.823915481567383</t>
  </si>
  <si>
    <t>1172.0423583984375</t>
  </si>
  <si>
    <t>0.0059435539008472205</t>
  </si>
  <si>
    <t>44105</t>
  </si>
  <si>
    <t>20.475915908813477</t>
  </si>
  <si>
    <t>1339.21044921875</t>
  </si>
  <si>
    <t>0.052481357775246096</t>
  </si>
  <si>
    <t>41657</t>
  </si>
  <si>
    <t>21.165210723876953</t>
  </si>
  <si>
    <t>1194.1446533203125</t>
  </si>
  <si>
    <t>-0.057103732992700884</t>
  </si>
  <si>
    <t>40981</t>
  </si>
  <si>
    <t>20.608064651489258</t>
  </si>
  <si>
    <t>1874.377197265625</t>
  </si>
  <si>
    <t>-0.016360877057614687</t>
  </si>
  <si>
    <t>41933</t>
  </si>
  <si>
    <t>20.51336669921875</t>
  </si>
  <si>
    <t>1388.1988525390625</t>
  </si>
  <si>
    <t>0.02296456178062556</t>
  </si>
  <si>
    <t>42266</t>
  </si>
  <si>
    <t>20.93267822265625</t>
  </si>
  <si>
    <t>1303.2802734375</t>
  </si>
  <si>
    <t>0.00790987389892095</t>
  </si>
  <si>
    <t>42097</t>
  </si>
  <si>
    <t>21.595430374145508</t>
  </si>
  <si>
    <t>1084.810791015625</t>
  </si>
  <si>
    <t>-0.004006501098025694</t>
  </si>
  <si>
    <t>42660</t>
  </si>
  <si>
    <t>21.571975708007812</t>
  </si>
  <si>
    <t>1054.1171875</t>
  </si>
  <si>
    <t>0.013285233801269669</t>
  </si>
  <si>
    <t>43134</t>
  </si>
  <si>
    <t>21.535593032836914</t>
  </si>
  <si>
    <t>1074.21142578125</t>
  </si>
  <si>
    <t>0.011049836186584727</t>
  </si>
  <si>
    <t>44818</t>
  </si>
  <si>
    <t>22.06874656677246</t>
  </si>
  <si>
    <t>1171.7801513671875</t>
  </si>
  <si>
    <t>0.038298295211168565</t>
  </si>
  <si>
    <t>45905</t>
  </si>
  <si>
    <t>21.975692749023438</t>
  </si>
  <si>
    <t>1055.9296875</t>
  </si>
  <si>
    <t>0.023964199154704602</t>
  </si>
  <si>
    <t>46101</t>
  </si>
  <si>
    <t>21.706090927124023</t>
  </si>
  <si>
    <t>1011.560302734375</t>
  </si>
  <si>
    <t>0.004260598145641836</t>
  </si>
  <si>
    <t>45000</t>
  </si>
  <si>
    <t>21.91986083984375</t>
  </si>
  <si>
    <t>874.8535766601562</t>
  </si>
  <si>
    <t>-0.02417215197098521</t>
  </si>
  <si>
    <t>42874</t>
  </si>
  <si>
    <t>21.731698989868164</t>
  </si>
  <si>
    <t>1164.6563720703125</t>
  </si>
  <si>
    <t>-0.048396908171374875</t>
  </si>
  <si>
    <t>43718</t>
  </si>
  <si>
    <t>21.516578674316406</t>
  </si>
  <si>
    <t>1417.365966796875</t>
  </si>
  <si>
    <t>0.01949433500886677</t>
  </si>
  <si>
    <t>45024</t>
  </si>
  <si>
    <t>21.127389907836914</t>
  </si>
  <si>
    <t>1255.97021484375</t>
  </si>
  <si>
    <t>0.029435764324167835</t>
  </si>
  <si>
    <t>194</t>
  </si>
  <si>
    <t>16.00090217590332</t>
  </si>
  <si>
    <t>522.9967041015625</t>
  </si>
  <si>
    <t>598.5538330078125</t>
  </si>
  <si>
    <t>South Australia</t>
  </si>
  <si>
    <t>26971</t>
  </si>
  <si>
    <t>15.551918983459473</t>
  </si>
  <si>
    <t>501.7633972167969</t>
  </si>
  <si>
    <t>-0.03418700275519804</t>
  </si>
  <si>
    <t>26694</t>
  </si>
  <si>
    <t>15.257519721984863</t>
  </si>
  <si>
    <t>888.7373046875</t>
  </si>
  <si>
    <t>-0.01032339364737389</t>
  </si>
  <si>
    <t>27514</t>
  </si>
  <si>
    <t>15.59638500213623</t>
  </si>
  <si>
    <t>525.128662109375</t>
  </si>
  <si>
    <t>0.03025614498684348</t>
  </si>
  <si>
    <t>27884</t>
  </si>
  <si>
    <t>15.702826499938965</t>
  </si>
  <si>
    <t>400.0058288574219</t>
  </si>
  <si>
    <t>0.013358081585348458</t>
  </si>
  <si>
    <t>29524</t>
  </si>
  <si>
    <t>15.114102363586426</t>
  </si>
  <si>
    <t>556.9590454101562</t>
  </si>
  <si>
    <t>0.057150444283653457</t>
  </si>
  <si>
    <t>30520</t>
  </si>
  <si>
    <t>15.350197792053223</t>
  </si>
  <si>
    <t>607.9779052734375</t>
  </si>
  <si>
    <t>0.03317871450845011</t>
  </si>
  <si>
    <t>31901</t>
  </si>
  <si>
    <t>15.56311321258545</t>
  </si>
  <si>
    <t>528.6122436523438</t>
  </si>
  <si>
    <t>0.044255150845588176</t>
  </si>
  <si>
    <t>31990</t>
  </si>
  <si>
    <t>15.599170684814453</t>
  </si>
  <si>
    <t>533.1323852539062</t>
  </si>
  <si>
    <t>0.0027859966995826824</t>
  </si>
  <si>
    <t>33070</t>
  </si>
  <si>
    <t>15.76720142364502</t>
  </si>
  <si>
    <t>508.14501953125</t>
  </si>
  <si>
    <t>0.033203173032275046</t>
  </si>
  <si>
    <t>34255</t>
  </si>
  <si>
    <t>16.454769134521484</t>
  </si>
  <si>
    <t>638.4636840820312</t>
  </si>
  <si>
    <t>0.03520601246116151</t>
  </si>
  <si>
    <t>35446</t>
  </si>
  <si>
    <t>15.353705406188965</t>
  </si>
  <si>
    <t>621.256591796875</t>
  </si>
  <si>
    <t>0.0341778721780841</t>
  </si>
  <si>
    <t>36610</t>
  </si>
  <si>
    <t>15.95528507232666</t>
  </si>
  <si>
    <t>396.8853454589844</t>
  </si>
  <si>
    <t>0.03231101549919835</t>
  </si>
  <si>
    <t>36784</t>
  </si>
  <si>
    <t>15.39190673828125</t>
  </si>
  <si>
    <t>598.37646484375</t>
  </si>
  <si>
    <t>0.004741540888680618</t>
  </si>
  <si>
    <t>37111</t>
  </si>
  <si>
    <t>15.835659980773926</t>
  </si>
  <si>
    <t>515.0682983398438</t>
  </si>
  <si>
    <t>0.008850453603196584</t>
  </si>
  <si>
    <t>37190</t>
  </si>
  <si>
    <t>16.173967361450195</t>
  </si>
  <si>
    <t>581.6464233398438</t>
  </si>
  <si>
    <t>0.0021264863129566436</t>
  </si>
  <si>
    <t>37127</t>
  </si>
  <si>
    <t>15.554429054260254</t>
  </si>
  <si>
    <t>397.19891357421875</t>
  </si>
  <si>
    <t>-0.0016954402112911993</t>
  </si>
  <si>
    <t>38029</t>
  </si>
  <si>
    <t>16.346281051635742</t>
  </si>
  <si>
    <t>485.0404357910156</t>
  </si>
  <si>
    <t>0.02400455883852004</t>
  </si>
  <si>
    <t>38247</t>
  </si>
  <si>
    <t>15.687240600585938</t>
  </si>
  <si>
    <t>432.83233642578125</t>
  </si>
  <si>
    <t>0.005716099259887031</t>
  </si>
  <si>
    <t>39013</t>
  </si>
  <si>
    <t>16.287397384643555</t>
  </si>
  <si>
    <t>582.88818359375</t>
  </si>
  <si>
    <t>0.01982979809567098</t>
  </si>
  <si>
    <t>38990</t>
  </si>
  <si>
    <t>15.539395332336426</t>
  </si>
  <si>
    <t>684.3502807617188</t>
  </si>
  <si>
    <t>-0.0005897209252605506</t>
  </si>
  <si>
    <t>38351</t>
  </si>
  <si>
    <t>15.98287582397461</t>
  </si>
  <si>
    <t>521.8872680664062</t>
  </si>
  <si>
    <t>-0.016524599901908132</t>
  </si>
  <si>
    <t>39296</t>
  </si>
  <si>
    <t>15.998406410217285</t>
  </si>
  <si>
    <t>415.2751159667969</t>
  </si>
  <si>
    <t>0.02434212943208003</t>
  </si>
  <si>
    <t>39289</t>
  </si>
  <si>
    <t>16.835657119750977</t>
  </si>
  <si>
    <t>555.8840942382812</t>
  </si>
  <si>
    <t>-0.00017815104710905416</t>
  </si>
  <si>
    <t>39971</t>
  </si>
  <si>
    <t>16.481842041015625</t>
  </si>
  <si>
    <t>469.9366455078125</t>
  </si>
  <si>
    <t>0.017209609696772432</t>
  </si>
  <si>
    <t>39831</t>
  </si>
  <si>
    <t>16.152252197265625</t>
  </si>
  <si>
    <t>374.3216857910156</t>
  </si>
  <si>
    <t>-0.003508687592466586</t>
  </si>
  <si>
    <t>39545</t>
  </si>
  <si>
    <t>16.095544815063477</t>
  </si>
  <si>
    <t>775.5104370117188</t>
  </si>
  <si>
    <t>-0.00720623961049327</t>
  </si>
  <si>
    <t>39711</t>
  </si>
  <si>
    <t>16.4290714263916</t>
  </si>
  <si>
    <t>539.4693603515625</t>
  </si>
  <si>
    <t>0.004188963428362058</t>
  </si>
  <si>
    <t>39830</t>
  </si>
  <si>
    <t>16.52161979675293</t>
  </si>
  <si>
    <t>440.4833679199219</t>
  </si>
  <si>
    <t>0.0029921697938100067</t>
  </si>
  <si>
    <t>40009</t>
  </si>
  <si>
    <t>16.20793914794922</t>
  </si>
  <si>
    <t>416.2201843261719</t>
  </si>
  <si>
    <t>0.004484031611680095</t>
  </si>
  <si>
    <t>40295</t>
  </si>
  <si>
    <t>15.774937629699707</t>
  </si>
  <si>
    <t>576.1886596679688</t>
  </si>
  <si>
    <t>0.0071229629712412645</t>
  </si>
  <si>
    <t>41088</t>
  </si>
  <si>
    <t>15.808155059814453</t>
  </si>
  <si>
    <t>521.172607421875</t>
  </si>
  <si>
    <t>0.019488716291022</t>
  </si>
  <si>
    <t>42316</t>
  </si>
  <si>
    <t>15.668450355529785</t>
  </si>
  <si>
    <t>652.9502563476562</t>
  </si>
  <si>
    <t>0.029449157057031883</t>
  </si>
  <si>
    <t>195</t>
  </si>
  <si>
    <t>25597</t>
  </si>
  <si>
    <t>11.620589256286621</t>
  </si>
  <si>
    <t>915.8453979492188</t>
  </si>
  <si>
    <t>256.0275573730469</t>
  </si>
  <si>
    <t>Tasmania</t>
  </si>
  <si>
    <t>25490</t>
  </si>
  <si>
    <t>11.024592399597168</t>
  </si>
  <si>
    <t>905.79345703125</t>
  </si>
  <si>
    <t>-0.004188938730500524</t>
  </si>
  <si>
    <t>25242</t>
  </si>
  <si>
    <t>11.224705696105957</t>
  </si>
  <si>
    <t>1008.6478881835938</t>
  </si>
  <si>
    <t>-0.009776944551585842</t>
  </si>
  <si>
    <t>25614</t>
  </si>
  <si>
    <t>11.450687408447266</t>
  </si>
  <si>
    <t>907.2958984375</t>
  </si>
  <si>
    <t>0.014629803167441224</t>
  </si>
  <si>
    <t>26148</t>
  </si>
  <si>
    <t>11.240153312683105</t>
  </si>
  <si>
    <t>788.0901489257812</t>
  </si>
  <si>
    <t>0.02063362874660335</t>
  </si>
  <si>
    <t>26035</t>
  </si>
  <si>
    <t>10.573304176330566</t>
  </si>
  <si>
    <t>920.0537719726562</t>
  </si>
  <si>
    <t>-0.004330919135620448</t>
  </si>
  <si>
    <t>26634</t>
  </si>
  <si>
    <t>10.82812786102295</t>
  </si>
  <si>
    <t>1031.0517578125</t>
  </si>
  <si>
    <t>0.02274680846509014</t>
  </si>
  <si>
    <t>26879</t>
  </si>
  <si>
    <t>11.361438751220703</t>
  </si>
  <si>
    <t>708.0806274414062</t>
  </si>
  <si>
    <t>0.009156717502017742</t>
  </si>
  <si>
    <t>27867</t>
  </si>
  <si>
    <t>11.389092445373535</t>
  </si>
  <si>
    <t>870.4946899414062</t>
  </si>
  <si>
    <t>0.03609788049152307</t>
  </si>
  <si>
    <t>28197</t>
  </si>
  <si>
    <t>11.802536964416504</t>
  </si>
  <si>
    <t>843.9495849609375</t>
  </si>
  <si>
    <t>0.01177239623278048</t>
  </si>
  <si>
    <t>28484</t>
  </si>
  <si>
    <t>11.91475772857666</t>
  </si>
  <si>
    <t>855.7225952148438</t>
  </si>
  <si>
    <t>0.010126936813604104</t>
  </si>
  <si>
    <t>29769</t>
  </si>
  <si>
    <t>11.569382667541504</t>
  </si>
  <si>
    <t>1020.9658813476562</t>
  </si>
  <si>
    <t>0.04412505748033624</t>
  </si>
  <si>
    <t>30263</t>
  </si>
  <si>
    <t>11.719082832336426</t>
  </si>
  <si>
    <t>743.769287109375</t>
  </si>
  <si>
    <t>0.016458260625780596</t>
  </si>
  <si>
    <t>30956</t>
  </si>
  <si>
    <t>11.31362247467041</t>
  </si>
  <si>
    <t>942.80322265625</t>
  </si>
  <si>
    <t>0.02264099718221857</t>
  </si>
  <si>
    <t>31475</t>
  </si>
  <si>
    <t>11.190056800842285</t>
  </si>
  <si>
    <t>850.8442993164062</t>
  </si>
  <si>
    <t>0.01662673852219676</t>
  </si>
  <si>
    <t>32805</t>
  </si>
  <si>
    <t>11.739846229553223</t>
  </si>
  <si>
    <t>924.174560546875</t>
  </si>
  <si>
    <t>0.04138736286643052</t>
  </si>
  <si>
    <t>33351</t>
  </si>
  <si>
    <t>11.015473365783691</t>
  </si>
  <si>
    <t>620.41455078125</t>
  </si>
  <si>
    <t>0.01650681412274757</t>
  </si>
  <si>
    <t>34094</t>
  </si>
  <si>
    <t>12.01589584350586</t>
  </si>
  <si>
    <t>745.4472045898438</t>
  </si>
  <si>
    <t>0.02203365880914454</t>
  </si>
  <si>
    <t>34313</t>
  </si>
  <si>
    <t>11.202804565429688</t>
  </si>
  <si>
    <t>740.548095703125</t>
  </si>
  <si>
    <t>0.006402875383844986</t>
  </si>
  <si>
    <t>34616</t>
  </si>
  <si>
    <t>11.69153118133545</t>
  </si>
  <si>
    <t>1027.945068359375</t>
  </si>
  <si>
    <t>0.008791711810005154</t>
  </si>
  <si>
    <t>34423</t>
  </si>
  <si>
    <t>11.672927856445312</t>
  </si>
  <si>
    <t>934.1197509765625</t>
  </si>
  <si>
    <t>-0.005591057308578229</t>
  </si>
  <si>
    <t>34412</t>
  </si>
  <si>
    <t>11.803404808044434</t>
  </si>
  <si>
    <t>912.9844360351562</t>
  </si>
  <si>
    <t>-0.00031960485490323265</t>
  </si>
  <si>
    <t>34861</t>
  </si>
  <si>
    <t>11.9764404296875</t>
  </si>
  <si>
    <t>792.556396484375</t>
  </si>
  <si>
    <t>0.012963385094597157</t>
  </si>
  <si>
    <t>35546</t>
  </si>
  <si>
    <t>12.28466796875</t>
  </si>
  <si>
    <t>885.6254272460938</t>
  </si>
  <si>
    <t>0.019458906484100424</t>
  </si>
  <si>
    <t>36319</t>
  </si>
  <si>
    <t>12.345908164978027</t>
  </si>
  <si>
    <t>733.01123046875</t>
  </si>
  <si>
    <t>0.021513387976604292</t>
  </si>
  <si>
    <t>37069</t>
  </si>
  <si>
    <t>11.929043769836426</t>
  </si>
  <si>
    <t>569.203857421875</t>
  </si>
  <si>
    <t>0.020440020493010636</t>
  </si>
  <si>
    <t>36770</t>
  </si>
  <si>
    <t>12.277835845947266</t>
  </si>
  <si>
    <t>938.72314453125</t>
  </si>
  <si>
    <t>-0.008098745494233839</t>
  </si>
  <si>
    <t>37165</t>
  </si>
  <si>
    <t>12.267348289489746</t>
  </si>
  <si>
    <t>691.4330444335938</t>
  </si>
  <si>
    <t>0.010685162864076503</t>
  </si>
  <si>
    <t>37959</t>
  </si>
  <si>
    <t>12.352633476257324</t>
  </si>
  <si>
    <t>729.9811401367188</t>
  </si>
  <si>
    <t>0.021139171697980075</t>
  </si>
  <si>
    <t>38931</t>
  </si>
  <si>
    <t>12.062336921691895</t>
  </si>
  <si>
    <t>658.9471435546875</t>
  </si>
  <si>
    <t>0.025284218547966475</t>
  </si>
  <si>
    <t>39040</t>
  </si>
  <si>
    <t>11.767016410827637</t>
  </si>
  <si>
    <t>874.9445190429688</t>
  </si>
  <si>
    <t>0.002795913121689253</t>
  </si>
  <si>
    <t>39809</t>
  </si>
  <si>
    <t>11.908345222473145</t>
  </si>
  <si>
    <t>907.8726196289062</t>
  </si>
  <si>
    <t>0.019506255835082698</t>
  </si>
  <si>
    <t>40998</t>
  </si>
  <si>
    <t>11.805984497070312</t>
  </si>
  <si>
    <t>1086.5445556640625</t>
  </si>
  <si>
    <t>0.02943026764672041</t>
  </si>
  <si>
    <t>196</t>
  </si>
  <si>
    <t>28459</t>
  </si>
  <si>
    <t>14.69650650024414</t>
  </si>
  <si>
    <t>816.6251831054688</t>
  </si>
  <si>
    <t>2407.66552734375</t>
  </si>
  <si>
    <t>Victoria</t>
  </si>
  <si>
    <t>27589</t>
  </si>
  <si>
    <t>14.096908569335938</t>
  </si>
  <si>
    <t>692.2825927734375</t>
  </si>
  <si>
    <t>-0.031047312453933884</t>
  </si>
  <si>
    <t>27661</t>
  </si>
  <si>
    <t>14.066458702087402</t>
  </si>
  <si>
    <t>952.4097290039062</t>
  </si>
  <si>
    <t>0.002606336317029445</t>
  </si>
  <si>
    <t>28533</t>
  </si>
  <si>
    <t>14.245219230651855</t>
  </si>
  <si>
    <t>848.8153686523438</t>
  </si>
  <si>
    <t>0.0310378332953114</t>
  </si>
  <si>
    <t>29334</t>
  </si>
  <si>
    <t>14.363451957702637</t>
  </si>
  <si>
    <t>614.1912231445312</t>
  </si>
  <si>
    <t>0.027685940656205332</t>
  </si>
  <si>
    <t>32391</t>
  </si>
  <si>
    <t>13.627906799316406</t>
  </si>
  <si>
    <t>831.555419921875</t>
  </si>
  <si>
    <t>0.0991333536085488</t>
  </si>
  <si>
    <t>33555</t>
  </si>
  <si>
    <t>13.815400123596191</t>
  </si>
  <si>
    <t>830.3545532226562</t>
  </si>
  <si>
    <t>0.0353052771770912</t>
  </si>
  <si>
    <t>34712</t>
  </si>
  <si>
    <t>14.315228462219238</t>
  </si>
  <si>
    <t>515.2948608398438</t>
  </si>
  <si>
    <t>0.033899564885846445</t>
  </si>
  <si>
    <t>36596</t>
  </si>
  <si>
    <t>14.234321594238281</t>
  </si>
  <si>
    <t>665.9594116210938</t>
  </si>
  <si>
    <t>0.052853496321239035</t>
  </si>
  <si>
    <t>37909</t>
  </si>
  <si>
    <t>14.503910064697266</t>
  </si>
  <si>
    <t>698.7542114257812</t>
  </si>
  <si>
    <t>0.0352496060987324</t>
  </si>
  <si>
    <t>39006</t>
  </si>
  <si>
    <t>15.051986694335938</t>
  </si>
  <si>
    <t>776.5023803710938</t>
  </si>
  <si>
    <t>0.02852692953436531</t>
  </si>
  <si>
    <t>39451</t>
  </si>
  <si>
    <t>14.37732219696045</t>
  </si>
  <si>
    <t>744.1277465820312</t>
  </si>
  <si>
    <t>0.01134391506268706</t>
  </si>
  <si>
    <t>40485</t>
  </si>
  <si>
    <t>14.682221412658691</t>
  </si>
  <si>
    <t>525.3726196289062</t>
  </si>
  <si>
    <t>0.025872139625004564</t>
  </si>
  <si>
    <t>41132</t>
  </si>
  <si>
    <t>14.267752647399902</t>
  </si>
  <si>
    <t>676.6694946289062</t>
  </si>
  <si>
    <t>0.015854872228866057</t>
  </si>
  <si>
    <t>42299</t>
  </si>
  <si>
    <t>14.447087287902832</t>
  </si>
  <si>
    <t>741.5349731445312</t>
  </si>
  <si>
    <t>0.02797703774390392</t>
  </si>
  <si>
    <t>41996</t>
  </si>
  <si>
    <t>14.908888816833496</t>
  </si>
  <si>
    <t>719.9986572265625</t>
  </si>
  <si>
    <t>-0.007189069458153341</t>
  </si>
  <si>
    <t>41816</t>
  </si>
  <si>
    <t>14.17563533782959</t>
  </si>
  <si>
    <t>434.4193420410156</t>
  </si>
  <si>
    <t>-0.004295334242074844</t>
  </si>
  <si>
    <t>42878</t>
  </si>
  <si>
    <t>15.008785247802734</t>
  </si>
  <si>
    <t>629.0484619140625</t>
  </si>
  <si>
    <t>0.025079832473119623</t>
  </si>
  <si>
    <t>42320</t>
  </si>
  <si>
    <t>14.201634407043457</t>
  </si>
  <si>
    <t>527.596923828125</t>
  </si>
  <si>
    <t>-0.013099086333696164</t>
  </si>
  <si>
    <t>42765</t>
  </si>
  <si>
    <t>14.638019561767578</t>
  </si>
  <si>
    <t>623.3776245117188</t>
  </si>
  <si>
    <t>0.010460223482700926</t>
  </si>
  <si>
    <t>42343</t>
  </si>
  <si>
    <t>14.319693565368652</t>
  </si>
  <si>
    <t>994.8989868164062</t>
  </si>
  <si>
    <t>-0.009916892852654513</t>
  </si>
  <si>
    <t>42214</t>
  </si>
  <si>
    <t>14.660224914550781</t>
  </si>
  <si>
    <t>794.3766479492188</t>
  </si>
  <si>
    <t>-0.00305119860166414</t>
  </si>
  <si>
    <t>42931</t>
  </si>
  <si>
    <t>14.73865032196045</t>
  </si>
  <si>
    <t>662.368408203125</t>
  </si>
  <si>
    <t>0.016842256120733978</t>
  </si>
  <si>
    <t>42869</t>
  </si>
  <si>
    <t>15.271086692810059</t>
  </si>
  <si>
    <t>721.648681640625</t>
  </si>
  <si>
    <t>-0.0014452216967697495</t>
  </si>
  <si>
    <t>44102</t>
  </si>
  <si>
    <t>15.203213691711426</t>
  </si>
  <si>
    <t>641.3297729492188</t>
  </si>
  <si>
    <t>0.028356178895986517</t>
  </si>
  <si>
    <t>44842</t>
  </si>
  <si>
    <t>14.8247709274292</t>
  </si>
  <si>
    <t>556.7161865234375</t>
  </si>
  <si>
    <t>0.016640067343903553</t>
  </si>
  <si>
    <t>44824</t>
  </si>
  <si>
    <t>15.04626178741455</t>
  </si>
  <si>
    <t>772.131103515625</t>
  </si>
  <si>
    <t>-0.00040148997929634334</t>
  </si>
  <si>
    <t>45126</t>
  </si>
  <si>
    <t>15.200493812561035</t>
  </si>
  <si>
    <t>717.4379272460938</t>
  </si>
  <si>
    <t>0.0067148668093377495</t>
  </si>
  <si>
    <t>45055</t>
  </si>
  <si>
    <t>15.276000022888184</t>
  </si>
  <si>
    <t>582.37451171875</t>
  </si>
  <si>
    <t>-0.0015746113853207788</t>
  </si>
  <si>
    <t>45157</t>
  </si>
  <si>
    <t>14.92908763885498</t>
  </si>
  <si>
    <t>648.3033447265625</t>
  </si>
  <si>
    <t>0.002261340918417787</t>
  </si>
  <si>
    <t>42901</t>
  </si>
  <si>
    <t>14.563041687011719</t>
  </si>
  <si>
    <t>791.728759765625</t>
  </si>
  <si>
    <t>-0.05125017091981121</t>
  </si>
  <si>
    <t>43745</t>
  </si>
  <si>
    <t>14.705971717834473</t>
  </si>
  <si>
    <t>822.3914184570312</t>
  </si>
  <si>
    <t>0.019482184872620323</t>
  </si>
  <si>
    <t>45052</t>
  </si>
  <si>
    <t>14.5754976272583</t>
  </si>
  <si>
    <t>811.4508666992188</t>
  </si>
  <si>
    <t>0.029440057627223126</t>
  </si>
  <si>
    <t>197</t>
  </si>
  <si>
    <t>37372</t>
  </si>
  <si>
    <t>18.01665687561035</t>
  </si>
  <si>
    <t>667.3733520507812</t>
  </si>
  <si>
    <t>1352.20166015625</t>
  </si>
  <si>
    <t>Western Australia</t>
  </si>
  <si>
    <t>37721</t>
  </si>
  <si>
    <t>18.725671768188477</t>
  </si>
  <si>
    <t>856.9114990234375</t>
  </si>
  <si>
    <t>0.009295207617810775</t>
  </si>
  <si>
    <t>37654</t>
  </si>
  <si>
    <t>18.190359115600586</t>
  </si>
  <si>
    <t>868.2227783203125</t>
  </si>
  <si>
    <t>-0.0017777782459997837</t>
  </si>
  <si>
    <t>39496</t>
  </si>
  <si>
    <t>17.89964485168457</t>
  </si>
  <si>
    <t>773.4566650390625</t>
  </si>
  <si>
    <t>0.04776021065404201</t>
  </si>
  <si>
    <t>41341</t>
  </si>
  <si>
    <t>19.117063522338867</t>
  </si>
  <si>
    <t>628.727294921875</t>
  </si>
  <si>
    <t>0.04565534265132598</t>
  </si>
  <si>
    <t>35767</t>
  </si>
  <si>
    <t>18.312379837036133</t>
  </si>
  <si>
    <t>867.837646484375</t>
  </si>
  <si>
    <t>-0.1448290630182818</t>
  </si>
  <si>
    <t>35555</t>
  </si>
  <si>
    <t>18.852367401123047</t>
  </si>
  <si>
    <t>913.1951293945312</t>
  </si>
  <si>
    <t>-0.005944887254125675</t>
  </si>
  <si>
    <t>36825</t>
  </si>
  <si>
    <t>18.598764419555664</t>
  </si>
  <si>
    <t>715.1184692382812</t>
  </si>
  <si>
    <t>0.03509616901321344</t>
  </si>
  <si>
    <t>36765</t>
  </si>
  <si>
    <t>18.645570755004883</t>
  </si>
  <si>
    <t>812.4024658203125</t>
  </si>
  <si>
    <t>-0.0016306567005095474</t>
  </si>
  <si>
    <t>39636</t>
  </si>
  <si>
    <t>18.75379753112793</t>
  </si>
  <si>
    <t>967.9537963867188</t>
  </si>
  <si>
    <t>0.07519149054846785</t>
  </si>
  <si>
    <t>41653</t>
  </si>
  <si>
    <t>18.518693923950195</t>
  </si>
  <si>
    <t>588.5987548828125</t>
  </si>
  <si>
    <t>0.04963559863377398</t>
  </si>
  <si>
    <t>17.909517288208008</t>
  </si>
  <si>
    <t>661.7559814453125</t>
  </si>
  <si>
    <t>0.015673704696695268</t>
  </si>
  <si>
    <t>44205</t>
  </si>
  <si>
    <t>18.606351852416992</t>
  </si>
  <si>
    <t>585.7691650390625</t>
  </si>
  <si>
    <t>0.043790805330646165</t>
  </si>
  <si>
    <t>45404</t>
  </si>
  <si>
    <t>18.650415420532227</t>
  </si>
  <si>
    <t>847.1060180664062</t>
  </si>
  <si>
    <t>0.02676230203532448</t>
  </si>
  <si>
    <t>48185</t>
  </si>
  <si>
    <t>18.42917823791504</t>
  </si>
  <si>
    <t>700.1492919921875</t>
  </si>
  <si>
    <t>0.05944756241015803</t>
  </si>
  <si>
    <t>52515</t>
  </si>
  <si>
    <t>17.935522079467773</t>
  </si>
  <si>
    <t>872.036376953125</t>
  </si>
  <si>
    <t>0.08605107377148791</t>
  </si>
  <si>
    <t>56721</t>
  </si>
  <si>
    <t>18.38578987121582</t>
  </si>
  <si>
    <t>522.171875</t>
  </si>
  <si>
    <t>0.07704566945916369</t>
  </si>
  <si>
    <t>59358</t>
  </si>
  <si>
    <t>18.36054801940918</t>
  </si>
  <si>
    <t>611.8722534179688</t>
  </si>
  <si>
    <t>0.04544239303523767</t>
  </si>
  <si>
    <t>61131</t>
  </si>
  <si>
    <t>17.971696853637695</t>
  </si>
  <si>
    <t>797.5438842773438</t>
  </si>
  <si>
    <t>0.029432196917769105</t>
  </si>
  <si>
    <t>61284</t>
  </si>
  <si>
    <t>18.259397506713867</t>
  </si>
  <si>
    <t>693.3076782226562</t>
  </si>
  <si>
    <t>0.002499694966598298</t>
  </si>
  <si>
    <t>67589</t>
  </si>
  <si>
    <t>18.262632369995117</t>
  </si>
  <si>
    <t>470.651123046875</t>
  </si>
  <si>
    <t>0.09792645046127646</t>
  </si>
  <si>
    <t>69418</t>
  </si>
  <si>
    <t>19.050745010375977</t>
  </si>
  <si>
    <t>794.8681030273438</t>
  </si>
  <si>
    <t>0.026700951962666863</t>
  </si>
  <si>
    <t>69561</t>
  </si>
  <si>
    <t>19.04164695739746</t>
  </si>
  <si>
    <t>587.4365234375</t>
  </si>
  <si>
    <t>0.002057865583502405</t>
  </si>
  <si>
    <t>73122</t>
  </si>
  <si>
    <t>19.1265869140625</t>
  </si>
  <si>
    <t>693.4575805664062</t>
  </si>
  <si>
    <t>0.0499252136084678</t>
  </si>
  <si>
    <t>67865</t>
  </si>
  <si>
    <t>19.16609001159668</t>
  </si>
  <si>
    <t>701.9197998046875</t>
  </si>
  <si>
    <t>-0.07460884131949186</t>
  </si>
  <si>
    <t>63856</t>
  </si>
  <si>
    <t>19.149511337280273</t>
  </si>
  <si>
    <t>580.0469360351562</t>
  </si>
  <si>
    <t>-0.060889889443551226</t>
  </si>
  <si>
    <t>64308</t>
  </si>
  <si>
    <t>18.06304168701172</t>
  </si>
  <si>
    <t>733.9520263671875</t>
  </si>
  <si>
    <t>0.007053491994335914</t>
  </si>
  <si>
    <t>64360</t>
  </si>
  <si>
    <t>18.72096824645996</t>
  </si>
  <si>
    <t>727.2926025390625</t>
  </si>
  <si>
    <t>0.0008082818234687039</t>
  </si>
  <si>
    <t>69837</t>
  </si>
  <si>
    <t>18.689027786254883</t>
  </si>
  <si>
    <t>638.146240234375</t>
  </si>
  <si>
    <t>0.08167163315809667</t>
  </si>
  <si>
    <t>75488</t>
  </si>
  <si>
    <t>19.195053100585938</t>
  </si>
  <si>
    <t>563.1236572265625</t>
  </si>
  <si>
    <t>0.07780974794298601</t>
  </si>
  <si>
    <t>82291</t>
  </si>
  <si>
    <t>19.21436882019043</t>
  </si>
  <si>
    <t>634.3912963867188</t>
  </si>
  <si>
    <t>0.08628804246337296</t>
  </si>
  <si>
    <t>83911</t>
  </si>
  <si>
    <t>18.7653865814209</t>
  </si>
  <si>
    <t>799.4125366210938</t>
  </si>
  <si>
    <t>0.019494967653015394</t>
  </si>
  <si>
    <t>86418</t>
  </si>
  <si>
    <t>18.514516830444336</t>
  </si>
  <si>
    <t>833.3114624023438</t>
  </si>
  <si>
    <t>0.02943927410331426</t>
  </si>
  <si>
    <t>198</t>
  </si>
  <si>
    <t>AUT</t>
  </si>
  <si>
    <t>37938</t>
  </si>
  <si>
    <t>4.0333333015441895</t>
  </si>
  <si>
    <t>1160.60009765625</t>
  </si>
  <si>
    <t>30.68701171875</t>
  </si>
  <si>
    <t>AuÔøΩerfern</t>
  </si>
  <si>
    <t>Austria</t>
  </si>
  <si>
    <t>38880</t>
  </si>
  <si>
    <t>3.0416667461395264</t>
  </si>
  <si>
    <t>1010.7999267578125</t>
  </si>
  <si>
    <t>0.02452673128770755</t>
  </si>
  <si>
    <t>39286</t>
  </si>
  <si>
    <t>4.291666507720947</t>
  </si>
  <si>
    <t>1221.4000244140625</t>
  </si>
  <si>
    <t>0.010388241719846647</t>
  </si>
  <si>
    <t>39195</t>
  </si>
  <si>
    <t>3.3916661739349365</t>
  </si>
  <si>
    <t>1238.7001953125</t>
  </si>
  <si>
    <t>-0.0023190336713998505</t>
  </si>
  <si>
    <t>4.608333110809326</t>
  </si>
  <si>
    <t>1148.2000732421875</t>
  </si>
  <si>
    <t>0.020555241164547766</t>
  </si>
  <si>
    <t>41040</t>
  </si>
  <si>
    <t>3.6000001430511475</t>
  </si>
  <si>
    <t>1179.60009765625</t>
  </si>
  <si>
    <t>0.025442772057280294</t>
  </si>
  <si>
    <t>41947</t>
  </si>
  <si>
    <t>2.424999952316284</t>
  </si>
  <si>
    <t>1189.599853515625</t>
  </si>
  <si>
    <t>0.021859715786680667</t>
  </si>
  <si>
    <t>42776</t>
  </si>
  <si>
    <t>4.099999904632568</t>
  </si>
  <si>
    <t>1134.0</t>
  </si>
  <si>
    <t>0.01957028099723601</t>
  </si>
  <si>
    <t>44259</t>
  </si>
  <si>
    <t>3.683333158493042</t>
  </si>
  <si>
    <t>1161.5</t>
  </si>
  <si>
    <t>0.03408154295710908</t>
  </si>
  <si>
    <t>45743</t>
  </si>
  <si>
    <t>3.5416667461395264</t>
  </si>
  <si>
    <t>1435.800048828125</t>
  </si>
  <si>
    <t>0.03298003394698057</t>
  </si>
  <si>
    <t>47173</t>
  </si>
  <si>
    <t>4.733334064483643</t>
  </si>
  <si>
    <t>1263.39990234375</t>
  </si>
  <si>
    <t>0.030782920468872987</t>
  </si>
  <si>
    <t>50738</t>
  </si>
  <si>
    <t>3.7333333492279053</t>
  </si>
  <si>
    <t>1306.5999755859375</t>
  </si>
  <si>
    <t>0.07285344174106712</t>
  </si>
  <si>
    <t>50326</t>
  </si>
  <si>
    <t>4.358333110809326</t>
  </si>
  <si>
    <t>1404.800048828125</t>
  </si>
  <si>
    <t>-0.008153294592483817</t>
  </si>
  <si>
    <t>50798</t>
  </si>
  <si>
    <t>4.133333683013916</t>
  </si>
  <si>
    <t>992.7999877929688</t>
  </si>
  <si>
    <t>0.009335141562697657</t>
  </si>
  <si>
    <t>51108</t>
  </si>
  <si>
    <t>3.6416666507720947</t>
  </si>
  <si>
    <t>1053.5999755859375</t>
  </si>
  <si>
    <t>0.006084056998403753</t>
  </si>
  <si>
    <t>55420</t>
  </si>
  <si>
    <t>3.1583335399627686</t>
  </si>
  <si>
    <t>0.08099949870575429</t>
  </si>
  <si>
    <t>58974</t>
  </si>
  <si>
    <t>4.574999809265137</t>
  </si>
  <si>
    <t>1106.60009765625</t>
  </si>
  <si>
    <t>0.06215612937771553</t>
  </si>
  <si>
    <t>60174</t>
  </si>
  <si>
    <t>4.158332824707031</t>
  </si>
  <si>
    <t>1215.7000732421875</t>
  </si>
  <si>
    <t>0.020143696521579102</t>
  </si>
  <si>
    <t>59910</t>
  </si>
  <si>
    <t>3.5749998092651367</t>
  </si>
  <si>
    <t>1145.7000732421875</t>
  </si>
  <si>
    <t>-0.004396929238293268</t>
  </si>
  <si>
    <t>57381</t>
  </si>
  <si>
    <t>1122.800048828125</t>
  </si>
  <si>
    <t>-0.043130198019326826</t>
  </si>
  <si>
    <t>50960</t>
  </si>
  <si>
    <t>3.2083332538604736</t>
  </si>
  <si>
    <t>1106.4000244140625</t>
  </si>
  <si>
    <t>-0.11867222681259904</t>
  </si>
  <si>
    <t>59905</t>
  </si>
  <si>
    <t>4.625000476837158</t>
  </si>
  <si>
    <t>0.16171896282795473</t>
  </si>
  <si>
    <t>61914</t>
  </si>
  <si>
    <t>3.8916666507720947</t>
  </si>
  <si>
    <t>1178.2999267578125</t>
  </si>
  <si>
    <t>0.0329863512697699</t>
  </si>
  <si>
    <t>60352</t>
  </si>
  <si>
    <t>3.6583335399627686</t>
  </si>
  <si>
    <t>1124.7000732421875</t>
  </si>
  <si>
    <t>-0.02555223835063991</t>
  </si>
  <si>
    <t>61163</t>
  </si>
  <si>
    <t>4.849999904632568</t>
  </si>
  <si>
    <t>1124.699951171875</t>
  </si>
  <si>
    <t>0.013348344514632515</t>
  </si>
  <si>
    <t>62480</t>
  </si>
  <si>
    <t>4.9083333015441895</t>
  </si>
  <si>
    <t>0.021304074005806584</t>
  </si>
  <si>
    <t>60737</t>
  </si>
  <si>
    <t>3.8000004291534424</t>
  </si>
  <si>
    <t>1205.199951171875</t>
  </si>
  <si>
    <t>-0.028293437979826308</t>
  </si>
  <si>
    <t>60325</t>
  </si>
  <si>
    <t>1339.2000732421875</t>
  </si>
  <si>
    <t>-0.006806456040509445</t>
  </si>
  <si>
    <t>62369</t>
  </si>
  <si>
    <t>4.816666603088379</t>
  </si>
  <si>
    <t>990.2000122070312</t>
  </si>
  <si>
    <t>0.03332174554903311</t>
  </si>
  <si>
    <t>62957</t>
  </si>
  <si>
    <t>5.066667079925537</t>
  </si>
  <si>
    <t>1112.800048828125</t>
  </si>
  <si>
    <t>0.009383596612611456</t>
  </si>
  <si>
    <t>57254</t>
  </si>
  <si>
    <t>4.916666507720947</t>
  </si>
  <si>
    <t>1201.699951171875</t>
  </si>
  <si>
    <t>-0.09495444468348246</t>
  </si>
  <si>
    <t>59386</t>
  </si>
  <si>
    <t>3.9250001907348633</t>
  </si>
  <si>
    <t>1152.699951171875</t>
  </si>
  <si>
    <t>0.036560999364342095</t>
  </si>
  <si>
    <t>61611</t>
  </si>
  <si>
    <t>5.583333492279053</t>
  </si>
  <si>
    <t>989.7000122070312</t>
  </si>
  <si>
    <t>0.036781917672465525</t>
  </si>
  <si>
    <t>200</t>
  </si>
  <si>
    <t>47159</t>
  </si>
  <si>
    <t>7.741666316986084</t>
  </si>
  <si>
    <t>1151.9000244140625</t>
  </si>
  <si>
    <t>198.72116088867188</t>
  </si>
  <si>
    <t>Graz</t>
  </si>
  <si>
    <t>48330</t>
  </si>
  <si>
    <t>6.691667079925537</t>
  </si>
  <si>
    <t>1211.2000732421875</t>
  </si>
  <si>
    <t>0.024527614823156796</t>
  </si>
  <si>
    <t>48835</t>
  </si>
  <si>
    <t>7.933332920074463</t>
  </si>
  <si>
    <t>1097.699951171875</t>
  </si>
  <si>
    <t>0.010394783042448452</t>
  </si>
  <si>
    <t>48722</t>
  </si>
  <si>
    <t>7.2166666984558105</t>
  </si>
  <si>
    <t>-0.0023165954372448283</t>
  </si>
  <si>
    <t>49733</t>
  </si>
  <si>
    <t>8.133334159851074</t>
  </si>
  <si>
    <t>1100.0001220703125</t>
  </si>
  <si>
    <t>0.020538023204025535</t>
  </si>
  <si>
    <t>51015</t>
  </si>
  <si>
    <t>7.125000476837158</t>
  </si>
  <si>
    <t>1100.0</t>
  </si>
  <si>
    <t>0.025451010461047474</t>
  </si>
  <si>
    <t>52142</t>
  </si>
  <si>
    <t>5.849999904632568</t>
  </si>
  <si>
    <t>1247.5</t>
  </si>
  <si>
    <t>0.021851058908634258</t>
  </si>
  <si>
    <t>53173</t>
  </si>
  <si>
    <t>7.4666666984558105</t>
  </si>
  <si>
    <t>975.8999633789062</t>
  </si>
  <si>
    <t>0.01957998268344774</t>
  </si>
  <si>
    <t>55016</t>
  </si>
  <si>
    <t>7.599999904632568</t>
  </si>
  <si>
    <t>1152.9998779296875</t>
  </si>
  <si>
    <t>0.03407330329818414</t>
  </si>
  <si>
    <t>56861</t>
  </si>
  <si>
    <t>7.641666412353516</t>
  </si>
  <si>
    <t>1203.0</t>
  </si>
  <si>
    <t>0.03298564110659541</t>
  </si>
  <si>
    <t>58639</t>
  </si>
  <si>
    <t>8.641667366027832</t>
  </si>
  <si>
    <t>0.030790311102855128</t>
  </si>
  <si>
    <t>58559</t>
  </si>
  <si>
    <t>7.3666672706604</t>
  </si>
  <si>
    <t>801.300048828125</t>
  </si>
  <si>
    <t>-0.001365211222466911</t>
  </si>
  <si>
    <t>58370</t>
  </si>
  <si>
    <t>7.841667175292969</t>
  </si>
  <si>
    <t>1144.4000244140625</t>
  </si>
  <si>
    <t>-0.00323273378881872</t>
  </si>
  <si>
    <t>59547</t>
  </si>
  <si>
    <t>7.583333969116211</t>
  </si>
  <si>
    <t>892.7001342773438</t>
  </si>
  <si>
    <t>0.01996385748284979</t>
  </si>
  <si>
    <t>61113</t>
  </si>
  <si>
    <t>7.500000476837158</t>
  </si>
  <si>
    <t>1150.0</t>
  </si>
  <si>
    <t>0.025958692804980643</t>
  </si>
  <si>
    <t>61995</t>
  </si>
  <si>
    <t>6.691666126251221</t>
  </si>
  <si>
    <t>1220.10009765625</t>
  </si>
  <si>
    <t>0.014329127128275942</t>
  </si>
  <si>
    <t>62578</t>
  </si>
  <si>
    <t>8.25</t>
  </si>
  <si>
    <t>996.6000366210938</t>
  </si>
  <si>
    <t>0.009360042005866376</t>
  </si>
  <si>
    <t>63908</t>
  </si>
  <si>
    <t>8.199999809265137</t>
  </si>
  <si>
    <t>1026.5999755859375</t>
  </si>
  <si>
    <t>0.02103077052765201</t>
  </si>
  <si>
    <t>64367</t>
  </si>
  <si>
    <t>7.666666030883789</t>
  </si>
  <si>
    <t>1194.0</t>
  </si>
  <si>
    <t>0.007156530251529958</t>
  </si>
  <si>
    <t>61727</t>
  </si>
  <si>
    <t>1265.39990234375</t>
  </si>
  <si>
    <t>-0.041879642928439154</t>
  </si>
  <si>
    <t>61190</t>
  </si>
  <si>
    <t>6.850000381469727</t>
  </si>
  <si>
    <t>1190.60009765625</t>
  </si>
  <si>
    <t>-0.008737659013966947</t>
  </si>
  <si>
    <t>62996</t>
  </si>
  <si>
    <t>8.158332824707031</t>
  </si>
  <si>
    <t>860.2999267578125</t>
  </si>
  <si>
    <t>0.029087454837885218</t>
  </si>
  <si>
    <t>63663</t>
  </si>
  <si>
    <t>7.733333110809326</t>
  </si>
  <si>
    <t>1177.300048828125</t>
  </si>
  <si>
    <t>0.01053231378468844</t>
  </si>
  <si>
    <t>62457</t>
  </si>
  <si>
    <t>1197.199951171875</t>
  </si>
  <si>
    <t>-0.019125226135276563</t>
  </si>
  <si>
    <t>62205</t>
  </si>
  <si>
    <t>8.866667747497559</t>
  </si>
  <si>
    <t>1441.0</t>
  </si>
  <si>
    <t>-0.004042937595290397</t>
  </si>
  <si>
    <t>61463</t>
  </si>
  <si>
    <t>8.533333778381348</t>
  </si>
  <si>
    <t>1198.2999267578125</t>
  </si>
  <si>
    <t>-0.01200001461979383</t>
  </si>
  <si>
    <t>62671</t>
  </si>
  <si>
    <t>7.849999904632568</t>
  </si>
  <si>
    <t>1384.699951171875</t>
  </si>
  <si>
    <t>0.019463452960671646</t>
  </si>
  <si>
    <t>63426</t>
  </si>
  <si>
    <t>8.733332633972168</t>
  </si>
  <si>
    <t>1211.2999267578125</t>
  </si>
  <si>
    <t>0.011975051307247853</t>
  </si>
  <si>
    <t>63750</t>
  </si>
  <si>
    <t>8.816666603088379</t>
  </si>
  <si>
    <t>1148.699951171875</t>
  </si>
  <si>
    <t>0.0050953120239540795</t>
  </si>
  <si>
    <t>65324</t>
  </si>
  <si>
    <t>9.050000190734863</t>
  </si>
  <si>
    <t>1282.9000244140625</t>
  </si>
  <si>
    <t>0.02439031917596246</t>
  </si>
  <si>
    <t>61048</t>
  </si>
  <si>
    <t>1434.9000244140625</t>
  </si>
  <si>
    <t>-0.06769906322716501</t>
  </si>
  <si>
    <t>63320</t>
  </si>
  <si>
    <t>7.775000095367432</t>
  </si>
  <si>
    <t>1018.0</t>
  </si>
  <si>
    <t>0.0365407950254788</t>
  </si>
  <si>
    <t>65693</t>
  </si>
  <si>
    <t>8.966666221618652</t>
  </si>
  <si>
    <t>1000.5999755859375</t>
  </si>
  <si>
    <t>0.036791139900376635</t>
  </si>
  <si>
    <t>201</t>
  </si>
  <si>
    <t>42380</t>
  </si>
  <si>
    <t>4.4583330154418945</t>
  </si>
  <si>
    <t>1104.300048828125</t>
  </si>
  <si>
    <t>124.54767608642578</t>
  </si>
  <si>
    <t>Innsbruck</t>
  </si>
  <si>
    <t>43432</t>
  </si>
  <si>
    <t>3.450000047683716</t>
  </si>
  <si>
    <t>1013.6000366210938</t>
  </si>
  <si>
    <t>0.024519943762996377</t>
  </si>
  <si>
    <t>43886</t>
  </si>
  <si>
    <t>4.733333587646484</t>
  </si>
  <si>
    <t>1107.89990234375</t>
  </si>
  <si>
    <t>0.010398866010529417</t>
  </si>
  <si>
    <t>43784</t>
  </si>
  <si>
    <t>3.9583332538604736</t>
  </si>
  <si>
    <t>1170.4998779296875</t>
  </si>
  <si>
    <t>-0.0023269087720620973</t>
  </si>
  <si>
    <t>44693</t>
  </si>
  <si>
    <t>4.966666221618652</t>
  </si>
  <si>
    <t>1132.0</t>
  </si>
  <si>
    <t>0.020548435962343348</t>
  </si>
  <si>
    <t>45845</t>
  </si>
  <si>
    <t>3.999999761581421</t>
  </si>
  <si>
    <t>1107.5001220703125</t>
  </si>
  <si>
    <t>0.025449251697903463</t>
  </si>
  <si>
    <t>46858</t>
  </si>
  <si>
    <t>2.950000047683716</t>
  </si>
  <si>
    <t>1090.0999755859375</t>
  </si>
  <si>
    <t>0.021855610342583986</t>
  </si>
  <si>
    <t>47784</t>
  </si>
  <si>
    <t>4.525000095367432</t>
  </si>
  <si>
    <t>1095.5999755859375</t>
  </si>
  <si>
    <t>0.019569103585556746</t>
  </si>
  <si>
    <t>49441</t>
  </si>
  <si>
    <t>4.166666507720947</t>
  </si>
  <si>
    <t>1085.599853515625</t>
  </si>
  <si>
    <t>0.03408918405209427</t>
  </si>
  <si>
    <t>51099</t>
  </si>
  <si>
    <t>3.924999952316284</t>
  </si>
  <si>
    <t>1316.7999267578125</t>
  </si>
  <si>
    <t>0.03298488806445121</t>
  </si>
  <si>
    <t>52696</t>
  </si>
  <si>
    <t>5.066666126251221</t>
  </si>
  <si>
    <t>1220.0</t>
  </si>
  <si>
    <t>0.03077462379184226</t>
  </si>
  <si>
    <t>53475</t>
  </si>
  <si>
    <t>4.058332920074463</t>
  </si>
  <si>
    <t>1148.7000732421875</t>
  </si>
  <si>
    <t>0.014674703630078056</t>
  </si>
  <si>
    <t>53850</t>
  </si>
  <si>
    <t>4.616666793823242</t>
  </si>
  <si>
    <t>1259.2000732421875</t>
  </si>
  <si>
    <t>0.0069881486339280485</t>
  </si>
  <si>
    <t>54010</t>
  </si>
  <si>
    <t>4.349999904632568</t>
  </si>
  <si>
    <t>906.5000610351562</t>
  </si>
  <si>
    <t>0.0029668110024019256</t>
  </si>
  <si>
    <t>54404</t>
  </si>
  <si>
    <t>3.891667127609253</t>
  </si>
  <si>
    <t>930.6000366210938</t>
  </si>
  <si>
    <t>0.0072684659657067385</t>
  </si>
  <si>
    <t>55963</t>
  </si>
  <si>
    <t>3.291666269302368</t>
  </si>
  <si>
    <t>1000.2000732421875</t>
  </si>
  <si>
    <t>0.028253077511052993</t>
  </si>
  <si>
    <t>57140</t>
  </si>
  <si>
    <t>4.858333587646484</t>
  </si>
  <si>
    <t>1009.6000366210938</t>
  </si>
  <si>
    <t>0.020813638721067562</t>
  </si>
  <si>
    <t>58382</t>
  </si>
  <si>
    <t>4.575000286102295</t>
  </si>
  <si>
    <t>1119.0999755859375</t>
  </si>
  <si>
    <t>0.021503226344178117</t>
  </si>
  <si>
    <t>58441</t>
  </si>
  <si>
    <t>4.108333110809326</t>
  </si>
  <si>
    <t>1060.9000244140625</t>
  </si>
  <si>
    <t>0.0010100751567119204</t>
  </si>
  <si>
    <t>56138</t>
  </si>
  <si>
    <t>4.3000006675720215</t>
  </si>
  <si>
    <t>1081.5999755859375</t>
  </si>
  <si>
    <t>-0.040204753227031986</t>
  </si>
  <si>
    <t>56407</t>
  </si>
  <si>
    <t>3.5833332538604736</t>
  </si>
  <si>
    <t>1088.9000244140625</t>
  </si>
  <si>
    <t>0.00478031920126476</t>
  </si>
  <si>
    <t>57653</t>
  </si>
  <si>
    <t>5.133333206176758</t>
  </si>
  <si>
    <t>1130.5001220703125</t>
  </si>
  <si>
    <t>0.021849019244697843</t>
  </si>
  <si>
    <t>58094</t>
  </si>
  <si>
    <t>4.474999904632568</t>
  </si>
  <si>
    <t>1108.7000732421875</t>
  </si>
  <si>
    <t>0.007620104778929715</t>
  </si>
  <si>
    <t>57879</t>
  </si>
  <si>
    <t>4.2166666984558105</t>
  </si>
  <si>
    <t>1084.699951171875</t>
  </si>
  <si>
    <t>-0.0037077638124323187</t>
  </si>
  <si>
    <t>57041</t>
  </si>
  <si>
    <t>5.183333873748779</t>
  </si>
  <si>
    <t>1130.7001953125</t>
  </si>
  <si>
    <t>-0.014584316979778578</t>
  </si>
  <si>
    <t>56973</t>
  </si>
  <si>
    <t>5.258333206176758</t>
  </si>
  <si>
    <t>984.0999755859375</t>
  </si>
  <si>
    <t>-0.0011928361089488249</t>
  </si>
  <si>
    <t>56939</t>
  </si>
  <si>
    <t>4.283332824707031</t>
  </si>
  <si>
    <t>1184.3001708984375</t>
  </si>
  <si>
    <t>-0.0005969520508752879</t>
  </si>
  <si>
    <t>57326</t>
  </si>
  <si>
    <t>5.141666412353516</t>
  </si>
  <si>
    <t>1348.7000732421875</t>
  </si>
  <si>
    <t>0.006773753638460889</t>
  </si>
  <si>
    <t>58078</t>
  </si>
  <si>
    <t>898.2999267578125</t>
  </si>
  <si>
    <t>0.013032661674122537</t>
  </si>
  <si>
    <t>59034</t>
  </si>
  <si>
    <t>5.4499993324279785</t>
  </si>
  <si>
    <t>1081.300048828125</t>
  </si>
  <si>
    <t>0.016326614449758026</t>
  </si>
  <si>
    <t>54399</t>
  </si>
  <si>
    <t>5.099999904632568</t>
  </si>
  <si>
    <t>1181.199951171875</t>
  </si>
  <si>
    <t>-0.08176777777168631</t>
  </si>
  <si>
    <t>56424</t>
  </si>
  <si>
    <t>4.316666603088379</t>
  </si>
  <si>
    <t>1134.9000244140625</t>
  </si>
  <si>
    <t>0.0365488285658806</t>
  </si>
  <si>
    <t>58539</t>
  </si>
  <si>
    <t>5.708333969116211</t>
  </si>
  <si>
    <t>1016.2999877929688</t>
  </si>
  <si>
    <t>0.036798598875092736</t>
  </si>
  <si>
    <t>202</t>
  </si>
  <si>
    <t>26569</t>
  </si>
  <si>
    <t>9.396347999572754</t>
  </si>
  <si>
    <t>1107.414794921875</t>
  </si>
  <si>
    <t>224.9457550048828</t>
  </si>
  <si>
    <t>Innviertel</t>
  </si>
  <si>
    <t>27229</t>
  </si>
  <si>
    <t>8.336591720581055</t>
  </si>
  <si>
    <t>1003.9768676757812</t>
  </si>
  <si>
    <t>0.02453745917868133</t>
  </si>
  <si>
    <t>9.658610343933105</t>
  </si>
  <si>
    <t>1097.283203125</t>
  </si>
  <si>
    <t>0.010412384228734695</t>
  </si>
  <si>
    <t>27450</t>
  </si>
  <si>
    <t>8.950277328491211</t>
  </si>
  <si>
    <t>1140.15478515625</t>
  </si>
  <si>
    <t>-0.0023287980832638056</t>
  </si>
  <si>
    <t>28019</t>
  </si>
  <si>
    <t>9.838961601257324</t>
  </si>
  <si>
    <t>1049.4903564453125</t>
  </si>
  <si>
    <t>0.02051668352274305</t>
  </si>
  <si>
    <t>28742</t>
  </si>
  <si>
    <t>8.85955810546875</t>
  </si>
  <si>
    <t>1130.708740234375</t>
  </si>
  <si>
    <t>0.025476616173772726</t>
  </si>
  <si>
    <t>29377</t>
  </si>
  <si>
    <t>7.581715106964111</t>
  </si>
  <si>
    <t>1093.8577880859375</t>
  </si>
  <si>
    <t>0.021852587600964313</t>
  </si>
  <si>
    <t>29957</t>
  </si>
  <si>
    <t>9.100749969482422</t>
  </si>
  <si>
    <t>1118.6893310546875</t>
  </si>
  <si>
    <t>0.019550964870955312</t>
  </si>
  <si>
    <t>30996</t>
  </si>
  <si>
    <t>9.10169792175293</t>
  </si>
  <si>
    <t>1116.3216552734375</t>
  </si>
  <si>
    <t>0.034095143777728154</t>
  </si>
  <si>
    <t>32035</t>
  </si>
  <si>
    <t>8.99431324005127</t>
  </si>
  <si>
    <t>1168.12548828125</t>
  </si>
  <si>
    <t>0.032970891189281204</t>
  </si>
  <si>
    <t>33037</t>
  </si>
  <si>
    <t>10.167417526245117</t>
  </si>
  <si>
    <t>1148.2330322265625</t>
  </si>
  <si>
    <t>0.03079909040783413</t>
  </si>
  <si>
    <t>33347</t>
  </si>
  <si>
    <t>8.989436149597168</t>
  </si>
  <si>
    <t>1156.781982421875</t>
  </si>
  <si>
    <t>0.00933966779412998</t>
  </si>
  <si>
    <t>33979</t>
  </si>
  <si>
    <t>9.58455753326416</t>
  </si>
  <si>
    <t>1330.5386962890625</t>
  </si>
  <si>
    <t>0.0187748734418669</t>
  </si>
  <si>
    <t>34504</t>
  </si>
  <si>
    <t>9.250276565551758</t>
  </si>
  <si>
    <t>852.799560546875</t>
  </si>
  <si>
    <t>0.015332572610725848</t>
  </si>
  <si>
    <t>35814</t>
  </si>
  <si>
    <t>8.991469383239746</t>
  </si>
  <si>
    <t>1056.3076171875</t>
  </si>
  <si>
    <t>0.03726361906902653</t>
  </si>
  <si>
    <t>37193</t>
  </si>
  <si>
    <t>8.333136558532715</t>
  </si>
  <si>
    <t>1148.271240234375</t>
  </si>
  <si>
    <t>0.03778169311494217</t>
  </si>
  <si>
    <t>38446</t>
  </si>
  <si>
    <t>9.973381042480469</t>
  </si>
  <si>
    <t>1139.8460693359375</t>
  </si>
  <si>
    <t>0.033134087801158785</t>
  </si>
  <si>
    <t>40561</t>
  </si>
  <si>
    <t>9.837066650390625</t>
  </si>
  <si>
    <t>1165.7783203125</t>
  </si>
  <si>
    <t>0.053552354480681075</t>
  </si>
  <si>
    <t>41376</t>
  </si>
  <si>
    <t>9.37825870513916</t>
  </si>
  <si>
    <t>1011.5602416992188</t>
  </si>
  <si>
    <t>0.019893988778097338</t>
  </si>
  <si>
    <t>39585</t>
  </si>
  <si>
    <t>9.38611888885498</t>
  </si>
  <si>
    <t>1122.6884765625</t>
  </si>
  <si>
    <t>-0.044250743966049555</t>
  </si>
  <si>
    <t>40970</t>
  </si>
  <si>
    <t>8.591469764709473</t>
  </si>
  <si>
    <t>1066.1497802734375</t>
  </si>
  <si>
    <t>0.034389832935382</t>
  </si>
  <si>
    <t>43816</t>
  </si>
  <si>
    <t>9.859559059143066</t>
  </si>
  <si>
    <t>1055.0050048828125</t>
  </si>
  <si>
    <t>0.06715895592263976</t>
  </si>
  <si>
    <t>44625</t>
  </si>
  <si>
    <t>9.487065315246582</t>
  </si>
  <si>
    <t>1024.564697265625</t>
  </si>
  <si>
    <t>0.018295192618383638</t>
  </si>
  <si>
    <t>45923</t>
  </si>
  <si>
    <t>9.340995788574219</t>
  </si>
  <si>
    <t>995.5761108398438</t>
  </si>
  <si>
    <t>0.02867184078798246</t>
  </si>
  <si>
    <t>46872</t>
  </si>
  <si>
    <t>10.491469383239746</t>
  </si>
  <si>
    <t>1073.328369140625</t>
  </si>
  <si>
    <t>0.020454401354701446</t>
  </si>
  <si>
    <t>45495</t>
  </si>
  <si>
    <t>10.250276565551758</t>
  </si>
  <si>
    <t>946.100341796875</t>
  </si>
  <si>
    <t>-0.02981805243383384</t>
  </si>
  <si>
    <t>46189</t>
  </si>
  <si>
    <t>9.415995597839355</t>
  </si>
  <si>
    <t>1178.50927734375</t>
  </si>
  <si>
    <t>0.015139244691773968</t>
  </si>
  <si>
    <t>48130</t>
  </si>
  <si>
    <t>10.337540626525879</t>
  </si>
  <si>
    <t>1248.27001953125</t>
  </si>
  <si>
    <t>0.04116400881459015</t>
  </si>
  <si>
    <t>49182</t>
  </si>
  <si>
    <t>10.332662582397461</t>
  </si>
  <si>
    <t>1023.6845703125</t>
  </si>
  <si>
    <t>0.021622019583931618</t>
  </si>
  <si>
    <t>49749</t>
  </si>
  <si>
    <t>10.765995025634766</t>
  </si>
  <si>
    <t>1007.0485229492188</t>
  </si>
  <si>
    <t>0.01146266000112206</t>
  </si>
  <si>
    <t>46773</t>
  </si>
  <si>
    <t>10.219925880432129</t>
  </si>
  <si>
    <t>1194.589111328125</t>
  </si>
  <si>
    <t>-0.061684249537547586</t>
  </si>
  <si>
    <t>48514</t>
  </si>
  <si>
    <t>9.469451904296875</t>
  </si>
  <si>
    <t>1096.0595703125</t>
  </si>
  <si>
    <t>0.03654630272050596</t>
  </si>
  <si>
    <t>50332</t>
  </si>
  <si>
    <t>10.693503379821777</t>
  </si>
  <si>
    <t>939.68115234375</t>
  </si>
  <si>
    <t>0.03678864164669271</t>
  </si>
  <si>
    <t>203</t>
  </si>
  <si>
    <t>38564</t>
  </si>
  <si>
    <t>5.908334255218506</t>
  </si>
  <si>
    <t>1575.89990234375</t>
  </si>
  <si>
    <t>75.33436584472656</t>
  </si>
  <si>
    <t>Klagenfurt-Villach</t>
  </si>
  <si>
    <t>39522</t>
  </si>
  <si>
    <t>5.174999713897705</t>
  </si>
  <si>
    <t>1454.0999755859375</t>
  </si>
  <si>
    <t>0.024538280084476227</t>
  </si>
  <si>
    <t>39935</t>
  </si>
  <si>
    <t>6.350000381469727</t>
  </si>
  <si>
    <t>1521.300048828125</t>
  </si>
  <si>
    <t>0.010395653482742517</t>
  </si>
  <si>
    <t>39842</t>
  </si>
  <si>
    <t>5.625</t>
  </si>
  <si>
    <t>1507.2999267578125</t>
  </si>
  <si>
    <t>-0.0023315001097596877</t>
  </si>
  <si>
    <t>40669</t>
  </si>
  <si>
    <t>6.475000381469727</t>
  </si>
  <si>
    <t>1483.7001953125</t>
  </si>
  <si>
    <t>0.020544499208734024</t>
  </si>
  <si>
    <t>41717</t>
  </si>
  <si>
    <t>5.600000381469727</t>
  </si>
  <si>
    <t>1680.3001708984375</t>
  </si>
  <si>
    <t>0.0254425881209297</t>
  </si>
  <si>
    <t>42639</t>
  </si>
  <si>
    <t>4.891666889190674</t>
  </si>
  <si>
    <t>1792.7000732421875</t>
  </si>
  <si>
    <t>0.021860607835726853</t>
  </si>
  <si>
    <t>43482</t>
  </si>
  <si>
    <t>6.025000095367432</t>
  </si>
  <si>
    <t>1248.2999267578125</t>
  </si>
  <si>
    <t>0.019577731930215947</t>
  </si>
  <si>
    <t>44989</t>
  </si>
  <si>
    <t>5.758333683013916</t>
  </si>
  <si>
    <t>1600.300048828125</t>
  </si>
  <si>
    <t>0.034070956089262694</t>
  </si>
  <si>
    <t>46498</t>
  </si>
  <si>
    <t>5.616666793823242</t>
  </si>
  <si>
    <t>1506.199951171875</t>
  </si>
  <si>
    <t>0.03299128547117114</t>
  </si>
  <si>
    <t>47952</t>
  </si>
  <si>
    <t>6.733333110809326</t>
  </si>
  <si>
    <t>1729.7999267578125</t>
  </si>
  <si>
    <t>0.030791209658673324</t>
  </si>
  <si>
    <t>47578</t>
  </si>
  <si>
    <t>5.733333587646484</t>
  </si>
  <si>
    <t>1147.9998779296875</t>
  </si>
  <si>
    <t>-0.007830041051231973</t>
  </si>
  <si>
    <t>48139</t>
  </si>
  <si>
    <t>6.275000095367432</t>
  </si>
  <si>
    <t>1644.699951171875</t>
  </si>
  <si>
    <t>0.011722189869937338</t>
  </si>
  <si>
    <t>48298</t>
  </si>
  <si>
    <t>6.116666793823242</t>
  </si>
  <si>
    <t>1124.5</t>
  </si>
  <si>
    <t>0.003297492540690783</t>
  </si>
  <si>
    <t>49624</t>
  </si>
  <si>
    <t>5.5916666984558105</t>
  </si>
  <si>
    <t>1544.39990234375</t>
  </si>
  <si>
    <t>0.027084435737114276</t>
  </si>
  <si>
    <t>51033</t>
  </si>
  <si>
    <t>4.991666316986084</t>
  </si>
  <si>
    <t>1615.300048828125</t>
  </si>
  <si>
    <t>0.027997894624737896</t>
  </si>
  <si>
    <t>51483</t>
  </si>
  <si>
    <t>6.4250006675720215</t>
  </si>
  <si>
    <t>1300.8001708984375</t>
  </si>
  <si>
    <t>0.008779173792721195</t>
  </si>
  <si>
    <t>53952</t>
  </si>
  <si>
    <t>6.358334064483643</t>
  </si>
  <si>
    <t>1336.39990234375</t>
  </si>
  <si>
    <t>0.046843106291113656</t>
  </si>
  <si>
    <t>54158</t>
  </si>
  <si>
    <t>6.016666412353516</t>
  </si>
  <si>
    <t>1646.800048828125</t>
  </si>
  <si>
    <t>0.0038109379209263494</t>
  </si>
  <si>
    <t>51079</t>
  </si>
  <si>
    <t>5.941667079925537</t>
  </si>
  <si>
    <t>1599.2999267578125</t>
  </si>
  <si>
    <t>-0.05853224646151922</t>
  </si>
  <si>
    <t>52689</t>
  </si>
  <si>
    <t>5.299999713897705</t>
  </si>
  <si>
    <t>1715.3001708984375</t>
  </si>
  <si>
    <t>0.031033251268910433</t>
  </si>
  <si>
    <t>54618</t>
  </si>
  <si>
    <t>6.858333587646484</t>
  </si>
  <si>
    <t>1195.300048828125</t>
  </si>
  <si>
    <t>0.03595679364349991</t>
  </si>
  <si>
    <t>53572</t>
  </si>
  <si>
    <t>6.458333492279053</t>
  </si>
  <si>
    <t>1652.199951171875</t>
  </si>
  <si>
    <t>-0.019336955226330943</t>
  </si>
  <si>
    <t>52595</t>
  </si>
  <si>
    <t>6.2166666984558105</t>
  </si>
  <si>
    <t>1800.7999267578125</t>
  </si>
  <si>
    <t>-0.018405485333639504</t>
  </si>
  <si>
    <t>52530</t>
  </si>
  <si>
    <t>6.775000095367432</t>
  </si>
  <si>
    <t>1930.0999755859375</t>
  </si>
  <si>
    <t>-0.001236623225366884</t>
  </si>
  <si>
    <t>51708</t>
  </si>
  <si>
    <t>1639.5999755859375</t>
  </si>
  <si>
    <t>-0.01577192654416848</t>
  </si>
  <si>
    <t>51374</t>
  </si>
  <si>
    <t>6.083333492279053</t>
  </si>
  <si>
    <t>1731.4000244140625</t>
  </si>
  <si>
    <t>-0.006480300514937198</t>
  </si>
  <si>
    <t>53118</t>
  </si>
  <si>
    <t>6.733333587646484</t>
  </si>
  <si>
    <t>1700.2001953125</t>
  </si>
  <si>
    <t>0.03338364595020238</t>
  </si>
  <si>
    <t>54602</t>
  </si>
  <si>
    <t>6.683332920074463</t>
  </si>
  <si>
    <t>1558.800048828125</t>
  </si>
  <si>
    <t>0.027554658259658638</t>
  </si>
  <si>
    <t>55026</t>
  </si>
  <si>
    <t>7.250000476837158</t>
  </si>
  <si>
    <t>1685.800048828125</t>
  </si>
  <si>
    <t>0.007735288688236253</t>
  </si>
  <si>
    <t>52457</t>
  </si>
  <si>
    <t>6.650000095367432</t>
  </si>
  <si>
    <t>1797.0999755859375</t>
  </si>
  <si>
    <t>-0.047812014429094774</t>
  </si>
  <si>
    <t>54410</t>
  </si>
  <si>
    <t>6.108333587646484</t>
  </si>
  <si>
    <t>0.03655417412206674</t>
  </si>
  <si>
    <t>56449</t>
  </si>
  <si>
    <t>7.333333492279053</t>
  </si>
  <si>
    <t>0.03678961514907719</t>
  </si>
  <si>
    <t>204</t>
  </si>
  <si>
    <t>28694</t>
  </si>
  <si>
    <t>5.758175373077393</t>
  </si>
  <si>
    <t>1425.7872314453125</t>
  </si>
  <si>
    <t>49.58760452270508</t>
  </si>
  <si>
    <t>Liezen</t>
  </si>
  <si>
    <t>29406</t>
  </si>
  <si>
    <t>4.9341139793396</t>
  </si>
  <si>
    <t>1411.994873046875</t>
  </si>
  <si>
    <t>0.024510693479266266</t>
  </si>
  <si>
    <t>29713</t>
  </si>
  <si>
    <t>6.104299545288086</t>
  </si>
  <si>
    <t>1421.149658203125</t>
  </si>
  <si>
    <t>0.010385925323630474</t>
  </si>
  <si>
    <t>29644</t>
  </si>
  <si>
    <t>5.462989807128906</t>
  </si>
  <si>
    <t>1303.81787109375</t>
  </si>
  <si>
    <t>-0.0023249163899823344</t>
  </si>
  <si>
    <t>30260</t>
  </si>
  <si>
    <t>6.30563497543335</t>
  </si>
  <si>
    <t>1283.3262939453125</t>
  </si>
  <si>
    <t>0.020566964271097277</t>
  </si>
  <si>
    <t>31040</t>
  </si>
  <si>
    <t>5.3908867835998535</t>
  </si>
  <si>
    <t>1374.56884765625</t>
  </si>
  <si>
    <t>0.025449986954807713</t>
  </si>
  <si>
    <t>31726</t>
  </si>
  <si>
    <t>4.431666851043701</t>
  </si>
  <si>
    <t>1485.15478515625</t>
  </si>
  <si>
    <t>0.021859838671245413</t>
  </si>
  <si>
    <t>32353</t>
  </si>
  <si>
    <t>5.7021164894104</t>
  </si>
  <si>
    <t>1405.6802978515625</t>
  </si>
  <si>
    <t>0.01957021836420303</t>
  </si>
  <si>
    <t>33474</t>
  </si>
  <si>
    <t>5.598148822784424</t>
  </si>
  <si>
    <t>1423.0462646484375</t>
  </si>
  <si>
    <t>0.034062265740979925</t>
  </si>
  <si>
    <t>34597</t>
  </si>
  <si>
    <t>5.446588039398193</t>
  </si>
  <si>
    <t>1528.34375</t>
  </si>
  <si>
    <t>0.03299795501080638</t>
  </si>
  <si>
    <t>35678</t>
  </si>
  <si>
    <t>6.596944808959961</t>
  </si>
  <si>
    <t>1536.9801025390625</t>
  </si>
  <si>
    <t>0.030767279226823874</t>
  </si>
  <si>
    <t>35822</t>
  </si>
  <si>
    <t>5.542579650878906</t>
  </si>
  <si>
    <t>1270.444091796875</t>
  </si>
  <si>
    <t>0.004027977473990418</t>
  </si>
  <si>
    <t>36842</t>
  </si>
  <si>
    <t>6.123015880584717</t>
  </si>
  <si>
    <t>1579.2933349609375</t>
  </si>
  <si>
    <t>0.028076268926959358</t>
  </si>
  <si>
    <t>36924</t>
  </si>
  <si>
    <t>5.863704204559326</t>
  </si>
  <si>
    <t>1212.5142822265625</t>
  </si>
  <si>
    <t>0.0022232473978789358</t>
  </si>
  <si>
    <t>39142</t>
  </si>
  <si>
    <t>5.503942012786865</t>
  </si>
  <si>
    <t>1327.0731201171875</t>
  </si>
  <si>
    <t>0.05833431315487303</t>
  </si>
  <si>
    <t>39714</t>
  </si>
  <si>
    <t>4.855992794036865</t>
  </si>
  <si>
    <t>1436.3912353515625</t>
  </si>
  <si>
    <t>0.014507711082062613</t>
  </si>
  <si>
    <t>40780</t>
  </si>
  <si>
    <t>6.446098327636719</t>
  </si>
  <si>
    <t>1360.3338623046875</t>
  </si>
  <si>
    <t>0.026487994781469126</t>
  </si>
  <si>
    <t>42470</t>
  </si>
  <si>
    <t>6.3206095695495605</t>
  </si>
  <si>
    <t>1419.436767578125</t>
  </si>
  <si>
    <t>0.04060617917886944</t>
  </si>
  <si>
    <t>44016</t>
  </si>
  <si>
    <t>5.900913238525391</t>
  </si>
  <si>
    <t>1431.320068359375</t>
  </si>
  <si>
    <t>0.03575525985703898</t>
  </si>
  <si>
    <t>42629</t>
  </si>
  <si>
    <t>5.8721699714660645</t>
  </si>
  <si>
    <t>1577.5098876953125</t>
  </si>
  <si>
    <t>-0.03201843133916071</t>
  </si>
  <si>
    <t>43038</t>
  </si>
  <si>
    <t>5.113347053527832</t>
  </si>
  <si>
    <t>1493.6761474609375</t>
  </si>
  <si>
    <t>0.009548673529295115</t>
  </si>
  <si>
    <t>43489</t>
  </si>
  <si>
    <t>6.5402655601501465</t>
  </si>
  <si>
    <t>1272.4437255859375</t>
  </si>
  <si>
    <t>0.01042458618115738</t>
  </si>
  <si>
    <t>45182</t>
  </si>
  <si>
    <t>6.16187858581543</t>
  </si>
  <si>
    <t>1492.3115234375</t>
  </si>
  <si>
    <t>0.03819074488152019</t>
  </si>
  <si>
    <t>45765</t>
  </si>
  <si>
    <t>5.985317707061768</t>
  </si>
  <si>
    <t>1431.0474853515625</t>
  </si>
  <si>
    <t>0.01282082940171314</t>
  </si>
  <si>
    <t>45988</t>
  </si>
  <si>
    <t>6.854921340942383</t>
  </si>
  <si>
    <t>1548.2371826171875</t>
  </si>
  <si>
    <t>0.004860886054750324</t>
  </si>
  <si>
    <t>45766</t>
  </si>
  <si>
    <t>6.79391622543335</t>
  </si>
  <si>
    <t>1393.1341552734375</t>
  </si>
  <si>
    <t>-0.004839035534160985</t>
  </si>
  <si>
    <t>47579</t>
  </si>
  <si>
    <t>5.96263313293457</t>
  </si>
  <si>
    <t>1653.88330078125</t>
  </si>
  <si>
    <t>0.03885003006248233</t>
  </si>
  <si>
    <t>48502</t>
  </si>
  <si>
    <t>6.841508865356445</t>
  </si>
  <si>
    <t>1679.189208984375</t>
  </si>
  <si>
    <t>0.019213546786797764</t>
  </si>
  <si>
    <t>49146</t>
  </si>
  <si>
    <t>6.735715389251709</t>
  </si>
  <si>
    <t>1401.1456298828125</t>
  </si>
  <si>
    <t>0.013190425554906682</t>
  </si>
  <si>
    <t>49585</t>
  </si>
  <si>
    <t>7.274841785430908</t>
  </si>
  <si>
    <t>1379.9073486328125</t>
  </si>
  <si>
    <t>0.008892908876568129</t>
  </si>
  <si>
    <t>46739</t>
  </si>
  <si>
    <t>6.692355632781982</t>
  </si>
  <si>
    <t>1760.2890625</t>
  </si>
  <si>
    <t>-0.05910943470704311</t>
  </si>
  <si>
    <t>48479</t>
  </si>
  <si>
    <t>6.030502796173096</t>
  </si>
  <si>
    <t>1330.914794921875</t>
  </si>
  <si>
    <t>0.03655178055456787</t>
  </si>
  <si>
    <t>50296</t>
  </si>
  <si>
    <t>7.285940170288086</t>
  </si>
  <si>
    <t>1257.375244140625</t>
  </si>
  <si>
    <t>0.03679483659514737</t>
  </si>
  <si>
    <t>205</t>
  </si>
  <si>
    <t>48879</t>
  </si>
  <si>
    <t>9.175000190734863</t>
  </si>
  <si>
    <t>933.2000732421875</t>
  </si>
  <si>
    <t>286.76611328125</t>
  </si>
  <si>
    <t>Linz-Wels</t>
  </si>
  <si>
    <t>50094</t>
  </si>
  <si>
    <t>8.091666221618652</t>
  </si>
  <si>
    <t>869.300048828125</t>
  </si>
  <si>
    <t>0.02455338405098928</t>
  </si>
  <si>
    <t>50617</t>
  </si>
  <si>
    <t>9.416667938232422</t>
  </si>
  <si>
    <t>0.010386247808209959</t>
  </si>
  <si>
    <t>50499</t>
  </si>
  <si>
    <t>8.691666603088379</t>
  </si>
  <si>
    <t>932.800048828125</t>
  </si>
  <si>
    <t>-0.002333954143074024</t>
  </si>
  <si>
    <t>51547</t>
  </si>
  <si>
    <t>9.625000953674316</t>
  </si>
  <si>
    <t>894.6000366210938</t>
  </si>
  <si>
    <t>0.02054047873818199</t>
  </si>
  <si>
    <t>52876</t>
  </si>
  <si>
    <t>8.641666412353516</t>
  </si>
  <si>
    <t>0.025455536873916884</t>
  </si>
  <si>
    <t>54044</t>
  </si>
  <si>
    <t>7.316666126251221</t>
  </si>
  <si>
    <t>988.7999267578125</t>
  </si>
  <si>
    <t>0.021848979880561004</t>
  </si>
  <si>
    <t>55113</t>
  </si>
  <si>
    <t>8.875</t>
  </si>
  <si>
    <t>967.3999633789062</t>
  </si>
  <si>
    <t>0.01958709339719711</t>
  </si>
  <si>
    <t>57023</t>
  </si>
  <si>
    <t>8.916666984558105</t>
  </si>
  <si>
    <t>987.2999877929688</t>
  </si>
  <si>
    <t>0.03406907222379729</t>
  </si>
  <si>
    <t>58935</t>
  </si>
  <si>
    <t>8.808333396911621</t>
  </si>
  <si>
    <t>975.9000244140625</t>
  </si>
  <si>
    <t>0.032980446459825785</t>
  </si>
  <si>
    <t>60778</t>
  </si>
  <si>
    <t>9.958332061767578</t>
  </si>
  <si>
    <t>0.0307927397076746</t>
  </si>
  <si>
    <t>62116</t>
  </si>
  <si>
    <t>8.791666984558105</t>
  </si>
  <si>
    <t>1016.3999633789062</t>
  </si>
  <si>
    <t>0.02177572332073474</t>
  </si>
  <si>
    <t>61970</t>
  </si>
  <si>
    <t>9.399998664855957</t>
  </si>
  <si>
    <t>1150.9000244140625</t>
  </si>
  <si>
    <t>-0.0023532077329271317</t>
  </si>
  <si>
    <t>63357</t>
  </si>
  <si>
    <t>9.033333778381348</t>
  </si>
  <si>
    <t>735.6000366210938</t>
  </si>
  <si>
    <t>0.022135000926331472</t>
  </si>
  <si>
    <t>63491</t>
  </si>
  <si>
    <t>8.766667366027832</t>
  </si>
  <si>
    <t>927.1000366210938</t>
  </si>
  <si>
    <t>0.002112765669865624</t>
  </si>
  <si>
    <t>64935</t>
  </si>
  <si>
    <t>8.083333969116211</t>
  </si>
  <si>
    <t>992.7000732421875</t>
  </si>
  <si>
    <t>0.02248860599184077</t>
  </si>
  <si>
    <t>66565</t>
  </si>
  <si>
    <t>9.733332633972168</t>
  </si>
  <si>
    <t>995.5000610351562</t>
  </si>
  <si>
    <t>0.02479214432182708</t>
  </si>
  <si>
    <t>68013</t>
  </si>
  <si>
    <t>9.608332633972168</t>
  </si>
  <si>
    <t>1010.1000366210938</t>
  </si>
  <si>
    <t>0.021519949490921064</t>
  </si>
  <si>
    <t>70855</t>
  </si>
  <si>
    <t>9.149999618530273</t>
  </si>
  <si>
    <t>856.2000732421875</t>
  </si>
  <si>
    <t>0.04093667190203121</t>
  </si>
  <si>
    <t>66607</t>
  </si>
  <si>
    <t>9.141666412353516</t>
  </si>
  <si>
    <t>1020.0</t>
  </si>
  <si>
    <t>-0.06182585814853958</t>
  </si>
  <si>
    <t>68318</t>
  </si>
  <si>
    <t>8.358333587646484</t>
  </si>
  <si>
    <t>955.300048828125</t>
  </si>
  <si>
    <t>0.02536359791884557</t>
  </si>
  <si>
    <t>69522</t>
  </si>
  <si>
    <t>929.9999389648438</t>
  </si>
  <si>
    <t>0.01746997419584062</t>
  </si>
  <si>
    <t>68626</t>
  </si>
  <si>
    <t>9.27500057220459</t>
  </si>
  <si>
    <t>921.9999389648438</t>
  </si>
  <si>
    <t>-0.012971777570456311</t>
  </si>
  <si>
    <t>68329</t>
  </si>
  <si>
    <t>9.133333206176758</t>
  </si>
  <si>
    <t>943.0</t>
  </si>
  <si>
    <t>-0.0043371978471640205</t>
  </si>
  <si>
    <t>67470</t>
  </si>
  <si>
    <t>10.250000953674316</t>
  </si>
  <si>
    <t>920.5000610351562</t>
  </si>
  <si>
    <t>-0.012651219186025742</t>
  </si>
  <si>
    <t>67787</t>
  </si>
  <si>
    <t>10.050000190734863</t>
  </si>
  <si>
    <t>817.800048828125</t>
  </si>
  <si>
    <t>0.00468738150949477</t>
  </si>
  <si>
    <t>67162</t>
  </si>
  <si>
    <t>1049.60009765625</t>
  </si>
  <si>
    <t>-0.00926282475215956</t>
  </si>
  <si>
    <t>68252</t>
  </si>
  <si>
    <t>10.141667366027832</t>
  </si>
  <si>
    <t>1116.60009765625</t>
  </si>
  <si>
    <t>0.016099126268349195</t>
  </si>
  <si>
    <t>70007</t>
  </si>
  <si>
    <t>10.100000381469727</t>
  </si>
  <si>
    <t>862.3999633789062</t>
  </si>
  <si>
    <t>0.02538849938467358</t>
  </si>
  <si>
    <t>70231</t>
  </si>
  <si>
    <t>10.508334159851074</t>
  </si>
  <si>
    <t>836.0000610351562</t>
  </si>
  <si>
    <t>0.0031945719490966695</t>
  </si>
  <si>
    <t>66183</t>
  </si>
  <si>
    <t>10.0</t>
  </si>
  <si>
    <t>1054.9000244140625</t>
  </si>
  <si>
    <t>-0.059366176617052346</t>
  </si>
  <si>
    <t>68647</t>
  </si>
  <si>
    <t>946.2000122070312</t>
  </si>
  <si>
    <t>0.03655379895020694</t>
  </si>
  <si>
    <t>71219</t>
  </si>
  <si>
    <t>10.5</t>
  </si>
  <si>
    <t>861.8001098632812</t>
  </si>
  <si>
    <t>0.03678220541939403</t>
  </si>
  <si>
    <t>208</t>
  </si>
  <si>
    <t>28596</t>
  </si>
  <si>
    <t>9.066667556762695</t>
  </si>
  <si>
    <t>822.5</t>
  </si>
  <si>
    <t>62.488895416259766</t>
  </si>
  <si>
    <t>Mostviertel-Eisenwurzen</t>
  </si>
  <si>
    <t>29307</t>
  </si>
  <si>
    <t>7.850000381469727</t>
  </si>
  <si>
    <t>835.9000854492188</t>
  </si>
  <si>
    <t>0.024559547434311213</t>
  </si>
  <si>
    <t>29613</t>
  </si>
  <si>
    <t>789.60009765625</t>
  </si>
  <si>
    <t>0.010387058764944612</t>
  </si>
  <si>
    <t>29544</t>
  </si>
  <si>
    <t>771.0999755859375</t>
  </si>
  <si>
    <t>-0.002332776553599203</t>
  </si>
  <si>
    <t>30157</t>
  </si>
  <si>
    <t>702.1000366210938</t>
  </si>
  <si>
    <t>0.0205363911460541</t>
  </si>
  <si>
    <t>30934</t>
  </si>
  <si>
    <t>8.191666603088379</t>
  </si>
  <si>
    <t>916.2999877929688</t>
  </si>
  <si>
    <t>0.025438833919633197</t>
  </si>
  <si>
    <t>31618</t>
  </si>
  <si>
    <t>937.6000366210938</t>
  </si>
  <si>
    <t>0.021870676058046712</t>
  </si>
  <si>
    <t>32243</t>
  </si>
  <si>
    <t>8.574999809265137</t>
  </si>
  <si>
    <t>876.5999755859375</t>
  </si>
  <si>
    <t>0.01957438674453371</t>
  </si>
  <si>
    <t>33361</t>
  </si>
  <si>
    <t>8.699999809265137</t>
  </si>
  <si>
    <t>811.6000366210938</t>
  </si>
  <si>
    <t>0.034086587641930066</t>
  </si>
  <si>
    <t>34479</t>
  </si>
  <si>
    <t>8.716666221618652</t>
  </si>
  <si>
    <t>887.0999755859375</t>
  </si>
  <si>
    <t>0.03296288999427155</t>
  </si>
  <si>
    <t>35557</t>
  </si>
  <si>
    <t>9.716666221618652</t>
  </si>
  <si>
    <t>748.9000244140625</t>
  </si>
  <si>
    <t>0.030786599577648843</t>
  </si>
  <si>
    <t>35748</t>
  </si>
  <si>
    <t>8.541666030883789</t>
  </si>
  <si>
    <t>765.0999755859375</t>
  </si>
  <si>
    <t>0.005357280886766347</t>
  </si>
  <si>
    <t>35194</t>
  </si>
  <si>
    <t>9.074999809265137</t>
  </si>
  <si>
    <t>1036.0</t>
  </si>
  <si>
    <t>-0.015618709989576374</t>
  </si>
  <si>
    <t>35739</t>
  </si>
  <si>
    <t>648.6000366210938</t>
  </si>
  <si>
    <t>0.015366915955764782</t>
  </si>
  <si>
    <t>36682</t>
  </si>
  <si>
    <t>8.749999046325684</t>
  </si>
  <si>
    <t>827.7000732421875</t>
  </si>
  <si>
    <t>0.026043642043505955</t>
  </si>
  <si>
    <t>36852</t>
  </si>
  <si>
    <t>7.8166680335998535</t>
  </si>
  <si>
    <t>909.5001220703125</t>
  </si>
  <si>
    <t>0.004623719717844921</t>
  </si>
  <si>
    <t>38636</t>
  </si>
  <si>
    <t>9.533333778381348</t>
  </si>
  <si>
    <t>825.2999877929688</t>
  </si>
  <si>
    <t>0.04727459307036419</t>
  </si>
  <si>
    <t>40637</t>
  </si>
  <si>
    <t>9.491665840148926</t>
  </si>
  <si>
    <t>964.7000122070312</t>
  </si>
  <si>
    <t>0.05049449733079037</t>
  </si>
  <si>
    <t>41055</t>
  </si>
  <si>
    <t>9.033332824707031</t>
  </si>
  <si>
    <t>844.300048828125</t>
  </si>
  <si>
    <t>0.01023364951291228</t>
  </si>
  <si>
    <t>38804</t>
  </si>
  <si>
    <t>9.02500057220459</t>
  </si>
  <si>
    <t>991.9000244140625</t>
  </si>
  <si>
    <t>-0.05638929706171503</t>
  </si>
  <si>
    <t>38999</t>
  </si>
  <si>
    <t>8.183333396911621</t>
  </si>
  <si>
    <t>979.6000366210938</t>
  </si>
  <si>
    <t>0.005012670676231679</t>
  </si>
  <si>
    <t>40557</t>
  </si>
  <si>
    <t>9.3583345413208</t>
  </si>
  <si>
    <t>735.199951171875</t>
  </si>
  <si>
    <t>0.03917238727510863</t>
  </si>
  <si>
    <t>41180</t>
  </si>
  <si>
    <t>819.4000244140625</t>
  </si>
  <si>
    <t>0.015244309549265367</t>
  </si>
  <si>
    <t>40896</t>
  </si>
  <si>
    <t>8.800000190734863</t>
  </si>
  <si>
    <t>813.300048828125</t>
  </si>
  <si>
    <t>-0.006920442844572605</t>
  </si>
  <si>
    <t>40861</t>
  </si>
  <si>
    <t>10.133334159851074</t>
  </si>
  <si>
    <t>937.7999877929688</t>
  </si>
  <si>
    <t>-0.0008561958520534318</t>
  </si>
  <si>
    <t>41166</t>
  </si>
  <si>
    <t>9.791666984558105</t>
  </si>
  <si>
    <t>779.5001220703125</t>
  </si>
  <si>
    <t>0.00743661003379259</t>
  </si>
  <si>
    <t>41617</t>
  </si>
  <si>
    <t>9.166667938232422</t>
  </si>
  <si>
    <t>1053.0</t>
  </si>
  <si>
    <t>0.010896064700320451</t>
  </si>
  <si>
    <t>43898</t>
  </si>
  <si>
    <t>953.4000244140625</t>
  </si>
  <si>
    <t>0.053360023319633854</t>
  </si>
  <si>
    <t>10.066666603088379</t>
  </si>
  <si>
    <t>880.0001220703125</t>
  </si>
  <si>
    <t>-0.002600307115146805</t>
  </si>
  <si>
    <t>44551</t>
  </si>
  <si>
    <t>10.40000057220459</t>
  </si>
  <si>
    <t>789.8999633789062</t>
  </si>
  <si>
    <t>0.017366146512392433</t>
  </si>
  <si>
    <t>41407</t>
  </si>
  <si>
    <t>956.8001098632812</t>
  </si>
  <si>
    <t>-0.07318465168990862</t>
  </si>
  <si>
    <t>42949</t>
  </si>
  <si>
    <t>9.116667747497559</t>
  </si>
  <si>
    <t>789.7000732421875</t>
  </si>
  <si>
    <t>0.03656341660803619</t>
  </si>
  <si>
    <t>44558</t>
  </si>
  <si>
    <t>10.233333587646484</t>
  </si>
  <si>
    <t>730.5000610351562</t>
  </si>
  <si>
    <t>0.03677834603619523</t>
  </si>
  <si>
    <t>209</t>
  </si>
  <si>
    <t>20631</t>
  </si>
  <si>
    <t>8.883333206176758</t>
  </si>
  <si>
    <t>877.0</t>
  </si>
  <si>
    <t>89.40238189697266</t>
  </si>
  <si>
    <t>MÔøΩhlviertel</t>
  </si>
  <si>
    <t>21144</t>
  </si>
  <si>
    <t>7.816667556762695</t>
  </si>
  <si>
    <t>858.2999877929688</t>
  </si>
  <si>
    <t>0.02456137829617866</t>
  </si>
  <si>
    <t>21364</t>
  </si>
  <si>
    <t>9.116665840148926</t>
  </si>
  <si>
    <t>885.0999755859375</t>
  </si>
  <si>
    <t>0.010351085175535957</t>
  </si>
  <si>
    <t>21315</t>
  </si>
  <si>
    <t>8.425000190734863</t>
  </si>
  <si>
    <t>901.0999755859375</t>
  </si>
  <si>
    <t>-0.002296212260350927</t>
  </si>
  <si>
    <t>21757</t>
  </si>
  <si>
    <t>852.1000366210938</t>
  </si>
  <si>
    <t>0.02052449461889161</t>
  </si>
  <si>
    <t>22318</t>
  </si>
  <si>
    <t>8.341668128967285</t>
  </si>
  <si>
    <t>928.1000366210938</t>
  </si>
  <si>
    <t>0.0254579829274455</t>
  </si>
  <si>
    <t>22811</t>
  </si>
  <si>
    <t>7.025000095367432</t>
  </si>
  <si>
    <t>912.2999267578125</t>
  </si>
  <si>
    <t>0.021849347992692003</t>
  </si>
  <si>
    <t>23262</t>
  </si>
  <si>
    <t>8.558333396911621</t>
  </si>
  <si>
    <t>952.5000610351562</t>
  </si>
  <si>
    <t>0.01957825216064535</t>
  </si>
  <si>
    <t>24069</t>
  </si>
  <si>
    <t>8.63333511352539</t>
  </si>
  <si>
    <t>939.5</t>
  </si>
  <si>
    <t>0.03410357752278159</t>
  </si>
  <si>
    <t>24876</t>
  </si>
  <si>
    <t>8.508334159851074</t>
  </si>
  <si>
    <t>939.5999755859375</t>
  </si>
  <si>
    <t>0.03297877780201297</t>
  </si>
  <si>
    <t>25653</t>
  </si>
  <si>
    <t>882.9000244140625</t>
  </si>
  <si>
    <t>0.03075704060028528</t>
  </si>
  <si>
    <t>25878</t>
  </si>
  <si>
    <t>943.0999755859375</t>
  </si>
  <si>
    <t>0.008732663051834066</t>
  </si>
  <si>
    <t>25860</t>
  </si>
  <si>
    <t>9.108333587646484</t>
  </si>
  <si>
    <t>1111.0999755859375</t>
  </si>
  <si>
    <t>-0.0006958135500507723</t>
  </si>
  <si>
    <t>25831</t>
  </si>
  <si>
    <t>8.733333587646484</t>
  </si>
  <si>
    <t>672.8999633789062</t>
  </si>
  <si>
    <t>-0.0011220523124944037</t>
  </si>
  <si>
    <t>26878</t>
  </si>
  <si>
    <t>8.475000381469727</t>
  </si>
  <si>
    <t>875.2999877929688</t>
  </si>
  <si>
    <t>0.039732787093656796</t>
  </si>
  <si>
    <t>27026</t>
  </si>
  <si>
    <t>7.7833333015441895</t>
  </si>
  <si>
    <t>945.4000244140625</t>
  </si>
  <si>
    <t>0.005491257491021528</t>
  </si>
  <si>
    <t>28122</t>
  </si>
  <si>
    <t>9.449999809265137</t>
  </si>
  <si>
    <t>988.2001342773438</t>
  </si>
  <si>
    <t>0.03975282255272994</t>
  </si>
  <si>
    <t>29564</t>
  </si>
  <si>
    <t>9.316666603088379</t>
  </si>
  <si>
    <t>966.4000854492188</t>
  </si>
  <si>
    <t>0.050005216754016146</t>
  </si>
  <si>
    <t>841.0999755859375</t>
  </si>
  <si>
    <t>0.03152986940778213</t>
  </si>
  <si>
    <t>30700</t>
  </si>
  <si>
    <t>945.2000122070312</t>
  </si>
  <si>
    <t>0.00617538026272868</t>
  </si>
  <si>
    <t>30002</t>
  </si>
  <si>
    <t>8.083334922790527</t>
  </si>
  <si>
    <t>852.0000610351562</t>
  </si>
  <si>
    <t>-0.02299860848645352</t>
  </si>
  <si>
    <t>31831</t>
  </si>
  <si>
    <t>823.4000854492188</t>
  </si>
  <si>
    <t>0.05917661159609544</t>
  </si>
  <si>
    <t>33288</t>
  </si>
  <si>
    <t>8.991667747497559</t>
  </si>
  <si>
    <t>858.300048828125</t>
  </si>
  <si>
    <t>0.04475631397784596</t>
  </si>
  <si>
    <t>34135</t>
  </si>
  <si>
    <t>8.858332633972168</t>
  </si>
  <si>
    <t>824.0999755859375</t>
  </si>
  <si>
    <t>0.025126279189604972</t>
  </si>
  <si>
    <t>34514</t>
  </si>
  <si>
    <t>9.966667175292969</t>
  </si>
  <si>
    <t>913.8999633789062</t>
  </si>
  <si>
    <t>0.011041787955143434</t>
  </si>
  <si>
    <t>34289</t>
  </si>
  <si>
    <t>772.5000610351562</t>
  </si>
  <si>
    <t>-0.006540435797097288</t>
  </si>
  <si>
    <t>35380</t>
  </si>
  <si>
    <t>8.8916654586792</t>
  </si>
  <si>
    <t>978.0999755859375</t>
  </si>
  <si>
    <t>0.031322085703347824</t>
  </si>
  <si>
    <t>36235</t>
  </si>
  <si>
    <t>9.875000953674316</t>
  </si>
  <si>
    <t>989.2000122070312</t>
  </si>
  <si>
    <t>0.023878813829606216</t>
  </si>
  <si>
    <t>36828</t>
  </si>
  <si>
    <t>9.816667556762695</t>
  </si>
  <si>
    <t>911.5999755859375</t>
  </si>
  <si>
    <t>0.016232922864354293</t>
  </si>
  <si>
    <t>36878</t>
  </si>
  <si>
    <t>10.2333345413208</t>
  </si>
  <si>
    <t>853.89990234375</t>
  </si>
  <si>
    <t>0.0013567418573732226</t>
  </si>
  <si>
    <t>35207</t>
  </si>
  <si>
    <t>9.716667175292969</t>
  </si>
  <si>
    <t>996.199951171875</t>
  </si>
  <si>
    <t>-0.04637024081330843</t>
  </si>
  <si>
    <t>36518</t>
  </si>
  <si>
    <t>865.300048828125</t>
  </si>
  <si>
    <t>0.036560363244877436</t>
  </si>
  <si>
    <t>10.191665649414062</t>
  </si>
  <si>
    <t>721.5999755859375</t>
  </si>
  <si>
    <t>0.03677636099154569</t>
  </si>
  <si>
    <t>210</t>
  </si>
  <si>
    <t>27111</t>
  </si>
  <si>
    <t>9.316516876220703</t>
  </si>
  <si>
    <t>787.9319458007812</t>
  </si>
  <si>
    <t>184.106201171875</t>
  </si>
  <si>
    <t>NiederÔøΩsterreich-SÔøΩd</t>
  </si>
  <si>
    <t>27785</t>
  </si>
  <si>
    <t>8.193442344665527</t>
  </si>
  <si>
    <t>824.1355590820312</t>
  </si>
  <si>
    <t>0.02455675714395511</t>
  </si>
  <si>
    <t>9.466752052307129</t>
  </si>
  <si>
    <t>772.53662109375</t>
  </si>
  <si>
    <t>0.010383193892623765</t>
  </si>
  <si>
    <t>28009</t>
  </si>
  <si>
    <t>8.717223167419434</t>
  </si>
  <si>
    <t>759.8975219726562</t>
  </si>
  <si>
    <t>-0.002353613524972431</t>
  </si>
  <si>
    <t>28591</t>
  </si>
  <si>
    <t>9.570487022399902</t>
  </si>
  <si>
    <t>713.1090698242188</t>
  </si>
  <si>
    <t>0.020566095887772917</t>
  </si>
  <si>
    <t>29328</t>
  </si>
  <si>
    <t>8.555509567260742</t>
  </si>
  <si>
    <t>903.2133178710938</t>
  </si>
  <si>
    <t>0.02545070811004102</t>
  </si>
  <si>
    <t>29976</t>
  </si>
  <si>
    <t>7.196192264556885</t>
  </si>
  <si>
    <t>906.8026123046875</t>
  </si>
  <si>
    <t>0.021854370394036593</t>
  </si>
  <si>
    <t>30568</t>
  </si>
  <si>
    <t>8.921823501586914</t>
  </si>
  <si>
    <t>836.4869384765625</t>
  </si>
  <si>
    <t>0.019556648653212605</t>
  </si>
  <si>
    <t>31628</t>
  </si>
  <si>
    <t>9.039944648742676</t>
  </si>
  <si>
    <t>815.594970703125</t>
  </si>
  <si>
    <t>0.03408909406408256</t>
  </si>
  <si>
    <t>32689</t>
  </si>
  <si>
    <t>9.10987377166748</t>
  </si>
  <si>
    <t>868.2439575195312</t>
  </si>
  <si>
    <t>0.032995825664926315</t>
  </si>
  <si>
    <t>33711</t>
  </si>
  <si>
    <t>10.104409217834473</t>
  </si>
  <si>
    <t>731.313232421875</t>
  </si>
  <si>
    <t>0.030785563720268527</t>
  </si>
  <si>
    <t>34405</t>
  </si>
  <si>
    <t>8.898866653442383</t>
  </si>
  <si>
    <t>722.4221801757812</t>
  </si>
  <si>
    <t>0.020377709060566573</t>
  </si>
  <si>
    <t>34545</t>
  </si>
  <si>
    <t>9.425439834594727</t>
  </si>
  <si>
    <t>986.0475463867188</t>
  </si>
  <si>
    <t>0.0040609192863154675</t>
  </si>
  <si>
    <t>34929</t>
  </si>
  <si>
    <t>9.16698932647705</t>
  </si>
  <si>
    <t>624.1647338867188</t>
  </si>
  <si>
    <t>0.01105460778223133</t>
  </si>
  <si>
    <t>35400</t>
  </si>
  <si>
    <t>9.061563491821289</t>
  </si>
  <si>
    <t>781.5633544921875</t>
  </si>
  <si>
    <t>0.013394390416738844</t>
  </si>
  <si>
    <t>35986</t>
  </si>
  <si>
    <t>8.219897270202637</t>
  </si>
  <si>
    <t>859.0330810546875</t>
  </si>
  <si>
    <t>0.016418153790599632</t>
  </si>
  <si>
    <t>36602</t>
  </si>
  <si>
    <t>9.833537101745605</t>
  </si>
  <si>
    <t>799.7606201171875</t>
  </si>
  <si>
    <t>0.01697290979276289</t>
  </si>
  <si>
    <t>38694</t>
  </si>
  <si>
    <t>9.788725852966309</t>
  </si>
  <si>
    <t>936.52001953125</t>
  </si>
  <si>
    <t>0.05558166553320554</t>
  </si>
  <si>
    <t>38902</t>
  </si>
  <si>
    <t>9.324220657348633</t>
  </si>
  <si>
    <t>840.7994995117188</t>
  </si>
  <si>
    <t>0.005361113928204375</t>
  </si>
  <si>
    <t>36638</t>
  </si>
  <si>
    <t>9.359007835388184</t>
  </si>
  <si>
    <t>944.7752685546875</t>
  </si>
  <si>
    <t>-0.0599597100212339</t>
  </si>
  <si>
    <t>37757</t>
  </si>
  <si>
    <t>8.495957374572754</t>
  </si>
  <si>
    <t>966.927490234375</t>
  </si>
  <si>
    <t>0.030084935805239965</t>
  </si>
  <si>
    <t>38463</t>
  </si>
  <si>
    <t>9.736916542053223</t>
  </si>
  <si>
    <t>684.884033203125</t>
  </si>
  <si>
    <t>0.018525851270167593</t>
  </si>
  <si>
    <t>38955</t>
  </si>
  <si>
    <t>9.364197731018066</t>
  </si>
  <si>
    <t>783.6630249023438</t>
  </si>
  <si>
    <t>0.012710393544146825</t>
  </si>
  <si>
    <t>38878</t>
  </si>
  <si>
    <t>9.13762378692627</t>
  </si>
  <si>
    <t>796.6964111328125</t>
  </si>
  <si>
    <t>-0.001978595842899722</t>
  </si>
  <si>
    <t>39499</t>
  </si>
  <si>
    <t>10.448748588562012</t>
  </si>
  <si>
    <t>962.4195556640625</t>
  </si>
  <si>
    <t>0.015846817190992013</t>
  </si>
  <si>
    <t>39124</t>
  </si>
  <si>
    <t>10.120368957519531</t>
  </si>
  <si>
    <t>789.045654296875</t>
  </si>
  <si>
    <t>-0.009539265702667166</t>
  </si>
  <si>
    <t>38716</t>
  </si>
  <si>
    <t>9.427129745483398</t>
  </si>
  <si>
    <t>1083.8668212890625</t>
  </si>
  <si>
    <t>-0.01048313814140478</t>
  </si>
  <si>
    <t>39877</t>
  </si>
  <si>
    <t>10.334126472473145</t>
  </si>
  <si>
    <t>930.7409057617188</t>
  </si>
  <si>
    <t>0.02954676530017153</t>
  </si>
  <si>
    <t>40844</t>
  </si>
  <si>
    <t>10.381964683532715</t>
  </si>
  <si>
    <t>870.2239379882812</t>
  </si>
  <si>
    <t>0.023960215106278326</t>
  </si>
  <si>
    <t>41285</t>
  </si>
  <si>
    <t>10.687389373779297</t>
  </si>
  <si>
    <t>793.113037109375</t>
  </si>
  <si>
    <t>0.010739306176100527</t>
  </si>
  <si>
    <t>38717</t>
  </si>
  <si>
    <t>10.242223739624023</t>
  </si>
  <si>
    <t>964.9632568359375</t>
  </si>
  <si>
    <t>-0.06422045780153773</t>
  </si>
  <si>
    <t>40158</t>
  </si>
  <si>
    <t>9.370604515075684</t>
  </si>
  <si>
    <t>746.89892578125</t>
  </si>
  <si>
    <t>0.036542893278706856</t>
  </si>
  <si>
    <t>41663</t>
  </si>
  <si>
    <t>10.534008979797363</t>
  </si>
  <si>
    <t>721.2645874023438</t>
  </si>
  <si>
    <t>0.036791771415403574</t>
  </si>
  <si>
    <t>211</t>
  </si>
  <si>
    <t>26747</t>
  </si>
  <si>
    <t>11.183334350585938</t>
  </si>
  <si>
    <t>580.2000122070312</t>
  </si>
  <si>
    <t>90.30660247802734</t>
  </si>
  <si>
    <t>Nordburgenland</t>
  </si>
  <si>
    <t>27411</t>
  </si>
  <si>
    <t>653.4000854492188</t>
  </si>
  <si>
    <t>0.024522075164517432</t>
  </si>
  <si>
    <t>27697</t>
  </si>
  <si>
    <t>11.28333568572998</t>
  </si>
  <si>
    <t>572.7000122070312</t>
  </si>
  <si>
    <t>0.010379711394381985</t>
  </si>
  <si>
    <t>27633</t>
  </si>
  <si>
    <t>10.52500057220459</t>
  </si>
  <si>
    <t>572.2999877929688</t>
  </si>
  <si>
    <t>-0.0023133934047674387</t>
  </si>
  <si>
    <t>28207</t>
  </si>
  <si>
    <t>11.40833568572998</t>
  </si>
  <si>
    <t>624.5000610351562</t>
  </si>
  <si>
    <t>0.020559463417002988</t>
  </si>
  <si>
    <t>28934</t>
  </si>
  <si>
    <t>10.425000190734863</t>
  </si>
  <si>
    <t>718.300048828125</t>
  </si>
  <si>
    <t>0.025447200116188284</t>
  </si>
  <si>
    <t>29573</t>
  </si>
  <si>
    <t>661.5000610351562</t>
  </si>
  <si>
    <t>0.02184440868738946</t>
  </si>
  <si>
    <t>30158</t>
  </si>
  <si>
    <t>10.791667938232422</t>
  </si>
  <si>
    <t>570.9000854492188</t>
  </si>
  <si>
    <t>0.019588445048816183</t>
  </si>
  <si>
    <t>31203</t>
  </si>
  <si>
    <t>10.916665077209473</t>
  </si>
  <si>
    <t>650.4000244140625</t>
  </si>
  <si>
    <t>0.034064016095500804</t>
  </si>
  <si>
    <t>32249</t>
  </si>
  <si>
    <t>10.991667747497559</t>
  </si>
  <si>
    <t>685.2000122070312</t>
  </si>
  <si>
    <t>0.03297279096998729</t>
  </si>
  <si>
    <t>33257</t>
  </si>
  <si>
    <t>11.891667366027832</t>
  </si>
  <si>
    <t>505.3999938964844</t>
  </si>
  <si>
    <t>0.030778236251004287</t>
  </si>
  <si>
    <t>33368</t>
  </si>
  <si>
    <t>10.72499942779541</t>
  </si>
  <si>
    <t>460.4999694824219</t>
  </si>
  <si>
    <t>0.0033320856345468997</t>
  </si>
  <si>
    <t>34518</t>
  </si>
  <si>
    <t>11.25</t>
  </si>
  <si>
    <t>641.8999633789062</t>
  </si>
  <si>
    <t>0.03388357021456834</t>
  </si>
  <si>
    <t>34937</t>
  </si>
  <si>
    <t>11.008334159851074</t>
  </si>
  <si>
    <t>432.0</t>
  </si>
  <si>
    <t>0.012065512433572678</t>
  </si>
  <si>
    <t>37422</t>
  </si>
  <si>
    <t>10.933333396911621</t>
  </si>
  <si>
    <t>590.2999877929688</t>
  </si>
  <si>
    <t>0.06871232722925491</t>
  </si>
  <si>
    <t>36871</t>
  </si>
  <si>
    <t>668.0</t>
  </si>
  <si>
    <t>-0.014833432572119776</t>
  </si>
  <si>
    <t>37185</t>
  </si>
  <si>
    <t>11.708333015441895</t>
  </si>
  <si>
    <t>549.0999755859375</t>
  </si>
  <si>
    <t>0.008480119955343923</t>
  </si>
  <si>
    <t>38282</t>
  </si>
  <si>
    <t>11.658333778381348</t>
  </si>
  <si>
    <t>632.6000366210938</t>
  </si>
  <si>
    <t>0.029074357668653406</t>
  </si>
  <si>
    <t>38081</t>
  </si>
  <si>
    <t>11.15000057220459</t>
  </si>
  <si>
    <t>644.7000122070312</t>
  </si>
  <si>
    <t>-0.005264341741352041</t>
  </si>
  <si>
    <t>11.174999237060547</t>
  </si>
  <si>
    <t>649.2999877929688</t>
  </si>
  <si>
    <t>-0.02537100235687717</t>
  </si>
  <si>
    <t>38146</t>
  </si>
  <si>
    <t>10.291668891906738</t>
  </si>
  <si>
    <t>732.7000122070312</t>
  </si>
  <si>
    <t>0.027076435228547524</t>
  </si>
  <si>
    <t>38991</t>
  </si>
  <si>
    <t>11.591667175292969</t>
  </si>
  <si>
    <t>440.70001220703125</t>
  </si>
  <si>
    <t>0.021909947313325517</t>
  </si>
  <si>
    <t>40612</t>
  </si>
  <si>
    <t>566.2999267578125</t>
  </si>
  <si>
    <t>0.040732739171415844</t>
  </si>
  <si>
    <t>41033</t>
  </si>
  <si>
    <t>10.949999809265137</t>
  </si>
  <si>
    <t>605.0</t>
  </si>
  <si>
    <t>0.010313031573478071</t>
  </si>
  <si>
    <t>40515</t>
  </si>
  <si>
    <t>12.283333778381348</t>
  </si>
  <si>
    <t>-0.012704345099766812</t>
  </si>
  <si>
    <t>40856</t>
  </si>
  <si>
    <t>654.2000122070312</t>
  </si>
  <si>
    <t>0.008381413432655194</t>
  </si>
  <si>
    <t>41355</t>
  </si>
  <si>
    <t>11.141667366027832</t>
  </si>
  <si>
    <t>766.0999145507812</t>
  </si>
  <si>
    <t>0.012139643798526834</t>
  </si>
  <si>
    <t>42029</t>
  </si>
  <si>
    <t>12.091667175292969</t>
  </si>
  <si>
    <t>681.4000244140625</t>
  </si>
  <si>
    <t>0.01616652306096178</t>
  </si>
  <si>
    <t>636.0</t>
  </si>
  <si>
    <t>0.007443261975257798</t>
  </si>
  <si>
    <t>42731</t>
  </si>
  <si>
    <t>12.391666412353516</t>
  </si>
  <si>
    <t>672.300048828125</t>
  </si>
  <si>
    <t>0.009121533963529771</t>
  </si>
  <si>
    <t>40368</t>
  </si>
  <si>
    <t>11.97499942779541</t>
  </si>
  <si>
    <t>717.2999877929688</t>
  </si>
  <si>
    <t>-0.056887260244918636</t>
  </si>
  <si>
    <t>41871</t>
  </si>
  <si>
    <t>11.125</t>
  </si>
  <si>
    <t>549.5</t>
  </si>
  <si>
    <t>0.03655607129591587</t>
  </si>
  <si>
    <t>43440</t>
  </si>
  <si>
    <t>12.366667747497559</t>
  </si>
  <si>
    <t>590.800048828125</t>
  </si>
  <si>
    <t>0.03678721243106331</t>
  </si>
  <si>
    <t>212</t>
  </si>
  <si>
    <t>25442</t>
  </si>
  <si>
    <t>5.458332538604736</t>
  </si>
  <si>
    <t>1493.300048828125</t>
  </si>
  <si>
    <t>27.92180061340332</t>
  </si>
  <si>
    <t>OberkÔøΩrnten</t>
  </si>
  <si>
    <t>26074</t>
  </si>
  <si>
    <t>4.558333873748779</t>
  </si>
  <si>
    <t>1271.7999267578125</t>
  </si>
  <si>
    <t>0.02453729750656919</t>
  </si>
  <si>
    <t>26347</t>
  </si>
  <si>
    <t>5.766666412353516</t>
  </si>
  <si>
    <t>1512.2000732421875</t>
  </si>
  <si>
    <t>0.010415767272743182</t>
  </si>
  <si>
    <t>5.150000095367432</t>
  </si>
  <si>
    <t>1373.6002197265625</t>
  </si>
  <si>
    <t>-0.002355982241919463</t>
  </si>
  <si>
    <t>26831</t>
  </si>
  <si>
    <t>5.966667175292969</t>
  </si>
  <si>
    <t>1319.10009765625</t>
  </si>
  <si>
    <t>0.020559501182319195</t>
  </si>
  <si>
    <t>27523</t>
  </si>
  <si>
    <t>5.050000190734863</t>
  </si>
  <si>
    <t>1307.300048828125</t>
  </si>
  <si>
    <t>0.02546408329798311</t>
  </si>
  <si>
    <t>28131</t>
  </si>
  <si>
    <t>4.233333110809326</t>
  </si>
  <si>
    <t>1497.7999267578125</t>
  </si>
  <si>
    <t>0.021850152353884766</t>
  </si>
  <si>
    <t>28687</t>
  </si>
  <si>
    <t>5.350000381469727</t>
  </si>
  <si>
    <t>1391.699951171875</t>
  </si>
  <si>
    <t>0.019571887369375318</t>
  </si>
  <si>
    <t>29681</t>
  </si>
  <si>
    <t>5.224999904632568</t>
  </si>
  <si>
    <t>1465.2001953125</t>
  </si>
  <si>
    <t>0.03406305197899151</t>
  </si>
  <si>
    <t>30677</t>
  </si>
  <si>
    <t>5.1166672706604</t>
  </si>
  <si>
    <t>1647.10009765625</t>
  </si>
  <si>
    <t>0.033006077691604574</t>
  </si>
  <si>
    <t>31636</t>
  </si>
  <si>
    <t>6.341667175292969</t>
  </si>
  <si>
    <t>1724.400146484375</t>
  </si>
  <si>
    <t>0.030782524511600684</t>
  </si>
  <si>
    <t>31589</t>
  </si>
  <si>
    <t>5.2416672706604</t>
  </si>
  <si>
    <t>1449.699951171875</t>
  </si>
  <si>
    <t>-0.0014867539314362688</t>
  </si>
  <si>
    <t>31727</t>
  </si>
  <si>
    <t>5.7416672706604</t>
  </si>
  <si>
    <t>1660.300048828125</t>
  </si>
  <si>
    <t>0.00435909465283757</t>
  </si>
  <si>
    <t>32160</t>
  </si>
  <si>
    <t>5.599999904632568</t>
  </si>
  <si>
    <t>1294.699951171875</t>
  </si>
  <si>
    <t>0.01355539093219349</t>
  </si>
  <si>
    <t>32594</t>
  </si>
  <si>
    <t>1227.4998779296875</t>
  </si>
  <si>
    <t>0.013404778043032195</t>
  </si>
  <si>
    <t>32922</t>
  </si>
  <si>
    <t>1307.0</t>
  </si>
  <si>
    <t>0.01001290495109508</t>
  </si>
  <si>
    <t>34942</t>
  </si>
  <si>
    <t>5.991666793823242</t>
  </si>
  <si>
    <t>1303.0</t>
  </si>
  <si>
    <t>0.05954841674735967</t>
  </si>
  <si>
    <t>36271</t>
  </si>
  <si>
    <t>5.891666889190674</t>
  </si>
  <si>
    <t>1463.300048828125</t>
  </si>
  <si>
    <t>0.03732897985779893</t>
  </si>
  <si>
    <t>36356</t>
  </si>
  <si>
    <t>5.566667079925537</t>
  </si>
  <si>
    <t>1473.0001220703125</t>
  </si>
  <si>
    <t>0.002340728346473142</t>
  </si>
  <si>
    <t>5.499999523162842</t>
  </si>
  <si>
    <t>1535.8001708984375</t>
  </si>
  <si>
    <t>-0.01711672277119014</t>
  </si>
  <si>
    <t>34555</t>
  </si>
  <si>
    <t>4.874999523162842</t>
  </si>
  <si>
    <t>1401.199951171875</t>
  </si>
  <si>
    <t>-0.03369027194197649</t>
  </si>
  <si>
    <t>36043</t>
  </si>
  <si>
    <t>6.25</t>
  </si>
  <si>
    <t>1355.400146484375</t>
  </si>
  <si>
    <t>0.04216041257596004</t>
  </si>
  <si>
    <t>35981</t>
  </si>
  <si>
    <t>6.0333333015441895</t>
  </si>
  <si>
    <t>1536.60009765625</t>
  </si>
  <si>
    <t>-0.0017216487647004897</t>
  </si>
  <si>
    <t>36285</t>
  </si>
  <si>
    <t>1477.0</t>
  </si>
  <si>
    <t>0.008413411375483903</t>
  </si>
  <si>
    <t>35997</t>
  </si>
  <si>
    <t>6.291666507720947</t>
  </si>
  <si>
    <t>1486.5</t>
  </si>
  <si>
    <t>-0.007968831079740113</t>
  </si>
  <si>
    <t>34662</t>
  </si>
  <si>
    <t>6.400001049041748</t>
  </si>
  <si>
    <t>1392.9998779296875</t>
  </si>
  <si>
    <t>-0.03779161562317768</t>
  </si>
  <si>
    <t>35054</t>
  </si>
  <si>
    <t>1646.8001708984375</t>
  </si>
  <si>
    <t>0.011245743623801374</t>
  </si>
  <si>
    <t>36039</t>
  </si>
  <si>
    <t>6.375</t>
  </si>
  <si>
    <t>1868.699951171875</t>
  </si>
  <si>
    <t>0.027711955756362983</t>
  </si>
  <si>
    <t>36249</t>
  </si>
  <si>
    <t>6.158332824707031</t>
  </si>
  <si>
    <t>1305.89990234375</t>
  </si>
  <si>
    <t>0.0058101093059335085</t>
  </si>
  <si>
    <t>37226</t>
  </si>
  <si>
    <t>6.825000762939453</t>
  </si>
  <si>
    <t>1421.2999267578125</t>
  </si>
  <si>
    <t>0.02659564716286056</t>
  </si>
  <si>
    <t>35859</t>
  </si>
  <si>
    <t>6.2833333015441895</t>
  </si>
  <si>
    <t>1563.7000732421875</t>
  </si>
  <si>
    <t>-0.03741286031218749</t>
  </si>
  <si>
    <t>37194</t>
  </si>
  <si>
    <t>1390.0001220703125</t>
  </si>
  <si>
    <t>0.03655287638388316</t>
  </si>
  <si>
    <t>38588</t>
  </si>
  <si>
    <t>6.883333683013916</t>
  </si>
  <si>
    <t>1327.2000732421875</t>
  </si>
  <si>
    <t>0.03679388936046912</t>
  </si>
  <si>
    <t>213</t>
  </si>
  <si>
    <t>23913</t>
  </si>
  <si>
    <t>9.765962600708008</t>
  </si>
  <si>
    <t>1002.7589111328125</t>
  </si>
  <si>
    <t>240.33822631835938</t>
  </si>
  <si>
    <t>Oststeiermark</t>
  </si>
  <si>
    <t>24507</t>
  </si>
  <si>
    <t>8.635879516601562</t>
  </si>
  <si>
    <t>1020.7468872070312</t>
  </si>
  <si>
    <t>0.02453654691394469</t>
  </si>
  <si>
    <t>24763</t>
  </si>
  <si>
    <t>9.947379112243652</t>
  </si>
  <si>
    <t>899.3218383789062</t>
  </si>
  <si>
    <t>0.010391812615287321</t>
  </si>
  <si>
    <t>24706</t>
  </si>
  <si>
    <t>9.40571117401123</t>
  </si>
  <si>
    <t>898.4634399414062</t>
  </si>
  <si>
    <t>-0.0023044745285059065</t>
  </si>
  <si>
    <t>25219</t>
  </si>
  <si>
    <t>10.228795051574707</t>
  </si>
  <si>
    <t>962.9876708984375</t>
  </si>
  <si>
    <t>0.020551549565446692</t>
  </si>
  <si>
    <t>25869</t>
  </si>
  <si>
    <t>9.254420280456543</t>
  </si>
  <si>
    <t>965.6529541015625</t>
  </si>
  <si>
    <t>0.02544766195822845</t>
  </si>
  <si>
    <t>26440</t>
  </si>
  <si>
    <t>8.317171096801758</t>
  </si>
  <si>
    <t>1049.52783203125</t>
  </si>
  <si>
    <t>0.02183267434518754</t>
  </si>
  <si>
    <t>26963</t>
  </si>
  <si>
    <t>9.428171157836914</t>
  </si>
  <si>
    <t>880.1242065429688</t>
  </si>
  <si>
    <t>0.019587540834301365</t>
  </si>
  <si>
    <t>27898</t>
  </si>
  <si>
    <t>9.46279525756836</t>
  </si>
  <si>
    <t>973.5150146484375</t>
  </si>
  <si>
    <t>0.03408944585225626</t>
  </si>
  <si>
    <t>28833</t>
  </si>
  <si>
    <t>9.499337196350098</t>
  </si>
  <si>
    <t>999.2979736328125</t>
  </si>
  <si>
    <t>0.03296556283921426</t>
  </si>
  <si>
    <t>29734</t>
  </si>
  <si>
    <t>10.956336975097656</t>
  </si>
  <si>
    <t>956.2296142578125</t>
  </si>
  <si>
    <t>0.03077060768190165</t>
  </si>
  <si>
    <t>30457</t>
  </si>
  <si>
    <t>9.419171333312988</t>
  </si>
  <si>
    <t>739.085205078125</t>
  </si>
  <si>
    <t>0.02402468060269669</t>
  </si>
  <si>
    <t>30519</t>
  </si>
  <si>
    <t>10.19092082977295</t>
  </si>
  <si>
    <t>1004.4467163085938</t>
  </si>
  <si>
    <t>0.002033587685865257</t>
  </si>
  <si>
    <t>30342</t>
  </si>
  <si>
    <t>9.6397123336792</t>
  </si>
  <si>
    <t>763.1239013671875</t>
  </si>
  <si>
    <t>-0.0058165491538204606</t>
  </si>
  <si>
    <t>31478</t>
  </si>
  <si>
    <t>9.39029598236084</t>
  </si>
  <si>
    <t>941.3560791015625</t>
  </si>
  <si>
    <t>0.03675599780350858</t>
  </si>
  <si>
    <t>31370</t>
  </si>
  <si>
    <t>8.5345458984375</t>
  </si>
  <si>
    <t>1038.1544189453125</t>
  </si>
  <si>
    <t>-0.003436866926822546</t>
  </si>
  <si>
    <t>32725</t>
  </si>
  <si>
    <t>10.144796371459961</t>
  </si>
  <si>
    <t>873.2763061523438</t>
  </si>
  <si>
    <t>0.0422872895933768</t>
  </si>
  <si>
    <t>35214</t>
  </si>
  <si>
    <t>10.301837921142578</t>
  </si>
  <si>
    <t>907.5731811523438</t>
  </si>
  <si>
    <t>0.07330441900828966</t>
  </si>
  <si>
    <t>35536</t>
  </si>
  <si>
    <t>10.208878517150879</t>
  </si>
  <si>
    <t>1022.3370361328125</t>
  </si>
  <si>
    <t>0.009102536347818102</t>
  </si>
  <si>
    <t>34877</t>
  </si>
  <si>
    <t>10.255671501159668</t>
  </si>
  <si>
    <t>1091.4246826171875</t>
  </si>
  <si>
    <t>-0.018718680984605385</t>
  </si>
  <si>
    <t>36590</t>
  </si>
  <si>
    <t>9.424880027770996</t>
  </si>
  <si>
    <t>1131.959716796875</t>
  </si>
  <si>
    <t>0.047947392863649796</t>
  </si>
  <si>
    <t>36573</t>
  </si>
  <si>
    <t>10.18200397491455</t>
  </si>
  <si>
    <t>762.1869506835938</t>
  </si>
  <si>
    <t>-0.0004647157799961832</t>
  </si>
  <si>
    <t>37384</t>
  </si>
  <si>
    <t>10.383254051208496</t>
  </si>
  <si>
    <t>995.3939819335938</t>
  </si>
  <si>
    <t>0.021932542147006018</t>
  </si>
  <si>
    <t>10.254379272460938</t>
  </si>
  <si>
    <t>1044.0675048828125</t>
  </si>
  <si>
    <t>-0.00800326549293473</t>
  </si>
  <si>
    <t>37901</t>
  </si>
  <si>
    <t>10.916586875915527</t>
  </si>
  <si>
    <t>1262.8026123046875</t>
  </si>
  <si>
    <t>0.021737957059380975</t>
  </si>
  <si>
    <t>37698</t>
  </si>
  <si>
    <t>10.620462417602539</t>
  </si>
  <si>
    <t>1061.507568359375</t>
  </si>
  <si>
    <t>-0.005370454315706041</t>
  </si>
  <si>
    <t>38058</t>
  </si>
  <si>
    <t>9.923670768737793</t>
  </si>
  <si>
    <t>1236.853759765625</t>
  </si>
  <si>
    <t>0.009504269230950158</t>
  </si>
  <si>
    <t>40116</t>
  </si>
  <si>
    <t>11.021712303161621</t>
  </si>
  <si>
    <t>1109.0673828125</t>
  </si>
  <si>
    <t>0.05266394534614527</t>
  </si>
  <si>
    <t>40277</t>
  </si>
  <si>
    <t>10.855712890625</t>
  </si>
  <si>
    <t>1030.2137451171875</t>
  </si>
  <si>
    <t>0.004005329201273611</t>
  </si>
  <si>
    <t>41078</t>
  </si>
  <si>
    <t>11.209546089172363</t>
  </si>
  <si>
    <t>1078.4219970703125</t>
  </si>
  <si>
    <t>0.019692111956223002</t>
  </si>
  <si>
    <t>39508</t>
  </si>
  <si>
    <t>10.762755393981934</t>
  </si>
  <si>
    <t>1258.43994140625</t>
  </si>
  <si>
    <t>-0.038969515337576865</t>
  </si>
  <si>
    <t>40979</t>
  </si>
  <si>
    <t>9.990921020507812</t>
  </si>
  <si>
    <t>925.3800048828125</t>
  </si>
  <si>
    <t>0.03655655731974683</t>
  </si>
  <si>
    <t>42514</t>
  </si>
  <si>
    <t>11.394753456115723</t>
  </si>
  <si>
    <t>885.5289916992188</t>
  </si>
  <si>
    <t>0.03677369308530665</t>
  </si>
  <si>
    <t>214</t>
  </si>
  <si>
    <t>25325</t>
  </si>
  <si>
    <t>4.4083333015441895</t>
  </si>
  <si>
    <t>1193.2000732421875</t>
  </si>
  <si>
    <t>27.644826889038086</t>
  </si>
  <si>
    <t>Osttirol</t>
  </si>
  <si>
    <t>25954</t>
  </si>
  <si>
    <t>3.4749996662139893</t>
  </si>
  <si>
    <t>1082.300048828125</t>
  </si>
  <si>
    <t>0.024533690180293277</t>
  </si>
  <si>
    <t>26225</t>
  </si>
  <si>
    <t>4.7833333015441895</t>
  </si>
  <si>
    <t>1244.0999755859375</t>
  </si>
  <si>
    <t>0.010387413967320569</t>
  </si>
  <si>
    <t>26164</t>
  </si>
  <si>
    <t>3.991666078567505</t>
  </si>
  <si>
    <t>1154.60009765625</t>
  </si>
  <si>
    <t>-0.0023287341833935216</t>
  </si>
  <si>
    <t>26708</t>
  </si>
  <si>
    <t>4.958333492279053</t>
  </si>
  <si>
    <t>1105.7000732421875</t>
  </si>
  <si>
    <t>0.020578725896655214</t>
  </si>
  <si>
    <t>27396</t>
  </si>
  <si>
    <t>4.058333873748779</t>
  </si>
  <si>
    <t>1099.0</t>
  </si>
  <si>
    <t>0.025433871340036163</t>
  </si>
  <si>
    <t>28001</t>
  </si>
  <si>
    <t>3.0083329677581787</t>
  </si>
  <si>
    <t>1395.6002197265625</t>
  </si>
  <si>
    <t>0.021843206487520916</t>
  </si>
  <si>
    <t>28555</t>
  </si>
  <si>
    <t>4.400000095367432</t>
  </si>
  <si>
    <t>960.2000732421875</t>
  </si>
  <si>
    <t>0.01959182829364714</t>
  </si>
  <si>
    <t>29545</t>
  </si>
  <si>
    <t>1189.900146484375</t>
  </si>
  <si>
    <t>0.03408247268081155</t>
  </si>
  <si>
    <t>30536</t>
  </si>
  <si>
    <t>4.108333587646484</t>
  </si>
  <si>
    <t>1219.60009765625</t>
  </si>
  <si>
    <t>0.032991790645290564</t>
  </si>
  <si>
    <t>31490</t>
  </si>
  <si>
    <t>5.233333587646484</t>
  </si>
  <si>
    <t>1421.5999755859375</t>
  </si>
  <si>
    <t>0.030763719670005685</t>
  </si>
  <si>
    <t>31994</t>
  </si>
  <si>
    <t>1025.5</t>
  </si>
  <si>
    <t>0.015878350106470762</t>
  </si>
  <si>
    <t>31984</t>
  </si>
  <si>
    <t>4.7166666984558105</t>
  </si>
  <si>
    <t>1365.2000732421875</t>
  </si>
  <si>
    <t>-0.0003126074613604146</t>
  </si>
  <si>
    <t>32211</t>
  </si>
  <si>
    <t>4.4166669845581055</t>
  </si>
  <si>
    <t>990.6000366210938</t>
  </si>
  <si>
    <t>0.007072231362064585</t>
  </si>
  <si>
    <t>33367</t>
  </si>
  <si>
    <t>4.066667079925537</t>
  </si>
  <si>
    <t>1195.7999267578125</t>
  </si>
  <si>
    <t>0.03525937849304661</t>
  </si>
  <si>
    <t>35392</t>
  </si>
  <si>
    <t>3.499999761581421</t>
  </si>
  <si>
    <t>1171.9000244140625</t>
  </si>
  <si>
    <t>0.05891841828671396</t>
  </si>
  <si>
    <t>36821</t>
  </si>
  <si>
    <t>5.025000095367432</t>
  </si>
  <si>
    <t>1065.5999755859375</t>
  </si>
  <si>
    <t>0.03958252868889289</t>
  </si>
  <si>
    <t>36646</t>
  </si>
  <si>
    <t>4.724999904632568</t>
  </si>
  <si>
    <t>1088.7000732421875</t>
  </si>
  <si>
    <t>-0.004764052730779511</t>
  </si>
  <si>
    <t>37317</t>
  </si>
  <si>
    <t>1366.699951171875</t>
  </si>
  <si>
    <t>0.018144705037954623</t>
  </si>
  <si>
    <t>37345</t>
  </si>
  <si>
    <t>4.4666666984558105</t>
  </si>
  <si>
    <t>1340.60009765625</t>
  </si>
  <si>
    <t>0.0007500469130921061</t>
  </si>
  <si>
    <t>38230</t>
  </si>
  <si>
    <t>3.7083330154418945</t>
  </si>
  <si>
    <t>1202.699951171875</t>
  </si>
  <si>
    <t>0.023421513899291924</t>
  </si>
  <si>
    <t>38528</t>
  </si>
  <si>
    <t>1047.5999755859375</t>
  </si>
  <si>
    <t>0.007764701978034694</t>
  </si>
  <si>
    <t>39472</t>
  </si>
  <si>
    <t>1304.2000732421875</t>
  </si>
  <si>
    <t>0.024206310100645112</t>
  </si>
  <si>
    <t>40798</t>
  </si>
  <si>
    <t>1322.699951171875</t>
  </si>
  <si>
    <t>0.03304150081377166</t>
  </si>
  <si>
    <t>41912</t>
  </si>
  <si>
    <t>5.408334255218506</t>
  </si>
  <si>
    <t>1485.8001708984375</t>
  </si>
  <si>
    <t>0.02693912150514599</t>
  </si>
  <si>
    <t>42372</t>
  </si>
  <si>
    <t>5.300000190734863</t>
  </si>
  <si>
    <t>1327.60009765625</t>
  </si>
  <si>
    <t>0.010915584628330421</t>
  </si>
  <si>
    <t>42866</t>
  </si>
  <si>
    <t>4.566666603088379</t>
  </si>
  <si>
    <t>1499.9000244140625</t>
  </si>
  <si>
    <t>0.01159120418069115</t>
  </si>
  <si>
    <t>43780</t>
  </si>
  <si>
    <t>5.258333683013916</t>
  </si>
  <si>
    <t>1489.599853515625</t>
  </si>
  <si>
    <t>0.02109812117977583</t>
  </si>
  <si>
    <t>44124</t>
  </si>
  <si>
    <t>5.275000095367432</t>
  </si>
  <si>
    <t>1191.0001220703125</t>
  </si>
  <si>
    <t>0.007826760012418887</t>
  </si>
  <si>
    <t>44360</t>
  </si>
  <si>
    <t>5.799999713897705</t>
  </si>
  <si>
    <t>1331.199951171875</t>
  </si>
  <si>
    <t>0.005334310375031848</t>
  </si>
  <si>
    <t>43020</t>
  </si>
  <si>
    <t>5.316666126251221</t>
  </si>
  <si>
    <t>1557.900146484375</t>
  </si>
  <si>
    <t>-0.03067303864258264</t>
  </si>
  <si>
    <t>44622</t>
  </si>
  <si>
    <t>4.458333969116211</t>
  </si>
  <si>
    <t>0.03656188710963448</t>
  </si>
  <si>
    <t>46294</t>
  </si>
  <si>
    <t>5.749999523162842</t>
  </si>
  <si>
    <t>1054.5999755859375</t>
  </si>
  <si>
    <t>0.03678535211267864</t>
  </si>
  <si>
    <t>215</t>
  </si>
  <si>
    <t>34649</t>
  </si>
  <si>
    <t>3.666766405105591</t>
  </si>
  <si>
    <t>1335.1917724609375</t>
  </si>
  <si>
    <t>108.15415954589844</t>
  </si>
  <si>
    <t>Pinzgau-Pongau</t>
  </si>
  <si>
    <t>35510</t>
  </si>
  <si>
    <t>2.9605324268341064</t>
  </si>
  <si>
    <t>1263.727294921875</t>
  </si>
  <si>
    <t>0.024545481764404187</t>
  </si>
  <si>
    <t>35880</t>
  </si>
  <si>
    <t>4.077719211578369</t>
  </si>
  <si>
    <t>1388.8072509765625</t>
  </si>
  <si>
    <t>0.010365690235598635</t>
  </si>
  <si>
    <t>35797</t>
  </si>
  <si>
    <t>3.373420476913452</t>
  </si>
  <si>
    <t>1295.8043212890625</t>
  </si>
  <si>
    <t>-0.0023159461779442836</t>
  </si>
  <si>
    <t>36540</t>
  </si>
  <si>
    <t>4.183615684509277</t>
  </si>
  <si>
    <t>1237.1011962890625</t>
  </si>
  <si>
    <t>0.020543459937210073</t>
  </si>
  <si>
    <t>3.4058456420898438</t>
  </si>
  <si>
    <t>1284.04638671875</t>
  </si>
  <si>
    <t>0.025453266789625673</t>
  </si>
  <si>
    <t>38310</t>
  </si>
  <si>
    <t>2.661527395248413</t>
  </si>
  <si>
    <t>1421.8447265625</t>
  </si>
  <si>
    <t>0.021850140973070253</t>
  </si>
  <si>
    <t>39067</t>
  </si>
  <si>
    <t>3.7748076915740967</t>
  </si>
  <si>
    <t>1280.748779296875</t>
  </si>
  <si>
    <t>0.019567162149051853</t>
  </si>
  <si>
    <t>40422</t>
  </si>
  <si>
    <t>3.538151979446411</t>
  </si>
  <si>
    <t>1354.7989501953125</t>
  </si>
  <si>
    <t>0.034096070344968865</t>
  </si>
  <si>
    <t>41777</t>
  </si>
  <si>
    <t>3.362621545791626</t>
  </si>
  <si>
    <t>1500.8203125</t>
  </si>
  <si>
    <t>0.032971757652521916</t>
  </si>
  <si>
    <t>43083</t>
  </si>
  <si>
    <t>4.452815532684326</t>
  </si>
  <si>
    <t>1578.5391845703125</t>
  </si>
  <si>
    <t>0.030782538887491384</t>
  </si>
  <si>
    <t>43008</t>
  </si>
  <si>
    <t>3.4815165996551514</t>
  </si>
  <si>
    <t>-0.0017423428459064638</t>
  </si>
  <si>
    <t>4.066570281982422</t>
  </si>
  <si>
    <t>1479.0533447265625</t>
  </si>
  <si>
    <t>0.01788230894093168</t>
  </si>
  <si>
    <t>44490</t>
  </si>
  <si>
    <t>3.8776419162750244</t>
  </si>
  <si>
    <t>1190.25048828125</t>
  </si>
  <si>
    <t>0.015995990976334085</t>
  </si>
  <si>
    <t>3.402057647705078</t>
  </si>
  <si>
    <t>1269.582275390625</t>
  </si>
  <si>
    <t>0.003029795281852543</t>
  </si>
  <si>
    <t>46505</t>
  </si>
  <si>
    <t>2.8071553707122803</t>
  </si>
  <si>
    <t>1310.9556884765625</t>
  </si>
  <si>
    <t>0.04126559359462689</t>
  </si>
  <si>
    <t>48285</t>
  </si>
  <si>
    <t>4.309546947479248</t>
  </si>
  <si>
    <t>1231.8660888671875</t>
  </si>
  <si>
    <t>0.037561119724450975</t>
  </si>
  <si>
    <t>50927</t>
  </si>
  <si>
    <t>4.146320819854736</t>
  </si>
  <si>
    <t>1300.678955078125</t>
  </si>
  <si>
    <t>0.053272281364142415</t>
  </si>
  <si>
    <t>51523</t>
  </si>
  <si>
    <t>3.73490309715271</t>
  </si>
  <si>
    <t>1395.102783203125</t>
  </si>
  <si>
    <t>0.011635075131449568</t>
  </si>
  <si>
    <t>49895</t>
  </si>
  <si>
    <t>3.7567312717437744</t>
  </si>
  <si>
    <t>1445.504638671875</t>
  </si>
  <si>
    <t>-0.03210751257819666</t>
  </si>
  <si>
    <t>50997</t>
  </si>
  <si>
    <t>3.0838215351104736</t>
  </si>
  <si>
    <t>1309.1873779296875</t>
  </si>
  <si>
    <t>0.02184601012846521</t>
  </si>
  <si>
    <t>52514</t>
  </si>
  <si>
    <t>4.603627681732178</t>
  </si>
  <si>
    <t>1279.537109375</t>
  </si>
  <si>
    <t>0.029312993250266928</t>
  </si>
  <si>
    <t>52805</t>
  </si>
  <si>
    <t>4.156548023223877</t>
  </si>
  <si>
    <t>1424.3026123046875</t>
  </si>
  <si>
    <t>0.005526082483429562</t>
  </si>
  <si>
    <t>53378</t>
  </si>
  <si>
    <t>3.901158332824707</t>
  </si>
  <si>
    <t>1386.2027587890625</t>
  </si>
  <si>
    <t>0.010792792859840361</t>
  </si>
  <si>
    <t>53019</t>
  </si>
  <si>
    <t>4.634524822235107</t>
  </si>
  <si>
    <t>1462.0748291015625</t>
  </si>
  <si>
    <t>-0.006748336182509362</t>
  </si>
  <si>
    <t>53214</t>
  </si>
  <si>
    <t>4.670563220977783</t>
  </si>
  <si>
    <t>1350.7772216796875</t>
  </si>
  <si>
    <t>0.0036711797466004725</t>
  </si>
  <si>
    <t>55347</t>
  </si>
  <si>
    <t>3.9158668518066406</t>
  </si>
  <si>
    <t>1541.8177490234375</t>
  </si>
  <si>
    <t>0.039300937521367985</t>
  </si>
  <si>
    <t>56097</t>
  </si>
  <si>
    <t>4.579285144805908</t>
  </si>
  <si>
    <t>1665.8641357421875</t>
  </si>
  <si>
    <t>0.013459878019196125</t>
  </si>
  <si>
    <t>57534</t>
  </si>
  <si>
    <t>4.510952472686768</t>
  </si>
  <si>
    <t>1282.660888671875</t>
  </si>
  <si>
    <t>0.025293742236664585</t>
  </si>
  <si>
    <t>57944</t>
  </si>
  <si>
    <t>5.121873378753662</t>
  </si>
  <si>
    <t>1308.9542236328125</t>
  </si>
  <si>
    <t>0.007100949493427322</t>
  </si>
  <si>
    <t>53767</t>
  </si>
  <si>
    <t>4.5156941413879395</t>
  </si>
  <si>
    <t>1632.3779296875</t>
  </si>
  <si>
    <t>-0.0748171308211667</t>
  </si>
  <si>
    <t>55769</t>
  </si>
  <si>
    <t>3.8648178577423096</t>
  </si>
  <si>
    <t>1263.0782470703125</t>
  </si>
  <si>
    <t>0.036558263381683886</t>
  </si>
  <si>
    <t>57859</t>
  </si>
  <si>
    <t>5.12740421295166</t>
  </si>
  <si>
    <t>1173.0723876953125</t>
  </si>
  <si>
    <t>0.03679085684796135</t>
  </si>
  <si>
    <t>216</t>
  </si>
  <si>
    <t>39183</t>
  </si>
  <si>
    <t>7.558333873748779</t>
  </si>
  <si>
    <t>1101.800048828125</t>
  </si>
  <si>
    <t>207.6181640625</t>
  </si>
  <si>
    <t>Rheintal-Bodenseegebiet</t>
  </si>
  <si>
    <t>40156</t>
  </si>
  <si>
    <t>6.558333873748779</t>
  </si>
  <si>
    <t>935.60009765625</t>
  </si>
  <si>
    <t>0.02452888956578647</t>
  </si>
  <si>
    <t>40575</t>
  </si>
  <si>
    <t>7.791667938232422</t>
  </si>
  <si>
    <t>1050.4000244140625</t>
  </si>
  <si>
    <t>0.01038024457137432</t>
  </si>
  <si>
    <t>40481</t>
  </si>
  <si>
    <t>6.891666889190674</t>
  </si>
  <si>
    <t>1140.7998046875</t>
  </si>
  <si>
    <t>-0.002319385169260002</t>
  </si>
  <si>
    <t>41321</t>
  </si>
  <si>
    <t>8.100000381469727</t>
  </si>
  <si>
    <t>1060.2000732421875</t>
  </si>
  <si>
    <t>0.02053811708247011</t>
  </si>
  <si>
    <t>42386</t>
  </si>
  <si>
    <t>7.108333587646484</t>
  </si>
  <si>
    <t>1038.2000732421875</t>
  </si>
  <si>
    <t>0.02544727372051625</t>
  </si>
  <si>
    <t>43323</t>
  </si>
  <si>
    <t>5.933332920074463</t>
  </si>
  <si>
    <t>973.300048828125</t>
  </si>
  <si>
    <t>0.021865552778155717</t>
  </si>
  <si>
    <t>44180</t>
  </si>
  <si>
    <t>7.625</t>
  </si>
  <si>
    <t>966.9999389648438</t>
  </si>
  <si>
    <t>0.01958852617943485</t>
  </si>
  <si>
    <t>45711</t>
  </si>
  <si>
    <t>7.200000762939453</t>
  </si>
  <si>
    <t>983.5</t>
  </si>
  <si>
    <t>0.03406677116335466</t>
  </si>
  <si>
    <t>47244</t>
  </si>
  <si>
    <t>7.049999713897705</t>
  </si>
  <si>
    <t>1236.4000244140625</t>
  </si>
  <si>
    <t>0.03298669259427456</t>
  </si>
  <si>
    <t>48721</t>
  </si>
  <si>
    <t>8.225001335144043</t>
  </si>
  <si>
    <t>1152.0</t>
  </si>
  <si>
    <t>0.030784486892956764</t>
  </si>
  <si>
    <t>49217</t>
  </si>
  <si>
    <t>7.241666793823242</t>
  </si>
  <si>
    <t>1107.10009765625</t>
  </si>
  <si>
    <t>0.010128943629780451</t>
  </si>
  <si>
    <t>50154</t>
  </si>
  <si>
    <t>7.858334064483643</t>
  </si>
  <si>
    <t>1275.7000732421875</t>
  </si>
  <si>
    <t>0.018859179672736204</t>
  </si>
  <si>
    <t>49457</t>
  </si>
  <si>
    <t>7.641665935516357</t>
  </si>
  <si>
    <t>831.3999633789062</t>
  </si>
  <si>
    <t>-0.0139946667662052</t>
  </si>
  <si>
    <t>50014</t>
  </si>
  <si>
    <t>7.166666030883789</t>
  </si>
  <si>
    <t>864.7000732421875</t>
  </si>
  <si>
    <t>0.011199361056592139</t>
  </si>
  <si>
    <t>50584</t>
  </si>
  <si>
    <t>6.691667556762695</t>
  </si>
  <si>
    <t>924.6000366210938</t>
  </si>
  <si>
    <t>0.01133235452085124</t>
  </si>
  <si>
    <t>51526</t>
  </si>
  <si>
    <t>8.074999809265137</t>
  </si>
  <si>
    <t>1009.3999633789062</t>
  </si>
  <si>
    <t>0.018451213886217843</t>
  </si>
  <si>
    <t>54117</t>
  </si>
  <si>
    <t>7.6583333015441895</t>
  </si>
  <si>
    <t>1087.2000732421875</t>
  </si>
  <si>
    <t>0.049061834751119804</t>
  </si>
  <si>
    <t>54171</t>
  </si>
  <si>
    <t>7.066666126251221</t>
  </si>
  <si>
    <t>948.9999389648438</t>
  </si>
  <si>
    <t>0.000997340508202882</t>
  </si>
  <si>
    <t>50773</t>
  </si>
  <si>
    <t>7.549999713897705</t>
  </si>
  <si>
    <t>983.4000244140625</t>
  </si>
  <si>
    <t>-0.06478099267450865</t>
  </si>
  <si>
    <t>51641</t>
  </si>
  <si>
    <t>6.7166666984558105</t>
  </si>
  <si>
    <t>1060.60009765625</t>
  </si>
  <si>
    <t>0.01695121339706418</t>
  </si>
  <si>
    <t>54053</t>
  </si>
  <si>
    <t>8.158333778381348</t>
  </si>
  <si>
    <t>1011.7998657226562</t>
  </si>
  <si>
    <t>0.04564911608332167</t>
  </si>
  <si>
    <t>53921</t>
  </si>
  <si>
    <t>7.400000095367432</t>
  </si>
  <si>
    <t>1059.7000732421875</t>
  </si>
  <si>
    <t>-0.0024450342815889314</t>
  </si>
  <si>
    <t>54739</t>
  </si>
  <si>
    <t>7.150000095367432</t>
  </si>
  <si>
    <t>1055.0999755859375</t>
  </si>
  <si>
    <t>0.015056422842690154</t>
  </si>
  <si>
    <t>55687</t>
  </si>
  <si>
    <t>8.366666793823242</t>
  </si>
  <si>
    <t>1033.2999267578125</t>
  </si>
  <si>
    <t>0.017170291246243252</t>
  </si>
  <si>
    <t>58292</t>
  </si>
  <si>
    <t>8.441667556762695</t>
  </si>
  <si>
    <t>948.5999145507812</t>
  </si>
  <si>
    <t>0.04571813615637588</t>
  </si>
  <si>
    <t>56570</t>
  </si>
  <si>
    <t>7.308332443237305</t>
  </si>
  <si>
    <t>1129.4000244140625</t>
  </si>
  <si>
    <t>-0.02998605331638693</t>
  </si>
  <si>
    <t>59013</t>
  </si>
  <si>
    <t>8.416666984558105</t>
  </si>
  <si>
    <t>1254.9000244140625</t>
  </si>
  <si>
    <t>0.042278949262637866</t>
  </si>
  <si>
    <t>62367</t>
  </si>
  <si>
    <t>8.333333969116211</t>
  </si>
  <si>
    <t>862.5001220703125</t>
  </si>
  <si>
    <t>0.0552785307153858</t>
  </si>
  <si>
    <t>58351</t>
  </si>
  <si>
    <t>8.600000381469727</t>
  </si>
  <si>
    <t>1019.7999877929688</t>
  </si>
  <si>
    <t>-0.06655979278679247</t>
  </si>
  <si>
    <t>55321</t>
  </si>
  <si>
    <t>8.408332824707031</t>
  </si>
  <si>
    <t>1092.9000244140625</t>
  </si>
  <si>
    <t>-0.05332391326814445</t>
  </si>
  <si>
    <t>1064.800048828125</t>
  </si>
  <si>
    <t>0.036560654798355685</t>
  </si>
  <si>
    <t>59531</t>
  </si>
  <si>
    <t>9.066666603088379</t>
  </si>
  <si>
    <t>937.2000122070312</t>
  </si>
  <si>
    <t>0.036783947200685674</t>
  </si>
  <si>
    <t>217</t>
  </si>
  <si>
    <t>46475</t>
  </si>
  <si>
    <t>7.633333206176758</t>
  </si>
  <si>
    <t>1419.9000244140625</t>
  </si>
  <si>
    <t>161.1866912841797</t>
  </si>
  <si>
    <t>Salzburg und Umgebung</t>
  </si>
  <si>
    <t>47629</t>
  </si>
  <si>
    <t>6.8000006675720215</t>
  </si>
  <si>
    <t>1306.5</t>
  </si>
  <si>
    <t>0.024527285813748634</t>
  </si>
  <si>
    <t>48127</t>
  </si>
  <si>
    <t>8.058333396911621</t>
  </si>
  <si>
    <t>1467.3001708984375</t>
  </si>
  <si>
    <t>0.010401530764722722</t>
  </si>
  <si>
    <t>48015</t>
  </si>
  <si>
    <t>7.450000762939453</t>
  </si>
  <si>
    <t>1451.3001708984375</t>
  </si>
  <si>
    <t>-0.0023298880960425095</t>
  </si>
  <si>
    <t>49012</t>
  </si>
  <si>
    <t>1364.89990234375</t>
  </si>
  <si>
    <t>0.02055170399726336</t>
  </si>
  <si>
    <t>50275</t>
  </si>
  <si>
    <t>7.391666889190674</t>
  </si>
  <si>
    <t>1460.0</t>
  </si>
  <si>
    <t>0.02544276957151581</t>
  </si>
  <si>
    <t>51386</t>
  </si>
  <si>
    <t>6.466667175292969</t>
  </si>
  <si>
    <t>1421.4000244140625</t>
  </si>
  <si>
    <t>0.021857826161138405</t>
  </si>
  <si>
    <t>52402</t>
  </si>
  <si>
    <t>7.733333587646484</t>
  </si>
  <si>
    <t>1500.800048828125</t>
  </si>
  <si>
    <t>0.01957899671769603</t>
  </si>
  <si>
    <t>54218</t>
  </si>
  <si>
    <t>7.600000381469727</t>
  </si>
  <si>
    <t>1481.0</t>
  </si>
  <si>
    <t>0.03406819809498174</t>
  </si>
  <si>
    <t>56037</t>
  </si>
  <si>
    <t>7.424999713897705</t>
  </si>
  <si>
    <t>1505.0999755859375</t>
  </si>
  <si>
    <t>0.03299923021274509</t>
  </si>
  <si>
    <t>57788</t>
  </si>
  <si>
    <t>8.658331871032715</t>
  </si>
  <si>
    <t>1459.699951171875</t>
  </si>
  <si>
    <t>0.03076895482185904</t>
  </si>
  <si>
    <t>58440</t>
  </si>
  <si>
    <t>7.508333206176758</t>
  </si>
  <si>
    <t>1458.7000732421875</t>
  </si>
  <si>
    <t>0.011219445215363777</t>
  </si>
  <si>
    <t>59329</t>
  </si>
  <si>
    <t>1685.199951171875</t>
  </si>
  <si>
    <t>0.015097638366519561</t>
  </si>
  <si>
    <t>59597</t>
  </si>
  <si>
    <t>7.866666793823242</t>
  </si>
  <si>
    <t>1161.0</t>
  </si>
  <si>
    <t>0.004507011984937748</t>
  </si>
  <si>
    <t>62087</t>
  </si>
  <si>
    <t>7.358333587646484</t>
  </si>
  <si>
    <t>1330.2999267578125</t>
  </si>
  <si>
    <t>0.04093139001628998</t>
  </si>
  <si>
    <t>62551</t>
  </si>
  <si>
    <t>1474.0</t>
  </si>
  <si>
    <t>0.007445596745110805</t>
  </si>
  <si>
    <t>65012</t>
  </si>
  <si>
    <t>8.300000190734863</t>
  </si>
  <si>
    <t>1477.10009765625</t>
  </si>
  <si>
    <t>0.03858964424557243</t>
  </si>
  <si>
    <t>68006</t>
  </si>
  <si>
    <t>8.166666984558105</t>
  </si>
  <si>
    <t>1524.9000244140625</t>
  </si>
  <si>
    <t>0.04502406833679018</t>
  </si>
  <si>
    <t>67784</t>
  </si>
  <si>
    <t>7.791666507720947</t>
  </si>
  <si>
    <t>1374.199951171875</t>
  </si>
  <si>
    <t>-0.0032697576815579055</t>
  </si>
  <si>
    <t>64585</t>
  </si>
  <si>
    <t>1467.699951171875</t>
  </si>
  <si>
    <t>-0.048343993212183634</t>
  </si>
  <si>
    <t>67489</t>
  </si>
  <si>
    <t>7.2583327293396</t>
  </si>
  <si>
    <t>1385.900146484375</t>
  </si>
  <si>
    <t>0.043982435951635424</t>
  </si>
  <si>
    <t>69263</t>
  </si>
  <si>
    <t>8.4833345413208</t>
  </si>
  <si>
    <t>1394.0</t>
  </si>
  <si>
    <t>0.02594623144535113</t>
  </si>
  <si>
    <t>70533</t>
  </si>
  <si>
    <t>8.125</t>
  </si>
  <si>
    <t>1459.2999267578125</t>
  </si>
  <si>
    <t>0.018169832325982682</t>
  </si>
  <si>
    <t>68588</t>
  </si>
  <si>
    <t>7.891666412353516</t>
  </si>
  <si>
    <t>1352.300048828125</t>
  </si>
  <si>
    <t>-0.027963093090342284</t>
  </si>
  <si>
    <t>68082</t>
  </si>
  <si>
    <t>8.658333778381348</t>
  </si>
  <si>
    <t>1426.6998291015625</t>
  </si>
  <si>
    <t>-0.00740473127969743</t>
  </si>
  <si>
    <t>68870</t>
  </si>
  <si>
    <t>8.625</t>
  </si>
  <si>
    <t>1315.9000244140625</t>
  </si>
  <si>
    <t>0.011507808519699125</t>
  </si>
  <si>
    <t>69570</t>
  </si>
  <si>
    <t>7.8416666984558105</t>
  </si>
  <si>
    <t>1630.199951171875</t>
  </si>
  <si>
    <t>0.010112770378942315</t>
  </si>
  <si>
    <t>70343</t>
  </si>
  <si>
    <t>8.608333587646484</t>
  </si>
  <si>
    <t>1742.2999267578125</t>
  </si>
  <si>
    <t>70551</t>
  </si>
  <si>
    <t>8.516666412353516</t>
  </si>
  <si>
    <t>1283.7999267578125</t>
  </si>
  <si>
    <t>0.002952576420669928</t>
  </si>
  <si>
    <t>71962</t>
  </si>
  <si>
    <t>9.091667175292969</t>
  </si>
  <si>
    <t>1309.4000244140625</t>
  </si>
  <si>
    <t>0.01980234937175851</t>
  </si>
  <si>
    <t>67187</t>
  </si>
  <si>
    <t>8.52500057220459</t>
  </si>
  <si>
    <t>1591.5999755859375</t>
  </si>
  <si>
    <t>-0.06865842548073608</t>
  </si>
  <si>
    <t>69688</t>
  </si>
  <si>
    <t>7.916667461395264</t>
  </si>
  <si>
    <t>1411.3001708984375</t>
  </si>
  <si>
    <t>0.036548360082765186</t>
  </si>
  <si>
    <t>72300</t>
  </si>
  <si>
    <t>1272.6998291015625</t>
  </si>
  <si>
    <t>0.03679599264812694</t>
  </si>
  <si>
    <t>218</t>
  </si>
  <si>
    <t>36493</t>
  </si>
  <si>
    <t>10.016666412353516</t>
  </si>
  <si>
    <t>674.2999877929688</t>
  </si>
  <si>
    <t>112.12931823730469</t>
  </si>
  <si>
    <t>Sankt PÔøΩlten</t>
  </si>
  <si>
    <t>37400</t>
  </si>
  <si>
    <t>697.300048828125</t>
  </si>
  <si>
    <t>0.024550243046251197</t>
  </si>
  <si>
    <t>37790</t>
  </si>
  <si>
    <t>630.3999633789062</t>
  </si>
  <si>
    <t>0.01037381294091233</t>
  </si>
  <si>
    <t>37702</t>
  </si>
  <si>
    <t>9.6416654586792</t>
  </si>
  <si>
    <t>617.2999877929688</t>
  </si>
  <si>
    <t>-0.002331373916678814</t>
  </si>
  <si>
    <t>38485</t>
  </si>
  <si>
    <t>10.416666984558105</t>
  </si>
  <si>
    <t>586.7000122070312</t>
  </si>
  <si>
    <t>0.020555411541561597</t>
  </si>
  <si>
    <t>39477</t>
  </si>
  <si>
    <t>9.450000762939453</t>
  </si>
  <si>
    <t>794.7999267578125</t>
  </si>
  <si>
    <t>0.025449668849832463</t>
  </si>
  <si>
    <t>40350</t>
  </si>
  <si>
    <t>8.316666603088379</t>
  </si>
  <si>
    <t>772.2000732421875</t>
  </si>
  <si>
    <t>0.02187317087984475</t>
  </si>
  <si>
    <t>41147</t>
  </si>
  <si>
    <t>9.783333778381348</t>
  </si>
  <si>
    <t>719.7000732421875</t>
  </si>
  <si>
    <t>0.019559625739773878</t>
  </si>
  <si>
    <t>42573</t>
  </si>
  <si>
    <t>657.800048828125</t>
  </si>
  <si>
    <t>0.034069229064778384</t>
  </si>
  <si>
    <t>44001</t>
  </si>
  <si>
    <t>9.883333206176758</t>
  </si>
  <si>
    <t>745.4000854492188</t>
  </si>
  <si>
    <t>0.032992111412216474</t>
  </si>
  <si>
    <t>45377</t>
  </si>
  <si>
    <t>11.066666603088379</t>
  </si>
  <si>
    <t>588.5</t>
  </si>
  <si>
    <t>0.030793007815905327</t>
  </si>
  <si>
    <t>46370</t>
  </si>
  <si>
    <t>9.741667747497559</t>
  </si>
  <si>
    <t>607.10009765625</t>
  </si>
  <si>
    <t>0.021647329654737035</t>
  </si>
  <si>
    <t>47001</t>
  </si>
  <si>
    <t>10.216667175292969</t>
  </si>
  <si>
    <t>822.800048828125</t>
  </si>
  <si>
    <t>0.01351617967609009</t>
  </si>
  <si>
    <t>48325</t>
  </si>
  <si>
    <t>523.2999877929688</t>
  </si>
  <si>
    <t>0.027780147014935253</t>
  </si>
  <si>
    <t>48134</t>
  </si>
  <si>
    <t>9.741665840148926</t>
  </si>
  <si>
    <t>655.0000610351562</t>
  </si>
  <si>
    <t>-0.003960236984182686</t>
  </si>
  <si>
    <t>49358</t>
  </si>
  <si>
    <t>8.908333778381348</t>
  </si>
  <si>
    <t>750.6000366210938</t>
  </si>
  <si>
    <t>0.025111072027444337</t>
  </si>
  <si>
    <t>50566</t>
  </si>
  <si>
    <t>10.600000381469727</t>
  </si>
  <si>
    <t>674.800048828125</t>
  </si>
  <si>
    <t>0.024179553546188615</t>
  </si>
  <si>
    <t>52845</t>
  </si>
  <si>
    <t>770.7000122070312</t>
  </si>
  <si>
    <t>0.04408368677746566</t>
  </si>
  <si>
    <t>53785</t>
  </si>
  <si>
    <t>10.266667366027832</t>
  </si>
  <si>
    <t>711.0999755859375</t>
  </si>
  <si>
    <t>0.01763151742265734</t>
  </si>
  <si>
    <t>52694</t>
  </si>
  <si>
    <t>10.258333206176758</t>
  </si>
  <si>
    <t>792.199951171875</t>
  </si>
  <si>
    <t>-0.02049302081069193</t>
  </si>
  <si>
    <t>53901</t>
  </si>
  <si>
    <t>870.6000366210938</t>
  </si>
  <si>
    <t>0.022647433545268214</t>
  </si>
  <si>
    <t>54868</t>
  </si>
  <si>
    <t>10.524998664855957</t>
  </si>
  <si>
    <t>580.5</t>
  </si>
  <si>
    <t>0.017781269997616533</t>
  </si>
  <si>
    <t>54930</t>
  </si>
  <si>
    <t>10.291666984558105</t>
  </si>
  <si>
    <t>653.5999755859375</t>
  </si>
  <si>
    <t>0.0011293467383683975</t>
  </si>
  <si>
    <t>54801</t>
  </si>
  <si>
    <t>10.1083345413208</t>
  </si>
  <si>
    <t>702.0999755859375</t>
  </si>
  <si>
    <t>-0.002351205391873279</t>
  </si>
  <si>
    <t>53973</t>
  </si>
  <si>
    <t>11.258334159851074</t>
  </si>
  <si>
    <t>763.9000854492188</t>
  </si>
  <si>
    <t>-0.015224520440064282</t>
  </si>
  <si>
    <t>55600</t>
  </si>
  <si>
    <t>10.891667366027832</t>
  </si>
  <si>
    <t>577.2999877929688</t>
  </si>
  <si>
    <t>0.02969927973394526</t>
  </si>
  <si>
    <t>55841</t>
  </si>
  <si>
    <t>10.191666603088379</t>
  </si>
  <si>
    <t>810.699951171875</t>
  </si>
  <si>
    <t>0.00432516534668359</t>
  </si>
  <si>
    <t>56700</t>
  </si>
  <si>
    <t>11.199999809265137</t>
  </si>
  <si>
    <t>741.1000366210938</t>
  </si>
  <si>
    <t>0.015265844130485817</t>
  </si>
  <si>
    <t>55845</t>
  </si>
  <si>
    <t>614.800048828125</t>
  </si>
  <si>
    <t>-0.015194214740915868</t>
  </si>
  <si>
    <t>56500</t>
  </si>
  <si>
    <t>636.4000244140625</t>
  </si>
  <si>
    <t>0.011660642159604606</t>
  </si>
  <si>
    <t>54231</t>
  </si>
  <si>
    <t>11.074999809265137</t>
  </si>
  <si>
    <t>782.7000122070312</t>
  </si>
  <si>
    <t>-0.04098793749156826</t>
  </si>
  <si>
    <t>56250</t>
  </si>
  <si>
    <t>690.5999755859375</t>
  </si>
  <si>
    <t>0.03655334042370306</t>
  </si>
  <si>
    <t>58358</t>
  </si>
  <si>
    <t>11.416666984558105</t>
  </si>
  <si>
    <t>683.5</t>
  </si>
  <si>
    <t>0.036790411934845224</t>
  </si>
  <si>
    <t>219</t>
  </si>
  <si>
    <t>36723</t>
  </si>
  <si>
    <t>7.008333206176758</t>
  </si>
  <si>
    <t>1436.7000732421875</t>
  </si>
  <si>
    <t>41.917049407958984</t>
  </si>
  <si>
    <t>Steyr-Kirchdorf</t>
  </si>
  <si>
    <t>37635</t>
  </si>
  <si>
    <t>5.933333873748779</t>
  </si>
  <si>
    <t>1296.300048828125</t>
  </si>
  <si>
    <t>0.02453120672501008</t>
  </si>
  <si>
    <t>38028</t>
  </si>
  <si>
    <t>7.25</t>
  </si>
  <si>
    <t>1413.2999267578125</t>
  </si>
  <si>
    <t>0.010388262010287974</t>
  </si>
  <si>
    <t>37940</t>
  </si>
  <si>
    <t>1343.0</t>
  </si>
  <si>
    <t>-0.0023167659899154813</t>
  </si>
  <si>
    <t>38728</t>
  </si>
  <si>
    <t>7.483334064483643</t>
  </si>
  <si>
    <t>1319.800048828125</t>
  </si>
  <si>
    <t>0.020556888130524698</t>
  </si>
  <si>
    <t>39726</t>
  </si>
  <si>
    <t>6.483333587646484</t>
  </si>
  <si>
    <t>1368.800048828125</t>
  </si>
  <si>
    <t>0.02544303253337077</t>
  </si>
  <si>
    <t>40604</t>
  </si>
  <si>
    <t>5.141665935516357</t>
  </si>
  <si>
    <t>1448.5999755859375</t>
  </si>
  <si>
    <t>0.02186069875142138</t>
  </si>
  <si>
    <t>41406</t>
  </si>
  <si>
    <t>6.700000286102295</t>
  </si>
  <si>
    <t>1419.60009765625</t>
  </si>
  <si>
    <t>0.01955921394433524</t>
  </si>
  <si>
    <t>42842</t>
  </si>
  <si>
    <t>6.741666316986084</t>
  </si>
  <si>
    <t>1438.4000244140625</t>
  </si>
  <si>
    <t>0.03409313196410402</t>
  </si>
  <si>
    <t>44278</t>
  </si>
  <si>
    <t>6.608333110809326</t>
  </si>
  <si>
    <t>1466.0999755859375</t>
  </si>
  <si>
    <t>0.03296900987140994</t>
  </si>
  <si>
    <t>45663</t>
  </si>
  <si>
    <t>7.808333873748779</t>
  </si>
  <si>
    <t>1538.2999267578125</t>
  </si>
  <si>
    <t>0.03080040226360481</t>
  </si>
  <si>
    <t>46605</t>
  </si>
  <si>
    <t>6.633333206176758</t>
  </si>
  <si>
    <t>1465.9000244140625</t>
  </si>
  <si>
    <t>0.020419489547482073</t>
  </si>
  <si>
    <t>47060</t>
  </si>
  <si>
    <t>7.191667079925537</t>
  </si>
  <si>
    <t>1592.4000244140625</t>
  </si>
  <si>
    <t>0.009715551786095844</t>
  </si>
  <si>
    <t>47506</t>
  </si>
  <si>
    <t>6.833333492279053</t>
  </si>
  <si>
    <t>1174.2000732421875</t>
  </si>
  <si>
    <t>0.009432635553684676</t>
  </si>
  <si>
    <t>49197</t>
  </si>
  <si>
    <t>6.6166672706604</t>
  </si>
  <si>
    <t>1347.60009765625</t>
  </si>
  <si>
    <t>0.03497662717651728</t>
  </si>
  <si>
    <t>51564</t>
  </si>
  <si>
    <t>5.916666030883789</t>
  </si>
  <si>
    <t>1431.0</t>
  </si>
  <si>
    <t>0.046991108551440064</t>
  </si>
  <si>
    <t>53517</t>
  </si>
  <si>
    <t>7.566666126251221</t>
  </si>
  <si>
    <t>1417.10009765625</t>
  </si>
  <si>
    <t>0.037175605856381466</t>
  </si>
  <si>
    <t>54402</t>
  </si>
  <si>
    <t>7.441667079925537</t>
  </si>
  <si>
    <t>1481.300048828125</t>
  </si>
  <si>
    <t>0.01640155745473315</t>
  </si>
  <si>
    <t>55103</t>
  </si>
  <si>
    <t>6.991666793823242</t>
  </si>
  <si>
    <t>1333.099853515625</t>
  </si>
  <si>
    <t>0.012803243245720353</t>
  </si>
  <si>
    <t>50379</t>
  </si>
  <si>
    <t>7.0</t>
  </si>
  <si>
    <t>1468.800048828125</t>
  </si>
  <si>
    <t>-0.08962973955671316</t>
  </si>
  <si>
    <t>53445</t>
  </si>
  <si>
    <t>1397.9998779296875</t>
  </si>
  <si>
    <t>0.05907866614492896</t>
  </si>
  <si>
    <t>54810</t>
  </si>
  <si>
    <t>7.433333873748779</t>
  </si>
  <si>
    <t>1319.699951171875</t>
  </si>
  <si>
    <t>0.02521957133211572</t>
  </si>
  <si>
    <t>56898</t>
  </si>
  <si>
    <t>7.100000381469727</t>
  </si>
  <si>
    <t>1452.60009765625</t>
  </si>
  <si>
    <t>0.03738753207161949</t>
  </si>
  <si>
    <t>57092</t>
  </si>
  <si>
    <t>6.9666666984558105</t>
  </si>
  <si>
    <t>0.0034038106378773136</t>
  </si>
  <si>
    <t>57748</t>
  </si>
  <si>
    <t>1483.4000244140625</t>
  </si>
  <si>
    <t>0.011424715000046604</t>
  </si>
  <si>
    <t>56503</t>
  </si>
  <si>
    <t>7.891666889190674</t>
  </si>
  <si>
    <t>1362.5999755859375</t>
  </si>
  <si>
    <t>-0.02179498267965485</t>
  </si>
  <si>
    <t>57549</t>
  </si>
  <si>
    <t>7.01666784286499</t>
  </si>
  <si>
    <t>1611.4000244140625</t>
  </si>
  <si>
    <t>0.018343024734397417</t>
  </si>
  <si>
    <t>56551</t>
  </si>
  <si>
    <t>8.016666412353516</t>
  </si>
  <si>
    <t>1798.0001220703125</t>
  </si>
  <si>
    <t>-0.017493872950572253</t>
  </si>
  <si>
    <t>56735</t>
  </si>
  <si>
    <t>7.950000286102295</t>
  </si>
  <si>
    <t>1311.5</t>
  </si>
  <si>
    <t>0.0032484183712142567</t>
  </si>
  <si>
    <t>55748</t>
  </si>
  <si>
    <t>8.341667175292969</t>
  </si>
  <si>
    <t>1346.0001220703125</t>
  </si>
  <si>
    <t>-0.01754976898569005</t>
  </si>
  <si>
    <t>52240</t>
  </si>
  <si>
    <t>7.816667079925537</t>
  </si>
  <si>
    <t>1559.8001708984375</t>
  </si>
  <si>
    <t>-0.06499305028908786</t>
  </si>
  <si>
    <t>54185</t>
  </si>
  <si>
    <t>7.0749993324279785</t>
  </si>
  <si>
    <t>1406.60009765625</t>
  </si>
  <si>
    <t>0.036555632406782834</t>
  </si>
  <si>
    <t>56216</t>
  </si>
  <si>
    <t>8.324999809265137</t>
  </si>
  <si>
    <t>1270.800048828125</t>
  </si>
  <si>
    <t>0.03679729651493879</t>
  </si>
  <si>
    <t>220</t>
  </si>
  <si>
    <t>22358</t>
  </si>
  <si>
    <t>10.041666984558105</t>
  </si>
  <si>
    <t>776.3999633789062</t>
  </si>
  <si>
    <t>67.34282684326172</t>
  </si>
  <si>
    <t>SÔøΩdburgenland</t>
  </si>
  <si>
    <t>22914</t>
  </si>
  <si>
    <t>8.966668128967285</t>
  </si>
  <si>
    <t>813.60009765625</t>
  </si>
  <si>
    <t>0.024563878623299118</t>
  </si>
  <si>
    <t>23153</t>
  </si>
  <si>
    <t>10.2666654586792</t>
  </si>
  <si>
    <t>687.5</t>
  </si>
  <si>
    <t>0.010376284297628047</t>
  </si>
  <si>
    <t>23099</t>
  </si>
  <si>
    <t>9.641666412353516</t>
  </si>
  <si>
    <t>672.7000122070312</t>
  </si>
  <si>
    <t>-0.002335035221644688</t>
  </si>
  <si>
    <t>23579</t>
  </si>
  <si>
    <t>10.541666030883789</t>
  </si>
  <si>
    <t>764.199951171875</t>
  </si>
  <si>
    <t>0.020567158841494404</t>
  </si>
  <si>
    <t>24186</t>
  </si>
  <si>
    <t>9.475000381469727</t>
  </si>
  <si>
    <t>756.2000732421875</t>
  </si>
  <si>
    <t>0.025417467974172325</t>
  </si>
  <si>
    <t>24721</t>
  </si>
  <si>
    <t>799.7000732421875</t>
  </si>
  <si>
    <t>0.021879131482636538</t>
  </si>
  <si>
    <t>25210</t>
  </si>
  <si>
    <t>647.0001220703125</t>
  </si>
  <si>
    <t>0.019587656354108418</t>
  </si>
  <si>
    <t>26084</t>
  </si>
  <si>
    <t>9.766667366027832</t>
  </si>
  <si>
    <t>764.9000244140625</t>
  </si>
  <si>
    <t>0.03408135833112702</t>
  </si>
  <si>
    <t>26958</t>
  </si>
  <si>
    <t>9.808334350585938</t>
  </si>
  <si>
    <t>802.7000122070312</t>
  </si>
  <si>
    <t>0.03295799978512193</t>
  </si>
  <si>
    <t>27801</t>
  </si>
  <si>
    <t>726.8999633789062</t>
  </si>
  <si>
    <t>0.030791891956585715</t>
  </si>
  <si>
    <t>28585</t>
  </si>
  <si>
    <t>9.75</t>
  </si>
  <si>
    <t>527.4000244140625</t>
  </si>
  <si>
    <t>0.027810113443271334</t>
  </si>
  <si>
    <t>30146</t>
  </si>
  <si>
    <t>10.341666221618652</t>
  </si>
  <si>
    <t>709.7999877929688</t>
  </si>
  <si>
    <t>0.05317013967240314</t>
  </si>
  <si>
    <t>30024</t>
  </si>
  <si>
    <t>556.8999633789062</t>
  </si>
  <si>
    <t>-0.0040551825556178756</t>
  </si>
  <si>
    <t>29585</t>
  </si>
  <si>
    <t>9.675000190734863</t>
  </si>
  <si>
    <t>736.2999267578125</t>
  </si>
  <si>
    <t>-0.014729585704062131</t>
  </si>
  <si>
    <t>29410</t>
  </si>
  <si>
    <t>8.841667175292969</t>
  </si>
  <si>
    <t>805.8001098632812</t>
  </si>
  <si>
    <t>-0.005932723562754205</t>
  </si>
  <si>
    <t>29201</t>
  </si>
  <si>
    <t>653.2999877929688</t>
  </si>
  <si>
    <t>-0.007131797302726284</t>
  </si>
  <si>
    <t>30879</t>
  </si>
  <si>
    <t>10.550000190734863</t>
  </si>
  <si>
    <t>679.0000610351562</t>
  </si>
  <si>
    <t>0.055873385949354315</t>
  </si>
  <si>
    <t>31239</t>
  </si>
  <si>
    <t>10.374999046325684</t>
  </si>
  <si>
    <t>833.5999755859375</t>
  </si>
  <si>
    <t>0.011590973003336558</t>
  </si>
  <si>
    <t>30872</t>
  </si>
  <si>
    <t>10.424999237060547</t>
  </si>
  <si>
    <t>790.1000366210938</t>
  </si>
  <si>
    <t>-0.011817689980549773</t>
  </si>
  <si>
    <t>32115</t>
  </si>
  <si>
    <t>9.516666412353516</t>
  </si>
  <si>
    <t>848.2999877929688</t>
  </si>
  <si>
    <t>0.039473586474437994</t>
  </si>
  <si>
    <t>32721</t>
  </si>
  <si>
    <t>10.441668510437012</t>
  </si>
  <si>
    <t>545.3999633789062</t>
  </si>
  <si>
    <t>0.01869386290495889</t>
  </si>
  <si>
    <t>32939</t>
  </si>
  <si>
    <t>770.300048828125</t>
  </si>
  <si>
    <t>0.006640292446880025</t>
  </si>
  <si>
    <t>32349</t>
  </si>
  <si>
    <t>10.341667175292969</t>
  </si>
  <si>
    <t>799.0000610351562</t>
  </si>
  <si>
    <t>-0.018074257493550405</t>
  </si>
  <si>
    <t>32949</t>
  </si>
  <si>
    <t>11.166667938232422</t>
  </si>
  <si>
    <t>0.018377802906274</t>
  </si>
  <si>
    <t>33230</t>
  </si>
  <si>
    <t>10.908332824707031</t>
  </si>
  <si>
    <t>800.3999633789062</t>
  </si>
  <si>
    <t>0.008492170892184348</t>
  </si>
  <si>
    <t>33761</t>
  </si>
  <si>
    <t>969.9000244140625</t>
  </si>
  <si>
    <t>0.015853207775645473</t>
  </si>
  <si>
    <t>34954</t>
  </si>
  <si>
    <t>11.241665840148926</t>
  </si>
  <si>
    <t>824.2000732421875</t>
  </si>
  <si>
    <t>0.034726621202020524</t>
  </si>
  <si>
    <t>35266</t>
  </si>
  <si>
    <t>11.091666221618652</t>
  </si>
  <si>
    <t>832.7999877929688</t>
  </si>
  <si>
    <t>0.00888641564156245</t>
  </si>
  <si>
    <t>35576</t>
  </si>
  <si>
    <t>11.491667747497559</t>
  </si>
  <si>
    <t>857.9000244140625</t>
  </si>
  <si>
    <t>0.008751926222663187</t>
  </si>
  <si>
    <t>33069</t>
  </si>
  <si>
    <t>10.950000762939453</t>
  </si>
  <si>
    <t>931.2999267578125</t>
  </si>
  <si>
    <t>-0.07307496555910653</t>
  </si>
  <si>
    <t>34300</t>
  </si>
  <si>
    <t>10.27500057220459</t>
  </si>
  <si>
    <t>702.9000244140625</t>
  </si>
  <si>
    <t>0.03654906652260692</t>
  </si>
  <si>
    <t>35585</t>
  </si>
  <si>
    <t>11.558331489562988</t>
  </si>
  <si>
    <t>668.9000244140625</t>
  </si>
  <si>
    <t>0.03677884657933994</t>
  </si>
  <si>
    <t>221</t>
  </si>
  <si>
    <t>34721</t>
  </si>
  <si>
    <t>4.625</t>
  </si>
  <si>
    <t>1086.699951171875</t>
  </si>
  <si>
    <t>43.1014404296875</t>
  </si>
  <si>
    <t>Tiroler Oberland</t>
  </si>
  <si>
    <t>35584</t>
  </si>
  <si>
    <t>3.7333338260650635</t>
  </si>
  <si>
    <t>943.0999145507812</t>
  </si>
  <si>
    <t>0.024551407407415127</t>
  </si>
  <si>
    <t>35955</t>
  </si>
  <si>
    <t>4.908333778381348</t>
  </si>
  <si>
    <t>1129.6998291015625</t>
  </si>
  <si>
    <t>0.01037205792633955</t>
  </si>
  <si>
    <t>35872</t>
  </si>
  <si>
    <t>4.141665935516357</t>
  </si>
  <si>
    <t>1082.5001220703125</t>
  </si>
  <si>
    <t>-0.0023111096647081553</t>
  </si>
  <si>
    <t>36616</t>
  </si>
  <si>
    <t>5.125000476837158</t>
  </si>
  <si>
    <t>1070.099853515625</t>
  </si>
  <si>
    <t>0.020528256461592065</t>
  </si>
  <si>
    <t>37560</t>
  </si>
  <si>
    <t>4.183333396911621</t>
  </si>
  <si>
    <t>1039.2001953125</t>
  </si>
  <si>
    <t>0.02545435098872062</t>
  </si>
  <si>
    <t>38390</t>
  </si>
  <si>
    <t>3.191666603088379</t>
  </si>
  <si>
    <t>1116.400146484375</t>
  </si>
  <si>
    <t>0.021857354672643936</t>
  </si>
  <si>
    <t>39149</t>
  </si>
  <si>
    <t>1083.10009765625</t>
  </si>
  <si>
    <t>0.019577870313719714</t>
  </si>
  <si>
    <t>40506</t>
  </si>
  <si>
    <t>4.333333492279053</t>
  </si>
  <si>
    <t>1099.10009765625</t>
  </si>
  <si>
    <t>0.03407523196136353</t>
  </si>
  <si>
    <t>41865</t>
  </si>
  <si>
    <t>4.0833330154418945</t>
  </si>
  <si>
    <t>1273.0999755859375</t>
  </si>
  <si>
    <t>0.03300004436860604</t>
  </si>
  <si>
    <t>43173</t>
  </si>
  <si>
    <t>5.183333396911621</t>
  </si>
  <si>
    <t>1203.199951171875</t>
  </si>
  <si>
    <t>0.030765144199751404</t>
  </si>
  <si>
    <t>43273</t>
  </si>
  <si>
    <t>4.274999618530273</t>
  </si>
  <si>
    <t>1176.7000732421875</t>
  </si>
  <si>
    <t>0.0023135840780508232</t>
  </si>
  <si>
    <t>44983</t>
  </si>
  <si>
    <t>4.833333492279053</t>
  </si>
  <si>
    <t>1212.400146484375</t>
  </si>
  <si>
    <t>0.038755756682343545</t>
  </si>
  <si>
    <t>46955</t>
  </si>
  <si>
    <t>945.3001098632812</t>
  </si>
  <si>
    <t>0.04290505564003588</t>
  </si>
  <si>
    <t>48218</t>
  </si>
  <si>
    <t>4.116666793823242</t>
  </si>
  <si>
    <t>932.5</t>
  </si>
  <si>
    <t>0.026542699070532194</t>
  </si>
  <si>
    <t>48493</t>
  </si>
  <si>
    <t>3.508333444595337</t>
  </si>
  <si>
    <t>1013.2000732421875</t>
  </si>
  <si>
    <t>0.005687062302859758</t>
  </si>
  <si>
    <t>50029</t>
  </si>
  <si>
    <t>5.049999713897705</t>
  </si>
  <si>
    <t>1017.10009765625</t>
  </si>
  <si>
    <t>0.031183379663186628</t>
  </si>
  <si>
    <t>51350</t>
  </si>
  <si>
    <t>1105.3001708984375</t>
  </si>
  <si>
    <t>0.02606209908141288</t>
  </si>
  <si>
    <t>52467</t>
  </si>
  <si>
    <t>4.291667461395264</t>
  </si>
  <si>
    <t>1087.60009765625</t>
  </si>
  <si>
    <t>0.021519464160595803</t>
  </si>
  <si>
    <t>52121</t>
  </si>
  <si>
    <t>4.483333587646484</t>
  </si>
  <si>
    <t>1053.699951171875</t>
  </si>
  <si>
    <t>-0.006616461969867871</t>
  </si>
  <si>
    <t>51804</t>
  </si>
  <si>
    <t>3.741666793823242</t>
  </si>
  <si>
    <t>1058.199951171875</t>
  </si>
  <si>
    <t>-0.006100572203955323</t>
  </si>
  <si>
    <t>53964</t>
  </si>
  <si>
    <t>5.349999904632568</t>
  </si>
  <si>
    <t>1066.4000244140625</t>
  </si>
  <si>
    <t>0.040849791215229914</t>
  </si>
  <si>
    <t>55172</t>
  </si>
  <si>
    <t>4.733333110809326</t>
  </si>
  <si>
    <t>0.02213842063670235</t>
  </si>
  <si>
    <t>56527</t>
  </si>
  <si>
    <t>4.40000057220459</t>
  </si>
  <si>
    <t>1033.7000732421875</t>
  </si>
  <si>
    <t>0.02426282189889406</t>
  </si>
  <si>
    <t>57198</t>
  </si>
  <si>
    <t>5.358333587646484</t>
  </si>
  <si>
    <t>1050.5999755859375</t>
  </si>
  <si>
    <t>0.01180053262732983</t>
  </si>
  <si>
    <t>58898</t>
  </si>
  <si>
    <t>5.483334064483643</t>
  </si>
  <si>
    <t>923.6000366210938</t>
  </si>
  <si>
    <t>0.029288201484146015</t>
  </si>
  <si>
    <t>59902</t>
  </si>
  <si>
    <t>4.466665744781494</t>
  </si>
  <si>
    <t>1080.0999755859375</t>
  </si>
  <si>
    <t>0.01690275932199725</t>
  </si>
  <si>
    <t>60416</t>
  </si>
  <si>
    <t>5.358334064483643</t>
  </si>
  <si>
    <t>1249.699951171875</t>
  </si>
  <si>
    <t>0.008544076977395676</t>
  </si>
  <si>
    <t>62895</t>
  </si>
  <si>
    <t>5.2833333015441895</t>
  </si>
  <si>
    <t>876.8001098632812</t>
  </si>
  <si>
    <t>0.04021269876779954</t>
  </si>
  <si>
    <t>62160</t>
  </si>
  <si>
    <t>5.650000095367432</t>
  </si>
  <si>
    <t>966.0999145507812</t>
  </si>
  <si>
    <t>-0.011754963231442872</t>
  </si>
  <si>
    <t>53080</t>
  </si>
  <si>
    <t>5.316667079925537</t>
  </si>
  <si>
    <t>1068.0999755859375</t>
  </si>
  <si>
    <t>-0.15791149659538561</t>
  </si>
  <si>
    <t>55057</t>
  </si>
  <si>
    <t>4.52500057220459</t>
  </si>
  <si>
    <t>1021.2999877929688</t>
  </si>
  <si>
    <t>0.036568802750782226</t>
  </si>
  <si>
    <t>57120</t>
  </si>
  <si>
    <t>5.924999713897705</t>
  </si>
  <si>
    <t>883.800048828125</t>
  </si>
  <si>
    <t>0.03678530581654016</t>
  </si>
  <si>
    <t>222</t>
  </si>
  <si>
    <t>36897</t>
  </si>
  <si>
    <t>4.483333110809326</t>
  </si>
  <si>
    <t>1120.0999755859375</t>
  </si>
  <si>
    <t>62.059303283691406</t>
  </si>
  <si>
    <t>Tiroler Unterland</t>
  </si>
  <si>
    <t>37814</t>
  </si>
  <si>
    <t>3.4750003814697266</t>
  </si>
  <si>
    <t>1070.4000244140625</t>
  </si>
  <si>
    <t>0.0245491574973542</t>
  </si>
  <si>
    <t>38209</t>
  </si>
  <si>
    <t>4.766666889190674</t>
  </si>
  <si>
    <t>1138.5</t>
  </si>
  <si>
    <t>0.010391685531219608</t>
  </si>
  <si>
    <t>38120</t>
  </si>
  <si>
    <t>3.991666793823242</t>
  </si>
  <si>
    <t>1113.2000732421875</t>
  </si>
  <si>
    <t>-0.0023320111709548286</t>
  </si>
  <si>
    <t>38911</t>
  </si>
  <si>
    <t>5.000000476837158</t>
  </si>
  <si>
    <t>1052.0999755859375</t>
  </si>
  <si>
    <t>0.020537908214317113</t>
  </si>
  <si>
    <t>39914</t>
  </si>
  <si>
    <t>4.025000095367432</t>
  </si>
  <si>
    <t>1115.699951171875</t>
  </si>
  <si>
    <t>0.025450152545474225</t>
  </si>
  <si>
    <t>40796</t>
  </si>
  <si>
    <t>2.9833333492279053</t>
  </si>
  <si>
    <t>1149.0</t>
  </si>
  <si>
    <t>0.021856897842479128</t>
  </si>
  <si>
    <t>41603</t>
  </si>
  <si>
    <t>4.558333396911621</t>
  </si>
  <si>
    <t>1146.7000732421875</t>
  </si>
  <si>
    <t>0.01958824266337089</t>
  </si>
  <si>
    <t>43045</t>
  </si>
  <si>
    <t>4.208333492279053</t>
  </si>
  <si>
    <t>0.03407380005827498</t>
  </si>
  <si>
    <t>44488</t>
  </si>
  <si>
    <t>1304.6002197265625</t>
  </si>
  <si>
    <t>0.032973409775344464</t>
  </si>
  <si>
    <t>45879</t>
  </si>
  <si>
    <t>5.125</t>
  </si>
  <si>
    <t>1237.2000732421875</t>
  </si>
  <si>
    <t>0.030788006148833702</t>
  </si>
  <si>
    <t>46746</t>
  </si>
  <si>
    <t>1150.5</t>
  </si>
  <si>
    <t>0.018721194542679953</t>
  </si>
  <si>
    <t>48067</t>
  </si>
  <si>
    <t>4.649999141693115</t>
  </si>
  <si>
    <t>1259.0999755859375</t>
  </si>
  <si>
    <t>0.027867180394677504</t>
  </si>
  <si>
    <t>48952</t>
  </si>
  <si>
    <t>945.9999389648438</t>
  </si>
  <si>
    <t>0.018244355188786088</t>
  </si>
  <si>
    <t>49566</t>
  </si>
  <si>
    <t>3.941666841506958</t>
  </si>
  <si>
    <t>1014.199951171875</t>
  </si>
  <si>
    <t>0.012464888648183958</t>
  </si>
  <si>
    <t>51322</t>
  </si>
  <si>
    <t>3.3333330154418945</t>
  </si>
  <si>
    <t>1081.800048828125</t>
  </si>
  <si>
    <t>0.034814395340996285</t>
  </si>
  <si>
    <t>54173</t>
  </si>
  <si>
    <t>4.90000057220459</t>
  </si>
  <si>
    <t>1045.0999755859375</t>
  </si>
  <si>
    <t>0.05406311919421647</t>
  </si>
  <si>
    <t>55825</t>
  </si>
  <si>
    <t>4.6166672706604</t>
  </si>
  <si>
    <t>1113.0</t>
  </si>
  <si>
    <t>0.03003916838258469</t>
  </si>
  <si>
    <t>54721</t>
  </si>
  <si>
    <t>4.1583333015441895</t>
  </si>
  <si>
    <t>1071.2000732421875</t>
  </si>
  <si>
    <t>-0.01997424972510764</t>
  </si>
  <si>
    <t>53369</t>
  </si>
  <si>
    <t>4.3333330154418945</t>
  </si>
  <si>
    <t>1149.10009765625</t>
  </si>
  <si>
    <t>-0.025017494949032937</t>
  </si>
  <si>
    <t>54625</t>
  </si>
  <si>
    <t>3.625</t>
  </si>
  <si>
    <t>1114.5999755859375</t>
  </si>
  <si>
    <t>0.023261600363673196</t>
  </si>
  <si>
    <t>55465</t>
  </si>
  <si>
    <t>5.1750006675720215</t>
  </si>
  <si>
    <t>1127.7000732421875</t>
  </si>
  <si>
    <t>0.015260537774869576</t>
  </si>
  <si>
    <t>56945</t>
  </si>
  <si>
    <t>4.516666889190674</t>
  </si>
  <si>
    <t>1195.8001708984375</t>
  </si>
  <si>
    <t>0.026333698535690786</t>
  </si>
  <si>
    <t>57075</t>
  </si>
  <si>
    <t>4.258333683013916</t>
  </si>
  <si>
    <t>1088.800048828125</t>
  </si>
  <si>
    <t>0.002280302689545266</t>
  </si>
  <si>
    <t>57360</t>
  </si>
  <si>
    <t>5.208333492279053</t>
  </si>
  <si>
    <t>0.004981003875505152</t>
  </si>
  <si>
    <t>57886</t>
  </si>
  <si>
    <t>5.333333969116211</t>
  </si>
  <si>
    <t>1089.5</t>
  </si>
  <si>
    <t>0.009128362849825322</t>
  </si>
  <si>
    <t>58797</t>
  </si>
  <si>
    <t>4.325000286102295</t>
  </si>
  <si>
    <t>1253.60009765625</t>
  </si>
  <si>
    <t>0.01561527405364238</t>
  </si>
  <si>
    <t>59787</t>
  </si>
  <si>
    <t>1399.0</t>
  </si>
  <si>
    <t>0.016697412824491664</t>
  </si>
  <si>
    <t>60494</t>
  </si>
  <si>
    <t>5.116666316986084</t>
  </si>
  <si>
    <t>1033.300048828125</t>
  </si>
  <si>
    <t>0.011755940545731036</t>
  </si>
  <si>
    <t>61808</t>
  </si>
  <si>
    <t>5.491666793823242</t>
  </si>
  <si>
    <t>1081.699951171875</t>
  </si>
  <si>
    <t>0.021488619358871475</t>
  </si>
  <si>
    <t>57431</t>
  </si>
  <si>
    <t>5.124999523162842</t>
  </si>
  <si>
    <t>1241.8001708984375</t>
  </si>
  <si>
    <t>-0.07344857869714083</t>
  </si>
  <si>
    <t>59569</t>
  </si>
  <si>
    <t>4.358334064483643</t>
  </si>
  <si>
    <t>1108.0</t>
  </si>
  <si>
    <t>0.036551077299598944</t>
  </si>
  <si>
    <t>61801</t>
  </si>
  <si>
    <t>5.75</t>
  </si>
  <si>
    <t>0.03678424103611988</t>
  </si>
  <si>
    <t>223</t>
  </si>
  <si>
    <t>32731</t>
  </si>
  <si>
    <t>7.283332824707031</t>
  </si>
  <si>
    <t>1588.2001953125</t>
  </si>
  <si>
    <t>69.2686767578125</t>
  </si>
  <si>
    <t>Traunviertel</t>
  </si>
  <si>
    <t>33544</t>
  </si>
  <si>
    <t>6.325000286102295</t>
  </si>
  <si>
    <t>1422.900146484375</t>
  </si>
  <si>
    <t>0.024535368812633962</t>
  </si>
  <si>
    <t>33895</t>
  </si>
  <si>
    <t>7.650000095367432</t>
  </si>
  <si>
    <t>1558.7000732421875</t>
  </si>
  <si>
    <t>0.010409501014468248</t>
  </si>
  <si>
    <t>33816</t>
  </si>
  <si>
    <t>6.899999618530273</t>
  </si>
  <si>
    <t>1511.699951171875</t>
  </si>
  <si>
    <t>-0.002333447618440232</t>
  </si>
  <si>
    <t>1477.199951171875</t>
  </si>
  <si>
    <t>0.020546863844723262</t>
  </si>
  <si>
    <t>35407</t>
  </si>
  <si>
    <t>6.900000095367432</t>
  </si>
  <si>
    <t>1521.5001220703125</t>
  </si>
  <si>
    <t>0.025428613595511962</t>
  </si>
  <si>
    <t>36190</t>
  </si>
  <si>
    <t>5.766666889190674</t>
  </si>
  <si>
    <t>1546.7000732421875</t>
  </si>
  <si>
    <t>0.021873296870927206</t>
  </si>
  <si>
    <t>36905</t>
  </si>
  <si>
    <t>7.299999237060547</t>
  </si>
  <si>
    <t>1554.2000732421875</t>
  </si>
  <si>
    <t>0.01956420564636474</t>
  </si>
  <si>
    <t>38185</t>
  </si>
  <si>
    <t>7.166666507720947</t>
  </si>
  <si>
    <t>1540.4000244140625</t>
  </si>
  <si>
    <t>0.03409572511833048</t>
  </si>
  <si>
    <t>39465</t>
  </si>
  <si>
    <t>1715.1998291015625</t>
  </si>
  <si>
    <t>0.03297143482001985</t>
  </si>
  <si>
    <t>40699</t>
  </si>
  <si>
    <t>1683.5999755859375</t>
  </si>
  <si>
    <t>0.030789318961764067</t>
  </si>
  <si>
    <t>40495</t>
  </si>
  <si>
    <t>7.033332824707031</t>
  </si>
  <si>
    <t>1615.7000732421875</t>
  </si>
  <si>
    <t>-0.005025012421176811</t>
  </si>
  <si>
    <t>41576</t>
  </si>
  <si>
    <t>7.674999713897705</t>
  </si>
  <si>
    <t>1750.5</t>
  </si>
  <si>
    <t>0.026344568005187696</t>
  </si>
  <si>
    <t>41292</t>
  </si>
  <si>
    <t>1317.800048828125</t>
  </si>
  <si>
    <t>-0.006854301102798388</t>
  </si>
  <si>
    <t>41701</t>
  </si>
  <si>
    <t>6.983333110809326</t>
  </si>
  <si>
    <t>1411.60009765625</t>
  </si>
  <si>
    <t>0.009856332729224704</t>
  </si>
  <si>
    <t>44575</t>
  </si>
  <si>
    <t>6.383333683013916</t>
  </si>
  <si>
    <t>1527.900146484375</t>
  </si>
  <si>
    <t>0.06664805441663724</t>
  </si>
  <si>
    <t>45373</t>
  </si>
  <si>
    <t>7.950000762939453</t>
  </si>
  <si>
    <t>1500.60009765625</t>
  </si>
  <si>
    <t>0.017744050729397998</t>
  </si>
  <si>
    <t>47672</t>
  </si>
  <si>
    <t>7.633334636688232</t>
  </si>
  <si>
    <t>1573.5</t>
  </si>
  <si>
    <t>0.04942700896607555</t>
  </si>
  <si>
    <t>47260</t>
  </si>
  <si>
    <t>7.125</t>
  </si>
  <si>
    <t>1466.39990234375</t>
  </si>
  <si>
    <t>-0.00867995168591662</t>
  </si>
  <si>
    <t>45274</t>
  </si>
  <si>
    <t>1572.5999755859375</t>
  </si>
  <si>
    <t>-0.04293135547782789</t>
  </si>
  <si>
    <t>45085</t>
  </si>
  <si>
    <t>6.608333587646484</t>
  </si>
  <si>
    <t>1500.599853515625</t>
  </si>
  <si>
    <t>-0.004183319329063906</t>
  </si>
  <si>
    <t>48542</t>
  </si>
  <si>
    <t>7.933333873748779</t>
  </si>
  <si>
    <t>1462.7999267578125</t>
  </si>
  <si>
    <t>0.07387980562919694</t>
  </si>
  <si>
    <t>47779</t>
  </si>
  <si>
    <t>7.325000762939453</t>
  </si>
  <si>
    <t>1595.0999755859375</t>
  </si>
  <si>
    <t>-0.015843190161527687</t>
  </si>
  <si>
    <t>48118</t>
  </si>
  <si>
    <t>7.07499885559082</t>
  </si>
  <si>
    <t>1512.0</t>
  </si>
  <si>
    <t>0.007070115063415372</t>
  </si>
  <si>
    <t>48473</t>
  </si>
  <si>
    <t>8.30000114440918</t>
  </si>
  <si>
    <t>1613.5999755859375</t>
  </si>
  <si>
    <t>0.0073506144140012</t>
  </si>
  <si>
    <t>47708</t>
  </si>
  <si>
    <t>8.249999046325684</t>
  </si>
  <si>
    <t>1470.9000244140625</t>
  </si>
  <si>
    <t>-0.01590784318053373</t>
  </si>
  <si>
    <t>49278</t>
  </si>
  <si>
    <t>7.3416666984558105</t>
  </si>
  <si>
    <t>1755.300048828125</t>
  </si>
  <si>
    <t>0.03237863526968887</t>
  </si>
  <si>
    <t>49879</t>
  </si>
  <si>
    <t>8.208333015441895</t>
  </si>
  <si>
    <t>1960.699951171875</t>
  </si>
  <si>
    <t>0.012122338509280794</t>
  </si>
  <si>
    <t>51677</t>
  </si>
  <si>
    <t>8.175000190734863</t>
  </si>
  <si>
    <t>1430.7999267578125</t>
  </si>
  <si>
    <t>0.03541273575841153</t>
  </si>
  <si>
    <t>52569</t>
  </si>
  <si>
    <t>0.01711378414058906</t>
  </si>
  <si>
    <t>48665</t>
  </si>
  <si>
    <t>1704.60009765625</t>
  </si>
  <si>
    <t>-0.07716650651593504</t>
  </si>
  <si>
    <t>50477</t>
  </si>
  <si>
    <t>7.391666412353516</t>
  </si>
  <si>
    <t>1551.5001220703125</t>
  </si>
  <si>
    <t>0.03655770111147838</t>
  </si>
  <si>
    <t>52368</t>
  </si>
  <si>
    <t>1397.5001220703125</t>
  </si>
  <si>
    <t>0.03677793076888847</t>
  </si>
  <si>
    <t>224</t>
  </si>
  <si>
    <t>23966</t>
  </si>
  <si>
    <t>7.599870204925537</t>
  </si>
  <si>
    <t>1474.9764404296875</t>
  </si>
  <si>
    <t>166.3362579345703</t>
  </si>
  <si>
    <t>UnterkÔøΩrnten</t>
  </si>
  <si>
    <t>24561</t>
  </si>
  <si>
    <t>6.784012317657471</t>
  </si>
  <si>
    <t>1397.534912109375</t>
  </si>
  <si>
    <t>0.02452365980209592</t>
  </si>
  <si>
    <t>24818</t>
  </si>
  <si>
    <t>7.8748698234558105</t>
  </si>
  <si>
    <t>1393.7789306640625</t>
  </si>
  <si>
    <t>0.010409377290008237</t>
  </si>
  <si>
    <t>24760</t>
  </si>
  <si>
    <t>7.365106582641602</t>
  </si>
  <si>
    <t>1378.84716796875</t>
  </si>
  <si>
    <t>-0.00233974853603236</t>
  </si>
  <si>
    <t>25274</t>
  </si>
  <si>
    <t>8.202917098999023</t>
  </si>
  <si>
    <t>1441.92626953125</t>
  </si>
  <si>
    <t>0.020546751520093665</t>
  </si>
  <si>
    <t>25925</t>
  </si>
  <si>
    <t>7.316537380218506</t>
  </si>
  <si>
    <t>1543.9169921875</t>
  </si>
  <si>
    <t>0.025431554779101972</t>
  </si>
  <si>
    <t>26498</t>
  </si>
  <si>
    <t>6.494583606719971</t>
  </si>
  <si>
    <t>1641.488037109375</t>
  </si>
  <si>
    <t>0.02186150433034051</t>
  </si>
  <si>
    <t>27022</t>
  </si>
  <si>
    <t>7.645392894744873</t>
  </si>
  <si>
    <t>1209.71533203125</t>
  </si>
  <si>
    <t>0.01958209059183602</t>
  </si>
  <si>
    <t>27959</t>
  </si>
  <si>
    <t>7.531773090362549</t>
  </si>
  <si>
    <t>1533.460205078125</t>
  </si>
  <si>
    <t>0.03408780230913244</t>
  </si>
  <si>
    <t>28896</t>
  </si>
  <si>
    <t>7.440107345581055</t>
  </si>
  <si>
    <t>1445.347900390625</t>
  </si>
  <si>
    <t>0.032964025887674</t>
  </si>
  <si>
    <t>29800</t>
  </si>
  <si>
    <t>8.759820938110352</t>
  </si>
  <si>
    <t>1580.82470703125</t>
  </si>
  <si>
    <t>0.03080521627678401</t>
  </si>
  <si>
    <t>30173</t>
  </si>
  <si>
    <t>7.554534912109375</t>
  </si>
  <si>
    <t>1074.6781005859375</t>
  </si>
  <si>
    <t>0.012439091242478995</t>
  </si>
  <si>
    <t>31851</t>
  </si>
  <si>
    <t>8.104535102844238</t>
  </si>
  <si>
    <t>1551.3798828125</t>
  </si>
  <si>
    <t>0.05412129394570897</t>
  </si>
  <si>
    <t>33002</t>
  </si>
  <si>
    <t>7.890106678009033</t>
  </si>
  <si>
    <t>1055.2764892578125</t>
  </si>
  <si>
    <t>0.03549938699106647</t>
  </si>
  <si>
    <t>33652</t>
  </si>
  <si>
    <t>1456.9005126953125</t>
  </si>
  <si>
    <t>0.019504323997955098</t>
  </si>
  <si>
    <t>34270</t>
  </si>
  <si>
    <t>6.688676834106445</t>
  </si>
  <si>
    <t>1517.1787109375</t>
  </si>
  <si>
    <t>0.01819784619794973</t>
  </si>
  <si>
    <t>35503</t>
  </si>
  <si>
    <t>8.231773376464844</t>
  </si>
  <si>
    <t>1224.9683837890625</t>
  </si>
  <si>
    <t>0.03534686406658771</t>
  </si>
  <si>
    <t>37548</t>
  </si>
  <si>
    <t>8.259819984436035</t>
  </si>
  <si>
    <t>1298.31640625</t>
  </si>
  <si>
    <t>0.05600291452164008</t>
  </si>
  <si>
    <t>37843</t>
  </si>
  <si>
    <t>7.962867736816406</t>
  </si>
  <si>
    <t>1587.0621337890625</t>
  </si>
  <si>
    <t>0.007825907750277139</t>
  </si>
  <si>
    <t>35172</t>
  </si>
  <si>
    <t>7.9386773109436035</t>
  </si>
  <si>
    <t>1506.77099609375</t>
  </si>
  <si>
    <t>-0.07319571070826747</t>
  </si>
  <si>
    <t>7.282582759857178</t>
  </si>
  <si>
    <t>1597.521484375</t>
  </si>
  <si>
    <t>0.031815332907822125</t>
  </si>
  <si>
    <t>37960</t>
  </si>
  <si>
    <t>8.434012413024902</t>
  </si>
  <si>
    <t>1119.842529296875</t>
  </si>
  <si>
    <t>0.04446732931715047</t>
  </si>
  <si>
    <t>38630</t>
  </si>
  <si>
    <t>8.331772804260254</t>
  </si>
  <si>
    <t>1535.5155029296875</t>
  </si>
  <si>
    <t>0.017496202936461813</t>
  </si>
  <si>
    <t>38705</t>
  </si>
  <si>
    <t>8.121201515197754</t>
  </si>
  <si>
    <t>1666.7366943359375</t>
  </si>
  <si>
    <t>0.001939613978487742</t>
  </si>
  <si>
    <t>39543</t>
  </si>
  <si>
    <t>8.723440170288086</t>
  </si>
  <si>
    <t>1865.8851318359375</t>
  </si>
  <si>
    <t>0.02141989674176159</t>
  </si>
  <si>
    <t>40127</t>
  </si>
  <si>
    <t>8.662869453430176</t>
  </si>
  <si>
    <t>1556.720458984375</t>
  </si>
  <si>
    <t>0.014660737046318317</t>
  </si>
  <si>
    <t>40176</t>
  </si>
  <si>
    <t>7.934011936187744</t>
  </si>
  <si>
    <t>1726.2430419921875</t>
  </si>
  <si>
    <t>0.001220377970472697</t>
  </si>
  <si>
    <t>40823</t>
  </si>
  <si>
    <t>8.768962860107422</t>
  </si>
  <si>
    <t>1506.4498291015625</t>
  </si>
  <si>
    <t>0.015975845651556853</t>
  </si>
  <si>
    <t>42551</t>
  </si>
  <si>
    <t>8.587868690490723</t>
  </si>
  <si>
    <t>1457.7264404296875</t>
  </si>
  <si>
    <t>0.04145770843906682</t>
  </si>
  <si>
    <t>42385</t>
  </si>
  <si>
    <t>9.134819984436035</t>
  </si>
  <si>
    <t>1602.409423828125</t>
  </si>
  <si>
    <t>-0.003908830445483957</t>
  </si>
  <si>
    <t>39347</t>
  </si>
  <si>
    <t>8.504534721374512</t>
  </si>
  <si>
    <t>1685.003173828125</t>
  </si>
  <si>
    <t>-0.07437479298511818</t>
  </si>
  <si>
    <t>40812</t>
  </si>
  <si>
    <t>7.893154621124268</t>
  </si>
  <si>
    <t>1290.7833251953125</t>
  </si>
  <si>
    <t>0.03655642273780657</t>
  </si>
  <si>
    <t>42341</t>
  </si>
  <si>
    <t>9.259820938110352</t>
  </si>
  <si>
    <t>1266.536865234375</t>
  </si>
  <si>
    <t>0.03677972794257478</t>
  </si>
  <si>
    <t>226</t>
  </si>
  <si>
    <t>24610</t>
  </si>
  <si>
    <t>8.706198692321777</t>
  </si>
  <si>
    <t>673.58349609375</t>
  </si>
  <si>
    <t>82.93360137939453</t>
  </si>
  <si>
    <t>Waldviertel</t>
  </si>
  <si>
    <t>25222</t>
  </si>
  <si>
    <t>7.731199264526367</t>
  </si>
  <si>
    <t>677.8021850585938</t>
  </si>
  <si>
    <t>0.02456376513071845</t>
  </si>
  <si>
    <t>25485</t>
  </si>
  <si>
    <t>8.989533424377441</t>
  </si>
  <si>
    <t>647.3323364257812</t>
  </si>
  <si>
    <t>0.010373414258323166</t>
  </si>
  <si>
    <t>25426</t>
  </si>
  <si>
    <t>8.293753623962402</t>
  </si>
  <si>
    <t>639.0831909179688</t>
  </si>
  <si>
    <t>-0.0023177712640745085</t>
  </si>
  <si>
    <t>9.168752670288086</t>
  </si>
  <si>
    <t>574.5018310546875</t>
  </si>
  <si>
    <t>0.020553467787108204</t>
  </si>
  <si>
    <t>26622</t>
  </si>
  <si>
    <t>8.206198692321777</t>
  </si>
  <si>
    <t>754.7296142578125</t>
  </si>
  <si>
    <t>0.02541220130978772</t>
  </si>
  <si>
    <t>6.9729743003845215</t>
  </si>
  <si>
    <t>741.6664428710938</t>
  </si>
  <si>
    <t>0.021883361689432945</t>
  </si>
  <si>
    <t>27749</t>
  </si>
  <si>
    <t>8.435420036315918</t>
  </si>
  <si>
    <t>705.2971801757812</t>
  </si>
  <si>
    <t>0.019578500192833914</t>
  </si>
  <si>
    <t>28711</t>
  </si>
  <si>
    <t>8.477086067199707</t>
  </si>
  <si>
    <t>661.9292602539062</t>
  </si>
  <si>
    <t>0.0340805210886046</t>
  </si>
  <si>
    <t>29673</t>
  </si>
  <si>
    <t>8.331198692321777</t>
  </si>
  <si>
    <t>725.9672241210938</t>
  </si>
  <si>
    <t>0.03295721683011443</t>
  </si>
  <si>
    <t>30601</t>
  </si>
  <si>
    <t>9.53119945526123</t>
  </si>
  <si>
    <t>634.0795288085938</t>
  </si>
  <si>
    <t>0.03079514673711259</t>
  </si>
  <si>
    <t>31508</t>
  </si>
  <si>
    <t>8.3853120803833</t>
  </si>
  <si>
    <t>651.1392822265625</t>
  </si>
  <si>
    <t>0.029208793678151324</t>
  </si>
  <si>
    <t>32102</t>
  </si>
  <si>
    <t>9.010420799255371</t>
  </si>
  <si>
    <t>878.9931030273438</t>
  </si>
  <si>
    <t>0.018676851649948034</t>
  </si>
  <si>
    <t>32500</t>
  </si>
  <si>
    <t>8.743753433227539</t>
  </si>
  <si>
    <t>539.0198974609375</t>
  </si>
  <si>
    <t>0.012321755844666882</t>
  </si>
  <si>
    <t>33575</t>
  </si>
  <si>
    <t>8.38119888305664</t>
  </si>
  <si>
    <t>666.482177734375</t>
  </si>
  <si>
    <t>0.03254165307360957</t>
  </si>
  <si>
    <t>33151</t>
  </si>
  <si>
    <t>7.785419940948486</t>
  </si>
  <si>
    <t>730.0458374023438</t>
  </si>
  <si>
    <t>-0.012708860319893489</t>
  </si>
  <si>
    <t>33525</t>
  </si>
  <si>
    <t>9.393753051757812</t>
  </si>
  <si>
    <t>699.5558471679688</t>
  </si>
  <si>
    <t>0.01121854707833414</t>
  </si>
  <si>
    <t>34668</t>
  </si>
  <si>
    <t>9.227086067199707</t>
  </si>
  <si>
    <t>779.7182006835938</t>
  </si>
  <si>
    <t>0.03352564210435638</t>
  </si>
  <si>
    <t>35840</t>
  </si>
  <si>
    <t>8.785418510437012</t>
  </si>
  <si>
    <t>693.6622924804688</t>
  </si>
  <si>
    <t>0.03324751683463134</t>
  </si>
  <si>
    <t>34116</t>
  </si>
  <si>
    <t>8.843646049499512</t>
  </si>
  <si>
    <t>802.4022827148438</t>
  </si>
  <si>
    <t>-0.04929810564986781</t>
  </si>
  <si>
    <t>35136</t>
  </si>
  <si>
    <t>7.997973918914795</t>
  </si>
  <si>
    <t>789.55078125</t>
  </si>
  <si>
    <t>0.029459763430203623</t>
  </si>
  <si>
    <t>36170</t>
  </si>
  <si>
    <t>9.264639854431152</t>
  </si>
  <si>
    <t>596.088134765625</t>
  </si>
  <si>
    <t>0.029003800076941033</t>
  </si>
  <si>
    <t>36262</t>
  </si>
  <si>
    <t>8.943753242492676</t>
  </si>
  <si>
    <t>648.2218017578125</t>
  </si>
  <si>
    <t>0.0025403150396101637</t>
  </si>
  <si>
    <t>36526</t>
  </si>
  <si>
    <t>8.797865867614746</t>
  </si>
  <si>
    <t>650.6400756835938</t>
  </si>
  <si>
    <t>0.007253974766232574</t>
  </si>
  <si>
    <t>36788</t>
  </si>
  <si>
    <t>9.835420608520508</t>
  </si>
  <si>
    <t>741.0657958984375</t>
  </si>
  <si>
    <t>0.007147369270601445</t>
  </si>
  <si>
    <t>9.627087593078613</t>
  </si>
  <si>
    <t>588.90380859375</t>
  </si>
  <si>
    <t>-0.0004894097272707398</t>
  </si>
  <si>
    <t>37555</t>
  </si>
  <si>
    <t>8.806199073791504</t>
  </si>
  <si>
    <t>783.7420043945312</t>
  </si>
  <si>
    <t>0.021124229824794227</t>
  </si>
  <si>
    <t>38327</t>
  </si>
  <si>
    <t>9.739640235900879</t>
  </si>
  <si>
    <t>741.0960693359375</t>
  </si>
  <si>
    <t>0.020348083515964177</t>
  </si>
  <si>
    <t>39283</t>
  </si>
  <si>
    <t>9.652194023132324</t>
  </si>
  <si>
    <t>672.35400390625</t>
  </si>
  <si>
    <t>0.02463724666134226</t>
  </si>
  <si>
    <t>40135</t>
  </si>
  <si>
    <t>10.156091690063477</t>
  </si>
  <si>
    <t>616.7438354492188</t>
  </si>
  <si>
    <t>0.021456916268260073</t>
  </si>
  <si>
    <t>39059</t>
  </si>
  <si>
    <t>9.64808177947998</t>
  </si>
  <si>
    <t>759.0386352539062</t>
  </si>
  <si>
    <t>-0.027175448101241173</t>
  </si>
  <si>
    <t>40513</t>
  </si>
  <si>
    <t>8.856200218200684</t>
  </si>
  <si>
    <t>664.3270874023438</t>
  </si>
  <si>
    <t>0.036549586778999554</t>
  </si>
  <si>
    <t>42031</t>
  </si>
  <si>
    <t>10.1190767288208</t>
  </si>
  <si>
    <t>609.7490844726562</t>
  </si>
  <si>
    <t>0.03678453100183354</t>
  </si>
  <si>
    <t>227</t>
  </si>
  <si>
    <t>19528</t>
  </si>
  <si>
    <t>530.4000854492188</t>
  </si>
  <si>
    <t>88.84352111816406</t>
  </si>
  <si>
    <t>Weinviertel</t>
  </si>
  <si>
    <t>20013</t>
  </si>
  <si>
    <t>9.283333778381348</t>
  </si>
  <si>
    <t>546.6000366210938</t>
  </si>
  <si>
    <t>0.02453272930482875</t>
  </si>
  <si>
    <t>20222</t>
  </si>
  <si>
    <t>10.491667747497559</t>
  </si>
  <si>
    <t>509.8000183105469</t>
  </si>
  <si>
    <t>0.010389058273718277</t>
  </si>
  <si>
    <t>20175</t>
  </si>
  <si>
    <t>490.8999938964844</t>
  </si>
  <si>
    <t>-0.0023269065131934497</t>
  </si>
  <si>
    <t>20593</t>
  </si>
  <si>
    <t>10.733332633972168</t>
  </si>
  <si>
    <t>470.0000305175781</t>
  </si>
  <si>
    <t>0.020506998067197912</t>
  </si>
  <si>
    <t>21124</t>
  </si>
  <si>
    <t>579.0</t>
  </si>
  <si>
    <t>0.02545862262147658</t>
  </si>
  <si>
    <t>21591</t>
  </si>
  <si>
    <t>0.021866726349088594</t>
  </si>
  <si>
    <t>22018</t>
  </si>
  <si>
    <t>563.9000244140625</t>
  </si>
  <si>
    <t>0.01958373945443448</t>
  </si>
  <si>
    <t>22781</t>
  </si>
  <si>
    <t>10.133333206176758</t>
  </si>
  <si>
    <t>513.3999633789062</t>
  </si>
  <si>
    <t>0.034066554563606743</t>
  </si>
  <si>
    <t>23545</t>
  </si>
  <si>
    <t>10.20000171661377</t>
  </si>
  <si>
    <t>556.2000732421875</t>
  </si>
  <si>
    <t>0.03298662848369993</t>
  </si>
  <si>
    <t>24281</t>
  </si>
  <si>
    <t>11.40000057220459</t>
  </si>
  <si>
    <t>458.79998779296875</t>
  </si>
  <si>
    <t>0.030780667809104045</t>
  </si>
  <si>
    <t>24609</t>
  </si>
  <si>
    <t>10.033333778381348</t>
  </si>
  <si>
    <t>486.3999938964844</t>
  </si>
  <si>
    <t>0.013418078184100679</t>
  </si>
  <si>
    <t>24626</t>
  </si>
  <si>
    <t>10.616667747497559</t>
  </si>
  <si>
    <t>641.5</t>
  </si>
  <si>
    <t>0.0006905656819569117</t>
  </si>
  <si>
    <t>25098</t>
  </si>
  <si>
    <t>10.258334159851074</t>
  </si>
  <si>
    <t>439.20001220703125</t>
  </si>
  <si>
    <t>0.018985366317437524</t>
  </si>
  <si>
    <t>25688</t>
  </si>
  <si>
    <t>10.083333015441895</t>
  </si>
  <si>
    <t>513.5999755859375</t>
  </si>
  <si>
    <t>0.02323579509909557</t>
  </si>
  <si>
    <t>24786</t>
  </si>
  <si>
    <t>9.266666412353516</t>
  </si>
  <si>
    <t>570.1000366210938</t>
  </si>
  <si>
    <t>-0.03574497914453012</t>
  </si>
  <si>
    <t>25651</t>
  </si>
  <si>
    <t>547.7999877929688</t>
  </si>
  <si>
    <t>0.034303579568923936</t>
  </si>
  <si>
    <t>27294</t>
  </si>
  <si>
    <t>10.916667938232422</t>
  </si>
  <si>
    <t>582.2000122070312</t>
  </si>
  <si>
    <t>0.06208434060431678</t>
  </si>
  <si>
    <t>27662</t>
  </si>
  <si>
    <t>0.013392732386593664</t>
  </si>
  <si>
    <t>26760</t>
  </si>
  <si>
    <t>10.691665649414062</t>
  </si>
  <si>
    <t>633.6000366210938</t>
  </si>
  <si>
    <t>-0.033151394942487755</t>
  </si>
  <si>
    <t>26970</t>
  </si>
  <si>
    <t>9.833333015441895</t>
  </si>
  <si>
    <t>653.8999633789062</t>
  </si>
  <si>
    <t>0.007816901891610328</t>
  </si>
  <si>
    <t>28217</t>
  </si>
  <si>
    <t>10.874999046325684</t>
  </si>
  <si>
    <t>449.1000061035156</t>
  </si>
  <si>
    <t>0.04519949603870366</t>
  </si>
  <si>
    <t>27093</t>
  </si>
  <si>
    <t>10.75833511352539</t>
  </si>
  <si>
    <t>507.3999938964844</t>
  </si>
  <si>
    <t>-0.040649241253571944</t>
  </si>
  <si>
    <t>28024</t>
  </si>
  <si>
    <t>10.500000953674316</t>
  </si>
  <si>
    <t>531.0999755859375</t>
  </si>
  <si>
    <t>0.0337858939584148</t>
  </si>
  <si>
    <t>27900</t>
  </si>
  <si>
    <t>11.575000762939453</t>
  </si>
  <si>
    <t>619.3999633789062</t>
  </si>
  <si>
    <t>-0.004434597067865198</t>
  </si>
  <si>
    <t>28440</t>
  </si>
  <si>
    <t>475.8000183105469</t>
  </si>
  <si>
    <t>0.01916991610771923</t>
  </si>
  <si>
    <t>29400</t>
  </si>
  <si>
    <t>10.566667556762695</t>
  </si>
  <si>
    <t>688.3999633789062</t>
  </si>
  <si>
    <t>0.0331980694095968</t>
  </si>
  <si>
    <t>29905</t>
  </si>
  <si>
    <t>558.0999755859375</t>
  </si>
  <si>
    <t>0.017031016151884515</t>
  </si>
  <si>
    <t>30123</t>
  </si>
  <si>
    <t>11.458333015441895</t>
  </si>
  <si>
    <t>536.2000122070312</t>
  </si>
  <si>
    <t>0.0072633090688878355</t>
  </si>
  <si>
    <t>30897</t>
  </si>
  <si>
    <t>11.891666412353516</t>
  </si>
  <si>
    <t>529.9000244140625</t>
  </si>
  <si>
    <t>0.025370092246365772</t>
  </si>
  <si>
    <t>30197</t>
  </si>
  <si>
    <t>11.383332252502441</t>
  </si>
  <si>
    <t>637.699951171875</t>
  </si>
  <si>
    <t>-0.02291651011361573</t>
  </si>
  <si>
    <t>31322</t>
  </si>
  <si>
    <t>10.57500171661377</t>
  </si>
  <si>
    <t>509.4000244140625</t>
  </si>
  <si>
    <t>0.036578144346083974</t>
  </si>
  <si>
    <t>32495</t>
  </si>
  <si>
    <t>11.758334159851074</t>
  </si>
  <si>
    <t>488.1000671386719</t>
  </si>
  <si>
    <t>0.03676550530206946</t>
  </si>
  <si>
    <t>228</t>
  </si>
  <si>
    <t>23943</t>
  </si>
  <si>
    <t>8.70000171661377</t>
  </si>
  <si>
    <t>1221.199951171875</t>
  </si>
  <si>
    <t>77.9312744140625</t>
  </si>
  <si>
    <t>West- und SÔøΩdsteiermark</t>
  </si>
  <si>
    <t>24537</t>
  </si>
  <si>
    <t>7.625000476837158</t>
  </si>
  <si>
    <t>1225.800048828125</t>
  </si>
  <si>
    <t>0.02450617685896539</t>
  </si>
  <si>
    <t>24794</t>
  </si>
  <si>
    <t>1079.0999755859375</t>
  </si>
  <si>
    <t>0.010419505995008294</t>
  </si>
  <si>
    <t>24736</t>
  </si>
  <si>
    <t>1057.7999267578125</t>
  </si>
  <si>
    <t>-0.0023420160109441923</t>
  </si>
  <si>
    <t>25249</t>
  </si>
  <si>
    <t>1176.9000244140625</t>
  </si>
  <si>
    <t>0.020526878571704543</t>
  </si>
  <si>
    <t>25900</t>
  </si>
  <si>
    <t>8.124999046325684</t>
  </si>
  <si>
    <t>1142.199951171875</t>
  </si>
  <si>
    <t>0.02545641772877616</t>
  </si>
  <si>
    <t>26473</t>
  </si>
  <si>
    <t>7.041666030883789</t>
  </si>
  <si>
    <t>1224.2000732421875</t>
  </si>
  <si>
    <t>0.02188237696340245</t>
  </si>
  <si>
    <t>26996</t>
  </si>
  <si>
    <t>8.399999618530273</t>
  </si>
  <si>
    <t>968.60009765625</t>
  </si>
  <si>
    <t>0.019563361212265207</t>
  </si>
  <si>
    <t>27932</t>
  </si>
  <si>
    <t>8.433334350585938</t>
  </si>
  <si>
    <t>1209.699951171875</t>
  </si>
  <si>
    <t>0.03408427810262893</t>
  </si>
  <si>
    <t>28868</t>
  </si>
  <si>
    <t>8.483333587646484</t>
  </si>
  <si>
    <t>1211.7000732421875</t>
  </si>
  <si>
    <t>0.0329607302262378</t>
  </si>
  <si>
    <t>29771</t>
  </si>
  <si>
    <t>1080.300048828125</t>
  </si>
  <si>
    <t>0.030801050116783912</t>
  </si>
  <si>
    <t>30138</t>
  </si>
  <si>
    <t>820.4000244140625</t>
  </si>
  <si>
    <t>0.012252068669152294</t>
  </si>
  <si>
    <t>1089.699951171875</t>
  </si>
  <si>
    <t>0.011939849617403908</t>
  </si>
  <si>
    <t>31678</t>
  </si>
  <si>
    <t>8.608332633972168</t>
  </si>
  <si>
    <t>857.7000122070312</t>
  </si>
  <si>
    <t>0.03789575002686263</t>
  </si>
  <si>
    <t>32980</t>
  </si>
  <si>
    <t>8.283333778381348</t>
  </si>
  <si>
    <t>1140.4998779296875</t>
  </si>
  <si>
    <t>0.040278883491223993</t>
  </si>
  <si>
    <t>32857</t>
  </si>
  <si>
    <t>7.48333215713501</t>
  </si>
  <si>
    <t>1250.9000244140625</t>
  </si>
  <si>
    <t>-0.0037365050991091664</t>
  </si>
  <si>
    <t>33262</t>
  </si>
  <si>
    <t>9.066668510437012</t>
  </si>
  <si>
    <t>990.300048828125</t>
  </si>
  <si>
    <t>0.012250792215604989</t>
  </si>
  <si>
    <t>35265</t>
  </si>
  <si>
    <t>9.225000381469727</t>
  </si>
  <si>
    <t>1052.0</t>
  </si>
  <si>
    <t>0.05847536641219264</t>
  </si>
  <si>
    <t>35408</t>
  </si>
  <si>
    <t>9.100000381469727</t>
  </si>
  <si>
    <t>1225.5</t>
  </si>
  <si>
    <t>0.004046812648551779</t>
  </si>
  <si>
    <t>9.150001525878906</t>
  </si>
  <si>
    <t>1213.7000732421875</t>
  </si>
  <si>
    <t>-0.07197687183437473</t>
  </si>
  <si>
    <t>34940</t>
  </si>
  <si>
    <t>1350.4000244140625</t>
  </si>
  <si>
    <t>0.05867139323159165</t>
  </si>
  <si>
    <t>36529</t>
  </si>
  <si>
    <t>9.15000057220459</t>
  </si>
  <si>
    <t>865.0999755859375</t>
  </si>
  <si>
    <t>0.04447416096611434</t>
  </si>
  <si>
    <t>36157</t>
  </si>
  <si>
    <t>9.291666984558105</t>
  </si>
  <si>
    <t>1188.400146484375</t>
  </si>
  <si>
    <t>-0.010235898191572446</t>
  </si>
  <si>
    <t>36441</t>
  </si>
  <si>
    <t>1248.2001953125</t>
  </si>
  <si>
    <t>0.007823946905791246</t>
  </si>
  <si>
    <t>36532</t>
  </si>
  <si>
    <t>9.816666603088379</t>
  </si>
  <si>
    <t>1544.9000244140625</t>
  </si>
  <si>
    <t>0.002494074443189831</t>
  </si>
  <si>
    <t>35963</t>
  </si>
  <si>
    <t>9.566668510437012</t>
  </si>
  <si>
    <t>1159.2000732421875</t>
  </si>
  <si>
    <t>-0.01569795667685092</t>
  </si>
  <si>
    <t>1366.900146484375</t>
  </si>
  <si>
    <t>0.033549275784396926</t>
  </si>
  <si>
    <t>37667</t>
  </si>
  <si>
    <t>1121.4000244140625</t>
  </si>
  <si>
    <t>0.012744471625616427</t>
  </si>
  <si>
    <t>37692</t>
  </si>
  <si>
    <t>1176.5</t>
  </si>
  <si>
    <t>0.0006634907819140778</t>
  </si>
  <si>
    <t>1244.89990234375</t>
  </si>
  <si>
    <t>0.019806788986159063</t>
  </si>
  <si>
    <t>9.691665649414062</t>
  </si>
  <si>
    <t>1288.9000244140625</t>
  </si>
  <si>
    <t>-0.036473618523254814</t>
  </si>
  <si>
    <t>38449</t>
  </si>
  <si>
    <t>1025.2999267578125</t>
  </si>
  <si>
    <t>0.03655164700368907</t>
  </si>
  <si>
    <t>39890</t>
  </si>
  <si>
    <t>10.241665840148926</t>
  </si>
  <si>
    <t>968.0000610351562</t>
  </si>
  <si>
    <t>0.036792978106211294</t>
  </si>
  <si>
    <t>229</t>
  </si>
  <si>
    <t>27653</t>
  </si>
  <si>
    <t>5.352243423461914</t>
  </si>
  <si>
    <t>1499.5435791015625</t>
  </si>
  <si>
    <t>67.27710723876953</t>
  </si>
  <si>
    <t>Westliche Obersteiermark</t>
  </si>
  <si>
    <t>28340</t>
  </si>
  <si>
    <t>4.371838092803955</t>
  </si>
  <si>
    <t>1452.86181640625</t>
  </si>
  <si>
    <t>0.024540013083951706</t>
  </si>
  <si>
    <t>28636</t>
  </si>
  <si>
    <t>5.563415050506592</t>
  </si>
  <si>
    <t>1535.4901123046875</t>
  </si>
  <si>
    <t>0.010390433271403765</t>
  </si>
  <si>
    <t>28569</t>
  </si>
  <si>
    <t>4.996747970581055</t>
  </si>
  <si>
    <t>1411.7064208984375</t>
  </si>
  <si>
    <t>-0.0023424536539202734</t>
  </si>
  <si>
    <t>29162</t>
  </si>
  <si>
    <t>5.830009460449219</t>
  </si>
  <si>
    <t>1421.20849609375</t>
  </si>
  <si>
    <t>0.02054427801407499</t>
  </si>
  <si>
    <t>29914</t>
  </si>
  <si>
    <t>4.866288661956787</t>
  </si>
  <si>
    <t>1491.994140625</t>
  </si>
  <si>
    <t>0.025460106343041744</t>
  </si>
  <si>
    <t>30575</t>
  </si>
  <si>
    <t>3.9165046215057373</t>
  </si>
  <si>
    <t>1618.4654541015625</t>
  </si>
  <si>
    <t>0.02185608333610034</t>
  </si>
  <si>
    <t>31179</t>
  </si>
  <si>
    <t>5.085702419281006</t>
  </si>
  <si>
    <t>1440.146728515625</t>
  </si>
  <si>
    <t>0.019562109701158903</t>
  </si>
  <si>
    <t>32260</t>
  </si>
  <si>
    <t>5.121784210205078</t>
  </si>
  <si>
    <t>1576.5362548828125</t>
  </si>
  <si>
    <t>0.03408328142266903</t>
  </si>
  <si>
    <t>33342</t>
  </si>
  <si>
    <t>5.1217122077941895</t>
  </si>
  <si>
    <t>1559.4619140625</t>
  </si>
  <si>
    <t>0.03298979082877551</t>
  </si>
  <si>
    <t>34384</t>
  </si>
  <si>
    <t>6.379955291748047</t>
  </si>
  <si>
    <t>1638.0677490234375</t>
  </si>
  <si>
    <t>0.030773476374315933</t>
  </si>
  <si>
    <t>34897</t>
  </si>
  <si>
    <t>5.105153560638428</t>
  </si>
  <si>
    <t>1360.4814453125</t>
  </si>
  <si>
    <t>0.014809525728077588</t>
  </si>
  <si>
    <t>35276</t>
  </si>
  <si>
    <t>5.763307094573975</t>
  </si>
  <si>
    <t>1706.9305419921875</t>
  </si>
  <si>
    <t>0.010801980397701527</t>
  </si>
  <si>
    <t>34760</t>
  </si>
  <si>
    <t>5.3996405601501465</t>
  </si>
  <si>
    <t>1228.759765625</t>
  </si>
  <si>
    <t>-0.01473554562874213</t>
  </si>
  <si>
    <t>35979</t>
  </si>
  <si>
    <t>4.996694087982178</t>
  </si>
  <si>
    <t>1482.8907470703125</t>
  </si>
  <si>
    <t>0.03446813452050179</t>
  </si>
  <si>
    <t>35163</t>
  </si>
  <si>
    <t>4.263468265533447</t>
  </si>
  <si>
    <t>1557.714111328125</t>
  </si>
  <si>
    <t>-0.02294104150854004</t>
  </si>
  <si>
    <t>36940</t>
  </si>
  <si>
    <t>5.838487148284912</t>
  </si>
  <si>
    <t>1443.52734375</t>
  </si>
  <si>
    <t>0.04930058136194049</t>
  </si>
  <si>
    <t>38210</t>
  </si>
  <si>
    <t>5.9105048179626465</t>
  </si>
  <si>
    <t>1549.764892578125</t>
  </si>
  <si>
    <t>0.03380228668771501</t>
  </si>
  <si>
    <t>39074</t>
  </si>
  <si>
    <t>5.69371223449707</t>
  </si>
  <si>
    <t>1459.748046875</t>
  </si>
  <si>
    <t>0.022360022710634198</t>
  </si>
  <si>
    <t>36213</t>
  </si>
  <si>
    <t>5.746423721313477</t>
  </si>
  <si>
    <t>1713.592041015625</t>
  </si>
  <si>
    <t>-0.07603911378234329</t>
  </si>
  <si>
    <t>38188</t>
  </si>
  <si>
    <t>4.943784236907959</t>
  </si>
  <si>
    <t>1563.3062744140625</t>
  </si>
  <si>
    <t>0.05310315974868729</t>
  </si>
  <si>
    <t>38872</t>
  </si>
  <si>
    <t>5.9691081047058105</t>
  </si>
  <si>
    <t>1364.36962890625</t>
  </si>
  <si>
    <t>0.01775286696781464</t>
  </si>
  <si>
    <t>39237</t>
  </si>
  <si>
    <t>5.991054058074951</t>
  </si>
  <si>
    <t>1511.268798828125</t>
  </si>
  <si>
    <t>0.009345982071522485</t>
  </si>
  <si>
    <t>38703</t>
  </si>
  <si>
    <t>5.788234710693359</t>
  </si>
  <si>
    <t>1548.26904296875</t>
  </si>
  <si>
    <t>-0.013703062764015783</t>
  </si>
  <si>
    <t>38112</t>
  </si>
  <si>
    <t>6.465946197509766</t>
  </si>
  <si>
    <t>1728.1624755859375</t>
  </si>
  <si>
    <t>-0.015387923238218804</t>
  </si>
  <si>
    <t>37385</t>
  </si>
  <si>
    <t>6.324513912200928</t>
  </si>
  <si>
    <t>1502.4661865234375</t>
  </si>
  <si>
    <t>-0.01925963872101022</t>
  </si>
  <si>
    <t>39055</t>
  </si>
  <si>
    <t>5.5911078453063965</t>
  </si>
  <si>
    <t>1791.376953125</t>
  </si>
  <si>
    <t>0.043701354610380605</t>
  </si>
  <si>
    <t>40101</t>
  </si>
  <si>
    <t>6.55486536026001</t>
  </si>
  <si>
    <t>1827.6080322265625</t>
  </si>
  <si>
    <t>0.026430362595185386</t>
  </si>
  <si>
    <t>40724</t>
  </si>
  <si>
    <t>6.410343170166016</t>
  </si>
  <si>
    <t>1545.1873779296875</t>
  </si>
  <si>
    <t>0.015416327587503886</t>
  </si>
  <si>
    <t>41550</t>
  </si>
  <si>
    <t>6.829972743988037</t>
  </si>
  <si>
    <t>1542.8687744140625</t>
  </si>
  <si>
    <t>0.020079922056508437</t>
  </si>
  <si>
    <t>39655</t>
  </si>
  <si>
    <t>6.357685089111328</t>
  </si>
  <si>
    <t>1869.8953857421875</t>
  </si>
  <si>
    <t>-0.04668047776617534</t>
  </si>
  <si>
    <t>41131</t>
  </si>
  <si>
    <t>5.632900238037109</t>
  </si>
  <si>
    <t>1450.1617431640625</t>
  </si>
  <si>
    <t>0.036545051564905506</t>
  </si>
  <si>
    <t>42672</t>
  </si>
  <si>
    <t>6.927171230316162</t>
  </si>
  <si>
    <t>1365.144287109375</t>
  </si>
  <si>
    <t>0.03678087233947025</t>
  </si>
  <si>
    <t>230</t>
  </si>
  <si>
    <t>25301</t>
  </si>
  <si>
    <t>10.734024047851562</t>
  </si>
  <si>
    <t>558.8639526367188</t>
  </si>
  <si>
    <t>995.0867919921875</t>
  </si>
  <si>
    <t>Wiener Umland/Nordteil</t>
  </si>
  <si>
    <t>25930</t>
  </si>
  <si>
    <t>9.651602745056152</t>
  </si>
  <si>
    <t>617.0450439453125</t>
  </si>
  <si>
    <t>0.02455667890651725</t>
  </si>
  <si>
    <t>26200</t>
  </si>
  <si>
    <t>10.901031494140625</t>
  </si>
  <si>
    <t>566.4778442382812</t>
  </si>
  <si>
    <t>0.01035881121647897</t>
  </si>
  <si>
    <t>26140</t>
  </si>
  <si>
    <t>10.301714897155762</t>
  </si>
  <si>
    <t>544.2122192382812</t>
  </si>
  <si>
    <t>-0.002292702570976246</t>
  </si>
  <si>
    <t>26682</t>
  </si>
  <si>
    <t>11.204110145568848</t>
  </si>
  <si>
    <t>546.1033935546875</t>
  </si>
  <si>
    <t>0.02052247256053974</t>
  </si>
  <si>
    <t>27370</t>
  </si>
  <si>
    <t>10.20707893371582</t>
  </si>
  <si>
    <t>698.1013793945312</t>
  </si>
  <si>
    <t>0.025458342295973324</t>
  </si>
  <si>
    <t>27975</t>
  </si>
  <si>
    <t>9.13732624053955</t>
  </si>
  <si>
    <t>680.650146484375</t>
  </si>
  <si>
    <t>0.021863731145399967</t>
  </si>
  <si>
    <t>28528</t>
  </si>
  <si>
    <t>10.521920204162598</t>
  </si>
  <si>
    <t>629.53369140625</t>
  </si>
  <si>
    <t>0.019574806922795673</t>
  </si>
  <si>
    <t>29517</t>
  </si>
  <si>
    <t>10.496237754821777</t>
  </si>
  <si>
    <t>611.4491577148438</t>
  </si>
  <si>
    <t>0.034080307430954804</t>
  </si>
  <si>
    <t>30506</t>
  </si>
  <si>
    <t>10.556055068969727</t>
  </si>
  <si>
    <t>662.4464721679688</t>
  </si>
  <si>
    <t>0.0329570170260034</t>
  </si>
  <si>
    <t>31460</t>
  </si>
  <si>
    <t>11.776484489440918</t>
  </si>
  <si>
    <t>535.509521484375</t>
  </si>
  <si>
    <t>0.030793512052389005</t>
  </si>
  <si>
    <t>31538</t>
  </si>
  <si>
    <t>10.438587188720703</t>
  </si>
  <si>
    <t>519.4916381835938</t>
  </si>
  <si>
    <t>0.002476270353264809</t>
  </si>
  <si>
    <t>31832</t>
  </si>
  <si>
    <t>11.11038875579834</t>
  </si>
  <si>
    <t>713.4556274414062</t>
  </si>
  <si>
    <t>0.00927890514123142</t>
  </si>
  <si>
    <t>32042</t>
  </si>
  <si>
    <t>10.70970630645752</t>
  </si>
  <si>
    <t>458.11474609375</t>
  </si>
  <si>
    <t>0.006575469099894704</t>
  </si>
  <si>
    <t>33928</t>
  </si>
  <si>
    <t>10.449776649475098</t>
  </si>
  <si>
    <t>592.3067626953125</t>
  </si>
  <si>
    <t>0.05719308994776817</t>
  </si>
  <si>
    <t>33426</t>
  </si>
  <si>
    <t>9.608110427856445</t>
  </si>
  <si>
    <t>657.0119018554688</t>
  </si>
  <si>
    <t>-0.01490659190555732</t>
  </si>
  <si>
    <t>34993</t>
  </si>
  <si>
    <t>11.214959144592285</t>
  </si>
  <si>
    <t>586.347412109375</t>
  </si>
  <si>
    <t>0.04581400122001433</t>
  </si>
  <si>
    <t>36280</t>
  </si>
  <si>
    <t>11.339159965515137</t>
  </si>
  <si>
    <t>678.8980102539062</t>
  </si>
  <si>
    <t>0.03611858376018873</t>
  </si>
  <si>
    <t>38512</t>
  </si>
  <si>
    <t>11.13904094696045</t>
  </si>
  <si>
    <t>642.8351440429688</t>
  </si>
  <si>
    <t>0.059703255793779775</t>
  </si>
  <si>
    <t>36384</t>
  </si>
  <si>
    <t>11.165523529052734</t>
  </si>
  <si>
    <t>717.5738525390625</t>
  </si>
  <si>
    <t>-0.05684076347258937</t>
  </si>
  <si>
    <t>36698</t>
  </si>
  <si>
    <t>10.302739143371582</t>
  </si>
  <si>
    <t>752.48388671875</t>
  </si>
  <si>
    <t>0.008593140094635743</t>
  </si>
  <si>
    <t>38549</t>
  </si>
  <si>
    <t>11.264159202575684</t>
  </si>
  <si>
    <t>485.26287841796875</t>
  </si>
  <si>
    <t>0.04920790167289546</t>
  </si>
  <si>
    <t>38782</t>
  </si>
  <si>
    <t>11.299540519714355</t>
  </si>
  <si>
    <t>585.581787109375</t>
  </si>
  <si>
    <t>0.006026062124769638</t>
  </si>
  <si>
    <t>11.123970031738281</t>
  </si>
  <si>
    <t>615.5914916992188</t>
  </si>
  <si>
    <t>0.0005671126386097569</t>
  </si>
  <si>
    <t>37979</t>
  </si>
  <si>
    <t>11.951943397521973</t>
  </si>
  <si>
    <t>727.3513793945312</t>
  </si>
  <si>
    <t>-0.0214899587087114</t>
  </si>
  <si>
    <t>36147</t>
  </si>
  <si>
    <t>11.684134483337402</t>
  </si>
  <si>
    <t>576.248046875</t>
  </si>
  <si>
    <t>-0.049439417781076855</t>
  </si>
  <si>
    <t>35837</t>
  </si>
  <si>
    <t>10.967808723449707</t>
  </si>
  <si>
    <t>789.724853515625</t>
  </si>
  <si>
    <t>-0.008613078363151061</t>
  </si>
  <si>
    <t>36237</t>
  </si>
  <si>
    <t>11.9779691696167</t>
  </si>
  <si>
    <t>701.5263671875</t>
  </si>
  <si>
    <t>0.01109981704515306</t>
  </si>
  <si>
    <t>36670</t>
  </si>
  <si>
    <t>11.913586616516113</t>
  </si>
  <si>
    <t>629.7950439453125</t>
  </si>
  <si>
    <t>0.011878285791983245</t>
  </si>
  <si>
    <t>37296</t>
  </si>
  <si>
    <t>12.231507301330566</t>
  </si>
  <si>
    <t>617.6801147460938</t>
  </si>
  <si>
    <t>0.016927100210168078</t>
  </si>
  <si>
    <t>35852</t>
  </si>
  <si>
    <t>11.775230407714844</t>
  </si>
  <si>
    <t>748.7594604492188</t>
  </si>
  <si>
    <t>-0.03948672879828585</t>
  </si>
  <si>
    <t>37186</t>
  </si>
  <si>
    <t>10.945777893066406</t>
  </si>
  <si>
    <t>588.3051147460938</t>
  </si>
  <si>
    <t>0.03653299286275491</t>
  </si>
  <si>
    <t>38580</t>
  </si>
  <si>
    <t>12.328309059143066</t>
  </si>
  <si>
    <t>562.6296997070312</t>
  </si>
  <si>
    <t>0.03680166111971239</t>
  </si>
  <si>
    <t>232</t>
  </si>
  <si>
    <t>29665</t>
  </si>
  <si>
    <t>6.533334255218506</t>
  </si>
  <si>
    <t>1158.5999755859375</t>
  </si>
  <si>
    <t>21.575483322143555</t>
  </si>
  <si>
    <t>ÔøΩstliche Obersteiermark</t>
  </si>
  <si>
    <t>30402</t>
  </si>
  <si>
    <t>5.391666889190674</t>
  </si>
  <si>
    <t>1177.699951171875</t>
  </si>
  <si>
    <t>0.024540496011221435</t>
  </si>
  <si>
    <t>30720</t>
  </si>
  <si>
    <t>6.641666889190674</t>
  </si>
  <si>
    <t>0.010405512557642993</t>
  </si>
  <si>
    <t>30648</t>
  </si>
  <si>
    <t>5.900001049041748</t>
  </si>
  <si>
    <t>1055.4000244140625</t>
  </si>
  <si>
    <t>-0.0023465008811225374</t>
  </si>
  <si>
    <t>31285</t>
  </si>
  <si>
    <t>6.808332920074463</t>
  </si>
  <si>
    <t>1128.0</t>
  </si>
  <si>
    <t>0.020571342051978192</t>
  </si>
  <si>
    <t>32091</t>
  </si>
  <si>
    <t>5.775001049041748</t>
  </si>
  <si>
    <t>1116.199951171875</t>
  </si>
  <si>
    <t>0.02543686754177621</t>
  </si>
  <si>
    <t>32800</t>
  </si>
  <si>
    <t>4.375</t>
  </si>
  <si>
    <t>1200.400146484375</t>
  </si>
  <si>
    <t>0.02185289839799509</t>
  </si>
  <si>
    <t>33448</t>
  </si>
  <si>
    <t>6.108333110809326</t>
  </si>
  <si>
    <t>1059.800048828125</t>
  </si>
  <si>
    <t>0.019563478664165856</t>
  </si>
  <si>
    <t>34608</t>
  </si>
  <si>
    <t>6.250000476837158</t>
  </si>
  <si>
    <t>1157.60009765625</t>
  </si>
  <si>
    <t>0.034092875156439106</t>
  </si>
  <si>
    <t>35768</t>
  </si>
  <si>
    <t>6.283334255218506</t>
  </si>
  <si>
    <t>1196.099853515625</t>
  </si>
  <si>
    <t>0.032968769720977065</t>
  </si>
  <si>
    <t>36887</t>
  </si>
  <si>
    <t>7.208333969116211</t>
  </si>
  <si>
    <t>0.03080554651829992</t>
  </si>
  <si>
    <t>38829</t>
  </si>
  <si>
    <t>6.108334064483643</t>
  </si>
  <si>
    <t>865.2000732421875</t>
  </si>
  <si>
    <t>0.051308204678431224</t>
  </si>
  <si>
    <t>1178.9000244140625</t>
  </si>
  <si>
    <t>-0.02081836356420297</t>
  </si>
  <si>
    <t>6.349999904632568</t>
  </si>
  <si>
    <t>834.8001708984375</t>
  </si>
  <si>
    <t>-0.00047343504303576367</t>
  </si>
  <si>
    <t>38987</t>
  </si>
  <si>
    <t>6.241666793823242</t>
  </si>
  <si>
    <t>1117.5999755859375</t>
  </si>
  <si>
    <t>0.02535266570723671</t>
  </si>
  <si>
    <t>42696</t>
  </si>
  <si>
    <t>5.441666126251221</t>
  </si>
  <si>
    <t>1217.0</t>
  </si>
  <si>
    <t>0.090876981803234</t>
  </si>
  <si>
    <t>44949</t>
  </si>
  <si>
    <t>7.041666507720947</t>
  </si>
  <si>
    <t>1087.9000244140625</t>
  </si>
  <si>
    <t>0.05142327469747343</t>
  </si>
  <si>
    <t>47932</t>
  </si>
  <si>
    <t>6.983333587646484</t>
  </si>
  <si>
    <t>1055.10009765625</t>
  </si>
  <si>
    <t>0.06425482609115285</t>
  </si>
  <si>
    <t>47482</t>
  </si>
  <si>
    <t>1235.0</t>
  </si>
  <si>
    <t>-0.00943264796679344</t>
  </si>
  <si>
    <t>44636</t>
  </si>
  <si>
    <t>6.516666889190674</t>
  </si>
  <si>
    <t>1293.3001708984375</t>
  </si>
  <si>
    <t>-0.061809983530022095</t>
  </si>
  <si>
    <t>44356</t>
  </si>
  <si>
    <t>1159.5</t>
  </si>
  <si>
    <t>-0.0062927212324837</t>
  </si>
  <si>
    <t>46905</t>
  </si>
  <si>
    <t>6.941667079925537</t>
  </si>
  <si>
    <t>910.39990234375</t>
  </si>
  <si>
    <t>0.05587629248694448</t>
  </si>
  <si>
    <t>47950</t>
  </si>
  <si>
    <t>6.525000095367432</t>
  </si>
  <si>
    <t>1188.0001220703125</t>
  </si>
  <si>
    <t>0.02203452175153231</t>
  </si>
  <si>
    <t>47145</t>
  </si>
  <si>
    <t>6.299999713897705</t>
  </si>
  <si>
    <t>1227.0999755859375</t>
  </si>
  <si>
    <t>-0.016930842411806424</t>
  </si>
  <si>
    <t>48445</t>
  </si>
  <si>
    <t>1439.5999755859375</t>
  </si>
  <si>
    <t>0.02720117491932683</t>
  </si>
  <si>
    <t>48950</t>
  </si>
  <si>
    <t>7.333333969116211</t>
  </si>
  <si>
    <t>1186.900146484375</t>
  </si>
  <si>
    <t>0.010370235139552264</t>
  </si>
  <si>
    <t>47331</t>
  </si>
  <si>
    <t>6.625</t>
  </si>
  <si>
    <t>1391.9000244140625</t>
  </si>
  <si>
    <t>-0.03363389703309316</t>
  </si>
  <si>
    <t>49620</t>
  </si>
  <si>
    <t>7.525001525878906</t>
  </si>
  <si>
    <t>1238.900146484375</t>
  </si>
  <si>
    <t>0.0472285063202289</t>
  </si>
  <si>
    <t>49294</t>
  </si>
  <si>
    <t>7.616666793823242</t>
  </si>
  <si>
    <t>1162.2999267578125</t>
  </si>
  <si>
    <t>-0.006591608475481792</t>
  </si>
  <si>
    <t>50473</t>
  </si>
  <si>
    <t>1279.5</t>
  </si>
  <si>
    <t>0.023636170049664784</t>
  </si>
  <si>
    <t>44410</t>
  </si>
  <si>
    <t>1458.89990234375</t>
  </si>
  <si>
    <t>-0.12797387053382714</t>
  </si>
  <si>
    <t>46064</t>
  </si>
  <si>
    <t>6.558332920074463</t>
  </si>
  <si>
    <t>1043.2000732421875</t>
  </si>
  <si>
    <t>0.036567064565808494</t>
  </si>
  <si>
    <t>47790</t>
  </si>
  <si>
    <t>7.750000476837158</t>
  </si>
  <si>
    <t>1025.10009765625</t>
  </si>
  <si>
    <t>0.036784678720247044</t>
  </si>
  <si>
    <t>233</t>
  </si>
  <si>
    <t>AZE</t>
  </si>
  <si>
    <t>19994</t>
  </si>
  <si>
    <t>14.952364921569824</t>
  </si>
  <si>
    <t>242.898681640625</t>
  </si>
  <si>
    <t>1644.0799560546875</t>
  </si>
  <si>
    <t>Absheron</t>
  </si>
  <si>
    <t>Azerbaijan</t>
  </si>
  <si>
    <t>19675</t>
  </si>
  <si>
    <t>14.674346923828125</t>
  </si>
  <si>
    <t>246.48341369628906</t>
  </si>
  <si>
    <t>-0.016083434241521033</t>
  </si>
  <si>
    <t>13.884517669677734</t>
  </si>
  <si>
    <t>255.4431915283203</t>
  </si>
  <si>
    <t>-0.2671073885827884</t>
  </si>
  <si>
    <t>13.746281623840332</t>
  </si>
  <si>
    <t>266.16278076171875</t>
  </si>
  <si>
    <t>-0.27372779550238846</t>
  </si>
  <si>
    <t>9112</t>
  </si>
  <si>
    <t>14.209004402160645</t>
  </si>
  <si>
    <t>322.8058166503906</t>
  </si>
  <si>
    <t>-0.22892138407340923</t>
  </si>
  <si>
    <t>7976</t>
  </si>
  <si>
    <t>15.467644691467285</t>
  </si>
  <si>
    <t>248.84280395507812</t>
  </si>
  <si>
    <t>-0.13315519348534366</t>
  </si>
  <si>
    <t>8008</t>
  </si>
  <si>
    <t>14.936393737792969</t>
  </si>
  <si>
    <t>240.96780395507812</t>
  </si>
  <si>
    <t>0.0040040093533821874</t>
  </si>
  <si>
    <t>8401</t>
  </si>
  <si>
    <t>14.839766502380371</t>
  </si>
  <si>
    <t>212.8324737548828</t>
  </si>
  <si>
    <t>0.04790970436978981</t>
  </si>
  <si>
    <t>15.578204154968262</t>
  </si>
  <si>
    <t>172.2625274658203</t>
  </si>
  <si>
    <t>0.0870411349089597</t>
  </si>
  <si>
    <t>9769</t>
  </si>
  <si>
    <t>15.624691009521484</t>
  </si>
  <si>
    <t>231.53189086914062</t>
  </si>
  <si>
    <t>0.06382222537913584</t>
  </si>
  <si>
    <t>10777</t>
  </si>
  <si>
    <t>15.451876640319824</t>
  </si>
  <si>
    <t>273.97576904296875</t>
  </si>
  <si>
    <t>0.09820012694389035</t>
  </si>
  <si>
    <t>11786</t>
  </si>
  <si>
    <t>15.720419883728027</t>
  </si>
  <si>
    <t>222.9795379638672</t>
  </si>
  <si>
    <t>0.08949815280102591</t>
  </si>
  <si>
    <t>12839</t>
  </si>
  <si>
    <t>15.278755187988281</t>
  </si>
  <si>
    <t>259.443115234375</t>
  </si>
  <si>
    <t>0.08557502719322585</t>
  </si>
  <si>
    <t>14081</t>
  </si>
  <si>
    <t>14.621013641357422</t>
  </si>
  <si>
    <t>307.165771484375</t>
  </si>
  <si>
    <t>0.09233895732622699</t>
  </si>
  <si>
    <t>15673</t>
  </si>
  <si>
    <t>15.567708015441895</t>
  </si>
  <si>
    <t>339.18511962890625</t>
  </si>
  <si>
    <t>0.10711311573675708</t>
  </si>
  <si>
    <t>20889</t>
  </si>
  <si>
    <t>15.2197265625</t>
  </si>
  <si>
    <t>255.2915802001953</t>
  </si>
  <si>
    <t>0.2872832179565883</t>
  </si>
  <si>
    <t>28609</t>
  </si>
  <si>
    <t>15.79468822479248</t>
  </si>
  <si>
    <t>248.5747833251953</t>
  </si>
  <si>
    <t>0.3144986490089341</t>
  </si>
  <si>
    <t>35887</t>
  </si>
  <si>
    <t>14.876144409179688</t>
  </si>
  <si>
    <t>283.5379638671875</t>
  </si>
  <si>
    <t>0.2266537592849467</t>
  </si>
  <si>
    <t>38425</t>
  </si>
  <si>
    <t>15.652552604675293</t>
  </si>
  <si>
    <t>201.14935302734375</t>
  </si>
  <si>
    <t>0.06833317650225901</t>
  </si>
  <si>
    <t>38667</t>
  </si>
  <si>
    <t>15.572997093200684</t>
  </si>
  <si>
    <t>234.7314910888672</t>
  </si>
  <si>
    <t>0.006278233666092703</t>
  </si>
  <si>
    <t>40597</t>
  </si>
  <si>
    <t>16.42546272277832</t>
  </si>
  <si>
    <t>224.71636962890625</t>
  </si>
  <si>
    <t>0.04870764916119796</t>
  </si>
  <si>
    <t>39505</t>
  </si>
  <si>
    <t>14.642645835876465</t>
  </si>
  <si>
    <t>304.6936950683594</t>
  </si>
  <si>
    <t>-0.027266926077253117</t>
  </si>
  <si>
    <t>38817</t>
  </si>
  <si>
    <t>15.741951942443848</t>
  </si>
  <si>
    <t>220.68919372558594</t>
  </si>
  <si>
    <t>-0.017568951172771463</t>
  </si>
  <si>
    <t>40019</t>
  </si>
  <si>
    <t>15.736598014831543</t>
  </si>
  <si>
    <t>210.87672424316406</t>
  </si>
  <si>
    <t>0.03049604633522307</t>
  </si>
  <si>
    <t>40839</t>
  </si>
  <si>
    <t>15.435943603515625</t>
  </si>
  <si>
    <t>191.97052001953125</t>
  </si>
  <si>
    <t>0.020283165861297192</t>
  </si>
  <si>
    <t>39331</t>
  </si>
  <si>
    <t>15.87789535522461</t>
  </si>
  <si>
    <t>250.85658264160156</t>
  </si>
  <si>
    <t>-0.03762449519441091</t>
  </si>
  <si>
    <t>38557</t>
  </si>
  <si>
    <t>15.3709077835083</t>
  </si>
  <si>
    <t>272.6674499511719</t>
  </si>
  <si>
    <t>-0.01987534611820685</t>
  </si>
  <si>
    <t>37965</t>
  </si>
  <si>
    <t>15.602814674377441</t>
  </si>
  <si>
    <t>217.5944061279297</t>
  </si>
  <si>
    <t>-0.015472983220631065</t>
  </si>
  <si>
    <t>38963</t>
  </si>
  <si>
    <t>16.132781982421875</t>
  </si>
  <si>
    <t>220.27113342285156</t>
  </si>
  <si>
    <t>0.02594779519801982</t>
  </si>
  <si>
    <t>15.997014045715332</t>
  </si>
  <si>
    <t>168.56854248046875</t>
  </si>
  <si>
    <t>-0.008583301185026926</t>
  </si>
  <si>
    <t>35245</t>
  </si>
  <si>
    <t>15.5444917678833</t>
  </si>
  <si>
    <t>214.79544067382812</t>
  </si>
  <si>
    <t>-0.0917055014523509</t>
  </si>
  <si>
    <t>39128</t>
  </si>
  <si>
    <t>16.173133850097656</t>
  </si>
  <si>
    <t>243.11465454101562</t>
  </si>
  <si>
    <t>0.10451464801121801</t>
  </si>
  <si>
    <t>40734</t>
  </si>
  <si>
    <t>15.920060157775879</t>
  </si>
  <si>
    <t>220.04518127441406</t>
  </si>
  <si>
    <t>0.040224801310507985</t>
  </si>
  <si>
    <t>234</t>
  </si>
  <si>
    <t>3969</t>
  </si>
  <si>
    <t>15.393258094787598</t>
  </si>
  <si>
    <t>381.0776062011719</t>
  </si>
  <si>
    <t>846.6924438476562</t>
  </si>
  <si>
    <t>Aran</t>
  </si>
  <si>
    <t>14.976229667663574</t>
  </si>
  <si>
    <t>386.2215576171875</t>
  </si>
  <si>
    <t>-0.016000341346440905</t>
  </si>
  <si>
    <t>2990</t>
  </si>
  <si>
    <t>14.02971363067627</t>
  </si>
  <si>
    <t>461.9757385253906</t>
  </si>
  <si>
    <t>-0.2672404450518915</t>
  </si>
  <si>
    <t>14.213923454284668</t>
  </si>
  <si>
    <t>416.8358459472656</t>
  </si>
  <si>
    <t>-0.27373299207425106</t>
  </si>
  <si>
    <t>14.879878044128418</t>
  </si>
  <si>
    <t>486.6125793457031</t>
  </si>
  <si>
    <t>-0.22876618891518685</t>
  </si>
  <si>
    <t>1583</t>
  </si>
  <si>
    <t>15.620779991149902</t>
  </si>
  <si>
    <t>361.23992919921875</t>
  </si>
  <si>
    <t>-0.1334524255142826</t>
  </si>
  <si>
    <t>1590</t>
  </si>
  <si>
    <t>15.584235191345215</t>
  </si>
  <si>
    <t>363.8916931152344</t>
  </si>
  <si>
    <t>0.00441223533326518</t>
  </si>
  <si>
    <t>1668</t>
  </si>
  <si>
    <t>15.062506675720215</t>
  </si>
  <si>
    <t>374.9315490722656</t>
  </si>
  <si>
    <t>0.047891287704414864</t>
  </si>
  <si>
    <t>16.37320327758789</t>
  </si>
  <si>
    <t>323.0858459472656</t>
  </si>
  <si>
    <t>0.08721119715214876</t>
  </si>
  <si>
    <t>16.03099250793457</t>
  </si>
  <si>
    <t>398.34283447265625</t>
  </si>
  <si>
    <t>0.06333587517181094</t>
  </si>
  <si>
    <t>15.849169731140137</t>
  </si>
  <si>
    <t>397.3395690917969</t>
  </si>
  <si>
    <t>0.09863345277324509</t>
  </si>
  <si>
    <t>2340</t>
  </si>
  <si>
    <t>16.27779197692871</t>
  </si>
  <si>
    <t>383.9291076660156</t>
  </si>
  <si>
    <t>0.08934510033584964</t>
  </si>
  <si>
    <t>2549</t>
  </si>
  <si>
    <t>15.657206535339355</t>
  </si>
  <si>
    <t>425.13043212890625</t>
  </si>
  <si>
    <t>0.08555019602436875</t>
  </si>
  <si>
    <t>2796</t>
  </si>
  <si>
    <t>15.330435752868652</t>
  </si>
  <si>
    <t>506.9780578613281</t>
  </si>
  <si>
    <t>0.09248869897758549</t>
  </si>
  <si>
    <t>15.746472358703613</t>
  </si>
  <si>
    <t>494.3680419921875</t>
  </si>
  <si>
    <t>-0.015861904300466634</t>
  </si>
  <si>
    <t>2840</t>
  </si>
  <si>
    <t>15.706191062927246</t>
  </si>
  <si>
    <t>450.13592529296875</t>
  </si>
  <si>
    <t>0.03147613210201783</t>
  </si>
  <si>
    <t>16.13542366027832</t>
  </si>
  <si>
    <t>413.4082336425781</t>
  </si>
  <si>
    <t>0.20380278917288308</t>
  </si>
  <si>
    <t>3949</t>
  </si>
  <si>
    <t>15.167186737060547</t>
  </si>
  <si>
    <t>461.38079833984375</t>
  </si>
  <si>
    <t>0.12585554095851492</t>
  </si>
  <si>
    <t>4188</t>
  </si>
  <si>
    <t>15.955672264099121</t>
  </si>
  <si>
    <t>342.6567077636719</t>
  </si>
  <si>
    <t>0.05876091070377676</t>
  </si>
  <si>
    <t>5317</t>
  </si>
  <si>
    <t>16.036508560180664</t>
  </si>
  <si>
    <t>424.7514953613281</t>
  </si>
  <si>
    <t>0.23868594151391243</t>
  </si>
  <si>
    <t>5019</t>
  </si>
  <si>
    <t>16.939586639404297</t>
  </si>
  <si>
    <t>447.84747314453125</t>
  </si>
  <si>
    <t>-0.05767852384940575</t>
  </si>
  <si>
    <t>5165</t>
  </si>
  <si>
    <t>15.133040428161621</t>
  </si>
  <si>
    <t>500.6700744628906</t>
  </si>
  <si>
    <t>0.028674391898805496</t>
  </si>
  <si>
    <t>5547</t>
  </si>
  <si>
    <t>16.306930541992188</t>
  </si>
  <si>
    <t>407.3365783691406</t>
  </si>
  <si>
    <t>0.07135213850149569</t>
  </si>
  <si>
    <t>6164</t>
  </si>
  <si>
    <t>15.934608459472656</t>
  </si>
  <si>
    <t>398.85430908203125</t>
  </si>
  <si>
    <t>0.10546867638477231</t>
  </si>
  <si>
    <t>6374</t>
  </si>
  <si>
    <t>16.332225799560547</t>
  </si>
  <si>
    <t>371.8666076660156</t>
  </si>
  <si>
    <t>0.03350129853727424</t>
  </si>
  <si>
    <t>6766</t>
  </si>
  <si>
    <t>16.388517379760742</t>
  </si>
  <si>
    <t>473.0550231933594</t>
  </si>
  <si>
    <t>0.05968285436337162</t>
  </si>
  <si>
    <t>5802</t>
  </si>
  <si>
    <t>15.631255149841309</t>
  </si>
  <si>
    <t>471.2561340332031</t>
  </si>
  <si>
    <t>-0.15370738465930422</t>
  </si>
  <si>
    <t>6001</t>
  </si>
  <si>
    <t>16.261789321899414</t>
  </si>
  <si>
    <t>376.93292236328125</t>
  </si>
  <si>
    <t>0.03372343630816488</t>
  </si>
  <si>
    <t>16.970069885253906</t>
  </si>
  <si>
    <t>393.6230163574219</t>
  </si>
  <si>
    <t>-0.035966556910508984</t>
  </si>
  <si>
    <t>6282</t>
  </si>
  <si>
    <t>16.392200469970703</t>
  </si>
  <si>
    <t>323.6939697265625</t>
  </si>
  <si>
    <t>0.0817288360195878</t>
  </si>
  <si>
    <t>6177</t>
  </si>
  <si>
    <t>16.069881439208984</t>
  </si>
  <si>
    <t>393.1450500488281</t>
  </si>
  <si>
    <t>-0.016855684402694138</t>
  </si>
  <si>
    <t>5452</t>
  </si>
  <si>
    <t>16.720407485961914</t>
  </si>
  <si>
    <t>425.1379089355469</t>
  </si>
  <si>
    <t>-0.12485020287947535</t>
  </si>
  <si>
    <t>5675</t>
  </si>
  <si>
    <t>16.611148834228516</t>
  </si>
  <si>
    <t>370.6173095703125</t>
  </si>
  <si>
    <t>0.040088049533180126</t>
  </si>
  <si>
    <t>235</t>
  </si>
  <si>
    <t>2417</t>
  </si>
  <si>
    <t>10.810099601745605</t>
  </si>
  <si>
    <t>578.3670654296875</t>
  </si>
  <si>
    <t>83.0159912109375</t>
  </si>
  <si>
    <t>Daglig-Shirvan</t>
  </si>
  <si>
    <t>2378</t>
  </si>
  <si>
    <t>10.539496421813965</t>
  </si>
  <si>
    <t>508.1964111328125</t>
  </si>
  <si>
    <t>-0.016267303452756288</t>
  </si>
  <si>
    <t>1821</t>
  </si>
  <si>
    <t>9.66403579711914</t>
  </si>
  <si>
    <t>618.6406860351562</t>
  </si>
  <si>
    <t>-0.2668739975231187</t>
  </si>
  <si>
    <t>9.351766586303711</t>
  </si>
  <si>
    <t>516.5589599609375</t>
  </si>
  <si>
    <t>-0.2736856611061693</t>
  </si>
  <si>
    <t>1102</t>
  </si>
  <si>
    <t>9.597830772399902</t>
  </si>
  <si>
    <t>667.3189086914062</t>
  </si>
  <si>
    <t>-0.22857342890857968</t>
  </si>
  <si>
    <t>964</t>
  </si>
  <si>
    <t>11.234638214111328</t>
  </si>
  <si>
    <t>493.9859619140625</t>
  </si>
  <si>
    <t>-0.13379069510231378</t>
  </si>
  <si>
    <t>968</t>
  </si>
  <si>
    <t>10.506163597106934</t>
  </si>
  <si>
    <t>505.7240905761719</t>
  </si>
  <si>
    <t>0.004140792666031068</t>
  </si>
  <si>
    <t>1016</t>
  </si>
  <si>
    <t>10.343432426452637</t>
  </si>
  <si>
    <t>529.7012939453125</t>
  </si>
  <si>
    <t>0.048396540861850745</t>
  </si>
  <si>
    <t>1108</t>
  </si>
  <si>
    <t>11.297829627990723</t>
  </si>
  <si>
    <t>475.22705078125</t>
  </si>
  <si>
    <t>0.08668323916880194</t>
  </si>
  <si>
    <t>1181</t>
  </si>
  <si>
    <t>11.285099983215332</t>
  </si>
  <si>
    <t>550.5958251953125</t>
  </si>
  <si>
    <t>0.06380494889013288</t>
  </si>
  <si>
    <t>1303</t>
  </si>
  <si>
    <t>11.201305389404297</t>
  </si>
  <si>
    <t>480.2560119628906</t>
  </si>
  <si>
    <t>0.09830776092748295</t>
  </si>
  <si>
    <t>11.396907806396484</t>
  </si>
  <si>
    <t>507.490234375</t>
  </si>
  <si>
    <t>0.08950251557790612</t>
  </si>
  <si>
    <t>10.864035606384277</t>
  </si>
  <si>
    <t>593.8004150390625</t>
  </si>
  <si>
    <t>0.08537260804041313</t>
  </si>
  <si>
    <t>10.29389476776123</t>
  </si>
  <si>
    <t>622.4713745117188</t>
  </si>
  <si>
    <t>0.09225960839015546</t>
  </si>
  <si>
    <t>1799</t>
  </si>
  <si>
    <t>11.468894958496094</t>
  </si>
  <si>
    <t>654.5963745117188</t>
  </si>
  <si>
    <t>0.055426924817213674</t>
  </si>
  <si>
    <t>2079</t>
  </si>
  <si>
    <t>10.922829627990723</t>
  </si>
  <si>
    <t>629.598388671875</t>
  </si>
  <si>
    <t>0.1446560539074797</t>
  </si>
  <si>
    <t>11.676766395568848</t>
  </si>
  <si>
    <t>553.7759399414062</t>
  </si>
  <si>
    <t>0.05018638087847105</t>
  </si>
  <si>
    <t>2706</t>
  </si>
  <si>
    <t>10.664497375488281</t>
  </si>
  <si>
    <t>636.6593627929688</t>
  </si>
  <si>
    <t>0.21339813999424884</t>
  </si>
  <si>
    <t>3187</t>
  </si>
  <si>
    <t>11.072830200195312</t>
  </si>
  <si>
    <t>474.22314453125</t>
  </si>
  <si>
    <t>0.1636085056866028</t>
  </si>
  <si>
    <t>11.048291206359863</t>
  </si>
  <si>
    <t>627.7528076171875</t>
  </si>
  <si>
    <t>0.3942107163759001</t>
  </si>
  <si>
    <t>4418</t>
  </si>
  <si>
    <t>12.247368812561035</t>
  </si>
  <si>
    <t>677.5586547851562</t>
  </si>
  <si>
    <t>-0.06760364681317377</t>
  </si>
  <si>
    <t>3782</t>
  </si>
  <si>
    <t>10.27329158782959</t>
  </si>
  <si>
    <t>588.7140502929688</t>
  </si>
  <si>
    <t>-0.15543413476165924</t>
  </si>
  <si>
    <t>4090</t>
  </si>
  <si>
    <t>11.49343204498291</t>
  </si>
  <si>
    <t>571.9320068359375</t>
  </si>
  <si>
    <t>0.07829199981844503</t>
  </si>
  <si>
    <t>4345</t>
  </si>
  <si>
    <t>11.54343318939209</t>
  </si>
  <si>
    <t>550.5072631835938</t>
  </si>
  <si>
    <t>0.06048078866264461</t>
  </si>
  <si>
    <t>11.318894386291504</t>
  </si>
  <si>
    <t>534.1710815429688</t>
  </si>
  <si>
    <t>0.01666134628056959</t>
  </si>
  <si>
    <t>11.710099220275879</t>
  </si>
  <si>
    <t>666.6939086914062</t>
  </si>
  <si>
    <t>0.12475030776925955</t>
  </si>
  <si>
    <t>4627</t>
  </si>
  <si>
    <t>11.335101127624512</t>
  </si>
  <si>
    <t>732.4638671875</t>
  </si>
  <si>
    <t>-0.07852870284232161</t>
  </si>
  <si>
    <t>4697</t>
  </si>
  <si>
    <t>11.535561561584473</t>
  </si>
  <si>
    <t>499.13250732421875</t>
  </si>
  <si>
    <t>0.015015297119994386</t>
  </si>
  <si>
    <t>4705</t>
  </si>
  <si>
    <t>11.94875431060791</t>
  </si>
  <si>
    <t>560.054443359375</t>
  </si>
  <si>
    <t>0.0017017659924860595</t>
  </si>
  <si>
    <t>5343</t>
  </si>
  <si>
    <t>12.114498138427734</t>
  </si>
  <si>
    <t>411.3087463378906</t>
  </si>
  <si>
    <t>0.12716151993829072</t>
  </si>
  <si>
    <t>4753</t>
  </si>
  <si>
    <t>11.872368812561035</t>
  </si>
  <si>
    <t>561.5299682617188</t>
  </si>
  <si>
    <t>-0.11701129534376165</t>
  </si>
  <si>
    <t>4281</t>
  </si>
  <si>
    <t>12.105240821838379</t>
  </si>
  <si>
    <t>587.9528198242188</t>
  </si>
  <si>
    <t>-0.10458937046906414</t>
  </si>
  <si>
    <t>4457</t>
  </si>
  <si>
    <t>12.022369384765625</t>
  </si>
  <si>
    <t>587.6149291992188</t>
  </si>
  <si>
    <t>0.04028926680160971</t>
  </si>
  <si>
    <t>236</t>
  </si>
  <si>
    <t>13.148713111877441</t>
  </si>
  <si>
    <t>399.2477111816406</t>
  </si>
  <si>
    <t>451.3765563964844</t>
  </si>
  <si>
    <t>Ganja-Qazakh</t>
  </si>
  <si>
    <t>12.787020683288574</t>
  </si>
  <si>
    <t>377.14990234375</t>
  </si>
  <si>
    <t>-0.01608426282955122</t>
  </si>
  <si>
    <t>11.601776123046875</t>
  </si>
  <si>
    <t>484.9931335449219</t>
  </si>
  <si>
    <t>-0.26709875375502534</t>
  </si>
  <si>
    <t>12.285124778747559</t>
  </si>
  <si>
    <t>414.65106201171875</t>
  </si>
  <si>
    <t>-0.2736617269729029</t>
  </si>
  <si>
    <t>12.97708797454834</t>
  </si>
  <si>
    <t>485.39483642578125</t>
  </si>
  <si>
    <t>-0.2289107550363676</t>
  </si>
  <si>
    <t>1150</t>
  </si>
  <si>
    <t>13.379779815673828</t>
  </si>
  <si>
    <t>376.3778076171875</t>
  </si>
  <si>
    <t>-0.1333139776872594</t>
  </si>
  <si>
    <t>1155</t>
  </si>
  <si>
    <t>13.626885414123535</t>
  </si>
  <si>
    <t>379.2770080566406</t>
  </si>
  <si>
    <t>0.004338401598597663</t>
  </si>
  <si>
    <t>1211</t>
  </si>
  <si>
    <t>12.669888496398926</t>
  </si>
  <si>
    <t>442.7685546875</t>
  </si>
  <si>
    <t>0.047346120597198116</t>
  </si>
  <si>
    <t>1322</t>
  </si>
  <si>
    <t>14.263825416564941</t>
  </si>
  <si>
    <t>354.68231201171875</t>
  </si>
  <si>
    <t>0.0876992768585394</t>
  </si>
  <si>
    <t>1409</t>
  </si>
  <si>
    <t>13.925658226013184</t>
  </si>
  <si>
    <t>403.8411865234375</t>
  </si>
  <si>
    <t>0.06373449148704857</t>
  </si>
  <si>
    <t>1554</t>
  </si>
  <si>
    <t>13.6701078414917</t>
  </si>
  <si>
    <t>322.98992919921875</t>
  </si>
  <si>
    <t>0.09795201902891293</t>
  </si>
  <si>
    <t>14.159913063049316</t>
  </si>
  <si>
    <t>397.56591796875</t>
  </si>
  <si>
    <t>0.08979599911671432</t>
  </si>
  <si>
    <t>13.38857364654541</t>
  </si>
  <si>
    <t>516.2201538085938</t>
  </si>
  <si>
    <t>0.08509778252919009</t>
  </si>
  <si>
    <t>13.316998481750488</t>
  </si>
  <si>
    <t>541.891357421875</t>
  </si>
  <si>
    <t>0.09280224900688783</t>
  </si>
  <si>
    <t>2148</t>
  </si>
  <si>
    <t>13.356389045715332</t>
  </si>
  <si>
    <t>503.87152099609375</t>
  </si>
  <si>
    <t>0.05600889404837073</t>
  </si>
  <si>
    <t>2514</t>
  </si>
  <si>
    <t>13.534095764160156</t>
  </si>
  <si>
    <t>503.14324951171875</t>
  </si>
  <si>
    <t>0.1573379335214371</t>
  </si>
  <si>
    <t>3079</t>
  </si>
  <si>
    <t>13.818965911865234</t>
  </si>
  <si>
    <t>426.5005798339844</t>
  </si>
  <si>
    <t>0.2027297587743071</t>
  </si>
  <si>
    <t>3201</t>
  </si>
  <si>
    <t>13.00390911102295</t>
  </si>
  <si>
    <t>545.3363647460938</t>
  </si>
  <si>
    <t>0.03885839204536268</t>
  </si>
  <si>
    <t>13.760894775390625</t>
  </si>
  <si>
    <t>400.76544189453125</t>
  </si>
  <si>
    <t>0.08987097287593393</t>
  </si>
  <si>
    <t>4551</t>
  </si>
  <si>
    <t>14.011631965637207</t>
  </si>
  <si>
    <t>547.7613525390625</t>
  </si>
  <si>
    <t>0.2620127551708453</t>
  </si>
  <si>
    <t>4548</t>
  </si>
  <si>
    <t>15.006606101989746</t>
  </si>
  <si>
    <t>540.3724975585938</t>
  </si>
  <si>
    <t>-0.0006594131462147601</t>
  </si>
  <si>
    <t>4440</t>
  </si>
  <si>
    <t>12.949568748474121</t>
  </si>
  <si>
    <t>511.7822265625</t>
  </si>
  <si>
    <t>-0.024033199444156494</t>
  </si>
  <si>
    <t>4827</t>
  </si>
  <si>
    <t>14.056902885437012</t>
  </si>
  <si>
    <t>434.47900390625</t>
  </si>
  <si>
    <t>0.08357078023422204</t>
  </si>
  <si>
    <t>13.872673034667969</t>
  </si>
  <si>
    <t>463.9874572753906</t>
  </si>
  <si>
    <t>0.08133269136929755</t>
  </si>
  <si>
    <t>5281</t>
  </si>
  <si>
    <t>14.474211692810059</t>
  </si>
  <si>
    <t>413.4609680175781</t>
  </si>
  <si>
    <t>0.008557625677143577</t>
  </si>
  <si>
    <t>5745</t>
  </si>
  <si>
    <t>14.205607414245605</t>
  </si>
  <si>
    <t>507.2294616699219</t>
  </si>
  <si>
    <t>0.08421443757592151</t>
  </si>
  <si>
    <t>5211</t>
  </si>
  <si>
    <t>13.703338623046875</t>
  </si>
  <si>
    <t>533.3655395507812</t>
  </si>
  <si>
    <t>-0.09755813537364055</t>
  </si>
  <si>
    <t>5369</t>
  </si>
  <si>
    <t>14.32425594329834</t>
  </si>
  <si>
    <t>398.46856689453125</t>
  </si>
  <si>
    <t>0.029869895513355615</t>
  </si>
  <si>
    <t>4914</t>
  </si>
  <si>
    <t>15.042243957519531</t>
  </si>
  <si>
    <t>423.3318176269531</t>
  </si>
  <si>
    <t>-0.08855339734144607</t>
  </si>
  <si>
    <t>5372</t>
  </si>
  <si>
    <t>14.44565200805664</t>
  </si>
  <si>
    <t>344.5596008300781</t>
  </si>
  <si>
    <t>0.08911200456200419</t>
  </si>
  <si>
    <t>6170</t>
  </si>
  <si>
    <t>14.285826683044434</t>
  </si>
  <si>
    <t>443.8461608886719</t>
  </si>
  <si>
    <t>0.1384985592563055</t>
  </si>
  <si>
    <t>5209</t>
  </si>
  <si>
    <t>14.782288551330566</t>
  </si>
  <si>
    <t>423.75408935546875</t>
  </si>
  <si>
    <t>-0.16931093915424178</t>
  </si>
  <si>
    <t>14.710944175720215</t>
  </si>
  <si>
    <t>406.0752258300781</t>
  </si>
  <si>
    <t>0.04026126909586836</t>
  </si>
  <si>
    <t>237</t>
  </si>
  <si>
    <t>1541</t>
  </si>
  <si>
    <t>9.036730766296387</t>
  </si>
  <si>
    <t>478.5982666015625</t>
  </si>
  <si>
    <t>119.29043579101562</t>
  </si>
  <si>
    <t>Kalbajar-Lachin</t>
  </si>
  <si>
    <t>8.664752006530762</t>
  </si>
  <si>
    <t>570.1564331054688</t>
  </si>
  <si>
    <t>-0.016356269117798306</t>
  </si>
  <si>
    <t>7.372735977172852</t>
  </si>
  <si>
    <t>646.0338745117188</t>
  </si>
  <si>
    <t>-0.26679358450442603</t>
  </si>
  <si>
    <t>883</t>
  </si>
  <si>
    <t>8.383540153503418</t>
  </si>
  <si>
    <t>646.5264892578125</t>
  </si>
  <si>
    <t>-0.27371178109393135</t>
  </si>
  <si>
    <t>702</t>
  </si>
  <si>
    <t>9.185308456420898</t>
  </si>
  <si>
    <t>683.9212646484375</t>
  </si>
  <si>
    <t>-0.2293917965781489</t>
  </si>
  <si>
    <t>615</t>
  </si>
  <si>
    <t>9.222200393676758</t>
  </si>
  <si>
    <t>504.28985595703125</t>
  </si>
  <si>
    <t>-0.13231113621929325</t>
  </si>
  <si>
    <t>617</t>
  </si>
  <si>
    <t>9.77343463897705</t>
  </si>
  <si>
    <t>487.0014343261719</t>
  </si>
  <si>
    <t>0.0032467560988704847</t>
  </si>
  <si>
    <t>648</t>
  </si>
  <si>
    <t>8.589750289916992</t>
  </si>
  <si>
    <t>603.084716796875</t>
  </si>
  <si>
    <t>0.04902167244688638</t>
  </si>
  <si>
    <t>706</t>
  </si>
  <si>
    <t>10.353226661682129</t>
  </si>
  <si>
    <t>461.4515075683594</t>
  </si>
  <si>
    <t>0.0857245411409675</t>
  </si>
  <si>
    <t>753</t>
  </si>
  <si>
    <t>9.98229694366455</t>
  </si>
  <si>
    <t>557.6528930664062</t>
  </si>
  <si>
    <t>0.06444999030665155</t>
  </si>
  <si>
    <t>9.60251522064209</t>
  </si>
  <si>
    <t>428.41680908203125</t>
  </si>
  <si>
    <t>0.09856456705555505</t>
  </si>
  <si>
    <t>10.231942176818848</t>
  </si>
  <si>
    <t>490.4330749511719</t>
  </si>
  <si>
    <t>0.08861458374584519</t>
  </si>
  <si>
    <t>9.447186470031738</t>
  </si>
  <si>
    <t>649.5401611328125</t>
  </si>
  <si>
    <t>0.08646056452734197</t>
  </si>
  <si>
    <t>1085</t>
  </si>
  <si>
    <t>9.453566551208496</t>
  </si>
  <si>
    <t>733.1889038085938</t>
  </si>
  <si>
    <t>0.09163032284592454</t>
  </si>
  <si>
    <t>1098</t>
  </si>
  <si>
    <t>9.192584037780762</t>
  </si>
  <si>
    <t>691.4013671875</t>
  </si>
  <si>
    <t>0.011910356094915642</t>
  </si>
  <si>
    <t>1291</t>
  </si>
  <si>
    <t>9.524849891662598</t>
  </si>
  <si>
    <t>617.003662109375</t>
  </si>
  <si>
    <t>0.1619267687771666</t>
  </si>
  <si>
    <t>1370</t>
  </si>
  <si>
    <t>9.707829475402832</t>
  </si>
  <si>
    <t>579.1529541015625</t>
  </si>
  <si>
    <t>0.059393627975528496</t>
  </si>
  <si>
    <t>8.948431015014648</t>
  </si>
  <si>
    <t>754.327880859375</t>
  </si>
  <si>
    <t>0.16823250291350522</t>
  </si>
  <si>
    <t>9.762617111206055</t>
  </si>
  <si>
    <t>559.3018798828125</t>
  </si>
  <si>
    <t>0.014697141463796193</t>
  </si>
  <si>
    <t>2036</t>
  </si>
  <si>
    <t>10.081231117248535</t>
  </si>
  <si>
    <t>696.8045043945312</t>
  </si>
  <si>
    <t>0.2132467144709409</t>
  </si>
  <si>
    <t>11.089203834533691</t>
  </si>
  <si>
    <t>662.8514404296875</t>
  </si>
  <si>
    <t>-0.0329535559383789</t>
  </si>
  <si>
    <t>1984</t>
  </si>
  <si>
    <t>8.987081527709961</t>
  </si>
  <si>
    <t>729.3564453125</t>
  </si>
  <si>
    <t>0.0070814661127833745</t>
  </si>
  <si>
    <t>9.98762035369873</t>
  </si>
  <si>
    <t>602.077392578125</t>
  </si>
  <si>
    <t>0.03126029781647155</t>
  </si>
  <si>
    <t>2368</t>
  </si>
  <si>
    <t>9.797369003295898</t>
  </si>
  <si>
    <t>572.072509765625</t>
  </si>
  <si>
    <t>0.14567041034260697</t>
  </si>
  <si>
    <t>2452</t>
  </si>
  <si>
    <t>10.587263107299805</t>
  </si>
  <si>
    <t>540.190185546875</t>
  </si>
  <si>
    <t>0.03485830105220611</t>
  </si>
  <si>
    <t>2574</t>
  </si>
  <si>
    <t>10.199673652648926</t>
  </si>
  <si>
    <t>728.60888671875</t>
  </si>
  <si>
    <t>0.04855709109996997</t>
  </si>
  <si>
    <t>2517</t>
  </si>
  <si>
    <t>9.680702209472656</t>
  </si>
  <si>
    <t>714.7339477539062</t>
  </si>
  <si>
    <t>-0.02239339302075649</t>
  </si>
  <si>
    <t>10.36173152923584</t>
  </si>
  <si>
    <t>517.9176635742188</t>
  </si>
  <si>
    <t>0.12880230996279884</t>
  </si>
  <si>
    <t>11.111377716064453</t>
  </si>
  <si>
    <t>603.2161254882812</t>
  </si>
  <si>
    <t>-0.05602901548381389</t>
  </si>
  <si>
    <t>2724</t>
  </si>
  <si>
    <t>10.350914001464844</t>
  </si>
  <si>
    <t>472.1790466308594</t>
  </si>
  <si>
    <t>0.006260377655102012</t>
  </si>
  <si>
    <t>10.176624298095703</t>
  </si>
  <si>
    <t>629.4343872070312</t>
  </si>
  <si>
    <t>0.03958775298122319</t>
  </si>
  <si>
    <t>4255</t>
  </si>
  <si>
    <t>10.876446723937988</t>
  </si>
  <si>
    <t>551.48046875</t>
  </si>
  <si>
    <t>0.40640562075684894</t>
  </si>
  <si>
    <t>4429</t>
  </si>
  <si>
    <t>10.772723197937012</t>
  </si>
  <si>
    <t>485.73565673828125</t>
  </si>
  <si>
    <t>0.04007906291572283</t>
  </si>
  <si>
    <t>238</t>
  </si>
  <si>
    <t>2158</t>
  </si>
  <si>
    <t>14.28111743927002</t>
  </si>
  <si>
    <t>741.0361938476562</t>
  </si>
  <si>
    <t>244.39352416992188</t>
  </si>
  <si>
    <t>Lankaran</t>
  </si>
  <si>
    <t>13.826741218566895</t>
  </si>
  <si>
    <t>706.338134765625</t>
  </si>
  <si>
    <t>-0.016351684114823684</t>
  </si>
  <si>
    <t>1625</t>
  </si>
  <si>
    <t>13.030097007751465</t>
  </si>
  <si>
    <t>933.6875610351562</t>
  </si>
  <si>
    <t>-0.26732236693941847</t>
  </si>
  <si>
    <t>12.97164249420166</t>
  </si>
  <si>
    <t>909.20361328125</t>
  </si>
  <si>
    <t>-0.27362745674620204</t>
  </si>
  <si>
    <t>983</t>
  </si>
  <si>
    <t>13.601020812988281</t>
  </si>
  <si>
    <t>833.5774536132812</t>
  </si>
  <si>
    <t>-0.22902651787046935</t>
  </si>
  <si>
    <t>861</t>
  </si>
  <si>
    <t>14.570744514465332</t>
  </si>
  <si>
    <t>609.7899169921875</t>
  </si>
  <si>
    <t>-0.1325146157194359</t>
  </si>
  <si>
    <t>864</t>
  </si>
  <si>
    <t>14.264870643615723</t>
  </si>
  <si>
    <t>680.8008422851562</t>
  </si>
  <si>
    <t>0.0034782643763247023</t>
  </si>
  <si>
    <t>907</t>
  </si>
  <si>
    <t>14.101319313049316</t>
  </si>
  <si>
    <t>764.3915405273438</t>
  </si>
  <si>
    <t>0.04856968131108097</t>
  </si>
  <si>
    <t>15.147785186767578</t>
  </si>
  <si>
    <t>721.681640625</t>
  </si>
  <si>
    <t>0.08655188150757631</t>
  </si>
  <si>
    <t>14.823803901672363</t>
  </si>
  <si>
    <t>801.861572265625</t>
  </si>
  <si>
    <t>0.06365339747859533</t>
  </si>
  <si>
    <t>14.716790199279785</t>
  </si>
  <si>
    <t>799.3653564453125</t>
  </si>
  <si>
    <t>0.09841042341735662</t>
  </si>
  <si>
    <t>1272</t>
  </si>
  <si>
    <t>15.071765899658203</t>
  </si>
  <si>
    <t>711.124267578125</t>
  </si>
  <si>
    <t>0.08958759138140326</t>
  </si>
  <si>
    <t>14.583334922790527</t>
  </si>
  <si>
    <t>666.543701171875</t>
  </si>
  <si>
    <t>0.08510967472137132</t>
  </si>
  <si>
    <t>1520</t>
  </si>
  <si>
    <t>14.076141357421875</t>
  </si>
  <si>
    <t>848.056396484375</t>
  </si>
  <si>
    <t>0.09301019521888332</t>
  </si>
  <si>
    <t>14.78537368774414</t>
  </si>
  <si>
    <t>873.328369140625</t>
  </si>
  <si>
    <t>0.02405055799367606</t>
  </si>
  <si>
    <t>14.60275936126709</t>
  </si>
  <si>
    <t>711.0719604492188</t>
  </si>
  <si>
    <t>0.10536051565782589</t>
  </si>
  <si>
    <t>2054</t>
  </si>
  <si>
    <t>15.152338981628418</t>
  </si>
  <si>
    <t>749.7815551757812</t>
  </si>
  <si>
    <t>0.17166770299667888</t>
  </si>
  <si>
    <t>2327</t>
  </si>
  <si>
    <t>14.142987251281738</t>
  </si>
  <si>
    <t>791.7174682617188</t>
  </si>
  <si>
    <t>0.12479077281378892</t>
  </si>
  <si>
    <t>14.881836891174316</t>
  </si>
  <si>
    <t>688.9354858398438</t>
  </si>
  <si>
    <t>0.005571045049454604</t>
  </si>
  <si>
    <t>14.8348970413208</t>
  </si>
  <si>
    <t>695.3886108398438</t>
  </si>
  <si>
    <t>0.261048474803971</t>
  </si>
  <si>
    <t>2931</t>
  </si>
  <si>
    <t>15.72188663482666</t>
  </si>
  <si>
    <t>672.6914672851562</t>
  </si>
  <si>
    <t>-0.03585574244482537</t>
  </si>
  <si>
    <t>2833</t>
  </si>
  <si>
    <t>14.001141548156738</t>
  </si>
  <si>
    <t>957.5479125976562</t>
  </si>
  <si>
    <t>-0.03400744088037566</t>
  </si>
  <si>
    <t>15.179497718811035</t>
  </si>
  <si>
    <t>744.7381591796875</t>
  </si>
  <si>
    <t>0.047225731966229034</t>
  </si>
  <si>
    <t>3380</t>
  </si>
  <si>
    <t>14.827937126159668</t>
  </si>
  <si>
    <t>678.358154296875</t>
  </si>
  <si>
    <t>0.12931375668031908</t>
  </si>
  <si>
    <t>3674</t>
  </si>
  <si>
    <t>14.805642127990723</t>
  </si>
  <si>
    <t>747.6296997070312</t>
  </si>
  <si>
    <t>0.08340527729800584</t>
  </si>
  <si>
    <t>4210</t>
  </si>
  <si>
    <t>15.102581977844238</t>
  </si>
  <si>
    <t>848.0175170898438</t>
  </si>
  <si>
    <t>0.1361816609013573</t>
  </si>
  <si>
    <t>3944</t>
  </si>
  <si>
    <t>14.467986106872559</t>
  </si>
  <si>
    <t>778.8876342773438</t>
  </si>
  <si>
    <t>-0.06526721095390187</t>
  </si>
  <si>
    <t>14.907856941223145</t>
  </si>
  <si>
    <t>660.623046875</t>
  </si>
  <si>
    <t>-0.05257520888849143</t>
  </si>
  <si>
    <t>15.506660461425781</t>
  </si>
  <si>
    <t>669.4528198242188</t>
  </si>
  <si>
    <t>-0.09085725471874362</t>
  </si>
  <si>
    <t>15.202759742736816</t>
  </si>
  <si>
    <t>623.8772583007812</t>
  </si>
  <si>
    <t>-0.05659048135701639</t>
  </si>
  <si>
    <t>3267</t>
  </si>
  <si>
    <t>14.789450645446777</t>
  </si>
  <si>
    <t>709.7615356445312</t>
  </si>
  <si>
    <t>0.011699640842795844</t>
  </si>
  <si>
    <t>3052</t>
  </si>
  <si>
    <t>15.380820274353027</t>
  </si>
  <si>
    <t>775.8079833984375</t>
  </si>
  <si>
    <t>-0.06807501919672276</t>
  </si>
  <si>
    <t>3178</t>
  </si>
  <si>
    <t>15.28681468963623</t>
  </si>
  <si>
    <t>652.821533203125</t>
  </si>
  <si>
    <t>0.040454954692313194</t>
  </si>
  <si>
    <t>239</t>
  </si>
  <si>
    <t>11.31704330444336</t>
  </si>
  <si>
    <t>232.06629943847656</t>
  </si>
  <si>
    <t>111.02906799316406</t>
  </si>
  <si>
    <t>Nakhchivan</t>
  </si>
  <si>
    <t>10.906265258789062</t>
  </si>
  <si>
    <t>349.0975646972656</t>
  </si>
  <si>
    <t>-0.01609692704217558</t>
  </si>
  <si>
    <t>2642</t>
  </si>
  <si>
    <t>9.506264686584473</t>
  </si>
  <si>
    <t>369.2976379394531</t>
  </si>
  <si>
    <t>-0.2671278380157327</t>
  </si>
  <si>
    <t>10.675376892089844</t>
  </si>
  <si>
    <t>427.017333984375</t>
  </si>
  <si>
    <t>-0.27389912026733576</t>
  </si>
  <si>
    <t>11.539597511291504</t>
  </si>
  <si>
    <t>429.47003173828125</t>
  </si>
  <si>
    <t>-0.22888423848871486</t>
  </si>
  <si>
    <t>1399</t>
  </si>
  <si>
    <t>11.37193775177002</t>
  </si>
  <si>
    <t>245.19793701171875</t>
  </si>
  <si>
    <t>-0.1329951516607384</t>
  </si>
  <si>
    <t>1405</t>
  </si>
  <si>
    <t>12.067044258117676</t>
  </si>
  <si>
    <t>280.858642578125</t>
  </si>
  <si>
    <t>0.004279607102364302</t>
  </si>
  <si>
    <t>1474</t>
  </si>
  <si>
    <t>10.80037784576416</t>
  </si>
  <si>
    <t>298.22186279296875</t>
  </si>
  <si>
    <t>0.04794249098143588</t>
  </si>
  <si>
    <t>12.552824974060059</t>
  </si>
  <si>
    <t>252.90167236328125</t>
  </si>
  <si>
    <t>0.08701137698963013</t>
  </si>
  <si>
    <t>1713</t>
  </si>
  <si>
    <t>12.289597511291504</t>
  </si>
  <si>
    <t>309.3556213378906</t>
  </si>
  <si>
    <t>0.0632550485852077</t>
  </si>
  <si>
    <t>1890</t>
  </si>
  <si>
    <t>11.833712577819824</t>
  </si>
  <si>
    <t>224.23670959472656</t>
  </si>
  <si>
    <t>0.09833060972956886</t>
  </si>
  <si>
    <t>12.468498229980469</t>
  </si>
  <si>
    <t>272.34912109375</t>
  </si>
  <si>
    <t>0.08952145162807934</t>
  </si>
  <si>
    <t>11.736157417297363</t>
  </si>
  <si>
    <t>346.8648986816406</t>
  </si>
  <si>
    <t>0.08572042957781356</t>
  </si>
  <si>
    <t>11.85037899017334</t>
  </si>
  <si>
    <t>401.6351318359375</t>
  </si>
  <si>
    <t>0.09239944036244108</t>
  </si>
  <si>
    <t>2940</t>
  </si>
  <si>
    <t>11.42537784576416</t>
  </si>
  <si>
    <t>358.4002685546875</t>
  </si>
  <si>
    <t>0.17419143071070486</t>
  </si>
  <si>
    <t>3609</t>
  </si>
  <si>
    <t>11.819491386413574</t>
  </si>
  <si>
    <t>315.8917541503906</t>
  </si>
  <si>
    <t>0.20502114431006202</t>
  </si>
  <si>
    <t>11.983710289001465</t>
  </si>
  <si>
    <t>298.2586364746094</t>
  </si>
  <si>
    <t>0.16466403636468563</t>
  </si>
  <si>
    <t>5107</t>
  </si>
  <si>
    <t>11.292044639587402</t>
  </si>
  <si>
    <t>380.3490905761719</t>
  </si>
  <si>
    <t>0.1825173856401694</t>
  </si>
  <si>
    <t>6114</t>
  </si>
  <si>
    <t>12.047931671142578</t>
  </si>
  <si>
    <t>266.3891296386719</t>
  </si>
  <si>
    <t>0.17996907580313604</t>
  </si>
  <si>
    <t>9937</t>
  </si>
  <si>
    <t>12.454811096191406</t>
  </si>
  <si>
    <t>326.9024353027344</t>
  </si>
  <si>
    <t>0.4856839407805822</t>
  </si>
  <si>
    <t>10586</t>
  </si>
  <si>
    <t>13.533711433410645</t>
  </si>
  <si>
    <t>364.00640869140625</t>
  </si>
  <si>
    <t>0.06326720918657003</t>
  </si>
  <si>
    <t>13205</t>
  </si>
  <si>
    <t>11.30037784576416</t>
  </si>
  <si>
    <t>368.327880859375</t>
  </si>
  <si>
    <t>0.22106317231330053</t>
  </si>
  <si>
    <t>14445</t>
  </si>
  <si>
    <t>12.201370239257812</t>
  </si>
  <si>
    <t>336.9555969238281</t>
  </si>
  <si>
    <t>0.08975278816910226</t>
  </si>
  <si>
    <t>15584</t>
  </si>
  <si>
    <t>12.0317964553833</t>
  </si>
  <si>
    <t>297.9248962402344</t>
  </si>
  <si>
    <t>0.07589641298198124</t>
  </si>
  <si>
    <t>15804</t>
  </si>
  <si>
    <t>12.829811096191406</t>
  </si>
  <si>
    <t>319.746337890625</t>
  </si>
  <si>
    <t>0.01401832564896388</t>
  </si>
  <si>
    <t>17790</t>
  </si>
  <si>
    <t>12.430731773376465</t>
  </si>
  <si>
    <t>386.4717712402344</t>
  </si>
  <si>
    <t>0.11837342912860116</t>
  </si>
  <si>
    <t>16107</t>
  </si>
  <si>
    <t>11.910163879394531</t>
  </si>
  <si>
    <t>367.3726806640625</t>
  </si>
  <si>
    <t>-0.09938254156920223</t>
  </si>
  <si>
    <t>14060</t>
  </si>
  <si>
    <t>12.59594440460205</t>
  </si>
  <si>
    <t>264.8142395019531</t>
  </si>
  <si>
    <t>-0.1359200737260231</t>
  </si>
  <si>
    <t>13105</t>
  </si>
  <si>
    <t>13.386157989501953</t>
  </si>
  <si>
    <t>359.91961669921875</t>
  </si>
  <si>
    <t>-0.07034004960715023</t>
  </si>
  <si>
    <t>13168</t>
  </si>
  <si>
    <t>12.566584587097168</t>
  </si>
  <si>
    <t>268.9645690917969</t>
  </si>
  <si>
    <t>0.0047958071593452445</t>
  </si>
  <si>
    <t>12.482718467712402</t>
  </si>
  <si>
    <t>357.65789794921875</t>
  </si>
  <si>
    <t>0.07425442037775554</t>
  </si>
  <si>
    <t>13.121939659118652</t>
  </si>
  <si>
    <t>266.37921142578125</t>
  </si>
  <si>
    <t>-0.15455029901899842</t>
  </si>
  <si>
    <t>12651</t>
  </si>
  <si>
    <t>13.038604736328125</t>
  </si>
  <si>
    <t>226.77359008789062</t>
  </si>
  <si>
    <t>0.040242498139061667</t>
  </si>
  <si>
    <t>240</t>
  </si>
  <si>
    <t>11.138825416564941</t>
  </si>
  <si>
    <t>451.1990966796875</t>
  </si>
  <si>
    <t>214.53427124023438</t>
  </si>
  <si>
    <t>Quba-Khachmaz</t>
  </si>
  <si>
    <t>3268</t>
  </si>
  <si>
    <t>10.689606666564941</t>
  </si>
  <si>
    <t>398.4315490722656</t>
  </si>
  <si>
    <t>-0.01608776539685408</t>
  </si>
  <si>
    <t>9.915452003479004</t>
  </si>
  <si>
    <t>486.9256591796875</t>
  </si>
  <si>
    <t>-0.267087764953037</t>
  </si>
  <si>
    <t>1903</t>
  </si>
  <si>
    <t>9.740218162536621</t>
  </si>
  <si>
    <t>382.9915771484375</t>
  </si>
  <si>
    <t>-0.27365882373070693</t>
  </si>
  <si>
    <t>10.306694030761719</t>
  </si>
  <si>
    <t>494.4090576171875</t>
  </si>
  <si>
    <t>-0.2286764332987552</t>
  </si>
  <si>
    <t>1325</t>
  </si>
  <si>
    <t>11.423515319824219</t>
  </si>
  <si>
    <t>389.849853515625</t>
  </si>
  <si>
    <t>-0.13334269557707135</t>
  </si>
  <si>
    <t>1330</t>
  </si>
  <si>
    <t>11.145920753479004</t>
  </si>
  <si>
    <t>386.1553649902344</t>
  </si>
  <si>
    <t>0.0037664827954770885</t>
  </si>
  <si>
    <t>1396</t>
  </si>
  <si>
    <t>10.77340316772461</t>
  </si>
  <si>
    <t>411.1950378417969</t>
  </si>
  <si>
    <t>0.04843206210651818</t>
  </si>
  <si>
    <t>11.985686302185059</t>
  </si>
  <si>
    <t>346.6705017089844</t>
  </si>
  <si>
    <t>0.08641425509931366</t>
  </si>
  <si>
    <t>11.692030906677246</t>
  </si>
  <si>
    <t>456.3653869628906</t>
  </si>
  <si>
    <t>0.06425102909295966</t>
  </si>
  <si>
    <t>1790</t>
  </si>
  <si>
    <t>11.570147514343262</t>
  </si>
  <si>
    <t>373.94805908203125</t>
  </si>
  <si>
    <t>0.09793933132020971</t>
  </si>
  <si>
    <t>11.888839721679688</t>
  </si>
  <si>
    <t>404.56585693359375</t>
  </si>
  <si>
    <t>0.08970792425565488</t>
  </si>
  <si>
    <t>11.33893871307373</t>
  </si>
  <si>
    <t>478.0462951660156</t>
  </si>
  <si>
    <t>0.08560589538089491</t>
  </si>
  <si>
    <t>2339</t>
  </si>
  <si>
    <t>10.928738594055176</t>
  </si>
  <si>
    <t>489.884521484375</t>
  </si>
  <si>
    <t>0.0921940481128285</t>
  </si>
  <si>
    <t>2306</t>
  </si>
  <si>
    <t>11.615521430969238</t>
  </si>
  <si>
    <t>508.4921875</t>
  </si>
  <si>
    <t>-0.014209065755174777</t>
  </si>
  <si>
    <t>11.38576602935791</t>
  </si>
  <si>
    <t>474.1276550292969</t>
  </si>
  <si>
    <t>0.13298918147422167</t>
  </si>
  <si>
    <t>11.839314460754395</t>
  </si>
  <si>
    <t>420.577880859375</t>
  </si>
  <si>
    <t>0.18869200944591746</t>
  </si>
  <si>
    <t>3957</t>
  </si>
  <si>
    <t>10.890949249267578</t>
  </si>
  <si>
    <t>448.01361083984375</t>
  </si>
  <si>
    <t>0.21829054963628103</t>
  </si>
  <si>
    <t>5818</t>
  </si>
  <si>
    <t>11.59030818939209</t>
  </si>
  <si>
    <t>360.4584655761719</t>
  </si>
  <si>
    <t>0.3854703976697227</t>
  </si>
  <si>
    <t>5965</t>
  </si>
  <si>
    <t>11.54144287109375</t>
  </si>
  <si>
    <t>483.4014587402344</t>
  </si>
  <si>
    <t>0.024952495476869174</t>
  </si>
  <si>
    <t>6541</t>
  </si>
  <si>
    <t>12.474235534667969</t>
  </si>
  <si>
    <t>485.24505615234375</t>
  </si>
  <si>
    <t>0.09218100342919655</t>
  </si>
  <si>
    <t>6224</t>
  </si>
  <si>
    <t>10.76183032989502</t>
  </si>
  <si>
    <t>443.57568359375</t>
  </si>
  <si>
    <t>-0.04967727210298456</t>
  </si>
  <si>
    <t>5913</t>
  </si>
  <si>
    <t>11.982396125793457</t>
  </si>
  <si>
    <t>388.5647888183594</t>
  </si>
  <si>
    <t>-0.05125947003739917</t>
  </si>
  <si>
    <t>5970</t>
  </si>
  <si>
    <t>11.631964683532715</t>
  </si>
  <si>
    <t>420.94171142578125</t>
  </si>
  <si>
    <t>0.009593610565818977</t>
  </si>
  <si>
    <t>5791</t>
  </si>
  <si>
    <t>11.86276626586914</t>
  </si>
  <si>
    <t>378.1669921875</t>
  </si>
  <si>
    <t>-0.030441939160859022</t>
  </si>
  <si>
    <t>5966</t>
  </si>
  <si>
    <t>12.074002265930176</t>
  </si>
  <si>
    <t>472.7017517089844</t>
  </si>
  <si>
    <t>0.02977169784890421</t>
  </si>
  <si>
    <t>5518</t>
  </si>
  <si>
    <t>11.343409538269043</t>
  </si>
  <si>
    <t>477.587890625</t>
  </si>
  <si>
    <t>-0.07806121029746116</t>
  </si>
  <si>
    <t>5487</t>
  </si>
  <si>
    <t>11.849345207214355</t>
  </si>
  <si>
    <t>376.96881103515625</t>
  </si>
  <si>
    <t>-0.005633817718257106</t>
  </si>
  <si>
    <t>5323</t>
  </si>
  <si>
    <t>12.5762357711792</t>
  </si>
  <si>
    <t>370.5987854003906</t>
  </si>
  <si>
    <t>-0.03034460388621696</t>
  </si>
  <si>
    <t>6446</t>
  </si>
  <si>
    <t>12.117247581481934</t>
  </si>
  <si>
    <t>268.7587890625</t>
  </si>
  <si>
    <t>0.1914227292026247</t>
  </si>
  <si>
    <t>6268</t>
  </si>
  <si>
    <t>11.784992218017578</t>
  </si>
  <si>
    <t>419.0857238769531</t>
  </si>
  <si>
    <t>-0.02800245889947206</t>
  </si>
  <si>
    <t>12.239604949951172</t>
  </si>
  <si>
    <t>442.1903991699219</t>
  </si>
  <si>
    <t>-0.1053959697359339</t>
  </si>
  <si>
    <t>12.231677055358887</t>
  </si>
  <si>
    <t>434.2476806640625</t>
  </si>
  <si>
    <t>0.04013393655437447</t>
  </si>
  <si>
    <t>241</t>
  </si>
  <si>
    <t>10.451600074768066</t>
  </si>
  <si>
    <t>632.1600952148438</t>
  </si>
  <si>
    <t>209.7220458984375</t>
  </si>
  <si>
    <t>Shaki-Zaqatala</t>
  </si>
  <si>
    <t>2278</t>
  </si>
  <si>
    <t>10.082501411437988</t>
  </si>
  <si>
    <t>569.6099853515625</t>
  </si>
  <si>
    <t>-0.015679763746494935</t>
  </si>
  <si>
    <t>1744</t>
  </si>
  <si>
    <t>8.831595420837402</t>
  </si>
  <si>
    <t>757.8114624023438</t>
  </si>
  <si>
    <t>-0.26711653953820225</t>
  </si>
  <si>
    <t>9.771933555603027</t>
  </si>
  <si>
    <t>615.6359252929688</t>
  </si>
  <si>
    <t>-0.2740144337231172</t>
  </si>
  <si>
    <t>1055</t>
  </si>
  <si>
    <t>10.571369171142578</t>
  </si>
  <si>
    <t>763.2147216796875</t>
  </si>
  <si>
    <t>-0.2286261248356407</t>
  </si>
  <si>
    <t>10.661872863769531</t>
  </si>
  <si>
    <t>573.984375</t>
  </si>
  <si>
    <t>-0.1336668114073154</t>
  </si>
  <si>
    <t>927</t>
  </si>
  <si>
    <t>11.222339630126953</t>
  </si>
  <si>
    <t>619.6282348632812</t>
  </si>
  <si>
    <t>0.004324331063003228</t>
  </si>
  <si>
    <t>973</t>
  </si>
  <si>
    <t>10.004433631896973</t>
  </si>
  <si>
    <t>660.60107421875</t>
  </si>
  <si>
    <t>0.048430516620149966</t>
  </si>
  <si>
    <t>1061</t>
  </si>
  <si>
    <t>11.742279052734375</t>
  </si>
  <si>
    <t>542.1795043945312</t>
  </si>
  <si>
    <t>0.08658305642797792</t>
  </si>
  <si>
    <t>11.379754066467285</t>
  </si>
  <si>
    <t>619.4849243164062</t>
  </si>
  <si>
    <t>0.06389033750213802</t>
  </si>
  <si>
    <t>1248</t>
  </si>
  <si>
    <t>11.020907402038574</t>
  </si>
  <si>
    <t>536.0459594726562</t>
  </si>
  <si>
    <t>0.0984400728132524</t>
  </si>
  <si>
    <t>1364</t>
  </si>
  <si>
    <t>11.614363670349121</t>
  </si>
  <si>
    <t>605.9414672851562</t>
  </si>
  <si>
    <t>0.08887928947403445</t>
  </si>
  <si>
    <t>10.74950885772705</t>
  </si>
  <si>
    <t>787.8822631835938</t>
  </si>
  <si>
    <t>0.08566638687429684</t>
  </si>
  <si>
    <t>1630</t>
  </si>
  <si>
    <t>10.806568145751953</t>
  </si>
  <si>
    <t>762.6423950195312</t>
  </si>
  <si>
    <t>0.09249206852310365</t>
  </si>
  <si>
    <t>1666</t>
  </si>
  <si>
    <t>10.569870948791504</t>
  </si>
  <si>
    <t>775.4087524414062</t>
  </si>
  <si>
    <t>0.02184552892597935</t>
  </si>
  <si>
    <t>1920</t>
  </si>
  <si>
    <t>10.927475929260254</t>
  </si>
  <si>
    <t>744.9766845703125</t>
  </si>
  <si>
    <t>0.14189964229503982</t>
  </si>
  <si>
    <t>11.138880729675293</t>
  </si>
  <si>
    <t>681.7483520507812</t>
  </si>
  <si>
    <t>0.15325742385004304</t>
  </si>
  <si>
    <t>10.29211139678955</t>
  </si>
  <si>
    <t>800.4271240234375</t>
  </si>
  <si>
    <t>0.2741865909768961</t>
  </si>
  <si>
    <t>3204</t>
  </si>
  <si>
    <t>11.153666496276855</t>
  </si>
  <si>
    <t>621.2249145507812</t>
  </si>
  <si>
    <t>0.08463082833948388</t>
  </si>
  <si>
    <t>11.502659797668457</t>
  </si>
  <si>
    <t>790.1511840820312</t>
  </si>
  <si>
    <t>0.24022528859850034</t>
  </si>
  <si>
    <t>12.45621109008789</t>
  </si>
  <si>
    <t>821.5135498046875</t>
  </si>
  <si>
    <t>-0.011107111595404007</t>
  </si>
  <si>
    <t>10.370087623596191</t>
  </si>
  <si>
    <t>750.1263427734375</t>
  </si>
  <si>
    <t>0.10028436262596685</t>
  </si>
  <si>
    <t>5774</t>
  </si>
  <si>
    <t>11.44653606414795</t>
  </si>
  <si>
    <t>665.8165893554688</t>
  </si>
  <si>
    <t>0.2595625124055676</t>
  </si>
  <si>
    <t>11.257472038269043</t>
  </si>
  <si>
    <t>753.6030883789062</t>
  </si>
  <si>
    <t>-0.04498722095173946</t>
  </si>
  <si>
    <t>4168</t>
  </si>
  <si>
    <t>12.001480102539062</t>
  </si>
  <si>
    <t>610.1122436523438</t>
  </si>
  <si>
    <t>-0.28094155583793956</t>
  </si>
  <si>
    <t>4878</t>
  </si>
  <si>
    <t>11.589378356933594</t>
  </si>
  <si>
    <t>718.4705810546875</t>
  </si>
  <si>
    <t>0.15729899534266423</t>
  </si>
  <si>
    <t>4412</t>
  </si>
  <si>
    <t>11.08102035522461</t>
  </si>
  <si>
    <t>804.4375610351562</t>
  </si>
  <si>
    <t>-0.1004071984024737</t>
  </si>
  <si>
    <t>4625</t>
  </si>
  <si>
    <t>11.777451515197754</t>
  </si>
  <si>
    <t>614.6065673828125</t>
  </si>
  <si>
    <t>0.04714826957313356</t>
  </si>
  <si>
    <t>4471</t>
  </si>
  <si>
    <t>12.521857261657715</t>
  </si>
  <si>
    <t>638.1986694335938</t>
  </si>
  <si>
    <t>-0.03386427371254541</t>
  </si>
  <si>
    <t>11.751151084899902</t>
  </si>
  <si>
    <t>518.3863525390625</t>
  </si>
  <si>
    <t>0.11701234186955745</t>
  </si>
  <si>
    <t>5585</t>
  </si>
  <si>
    <t>11.582245826721191</t>
  </si>
  <si>
    <t>664.0552978515625</t>
  </si>
  <si>
    <t>0.1054599933997622</t>
  </si>
  <si>
    <t>12.193480491638184</t>
  </si>
  <si>
    <t>700.8630981445312</t>
  </si>
  <si>
    <t>-0.2878611395128736</t>
  </si>
  <si>
    <t>4360</t>
  </si>
  <si>
    <t>12.094006538391113</t>
  </si>
  <si>
    <t>669.592529296875</t>
  </si>
  <si>
    <t>0.040248764352652344</t>
  </si>
  <si>
    <t>242</t>
  </si>
  <si>
    <t>12.38418960571289</t>
  </si>
  <si>
    <t>453.2169494628906</t>
  </si>
  <si>
    <t>218.1859130859375</t>
  </si>
  <si>
    <t>Yukhari-Karabakh</t>
  </si>
  <si>
    <t>12.156757354736328</t>
  </si>
  <si>
    <t>460.09844970703125</t>
  </si>
  <si>
    <t>-0.0160603023717929</t>
  </si>
  <si>
    <t>10.85085678100586</t>
  </si>
  <si>
    <t>561.6054077148438</t>
  </si>
  <si>
    <t>-0.266853549125317</t>
  </si>
  <si>
    <t>1079</t>
  </si>
  <si>
    <t>11.734439849853516</t>
  </si>
  <si>
    <t>501.334716796875</t>
  </si>
  <si>
    <t>-0.27391771190190806</t>
  </si>
  <si>
    <t>858</t>
  </si>
  <si>
    <t>12.509190559387207</t>
  </si>
  <si>
    <t>579.5416870117188</t>
  </si>
  <si>
    <t>-0.2291858657701722</t>
  </si>
  <si>
    <t>12.659687042236328</t>
  </si>
  <si>
    <t>453.9267578125</t>
  </si>
  <si>
    <t>-0.13319844772382794</t>
  </si>
  <si>
    <t>754</t>
  </si>
  <si>
    <t>13.142524719238281</t>
  </si>
  <si>
    <t>428.0865478515625</t>
  </si>
  <si>
    <t>0.003986716243821853</t>
  </si>
  <si>
    <t>791</t>
  </si>
  <si>
    <t>11.987103462219238</t>
  </si>
  <si>
    <t>501.47625732421875</t>
  </si>
  <si>
    <t>0.04790559975969799</t>
  </si>
  <si>
    <t>13.76290512084961</t>
  </si>
  <si>
    <t>407.6335144042969</t>
  </si>
  <si>
    <t>0.08711672331577347</t>
  </si>
  <si>
    <t>920</t>
  </si>
  <si>
    <t>13.32932186126709</t>
  </si>
  <si>
    <t>481.1351623535156</t>
  </si>
  <si>
    <t>0.06395897895965863</t>
  </si>
  <si>
    <t>1015</t>
  </si>
  <si>
    <t>13.003772735595703</t>
  </si>
  <si>
    <t>395.4432373046875</t>
  </si>
  <si>
    <t>0.09827022143280129</t>
  </si>
  <si>
    <t>1110</t>
  </si>
  <si>
    <t>13.601105690002441</t>
  </si>
  <si>
    <t>470.7042236328125</t>
  </si>
  <si>
    <t>0.08947140283049215</t>
  </si>
  <si>
    <t>12.761642456054688</t>
  </si>
  <si>
    <t>596.5726928710938</t>
  </si>
  <si>
    <t>0.08543355630841276</t>
  </si>
  <si>
    <t>12.748244285583496</t>
  </si>
  <si>
    <t>657.2919921875</t>
  </si>
  <si>
    <t>0.09237332013101529</t>
  </si>
  <si>
    <t>1342</t>
  </si>
  <si>
    <t>12.583832740783691</t>
  </si>
  <si>
    <t>600.0404663085938</t>
  </si>
  <si>
    <t>0.01199414678581956</t>
  </si>
  <si>
    <t>12.867880821228027</t>
  </si>
  <si>
    <t>576.5921630859375</t>
  </si>
  <si>
    <t>0.16199718387419182</t>
  </si>
  <si>
    <t>1674</t>
  </si>
  <si>
    <t>13.067879676818848</t>
  </si>
  <si>
    <t>508.1367492675781</t>
  </si>
  <si>
    <t>0.059057749643601554</t>
  </si>
  <si>
    <t>12.267273902893066</t>
  </si>
  <si>
    <t>634.5310668945312</t>
  </si>
  <si>
    <t>0.1678808726391603</t>
  </si>
  <si>
    <t>13.115212440490723</t>
  </si>
  <si>
    <t>480.7875061035156</t>
  </si>
  <si>
    <t>0.015535266084071075</t>
  </si>
  <si>
    <t>2488</t>
  </si>
  <si>
    <t>13.409600257873535</t>
  </si>
  <si>
    <t>612.1177368164062</t>
  </si>
  <si>
    <t>0.21284706408641796</t>
  </si>
  <si>
    <t>2407</t>
  </si>
  <si>
    <t>14.348048210144043</t>
  </si>
  <si>
    <t>620.2578125</t>
  </si>
  <si>
    <t>-0.03309801607599816</t>
  </si>
  <si>
    <t>12.317825317382812</t>
  </si>
  <si>
    <t>616.3773803710938</t>
  </si>
  <si>
    <t>0.007450365588511865</t>
  </si>
  <si>
    <t>2501</t>
  </si>
  <si>
    <t>13.365375518798828</t>
  </si>
  <si>
    <t>518.873779296875</t>
  </si>
  <si>
    <t>0.030859127506035477</t>
  </si>
  <si>
    <t>2893</t>
  </si>
  <si>
    <t>13.176105499267578</t>
  </si>
  <si>
    <t>519.8781127929688</t>
  </si>
  <si>
    <t>0.1456033740985161</t>
  </si>
  <si>
    <t>2997</t>
  </si>
  <si>
    <t>13.948189735412598</t>
  </si>
  <si>
    <t>460.0470886230469</t>
  </si>
  <si>
    <t>0.035317762340528525</t>
  </si>
  <si>
    <t>3146</t>
  </si>
  <si>
    <t>13.559134483337402</t>
  </si>
  <si>
    <t>603.3556518554688</t>
  </si>
  <si>
    <t>0.04852001630155911</t>
  </si>
  <si>
    <t>13.047835350036621</t>
  </si>
  <si>
    <t>595.7295532226562</t>
  </si>
  <si>
    <t>-0.02250175299268875</t>
  </si>
  <si>
    <t>3498</t>
  </si>
  <si>
    <t>13.726157188415527</t>
  </si>
  <si>
    <t>471.3465881347656</t>
  </si>
  <si>
    <t>0.1285613249530133</t>
  </si>
  <si>
    <t>14.456329345703125</t>
  </si>
  <si>
    <t>485.9662170410156</t>
  </si>
  <si>
    <t>-0.055847599434965645</t>
  </si>
  <si>
    <t>3328</t>
  </si>
  <si>
    <t>13.700912475585938</t>
  </si>
  <si>
    <t>400.8149108886719</t>
  </si>
  <si>
    <t>0.006027745797517525</t>
  </si>
  <si>
    <t>3463</t>
  </si>
  <si>
    <t>13.514965057373047</t>
  </si>
  <si>
    <t>513.526123046875</t>
  </si>
  <si>
    <t>0.039763742461323304</t>
  </si>
  <si>
    <t>14.230918884277344</t>
  </si>
  <si>
    <t>519.7632446289062</t>
  </si>
  <si>
    <t>0.4063310339812922</t>
  </si>
  <si>
    <t>14.103412628173828</t>
  </si>
  <si>
    <t>464.64276123046875</t>
  </si>
  <si>
    <t>0.04033716841326296</t>
  </si>
  <si>
    <t>243</t>
  </si>
  <si>
    <t>BEL</t>
  </si>
  <si>
    <t>42880</t>
  </si>
  <si>
    <t>11.114691734313965</t>
  </si>
  <si>
    <t>703.0422973632812</t>
  </si>
  <si>
    <t>744.5940551757812</t>
  </si>
  <si>
    <t>Prov. Antwerpen</t>
  </si>
  <si>
    <t>Belgium</t>
  </si>
  <si>
    <t>43491</t>
  </si>
  <si>
    <t>10.016227722167969</t>
  </si>
  <si>
    <t>671.2448120117188</t>
  </si>
  <si>
    <t>0.014148503374322274</t>
  </si>
  <si>
    <t>43966</t>
  </si>
  <si>
    <t>11.073902130126953</t>
  </si>
  <si>
    <t>927.7842407226562</t>
  </si>
  <si>
    <t>0.010862587801055312</t>
  </si>
  <si>
    <t>43360</t>
  </si>
  <si>
    <t>10.142105102539062</t>
  </si>
  <si>
    <t>895.0659790039062</t>
  </si>
  <si>
    <t>-0.01387925080653396</t>
  </si>
  <si>
    <t>44609</t>
  </si>
  <si>
    <t>11.077415466308594</t>
  </si>
  <si>
    <t>908.8593139648438</t>
  </si>
  <si>
    <t>0.028398275258986416</t>
  </si>
  <si>
    <t>45564</t>
  </si>
  <si>
    <t>683.6844482421875</t>
  </si>
  <si>
    <t>0.021182298647287823</t>
  </si>
  <si>
    <t>46049</t>
  </si>
  <si>
    <t>8.904276847839355</t>
  </si>
  <si>
    <t>581.1763916015625</t>
  </si>
  <si>
    <t>0.010588115901263961</t>
  </si>
  <si>
    <t>47652</t>
  </si>
  <si>
    <t>11.099781036376953</t>
  </si>
  <si>
    <t>781.9779663085938</t>
  </si>
  <si>
    <t>0.03421855499818527</t>
  </si>
  <si>
    <t>48455</t>
  </si>
  <si>
    <t>10.740788459777832</t>
  </si>
  <si>
    <t>1023.0633544921875</t>
  </si>
  <si>
    <t>0.01671093024939907</t>
  </si>
  <si>
    <t>50028</t>
  </si>
  <si>
    <t>11.171707153320312</t>
  </si>
  <si>
    <t>846.8568115234375</t>
  </si>
  <si>
    <t>0.03194731650014759</t>
  </si>
  <si>
    <t>51732</t>
  </si>
  <si>
    <t>11.321163177490234</t>
  </si>
  <si>
    <t>1029.8568115234375</t>
  </si>
  <si>
    <t>0.033493696866337075</t>
  </si>
  <si>
    <t>52096</t>
  </si>
  <si>
    <t>10.7601957321167</t>
  </si>
  <si>
    <t>944.9988403320312</t>
  </si>
  <si>
    <t>0.007011624827077512</t>
  </si>
  <si>
    <t>52722</t>
  </si>
  <si>
    <t>11.036952018737793</t>
  </si>
  <si>
    <t>958.5831298828125</t>
  </si>
  <si>
    <t>0.01194465536168643</t>
  </si>
  <si>
    <t>53021</t>
  </si>
  <si>
    <t>11.116227149963379</t>
  </si>
  <si>
    <t>678.9921875</t>
  </si>
  <si>
    <t>0.005655235748497134</t>
  </si>
  <si>
    <t>54651</t>
  </si>
  <si>
    <t>10.825325012207031</t>
  </si>
  <si>
    <t>726.8278198242188</t>
  </si>
  <si>
    <t>0.03027945122654252</t>
  </si>
  <si>
    <t>55587</t>
  </si>
  <si>
    <t>10.576862335205078</t>
  </si>
  <si>
    <t>778.3778076171875</t>
  </si>
  <si>
    <t>0.016981848251585774</t>
  </si>
  <si>
    <t>56611</t>
  </si>
  <si>
    <t>11.726642608642578</t>
  </si>
  <si>
    <t>867.37646484375</t>
  </si>
  <si>
    <t>0.0182539516477096</t>
  </si>
  <si>
    <t>58242</t>
  </si>
  <si>
    <t>11.4315767288208</t>
  </si>
  <si>
    <t>899.2161254882812</t>
  </si>
  <si>
    <t>0.02840343134204737</t>
  </si>
  <si>
    <t>58022</t>
  </si>
  <si>
    <t>10.576422691345215</t>
  </si>
  <si>
    <t>833.1712036132812</t>
  </si>
  <si>
    <t>-0.003784494986879494</t>
  </si>
  <si>
    <t>56374</t>
  </si>
  <si>
    <t>10.841227531433105</t>
  </si>
  <si>
    <t>778.176513671875</t>
  </si>
  <si>
    <t>-0.028814189664950973</t>
  </si>
  <si>
    <t>57442</t>
  </si>
  <si>
    <t>9.925878524780273</t>
  </si>
  <si>
    <t>848.7015380859375</t>
  </si>
  <si>
    <t>0.018767683768993848</t>
  </si>
  <si>
    <t>58013</t>
  </si>
  <si>
    <t>11.542545318603516</t>
  </si>
  <si>
    <t>731.9515991210938</t>
  </si>
  <si>
    <t>0.009891380286992657</t>
  </si>
  <si>
    <t>58001</t>
  </si>
  <si>
    <t>10.542763710021973</t>
  </si>
  <si>
    <t>876.0541381835938</t>
  </si>
  <si>
    <t>-0.0002068715852008296</t>
  </si>
  <si>
    <t>57873</t>
  </si>
  <si>
    <t>10.487170219421387</t>
  </si>
  <si>
    <t>837.684326171875</t>
  </si>
  <si>
    <t>-0.0022092972032368152</t>
  </si>
  <si>
    <t>58567</t>
  </si>
  <si>
    <t>11.943747520446777</t>
  </si>
  <si>
    <t>845.6029052734375</t>
  </si>
  <si>
    <t>0.011920443454519258</t>
  </si>
  <si>
    <t>60060</t>
  </si>
  <si>
    <t>11.459870338439941</t>
  </si>
  <si>
    <t>787.3092651367188</t>
  </si>
  <si>
    <t>0.02517266452680289</t>
  </si>
  <si>
    <t>60540</t>
  </si>
  <si>
    <t>10.864032745361328</t>
  </si>
  <si>
    <t>820.9093627929688</t>
  </si>
  <si>
    <t>0.007960241038388105</t>
  </si>
  <si>
    <t>61133</t>
  </si>
  <si>
    <t>11.742546081542969</t>
  </si>
  <si>
    <t>867.3081665039062</t>
  </si>
  <si>
    <t>0.009747514983112993</t>
  </si>
  <si>
    <t>61726</t>
  </si>
  <si>
    <t>11.759211540222168</t>
  </si>
  <si>
    <t>669.53564453125</t>
  </si>
  <si>
    <t>0.009653417414373422</t>
  </si>
  <si>
    <t>62907</t>
  </si>
  <si>
    <t>12.016666412353516</t>
  </si>
  <si>
    <t>782.4567260742188</t>
  </si>
  <si>
    <t>0.018952209281659194</t>
  </si>
  <si>
    <t>60385</t>
  </si>
  <si>
    <t>11.971821784973145</t>
  </si>
  <si>
    <t>851.75927734375</t>
  </si>
  <si>
    <t>-0.040916715545380455</t>
  </si>
  <si>
    <t>63913</t>
  </si>
  <si>
    <t>10.97280502319336</t>
  </si>
  <si>
    <t>818.6304321289062</t>
  </si>
  <si>
    <t>0.056782053843953406</t>
  </si>
  <si>
    <t>65254</t>
  </si>
  <si>
    <t>12.292984008789062</t>
  </si>
  <si>
    <t>730.484375</t>
  </si>
  <si>
    <t>0.02076456343457167</t>
  </si>
  <si>
    <t>244</t>
  </si>
  <si>
    <t>42269</t>
  </si>
  <si>
    <t>11.066668510437012</t>
  </si>
  <si>
    <t>717.0</t>
  </si>
  <si>
    <t>328.3265380859375</t>
  </si>
  <si>
    <t>Prov. Brabant Wallon</t>
  </si>
  <si>
    <t>42872</t>
  </si>
  <si>
    <t>9.991667747497559</t>
  </si>
  <si>
    <t>679.7000732421875</t>
  </si>
  <si>
    <t>0.014164975333958552</t>
  </si>
  <si>
    <t>43339</t>
  </si>
  <si>
    <t>944.10009765625</t>
  </si>
  <si>
    <t>0.010833990276141847</t>
  </si>
  <si>
    <t>42743</t>
  </si>
  <si>
    <t>10.141666412353516</t>
  </si>
  <si>
    <t>-0.013847483183278442</t>
  </si>
  <si>
    <t>43974</t>
  </si>
  <si>
    <t>912.699951171875</t>
  </si>
  <si>
    <t>0.028393110886355544</t>
  </si>
  <si>
    <t>44915</t>
  </si>
  <si>
    <t>10.475000381469727</t>
  </si>
  <si>
    <t>686.2999877929688</t>
  </si>
  <si>
    <t>0.02117326450940027</t>
  </si>
  <si>
    <t>45393</t>
  </si>
  <si>
    <t>592.5999755859375</t>
  </si>
  <si>
    <t>0.010586093456375067</t>
  </si>
  <si>
    <t>46974</t>
  </si>
  <si>
    <t>11.091667175292969</t>
  </si>
  <si>
    <t>797.3999633789062</t>
  </si>
  <si>
    <t>0.034236349016287804</t>
  </si>
  <si>
    <t>47765</t>
  </si>
  <si>
    <t>10.716667175292969</t>
  </si>
  <si>
    <t>1020.2999877929688</t>
  </si>
  <si>
    <t>0.016698896568140498</t>
  </si>
  <si>
    <t>49316</t>
  </si>
  <si>
    <t>11.066665649414062</t>
  </si>
  <si>
    <t>850.3999633789062</t>
  </si>
  <si>
    <t>0.03195541828433335</t>
  </si>
  <si>
    <t>50995</t>
  </si>
  <si>
    <t>11.375</t>
  </si>
  <si>
    <t>1049.7999267578125</t>
  </si>
  <si>
    <t>0.033479016696174924</t>
  </si>
  <si>
    <t>51354</t>
  </si>
  <si>
    <t>10.691666603088379</t>
  </si>
  <si>
    <t>955.1000366210938</t>
  </si>
  <si>
    <t>0.00701524142504617</t>
  </si>
  <si>
    <t>51971</t>
  </si>
  <si>
    <t>11.041667938232422</t>
  </si>
  <si>
    <t>973.5</t>
  </si>
  <si>
    <t>0.011943040578010766</t>
  </si>
  <si>
    <t>52266</t>
  </si>
  <si>
    <t>11.100001335144043</t>
  </si>
  <si>
    <t>0.00566019335927237</t>
  </si>
  <si>
    <t>53873</t>
  </si>
  <si>
    <t>10.741667747497559</t>
  </si>
  <si>
    <t>725.7000122070312</t>
  </si>
  <si>
    <t>0.030283360700190443</t>
  </si>
  <si>
    <t>54795</t>
  </si>
  <si>
    <t>777.6000366210938</t>
  </si>
  <si>
    <t>0.016969524150354687</t>
  </si>
  <si>
    <t>55804</t>
  </si>
  <si>
    <t>11.63333511352539</t>
  </si>
  <si>
    <t>887.0000610351562</t>
  </si>
  <si>
    <t>0.018246602490506802</t>
  </si>
  <si>
    <t>11.34999942779541</t>
  </si>
  <si>
    <t>907.4000244140625</t>
  </si>
  <si>
    <t>0.028407789303271258</t>
  </si>
  <si>
    <t>57195</t>
  </si>
  <si>
    <t>10.483333587646484</t>
  </si>
  <si>
    <t>837.199951171875</t>
  </si>
  <si>
    <t>-0.003786858731496423</t>
  </si>
  <si>
    <t>55571</t>
  </si>
  <si>
    <t>10.82500171661377</t>
  </si>
  <si>
    <t>783.7999877929688</t>
  </si>
  <si>
    <t>-0.028804999526503394</t>
  </si>
  <si>
    <t>56623</t>
  </si>
  <si>
    <t>9.958333015441895</t>
  </si>
  <si>
    <t>859.0</t>
  </si>
  <si>
    <t>0.018753780639995554</t>
  </si>
  <si>
    <t>52163</t>
  </si>
  <si>
    <t>11.574999809265137</t>
  </si>
  <si>
    <t>726.0999755859375</t>
  </si>
  <si>
    <t>-0.08204183178925106</t>
  </si>
  <si>
    <t>53233</t>
  </si>
  <si>
    <t>886.7000732421875</t>
  </si>
  <si>
    <t>0.020305073490609615</t>
  </si>
  <si>
    <t>54570</t>
  </si>
  <si>
    <t>855.2000732421875</t>
  </si>
  <si>
    <t>0.02480577640565329</t>
  </si>
  <si>
    <t>56386</t>
  </si>
  <si>
    <t>11.866667747497559</t>
  </si>
  <si>
    <t>850.9000244140625</t>
  </si>
  <si>
    <t>0.032736619542109935</t>
  </si>
  <si>
    <t>56689</t>
  </si>
  <si>
    <t>11.516667366027832</t>
  </si>
  <si>
    <t>790.8999633789062</t>
  </si>
  <si>
    <t>0.005359287644999711</t>
  </si>
  <si>
    <t>58720</t>
  </si>
  <si>
    <t>10.758334159851074</t>
  </si>
  <si>
    <t>844.7000122070312</t>
  </si>
  <si>
    <t>0.03520019592100887</t>
  </si>
  <si>
    <t>60087</t>
  </si>
  <si>
    <t>859.8001098632812</t>
  </si>
  <si>
    <t>0.023013127680945544</t>
  </si>
  <si>
    <t>65261</t>
  </si>
  <si>
    <t>11.783331871032715</t>
  </si>
  <si>
    <t>689.800048828125</t>
  </si>
  <si>
    <t>0.08260110238266449</t>
  </si>
  <si>
    <t>71893</t>
  </si>
  <si>
    <t>12.008334159851074</t>
  </si>
  <si>
    <t>793.2000122070312</t>
  </si>
  <si>
    <t>0.09678428817669804</t>
  </si>
  <si>
    <t>67173</t>
  </si>
  <si>
    <t>11.975001335144043</t>
  </si>
  <si>
    <t>863.4000854492188</t>
  </si>
  <si>
    <t>-0.06790752146925705</t>
  </si>
  <si>
    <t>64050</t>
  </si>
  <si>
    <t>10.883332252502441</t>
  </si>
  <si>
    <t>823.2000122070312</t>
  </si>
  <si>
    <t>-0.047607352734567954</t>
  </si>
  <si>
    <t>65393</t>
  </si>
  <si>
    <t>12.325000762939453</t>
  </si>
  <si>
    <t>727.2000732421875</t>
  </si>
  <si>
    <t>0.02075119075275822</t>
  </si>
  <si>
    <t>245</t>
  </si>
  <si>
    <t>23700</t>
  </si>
  <si>
    <t>10.794110298156738</t>
  </si>
  <si>
    <t>791.9285888671875</t>
  </si>
  <si>
    <t>581.521240234375</t>
  </si>
  <si>
    <t>Prov. Hainaut</t>
  </si>
  <si>
    <t>24038</t>
  </si>
  <si>
    <t>9.736959457397461</t>
  </si>
  <si>
    <t>751.5081176757812</t>
  </si>
  <si>
    <t>0.014160863389511391</t>
  </si>
  <si>
    <t>24300</t>
  </si>
  <si>
    <t>10.848464012145996</t>
  </si>
  <si>
    <t>1000.7009887695312</t>
  </si>
  <si>
    <t>0.010840438815904463</t>
  </si>
  <si>
    <t>9.96962833404541</t>
  </si>
  <si>
    <t>981.760986328125</t>
  </si>
  <si>
    <t>-0.013840191086178066</t>
  </si>
  <si>
    <t>24656</t>
  </si>
  <si>
    <t>11.009160041809082</t>
  </si>
  <si>
    <t>1025.425537109375</t>
  </si>
  <si>
    <t>0.028384119317435008</t>
  </si>
  <si>
    <t>25184</t>
  </si>
  <si>
    <t>10.383125305175781</t>
  </si>
  <si>
    <t>727.8919067382812</t>
  </si>
  <si>
    <t>0.021188593657234023</t>
  </si>
  <si>
    <t>25452</t>
  </si>
  <si>
    <t>8.770147323608398</t>
  </si>
  <si>
    <t>655.397705078125</t>
  </si>
  <si>
    <t>0.010585453135552925</t>
  </si>
  <si>
    <t>26338</t>
  </si>
  <si>
    <t>10.904289245605469</t>
  </si>
  <si>
    <t>898.5421142578125</t>
  </si>
  <si>
    <t>0.0342184379174828</t>
  </si>
  <si>
    <t>26782</t>
  </si>
  <si>
    <t>10.534451484680176</t>
  </si>
  <si>
    <t>1067.1732177734375</t>
  </si>
  <si>
    <t>0.01671725678534486</t>
  </si>
  <si>
    <t>27651</t>
  </si>
  <si>
    <t>10.846100807189941</t>
  </si>
  <si>
    <t>933.6181030273438</t>
  </si>
  <si>
    <t>0.03193187360626304</t>
  </si>
  <si>
    <t>28593</t>
  </si>
  <si>
    <t>11.140647888183594</t>
  </si>
  <si>
    <t>1153.9266357421875</t>
  </si>
  <si>
    <t>0.03350003894396103</t>
  </si>
  <si>
    <t>28794</t>
  </si>
  <si>
    <t>10.554433822631836</t>
  </si>
  <si>
    <t>1082.6983642578125</t>
  </si>
  <si>
    <t>0.007005099480565491</t>
  </si>
  <si>
    <t>29140</t>
  </si>
  <si>
    <t>10.92464542388916</t>
  </si>
  <si>
    <t>1073.583984375</t>
  </si>
  <si>
    <t>0.011944768662894845</t>
  </si>
  <si>
    <t>29305</t>
  </si>
  <si>
    <t>10.96593952178955</t>
  </si>
  <si>
    <t>781.4358520507812</t>
  </si>
  <si>
    <t>0.005646349161334996</t>
  </si>
  <si>
    <t>30206</t>
  </si>
  <si>
    <t>10.519255638122559</t>
  </si>
  <si>
    <t>799.7351684570312</t>
  </si>
  <si>
    <t>0.03028243021575605</t>
  </si>
  <si>
    <t>30723</t>
  </si>
  <si>
    <t>10.412250518798828</t>
  </si>
  <si>
    <t>806.257080078125</t>
  </si>
  <si>
    <t>0.016970979617260795</t>
  </si>
  <si>
    <t>31289</t>
  </si>
  <si>
    <t>11.411441802978516</t>
  </si>
  <si>
    <t>952.6197509765625</t>
  </si>
  <si>
    <t>0.01825503831631714</t>
  </si>
  <si>
    <t>32191</t>
  </si>
  <si>
    <t>11.05576229095459</t>
  </si>
  <si>
    <t>985.170166015625</t>
  </si>
  <si>
    <t>0.028420312298772288</t>
  </si>
  <si>
    <t>32069</t>
  </si>
  <si>
    <t>10.146100997924805</t>
  </si>
  <si>
    <t>928.615234375</t>
  </si>
  <si>
    <t>-0.0037970789474321975</t>
  </si>
  <si>
    <t>31158</t>
  </si>
  <si>
    <t>10.686814308166504</t>
  </si>
  <si>
    <t>868.4371948242188</t>
  </si>
  <si>
    <t>-0.02881879733883075</t>
  </si>
  <si>
    <t>31748</t>
  </si>
  <si>
    <t>9.789322853088379</t>
  </si>
  <si>
    <t>950.49169921875</t>
  </si>
  <si>
    <t>0.018758697138393288</t>
  </si>
  <si>
    <t>32338</t>
  </si>
  <si>
    <t>11.38747787475586</t>
  </si>
  <si>
    <t>789.066162109375</t>
  </si>
  <si>
    <t>0.018413278088992513</t>
  </si>
  <si>
    <t>31940</t>
  </si>
  <si>
    <t>10.380989074707031</t>
  </si>
  <si>
    <t>1019.4412841796875</t>
  </si>
  <si>
    <t>-0.012383866530756293</t>
  </si>
  <si>
    <t>31610</t>
  </si>
  <si>
    <t>10.307978630065918</t>
  </si>
  <si>
    <t>933.8147583007812</t>
  </si>
  <si>
    <t>-0.010385616559339894</t>
  </si>
  <si>
    <t>32087</t>
  </si>
  <si>
    <t>11.675971984863281</t>
  </si>
  <si>
    <t>946.1180419921875</t>
  </si>
  <si>
    <t>0.014977437456428433</t>
  </si>
  <si>
    <t>32175</t>
  </si>
  <si>
    <t>11.361815452575684</t>
  </si>
  <si>
    <t>872.9423217773438</t>
  </si>
  <si>
    <t>0.002738789798236496</t>
  </si>
  <si>
    <t>32167</t>
  </si>
  <si>
    <t>10.499271392822266</t>
  </si>
  <si>
    <t>914.4663696289062</t>
  </si>
  <si>
    <t>-0.0002486711647513573</t>
  </si>
  <si>
    <t>32584</t>
  </si>
  <si>
    <t>11.632460594177246</t>
  </si>
  <si>
    <t>934.0431518554688</t>
  </si>
  <si>
    <t>0.012880288028672027</t>
  </si>
  <si>
    <t>33146</t>
  </si>
  <si>
    <t>11.578627586364746</t>
  </si>
  <si>
    <t>781.334228515625</t>
  </si>
  <si>
    <t>0.01710067535524118</t>
  </si>
  <si>
    <t>33048</t>
  </si>
  <si>
    <t>11.77862548828125</t>
  </si>
  <si>
    <t>888.57275390625</t>
  </si>
  <si>
    <t>-0.0029609956068892274</t>
  </si>
  <si>
    <t>31253</t>
  </si>
  <si>
    <t>11.849791526794434</t>
  </si>
  <si>
    <t>957.0813598632812</t>
  </si>
  <si>
    <t>-0.055845678519757413</t>
  </si>
  <si>
    <t>33186</t>
  </si>
  <si>
    <t>10.669112205505371</t>
  </si>
  <si>
    <t>919.165283203125</t>
  </si>
  <si>
    <t>0.06001272866589069</t>
  </si>
  <si>
    <t>33882</t>
  </si>
  <si>
    <t>12.289321899414062</t>
  </si>
  <si>
    <t>780.2286987304688</t>
  </si>
  <si>
    <t>0.02075579967815777</t>
  </si>
  <si>
    <t>246</t>
  </si>
  <si>
    <t>29442</t>
  </si>
  <si>
    <t>10.924999237060547</t>
  </si>
  <si>
    <t>741.4000244140625</t>
  </si>
  <si>
    <t>293.33575439453125</t>
  </si>
  <si>
    <t>Prov. Limburg (BE)</t>
  </si>
  <si>
    <t>29862</t>
  </si>
  <si>
    <t>9.8583345413208</t>
  </si>
  <si>
    <t>665.5</t>
  </si>
  <si>
    <t>0.014164542768650534</t>
  </si>
  <si>
    <t>30187</t>
  </si>
  <si>
    <t>913.4000854492188</t>
  </si>
  <si>
    <t>0.010824599024150672</t>
  </si>
  <si>
    <t>29772</t>
  </si>
  <si>
    <t>10.041666030883789</t>
  </si>
  <si>
    <t>882.2999877929688</t>
  </si>
  <si>
    <t>-0.013843013630957302</t>
  </si>
  <si>
    <t>30629</t>
  </si>
  <si>
    <t>11.050002098083496</t>
  </si>
  <si>
    <t>900.2000122070312</t>
  </si>
  <si>
    <t>0.0283789180830869</t>
  </si>
  <si>
    <t>10.45000171661377</t>
  </si>
  <si>
    <t>695.300048828125</t>
  </si>
  <si>
    <t>0.0211914768695749</t>
  </si>
  <si>
    <t>609.5999145507812</t>
  </si>
  <si>
    <t>0.010587829223668521</t>
  </si>
  <si>
    <t>32719</t>
  </si>
  <si>
    <t>10.991665840148926</t>
  </si>
  <si>
    <t>807.2000122070312</t>
  </si>
  <si>
    <t>0.03422937024632411</t>
  </si>
  <si>
    <t>33270</t>
  </si>
  <si>
    <t>985.0</t>
  </si>
  <si>
    <t>0.016700141110066014</t>
  </si>
  <si>
    <t>10.933334350585938</t>
  </si>
  <si>
    <t>859.2000732421875</t>
  </si>
  <si>
    <t>0.03194592863797219</t>
  </si>
  <si>
    <t>35520</t>
  </si>
  <si>
    <t>1011.7000122070312</t>
  </si>
  <si>
    <t>0.03349389945561221</t>
  </si>
  <si>
    <t>35769</t>
  </si>
  <si>
    <t>1006.0999755859375</t>
  </si>
  <si>
    <t>0.00698567836813524</t>
  </si>
  <si>
    <t>36200</t>
  </si>
  <si>
    <t>1005.7000732421875</t>
  </si>
  <si>
    <t>0.01197752233962035</t>
  </si>
  <si>
    <t>36405</t>
  </si>
  <si>
    <t>11.0</t>
  </si>
  <si>
    <t>710.0999755859375</t>
  </si>
  <si>
    <t>0.005647009014948523</t>
  </si>
  <si>
    <t>37524</t>
  </si>
  <si>
    <t>10.574999809265137</t>
  </si>
  <si>
    <t>748.9999389648438</t>
  </si>
  <si>
    <t>0.03027460041703023</t>
  </si>
  <si>
    <t>38167</t>
  </si>
  <si>
    <t>767.9999389648438</t>
  </si>
  <si>
    <t>0.0169905396487966</t>
  </si>
  <si>
    <t>38869</t>
  </si>
  <si>
    <t>876.8999633789062</t>
  </si>
  <si>
    <t>0.018225749839112737</t>
  </si>
  <si>
    <t>39989</t>
  </si>
  <si>
    <t>11.250000953674316</t>
  </si>
  <si>
    <t>900.7000732421875</t>
  </si>
  <si>
    <t>0.028407398542888984</t>
  </si>
  <si>
    <t>39838</t>
  </si>
  <si>
    <t>10.34999942779541</t>
  </si>
  <si>
    <t>854.7999877929688</t>
  </si>
  <si>
    <t>-0.003783185641420772</t>
  </si>
  <si>
    <t>38707</t>
  </si>
  <si>
    <t>806.800048828125</t>
  </si>
  <si>
    <t>-0.02880076842092727</t>
  </si>
  <si>
    <t>39440</t>
  </si>
  <si>
    <t>9.849998474121094</t>
  </si>
  <si>
    <t>888.4000244140625</t>
  </si>
  <si>
    <t>0.018760067502279654</t>
  </si>
  <si>
    <t>40463</t>
  </si>
  <si>
    <t>11.466666221618652</t>
  </si>
  <si>
    <t>752.7000122070312</t>
  </si>
  <si>
    <t>0.02560744656237013</t>
  </si>
  <si>
    <t>40521</t>
  </si>
  <si>
    <t>10.458334922790527</t>
  </si>
  <si>
    <t>894.0000610351562</t>
  </si>
  <si>
    <t>0.0014323819499324486</t>
  </si>
  <si>
    <t>40417</t>
  </si>
  <si>
    <t>848.3999633789062</t>
  </si>
  <si>
    <t>-0.0025698697085836386</t>
  </si>
  <si>
    <t>41433</t>
  </si>
  <si>
    <t>864.7000122070312</t>
  </si>
  <si>
    <t>0.024827176225748815</t>
  </si>
  <si>
    <t>41215</t>
  </si>
  <si>
    <t>792.5</t>
  </si>
  <si>
    <t>-0.005275396998710491</t>
  </si>
  <si>
    <t>41574</t>
  </si>
  <si>
    <t>10.624999046325684</t>
  </si>
  <si>
    <t>850.2999267578125</t>
  </si>
  <si>
    <t>0.00867270410810761</t>
  </si>
  <si>
    <t>42300</t>
  </si>
  <si>
    <t>11.675000190734863</t>
  </si>
  <si>
    <t>886.2000122070312</t>
  </si>
  <si>
    <t>0.017312114178933413</t>
  </si>
  <si>
    <t>11.683335304260254</t>
  </si>
  <si>
    <t>692.3001098632812</t>
  </si>
  <si>
    <t>0.013361867950157702</t>
  </si>
  <si>
    <t>43049</t>
  </si>
  <si>
    <t>11.899998664855957</t>
  </si>
  <si>
    <t>787.60009765625</t>
  </si>
  <si>
    <t>0.004190047797839824</t>
  </si>
  <si>
    <t>40870</t>
  </si>
  <si>
    <t>11.883334159851074</t>
  </si>
  <si>
    <t>840.9000244140625</t>
  </si>
  <si>
    <t>-0.05194270422404301</t>
  </si>
  <si>
    <t>43701</t>
  </si>
  <si>
    <t>10.75</t>
  </si>
  <si>
    <t>877.1000366210938</t>
  </si>
  <si>
    <t>0.06697468755873359</t>
  </si>
  <si>
    <t>44618</t>
  </si>
  <si>
    <t>12.266666412353516</t>
  </si>
  <si>
    <t>755.2999877929688</t>
  </si>
  <si>
    <t>0.020766379915537314</t>
  </si>
  <si>
    <t>247</t>
  </si>
  <si>
    <t>26754</t>
  </si>
  <si>
    <t>839.699951171875</t>
  </si>
  <si>
    <t>638.1179809570312</t>
  </si>
  <si>
    <t>Prov. Liège</t>
  </si>
  <si>
    <t>27136</t>
  </si>
  <si>
    <t>9.633334159851074</t>
  </si>
  <si>
    <t>651.3999633789062</t>
  </si>
  <si>
    <t>0.014177264736098039</t>
  </si>
  <si>
    <t>27431</t>
  </si>
  <si>
    <t>10.708333015441895</t>
  </si>
  <si>
    <t>932.8999633789062</t>
  </si>
  <si>
    <t>0.01081250111006149</t>
  </si>
  <si>
    <t>27054</t>
  </si>
  <si>
    <t>9.883334159851074</t>
  </si>
  <si>
    <t>954.9000244140625</t>
  </si>
  <si>
    <t>-0.013838892052550733</t>
  </si>
  <si>
    <t>27833</t>
  </si>
  <si>
    <t>10.899998664855957</t>
  </si>
  <si>
    <t>912.300048828125</t>
  </si>
  <si>
    <t>0.028387498402079103</t>
  </si>
  <si>
    <t>28429</t>
  </si>
  <si>
    <t>10.333334922790527</t>
  </si>
  <si>
    <t>748.1000366210938</t>
  </si>
  <si>
    <t>0.021187383863349396</t>
  </si>
  <si>
    <t>28731</t>
  </si>
  <si>
    <t>8.708333015441895</t>
  </si>
  <si>
    <t>663.300048828125</t>
  </si>
  <si>
    <t>0.010566928275160592</t>
  </si>
  <si>
    <t>29732</t>
  </si>
  <si>
    <t>10.858333587646484</t>
  </si>
  <si>
    <t>880.5999755859375</t>
  </si>
  <si>
    <t>0.03424722765545418</t>
  </si>
  <si>
    <t>30233</t>
  </si>
  <si>
    <t>1061.199951171875</t>
  </si>
  <si>
    <t>0.016710136170830836</t>
  </si>
  <si>
    <t>31214</t>
  </si>
  <si>
    <t>920.300048828125</t>
  </si>
  <si>
    <t>0.03193266908648518</t>
  </si>
  <si>
    <t>32277</t>
  </si>
  <si>
    <t>11.02500057220459</t>
  </si>
  <si>
    <t>0.033488190159520315</t>
  </si>
  <si>
    <t>32504</t>
  </si>
  <si>
    <t>1020.9000854492188</t>
  </si>
  <si>
    <t>0.007008256405542923</t>
  </si>
  <si>
    <t>32895</t>
  </si>
  <si>
    <t>10.791666984558105</t>
  </si>
  <si>
    <t>1089.0</t>
  </si>
  <si>
    <t>0.011957511852536129</t>
  </si>
  <si>
    <t>33082</t>
  </si>
  <si>
    <t>10.841668128967285</t>
  </si>
  <si>
    <t>737.0999755859375</t>
  </si>
  <si>
    <t>0.005668657282067002</t>
  </si>
  <si>
    <t>34099</t>
  </si>
  <si>
    <t>10.499999046325684</t>
  </si>
  <si>
    <t>832.6000366210938</t>
  </si>
  <si>
    <t>0.030278730526244857</t>
  </si>
  <si>
    <t>34683</t>
  </si>
  <si>
    <t>10.399998664855957</t>
  </si>
  <si>
    <t>773.0999755859375</t>
  </si>
  <si>
    <t>0.01698159501502161</t>
  </si>
  <si>
    <t>35321</t>
  </si>
  <si>
    <t>923.7000732421875</t>
  </si>
  <si>
    <t>0.01822803454445321</t>
  </si>
  <si>
    <t>36339</t>
  </si>
  <si>
    <t>1035.300048828125</t>
  </si>
  <si>
    <t>0.028413856797026682</t>
  </si>
  <si>
    <t>36201</t>
  </si>
  <si>
    <t>10.166666984558105</t>
  </si>
  <si>
    <t>937.7000122070312</t>
  </si>
  <si>
    <t>-0.0038048019432022073</t>
  </si>
  <si>
    <t>35173</t>
  </si>
  <si>
    <t>10.583334922790527</t>
  </si>
  <si>
    <t>904.3999633789062</t>
  </si>
  <si>
    <t>-0.02880799993994998</t>
  </si>
  <si>
    <t>9.658331871032715</t>
  </si>
  <si>
    <t>956.7999267578125</t>
  </si>
  <si>
    <t>0.01878584528710725</t>
  </si>
  <si>
    <t>36563</t>
  </si>
  <si>
    <t>11.274998664855957</t>
  </si>
  <si>
    <t>810.5000610351562</t>
  </si>
  <si>
    <t>0.019972212005516354</t>
  </si>
  <si>
    <t>36389</t>
  </si>
  <si>
    <t>10.266666412353516</t>
  </si>
  <si>
    <t>848.800048828125</t>
  </si>
  <si>
    <t>-0.0047702689427069345</t>
  </si>
  <si>
    <t>864.2000122070312</t>
  </si>
  <si>
    <t>-0.006008838366255986</t>
  </si>
  <si>
    <t>926.5999755859375</t>
  </si>
  <si>
    <t>-0.005266671448666216</t>
  </si>
  <si>
    <t>36159</t>
  </si>
  <si>
    <t>11.300000190734863</t>
  </si>
  <si>
    <t>816.8999633789062</t>
  </si>
  <si>
    <t>0.0049348589196984705</t>
  </si>
  <si>
    <t>36264</t>
  </si>
  <si>
    <t>10.525001525878906</t>
  </si>
  <si>
    <t>859.7000732421875</t>
  </si>
  <si>
    <t>0.0028996333642332672</t>
  </si>
  <si>
    <t>11.583333015441895</t>
  </si>
  <si>
    <t>975.0000610351562</t>
  </si>
  <si>
    <t>0.013856781674631335</t>
  </si>
  <si>
    <t>11.483333587646484</t>
  </si>
  <si>
    <t>698.2999877929688</t>
  </si>
  <si>
    <t>0.013533249049588747</t>
  </si>
  <si>
    <t>37831</t>
  </si>
  <si>
    <t>838.4000244140625</t>
  </si>
  <si>
    <t>0.01491332797984768</t>
  </si>
  <si>
    <t>35354</t>
  </si>
  <si>
    <t>11.766666412353516</t>
  </si>
  <si>
    <t>870.5999755859375</t>
  </si>
  <si>
    <t>-0.06771733222892529</t>
  </si>
  <si>
    <t>38102</t>
  </si>
  <si>
    <t>892.2000122070312</t>
  </si>
  <si>
    <t>0.07485523407955164</t>
  </si>
  <si>
    <t>12.158332824707031</t>
  </si>
  <si>
    <t>807.800048828125</t>
  </si>
  <si>
    <t>0.020753183041613</t>
  </si>
  <si>
    <t>248</t>
  </si>
  <si>
    <t>24067</t>
  </si>
  <si>
    <t>9.67011833190918</t>
  </si>
  <si>
    <t>1046.65771484375</t>
  </si>
  <si>
    <t>95.34257507324219</t>
  </si>
  <si>
    <t>Prov. Luxembourg (BE)</t>
  </si>
  <si>
    <t>24410</t>
  </si>
  <si>
    <t>8.60949420928955</t>
  </si>
  <si>
    <t>836.0054931640625</t>
  </si>
  <si>
    <t>0.014151276854601491</t>
  </si>
  <si>
    <t>24676</t>
  </si>
  <si>
    <t>9.705825805664062</t>
  </si>
  <si>
    <t>1199.440185546875</t>
  </si>
  <si>
    <t>0.010838226942523121</t>
  </si>
  <si>
    <t>24336</t>
  </si>
  <si>
    <t>8.860487937927246</t>
  </si>
  <si>
    <t>1201.30126953125</t>
  </si>
  <si>
    <t>-0.013874375830454255</t>
  </si>
  <si>
    <t>25037</t>
  </si>
  <si>
    <t>9.919511795043945</t>
  </si>
  <si>
    <t>1257.5001220703125</t>
  </si>
  <si>
    <t>0.028397995230662332</t>
  </si>
  <si>
    <t>25573</t>
  </si>
  <si>
    <t>9.308804512023926</t>
  </si>
  <si>
    <t>1017.1280517578125</t>
  </si>
  <si>
    <t>0.02118237666368117</t>
  </si>
  <si>
    <t>25845</t>
  </si>
  <si>
    <t>7.686481475830078</t>
  </si>
  <si>
    <t>825.5547485351562</t>
  </si>
  <si>
    <t>0.010580051236722454</t>
  </si>
  <si>
    <t>26745</t>
  </si>
  <si>
    <t>9.8338041305542</t>
  </si>
  <si>
    <t>1128.2899169921875</t>
  </si>
  <si>
    <t>0.034230381335209614</t>
  </si>
  <si>
    <t>27196</t>
  </si>
  <si>
    <t>9.425774574279785</t>
  </si>
  <si>
    <t>1301.0015869140625</t>
  </si>
  <si>
    <t>0.016722363680999663</t>
  </si>
  <si>
    <t>28078</t>
  </si>
  <si>
    <t>9.792744636535645</t>
  </si>
  <si>
    <t>1190.7513427734375</t>
  </si>
  <si>
    <t>0.03191644788554626</t>
  </si>
  <si>
    <t>29035</t>
  </si>
  <si>
    <t>10.054529190063477</t>
  </si>
  <si>
    <t>1390.671875</t>
  </si>
  <si>
    <t>0.033515647274255045</t>
  </si>
  <si>
    <t>29239</t>
  </si>
  <si>
    <t>9.461482048034668</t>
  </si>
  <si>
    <t>1344.5301513671875</t>
  </si>
  <si>
    <t>0.007001435746337492</t>
  </si>
  <si>
    <t>29590</t>
  </si>
  <si>
    <t>9.84619426727295</t>
  </si>
  <si>
    <t>1359.3741455078125</t>
  </si>
  <si>
    <t>0.011933031841767416</t>
  </si>
  <si>
    <t>29758</t>
  </si>
  <si>
    <t>9.851161003112793</t>
  </si>
  <si>
    <t>952.6798095703125</t>
  </si>
  <si>
    <t>0.005661536993386562</t>
  </si>
  <si>
    <t>30673</t>
  </si>
  <si>
    <t>9.431431770324707</t>
  </si>
  <si>
    <t>999.8147583007812</t>
  </si>
  <si>
    <t>0.030284785391877733</t>
  </si>
  <si>
    <t>31198</t>
  </si>
  <si>
    <t>9.326767921447754</t>
  </si>
  <si>
    <t>917.9208374023438</t>
  </si>
  <si>
    <t>0.016971201399293534</t>
  </si>
  <si>
    <t>31773</t>
  </si>
  <si>
    <t>10.379141807556152</t>
  </si>
  <si>
    <t>1180.1961669921875</t>
  </si>
  <si>
    <t>0.018262882332965802</t>
  </si>
  <si>
    <t>10.023787498474121</t>
  </si>
  <si>
    <t>1226.275634765625</t>
  </si>
  <si>
    <t>0.028421757343965126</t>
  </si>
  <si>
    <t>32565</t>
  </si>
  <si>
    <t>9.110791206359863</t>
  </si>
  <si>
    <t>1133.053955078125</t>
  </si>
  <si>
    <t>-0.0038005378752430374</t>
  </si>
  <si>
    <t>31640</t>
  </si>
  <si>
    <t>9.613855361938477</t>
  </si>
  <si>
    <t>1079.966064453125</t>
  </si>
  <si>
    <t>-0.028815949098911275</t>
  </si>
  <si>
    <t>32239</t>
  </si>
  <si>
    <t>8.704527854919434</t>
  </si>
  <si>
    <t>1171.9727783203125</t>
  </si>
  <si>
    <t>0.01875475688819961</t>
  </si>
  <si>
    <t>10.297187805175781</t>
  </si>
  <si>
    <t>987.683837890625</t>
  </si>
  <si>
    <t>0.008063189548039418</t>
  </si>
  <si>
    <t>31781</t>
  </si>
  <si>
    <t>9.293519020080566</t>
  </si>
  <si>
    <t>1114.2283935546875</t>
  </si>
  <si>
    <t>-0.022371462391150843</t>
  </si>
  <si>
    <t>9.24183464050293</t>
  </si>
  <si>
    <t>1120.05517578125</t>
  </si>
  <si>
    <t>-0.005395100717015211</t>
  </si>
  <si>
    <t>31464</t>
  </si>
  <si>
    <t>10.584494590759277</t>
  </si>
  <si>
    <t>1138.0390625</t>
  </si>
  <si>
    <t>-0.0046294910980169135</t>
  </si>
  <si>
    <t>31562</t>
  </si>
  <si>
    <t>10.292828559875488</t>
  </si>
  <si>
    <t>1012.7843627929688</t>
  </si>
  <si>
    <t>0.003109830196432739</t>
  </si>
  <si>
    <t>31408</t>
  </si>
  <si>
    <t>9.441750526428223</t>
  </si>
  <si>
    <t>1087.6494140625</t>
  </si>
  <si>
    <t>-0.004891227791835817</t>
  </si>
  <si>
    <t>31837</t>
  </si>
  <si>
    <t>1183.017578125</t>
  </si>
  <si>
    <t>0.013566497897461005</t>
  </si>
  <si>
    <t>10.488164901733398</t>
  </si>
  <si>
    <t>912.5332641601562</t>
  </si>
  <si>
    <t>0.008694075278189217</t>
  </si>
  <si>
    <t>32613</t>
  </si>
  <si>
    <t>10.702155113220215</t>
  </si>
  <si>
    <t>1055.3328857421875</t>
  </si>
  <si>
    <t>0.015387771180217058</t>
  </si>
  <si>
    <t>30829</t>
  </si>
  <si>
    <t>10.76247501373291</t>
  </si>
  <si>
    <t>1133.5208740234375</t>
  </si>
  <si>
    <t>-0.05625517645699141</t>
  </si>
  <si>
    <t>32776</t>
  </si>
  <si>
    <t>9.570117950439453</t>
  </si>
  <si>
    <t>1136.7769775390625</t>
  </si>
  <si>
    <t>0.061240734811587316</t>
  </si>
  <si>
    <t>33464</t>
  </si>
  <si>
    <t>11.191532135009766</t>
  </si>
  <si>
    <t>995.1484375</t>
  </si>
  <si>
    <t>0.020773693895328904</t>
  </si>
  <si>
    <t>249</t>
  </si>
  <si>
    <t>25899</t>
  </si>
  <si>
    <t>10.258960723876953</t>
  </si>
  <si>
    <t>869.8532104492188</t>
  </si>
  <si>
    <t>254.3629150390625</t>
  </si>
  <si>
    <t>Prov. Namur</t>
  </si>
  <si>
    <t>26268</t>
  </si>
  <si>
    <t>9.154083251953125</t>
  </si>
  <si>
    <t>724.7122802734375</t>
  </si>
  <si>
    <t>0.014147110407231267</t>
  </si>
  <si>
    <t>26555</t>
  </si>
  <si>
    <t>10.256522178649902</t>
  </si>
  <si>
    <t>1017.8025512695312</t>
  </si>
  <si>
    <t>0.010866585545636909</t>
  </si>
  <si>
    <t>26189</t>
  </si>
  <si>
    <t>9.397171974182129</t>
  </si>
  <si>
    <t>993.7701416015625</t>
  </si>
  <si>
    <t>-0.013878578596122182</t>
  </si>
  <si>
    <t>26943</t>
  </si>
  <si>
    <t>10.391681671142578</t>
  </si>
  <si>
    <t>1055.6141357421875</t>
  </si>
  <si>
    <t>0.028384048078681445</t>
  </si>
  <si>
    <t>27520</t>
  </si>
  <si>
    <t>9.828470230102539</t>
  </si>
  <si>
    <t>819.9127807617188</t>
  </si>
  <si>
    <t>0.02118948970822032</t>
  </si>
  <si>
    <t>27813</t>
  </si>
  <si>
    <t>8.183347702026367</t>
  </si>
  <si>
    <t>685.4910888671875</t>
  </si>
  <si>
    <t>0.010590524227811926</t>
  </si>
  <si>
    <t>28782</t>
  </si>
  <si>
    <t>10.365260124206543</t>
  </si>
  <si>
    <t>946.2529296875</t>
  </si>
  <si>
    <t>0.03424665445502839</t>
  </si>
  <si>
    <t>29266</t>
  </si>
  <si>
    <t>9.996153831481934</t>
  </si>
  <si>
    <t>1147.380615234375</t>
  </si>
  <si>
    <t>0.016676240922251395</t>
  </si>
  <si>
    <t>30216</t>
  </si>
  <si>
    <t>10.360785484313965</t>
  </si>
  <si>
    <t>996.3222045898438</t>
  </si>
  <si>
    <t>0.03194515273992238</t>
  </si>
  <si>
    <t>31246</t>
  </si>
  <si>
    <t>10.526032447814941</t>
  </si>
  <si>
    <t>1123.51513671875</t>
  </si>
  <si>
    <t>0.03351978257955501</t>
  </si>
  <si>
    <t>31465</t>
  </si>
  <si>
    <t>10.032539367675781</t>
  </si>
  <si>
    <t>1132.113525390625</t>
  </si>
  <si>
    <t>0.006984448989186376</t>
  </si>
  <si>
    <t>31844</t>
  </si>
  <si>
    <t>10.322171211242676</t>
  </si>
  <si>
    <t>1133.7718505859375</t>
  </si>
  <si>
    <t>0.011973164247434553</t>
  </si>
  <si>
    <t>32024</t>
  </si>
  <si>
    <t>10.422784805297852</t>
  </si>
  <si>
    <t>801.7565307617188</t>
  </si>
  <si>
    <t>0.005636640463940523</t>
  </si>
  <si>
    <t>33009</t>
  </si>
  <si>
    <t>10.036398887634277</t>
  </si>
  <si>
    <t>890.2308959960938</t>
  </si>
  <si>
    <t>0.03029462986561171</t>
  </si>
  <si>
    <t>33574</t>
  </si>
  <si>
    <t>9.928067207336426</t>
  </si>
  <si>
    <t>810.008544921875</t>
  </si>
  <si>
    <t>0.016971706344337534</t>
  </si>
  <si>
    <t>34192</t>
  </si>
  <si>
    <t>10.904487609863281</t>
  </si>
  <si>
    <t>1001.9661254882812</t>
  </si>
  <si>
    <t>0.018239740676570193</t>
  </si>
  <si>
    <t>35177</t>
  </si>
  <si>
    <t>10.579487800598145</t>
  </si>
  <si>
    <t>1044.748046875</t>
  </si>
  <si>
    <t>0.02840076137159464</t>
  </si>
  <si>
    <t>35044</t>
  </si>
  <si>
    <t>9.659364700317383</t>
  </si>
  <si>
    <t>967.7216186523438</t>
  </si>
  <si>
    <t>-0.0037880451442688923</t>
  </si>
  <si>
    <t>34049</t>
  </si>
  <si>
    <t>10.078470230102539</t>
  </si>
  <si>
    <t>903.0667114257812</t>
  </si>
  <si>
    <t>-0.028803751215486173</t>
  </si>
  <si>
    <t>34694</t>
  </si>
  <si>
    <t>9.170136451721191</t>
  </si>
  <si>
    <t>981.014404296875</t>
  </si>
  <si>
    <t>0.018766097750585686</t>
  </si>
  <si>
    <t>34775</t>
  </si>
  <si>
    <t>10.785382270812988</t>
  </si>
  <si>
    <t>851.0642700195312</t>
  </si>
  <si>
    <t>0.0023319764702893764</t>
  </si>
  <si>
    <t>34483</t>
  </si>
  <si>
    <t>9.75936508178711</t>
  </si>
  <si>
    <t>944.7290649414062</t>
  </si>
  <si>
    <t>-0.008432288838344348</t>
  </si>
  <si>
    <t>34441</t>
  </si>
  <si>
    <t>9.714241981506348</t>
  </si>
  <si>
    <t>927.687255859375</t>
  </si>
  <si>
    <t>-0.0012187338285229998</t>
  </si>
  <si>
    <t>34735</t>
  </si>
  <si>
    <t>11.086803436279297</t>
  </si>
  <si>
    <t>958.5384521484375</t>
  </si>
  <si>
    <t>0.008500109002204326</t>
  </si>
  <si>
    <t>34627</t>
  </si>
  <si>
    <t>10.780909538269043</t>
  </si>
  <si>
    <t>870.6309204101562</t>
  </si>
  <si>
    <t>-0.003114099572634643</t>
  </si>
  <si>
    <t>34898</t>
  </si>
  <si>
    <t>10.004891395568848</t>
  </si>
  <si>
    <t>923.4979248046875</t>
  </si>
  <si>
    <t>0.007795796403829769</t>
  </si>
  <si>
    <t>35125</t>
  </si>
  <si>
    <t>11.067699432373047</t>
  </si>
  <si>
    <t>987.6723022460938</t>
  </si>
  <si>
    <t>0.0064836066778699575</t>
  </si>
  <si>
    <t>11.005505561828613</t>
  </si>
  <si>
    <t>762.44970703125</t>
  </si>
  <si>
    <t>0.010704072299196454</t>
  </si>
  <si>
    <t>35512</t>
  </si>
  <si>
    <t>11.21871566772461</t>
  </si>
  <si>
    <t>912.677490234375</t>
  </si>
  <si>
    <t>0.0002534675786289853</t>
  </si>
  <si>
    <t>33799</t>
  </si>
  <si>
    <t>11.291275978088379</t>
  </si>
  <si>
    <t>944.3245849609375</t>
  </si>
  <si>
    <t>-0.04943945127924643</t>
  </si>
  <si>
    <t>35371</t>
  </si>
  <si>
    <t>10.129487991333008</t>
  </si>
  <si>
    <t>1011.3790283203125</t>
  </si>
  <si>
    <t>0.04546105911259701</t>
  </si>
  <si>
    <t>36113</t>
  </si>
  <si>
    <t>11.662821769714355</t>
  </si>
  <si>
    <t>844.1004028320312</t>
  </si>
  <si>
    <t>0.02076063595274036</t>
  </si>
  <si>
    <t>250</t>
  </si>
  <si>
    <t>11.390525817871094</t>
  </si>
  <si>
    <t>688.5137329101562</t>
  </si>
  <si>
    <t>1145.70849609375</t>
  </si>
  <si>
    <t>Prov. Oost-Vlaanderen</t>
  </si>
  <si>
    <t>33579</t>
  </si>
  <si>
    <t>10.226785659790039</t>
  </si>
  <si>
    <t>661.5322265625</t>
  </si>
  <si>
    <t>0.014156131188505228</t>
  </si>
  <si>
    <t>33945</t>
  </si>
  <si>
    <t>11.329265594482422</t>
  </si>
  <si>
    <t>909.9310302734375</t>
  </si>
  <si>
    <t>0.010840696178370024</t>
  </si>
  <si>
    <t>33478</t>
  </si>
  <si>
    <t>10.332194328308105</t>
  </si>
  <si>
    <t>876.357177734375</t>
  </si>
  <si>
    <t>-0.013853061073181294</t>
  </si>
  <si>
    <t>34442</t>
  </si>
  <si>
    <t>11.223860740661621</t>
  </si>
  <si>
    <t>888.153076171875</t>
  </si>
  <si>
    <t>0.028388243202279284</t>
  </si>
  <si>
    <t>35179</t>
  </si>
  <si>
    <t>10.754267692565918</t>
  </si>
  <si>
    <t>657.123291015625</t>
  </si>
  <si>
    <t>0.021172563781085785</t>
  </si>
  <si>
    <t>35554</t>
  </si>
  <si>
    <t>9.107193946838379</t>
  </si>
  <si>
    <t>573.3607177734375</t>
  </si>
  <si>
    <t>0.01060335383670008</t>
  </si>
  <si>
    <t>36791</t>
  </si>
  <si>
    <t>11.32093334197998</t>
  </si>
  <si>
    <t>748.4227294921875</t>
  </si>
  <si>
    <t>0.03420058254605074</t>
  </si>
  <si>
    <t>10.965526580810547</t>
  </si>
  <si>
    <t>986.2739868164062</t>
  </si>
  <si>
    <t>0.01671152877688442</t>
  </si>
  <si>
    <t>38626</t>
  </si>
  <si>
    <t>11.498859405517578</t>
  </si>
  <si>
    <t>831.3810424804688</t>
  </si>
  <si>
    <t>0.03196084602697802</t>
  </si>
  <si>
    <t>39941</t>
  </si>
  <si>
    <t>11.501786231994629</t>
  </si>
  <si>
    <t>1006.7792358398438</t>
  </si>
  <si>
    <t>0.03347774038016205</t>
  </si>
  <si>
    <t>40222</t>
  </si>
  <si>
    <t>11.060120582580566</t>
  </si>
  <si>
    <t>915.7357788085938</t>
  </si>
  <si>
    <t>0.007010744381842571</t>
  </si>
  <si>
    <t>40706</t>
  </si>
  <si>
    <t>11.260120391845703</t>
  </si>
  <si>
    <t>936.5274658203125</t>
  </si>
  <si>
    <t>0.011961392118275072</t>
  </si>
  <si>
    <t>40937</t>
  </si>
  <si>
    <t>11.340526580810547</t>
  </si>
  <si>
    <t>662.2887573242188</t>
  </si>
  <si>
    <t>0.0056587978497386615</t>
  </si>
  <si>
    <t>42195</t>
  </si>
  <si>
    <t>11.176787376403809</t>
  </si>
  <si>
    <t>709.5054321289062</t>
  </si>
  <si>
    <t>0.03026743102950391</t>
  </si>
  <si>
    <t>42918</t>
  </si>
  <si>
    <t>10.873859405517578</t>
  </si>
  <si>
    <t>770.0810546875</t>
  </si>
  <si>
    <t>0.01698958774437287</t>
  </si>
  <si>
    <t>43708</t>
  </si>
  <si>
    <t>12.03219223022461</t>
  </si>
  <si>
    <t>848.3268432617188</t>
  </si>
  <si>
    <t>0.018239833354197543</t>
  </si>
  <si>
    <t>44967</t>
  </si>
  <si>
    <t>11.707194328308105</t>
  </si>
  <si>
    <t>858.829833984375</t>
  </si>
  <si>
    <t>0.028397735708068694</t>
  </si>
  <si>
    <t>44797</t>
  </si>
  <si>
    <t>10.88759994506836</t>
  </si>
  <si>
    <t>808.4846801757812</t>
  </si>
  <si>
    <t>-0.003787714523550534</t>
  </si>
  <si>
    <t>43525</t>
  </si>
  <si>
    <t>11.042560577392578</t>
  </si>
  <si>
    <t>756.416748046875</t>
  </si>
  <si>
    <t>-0.028805687238765643</t>
  </si>
  <si>
    <t>44349</t>
  </si>
  <si>
    <t>10.095932960510254</t>
  </si>
  <si>
    <t>834.8453369140625</t>
  </si>
  <si>
    <t>0.018754674932811355</t>
  </si>
  <si>
    <t>44850</t>
  </si>
  <si>
    <t>11.701339721679688</t>
  </si>
  <si>
    <t>715.0429077148438</t>
  </si>
  <si>
    <t>0.011233427917741068</t>
  </si>
  <si>
    <t>44652</t>
  </si>
  <si>
    <t>10.698859214782715</t>
  </si>
  <si>
    <t>869.9423217773438</t>
  </si>
  <si>
    <t>-0.004424489352318872</t>
  </si>
  <si>
    <t>44977</t>
  </si>
  <si>
    <t>10.701786041259766</t>
  </si>
  <si>
    <t>822.0590209960938</t>
  </si>
  <si>
    <t>0.007252148844916206</t>
  </si>
  <si>
    <t>45327</t>
  </si>
  <si>
    <t>12.223860740661621</t>
  </si>
  <si>
    <t>826.06787109375</t>
  </si>
  <si>
    <t>0.007751633428412674</t>
  </si>
  <si>
    <t>46577</t>
  </si>
  <si>
    <t>11.601786613464355</t>
  </si>
  <si>
    <t>0.027203975632094313</t>
  </si>
  <si>
    <t>47036</t>
  </si>
  <si>
    <t>11.165526390075684</t>
  </si>
  <si>
    <t>793.2637939453125</t>
  </si>
  <si>
    <t>0.009806408903260788</t>
  </si>
  <si>
    <t>47830</t>
  </si>
  <si>
    <t>11.89300537109375</t>
  </si>
  <si>
    <t>840.5321655273438</t>
  </si>
  <si>
    <t>0.01673979173103568</t>
  </si>
  <si>
    <t>48025</t>
  </si>
  <si>
    <t>11.90719223022461</t>
  </si>
  <si>
    <t>654.6483154296875</t>
  </si>
  <si>
    <t>0.0040686509624148215</t>
  </si>
  <si>
    <t>48557</t>
  </si>
  <si>
    <t>12.207194328308105</t>
  </si>
  <si>
    <t>778.3858032226562</t>
  </si>
  <si>
    <t>0.011016656946031489</t>
  </si>
  <si>
    <t>46102</t>
  </si>
  <si>
    <t>12.143452644348145</t>
  </si>
  <si>
    <t>842.9864501953125</t>
  </si>
  <si>
    <t>-0.051882032591166194</t>
  </si>
  <si>
    <t>50257</t>
  </si>
  <si>
    <t>11.268898963928223</t>
  </si>
  <si>
    <t>795.5571899414062</t>
  </si>
  <si>
    <t>0.08629350771045807</t>
  </si>
  <si>
    <t>51311</t>
  </si>
  <si>
    <t>12.454265594482422</t>
  </si>
  <si>
    <t>714.7340087890625</t>
  </si>
  <si>
    <t>0.020755313422302635</t>
  </si>
  <si>
    <t>251</t>
  </si>
  <si>
    <t>38849</t>
  </si>
  <si>
    <t>11.191666603088379</t>
  </si>
  <si>
    <t>740.199951171875</t>
  </si>
  <si>
    <t>947.57470703125</t>
  </si>
  <si>
    <t>Prov. Vlaams-Brabant</t>
  </si>
  <si>
    <t>39402</t>
  </si>
  <si>
    <t>720.0</t>
  </si>
  <si>
    <t>0.014134239980254648</t>
  </si>
  <si>
    <t>39832</t>
  </si>
  <si>
    <t>11.158333778381348</t>
  </si>
  <si>
    <t>971.9000244140625</t>
  </si>
  <si>
    <t>0.010854032902990696</t>
  </si>
  <si>
    <t>39284</t>
  </si>
  <si>
    <t>10.125000953674316</t>
  </si>
  <si>
    <t>927.2000732421875</t>
  </si>
  <si>
    <t>-0.013853298044354645</t>
  </si>
  <si>
    <t>40415</t>
  </si>
  <si>
    <t>10.97499942779541</t>
  </si>
  <si>
    <t>964.4000244140625</t>
  </si>
  <si>
    <t>0.028383691890280005</t>
  </si>
  <si>
    <t>41281</t>
  </si>
  <si>
    <t>689.8001098632812</t>
  </si>
  <si>
    <t>0.02120134250028549</t>
  </si>
  <si>
    <t>41720</t>
  </si>
  <si>
    <t>0.010578284446479458</t>
  </si>
  <si>
    <t>43172</t>
  </si>
  <si>
    <t>815.7000122070312</t>
  </si>
  <si>
    <t>0.03421150683052687</t>
  </si>
  <si>
    <t>43900</t>
  </si>
  <si>
    <t>1056.800048828125</t>
  </si>
  <si>
    <t>0.01672218311802709</t>
  </si>
  <si>
    <t>45325</t>
  </si>
  <si>
    <t>11.324999809265137</t>
  </si>
  <si>
    <t>881.8999633789062</t>
  </si>
  <si>
    <t>0.031944436559788514</t>
  </si>
  <si>
    <t>46868</t>
  </si>
  <si>
    <t>11.325000762939453</t>
  </si>
  <si>
    <t>1066.5</t>
  </si>
  <si>
    <t>0.03347638316499513</t>
  </si>
  <si>
    <t>47198</t>
  </si>
  <si>
    <t>10.866667747497559</t>
  </si>
  <si>
    <t>1012.6000366210938</t>
  </si>
  <si>
    <t>0.007016379006488549</t>
  </si>
  <si>
    <t>11.07500171661377</t>
  </si>
  <si>
    <t>1011.300048828125</t>
  </si>
  <si>
    <t>0.011941634909574006</t>
  </si>
  <si>
    <t>48036</t>
  </si>
  <si>
    <t>11.133334159851074</t>
  </si>
  <si>
    <t>726.0</t>
  </si>
  <si>
    <t>0.00565757607646411</t>
  </si>
  <si>
    <t>49513</t>
  </si>
  <si>
    <t>763.6000366210938</t>
  </si>
  <si>
    <t>0.030284531558594452</t>
  </si>
  <si>
    <t>50361</t>
  </si>
  <si>
    <t>10.658333778381348</t>
  </si>
  <si>
    <t>803.8001098632812</t>
  </si>
  <si>
    <t>0.016981804651354793</t>
  </si>
  <si>
    <t>51288</t>
  </si>
  <si>
    <t>11.825000762939453</t>
  </si>
  <si>
    <t>908.800048828125</t>
  </si>
  <si>
    <t>52766</t>
  </si>
  <si>
    <t>11.508332252502441</t>
  </si>
  <si>
    <t>922.60009765625</t>
  </si>
  <si>
    <t>0.028410237215300782</t>
  </si>
  <si>
    <t>52567</t>
  </si>
  <si>
    <t>10.683334350585938</t>
  </si>
  <si>
    <t>866.2999877929688</t>
  </si>
  <si>
    <t>-0.0037784974653884973</t>
  </si>
  <si>
    <t>51074</t>
  </si>
  <si>
    <t>10.850001335144043</t>
  </si>
  <si>
    <t>809.1000366210938</t>
  </si>
  <si>
    <t>-0.028812984973271227</t>
  </si>
  <si>
    <t>52041</t>
  </si>
  <si>
    <t>9.8916654586792</t>
  </si>
  <si>
    <t>888.800048828125</t>
  </si>
  <si>
    <t>0.018756307985784204</t>
  </si>
  <si>
    <t>52325</t>
  </si>
  <si>
    <t>11.5</t>
  </si>
  <si>
    <t>753.8999633789062</t>
  </si>
  <si>
    <t>0.00544239888468212</t>
  </si>
  <si>
    <t>10.516667366027832</t>
  </si>
  <si>
    <t>938.9000854492188</t>
  </si>
  <si>
    <t>0.017204236460424127</t>
  </si>
  <si>
    <t>53312</t>
  </si>
  <si>
    <t>879.10009765625</t>
  </si>
  <si>
    <t>0.00148294175189001</t>
  </si>
  <si>
    <t>53582</t>
  </si>
  <si>
    <t>877.800048828125</t>
  </si>
  <si>
    <t>0.005051744236391542</t>
  </si>
  <si>
    <t>54851</t>
  </si>
  <si>
    <t>814.9000244140625</t>
  </si>
  <si>
    <t>0.023407227314843126</t>
  </si>
  <si>
    <t>55685</t>
  </si>
  <si>
    <t>870.7999877929688</t>
  </si>
  <si>
    <t>0.015090392749451453</t>
  </si>
  <si>
    <t>56201</t>
  </si>
  <si>
    <t>11.716667175292969</t>
  </si>
  <si>
    <t>885.2999877929688</t>
  </si>
  <si>
    <t>0.009223739490582972</t>
  </si>
  <si>
    <t>57011</t>
  </si>
  <si>
    <t>702.300048828125</t>
  </si>
  <si>
    <t>0.014309681336325042</t>
  </si>
  <si>
    <t>57834</t>
  </si>
  <si>
    <t>12.016667366027832</t>
  </si>
  <si>
    <t>818.9000244140625</t>
  </si>
  <si>
    <t>0.014332606357914557</t>
  </si>
  <si>
    <t>53032</t>
  </si>
  <si>
    <t>11.949999809265137</t>
  </si>
  <si>
    <t>887.800048828125</t>
  </si>
  <si>
    <t>-0.08668133309079629</t>
  </si>
  <si>
    <t>58177</t>
  </si>
  <si>
    <t>0.09259458268711285</t>
  </si>
  <si>
    <t>12.250000953674316</t>
  </si>
  <si>
    <t>749.5999755859375</t>
  </si>
  <si>
    <t>0.020770468141877885</t>
  </si>
  <si>
    <t>252</t>
  </si>
  <si>
    <t>34695</t>
  </si>
  <si>
    <t>11.21804141998291</t>
  </si>
  <si>
    <t>680.120849609375</t>
  </si>
  <si>
    <t>1425.52685546875</t>
  </si>
  <si>
    <t>Prov. West-Vlaanderen</t>
  </si>
  <si>
    <t>35190</t>
  </si>
  <si>
    <t>10.055280685424805</t>
  </si>
  <si>
    <t>680.2022705078125</t>
  </si>
  <si>
    <t>0.01416636698198026</t>
  </si>
  <si>
    <t>35573</t>
  </si>
  <si>
    <t>11.143828392028809</t>
  </si>
  <si>
    <t>853.8028564453125</t>
  </si>
  <si>
    <t>0.010824971806966843</t>
  </si>
  <si>
    <t>35084</t>
  </si>
  <si>
    <t>10.273414611816406</t>
  </si>
  <si>
    <t>861.8727416992188</t>
  </si>
  <si>
    <t>-0.013841737051324188</t>
  </si>
  <si>
    <t>36094</t>
  </si>
  <si>
    <t>11.350841522216797</t>
  </si>
  <si>
    <t>896.7854614257812</t>
  </si>
  <si>
    <t>0.02838146044997103</t>
  </si>
  <si>
    <t>36867</t>
  </si>
  <si>
    <t>10.782878875732422</t>
  </si>
  <si>
    <t>591.4672241210938</t>
  </si>
  <si>
    <t>0.02119019543146372</t>
  </si>
  <si>
    <t>37259</t>
  </si>
  <si>
    <t>9.225678443908691</t>
  </si>
  <si>
    <t>588.2105102539062</t>
  </si>
  <si>
    <t>0.010576684410079196</t>
  </si>
  <si>
    <t>38556</t>
  </si>
  <si>
    <t>11.288153648376465</t>
  </si>
  <si>
    <t>791.9736938476562</t>
  </si>
  <si>
    <t>0.03421820354107297</t>
  </si>
  <si>
    <t>39206</t>
  </si>
  <si>
    <t>10.850798606872559</t>
  </si>
  <si>
    <t>885.4070434570312</t>
  </si>
  <si>
    <t>0.016718066386509634</t>
  </si>
  <si>
    <t>40479</t>
  </si>
  <si>
    <t>11.161468505859375</t>
  </si>
  <si>
    <t>808.2830810546875</t>
  </si>
  <si>
    <t>0.03195352480852698</t>
  </si>
  <si>
    <t>41857</t>
  </si>
  <si>
    <t>11.438258171081543</t>
  </si>
  <si>
    <t>1011.3580932617188</t>
  </si>
  <si>
    <t>0.033475725869887896</t>
  </si>
  <si>
    <t>42151</t>
  </si>
  <si>
    <t>10.911223411560059</t>
  </si>
  <si>
    <t>957.8753051757812</t>
  </si>
  <si>
    <t>0.006999361972196638</t>
  </si>
  <si>
    <t>42658</t>
  </si>
  <si>
    <t>11.287690162658691</t>
  </si>
  <si>
    <t>940.5673217773438</t>
  </si>
  <si>
    <t>0.011956420659986478</t>
  </si>
  <si>
    <t>42900</t>
  </si>
  <si>
    <t>11.287240028381348</t>
  </si>
  <si>
    <t>686.6429443359375</t>
  </si>
  <si>
    <t>0.0056569963151407165</t>
  </si>
  <si>
    <t>44219</t>
  </si>
  <si>
    <t>10.933345794677734</t>
  </si>
  <si>
    <t>712.9415283203125</t>
  </si>
  <si>
    <t>0.030282735037905795</t>
  </si>
  <si>
    <t>44976</t>
  </si>
  <si>
    <t>10.741043090820312</t>
  </si>
  <si>
    <t>700.6885986328125</t>
  </si>
  <si>
    <t>0.016974453192299066</t>
  </si>
  <si>
    <t>45805</t>
  </si>
  <si>
    <t>11.76413631439209</t>
  </si>
  <si>
    <t>831.44970703125</t>
  </si>
  <si>
    <t>0.018264241302995643</t>
  </si>
  <si>
    <t>47125</t>
  </si>
  <si>
    <t>11.318448066711426</t>
  </si>
  <si>
    <t>845.8987426757812</t>
  </si>
  <si>
    <t>0.02841039030100312</t>
  </si>
  <si>
    <t>46946</t>
  </si>
  <si>
    <t>10.515095710754395</t>
  </si>
  <si>
    <t>834.6768188476562</t>
  </si>
  <si>
    <t>-0.0038056407614792676</t>
  </si>
  <si>
    <t>45613</t>
  </si>
  <si>
    <t>10.98996639251709</t>
  </si>
  <si>
    <t>767.21923828125</t>
  </si>
  <si>
    <t>-0.02880524139683871</t>
  </si>
  <si>
    <t>46477</t>
  </si>
  <si>
    <t>10.201302528381348</t>
  </si>
  <si>
    <t>828.5234985351562</t>
  </si>
  <si>
    <t>0.018764802960907545</t>
  </si>
  <si>
    <t>46963</t>
  </si>
  <si>
    <t>11.822443962097168</t>
  </si>
  <si>
    <t>681.4380493164062</t>
  </si>
  <si>
    <t>0.010402491065299557</t>
  </si>
  <si>
    <t>47195</t>
  </si>
  <si>
    <t>10.728684425354004</t>
  </si>
  <si>
    <t>958.2495727539062</t>
  </si>
  <si>
    <t>0.00492789714084374</t>
  </si>
  <si>
    <t>47651</t>
  </si>
  <si>
    <t>10.686173439025879</t>
  </si>
  <si>
    <t>812.7190551757812</t>
  </si>
  <si>
    <t>0.009615661461959135</t>
  </si>
  <si>
    <t>48598</t>
  </si>
  <si>
    <t>11.975521087646484</t>
  </si>
  <si>
    <t>866.6084594726562</t>
  </si>
  <si>
    <t>0.019678761557429425</t>
  </si>
  <si>
    <t>49029</t>
  </si>
  <si>
    <t>11.59368896484375</t>
  </si>
  <si>
    <t>785.3076171875</t>
  </si>
  <si>
    <t>0.008829581982734425</t>
  </si>
  <si>
    <t>49768</t>
  </si>
  <si>
    <t>10.787091255187988</t>
  </si>
  <si>
    <t>792.5859375</t>
  </si>
  <si>
    <t>0.014960247433688068</t>
  </si>
  <si>
    <t>50371</t>
  </si>
  <si>
    <t>11.86047077178955</t>
  </si>
  <si>
    <t>792.869384765625</t>
  </si>
  <si>
    <t>0.012043405434926768</t>
  </si>
  <si>
    <t>50824</t>
  </si>
  <si>
    <t>11.81893253326416</t>
  </si>
  <si>
    <t>693.461181640625</t>
  </si>
  <si>
    <t>0.008953071316586403</t>
  </si>
  <si>
    <t>51746</t>
  </si>
  <si>
    <t>12.049248695373535</t>
  </si>
  <si>
    <t>787.2407836914062</t>
  </si>
  <si>
    <t>0.017978450507868615</t>
  </si>
  <si>
    <t>49213</t>
  </si>
  <si>
    <t>12.070446968078613</t>
  </si>
  <si>
    <t>835.3880615234375</t>
  </si>
  <si>
    <t>-0.050189318233536895</t>
  </si>
  <si>
    <t>52851</t>
  </si>
  <si>
    <t>11.020538330078125</t>
  </si>
  <si>
    <t>805.2844848632812</t>
  </si>
  <si>
    <t>0.07131881737455004</t>
  </si>
  <si>
    <t>53960</t>
  </si>
  <si>
    <t>12.534836769104004</t>
  </si>
  <si>
    <t>651.9638061523438</t>
  </si>
  <si>
    <t>0.020766397726442065</t>
  </si>
  <si>
    <t>254</t>
  </si>
  <si>
    <t>BEN</t>
  </si>
  <si>
    <t>27.870628356933594</t>
  </si>
  <si>
    <t>883.3706665039062</t>
  </si>
  <si>
    <t>229.7250518798828</t>
  </si>
  <si>
    <t>Atacora</t>
  </si>
  <si>
    <t>Benin</t>
  </si>
  <si>
    <t>1989</t>
  </si>
  <si>
    <t>27.23801612854004</t>
  </si>
  <si>
    <t>1320.7872314453125</t>
  </si>
  <si>
    <t>0.010614201241773813</t>
  </si>
  <si>
    <t>27.252859115600586</t>
  </si>
  <si>
    <t>970.7125244140625</t>
  </si>
  <si>
    <t>-0.0015094342488541912</t>
  </si>
  <si>
    <t>27.70796012878418</t>
  </si>
  <si>
    <t>934.971923828125</t>
  </si>
  <si>
    <t>0.014000228673388904</t>
  </si>
  <si>
    <t>1983</t>
  </si>
  <si>
    <t>27.197832107543945</t>
  </si>
  <si>
    <t>1201.434326171875</t>
  </si>
  <si>
    <t>-0.015511944758711316</t>
  </si>
  <si>
    <t>27.85357666015625</t>
  </si>
  <si>
    <t>1141.0084228515625</t>
  </si>
  <si>
    <t>0.04003499808165767</t>
  </si>
  <si>
    <t>2102</t>
  </si>
  <si>
    <t>27.754335403442383</t>
  </si>
  <si>
    <t>1140.67333984375</t>
  </si>
  <si>
    <t>0.018243424835443278</t>
  </si>
  <si>
    <t>2163</t>
  </si>
  <si>
    <t>27.688634872436523</t>
  </si>
  <si>
    <t>1003.9877319335938</t>
  </si>
  <si>
    <t>0.028606874516161618</t>
  </si>
  <si>
    <t>28.151323318481445</t>
  </si>
  <si>
    <t>1136.5706787109375</t>
  </si>
  <si>
    <t>0.010119681576632011</t>
  </si>
  <si>
    <t>2127</t>
  </si>
  <si>
    <t>27.72093963623047</t>
  </si>
  <si>
    <t>1235.43896484375</t>
  </si>
  <si>
    <t>-0.026903292329452988</t>
  </si>
  <si>
    <t>2075</t>
  </si>
  <si>
    <t>27.525575637817383</t>
  </si>
  <si>
    <t>1036.1719970703125</t>
  </si>
  <si>
    <t>-0.02475138253543907</t>
  </si>
  <si>
    <t>27.853322982788086</t>
  </si>
  <si>
    <t>881.2575073242188</t>
  </si>
  <si>
    <t>-0.032324067849863525</t>
  </si>
  <si>
    <t>28.2207088470459</t>
  </si>
  <si>
    <t>1052.8197021484375</t>
  </si>
  <si>
    <t>-0.041672696400568476</t>
  </si>
  <si>
    <t>28.059738159179688</t>
  </si>
  <si>
    <t>1277.73095703125</t>
  </si>
  <si>
    <t>-0.05767748989624444</t>
  </si>
  <si>
    <t>1726</t>
  </si>
  <si>
    <t>27.99370574951172</t>
  </si>
  <si>
    <t>1056.76904296875</t>
  </si>
  <si>
    <t>-0.052480306874748806</t>
  </si>
  <si>
    <t>1832</t>
  </si>
  <si>
    <t>28.48827362060547</t>
  </si>
  <si>
    <t>1051.1611328125</t>
  </si>
  <si>
    <t>0.05960167359070212</t>
  </si>
  <si>
    <t>1868</t>
  </si>
  <si>
    <t>27.9456844329834</t>
  </si>
  <si>
    <t>1053.906005859375</t>
  </si>
  <si>
    <t>0.01946007355471302</t>
  </si>
  <si>
    <t>1940</t>
  </si>
  <si>
    <t>27.96674919128418</t>
  </si>
  <si>
    <t>1171.334716796875</t>
  </si>
  <si>
    <t>0.03781963326858584</t>
  </si>
  <si>
    <t>27.859682083129883</t>
  </si>
  <si>
    <t>1224.036376953125</t>
  </si>
  <si>
    <t>0.025949052006821738</t>
  </si>
  <si>
    <t>28.396087646484375</t>
  </si>
  <si>
    <t>1185.53173828125</t>
  </si>
  <si>
    <t>0.002508152807213726</t>
  </si>
  <si>
    <t>28.44715118408203</t>
  </si>
  <si>
    <t>1176.4488525390625</t>
  </si>
  <si>
    <t>0.0005008765444056706</t>
  </si>
  <si>
    <t>28.165647506713867</t>
  </si>
  <si>
    <t>1037.10693359375</t>
  </si>
  <si>
    <t>0.0074831978038147895</t>
  </si>
  <si>
    <t>27.961732864379883</t>
  </si>
  <si>
    <t>1002.6437377929688</t>
  </si>
  <si>
    <t>28.209867477416992</t>
  </si>
  <si>
    <t>962.322265625</t>
  </si>
  <si>
    <t>0.05989257797373693</t>
  </si>
  <si>
    <t>2337</t>
  </si>
  <si>
    <t>28.092130661010742</t>
  </si>
  <si>
    <t>1042.4622802734375</t>
  </si>
  <si>
    <t>0.05181141160626446</t>
  </si>
  <si>
    <t>2359</t>
  </si>
  <si>
    <t>28.263017654418945</t>
  </si>
  <si>
    <t>979.2128295898438</t>
  </si>
  <si>
    <t>0.00936974486881681</t>
  </si>
  <si>
    <t>2413</t>
  </si>
  <si>
    <t>28.440847396850586</t>
  </si>
  <si>
    <t>1020.7996826171875</t>
  </si>
  <si>
    <t>0.022632986217356432</t>
  </si>
  <si>
    <t>2524</t>
  </si>
  <si>
    <t>28.2374324798584</t>
  </si>
  <si>
    <t>1039.0362548828125</t>
  </si>
  <si>
    <t>0.044974158036072076</t>
  </si>
  <si>
    <t>28.379194259643555</t>
  </si>
  <si>
    <t>1150.2279052734375</t>
  </si>
  <si>
    <t>0.05510930052091112</t>
  </si>
  <si>
    <t>2766</t>
  </si>
  <si>
    <t>28.001815795898438</t>
  </si>
  <si>
    <t>1192.6712646484375</t>
  </si>
  <si>
    <t>0.03644798804268845</t>
  </si>
  <si>
    <t>2790</t>
  </si>
  <si>
    <t>28.55455780029297</t>
  </si>
  <si>
    <t>1208.1717529296875</t>
  </si>
  <si>
    <t>0.008639362590708188</t>
  </si>
  <si>
    <t>28.5726318359375</t>
  </si>
  <si>
    <t>1055.49609375</t>
  </si>
  <si>
    <t>0.04039179447060004</t>
  </si>
  <si>
    <t>3002</t>
  </si>
  <si>
    <t>28.049116134643555</t>
  </si>
  <si>
    <t>1147.0023193359375</t>
  </si>
  <si>
    <t>0.03284534290739671</t>
  </si>
  <si>
    <t>255</t>
  </si>
  <si>
    <t>888.5000610351562</t>
  </si>
  <si>
    <t>171.74972534179688</t>
  </si>
  <si>
    <t>Atlantique</t>
  </si>
  <si>
    <t>2829</t>
  </si>
  <si>
    <t>27.07499885559082</t>
  </si>
  <si>
    <t>1187.4000244140625</t>
  </si>
  <si>
    <t>0.010303875138272467</t>
  </si>
  <si>
    <t>2824</t>
  </si>
  <si>
    <t>27.133333206176758</t>
  </si>
  <si>
    <t>838.2999267578125</t>
  </si>
  <si>
    <t>-0.0017689726884349</t>
  </si>
  <si>
    <t>2852</t>
  </si>
  <si>
    <t>1085.5999755859375</t>
  </si>
  <si>
    <t>0.009866182921054012</t>
  </si>
  <si>
    <t>2797</t>
  </si>
  <si>
    <t>27.16666603088379</t>
  </si>
  <si>
    <t>983.2999877929688</t>
  </si>
  <si>
    <t>-0.019473088332227384</t>
  </si>
  <si>
    <t>2899</t>
  </si>
  <si>
    <t>27.441667556762695</t>
  </si>
  <si>
    <t>1083.89990234375</t>
  </si>
  <si>
    <t>0.035818435719695785</t>
  </si>
  <si>
    <t>27.400001525878906</t>
  </si>
  <si>
    <t>1104.3001708984375</t>
  </si>
  <si>
    <t>0.01404373141107218</t>
  </si>
  <si>
    <t>1212.4000244140625</t>
  </si>
  <si>
    <t>0.02419472858705607</t>
  </si>
  <si>
    <t>3030</t>
  </si>
  <si>
    <t>901.300048828125</t>
  </si>
  <si>
    <t>0.005958309583631305</t>
  </si>
  <si>
    <t>27.441665649414062</t>
  </si>
  <si>
    <t>1177.9998779296875</t>
  </si>
  <si>
    <t>-0.030153038170687374</t>
  </si>
  <si>
    <t>27.583335876464844</t>
  </si>
  <si>
    <t>927.4000244140625</t>
  </si>
  <si>
    <t>-0.02828750184291451</t>
  </si>
  <si>
    <t>828.8999633789062</t>
  </si>
  <si>
    <t>-0.03597894746601593</t>
  </si>
  <si>
    <t>27.85833168029785</t>
  </si>
  <si>
    <t>1079.5</t>
  </si>
  <si>
    <t>-0.046399118578588805</t>
  </si>
  <si>
    <t>1178.800048828125</t>
  </si>
  <si>
    <t>-0.06271647386762691</t>
  </si>
  <si>
    <t>27.616666793823242</t>
  </si>
  <si>
    <t>1157.2999267578125</t>
  </si>
  <si>
    <t>-0.05830127110719818</t>
  </si>
  <si>
    <t>3750</t>
  </si>
  <si>
    <t>28.05000114440918</t>
  </si>
  <si>
    <t>1003.2000122070312</t>
  </si>
  <si>
    <t>0.47502957149407354</t>
  </si>
  <si>
    <t>3688</t>
  </si>
  <si>
    <t>27.850000381469727</t>
  </si>
  <si>
    <t>1006.6000366210938</t>
  </si>
  <si>
    <t>-0.016671534287972634</t>
  </si>
  <si>
    <t>3891</t>
  </si>
  <si>
    <t>1247.2000732421875</t>
  </si>
  <si>
    <t>0.05358188830807009</t>
  </si>
  <si>
    <t>4059</t>
  </si>
  <si>
    <t>27.875</t>
  </si>
  <si>
    <t>1260.89990234375</t>
  </si>
  <si>
    <t>0.04227044385434375</t>
  </si>
  <si>
    <t>4122</t>
  </si>
  <si>
    <t>28.041664123535156</t>
  </si>
  <si>
    <t>1150.400146484375</t>
  </si>
  <si>
    <t>0.015401844611506732</t>
  </si>
  <si>
    <t>4176</t>
  </si>
  <si>
    <t>28.20833396911621</t>
  </si>
  <si>
    <t>1315.2999267578125</t>
  </si>
  <si>
    <t>0.013015368112069936</t>
  </si>
  <si>
    <t>4265</t>
  </si>
  <si>
    <t>1085.6998291015625</t>
  </si>
  <si>
    <t>0.021088330363305374</t>
  </si>
  <si>
    <t>4259</t>
  </si>
  <si>
    <t>1068.800048828125</t>
  </si>
  <si>
    <t>-0.0014077900025668555</t>
  </si>
  <si>
    <t>4354</t>
  </si>
  <si>
    <t>1031.2001953125</t>
  </si>
  <si>
    <t>0.022060571871278967</t>
  </si>
  <si>
    <t>4413</t>
  </si>
  <si>
    <t>1152.300048828125</t>
  </si>
  <si>
    <t>0.013459767475055173</t>
  </si>
  <si>
    <t>4267</t>
  </si>
  <si>
    <t>28.175003051757812</t>
  </si>
  <si>
    <t>973.0999755859375</t>
  </si>
  <si>
    <t>-0.03364372608154653</t>
  </si>
  <si>
    <t>28.333335876464844</t>
  </si>
  <si>
    <t>976.0</t>
  </si>
  <si>
    <t>-0.018210270271817208</t>
  </si>
  <si>
    <t>28.16666603088379</t>
  </si>
  <si>
    <t>998.3001098632812</t>
  </si>
  <si>
    <t>0.004761913760244596</t>
  </si>
  <si>
    <t>4271</t>
  </si>
  <si>
    <t>0.01438534416503856</t>
  </si>
  <si>
    <t>4431</t>
  </si>
  <si>
    <t>27.89167022705078</t>
  </si>
  <si>
    <t>1404.60009765625</t>
  </si>
  <si>
    <t>0.036777300358023624</t>
  </si>
  <si>
    <t>4469</t>
  </si>
  <si>
    <t>956.9000854492188</t>
  </si>
  <si>
    <t>0.008539377733962183</t>
  </si>
  <si>
    <t>4654</t>
  </si>
  <si>
    <t>28.35833168029785</t>
  </si>
  <si>
    <t>1073.800048828125</t>
  </si>
  <si>
    <t>0.04056239492878433</t>
  </si>
  <si>
    <t>4808</t>
  </si>
  <si>
    <t>27.900001525878906</t>
  </si>
  <si>
    <t>1084.7999267578125</t>
  </si>
  <si>
    <t>0.03255413235280713</t>
  </si>
  <si>
    <t>256</t>
  </si>
  <si>
    <t>1810</t>
  </si>
  <si>
    <t>27.93170928955078</t>
  </si>
  <si>
    <t>873.369140625</t>
  </si>
  <si>
    <t>431.9790954589844</t>
  </si>
  <si>
    <t>Borgou</t>
  </si>
  <si>
    <t>1829</t>
  </si>
  <si>
    <t>27.38068389892578</t>
  </si>
  <si>
    <t>1168.3311767578125</t>
  </si>
  <si>
    <t>0.01044252413099489</t>
  </si>
  <si>
    <t>1826</t>
  </si>
  <si>
    <t>27.379915237426758</t>
  </si>
  <si>
    <t>948.9923706054688</t>
  </si>
  <si>
    <t>-0.0016415872359525352</t>
  </si>
  <si>
    <t>1841</t>
  </si>
  <si>
    <t>27.81422233581543</t>
  </si>
  <si>
    <t>934.96826171875</t>
  </si>
  <si>
    <t>0.008181120078164739</t>
  </si>
  <si>
    <t>27.361597061157227</t>
  </si>
  <si>
    <t>1190.9964599609375</t>
  </si>
  <si>
    <t>-0.021411743064795097</t>
  </si>
  <si>
    <t>1865</t>
  </si>
  <si>
    <t>27.993078231811523</t>
  </si>
  <si>
    <t>1080.020751953125</t>
  </si>
  <si>
    <t>0.03436389390963246</t>
  </si>
  <si>
    <t>1888</t>
  </si>
  <si>
    <t>27.91408348083496</t>
  </si>
  <si>
    <t>1044.2867431640625</t>
  </si>
  <si>
    <t>0.01225701462753026</t>
  </si>
  <si>
    <t>27.82953453063965</t>
  </si>
  <si>
    <t>931.124755859375</t>
  </si>
  <si>
    <t>0.023037668067017236</t>
  </si>
  <si>
    <t>28.300336837768555</t>
  </si>
  <si>
    <t>1104.244140625</t>
  </si>
  <si>
    <t>0.004132237284911078</t>
  </si>
  <si>
    <t>2166</t>
  </si>
  <si>
    <t>27.88715171813965</t>
  </si>
  <si>
    <t>1123.4866943359375</t>
  </si>
  <si>
    <t>0.11019417550356181</t>
  </si>
  <si>
    <t>2412</t>
  </si>
  <si>
    <t>27.67127227783203</t>
  </si>
  <si>
    <t>943.0390625</t>
  </si>
  <si>
    <t>0.10757413028613971</t>
  </si>
  <si>
    <t>2658</t>
  </si>
  <si>
    <t>27.965003967285156</t>
  </si>
  <si>
    <t>849.94970703125</t>
  </si>
  <si>
    <t>0.09711768142611543</t>
  </si>
  <si>
    <t>2894</t>
  </si>
  <si>
    <t>28.311655044555664</t>
  </si>
  <si>
    <t>1004.266357421875</t>
  </si>
  <si>
    <t>0.08506566791823822</t>
  </si>
  <si>
    <t>28.188695907592773</t>
  </si>
  <si>
    <t>1190.5196533203125</t>
  </si>
  <si>
    <t>0.0684398505963193</t>
  </si>
  <si>
    <t>3335</t>
  </si>
  <si>
    <t>28.11262321472168</t>
  </si>
  <si>
    <t>994.8915405273438</t>
  </si>
  <si>
    <t>0.07339320056197529</t>
  </si>
  <si>
    <t>2257</t>
  </si>
  <si>
    <t>28.639524459838867</t>
  </si>
  <si>
    <t>1002.809326171875</t>
  </si>
  <si>
    <t>-0.3904361815321886</t>
  </si>
  <si>
    <t>2310</t>
  </si>
  <si>
    <t>28.08399200439453</t>
  </si>
  <si>
    <t>960.2235717773438</t>
  </si>
  <si>
    <t>0.023211026698303883</t>
  </si>
  <si>
    <t>28.144439697265625</t>
  </si>
  <si>
    <t>1097.0531005859375</t>
  </si>
  <si>
    <t>0.01247596306833998</t>
  </si>
  <si>
    <t>2344</t>
  </si>
  <si>
    <t>28.018470764160156</t>
  </si>
  <si>
    <t>1159.6322021484375</t>
  </si>
  <si>
    <t>0.002135384112723848</t>
  </si>
  <si>
    <t>2291</t>
  </si>
  <si>
    <t>28.59934425354004</t>
  </si>
  <si>
    <t>1058.142578125</t>
  </si>
  <si>
    <t>-0.02287046824340777</t>
  </si>
  <si>
    <t>2236</t>
  </si>
  <si>
    <t>28.59516716003418</t>
  </si>
  <si>
    <t>1079.361083984375</t>
  </si>
  <si>
    <t>-0.02429984817850528</t>
  </si>
  <si>
    <t>2198</t>
  </si>
  <si>
    <t>28.344528198242188</t>
  </si>
  <si>
    <t>942.2216796875</t>
  </si>
  <si>
    <t>-0.01714069931142337</t>
  </si>
  <si>
    <t>2247</t>
  </si>
  <si>
    <t>28.111007690429688</t>
  </si>
  <si>
    <t>985.7977294921875</t>
  </si>
  <si>
    <t>2348</t>
  </si>
  <si>
    <t>28.37883758544922</t>
  </si>
  <si>
    <t>915.3932495117188</t>
  </si>
  <si>
    <t>0.04396790876265744</t>
  </si>
  <si>
    <t>2434</t>
  </si>
  <si>
    <t>28.240076065063477</t>
  </si>
  <si>
    <t>945.4381713867188</t>
  </si>
  <si>
    <t>0.03597209259948553</t>
  </si>
  <si>
    <t>2415</t>
  </si>
  <si>
    <t>28.375574111938477</t>
  </si>
  <si>
    <t>904.094482421875</t>
  </si>
  <si>
    <t>-0.007836707460799452</t>
  </si>
  <si>
    <t>28.555978775024414</t>
  </si>
  <si>
    <t>949.9500732421875</t>
  </si>
  <si>
    <t>0.00660340822945038</t>
  </si>
  <si>
    <t>28.337827682495117</t>
  </si>
  <si>
    <t>1023.554931640625</t>
  </si>
  <si>
    <t>0.027988036540168792</t>
  </si>
  <si>
    <t>2597</t>
  </si>
  <si>
    <t>28.445175170898438</t>
  </si>
  <si>
    <t>1066.4442138671875</t>
  </si>
  <si>
    <t>0.03806620080645651</t>
  </si>
  <si>
    <t>2694</t>
  </si>
  <si>
    <t>28.11338233947754</t>
  </si>
  <si>
    <t>1109.3953857421875</t>
  </si>
  <si>
    <t>0.03667014530756063</t>
  </si>
  <si>
    <t>2717</t>
  </si>
  <si>
    <t>28.58954620361328</t>
  </si>
  <si>
    <t>1146.3338623046875</t>
  </si>
  <si>
    <t>0.008501252456039055</t>
  </si>
  <si>
    <t>28.616945266723633</t>
  </si>
  <si>
    <t>970.0762939453125</t>
  </si>
  <si>
    <t>0.04074838121093549</t>
  </si>
  <si>
    <t>28.128143310546875</t>
  </si>
  <si>
    <t>1043.5775146484375</t>
  </si>
  <si>
    <t>0.032333774473962684</t>
  </si>
  <si>
    <t>257</t>
  </si>
  <si>
    <t>27.391374588012695</t>
  </si>
  <si>
    <t>1012.5426635742188</t>
  </si>
  <si>
    <t>319.9236755371094</t>
  </si>
  <si>
    <t>Mono</t>
  </si>
  <si>
    <t>27.055458068847656</t>
  </si>
  <si>
    <t>1008.5616455078125</t>
  </si>
  <si>
    <t>0.010750039536970846</t>
  </si>
  <si>
    <t>1960</t>
  </si>
  <si>
    <t>27.12558937072754</t>
  </si>
  <si>
    <t>778.9740600585938</t>
  </si>
  <si>
    <t>-0.0020387366898484416</t>
  </si>
  <si>
    <t>27.252288818359375</t>
  </si>
  <si>
    <t>973.8116455078125</t>
  </si>
  <si>
    <t>0.014687526629409753</t>
  </si>
  <si>
    <t>27.163789749145508</t>
  </si>
  <si>
    <t>931.6724243164062</t>
  </si>
  <si>
    <t>-0.014687526629409753</t>
  </si>
  <si>
    <t>2041</t>
  </si>
  <si>
    <t>27.471534729003906</t>
  </si>
  <si>
    <t>1098.12890625</t>
  </si>
  <si>
    <t>0.040495410585282166</t>
  </si>
  <si>
    <t>27.3856201171875</t>
  </si>
  <si>
    <t>1029.6563720703125</t>
  </si>
  <si>
    <t>0.018447125048168367</t>
  </si>
  <si>
    <t>27.3353271484375</t>
  </si>
  <si>
    <t>1007.1103515625</t>
  </si>
  <si>
    <t>0.02891882015788383</t>
  </si>
  <si>
    <t>27.97241973876953</t>
  </si>
  <si>
    <t>894.5496826171875</t>
  </si>
  <si>
    <t>0.010690317937161353</t>
  </si>
  <si>
    <t>2336</t>
  </si>
  <si>
    <t>27.393953323364258</t>
  </si>
  <si>
    <t>1167.4058837890625</t>
  </si>
  <si>
    <t>0.07694391799505951</t>
  </si>
  <si>
    <t>2527</t>
  </si>
  <si>
    <t>27.529279708862305</t>
  </si>
  <si>
    <t>910.9149169921875</t>
  </si>
  <si>
    <t>0.07859276344007604</t>
  </si>
  <si>
    <t>2715</t>
  </si>
  <si>
    <t>27.661209106445312</t>
  </si>
  <si>
    <t>796.9449462890625</t>
  </si>
  <si>
    <t>0.07175912497984172</t>
  </si>
  <si>
    <t>2889</t>
  </si>
  <si>
    <t>27.846832275390625</t>
  </si>
  <si>
    <t>1003.761474609375</t>
  </si>
  <si>
    <t>0.06211846809819921</t>
  </si>
  <si>
    <t>27.821533203125</t>
  </si>
  <si>
    <t>1142.8563232421875</t>
  </si>
  <si>
    <t>0.0483120462960267</t>
  </si>
  <si>
    <t>27.627286911010742</t>
  </si>
  <si>
    <t>1095.1444091796875</t>
  </si>
  <si>
    <t>0.05548962259250878</t>
  </si>
  <si>
    <t>28.069246292114258</t>
  </si>
  <si>
    <t>964.051513671875</t>
  </si>
  <si>
    <t>-0.4927885462643147</t>
  </si>
  <si>
    <t>27.785917282104492</t>
  </si>
  <si>
    <t>944.9921875</t>
  </si>
  <si>
    <t>0.017717497122339054</t>
  </si>
  <si>
    <t>27.73480987548828</t>
  </si>
  <si>
    <t>1203.4378662109375</t>
  </si>
  <si>
    <t>0.02575674826410701</t>
  </si>
  <si>
    <t>27.72013282775879</t>
  </si>
  <si>
    <t>1247.6326904296875</t>
  </si>
  <si>
    <t>0.01456336418789661</t>
  </si>
  <si>
    <t>2055</t>
  </si>
  <si>
    <t>27.937685012817383</t>
  </si>
  <si>
    <t>1045.4114990234375</t>
  </si>
  <si>
    <t>-0.00968530573446369</t>
  </si>
  <si>
    <t>2032</t>
  </si>
  <si>
    <t>28.118661880493164</t>
  </si>
  <si>
    <t>1187.385986328125</t>
  </si>
  <si>
    <t>-0.011255318231961908</t>
  </si>
  <si>
    <t>2023</t>
  </si>
  <si>
    <t>27.845428466796875</t>
  </si>
  <si>
    <t>1045.8416748046875</t>
  </si>
  <si>
    <t>-0.0044389715306270006</t>
  </si>
  <si>
    <t>27.589380264282227</t>
  </si>
  <si>
    <t>1029.8289794921875</t>
  </si>
  <si>
    <t>0.01860974372271329</t>
  </si>
  <si>
    <t>27.82330322265625</t>
  </si>
  <si>
    <t>985.4364013671875</t>
  </si>
  <si>
    <t>0.039481941300233636</t>
  </si>
  <si>
    <t>2213</t>
  </si>
  <si>
    <t>27.746313095092773</t>
  </si>
  <si>
    <t>1118.1424560546875</t>
  </si>
  <si>
    <t>0.031675817860357114</t>
  </si>
  <si>
    <t>2189</t>
  </si>
  <si>
    <t>28.125295639038086</t>
  </si>
  <si>
    <t>952.1284790039062</t>
  </si>
  <si>
    <t>-0.010904242528186892</t>
  </si>
  <si>
    <t>2193</t>
  </si>
  <si>
    <t>28.319839477539062</t>
  </si>
  <si>
    <t>959.801025390625</t>
  </si>
  <si>
    <t>0.001825650895025177</t>
  </si>
  <si>
    <t>28.095136642456055</t>
  </si>
  <si>
    <t>966.58935546875</t>
  </si>
  <si>
    <t>0.024325523767441126</t>
  </si>
  <si>
    <t>2324</t>
  </si>
  <si>
    <t>28.085622787475586</t>
  </si>
  <si>
    <t>1126.277587890625</t>
  </si>
  <si>
    <t>0.03369384578647239</t>
  </si>
  <si>
    <t>27.835914611816406</t>
  </si>
  <si>
    <t>1345.1346435546875</t>
  </si>
  <si>
    <t>0.03675176020936899</t>
  </si>
  <si>
    <t>2432</t>
  </si>
  <si>
    <t>28.319250106811523</t>
  </si>
  <si>
    <t>930.6177368164062</t>
  </si>
  <si>
    <t>0.00867236490488743</t>
  </si>
  <si>
    <t>2532</t>
  </si>
  <si>
    <t>28.311208724975586</t>
  </si>
  <si>
    <t>1053.9095458984375</t>
  </si>
  <si>
    <t>0.040295540178008515</t>
  </si>
  <si>
    <t>2616</t>
  </si>
  <si>
    <t>27.86467742919922</t>
  </si>
  <si>
    <t>1015.9042358398438</t>
  </si>
  <si>
    <t>0.03263692931302309</t>
  </si>
  <si>
    <t>258</t>
  </si>
  <si>
    <t>2216</t>
  </si>
  <si>
    <t>27.37928009033203</t>
  </si>
  <si>
    <t>1088.7655029296875</t>
  </si>
  <si>
    <t>339.89764404296875</t>
  </si>
  <si>
    <t>Oueme</t>
  </si>
  <si>
    <t>27.056318283081055</t>
  </si>
  <si>
    <t>1333.1876220703125</t>
  </si>
  <si>
    <t>0.010772096981910728</t>
  </si>
  <si>
    <t>27.11673927307129</t>
  </si>
  <si>
    <t>1013.7840576171875</t>
  </si>
  <si>
    <t>-0.0017873105740955353</t>
  </si>
  <si>
    <t>2264</t>
  </si>
  <si>
    <t>27.22930335998535</t>
  </si>
  <si>
    <t>1165.2803955078125</t>
  </si>
  <si>
    <t>0.012444605048083979</t>
  </si>
  <si>
    <t>2226</t>
  </si>
  <si>
    <t>27.158432006835938</t>
  </si>
  <si>
    <t>1110.3193359375</t>
  </si>
  <si>
    <t>-0.01692690748758352</t>
  </si>
  <si>
    <t>27.45218849182129</t>
  </si>
  <si>
    <t>1225.7764892578125</t>
  </si>
  <si>
    <t>0.038771375918131845</t>
  </si>
  <si>
    <t>2354</t>
  </si>
  <si>
    <t>27.385473251342773</t>
  </si>
  <si>
    <t>1179.50390625</t>
  </si>
  <si>
    <t>0.017138380066599623</t>
  </si>
  <si>
    <t>2418</t>
  </si>
  <si>
    <t>27.268882751464844</t>
  </si>
  <si>
    <t>1462.0771484375</t>
  </si>
  <si>
    <t>0.026824743354516123</t>
  </si>
  <si>
    <t>2440</t>
  </si>
  <si>
    <t>27.975099563598633</t>
  </si>
  <si>
    <t>1022.5299072265625</t>
  </si>
  <si>
    <t>0.009057287112509194</t>
  </si>
  <si>
    <t>27.433382034301758</t>
  </si>
  <si>
    <t>1325.8411865234375</t>
  </si>
  <si>
    <t>0.058500863898782285</t>
  </si>
  <si>
    <t>2753</t>
  </si>
  <si>
    <t>27.525049209594727</t>
  </si>
  <si>
    <t>1076.0867919921875</t>
  </si>
  <si>
    <t>0.062192322956577506</t>
  </si>
  <si>
    <t>27.697961807250977</t>
  </si>
  <si>
    <t>939.3828125</t>
  </si>
  <si>
    <t>0.05649225181682738</t>
  </si>
  <si>
    <t>3057</t>
  </si>
  <si>
    <t>27.837486267089844</t>
  </si>
  <si>
    <t>1224.40380859375</t>
  </si>
  <si>
    <t>0.048250564931400675</t>
  </si>
  <si>
    <t>3167</t>
  </si>
  <si>
    <t>27.847959518432617</t>
  </si>
  <si>
    <t>1345.81640625</t>
  </si>
  <si>
    <t>0.0353507246478042</t>
  </si>
  <si>
    <t>3307</t>
  </si>
  <si>
    <t>27.59596824645996</t>
  </si>
  <si>
    <t>1303.8250732421875</t>
  </si>
  <si>
    <t>0.0432566664431544</t>
  </si>
  <si>
    <t>28.04790687561035</t>
  </si>
  <si>
    <t>1093.3421630859375</t>
  </si>
  <si>
    <t>-0.1707169411013787</t>
  </si>
  <si>
    <t>27.820817947387695</t>
  </si>
  <si>
    <t>1151.8687744140625</t>
  </si>
  <si>
    <t>0.01601172795010175</t>
  </si>
  <si>
    <t>27.760398864746094</t>
  </si>
  <si>
    <t>1418.3206787109375</t>
  </si>
  <si>
    <t>0.01506421901042021</t>
  </si>
  <si>
    <t>27.822908401489258</t>
  </si>
  <si>
    <t>1411.2430419921875</t>
  </si>
  <si>
    <t>0.0038174608219980755</t>
  </si>
  <si>
    <t>27.993703842163086</t>
  </si>
  <si>
    <t>1276.280517578125</t>
  </si>
  <si>
    <t>-0.02170953608239401</t>
  </si>
  <si>
    <t>2760</t>
  </si>
  <si>
    <t>28.139625549316406</t>
  </si>
  <si>
    <t>1473.568115234375</t>
  </si>
  <si>
    <t>-0.02327768486934545</t>
  </si>
  <si>
    <t>2716</t>
  </si>
  <si>
    <t>27.879127502441406</t>
  </si>
  <si>
    <t>1196.4801025390625</t>
  </si>
  <si>
    <t>-0.01607047003260842</t>
  </si>
  <si>
    <t>2762</t>
  </si>
  <si>
    <t>27.639650344848633</t>
  </si>
  <si>
    <t>1230.717529296875</t>
  </si>
  <si>
    <t>0.016794845290650784</t>
  </si>
  <si>
    <t>2873</t>
  </si>
  <si>
    <t>27.877065658569336</t>
  </si>
  <si>
    <t>1172.1453857421875</t>
  </si>
  <si>
    <t>0.03940172501005179</t>
  </si>
  <si>
    <t>2964</t>
  </si>
  <si>
    <t>27.887460708618164</t>
  </si>
  <si>
    <t>1281.163818359375</t>
  </si>
  <si>
    <t>0.031182927436687713</t>
  </si>
  <si>
    <t>2926</t>
  </si>
  <si>
    <t>28.1646785736084</t>
  </si>
  <si>
    <t>1068.2230224609375</t>
  </si>
  <si>
    <t>-0.012903404835907573</t>
  </si>
  <si>
    <t>2929</t>
  </si>
  <si>
    <t>28.347984313964844</t>
  </si>
  <si>
    <t>1083.7218017578125</t>
  </si>
  <si>
    <t>0.0010247652476635949</t>
  </si>
  <si>
    <t>28.135473251342773</t>
  </si>
  <si>
    <t>1135.1014404296875</t>
  </si>
  <si>
    <t>0.022950720488930543</t>
  </si>
  <si>
    <t>3097</t>
  </si>
  <si>
    <t>28.104307174682617</t>
  </si>
  <si>
    <t>1320.083984375</t>
  </si>
  <si>
    <t>0.03282211265653956</t>
  </si>
  <si>
    <t>3213</t>
  </si>
  <si>
    <t>27.84808921813965</t>
  </si>
  <si>
    <t>1579.3856201171875</t>
  </si>
  <si>
    <t>0.036771179142654375</t>
  </si>
  <si>
    <t>28.23149871826172</t>
  </si>
  <si>
    <t>1080.3531494140625</t>
  </si>
  <si>
    <t>0.00867684402568969</t>
  </si>
  <si>
    <t>3375</t>
  </si>
  <si>
    <t>28.31475067138672</t>
  </si>
  <si>
    <t>1225.874755859375</t>
  </si>
  <si>
    <t>0.0405134001650822</t>
  </si>
  <si>
    <t>3487</t>
  </si>
  <si>
    <t>27.877212524414062</t>
  </si>
  <si>
    <t>1207.1888427734375</t>
  </si>
  <si>
    <t>0.03264644336902123</t>
  </si>
  <si>
    <t>259</t>
  </si>
  <si>
    <t>1818</t>
  </si>
  <si>
    <t>27.490480422973633</t>
  </si>
  <si>
    <t>942.9756469726562</t>
  </si>
  <si>
    <t>356.2417297363281</t>
  </si>
  <si>
    <t>Zou</t>
  </si>
  <si>
    <t>1837</t>
  </si>
  <si>
    <t>27.136255264282227</t>
  </si>
  <si>
    <t>1169.7220458984375</t>
  </si>
  <si>
    <t>0.010396810477701024</t>
  </si>
  <si>
    <t>1833</t>
  </si>
  <si>
    <t>27.242124557495117</t>
  </si>
  <si>
    <t>879.5439453125</t>
  </si>
  <si>
    <t>-0.0021798373754204903</t>
  </si>
  <si>
    <t>1860</t>
  </si>
  <si>
    <t>27.341514587402344</t>
  </si>
  <si>
    <t>1002.9335327148438</t>
  </si>
  <si>
    <t>0.014622518867541956</t>
  </si>
  <si>
    <t>27.258127212524414</t>
  </si>
  <si>
    <t>951.3339233398438</t>
  </si>
  <si>
    <t>-0.015168221473171428</t>
  </si>
  <si>
    <t>1907</t>
  </si>
  <si>
    <t>27.529075622558594</t>
  </si>
  <si>
    <t>1182.95703125</t>
  </si>
  <si>
    <t>0.04012306036634339</t>
  </si>
  <si>
    <t>27.471933364868164</t>
  </si>
  <si>
    <t>1043.1092529296875</t>
  </si>
  <si>
    <t>0.018701843777021665</t>
  </si>
  <si>
    <t>27.405616760253906</t>
  </si>
  <si>
    <t>1087.3065185546875</t>
  </si>
  <si>
    <t>0.028413885122959393</t>
  </si>
  <si>
    <t>28.071325302124023</t>
  </si>
  <si>
    <t>1046.7349853515625</t>
  </si>
  <si>
    <t>0.010450455894850386</t>
  </si>
  <si>
    <t>27.484697341918945</t>
  </si>
  <si>
    <t>1205.537353515625</t>
  </si>
  <si>
    <t>-0.05077232537342269</t>
  </si>
  <si>
    <t>27.624893188476562</t>
  </si>
  <si>
    <t>985.4769897460938</t>
  </si>
  <si>
    <t>-0.051293294387551036</t>
  </si>
  <si>
    <t>1714</t>
  </si>
  <si>
    <t>27.808687210083008</t>
  </si>
  <si>
    <t>820.1705932617188</t>
  </si>
  <si>
    <t>-0.06220207147655099</t>
  </si>
  <si>
    <t>27.92546844482422</t>
  </si>
  <si>
    <t>1055.7769775390625</t>
  </si>
  <si>
    <t>-0.07761469696293233</t>
  </si>
  <si>
    <t>27.955785751342773</t>
  </si>
  <si>
    <t>1187.091796875</t>
  </si>
  <si>
    <t>-0.09865751611576812</t>
  </si>
  <si>
    <t>1298</t>
  </si>
  <si>
    <t>27.724180221557617</t>
  </si>
  <si>
    <t>1108.0885009765625</t>
  </si>
  <si>
    <t>-0.10173298881499004</t>
  </si>
  <si>
    <t>2152</t>
  </si>
  <si>
    <t>28.163551330566406</t>
  </si>
  <si>
    <t>971.01806640625</t>
  </si>
  <si>
    <t>0.5055730240176404</t>
  </si>
  <si>
    <t>27.899911880493164</t>
  </si>
  <si>
    <t>977.4761962890625</t>
  </si>
  <si>
    <t>0.012009382211230601</t>
  </si>
  <si>
    <t>2220</t>
  </si>
  <si>
    <t>27.86089324951172</t>
  </si>
  <si>
    <t>1217.5450439453125</t>
  </si>
  <si>
    <t>0.01910017137341935</t>
  </si>
  <si>
    <t>27.914718627929688</t>
  </si>
  <si>
    <t>1221.82568359375</t>
  </si>
  <si>
    <t>0.0071813594086647115</t>
  </si>
  <si>
    <t>2201</t>
  </si>
  <si>
    <t>28.0803165435791</t>
  </si>
  <si>
    <t>1088.9298095703125</t>
  </si>
  <si>
    <t>-0.01577675274852819</t>
  </si>
  <si>
    <t>2161</t>
  </si>
  <si>
    <t>28.224523544311523</t>
  </si>
  <si>
    <t>1196.163818359375</t>
  </si>
  <si>
    <t>-0.018340725019576176</t>
  </si>
  <si>
    <t>2136</t>
  </si>
  <si>
    <t>27.94748878479004</t>
  </si>
  <si>
    <t>1043.859375</t>
  </si>
  <si>
    <t>-0.011636156426799715</t>
  </si>
  <si>
    <t>2223</t>
  </si>
  <si>
    <t>27.747154235839844</t>
  </si>
  <si>
    <t>1099.4287109375</t>
  </si>
  <si>
    <t>0.03992271388411073</t>
  </si>
  <si>
    <t>2365</t>
  </si>
  <si>
    <t>28.011648178100586</t>
  </si>
  <si>
    <t>982.1270751953125</t>
  </si>
  <si>
    <t>0.06192038696183655</t>
  </si>
  <si>
    <t>27.93988800048828</t>
  </si>
  <si>
    <t>1092.593017578125</t>
  </si>
  <si>
    <t>0.054311989353740486</t>
  </si>
  <si>
    <t>28.29578399658203</t>
  </si>
  <si>
    <t>905.3267211914062</t>
  </si>
  <si>
    <t>0.010754933381329934</t>
  </si>
  <si>
    <t>28.450109481811523</t>
  </si>
  <si>
    <t>976.9912719726562</t>
  </si>
  <si>
    <t>0.024653958524925912</t>
  </si>
  <si>
    <t>28.230104446411133</t>
  </si>
  <si>
    <t>996.1467895507812</t>
  </si>
  <si>
    <t>0.046818667312636286</t>
  </si>
  <si>
    <t>28.261245727539062</t>
  </si>
  <si>
    <t>1166.8580322265625</t>
  </si>
  <si>
    <t>0.056994459255000685</t>
  </si>
  <si>
    <t>28.01173973083496</t>
  </si>
  <si>
    <t>1329.9451904296875</t>
  </si>
  <si>
    <t>0.03660405226210983</t>
  </si>
  <si>
    <t>3003</t>
  </si>
  <si>
    <t>28.479148864746094</t>
  </si>
  <si>
    <t>978.4396362304688</t>
  </si>
  <si>
    <t>0.008695706967553285</t>
  </si>
  <si>
    <t>3127</t>
  </si>
  <si>
    <t>28.458276748657227</t>
  </si>
  <si>
    <t>1068.5113525390625</t>
  </si>
  <si>
    <t>0.04046228947451169</t>
  </si>
  <si>
    <t>28.024932861328125</t>
  </si>
  <si>
    <t>1069.4222412109375</t>
  </si>
  <si>
    <t>0.03271760836665649</t>
  </si>
  <si>
    <t>260</t>
  </si>
  <si>
    <t>BGD</t>
  </si>
  <si>
    <t>1679</t>
  </si>
  <si>
    <t>25.691665649414062</t>
  </si>
  <si>
    <t>2307.39990234375</t>
  </si>
  <si>
    <t>1080.3382568359375</t>
  </si>
  <si>
    <t>Barisal</t>
  </si>
  <si>
    <t>Bangladesh</t>
  </si>
  <si>
    <t>1704</t>
  </si>
  <si>
    <t>25.691667556762695</t>
  </si>
  <si>
    <t>2431.699951171875</t>
  </si>
  <si>
    <t>0.014780050311720139</t>
  </si>
  <si>
    <t>1763</t>
  </si>
  <si>
    <t>25.599998474121094</t>
  </si>
  <si>
    <t>1459.800048828125</t>
  </si>
  <si>
    <t>0.034038475008609126</t>
  </si>
  <si>
    <t>2396.499755859375</t>
  </si>
  <si>
    <t>0.026309941862001196</t>
  </si>
  <si>
    <t>1703</t>
  </si>
  <si>
    <t>25.60833168029785</t>
  </si>
  <si>
    <t>1653.800048828125</t>
  </si>
  <si>
    <t>-0.060935443597182726</t>
  </si>
  <si>
    <t>26.116668701171875</t>
  </si>
  <si>
    <t>-0.05740023092377644</t>
  </si>
  <si>
    <t>25.841665267944336</t>
  </si>
  <si>
    <t>2062.599853515625</t>
  </si>
  <si>
    <t>0.030620885956328614</t>
  </si>
  <si>
    <t>1709</t>
  </si>
  <si>
    <t>25.375</t>
  </si>
  <si>
    <t>2073.400146484375</t>
  </si>
  <si>
    <t>0.030296347420350145</t>
  </si>
  <si>
    <t>1772</t>
  </si>
  <si>
    <t>2397.2001953125</t>
  </si>
  <si>
    <t>0.036200448049435785</t>
  </si>
  <si>
    <t>2424.500244140625</t>
  </si>
  <si>
    <t>0.03056642521297981</t>
  </si>
  <si>
    <t>1854</t>
  </si>
  <si>
    <t>2197.500244140625</t>
  </si>
  <si>
    <t>0.014670189747794105</t>
  </si>
  <si>
    <t>1878</t>
  </si>
  <si>
    <t>2023.199951171875</t>
  </si>
  <si>
    <t>0.012861913642407963</t>
  </si>
  <si>
    <t>26.008333206176758</t>
  </si>
  <si>
    <t>2266.60009765625</t>
  </si>
  <si>
    <t>0.0005323396452565632</t>
  </si>
  <si>
    <t>26.049997329711914</t>
  </si>
  <si>
    <t>2003.900146484375</t>
  </si>
  <si>
    <t>0.010587711398820865</t>
  </si>
  <si>
    <t>26.04166603088379</t>
  </si>
  <si>
    <t>2069.800048828125</t>
  </si>
  <si>
    <t>0.016192571086645735</t>
  </si>
  <si>
    <t>1987</t>
  </si>
  <si>
    <t>26.291669845581055</t>
  </si>
  <si>
    <t>1906.199951171875</t>
  </si>
  <si>
    <t>0.02910596065288562</t>
  </si>
  <si>
    <t>2089</t>
  </si>
  <si>
    <t>1885.800048828125</t>
  </si>
  <si>
    <t>0.05005951900474859</t>
  </si>
  <si>
    <t>26.23333168029785</t>
  </si>
  <si>
    <t>2559.500244140625</t>
  </si>
  <si>
    <t>0.055401645840420066</t>
  </si>
  <si>
    <t>2315</t>
  </si>
  <si>
    <t>26.150001525878906</t>
  </si>
  <si>
    <t>2069.7998046875</t>
  </si>
  <si>
    <t>0.04732255912334882</t>
  </si>
  <si>
    <t>2406</t>
  </si>
  <si>
    <t>26.666664123535156</t>
  </si>
  <si>
    <t>1848.4000244140625</t>
  </si>
  <si>
    <t>0.03855593001428925</t>
  </si>
  <si>
    <t>2505</t>
  </si>
  <si>
    <t>26.658334732055664</t>
  </si>
  <si>
    <t>1880.199951171875</t>
  </si>
  <si>
    <t>0.04032311698434121</t>
  </si>
  <si>
    <t>26.08333396911621</t>
  </si>
  <si>
    <t>1821.2999267578125</t>
  </si>
  <si>
    <t>0.04831481121091574</t>
  </si>
  <si>
    <t>25.774999618530273</t>
  </si>
  <si>
    <t>1722.3997802734375</t>
  </si>
  <si>
    <t>0.048627133981314685</t>
  </si>
  <si>
    <t>1768.2000732421875</t>
  </si>
  <si>
    <t>0.04360073892720706</t>
  </si>
  <si>
    <t>3014</t>
  </si>
  <si>
    <t>25.899999618530273</t>
  </si>
  <si>
    <t>1624.800048828125</t>
  </si>
  <si>
    <t>0.044436681548037704</t>
  </si>
  <si>
    <t>25.51666831970215</t>
  </si>
  <si>
    <t>2316.999755859375</t>
  </si>
  <si>
    <t>0.04951666735219895</t>
  </si>
  <si>
    <t>3344</t>
  </si>
  <si>
    <t>26.358335494995117</t>
  </si>
  <si>
    <t>1927.4998779296875</t>
  </si>
  <si>
    <t>0.05438292766595332</t>
  </si>
  <si>
    <t>25.866666793823242</t>
  </si>
  <si>
    <t>2647.10009765625</t>
  </si>
  <si>
    <t>0.04958729454244981</t>
  </si>
  <si>
    <t>3721</t>
  </si>
  <si>
    <t>1703.9998779296875</t>
  </si>
  <si>
    <t>0.057237459599580376</t>
  </si>
  <si>
    <t>25.708335876464844</t>
  </si>
  <si>
    <t>1889.099853515625</t>
  </si>
  <si>
    <t>0.06300886484381252</t>
  </si>
  <si>
    <t>4046</t>
  </si>
  <si>
    <t>25.79166603088379</t>
  </si>
  <si>
    <t>2111.699951171875</t>
  </si>
  <si>
    <t>0.020727424537255956</t>
  </si>
  <si>
    <t>26.008337020874023</t>
  </si>
  <si>
    <t>1905.0</t>
  </si>
  <si>
    <t>0.05318226546030935</t>
  </si>
  <si>
    <t>4510</t>
  </si>
  <si>
    <t>26.025001525878906</t>
  </si>
  <si>
    <t>1490.5001220703125</t>
  </si>
  <si>
    <t>0.055386149308723986</t>
  </si>
  <si>
    <t>261</t>
  </si>
  <si>
    <t>1646.300048828125</t>
  </si>
  <si>
    <t>968.14453125</t>
  </si>
  <si>
    <t>Bogra</t>
  </si>
  <si>
    <t>1686</t>
  </si>
  <si>
    <t>25.625</t>
  </si>
  <si>
    <t>1940.0</t>
  </si>
  <si>
    <t>0.014337163146406873</t>
  </si>
  <si>
    <t>1745</t>
  </si>
  <si>
    <t>1226.400146484375</t>
  </si>
  <si>
    <t>0.0343956960747267</t>
  </si>
  <si>
    <t>1792</t>
  </si>
  <si>
    <t>25.524999618530273</t>
  </si>
  <si>
    <t>1851.199951171875</t>
  </si>
  <si>
    <t>0.026577758898348236</t>
  </si>
  <si>
    <t>1689</t>
  </si>
  <si>
    <t>1249.1002197265625</t>
  </si>
  <si>
    <t>-0.05919567672707604</t>
  </si>
  <si>
    <t>1600</t>
  </si>
  <si>
    <t>26.283334732055664</t>
  </si>
  <si>
    <t>1713.0999755859375</t>
  </si>
  <si>
    <t>-0.0541330085799272</t>
  </si>
  <si>
    <t>1659</t>
  </si>
  <si>
    <t>25.875</t>
  </si>
  <si>
    <t>1585.7000732421875</t>
  </si>
  <si>
    <t>0.036211381962571565</t>
  </si>
  <si>
    <t>25.516664505004883</t>
  </si>
  <si>
    <t>1449.9000244140625</t>
  </si>
  <si>
    <t>0.03552771519240494</t>
  </si>
  <si>
    <t>26.191667556762695</t>
  </si>
  <si>
    <t>1820.10009765625</t>
  </si>
  <si>
    <t>0.041589588152026735</t>
  </si>
  <si>
    <t>1858</t>
  </si>
  <si>
    <t>26.200002670288086</t>
  </si>
  <si>
    <t>1783.9998779296875</t>
  </si>
  <si>
    <t>0.03616832583890783</t>
  </si>
  <si>
    <t>25.616666793823242</t>
  </si>
  <si>
    <t>1690.2000732421875</t>
  </si>
  <si>
    <t>0.02655493263444786</t>
  </si>
  <si>
    <t>1957</t>
  </si>
  <si>
    <t>26.000001907348633</t>
  </si>
  <si>
    <t>1701.5</t>
  </si>
  <si>
    <t>0.025357115387844686</t>
  </si>
  <si>
    <t>25.975000381469727</t>
  </si>
  <si>
    <t>1784.7999267578125</t>
  </si>
  <si>
    <t>0.013702320448741645</t>
  </si>
  <si>
    <t>26.091665267944336</t>
  </si>
  <si>
    <t>1725.60009765625</t>
  </si>
  <si>
    <t>0.02341327373556723</t>
  </si>
  <si>
    <t>2091</t>
  </si>
  <si>
    <t>1548.4000244140625</t>
  </si>
  <si>
    <t>0.029114137848248234</t>
  </si>
  <si>
    <t>2183</t>
  </si>
  <si>
    <t>1572.5997314453125</t>
  </si>
  <si>
    <t>0.04305765712131038</t>
  </si>
  <si>
    <t>2295</t>
  </si>
  <si>
    <t>1622.7000732421875</t>
  </si>
  <si>
    <t>0.050032765944702184</t>
  </si>
  <si>
    <t>2426</t>
  </si>
  <si>
    <t>26.29166603088379</t>
  </si>
  <si>
    <t>1850.7999267578125</t>
  </si>
  <si>
    <t>0.055510967009349876</t>
  </si>
  <si>
    <t>26.10833168029785</t>
  </si>
  <si>
    <t>1641.199951171875</t>
  </si>
  <si>
    <t>0.04710067591812361</t>
  </si>
  <si>
    <t>26.51667022705078</t>
  </si>
  <si>
    <t>1650.60009765625</t>
  </si>
  <si>
    <t>0.038191719660151335</t>
  </si>
  <si>
    <t>26.825002670288086</t>
  </si>
  <si>
    <t>1760.0001220703125</t>
  </si>
  <si>
    <t>0.040791713970963706</t>
  </si>
  <si>
    <t>25.875001907348633</t>
  </si>
  <si>
    <t>1603.0</t>
  </si>
  <si>
    <t>0.04823630095948239</t>
  </si>
  <si>
    <t>25.758333206176758</t>
  </si>
  <si>
    <t>1298.10009765625</t>
  </si>
  <si>
    <t>0.04865824674954489</t>
  </si>
  <si>
    <t>25.40833282470703</t>
  </si>
  <si>
    <t>1554.9000244140625</t>
  </si>
  <si>
    <t>0.0435622997763776</t>
  </si>
  <si>
    <t>3311</t>
  </si>
  <si>
    <t>25.683334350585938</t>
  </si>
  <si>
    <t>1395.300048828125</t>
  </si>
  <si>
    <t>0.04446549100860686</t>
  </si>
  <si>
    <t>3479</t>
  </si>
  <si>
    <t>25.358335494995117</t>
  </si>
  <si>
    <t>1798.400146484375</t>
  </si>
  <si>
    <t>0.04949463760469541</t>
  </si>
  <si>
    <t>26.16666603088379</t>
  </si>
  <si>
    <t>1570.199951171875</t>
  </si>
  <si>
    <t>0.05453609062312914</t>
  </si>
  <si>
    <t>25.58333396911621</t>
  </si>
  <si>
    <t>2016.900146484375</t>
  </si>
  <si>
    <t>0.049386196683805395</t>
  </si>
  <si>
    <t>4088</t>
  </si>
  <si>
    <t>25.541664123535156</t>
  </si>
  <si>
    <t>1339.4000244140625</t>
  </si>
  <si>
    <t>0.057388669424664585</t>
  </si>
  <si>
    <t>4353</t>
  </si>
  <si>
    <t>25.525001525878906</t>
  </si>
  <si>
    <t>1500.699951171875</t>
  </si>
  <si>
    <t>0.06280940966875725</t>
  </si>
  <si>
    <t>4445</t>
  </si>
  <si>
    <t>25.383333206176758</t>
  </si>
  <si>
    <t>1844.60009765625</t>
  </si>
  <si>
    <t>0.020914606395706414</t>
  </si>
  <si>
    <t>4687</t>
  </si>
  <si>
    <t>1695.60009765625</t>
  </si>
  <si>
    <t>0.053012849974701126</t>
  </si>
  <si>
    <t>4954</t>
  </si>
  <si>
    <t>25.808332443237305</t>
  </si>
  <si>
    <t>1321.0</t>
  </si>
  <si>
    <t>0.05540261212659914</t>
  </si>
  <si>
    <t>262</t>
  </si>
  <si>
    <t>2938.800048828125</t>
  </si>
  <si>
    <t>619.9993896484375</t>
  </si>
  <si>
    <t>Chittagong</t>
  </si>
  <si>
    <t>25.66666603088379</t>
  </si>
  <si>
    <t>2992.2001953125</t>
  </si>
  <si>
    <t>0.014147667098566963</t>
  </si>
  <si>
    <t>25.54166603088379</t>
  </si>
  <si>
    <t>1990.900146484375</t>
  </si>
  <si>
    <t>0.03416029823487232</t>
  </si>
  <si>
    <t>2874</t>
  </si>
  <si>
    <t>25.45833396911621</t>
  </si>
  <si>
    <t>3189.400146484375</t>
  </si>
  <si>
    <t>0.026442577123516386</t>
  </si>
  <si>
    <t>2823</t>
  </si>
  <si>
    <t>2153.10009765625</t>
  </si>
  <si>
    <t>-0.017904638385481064</t>
  </si>
  <si>
    <t>2798</t>
  </si>
  <si>
    <t>2764.0</t>
  </si>
  <si>
    <t>-0.008895273028063144</t>
  </si>
  <si>
    <t>2853</t>
  </si>
  <si>
    <t>25.71666717529297</t>
  </si>
  <si>
    <t>2600.10009765625</t>
  </si>
  <si>
    <t>0.019466195988074197</t>
  </si>
  <si>
    <t>25.274999618530273</t>
  </si>
  <si>
    <t>2820.700439453125</t>
  </si>
  <si>
    <t>0.018750549345375234</t>
  </si>
  <si>
    <t>2979</t>
  </si>
  <si>
    <t>2851.699951171875</t>
  </si>
  <si>
    <t>0.024466052154406448</t>
  </si>
  <si>
    <t>2763.39990234375</t>
  </si>
  <si>
    <t>0.019611730442435693</t>
  </si>
  <si>
    <t>3142</t>
  </si>
  <si>
    <t>25.48333168029785</t>
  </si>
  <si>
    <t>2786.000244140625</t>
  </si>
  <si>
    <t>0.03366013565984893</t>
  </si>
  <si>
    <t>3244</t>
  </si>
  <si>
    <t>2557.300048828125</t>
  </si>
  <si>
    <t>0.03194759641973732</t>
  </si>
  <si>
    <t>25.725000381469727</t>
  </si>
  <si>
    <t>2552.0</t>
  </si>
  <si>
    <t>0.02044312231194212</t>
  </si>
  <si>
    <t>3413</t>
  </si>
  <si>
    <t>2401.7001953125</t>
  </si>
  <si>
    <t>0.030341411359460224</t>
  </si>
  <si>
    <t>3538</t>
  </si>
  <si>
    <t>25.94999885559082</t>
  </si>
  <si>
    <t>2609.000244140625</t>
  </si>
  <si>
    <t>0.03596992581302416</t>
  </si>
  <si>
    <t>3719</t>
  </si>
  <si>
    <t>26.100000381469727</t>
  </si>
  <si>
    <t>2403.599853515625</t>
  </si>
  <si>
    <t>0.04989321920533918</t>
  </si>
  <si>
    <t>3911</t>
  </si>
  <si>
    <t>2156.39990234375</t>
  </si>
  <si>
    <t>0.050338280830445115</t>
  </si>
  <si>
    <t>4134</t>
  </si>
  <si>
    <t>2714.600341796875</t>
  </si>
  <si>
    <t>0.055452365486198474</t>
  </si>
  <si>
    <t>4334</t>
  </si>
  <si>
    <t>2464.60009765625</t>
  </si>
  <si>
    <t>0.04724544185459045</t>
  </si>
  <si>
    <t>2332.800048828125</t>
  </si>
  <si>
    <t>0.038252938205268094</t>
  </si>
  <si>
    <t>4690</t>
  </si>
  <si>
    <t>2361.60009765625</t>
  </si>
  <si>
    <t>0.040688741138753315</t>
  </si>
  <si>
    <t>4922</t>
  </si>
  <si>
    <t>25.78333282470703</t>
  </si>
  <si>
    <t>2363.7001953125</t>
  </si>
  <si>
    <t>0.04828236951067666</t>
  </si>
  <si>
    <t>5167</t>
  </si>
  <si>
    <t>25.475000381469727</t>
  </si>
  <si>
    <t>2383.500244140625</t>
  </si>
  <si>
    <t>0.04857729733618221</t>
  </si>
  <si>
    <t>5398</t>
  </si>
  <si>
    <t>25.33333396911621</t>
  </si>
  <si>
    <t>2257.500244140625</t>
  </si>
  <si>
    <t>0.04373626529076624</t>
  </si>
  <si>
    <t>5642</t>
  </si>
  <si>
    <t>25.76666831970215</t>
  </si>
  <si>
    <t>2126.000244140625</t>
  </si>
  <si>
    <t>0.044210097983992114</t>
  </si>
  <si>
    <t>5929</t>
  </si>
  <si>
    <t>25.32499885559082</t>
  </si>
  <si>
    <t>3314.699951171875</t>
  </si>
  <si>
    <t>0.04961695214542594</t>
  </si>
  <si>
    <t>6261</t>
  </si>
  <si>
    <t>2446.199951171875</t>
  </si>
  <si>
    <t>0.05448435203794233</t>
  </si>
  <si>
    <t>6579</t>
  </si>
  <si>
    <t>3432.400146484375</t>
  </si>
  <si>
    <t>0.04954284134068665</t>
  </si>
  <si>
    <t>6966</t>
  </si>
  <si>
    <t>2252.5</t>
  </si>
  <si>
    <t>0.05715841383995013</t>
  </si>
  <si>
    <t>7419</t>
  </si>
  <si>
    <t>25.600000381469727</t>
  </si>
  <si>
    <t>2454.0</t>
  </si>
  <si>
    <t>0.06300310526357933</t>
  </si>
  <si>
    <t>7574</t>
  </si>
  <si>
    <t>25.64166831970215</t>
  </si>
  <si>
    <t>2611.300048828125</t>
  </si>
  <si>
    <t>0.02067705227221417</t>
  </si>
  <si>
    <t>7988</t>
  </si>
  <si>
    <t>2666.30029296875</t>
  </si>
  <si>
    <t>0.053219086073964306</t>
  </si>
  <si>
    <t>8443</t>
  </si>
  <si>
    <t>25.900001525878906</t>
  </si>
  <si>
    <t>1874.9000244140625</t>
  </si>
  <si>
    <t>0.055397280133794524</t>
  </si>
  <si>
    <t>263</t>
  </si>
  <si>
    <t>4995</t>
  </si>
  <si>
    <t>25.76362419128418</t>
  </si>
  <si>
    <t>2948.0546875</t>
  </si>
  <si>
    <t>899.238037109375</t>
  </si>
  <si>
    <t>Chittagong H.T.</t>
  </si>
  <si>
    <t>25.68794059753418</t>
  </si>
  <si>
    <t>2924.310546875</t>
  </si>
  <si>
    <t>0.014311514393256175</t>
  </si>
  <si>
    <t>25.557405471801758</t>
  </si>
  <si>
    <t>1947.7645263671875</t>
  </si>
  <si>
    <t>5383</t>
  </si>
  <si>
    <t>25.464643478393555</t>
  </si>
  <si>
    <t>2848.65087890625</t>
  </si>
  <si>
    <t>0.02654273467760504</t>
  </si>
  <si>
    <t>25.604360580444336</t>
  </si>
  <si>
    <t>2177.113525390625</t>
  </si>
  <si>
    <t>-0.3256081877087329</t>
  </si>
  <si>
    <t>26.07932472229004</t>
  </si>
  <si>
    <t>2772.843994140625</t>
  </si>
  <si>
    <t>-0.5015216430320022</t>
  </si>
  <si>
    <t>2263</t>
  </si>
  <si>
    <t>25.78968048095703</t>
  </si>
  <si>
    <t>2568.610595703125</t>
  </si>
  <si>
    <t>-0.03942464218668462</t>
  </si>
  <si>
    <t>2164</t>
  </si>
  <si>
    <t>25.337717056274414</t>
  </si>
  <si>
    <t>2583.757568359375</t>
  </si>
  <si>
    <t>-0.044733005667165315</t>
  </si>
  <si>
    <t>2070</t>
  </si>
  <si>
    <t>26.12662696838379</t>
  </si>
  <si>
    <t>2909.1103515625</t>
  </si>
  <si>
    <t>-0.04440975370695721</t>
  </si>
  <si>
    <t>26.096532821655273</t>
  </si>
  <si>
    <t>3122.70849609375</t>
  </si>
  <si>
    <t>-0.05562506316895899</t>
  </si>
  <si>
    <t>25.602174758911133</t>
  </si>
  <si>
    <t>2637.511962890625</t>
  </si>
  <si>
    <t>-0.005120338887975251</t>
  </si>
  <si>
    <t>26.0817928314209</t>
  </si>
  <si>
    <t>2548.537841796875</t>
  </si>
  <si>
    <t>-0.007730004994149553</t>
  </si>
  <si>
    <t>25.864686965942383</t>
  </si>
  <si>
    <t>2604.301513671875</t>
  </si>
  <si>
    <t>-0.02091032799900816</t>
  </si>
  <si>
    <t>1869</t>
  </si>
  <si>
    <t>25.87852668762207</t>
  </si>
  <si>
    <t>2503.699462890625</t>
  </si>
  <si>
    <t>-0.012759343753759644</t>
  </si>
  <si>
    <t>25.89986228942871</t>
  </si>
  <si>
    <t>2722.3349609375</t>
  </si>
  <si>
    <t>-0.008597581170203483</t>
  </si>
  <si>
    <t>1859</t>
  </si>
  <si>
    <t>26.219635009765625</t>
  </si>
  <si>
    <t>2491.29443359375</t>
  </si>
  <si>
    <t>0.0032327614360845303</t>
  </si>
  <si>
    <t>26.350255966186523</t>
  </si>
  <si>
    <t>2168.44287109375</t>
  </si>
  <si>
    <t>0.0503514846980222</t>
  </si>
  <si>
    <t>26.03404998779297</t>
  </si>
  <si>
    <t>2680.198486328125</t>
  </si>
  <si>
    <t>0.055708087262301476</t>
  </si>
  <si>
    <t>2167</t>
  </si>
  <si>
    <t>26.024751663208008</t>
  </si>
  <si>
    <t>2435.44775390625</t>
  </si>
  <si>
    <t>0.04724544185459134</t>
  </si>
  <si>
    <t>2251</t>
  </si>
  <si>
    <t>26.57398223876953</t>
  </si>
  <si>
    <t>2312.68212890625</t>
  </si>
  <si>
    <t>0.038030839370373215</t>
  </si>
  <si>
    <t>2345</t>
  </si>
  <si>
    <t>26.530670166015625</t>
  </si>
  <si>
    <t>2364.0458984375</t>
  </si>
  <si>
    <t>0.040910839973647306</t>
  </si>
  <si>
    <t>2461</t>
  </si>
  <si>
    <t>25.877723693847656</t>
  </si>
  <si>
    <t>2634.00732421875</t>
  </si>
  <si>
    <t>0.04828236951067577</t>
  </si>
  <si>
    <t>2583</t>
  </si>
  <si>
    <t>25.641220092773438</t>
  </si>
  <si>
    <t>2614.27099609375</t>
  </si>
  <si>
    <t>0.04838374270478507</t>
  </si>
  <si>
    <t>2698</t>
  </si>
  <si>
    <t>25.52535057067871</t>
  </si>
  <si>
    <t>2357.52197265625</t>
  </si>
  <si>
    <t>0.04355924367186059</t>
  </si>
  <si>
    <t>2821</t>
  </si>
  <si>
    <t>25.804624557495117</t>
  </si>
  <si>
    <t>2049.096923828125</t>
  </si>
  <si>
    <t>0.044580674234294904</t>
  </si>
  <si>
    <t>25.441442489624023</t>
  </si>
  <si>
    <t>3289.1474609375</t>
  </si>
  <si>
    <t>0.049448275413981335</t>
  </si>
  <si>
    <t>3130</t>
  </si>
  <si>
    <t>26.227773666381836</t>
  </si>
  <si>
    <t>2516.945068359375</t>
  </si>
  <si>
    <t>0.054493297118221484</t>
  </si>
  <si>
    <t>3289</t>
  </si>
  <si>
    <t>25.731409072875977</t>
  </si>
  <si>
    <t>3353.24072265625</t>
  </si>
  <si>
    <t>0.0495505626548578</t>
  </si>
  <si>
    <t>25.603025436401367</t>
  </si>
  <si>
    <t>2295.495849609375</t>
  </si>
  <si>
    <t>0.057023274139078595</t>
  </si>
  <si>
    <t>25.610265731811523</t>
  </si>
  <si>
    <t>2502.59326171875</t>
  </si>
  <si>
    <t>0.06315545716145543</t>
  </si>
  <si>
    <t>3786</t>
  </si>
  <si>
    <t>25.69620704650879</t>
  </si>
  <si>
    <t>2715.4794921875</t>
  </si>
  <si>
    <t>0.020547754279677477</t>
  </si>
  <si>
    <t>3993</t>
  </si>
  <si>
    <t>25.875518798828125</t>
  </si>
  <si>
    <t>2703.19140625</t>
  </si>
  <si>
    <t>0.05323277529395298</t>
  </si>
  <si>
    <t>4221</t>
  </si>
  <si>
    <t>25.963651657104492</t>
  </si>
  <si>
    <t>1948.5528564453125</t>
  </si>
  <si>
    <t>0.055529238719277174</t>
  </si>
  <si>
    <t>264</t>
  </si>
  <si>
    <t>1591</t>
  </si>
  <si>
    <t>25.87666893005371</t>
  </si>
  <si>
    <t>2400.77880859375</t>
  </si>
  <si>
    <t>4300.5927734375</t>
  </si>
  <si>
    <t>Comilla</t>
  </si>
  <si>
    <t>25.83544921875</t>
  </si>
  <si>
    <t>2485.03515625</t>
  </si>
  <si>
    <t>0.014352820492107732</t>
  </si>
  <si>
    <t>1670</t>
  </si>
  <si>
    <t>25.72104835510254</t>
  </si>
  <si>
    <t>1537.6024169921875</t>
  </si>
  <si>
    <t>0.03410805658090599</t>
  </si>
  <si>
    <t>25.667020797729492</t>
  </si>
  <si>
    <t>2605.22705078125</t>
  </si>
  <si>
    <t>0.026589454189239525</t>
  </si>
  <si>
    <t>25.787208557128906</t>
  </si>
  <si>
    <t>1685.7919921875</t>
  </si>
  <si>
    <t>-0.05513679208544886</t>
  </si>
  <si>
    <t>1543</t>
  </si>
  <si>
    <t>26.328481674194336</t>
  </si>
  <si>
    <t>2186.7392578125</t>
  </si>
  <si>
    <t>-0.05054771515143042</t>
  </si>
  <si>
    <t>25.98716163635254</t>
  </si>
  <si>
    <t>2088.990478515625</t>
  </si>
  <si>
    <t>0.021161418054663983</t>
  </si>
  <si>
    <t>25.51697540283203</t>
  </si>
  <si>
    <t>2172.6318359375</t>
  </si>
  <si>
    <t>0.020101179321087237</t>
  </si>
  <si>
    <t>1651</t>
  </si>
  <si>
    <t>26.30393409729004</t>
  </si>
  <si>
    <t>2506.220458984375</t>
  </si>
  <si>
    <t>0.02638999418121646</t>
  </si>
  <si>
    <t>1687</t>
  </si>
  <si>
    <t>26.28040885925293</t>
  </si>
  <si>
    <t>2531.10302734375</t>
  </si>
  <si>
    <t>0.021570638625839855</t>
  </si>
  <si>
    <t>1738</t>
  </si>
  <si>
    <t>25.721677780151367</t>
  </si>
  <si>
    <t>2272.942626953125</t>
  </si>
  <si>
    <t>0.02978322327936933</t>
  </si>
  <si>
    <t>26.249055862426758</t>
  </si>
  <si>
    <t>2185.784423828125</t>
  </si>
  <si>
    <t>0.02836264990812154</t>
  </si>
  <si>
    <t>26.042991638183594</t>
  </si>
  <si>
    <t>2226.420166015625</t>
  </si>
  <si>
    <t>0.01718922278466284</t>
  </si>
  <si>
    <t>26.163915634155273</t>
  </si>
  <si>
    <t>2039.53955078125</t>
  </si>
  <si>
    <t>0.027116628937441156</t>
  </si>
  <si>
    <t>1931</t>
  </si>
  <si>
    <t>26.2257022857666</t>
  </si>
  <si>
    <t>2202.786376953125</t>
  </si>
  <si>
    <t>0.032634474972951466</t>
  </si>
  <si>
    <t>26.41278076171875</t>
  </si>
  <si>
    <t>1959.7139892578125</t>
  </si>
  <si>
    <t>0.04604911715190241</t>
  </si>
  <si>
    <t>26.613174438476562</t>
  </si>
  <si>
    <t>1799.873291015625</t>
  </si>
  <si>
    <t>0.050155159321476184</t>
  </si>
  <si>
    <t>26.476837158203125</t>
  </si>
  <si>
    <t>2394.088134765625</t>
  </si>
  <si>
    <t>0.05535371328343608</t>
  </si>
  <si>
    <t>2356</t>
  </si>
  <si>
    <t>26.31345558166504</t>
  </si>
  <si>
    <t>2064.095947265625</t>
  </si>
  <si>
    <t>0.04736927258614809</t>
  </si>
  <si>
    <t>2448</t>
  </si>
  <si>
    <t>26.822416305541992</t>
  </si>
  <si>
    <t>1900.1644287109375</t>
  </si>
  <si>
    <t>0.038306098860739546</t>
  </si>
  <si>
    <t>2550</t>
  </si>
  <si>
    <t>26.813005447387695</t>
  </si>
  <si>
    <t>2080.427734375</t>
  </si>
  <si>
    <t>2676</t>
  </si>
  <si>
    <t>26.07099723815918</t>
  </si>
  <si>
    <t>1811.1988525390625</t>
  </si>
  <si>
    <t>0.04822978309564707</t>
  </si>
  <si>
    <t>2809</t>
  </si>
  <si>
    <t>25.770654678344727</t>
  </si>
  <si>
    <t>1889.9122314453125</t>
  </si>
  <si>
    <t>0.04850540585612517</t>
  </si>
  <si>
    <t>2935</t>
  </si>
  <si>
    <t>25.608522415161133</t>
  </si>
  <si>
    <t>2028.179931640625</t>
  </si>
  <si>
    <t>0.04387890515795245</t>
  </si>
  <si>
    <t>25.943387985229492</t>
  </si>
  <si>
    <t>1722.001953125</t>
  </si>
  <si>
    <t>0.0443184302249513</t>
  </si>
  <si>
    <t>3223</t>
  </si>
  <si>
    <t>25.525815963745117</t>
  </si>
  <si>
    <t>2515.5556640625</t>
  </si>
  <si>
    <t>0.04928671932828976</t>
  </si>
  <si>
    <t>3404</t>
  </si>
  <si>
    <t>26.38698387145996</t>
  </si>
  <si>
    <t>2083.451171875</t>
  </si>
  <si>
    <t>0.05463860787782693</t>
  </si>
  <si>
    <t>3577</t>
  </si>
  <si>
    <t>25.864816665649414</t>
  </si>
  <si>
    <t>2746.51416015625</t>
  </si>
  <si>
    <t>0.049573249565753486</t>
  </si>
  <si>
    <t>3787</t>
  </si>
  <si>
    <t>25.778419494628906</t>
  </si>
  <si>
    <t>1805.8218994140625</t>
  </si>
  <si>
    <t>0.057049688642777596</t>
  </si>
  <si>
    <t>4033</t>
  </si>
  <si>
    <t>25.772241592407227</t>
  </si>
  <si>
    <t>2071.5556640625</t>
  </si>
  <si>
    <t>0.0629363669715719</t>
  </si>
  <si>
    <t>4118</t>
  </si>
  <si>
    <t>25.82451057434082</t>
  </si>
  <si>
    <t>2358.34228515625</t>
  </si>
  <si>
    <t>0.020857092714367198</t>
  </si>
  <si>
    <t>4343</t>
  </si>
  <si>
    <t>26.059885025024414</t>
  </si>
  <si>
    <t>2093.961181640625</t>
  </si>
  <si>
    <t>0.053197744947087955</t>
  </si>
  <si>
    <t>26.089645385742188</t>
  </si>
  <si>
    <t>1687.2855224609375</t>
  </si>
  <si>
    <t>0.05531467051976868</t>
  </si>
  <si>
    <t>265</t>
  </si>
  <si>
    <t>25.977041244506836</t>
  </si>
  <si>
    <t>2147.42138671875</t>
  </si>
  <si>
    <t>5924.4560546875</t>
  </si>
  <si>
    <t>Dhaka</t>
  </si>
  <si>
    <t>26.005836486816406</t>
  </si>
  <si>
    <t>2272.87548828125</t>
  </si>
  <si>
    <t>0.014606697348342301</t>
  </si>
  <si>
    <t>1926</t>
  </si>
  <si>
    <t>25.845823287963867</t>
  </si>
  <si>
    <t>1360.787109375</t>
  </si>
  <si>
    <t>0.033794134521058616</t>
  </si>
  <si>
    <t>25.80609130859375</t>
  </si>
  <si>
    <t>2347.610595703125</t>
  </si>
  <si>
    <t>0.02664091982458583</t>
  </si>
  <si>
    <t>25.910974502563477</t>
  </si>
  <si>
    <t>1490.6026611328125</t>
  </si>
  <si>
    <t>0.32184900852568177</t>
  </si>
  <si>
    <t>3547</t>
  </si>
  <si>
    <t>26.52269744873047</t>
  </si>
  <si>
    <t>1956.6751708984375</t>
  </si>
  <si>
    <t>0.2621669340652826</t>
  </si>
  <si>
    <t>26.060087203979492</t>
  </si>
  <si>
    <t>1880.6187744140625</t>
  </si>
  <si>
    <t>0.017328549869167986</t>
  </si>
  <si>
    <t>25.637285232543945</t>
  </si>
  <si>
    <t>1887.542236328125</t>
  </si>
  <si>
    <t>0.01676093640582721</t>
  </si>
  <si>
    <t>26.406766891479492</t>
  </si>
  <si>
    <t>2093.88232421875</t>
  </si>
  <si>
    <t>0.022363858086404065</t>
  </si>
  <si>
    <t>3819</t>
  </si>
  <si>
    <t>26.30200958251953</t>
  </si>
  <si>
    <t>2094.649658203125</t>
  </si>
  <si>
    <t>0.017433088090495374</t>
  </si>
  <si>
    <t>25.74199676513672</t>
  </si>
  <si>
    <t>2048.12548828125</t>
  </si>
  <si>
    <t>0.02661311953077572</t>
  </si>
  <si>
    <t>4020</t>
  </si>
  <si>
    <t>26.25999641418457</t>
  </si>
  <si>
    <t>1925.2137451171875</t>
  </si>
  <si>
    <t>0.02468017485677443</t>
  </si>
  <si>
    <t>4073</t>
  </si>
  <si>
    <t>26.141319274902344</t>
  </si>
  <si>
    <t>1991.4915771484375</t>
  </si>
  <si>
    <t>0.013097926035346319</t>
  </si>
  <si>
    <t>26.20189666748047</t>
  </si>
  <si>
    <t>1830.05419921875</t>
  </si>
  <si>
    <t>0.023296370232383623</t>
  </si>
  <si>
    <t>26.317169189453125</t>
  </si>
  <si>
    <t>1938.4166259765625</t>
  </si>
  <si>
    <t>0.028843607110728087</t>
  </si>
  <si>
    <t>4477</t>
  </si>
  <si>
    <t>26.531797409057617</t>
  </si>
  <si>
    <t>1741.1220703125</t>
  </si>
  <si>
    <t>0.042433373249441075</t>
  </si>
  <si>
    <t>4708</t>
  </si>
  <si>
    <t>26.63619041442871</t>
  </si>
  <si>
    <t>1626.474853515625</t>
  </si>
  <si>
    <t>0.05031001013920289</t>
  </si>
  <si>
    <t>4976</t>
  </si>
  <si>
    <t>26.42173194885254</t>
  </si>
  <si>
    <t>2158.1904296875</t>
  </si>
  <si>
    <t>0.0553631660388465</t>
  </si>
  <si>
    <t>26.242753982543945</t>
  </si>
  <si>
    <t>1819.4332275390625</t>
  </si>
  <si>
    <t>0.04729616860337771</t>
  </si>
  <si>
    <t>26.745485305786133</t>
  </si>
  <si>
    <t>1687.6324462890625</t>
  </si>
  <si>
    <t>0.03835777623794634</t>
  </si>
  <si>
    <t>26.87114906311035</t>
  </si>
  <si>
    <t>1852.3707275390625</t>
  </si>
  <si>
    <t>0.04066702955309509</t>
  </si>
  <si>
    <t>5925</t>
  </si>
  <si>
    <t>26.055875778198242</t>
  </si>
  <si>
    <t>1594.389892578125</t>
  </si>
  <si>
    <t>0.04823335718989874</t>
  </si>
  <si>
    <t>6220</t>
  </si>
  <si>
    <t>25.898605346679688</t>
  </si>
  <si>
    <t>1556.1439208984375</t>
  </si>
  <si>
    <t>0.04858921972989272</t>
  </si>
  <si>
    <t>6497</t>
  </si>
  <si>
    <t>25.684494018554688</t>
  </si>
  <si>
    <t>1781.1591796875</t>
  </si>
  <si>
    <t>0.043570625147305364</t>
  </si>
  <si>
    <t>6792</t>
  </si>
  <si>
    <t>26.05034637451172</t>
  </si>
  <si>
    <t>1557.5601806640625</t>
  </si>
  <si>
    <t>0.04440491711065242</t>
  </si>
  <si>
    <t>7137</t>
  </si>
  <si>
    <t>25.729873657226562</t>
  </si>
  <si>
    <t>2163.097412109375</t>
  </si>
  <si>
    <t>0.049547070979883756</t>
  </si>
  <si>
    <t>7537</t>
  </si>
  <si>
    <t>26.527984619140625</t>
  </si>
  <si>
    <t>1828.5728759765625</t>
  </si>
  <si>
    <t>0.054531704872403</t>
  </si>
  <si>
    <t>7919</t>
  </si>
  <si>
    <t>26.008621215820312</t>
  </si>
  <si>
    <t>2379.50927734375</t>
  </si>
  <si>
    <t>0.04944071036694275</t>
  </si>
  <si>
    <t>8385</t>
  </si>
  <si>
    <t>25.88606071472168</t>
  </si>
  <si>
    <t>1582.3319091796875</t>
  </si>
  <si>
    <t>0.057179460046896224</t>
  </si>
  <si>
    <t>8930</t>
  </si>
  <si>
    <t>25.93402099609375</t>
  </si>
  <si>
    <t>1811.18212890625</t>
  </si>
  <si>
    <t>0.06297199961323585</t>
  </si>
  <si>
    <t>9117</t>
  </si>
  <si>
    <t>25.91231346130371</t>
  </si>
  <si>
    <t>2078.05908203125</t>
  </si>
  <si>
    <t>0.020724407714357795</t>
  </si>
  <si>
    <t>9615</t>
  </si>
  <si>
    <t>26.13042640686035</t>
  </si>
  <si>
    <t>1823.0174560546875</t>
  </si>
  <si>
    <t>0.05318357643797711</t>
  </si>
  <si>
    <t>10163</t>
  </si>
  <si>
    <t>26.24064826965332</t>
  </si>
  <si>
    <t>1511.7220458984375</t>
  </si>
  <si>
    <t>0.05542929511488737</t>
  </si>
  <si>
    <t>266</t>
  </si>
  <si>
    <t>24.490135192871094</t>
  </si>
  <si>
    <t>2891.5869140625</t>
  </si>
  <si>
    <t>1600.7344970703125</t>
  </si>
  <si>
    <t>Dinajpur</t>
  </si>
  <si>
    <t>24.215078353881836</t>
  </si>
  <si>
    <t>2839.466552734375</t>
  </si>
  <si>
    <t>0.014625489218978771</t>
  </si>
  <si>
    <t>24.142316818237305</t>
  </si>
  <si>
    <t>2261.441162109375</t>
  </si>
  <si>
    <t>0.03390155167568132</t>
  </si>
  <si>
    <t>1756</t>
  </si>
  <si>
    <t>24.457860946655273</t>
  </si>
  <si>
    <t>2944.830322265625</t>
  </si>
  <si>
    <t>0.026545124698357014</t>
  </si>
  <si>
    <t>24.51289939880371</t>
  </si>
  <si>
    <t>1762.81884765625</t>
  </si>
  <si>
    <t>-0.02129576881221329</t>
  </si>
  <si>
    <t>1699</t>
  </si>
  <si>
    <t>24.955123901367188</t>
  </si>
  <si>
    <t>2731.525634765625</t>
  </si>
  <si>
    <t>-0.011702883710916545</t>
  </si>
  <si>
    <t>24.674589157104492</t>
  </si>
  <si>
    <t>2362.27734375</t>
  </si>
  <si>
    <t>0.02843243454354827</t>
  </si>
  <si>
    <t>1797</t>
  </si>
  <si>
    <t>24.201265335083008</t>
  </si>
  <si>
    <t>2353.760498046875</t>
  </si>
  <si>
    <t>0.027646330568078525</t>
  </si>
  <si>
    <t>25.200088500976562</t>
  </si>
  <si>
    <t>2519.808349609375</t>
  </si>
  <si>
    <t>0.03392010093788489</t>
  </si>
  <si>
    <t>25.203445434570312</t>
  </si>
  <si>
    <t>3034.18701171875</t>
  </si>
  <si>
    <t>0.0286339817188086</t>
  </si>
  <si>
    <t>24.525650024414062</t>
  </si>
  <si>
    <t>2308.604248046875</t>
  </si>
  <si>
    <t>0.02834510817194591</t>
  </si>
  <si>
    <t>24.8278865814209</t>
  </si>
  <si>
    <t>2688.59521484375</t>
  </si>
  <si>
    <t>0.026574639791422605</t>
  </si>
  <si>
    <t>2052</t>
  </si>
  <si>
    <t>25.009010314941406</t>
  </si>
  <si>
    <t>2462.43701171875</t>
  </si>
  <si>
    <t>0.01522248888703892</t>
  </si>
  <si>
    <t>2104</t>
  </si>
  <si>
    <t>24.92346954345703</t>
  </si>
  <si>
    <t>2575.385986328125</t>
  </si>
  <si>
    <t>0.025025367566940737</t>
  </si>
  <si>
    <t>2169</t>
  </si>
  <si>
    <t>24.941755294799805</t>
  </si>
  <si>
    <t>2264.580810546875</t>
  </si>
  <si>
    <t>0.03042593696927387</t>
  </si>
  <si>
    <t>2268</t>
  </si>
  <si>
    <t>25.246789932250977</t>
  </si>
  <si>
    <t>2096.8818359375</t>
  </si>
  <si>
    <t>2385</t>
  </si>
  <si>
    <t>25.260101318359375</t>
  </si>
  <si>
    <t>2235.816650390625</t>
  </si>
  <si>
    <t>0.050300738474799545</t>
  </si>
  <si>
    <t>25.09287452697754</t>
  </si>
  <si>
    <t>2521.533447265625</t>
  </si>
  <si>
    <t>0.055456523865477614</t>
  </si>
  <si>
    <t>2643</t>
  </si>
  <si>
    <t>24.868993759155273</t>
  </si>
  <si>
    <t>2552.50048828125</t>
  </si>
  <si>
    <t>0.04725898741636936</t>
  </si>
  <si>
    <t>25.592344284057617</t>
  </si>
  <si>
    <t>2311.25830078125</t>
  </si>
  <si>
    <t>0.038230671723627374</t>
  </si>
  <si>
    <t>2860</t>
  </si>
  <si>
    <t>25.417314529418945</t>
  </si>
  <si>
    <t>2856.150390625</t>
  </si>
  <si>
    <t>0.04067631748598188</t>
  </si>
  <si>
    <t>3001</t>
  </si>
  <si>
    <t>24.84122657775879</t>
  </si>
  <si>
    <t>2639.2646484375</t>
  </si>
  <si>
    <t>0.048123941626468714</t>
  </si>
  <si>
    <t>24.528976440429688</t>
  </si>
  <si>
    <t>2191.93115234375</t>
  </si>
  <si>
    <t>0.048774296316906884</t>
  </si>
  <si>
    <t>24.734512329101562</t>
  </si>
  <si>
    <t>2399.895263671875</t>
  </si>
  <si>
    <t>0.04347160718606524</t>
  </si>
  <si>
    <t>3441</t>
  </si>
  <si>
    <t>25.01731300354004</t>
  </si>
  <si>
    <t>1966.7869873046875</t>
  </si>
  <si>
    <t>0.04457065685414108</t>
  </si>
  <si>
    <t>24.58342170715332</t>
  </si>
  <si>
    <t>2770.47265625</t>
  </si>
  <si>
    <t>0.04932972879538511</t>
  </si>
  <si>
    <t>3818</t>
  </si>
  <si>
    <t>25.320112228393555</t>
  </si>
  <si>
    <t>2372.84228515625</t>
  </si>
  <si>
    <t>0.05463486969282805</t>
  </si>
  <si>
    <t>4012</t>
  </si>
  <si>
    <t>24.874528884887695</t>
  </si>
  <si>
    <t>2642.8115234375</t>
  </si>
  <si>
    <t>0.04956314479613333</t>
  </si>
  <si>
    <t>4248</t>
  </si>
  <si>
    <t>24.776206970214844</t>
  </si>
  <si>
    <t>1790.03515625</t>
  </si>
  <si>
    <t>4524</t>
  </si>
  <si>
    <t>24.81174659729004</t>
  </si>
  <si>
    <t>2325.127197265625</t>
  </si>
  <si>
    <t>0.06294827431423577</t>
  </si>
  <si>
    <t>4619</t>
  </si>
  <si>
    <t>24.81230926513672</t>
  </si>
  <si>
    <t>2590.272705078125</t>
  </si>
  <si>
    <t>0.020781673194594674</t>
  </si>
  <si>
    <t>4871</t>
  </si>
  <si>
    <t>25.16010093688965</t>
  </si>
  <si>
    <t>2166.847900390625</t>
  </si>
  <si>
    <t>0.053121023375936716</t>
  </si>
  <si>
    <t>5148</t>
  </si>
  <si>
    <t>25.118432998657227</t>
  </si>
  <si>
    <t>1970.260498046875</t>
  </si>
  <si>
    <t>0.055309034909475585</t>
  </si>
  <si>
    <t>267</t>
  </si>
  <si>
    <t>25.926040649414062</t>
  </si>
  <si>
    <t>2111.904052734375</t>
  </si>
  <si>
    <t>1871.6630859375</t>
  </si>
  <si>
    <t>Faridpur</t>
  </si>
  <si>
    <t>25.860647201538086</t>
  </si>
  <si>
    <t>2146.687255859375</t>
  </si>
  <si>
    <t>0.014581769013358503</t>
  </si>
  <si>
    <t>25.758337020874023</t>
  </si>
  <si>
    <t>1313.116455078125</t>
  </si>
  <si>
    <t>0.03415243701274928</t>
  </si>
  <si>
    <t>25.664352416992188</t>
  </si>
  <si>
    <t>2164.725830078125</t>
  </si>
  <si>
    <t>0.026506245329242617</t>
  </si>
  <si>
    <t>1631</t>
  </si>
  <si>
    <t>25.79027557373047</t>
  </si>
  <si>
    <t>1396.318603515625</t>
  </si>
  <si>
    <t>-0.11785115786765665</t>
  </si>
  <si>
    <t>26.34525489807129</t>
  </si>
  <si>
    <t>1878.8365478515625</t>
  </si>
  <si>
    <t>-0.1294231747928416</t>
  </si>
  <si>
    <t>1479</t>
  </si>
  <si>
    <t>26.011573791503906</t>
  </si>
  <si>
    <t>1783.0601806640625</t>
  </si>
  <si>
    <t>0.031596034882627855</t>
  </si>
  <si>
    <t>25.51990509033203</t>
  </si>
  <si>
    <t>1790.65869140625</t>
  </si>
  <si>
    <t>0.030628226330712494</t>
  </si>
  <si>
    <t>26.347570419311523</t>
  </si>
  <si>
    <t>2216.49609375</t>
  </si>
  <si>
    <t>0.03606314816796008</t>
  </si>
  <si>
    <t>1632</t>
  </si>
  <si>
    <t>26.24143409729004</t>
  </si>
  <si>
    <t>2159.650634765625</t>
  </si>
  <si>
    <t>0.031748698314579826</t>
  </si>
  <si>
    <t>25.767824172973633</t>
  </si>
  <si>
    <t>2010.6258544921875</t>
  </si>
  <si>
    <t>0.025409715525368526</t>
  </si>
  <si>
    <t>26.09918212890625</t>
  </si>
  <si>
    <t>1855.7998046875</t>
  </si>
  <si>
    <t>0.02361384810830458</t>
  </si>
  <si>
    <t>26.047569274902344</t>
  </si>
  <si>
    <t>1986.0208740234375</t>
  </si>
  <si>
    <t>0.01160105818276147</t>
  </si>
  <si>
    <t>26.14131736755371</t>
  </si>
  <si>
    <t>1795.8323974609375</t>
  </si>
  <si>
    <t>0.022242148733720768</t>
  </si>
  <si>
    <t>1823</t>
  </si>
  <si>
    <t>26.195945739746094</t>
  </si>
  <si>
    <t>1876.752685546875</t>
  </si>
  <si>
    <t>0.027810468604455352</t>
  </si>
  <si>
    <t>1900</t>
  </si>
  <si>
    <t>26.37592315673828</t>
  </si>
  <si>
    <t>1733.033935546875</t>
  </si>
  <si>
    <t>0.0413703904758691</t>
  </si>
  <si>
    <t>26.50635528564453</t>
  </si>
  <si>
    <t>1646.264892578125</t>
  </si>
  <si>
    <t>0.05029279405396636</t>
  </si>
  <si>
    <t>2111</t>
  </si>
  <si>
    <t>26.399415969848633</t>
  </si>
  <si>
    <t>2230.958740234375</t>
  </si>
  <si>
    <t>0.05501508863982174</t>
  </si>
  <si>
    <t>26.179046630859375</t>
  </si>
  <si>
    <t>1835.2132568359375</t>
  </si>
  <si>
    <t>0.047639065420262305</t>
  </si>
  <si>
    <t>26.645477294921875</t>
  </si>
  <si>
    <t>1646.75830078125</t>
  </si>
  <si>
    <t>0.038108288648659006</t>
  </si>
  <si>
    <t>26.785179138183594</t>
  </si>
  <si>
    <t>1747.21044921875</t>
  </si>
  <si>
    <t>0.04089155731809857</t>
  </si>
  <si>
    <t>25.986452102661133</t>
  </si>
  <si>
    <t>1580.3768310546875</t>
  </si>
  <si>
    <t>0.04807442991485278</t>
  </si>
  <si>
    <t>2639</t>
  </si>
  <si>
    <t>25.791784286499023</t>
  </si>
  <si>
    <t>1467.812255859375</t>
  </si>
  <si>
    <t>0.04852494735313151</t>
  </si>
  <si>
    <t>25.5557861328125</t>
  </si>
  <si>
    <t>1639.912353515625</t>
  </si>
  <si>
    <t>0.04374307452047255</t>
  </si>
  <si>
    <t>25.909378051757812</t>
  </si>
  <si>
    <t>1490.1011962890625</t>
  </si>
  <si>
    <t>0.04434136553567036</t>
  </si>
  <si>
    <t>3028</t>
  </si>
  <si>
    <t>25.53680992126465</t>
  </si>
  <si>
    <t>2108.482177734375</t>
  </si>
  <si>
    <t>0.04941783799787203</t>
  </si>
  <si>
    <t>26.353239059448242</t>
  </si>
  <si>
    <t>1722.6612548828125</t>
  </si>
  <si>
    <t>0.054623278836560374</t>
  </si>
  <si>
    <t>3360</t>
  </si>
  <si>
    <t>25.818748474121094</t>
  </si>
  <si>
    <t>2364.89208984375</t>
  </si>
  <si>
    <t>0.049415359563349526</t>
  </si>
  <si>
    <t>25.694673538208008</t>
  </si>
  <si>
    <t>1550.513671875</t>
  </si>
  <si>
    <t>0.057257615268531126</t>
  </si>
  <si>
    <t>25.743865966796875</t>
  </si>
  <si>
    <t>1780.50048828125</t>
  </si>
  <si>
    <t>0.06290354279282084</t>
  </si>
  <si>
    <t>3869</t>
  </si>
  <si>
    <t>25.72684669494629</t>
  </si>
  <si>
    <t>2031.3046875</t>
  </si>
  <si>
    <t>0.02089394368191222</t>
  </si>
  <si>
    <t>4080</t>
  </si>
  <si>
    <t>25.9374942779541</t>
  </si>
  <si>
    <t>1801.344970703125</t>
  </si>
  <si>
    <t>0.053100912697694014</t>
  </si>
  <si>
    <t>26.049650192260742</t>
  </si>
  <si>
    <t>1400.789794921875</t>
  </si>
  <si>
    <t>0.055304845190626395</t>
  </si>
  <si>
    <t>268</t>
  </si>
  <si>
    <t>24.941667556762695</t>
  </si>
  <si>
    <t>2352.400146484375</t>
  </si>
  <si>
    <t>837.6322021484375</t>
  </si>
  <si>
    <t>Jamalpur</t>
  </si>
  <si>
    <t>1828</t>
  </si>
  <si>
    <t>24.616666793823242</t>
  </si>
  <si>
    <t>2231.10009765625</t>
  </si>
  <si>
    <t>0.014325313845811927</t>
  </si>
  <si>
    <t>24.533334732055664</t>
  </si>
  <si>
    <t>1575.3997802734375</t>
  </si>
  <si>
    <t>0.033883316644362615</t>
  </si>
  <si>
    <t>24.82499885559082</t>
  </si>
  <si>
    <t>2353.7001953125</t>
  </si>
  <si>
    <t>0.026612580192812985</t>
  </si>
  <si>
    <t>24.991666793823242</t>
  </si>
  <si>
    <t>1605.7000732421875</t>
  </si>
  <si>
    <t>-0.13191433971795075</t>
  </si>
  <si>
    <t>1468</t>
  </si>
  <si>
    <t>25.441667556762695</t>
  </si>
  <si>
    <t>2136.30029296875</t>
  </si>
  <si>
    <t>-0.1479030999588593</t>
  </si>
  <si>
    <t>1960.5001220703125</t>
  </si>
  <si>
    <t>0.0348094046658618</t>
  </si>
  <si>
    <t>24.73333168029785</t>
  </si>
  <si>
    <t>1769.199951171875</t>
  </si>
  <si>
    <t>0.03490981513702618</t>
  </si>
  <si>
    <t>2374.39990234375</t>
  </si>
  <si>
    <t>0.041076091840895224</t>
  </si>
  <si>
    <t>25.675003051757812</t>
  </si>
  <si>
    <t>2030.9000244140625</t>
  </si>
  <si>
    <t>0.035343600853688706</t>
  </si>
  <si>
    <t>24.933334350585938</t>
  </si>
  <si>
    <t>2253.199951171875</t>
  </si>
  <si>
    <t>0.06769715306549173</t>
  </si>
  <si>
    <t>25.258331298828125</t>
  </si>
  <si>
    <t>2241.300048828125</t>
  </si>
  <si>
    <t>0.06443538050522779</t>
  </si>
  <si>
    <t>25.39166831970215</t>
  </si>
  <si>
    <t>2040.800048828125</t>
  </si>
  <si>
    <t>0.051757343481958706</t>
  </si>
  <si>
    <t>2178.900146484375</t>
  </si>
  <si>
    <t>0.06079744780989493</t>
  </si>
  <si>
    <t>1611.199951171875</t>
  </si>
  <si>
    <t>0.0655460778978707</t>
  </si>
  <si>
    <t>2507</t>
  </si>
  <si>
    <t>1850.10009765625</t>
  </si>
  <si>
    <t>0.0788135737259168</t>
  </si>
  <si>
    <t>25.658334732055664</t>
  </si>
  <si>
    <t>1749.5999755859375</t>
  </si>
  <si>
    <t>0.05017579746410483</t>
  </si>
  <si>
    <t>25.491666793823242</t>
  </si>
  <si>
    <t>2025.1002197265625</t>
  </si>
  <si>
    <t>0.055344258717353156</t>
  </si>
  <si>
    <t>2921</t>
  </si>
  <si>
    <t>25.291664123535156</t>
  </si>
  <si>
    <t>1854.0001220703125</t>
  </si>
  <si>
    <t>0.047319148047989756</t>
  </si>
  <si>
    <t>3035</t>
  </si>
  <si>
    <t>1943.900146484375</t>
  </si>
  <si>
    <t>0.038285401105857986</t>
  </si>
  <si>
    <t>3161</t>
  </si>
  <si>
    <t>2502.199951171875</t>
  </si>
  <si>
    <t>0.04067700872201918</t>
  </si>
  <si>
    <t>3317</t>
  </si>
  <si>
    <t>25.308334350585938</t>
  </si>
  <si>
    <t>1882.7998046875</t>
  </si>
  <si>
    <t>0.04817232673143401</t>
  </si>
  <si>
    <t>24.875</t>
  </si>
  <si>
    <t>1682.0999755859375</t>
  </si>
  <si>
    <t>0.048546081381083184</t>
  </si>
  <si>
    <t>3637</t>
  </si>
  <si>
    <t>25.09166717529297</t>
  </si>
  <si>
    <t>1778.4000244140625</t>
  </si>
  <si>
    <t>0.0435523246588545</t>
  </si>
  <si>
    <t>3802</t>
  </si>
  <si>
    <t>1688.8001708984375</t>
  </si>
  <si>
    <t>0.04436807806138532</t>
  </si>
  <si>
    <t>24.92500114440918</t>
  </si>
  <si>
    <t>2045.89990234375</t>
  </si>
  <si>
    <t>0.04951633515199916</t>
  </si>
  <si>
    <t>4219</t>
  </si>
  <si>
    <t>25.70833396911621</t>
  </si>
  <si>
    <t>1742.4000244140625</t>
  </si>
  <si>
    <t>0.05455455392396402</t>
  </si>
  <si>
    <t>4433</t>
  </si>
  <si>
    <t>2378.7998046875</t>
  </si>
  <si>
    <t>0.04947842262071589</t>
  </si>
  <si>
    <t>4694</t>
  </si>
  <si>
    <t>25.10833168029785</t>
  </si>
  <si>
    <t>1645.0</t>
  </si>
  <si>
    <t>0.057208541665914936</t>
  </si>
  <si>
    <t>4999</t>
  </si>
  <si>
    <t>25.15833282470703</t>
  </si>
  <si>
    <t>1819.5999755859375</t>
  </si>
  <si>
    <t>0.06295279500260165</t>
  </si>
  <si>
    <t>25.166664123535156</t>
  </si>
  <si>
    <t>2202.0</t>
  </si>
  <si>
    <t>0.020786653611054362</t>
  </si>
  <si>
    <t>25.55000114440918</t>
  </si>
  <si>
    <t>1773.500244140625</t>
  </si>
  <si>
    <t>0.05322129353633187</t>
  </si>
  <si>
    <t>5690</t>
  </si>
  <si>
    <t>25.483335494995117</t>
  </si>
  <si>
    <t>1777.699951171875</t>
  </si>
  <si>
    <t>0.05546440855941981</t>
  </si>
  <si>
    <t>269</t>
  </si>
  <si>
    <t>26.03333282470703</t>
  </si>
  <si>
    <t>1905.900146484375</t>
  </si>
  <si>
    <t>906.0826416015625</t>
  </si>
  <si>
    <t>Jessore</t>
  </si>
  <si>
    <t>1833.800048828125</t>
  </si>
  <si>
    <t>0.013881078870713104</t>
  </si>
  <si>
    <t>1269.300048828125</t>
  </si>
  <si>
    <t>0.034437498400094135</t>
  </si>
  <si>
    <t>1850</t>
  </si>
  <si>
    <t>1965.599853515625</t>
  </si>
  <si>
    <t>0.026288479904087225</t>
  </si>
  <si>
    <t>1836</t>
  </si>
  <si>
    <t>1343.0999755859375</t>
  </si>
  <si>
    <t>-0.007596346891934225</t>
  </si>
  <si>
    <t>26.566667556762695</t>
  </si>
  <si>
    <t>1741.5</t>
  </si>
  <si>
    <t>0.0027196100526420963</t>
  </si>
  <si>
    <t>1592.900146484375</t>
  </si>
  <si>
    <t>0.026796887425379445</t>
  </si>
  <si>
    <t>25.541669845581055</t>
  </si>
  <si>
    <t>1652.5001220703125</t>
  </si>
  <si>
    <t>26.508331298828125</t>
  </si>
  <si>
    <t>1762.7999267578125</t>
  </si>
  <si>
    <t>0.03192569088939923</t>
  </si>
  <si>
    <t>26.383333206176758</t>
  </si>
  <si>
    <t>1798.5999755859375</t>
  </si>
  <si>
    <t>0.02706192204295732</t>
  </si>
  <si>
    <t>2177</t>
  </si>
  <si>
    <t>25.991668701171875</t>
  </si>
  <si>
    <t>1734.10009765625</t>
  </si>
  <si>
    <t>0.055241799450920226</t>
  </si>
  <si>
    <t>2294</t>
  </si>
  <si>
    <t>26.058334350585938</t>
  </si>
  <si>
    <t>1629.2000732421875</t>
  </si>
  <si>
    <t>0.05234923645476819</t>
  </si>
  <si>
    <t>2389</t>
  </si>
  <si>
    <t>1905.7000732421875</t>
  </si>
  <si>
    <t>0.040577849636494356</t>
  </si>
  <si>
    <t>1733.60009765625</t>
  </si>
  <si>
    <t>0.05020438026227936</t>
  </si>
  <si>
    <t>2656</t>
  </si>
  <si>
    <t>1630.8001708984375</t>
  </si>
  <si>
    <t>0.055741983008235074</t>
  </si>
  <si>
    <t>2845</t>
  </si>
  <si>
    <t>1561.100341796875</t>
  </si>
  <si>
    <t>0.06874183596410699</t>
  </si>
  <si>
    <t>2991</t>
  </si>
  <si>
    <t>1717.900146484375</t>
  </si>
  <si>
    <t>0.050044712069515995</t>
  </si>
  <si>
    <t>3162</t>
  </si>
  <si>
    <t>26.350000381469727</t>
  </si>
  <si>
    <t>2185.900146484375</t>
  </si>
  <si>
    <t>0.055596959139469604</t>
  </si>
  <si>
    <t>1778.5</t>
  </si>
  <si>
    <t>0.04725288485054513</t>
  </si>
  <si>
    <t>3444</t>
  </si>
  <si>
    <t>26.54166603088379</t>
  </si>
  <si>
    <t>1545.7000732421875</t>
  </si>
  <si>
    <t>0.03817596292766012</t>
  </si>
  <si>
    <t>1536.7000732421875</t>
  </si>
  <si>
    <t>0.04096135763106368</t>
  </si>
  <si>
    <t>3765</t>
  </si>
  <si>
    <t>1566.0001220703125</t>
  </si>
  <si>
    <t>0.04815291705530811</t>
  </si>
  <si>
    <t>3952</t>
  </si>
  <si>
    <t>1287.9998779296875</t>
  </si>
  <si>
    <t>0.04847391863376416</t>
  </si>
  <si>
    <t>4128</t>
  </si>
  <si>
    <t>1534.7000732421875</t>
  </si>
  <si>
    <t>0.0435712482936399</t>
  </si>
  <si>
    <t>26.17500114440918</t>
  </si>
  <si>
    <t>1342.9000244140625</t>
  </si>
  <si>
    <t>0.04453601921662731</t>
  </si>
  <si>
    <t>1866.89990234375</t>
  </si>
  <si>
    <t>0.049496036171211344</t>
  </si>
  <si>
    <t>1568.89990234375</t>
  </si>
  <si>
    <t>0.05449653779337282</t>
  </si>
  <si>
    <t>5032</t>
  </si>
  <si>
    <t>2014.800048828125</t>
  </si>
  <si>
    <t>0.04949589803766763</t>
  </si>
  <si>
    <t>5328</t>
  </si>
  <si>
    <t>1318.10009765625</t>
  </si>
  <si>
    <t>5674</t>
  </si>
  <si>
    <t>1523.4002685546875</t>
  </si>
  <si>
    <t>0.06291840314857033</t>
  </si>
  <si>
    <t>1788.9998779296875</t>
  </si>
  <si>
    <t>0.020755955727828734</t>
  </si>
  <si>
    <t>6109</t>
  </si>
  <si>
    <t>1727.10009765625</t>
  </si>
  <si>
    <t>0.053112801553142575</t>
  </si>
  <si>
    <t>6458</t>
  </si>
  <si>
    <t>26.125001907348633</t>
  </si>
  <si>
    <t>1235.1998291015625</t>
  </si>
  <si>
    <t>0.05555657866845287</t>
  </si>
  <si>
    <t>270</t>
  </si>
  <si>
    <t>26.208269119262695</t>
  </si>
  <si>
    <t>2125.7470703125</t>
  </si>
  <si>
    <t>2978.2509765625</t>
  </si>
  <si>
    <t>Khulna</t>
  </si>
  <si>
    <t>26.22166633605957</t>
  </si>
  <si>
    <t>2134.349609375</t>
  </si>
  <si>
    <t>2049</t>
  </si>
  <si>
    <t>26.12217903137207</t>
  </si>
  <si>
    <t>1412.385009765625</t>
  </si>
  <si>
    <t>0.034255024550319035</t>
  </si>
  <si>
    <t>26.054445266723633</t>
  </si>
  <si>
    <t>2196.204833984375</t>
  </si>
  <si>
    <t>0.026013027463799965</t>
  </si>
  <si>
    <t>26.118581771850586</t>
  </si>
  <si>
    <t>1471.9820556640625</t>
  </si>
  <si>
    <t>-0.014850572323326539</t>
  </si>
  <si>
    <t>26.69093132019043</t>
  </si>
  <si>
    <t>2035.9573974609375</t>
  </si>
  <si>
    <t>-0.005808341595746391</t>
  </si>
  <si>
    <t>26.24134063720703</t>
  </si>
  <si>
    <t>1827.6558837890625</t>
  </si>
  <si>
    <t>0.03059512057820246</t>
  </si>
  <si>
    <t>25.78696632385254</t>
  </si>
  <si>
    <t>2006.8629150390625</t>
  </si>
  <si>
    <t>0.030143715161033313</t>
  </si>
  <si>
    <t>2269</t>
  </si>
  <si>
    <t>26.705657958984375</t>
  </si>
  <si>
    <t>2112.96875</t>
  </si>
  <si>
    <t>0.035894387256978355</t>
  </si>
  <si>
    <t>2341</t>
  </si>
  <si>
    <t>26.5361328125</t>
  </si>
  <si>
    <t>2178.320556640625</t>
  </si>
  <si>
    <t>0.031238982711069063</t>
  </si>
  <si>
    <t>2451</t>
  </si>
  <si>
    <t>26.109289169311523</t>
  </si>
  <si>
    <t>1998.4500732421875</t>
  </si>
  <si>
    <t>0.045917916037201856</t>
  </si>
  <si>
    <t>2561</t>
  </si>
  <si>
    <t>26.236228942871094</t>
  </si>
  <si>
    <t>1883.252685546875</t>
  </si>
  <si>
    <t>0.04390170267141347</t>
  </si>
  <si>
    <t>2645</t>
  </si>
  <si>
    <t>26.38218879699707</t>
  </si>
  <si>
    <t>2104.11962890625</t>
  </si>
  <si>
    <t>0.03227325809287418</t>
  </si>
  <si>
    <t>2759</t>
  </si>
  <si>
    <t>26.4044246673584</t>
  </si>
  <si>
    <t>1927.1800537109375</t>
  </si>
  <si>
    <t>0.04219722992488606</t>
  </si>
  <si>
    <t>26.385000228881836</t>
  </si>
  <si>
    <t>1914.148681640625</t>
  </si>
  <si>
    <t>0.04742573075884948</t>
  </si>
  <si>
    <t>26.602493286132812</t>
  </si>
  <si>
    <t>1884.0760498046875</t>
  </si>
  <si>
    <t>0.061336025649398884</t>
  </si>
  <si>
    <t>26.578615188598633</t>
  </si>
  <si>
    <t>1911.86474609375</t>
  </si>
  <si>
    <t>0.050398876309467155</t>
  </si>
  <si>
    <t>3419</t>
  </si>
  <si>
    <t>26.530935287475586</t>
  </si>
  <si>
    <t>2268.161865234375</t>
  </si>
  <si>
    <t>0.055319182704300474</t>
  </si>
  <si>
    <t>3585</t>
  </si>
  <si>
    <t>26.29637336730957</t>
  </si>
  <si>
    <t>1967.7374267578125</t>
  </si>
  <si>
    <t>0.04741036339441962</t>
  </si>
  <si>
    <t>3725</t>
  </si>
  <si>
    <t>26.67806053161621</t>
  </si>
  <si>
    <t>1823.8482666015625</t>
  </si>
  <si>
    <t>0.038308377779937786</t>
  </si>
  <si>
    <t>3879</t>
  </si>
  <si>
    <t>26.943260192871094</t>
  </si>
  <si>
    <t>1812.295166015625</t>
  </si>
  <si>
    <t>0.040510536626307214</t>
  </si>
  <si>
    <t>4071</t>
  </si>
  <si>
    <t>26.206710815429688</t>
  </si>
  <si>
    <t>1829.788818359375</t>
  </si>
  <si>
    <t>0.048311281063012856</t>
  </si>
  <si>
    <t>4274</t>
  </si>
  <si>
    <t>26.15940284729004</t>
  </si>
  <si>
    <t>1563.5601806640625</t>
  </si>
  <si>
    <t>0.048661487376113755</t>
  </si>
  <si>
    <t>25.854063034057617</t>
  </si>
  <si>
    <t>1681.4039306640625</t>
  </si>
  <si>
    <t>0.04349506818205384</t>
  </si>
  <si>
    <t>4667</t>
  </si>
  <si>
    <t>26.23502540588379</t>
  </si>
  <si>
    <t>1594.3289794921875</t>
  </si>
  <si>
    <t>0.0444712418886688</t>
  </si>
  <si>
    <t>4904</t>
  </si>
  <si>
    <t>25.896543502807617</t>
  </si>
  <si>
    <t>2197.4072265625</t>
  </si>
  <si>
    <t>0.049534731666231124</t>
  </si>
  <si>
    <t>26.593992233276367</t>
  </si>
  <si>
    <t>1807.5318603515625</t>
  </si>
  <si>
    <t>0.05456078880784432</t>
  </si>
  <si>
    <t>5441</t>
  </si>
  <si>
    <t>26.13221549987793</t>
  </si>
  <si>
    <t>2434.66015625</t>
  </si>
  <si>
    <t>0.049350880062034364</t>
  </si>
  <si>
    <t>5762</t>
  </si>
  <si>
    <t>25.891481399536133</t>
  </si>
  <si>
    <t>1573.6837158203125</t>
  </si>
  <si>
    <t>0.057321769158548364</t>
  </si>
  <si>
    <t>6136</t>
  </si>
  <si>
    <t>26.10207176208496</t>
  </si>
  <si>
    <t>1812.0745849609375</t>
  </si>
  <si>
    <t>0.06288842740261735</t>
  </si>
  <si>
    <t>6265</t>
  </si>
  <si>
    <t>25.975709915161133</t>
  </si>
  <si>
    <t>1993.635986328125</t>
  </si>
  <si>
    <t>0.020805524283076693</t>
  </si>
  <si>
    <t>6606</t>
  </si>
  <si>
    <t>26.12324333190918</t>
  </si>
  <si>
    <t>1917.2711181640625</t>
  </si>
  <si>
    <t>0.05299973862056717</t>
  </si>
  <si>
    <t>6983</t>
  </si>
  <si>
    <t>26.330245971679688</t>
  </si>
  <si>
    <t>1350.050537109375</t>
  </si>
  <si>
    <t>0.05550029689529978</t>
  </si>
  <si>
    <t>271</t>
  </si>
  <si>
    <t>1649</t>
  </si>
  <si>
    <t>26.0638484954834</t>
  </si>
  <si>
    <t>1819.289306640625</t>
  </si>
  <si>
    <t>1767.90380859375</t>
  </si>
  <si>
    <t>Kushtia</t>
  </si>
  <si>
    <t>1673</t>
  </si>
  <si>
    <t>25.965721130371094</t>
  </si>
  <si>
    <t>1761.9613037109375</t>
  </si>
  <si>
    <t>0.014449378427224602</t>
  </si>
  <si>
    <t>1731</t>
  </si>
  <si>
    <t>25.933042526245117</t>
  </si>
  <si>
    <t>1158.4764404296875</t>
  </si>
  <si>
    <t>0.034080854189385335</t>
  </si>
  <si>
    <t>1777</t>
  </si>
  <si>
    <t>25.833040237426758</t>
  </si>
  <si>
    <t>1845.3123779296875</t>
  </si>
  <si>
    <t>0.026227272978442073</t>
  </si>
  <si>
    <t>25.908042907714844</t>
  </si>
  <si>
    <t>1202.001220703125</t>
  </si>
  <si>
    <t>-0.011888053959588696</t>
  </si>
  <si>
    <t>1753</t>
  </si>
  <si>
    <t>26.528547286987305</t>
  </si>
  <si>
    <t>1530.6522216796875</t>
  </si>
  <si>
    <t>-0.0017098892738278693</t>
  </si>
  <si>
    <t>1796</t>
  </si>
  <si>
    <t>26.14970588684082</t>
  </si>
  <si>
    <t>1491.5400390625</t>
  </si>
  <si>
    <t>0.024233363940910913</t>
  </si>
  <si>
    <t>1840</t>
  </si>
  <si>
    <t>25.732385635375977</t>
  </si>
  <si>
    <t>1587.408447265625</t>
  </si>
  <si>
    <t>0.02420360174088554</t>
  </si>
  <si>
    <t>26.565719604492188</t>
  </si>
  <si>
    <t>1561.7979736328125</t>
  </si>
  <si>
    <t>0.029980832211935926</t>
  </si>
  <si>
    <t>26.42274284362793</t>
  </si>
  <si>
    <t>1801.1055908203125</t>
  </si>
  <si>
    <t>0.024486766562473505</t>
  </si>
  <si>
    <t>1985</t>
  </si>
  <si>
    <t>25.979860305786133</t>
  </si>
  <si>
    <t>1549.4024658203125</t>
  </si>
  <si>
    <t>0.02138574374385005</t>
  </si>
  <si>
    <t>26.09521484375</t>
  </si>
  <si>
    <t>1515.63037109375</t>
  </si>
  <si>
    <t>0.018962644046455424</t>
  </si>
  <si>
    <t>26.2708683013916</t>
  </si>
  <si>
    <t>1670.467041015625</t>
  </si>
  <si>
    <t>0.007877933406708948</t>
  </si>
  <si>
    <t>26.21112632751465</t>
  </si>
  <si>
    <t>1499.58935546875</t>
  </si>
  <si>
    <t>0.01750166209034365</t>
  </si>
  <si>
    <t>26.299055099487305</t>
  </si>
  <si>
    <t>1548.56103515625</t>
  </si>
  <si>
    <t>0.02286902903845789</t>
  </si>
  <si>
    <t>26.507482528686523</t>
  </si>
  <si>
    <t>1387.268310546875</t>
  </si>
  <si>
    <t>0.03698988509908663</t>
  </si>
  <si>
    <t>2316</t>
  </si>
  <si>
    <t>26.45289421081543</t>
  </si>
  <si>
    <t>1433.77587890625</t>
  </si>
  <si>
    <t>0.05002149189054261</t>
  </si>
  <si>
    <t>26.404111862182617</t>
  </si>
  <si>
    <t>1919.8994140625</t>
  </si>
  <si>
    <t>0.05542980493933136</t>
  </si>
  <si>
    <t>2567</t>
  </si>
  <si>
    <t>26.160568237304688</t>
  </si>
  <si>
    <t>1551.1427001953125</t>
  </si>
  <si>
    <t>0.04746653723892358</t>
  </si>
  <si>
    <t>26.59334373474121</t>
  </si>
  <si>
    <t>1374.5020751953125</t>
  </si>
  <si>
    <t>0.0382163433108742</t>
  </si>
  <si>
    <t>2778</t>
  </si>
  <si>
    <t>26.825172424316406</t>
  </si>
  <si>
    <t>1427.6624755859375</t>
  </si>
  <si>
    <t>0.04077699913227484</t>
  </si>
  <si>
    <t>26.034914016723633</t>
  </si>
  <si>
    <t>1345.8968505859375</t>
  </si>
  <si>
    <t>0.0481385754703032</t>
  </si>
  <si>
    <t>25.9400634765625</t>
  </si>
  <si>
    <t>1222.7674560546875</t>
  </si>
  <si>
    <t>0.048545096161833</t>
  </si>
  <si>
    <t>3197</t>
  </si>
  <si>
    <t>25.73491096496582</t>
  </si>
  <si>
    <t>1488.5201416015625</t>
  </si>
  <si>
    <t>0.04379795411341547</t>
  </si>
  <si>
    <t>3342</t>
  </si>
  <si>
    <t>26.002891540527344</t>
  </si>
  <si>
    <t>1243.7113037109375</t>
  </si>
  <si>
    <t>0.0443565600954976</t>
  </si>
  <si>
    <t>3511</t>
  </si>
  <si>
    <t>25.59259033203125</t>
  </si>
  <si>
    <t>1762.31787109375</t>
  </si>
  <si>
    <t>0.049331467013093544</t>
  </si>
  <si>
    <t>26.431730270385742</t>
  </si>
  <si>
    <t>1458.4483642578125</t>
  </si>
  <si>
    <t>0.054591750517312576</t>
  </si>
  <si>
    <t>3896</t>
  </si>
  <si>
    <t>25.890066146850586</t>
  </si>
  <si>
    <t>1890.0521240234375</t>
  </si>
  <si>
    <t>0.04945773807668097</t>
  </si>
  <si>
    <t>4126</t>
  </si>
  <si>
    <t>25.6900634765625</t>
  </si>
  <si>
    <t>1231.22900390625</t>
  </si>
  <si>
    <t>0.05735802886877117</t>
  </si>
  <si>
    <t>4394</t>
  </si>
  <si>
    <t>25.768247604370117</t>
  </si>
  <si>
    <t>1398.547119140625</t>
  </si>
  <si>
    <t>0.06293155931335903</t>
  </si>
  <si>
    <t>25.65673065185547</t>
  </si>
  <si>
    <t>1676.7149658203125</t>
  </si>
  <si>
    <t>0.020721462135597335</t>
  </si>
  <si>
    <t>4731</t>
  </si>
  <si>
    <t>25.86956024169922</t>
  </si>
  <si>
    <t>1637.4508056640625</t>
  </si>
  <si>
    <t>0.05317516055099425</t>
  </si>
  <si>
    <t>26.06056785583496</t>
  </si>
  <si>
    <t>1170.1514892578125</t>
  </si>
  <si>
    <t>0.055301315785090566</t>
  </si>
  <si>
    <t>272</t>
  </si>
  <si>
    <t>25.493806838989258</t>
  </si>
  <si>
    <t>2581.31640625</t>
  </si>
  <si>
    <t>3136.333984375</t>
  </si>
  <si>
    <t>Mymensingh</t>
  </si>
  <si>
    <t>25.46044921875</t>
  </si>
  <si>
    <t>2694.631103515625</t>
  </si>
  <si>
    <t>0.014320053774748764</t>
  </si>
  <si>
    <t>25.156522750854492</t>
  </si>
  <si>
    <t>1830.3653564453125</t>
  </si>
  <si>
    <t>0.03460092339768206</t>
  </si>
  <si>
    <t>25.396440505981445</t>
  </si>
  <si>
    <t>2879.558837890625</t>
  </si>
  <si>
    <t>0.026461692413291438</t>
  </si>
  <si>
    <t>25.453733444213867</t>
  </si>
  <si>
    <t>1883.1448974609375</t>
  </si>
  <si>
    <t>0.011399743464727052</t>
  </si>
  <si>
    <t>25.856252670288086</t>
  </si>
  <si>
    <t>2400.916748046875</t>
  </si>
  <si>
    <t>0.021800925707510466</t>
  </si>
  <si>
    <t>25.639053344726562</t>
  </si>
  <si>
    <t>2262.537353515625</t>
  </si>
  <si>
    <t>0.026149255212196465</t>
  </si>
  <si>
    <t>25.125585556030273</t>
  </si>
  <si>
    <t>2264.318115234375</t>
  </si>
  <si>
    <t>0.0260678267699177</t>
  </si>
  <si>
    <t>25.97606658935547</t>
  </si>
  <si>
    <t>2578.830078125</t>
  </si>
  <si>
    <t>0.03165731987069176</t>
  </si>
  <si>
    <t>1812</t>
  </si>
  <si>
    <t>26.047164916992188</t>
  </si>
  <si>
    <t>2590.08056640625</t>
  </si>
  <si>
    <t>0.026280517235527157</t>
  </si>
  <si>
    <t>1849</t>
  </si>
  <si>
    <t>25.385465621948242</t>
  </si>
  <si>
    <t>2442.972900390625</t>
  </si>
  <si>
    <t>0.02021374478420057</t>
  </si>
  <si>
    <t>25.86854362487793</t>
  </si>
  <si>
    <t>2447.041259765625</t>
  </si>
  <si>
    <t>0.017690088758199884</t>
  </si>
  <si>
    <t>1895</t>
  </si>
  <si>
    <t>25.731313705444336</t>
  </si>
  <si>
    <t>2421.921630859375</t>
  </si>
  <si>
    <t>0.006883797371202149</t>
  </si>
  <si>
    <t>25.681489944458008</t>
  </si>
  <si>
    <t>2411.81494140625</t>
  </si>
  <si>
    <t>0.01622647484154438</t>
  </si>
  <si>
    <t>25.62168312072754</t>
  </si>
  <si>
    <t>2043.2210693359375</t>
  </si>
  <si>
    <t>0.02157248525412747</t>
  </si>
  <si>
    <t>26.08994483947754</t>
  </si>
  <si>
    <t>2050.788818359375</t>
  </si>
  <si>
    <t>0.03544169296225608</t>
  </si>
  <si>
    <t>26.100831985473633</t>
  </si>
  <si>
    <t>1923.89111328125</t>
  </si>
  <si>
    <t>0.05021375161623798</t>
  </si>
  <si>
    <t>2266</t>
  </si>
  <si>
    <t>25.97292137145996</t>
  </si>
  <si>
    <t>2452.189453125</t>
  </si>
  <si>
    <t>0.055342919397259216</t>
  </si>
  <si>
    <t>2376</t>
  </si>
  <si>
    <t>25.80180549621582</t>
  </si>
  <si>
    <t>2139.29150390625</t>
  </si>
  <si>
    <t>0.04740223889458406</t>
  </si>
  <si>
    <t>26.486509323120117</t>
  </si>
  <si>
    <t>2114.22705078125</t>
  </si>
  <si>
    <t>0.03839480886264379</t>
  </si>
  <si>
    <t>2572</t>
  </si>
  <si>
    <t>26.138315200805664</t>
  </si>
  <si>
    <t>2642.976806640625</t>
  </si>
  <si>
    <t>0.04087059601233012</t>
  </si>
  <si>
    <t>25.83387565612793</t>
  </si>
  <si>
    <t>1982.52001953125</t>
  </si>
  <si>
    <t>0.0481975276604949</t>
  </si>
  <si>
    <t>25.448949813842773</t>
  </si>
  <si>
    <t>1963.5579833984375</t>
  </si>
  <si>
    <t>0.048454886812511866</t>
  </si>
  <si>
    <t>2959</t>
  </si>
  <si>
    <t>25.53435707092285</t>
  </si>
  <si>
    <t>2158.11865234375</t>
  </si>
  <si>
    <t>0.04351515256969307</t>
  </si>
  <si>
    <t>3093</t>
  </si>
  <si>
    <t>25.82234764099121</t>
  </si>
  <si>
    <t>1884.4659423828125</t>
  </si>
  <si>
    <t>0.04429012028486046</t>
  </si>
  <si>
    <t>3251</t>
  </si>
  <si>
    <t>25.254648208618164</t>
  </si>
  <si>
    <t>2564.02001953125</t>
  </si>
  <si>
    <t>0.04982114761883594</t>
  </si>
  <si>
    <t>3433</t>
  </si>
  <si>
    <t>26.11298942565918</t>
  </si>
  <si>
    <t>2132.9560546875</t>
  </si>
  <si>
    <t>0.05447187315378521</t>
  </si>
  <si>
    <t>25.691068649291992</t>
  </si>
  <si>
    <t>2827.83056640625</t>
  </si>
  <si>
    <t>0.04944188744584821</t>
  </si>
  <si>
    <t>25.5687198638916</t>
  </si>
  <si>
    <t>1879.3878173828125</t>
  </si>
  <si>
    <t>0.057112206321976444</t>
  </si>
  <si>
    <t>4067</t>
  </si>
  <si>
    <t>25.596534729003906</t>
  </si>
  <si>
    <t>2120.953125</t>
  </si>
  <si>
    <t>0.06291701868170918</t>
  </si>
  <si>
    <t>4153</t>
  </si>
  <si>
    <t>25.736371994018555</t>
  </si>
  <si>
    <t>2475.227294921875</t>
  </si>
  <si>
    <t>0.020925337723529225</t>
  </si>
  <si>
    <t>4379</t>
  </si>
  <si>
    <t>26.102296829223633</t>
  </si>
  <si>
    <t>2106.1630859375</t>
  </si>
  <si>
    <t>0.05298942317064359</t>
  </si>
  <si>
    <t>25.894744873046875</t>
  </si>
  <si>
    <t>1954.6580810546875</t>
  </si>
  <si>
    <t>0.05552047422987272</t>
  </si>
  <si>
    <t>273</t>
  </si>
  <si>
    <t>1365</t>
  </si>
  <si>
    <t>25.545570373535156</t>
  </si>
  <si>
    <t>2768.138916015625</t>
  </si>
  <si>
    <t>2151.72705078125</t>
  </si>
  <si>
    <t>Noakhali</t>
  </si>
  <si>
    <t>25.538299560546875</t>
  </si>
  <si>
    <t>2966.80810546875</t>
  </si>
  <si>
    <t>0.01454571100237878</t>
  </si>
  <si>
    <t>25.43440055847168</t>
  </si>
  <si>
    <t>1881.621826171875</t>
  </si>
  <si>
    <t>0.034070009206732976</t>
  </si>
  <si>
    <t>1471</t>
  </si>
  <si>
    <t>25.42003631591797</t>
  </si>
  <si>
    <t>2975.66552734375</t>
  </si>
  <si>
    <t>0.026172292773265937</t>
  </si>
  <si>
    <t>1498</t>
  </si>
  <si>
    <t>25.482269287109375</t>
  </si>
  <si>
    <t>2103.839599609375</t>
  </si>
  <si>
    <t>0.01818844347572668</t>
  </si>
  <si>
    <t>25.97890281677246</t>
  </si>
  <si>
    <t>2615.30322265625</t>
  </si>
  <si>
    <t>0.02959768828599607</t>
  </si>
  <si>
    <t>25.69609832763672</t>
  </si>
  <si>
    <t>2572.3642578125</t>
  </si>
  <si>
    <t>0.02685583394822011</t>
  </si>
  <si>
    <t>25.26560401916504</t>
  </si>
  <si>
    <t>2664.1865234375</t>
  </si>
  <si>
    <t>0.026153420907657043</t>
  </si>
  <si>
    <t>26.038827896118164</t>
  </si>
  <si>
    <t>2943.033203125</t>
  </si>
  <si>
    <t>0.03205596517826681</t>
  </si>
  <si>
    <t>26.059396743774414</t>
  </si>
  <si>
    <t>2944.27099609375</t>
  </si>
  <si>
    <t>0.027012799246068475</t>
  </si>
  <si>
    <t>25.46099090576172</t>
  </si>
  <si>
    <t>2755.012939453125</t>
  </si>
  <si>
    <t>0.020075236852832745</t>
  </si>
  <si>
    <t>26.001062393188477</t>
  </si>
  <si>
    <t>2551.328369140625</t>
  </si>
  <si>
    <t>0.01745048503866986</t>
  </si>
  <si>
    <t>25.863828659057617</t>
  </si>
  <si>
    <t>2739.74560546875</t>
  </si>
  <si>
    <t>0.006674107087692782</t>
  </si>
  <si>
    <t>25.914892196655273</t>
  </si>
  <si>
    <t>2484.468017578125</t>
  </si>
  <si>
    <t>0.015947547217136204</t>
  </si>
  <si>
    <t>1873</t>
  </si>
  <si>
    <t>25.880849838256836</t>
  </si>
  <si>
    <t>2613.51123046875</t>
  </si>
  <si>
    <t>0.021587454604383716</t>
  </si>
  <si>
    <t>26.174287796020508</t>
  </si>
  <si>
    <t>2479.42919921875</t>
  </si>
  <si>
    <t>0.03514654961328567</t>
  </si>
  <si>
    <t>2040</t>
  </si>
  <si>
    <t>26.28705596923828</t>
  </si>
  <si>
    <t>2340.9990234375</t>
  </si>
  <si>
    <t>0.05026183478088786</t>
  </si>
  <si>
    <t>2156</t>
  </si>
  <si>
    <t>26.11808204650879</t>
  </si>
  <si>
    <t>2970.376220703125</t>
  </si>
  <si>
    <t>0.05530484519062551</t>
  </si>
  <si>
    <t>2260</t>
  </si>
  <si>
    <t>26.069326400756836</t>
  </si>
  <si>
    <t>2565.04443359375</t>
  </si>
  <si>
    <t>0.04711016023744374</t>
  </si>
  <si>
    <t>26.56719970703125</t>
  </si>
  <si>
    <t>2402.26025390625</t>
  </si>
  <si>
    <t>0.038199088681655446</t>
  </si>
  <si>
    <t>2446</t>
  </si>
  <si>
    <t>26.55425262451172</t>
  </si>
  <si>
    <t>2417.875</t>
  </si>
  <si>
    <t>0.0408901352991311</t>
  </si>
  <si>
    <t>25.9255313873291</t>
  </si>
  <si>
    <t>2392.59912109375</t>
  </si>
  <si>
    <t>0.04828386462402268</t>
  </si>
  <si>
    <t>25.648759841918945</t>
  </si>
  <si>
    <t>2283.337890625</t>
  </si>
  <si>
    <t>0.04866030247195674</t>
  </si>
  <si>
    <t>25.469324111938477</t>
  </si>
  <si>
    <t>2300.95947265625</t>
  </si>
  <si>
    <t>0.0435640572306939</t>
  </si>
  <si>
    <t>2942</t>
  </si>
  <si>
    <t>25.760461807250977</t>
  </si>
  <si>
    <t>2017.8162841796875</t>
  </si>
  <si>
    <t>0.04412736058759137</t>
  </si>
  <si>
    <t>3092</t>
  </si>
  <si>
    <t>25.340423583984375</t>
  </si>
  <si>
    <t>2982.382080078125</t>
  </si>
  <si>
    <t>0.049728508545929806</t>
  </si>
  <si>
    <t>3265</t>
  </si>
  <si>
    <t>26.1586856842041</t>
  </si>
  <si>
    <t>2387.108642578125</t>
  </si>
  <si>
    <t>0.05444163200321839</t>
  </si>
  <si>
    <t>3431</t>
  </si>
  <si>
    <t>25.64751434326172</t>
  </si>
  <si>
    <t>3242.34228515625</t>
  </si>
  <si>
    <t>0.04959200114791962</t>
  </si>
  <si>
    <t>3633</t>
  </si>
  <si>
    <t>25.560279846191406</t>
  </si>
  <si>
    <t>2140.935791015625</t>
  </si>
  <si>
    <t>0.05720698936275248</t>
  </si>
  <si>
    <t>25.538118362426758</t>
  </si>
  <si>
    <t>2390.85888671875</t>
  </si>
  <si>
    <t>0.06293732247931061</t>
  </si>
  <si>
    <t>25.588651657104492</t>
  </si>
  <si>
    <t>2696.82177734375</t>
  </si>
  <si>
    <t>0.020719503194653655</t>
  </si>
  <si>
    <t>4165</t>
  </si>
  <si>
    <t>25.852659225463867</t>
  </si>
  <si>
    <t>2480.977294921875</t>
  </si>
  <si>
    <t>0.05300069670577656</t>
  </si>
  <si>
    <t>25.84148406982422</t>
  </si>
  <si>
    <t>1873.1546630859375</t>
  </si>
  <si>
    <t>274</t>
  </si>
  <si>
    <t>1293</t>
  </si>
  <si>
    <t>25.751821517944336</t>
  </si>
  <si>
    <t>1876.3134765625</t>
  </si>
  <si>
    <t>2080.928955078125</t>
  </si>
  <si>
    <t>Pabna</t>
  </si>
  <si>
    <t>1312</t>
  </si>
  <si>
    <t>25.802873611450195</t>
  </si>
  <si>
    <t>1994.89599609375</t>
  </si>
  <si>
    <t>0.014587590732176636</t>
  </si>
  <si>
    <t>1357</t>
  </si>
  <si>
    <t>25.68853759765625</t>
  </si>
  <si>
    <t>1292.91552734375</t>
  </si>
  <si>
    <t>0.03372369033083533</t>
  </si>
  <si>
    <t>1394</t>
  </si>
  <si>
    <t>25.6697940826416</t>
  </si>
  <si>
    <t>2027.2947998046875</t>
  </si>
  <si>
    <t>0.026900931485600132</t>
  </si>
  <si>
    <t>1550</t>
  </si>
  <si>
    <t>25.74712562561035</t>
  </si>
  <si>
    <t>1330.0804443359375</t>
  </si>
  <si>
    <t>0.10607761859282316</t>
  </si>
  <si>
    <t>26.3984375</t>
  </si>
  <si>
    <t>1837.4466552734375</t>
  </si>
  <si>
    <t>0.10986647757853163</t>
  </si>
  <si>
    <t>25.914560317993164</t>
  </si>
  <si>
    <t>1673.2640380859375</t>
  </si>
  <si>
    <t>0.02624223606029119</t>
  </si>
  <si>
    <t>1822</t>
  </si>
  <si>
    <t>25.503097534179688</t>
  </si>
  <si>
    <t>1625.4677734375</t>
  </si>
  <si>
    <t>0.02557115426778811</t>
  </si>
  <si>
    <t>26.244253158569336</t>
  </si>
  <si>
    <t>1949.2005615234375</t>
  </si>
  <si>
    <t>0.031868751481126445</t>
  </si>
  <si>
    <t>26.209869384765625</t>
  </si>
  <si>
    <t>1814.4439697265625</t>
  </si>
  <si>
    <t>0.026752185471432988</t>
  </si>
  <si>
    <t>25.614816665649414</t>
  </si>
  <si>
    <t>1823.8212890625</t>
  </si>
  <si>
    <t>0.04750767003616563</t>
  </si>
  <si>
    <t>2120</t>
  </si>
  <si>
    <t>26.007535934448242</t>
  </si>
  <si>
    <t>1732.2808837890625</t>
  </si>
  <si>
    <t>0.04535268285742955</t>
  </si>
  <si>
    <t>26.016380310058594</t>
  </si>
  <si>
    <t>1779.07373046875</t>
  </si>
  <si>
    <t>0.03339828040184756</t>
  </si>
  <si>
    <t>26.040071487426758</t>
  </si>
  <si>
    <t>1648.7900390625</t>
  </si>
  <si>
    <t>0.04373744848037919</t>
  </si>
  <si>
    <t>2405</t>
  </si>
  <si>
    <t>26.197893142700195</t>
  </si>
  <si>
    <t>1720.5780029296875</t>
  </si>
  <si>
    <t>0.04899808599157662</t>
  </si>
  <si>
    <t>2560</t>
  </si>
  <si>
    <t>26.367944717407227</t>
  </si>
  <si>
    <t>1531.6678466796875</t>
  </si>
  <si>
    <t>0.0624573549337466</t>
  </si>
  <si>
    <t>2692</t>
  </si>
  <si>
    <t>26.41274070739746</t>
  </si>
  <si>
    <t>1500.572265625</t>
  </si>
  <si>
    <t>0.05027715329101046</t>
  </si>
  <si>
    <t>2846</t>
  </si>
  <si>
    <t>26.250226974487305</t>
  </si>
  <si>
    <t>1946.8216552734375</t>
  </si>
  <si>
    <t>0.05563008788517898</t>
  </si>
  <si>
    <t>2984</t>
  </si>
  <si>
    <t>26.028610229492188</t>
  </si>
  <si>
    <t>1643.1622314453125</t>
  </si>
  <si>
    <t>0.0473501826738536</t>
  </si>
  <si>
    <t>26.528352737426758</t>
  </si>
  <si>
    <t>1551.7452392578125</t>
  </si>
  <si>
    <t>0.038137429149585955</t>
  </si>
  <si>
    <t>26.708559036254883</t>
  </si>
  <si>
    <t>1665.8995361328125</t>
  </si>
  <si>
    <t>0.04077038028503743</t>
  </si>
  <si>
    <t>25.86168670654297</t>
  </si>
  <si>
    <t>1486.0802001953125</t>
  </si>
  <si>
    <t>0.04806728501367097</t>
  </si>
  <si>
    <t>3557</t>
  </si>
  <si>
    <t>25.76117706298828</t>
  </si>
  <si>
    <t>1401.543701171875</t>
  </si>
  <si>
    <t>0.04867771617650973</t>
  </si>
  <si>
    <t>3716</t>
  </si>
  <si>
    <t>25.483591079711914</t>
  </si>
  <si>
    <t>1661.55859375</t>
  </si>
  <si>
    <t>0.04373032798527454</t>
  </si>
  <si>
    <t>3884</t>
  </si>
  <si>
    <t>1476.442626953125</t>
  </si>
  <si>
    <t>0.044217729477486145</t>
  </si>
  <si>
    <t>4081</t>
  </si>
  <si>
    <t>25.564847946166992</t>
  </si>
  <si>
    <t>1929.31689453125</t>
  </si>
  <si>
    <t>0.049476505994590525</t>
  </si>
  <si>
    <t>4310</t>
  </si>
  <si>
    <t>26.31302833557129</t>
  </si>
  <si>
    <t>1657.082275390625</t>
  </si>
  <si>
    <t>0.054595847691986776</t>
  </si>
  <si>
    <t>4529</t>
  </si>
  <si>
    <t>25.786203384399414</t>
  </si>
  <si>
    <t>2096.1474609375</t>
  </si>
  <si>
    <t>0.04956326045842019</t>
  </si>
  <si>
    <t>25.639846801757812</t>
  </si>
  <si>
    <t>1397.435302734375</t>
  </si>
  <si>
    <t>0.057072543761325534</t>
  </si>
  <si>
    <t>25.712770462036133</t>
  </si>
  <si>
    <t>1593.8934326171875</t>
  </si>
  <si>
    <t>0.06303843933010533</t>
  </si>
  <si>
    <t>25.623977661132812</t>
  </si>
  <si>
    <t>1923.791259765625</t>
  </si>
  <si>
    <t>0.020735167845803204</t>
  </si>
  <si>
    <t>5498</t>
  </si>
  <si>
    <t>25.837514877319336</t>
  </si>
  <si>
    <t>1783.6212158203125</t>
  </si>
  <si>
    <t>0.053037074231744086</t>
  </si>
  <si>
    <t>5812</t>
  </si>
  <si>
    <t>26.014081954956055</t>
  </si>
  <si>
    <t>1387.4698486328125</t>
  </si>
  <si>
    <t>0.055540355964982524</t>
  </si>
  <si>
    <t>275</t>
  </si>
  <si>
    <t>25.651716232299805</t>
  </si>
  <si>
    <t>2708.6083984375</t>
  </si>
  <si>
    <t>1433.2017822265625</t>
  </si>
  <si>
    <t>Patuakhali</t>
  </si>
  <si>
    <t>25.63878059387207</t>
  </si>
  <si>
    <t>2876.5224609375</t>
  </si>
  <si>
    <t>0.014281876572532326</t>
  </si>
  <si>
    <t>25.555734634399414</t>
  </si>
  <si>
    <t>1745.363037109375</t>
  </si>
  <si>
    <t>0.034014988236406474</t>
  </si>
  <si>
    <t>25.476425170898438</t>
  </si>
  <si>
    <t>2774.09423828125</t>
  </si>
  <si>
    <t>0.02650953180981208</t>
  </si>
  <si>
    <t>1887</t>
  </si>
  <si>
    <t>25.568382263183594</t>
  </si>
  <si>
    <t>1951.68017578125</t>
  </si>
  <si>
    <t>0.007446842924461627</t>
  </si>
  <si>
    <t>1922</t>
  </si>
  <si>
    <t>26.0933780670166</t>
  </si>
  <si>
    <t>2530.0224609375</t>
  </si>
  <si>
    <t>0.018378044161687868</t>
  </si>
  <si>
    <t>25.79740333557129</t>
  </si>
  <si>
    <t>2457.3896484375</t>
  </si>
  <si>
    <t>0.024667232201796452</t>
  </si>
  <si>
    <t>25.37700080871582</t>
  </si>
  <si>
    <t>2505.70654296875</t>
  </si>
  <si>
    <t>0.024568796580803465</t>
  </si>
  <si>
    <t>26.13849449157715</t>
  </si>
  <si>
    <t>2835.002685546875</t>
  </si>
  <si>
    <t>0.030246208080796144</t>
  </si>
  <si>
    <t>2135</t>
  </si>
  <si>
    <t>26.159469604492188</t>
  </si>
  <si>
    <t>3131.5908203125</t>
  </si>
  <si>
    <t>0.02561809926909131</t>
  </si>
  <si>
    <t>2194</t>
  </si>
  <si>
    <t>25.587915420532227</t>
  </si>
  <si>
    <t>2628.54052734375</t>
  </si>
  <si>
    <t>0.027259715172450072</t>
  </si>
  <si>
    <t>26.089935302734375</t>
  </si>
  <si>
    <t>2384.370849609375</t>
  </si>
  <si>
    <t>0.025203854363290645</t>
  </si>
  <si>
    <t>2282</t>
  </si>
  <si>
    <t>25.943382263183594</t>
  </si>
  <si>
    <t>2782.77978515625</t>
  </si>
  <si>
    <t>0.014122035223555152</t>
  </si>
  <si>
    <t>26.01378059387207</t>
  </si>
  <si>
    <t>2440.65771484375</t>
  </si>
  <si>
    <t>0.023815804116837036</t>
  </si>
  <si>
    <t>26.034759521484375</t>
  </si>
  <si>
    <t>2466.94091796875</t>
  </si>
  <si>
    <t>0.029513103244213745</t>
  </si>
  <si>
    <t>26.27240562438965</t>
  </si>
  <si>
    <t>2348.856689453125</t>
  </si>
  <si>
    <t>0.043493951367120864</t>
  </si>
  <si>
    <t>26.417512893676758</t>
  </si>
  <si>
    <t>2413.955322265625</t>
  </si>
  <si>
    <t>0.05003952545409618</t>
  </si>
  <si>
    <t>2794</t>
  </si>
  <si>
    <t>26.275848388671875</t>
  </si>
  <si>
    <t>3153.786865234375</t>
  </si>
  <si>
    <t>0.05555962521261826</t>
  </si>
  <si>
    <t>26.19280242919922</t>
  </si>
  <si>
    <t>2521.1572265625</t>
  </si>
  <si>
    <t>0.047186807010826115</t>
  </si>
  <si>
    <t>3044</t>
  </si>
  <si>
    <t>26.668092727661133</t>
  </si>
  <si>
    <t>2317.627197265625</t>
  </si>
  <si>
    <t>0.03851137215384348</t>
  </si>
  <si>
    <t>3170</t>
  </si>
  <si>
    <t>26.693092346191406</t>
  </si>
  <si>
    <t>2219.347412109375</t>
  </si>
  <si>
    <t>0.040559147889750236</t>
  </si>
  <si>
    <t>3327</t>
  </si>
  <si>
    <t>25.97700309753418</t>
  </si>
  <si>
    <t>2377.966796875</t>
  </si>
  <si>
    <t>0.04833940914715029</t>
  </si>
  <si>
    <t>3492</t>
  </si>
  <si>
    <t>25.750268936157227</t>
  </si>
  <si>
    <t>2168.784423828125</t>
  </si>
  <si>
    <t>0.048403640941016235</t>
  </si>
  <si>
    <t>3648</t>
  </si>
  <si>
    <t>25.554580688476562</t>
  </si>
  <si>
    <t>2179.417236328125</t>
  </si>
  <si>
    <t>0.04370443423472814</t>
  </si>
  <si>
    <t>25.829294204711914</t>
  </si>
  <si>
    <t>1916.2974853515625</t>
  </si>
  <si>
    <t>0.044237208663341576</t>
  </si>
  <si>
    <t>4007</t>
  </si>
  <si>
    <t>25.424118041992188</t>
  </si>
  <si>
    <t>2890.952392578125</t>
  </si>
  <si>
    <t>0.0496265507785818</t>
  </si>
  <si>
    <t>4232</t>
  </si>
  <si>
    <t>26.24969482421875</t>
  </si>
  <si>
    <t>2331.005126953125</t>
  </si>
  <si>
    <t>0.0546318629019904</t>
  </si>
  <si>
    <t>25.74078369140625</t>
  </si>
  <si>
    <t>3166.68115234375</t>
  </si>
  <si>
    <t>0.04933012098600642</t>
  </si>
  <si>
    <t>25.67095947265625</t>
  </si>
  <si>
    <t>2043.9149169921875</t>
  </si>
  <si>
    <t>0.05725837385602617</t>
  </si>
  <si>
    <t>25.6080265045166</t>
  </si>
  <si>
    <t>2268.601806640625</t>
  </si>
  <si>
    <t>0.0629708103380704</t>
  </si>
  <si>
    <t>5119</t>
  </si>
  <si>
    <t>25.6827392578125</t>
  </si>
  <si>
    <t>2542.828857421875</t>
  </si>
  <si>
    <t>0.020725107739345106</t>
  </si>
  <si>
    <t>25.912628173828125</t>
  </si>
  <si>
    <t>2380.136474609375</t>
  </si>
  <si>
    <t>0.05306940712036656</t>
  </si>
  <si>
    <t>25.941938400268555</t>
  </si>
  <si>
    <t>1683.79296875</t>
  </si>
  <si>
    <t>0.05548973819549552</t>
  </si>
  <si>
    <t>276</t>
  </si>
  <si>
    <t>25.877370834350586</t>
  </si>
  <si>
    <t>1662.0020751953125</t>
  </si>
  <si>
    <t>1672.6107177734375</t>
  </si>
  <si>
    <t>Rajshahi</t>
  </si>
  <si>
    <t>25.953794479370117</t>
  </si>
  <si>
    <t>1505.6163330078125</t>
  </si>
  <si>
    <t>0.01459879942115272</t>
  </si>
  <si>
    <t>25.911653518676758</t>
  </si>
  <si>
    <t>1156.9400634765625</t>
  </si>
  <si>
    <t>0.03368194038677874</t>
  </si>
  <si>
    <t>1612</t>
  </si>
  <si>
    <t>25.85724639892578</t>
  </si>
  <si>
    <t>1485.8277587890625</t>
  </si>
  <si>
    <t>0.02640002472421976</t>
  </si>
  <si>
    <t>26.016530990600586</t>
  </si>
  <si>
    <t>1148.0035400390625</t>
  </si>
  <si>
    <t>0.015389654304561518</t>
  </si>
  <si>
    <t>26.591054916381836</t>
  </si>
  <si>
    <t>1494.467041015625</t>
  </si>
  <si>
    <t>0.026523556037481022</t>
  </si>
  <si>
    <t>26.195459365844727</t>
  </si>
  <si>
    <t>1310.678466796875</t>
  </si>
  <si>
    <t>0.03219476181168002</t>
  </si>
  <si>
    <t>1793</t>
  </si>
  <si>
    <t>25.861650466918945</t>
  </si>
  <si>
    <t>1405.0699462890625</t>
  </si>
  <si>
    <t>0.03230657838483708</t>
  </si>
  <si>
    <t>26.55379295349121</t>
  </si>
  <si>
    <t>1503.59521484375</t>
  </si>
  <si>
    <t>0.03776098423187957</t>
  </si>
  <si>
    <t>1924</t>
  </si>
  <si>
    <t>26.558197021484375</t>
  </si>
  <si>
    <t>1613.93115234375</t>
  </si>
  <si>
    <t>0.032755173388639314</t>
  </si>
  <si>
    <t>25.991058349609375</t>
  </si>
  <si>
    <t>1430.52294921875</t>
  </si>
  <si>
    <t>0.03723970219016337</t>
  </si>
  <si>
    <t>2069</t>
  </si>
  <si>
    <t>26.344985961914062</t>
  </si>
  <si>
    <t>1399.802734375</t>
  </si>
  <si>
    <t>0.03541934432972749</t>
  </si>
  <si>
    <t>2118</t>
  </si>
  <si>
    <t>26.404741287231445</t>
  </si>
  <si>
    <t>1479.4810791015625</t>
  </si>
  <si>
    <t>0.0234068484158092</t>
  </si>
  <si>
    <t>26.39593505859375</t>
  </si>
  <si>
    <t>1388.462646484375</t>
  </si>
  <si>
    <t>0.03388581343411445</t>
  </si>
  <si>
    <t>2279</t>
  </si>
  <si>
    <t>26.45867156982422</t>
  </si>
  <si>
    <t>1358.952880859375</t>
  </si>
  <si>
    <t>0.03937868965021796</t>
  </si>
  <si>
    <t>2404</t>
  </si>
  <si>
    <t>26.586652755737305</t>
  </si>
  <si>
    <t>1292.052001953125</t>
  </si>
  <si>
    <t>0.053397266409414</t>
  </si>
  <si>
    <t>26.748916625976562</t>
  </si>
  <si>
    <t>1350.4149169921875</t>
  </si>
  <si>
    <t>0.04989881173309563</t>
  </si>
  <si>
    <t>26.56212615966797</t>
  </si>
  <si>
    <t>1608.6202392578125</t>
  </si>
  <si>
    <t>0.05542010572176714</t>
  </si>
  <si>
    <t>2801</t>
  </si>
  <si>
    <t>26.4322509765625</t>
  </si>
  <si>
    <t>1382.89501953125</t>
  </si>
  <si>
    <t>0.04752356215014775</t>
  </si>
  <si>
    <t>26.894987106323242</t>
  </si>
  <si>
    <t>1343.0958251953125</t>
  </si>
  <si>
    <t>0.03817658490542897</t>
  </si>
  <si>
    <t>27.074392318725586</t>
  </si>
  <si>
    <t>1396.9398193359375</t>
  </si>
  <si>
    <t>0.04073951689226529</t>
  </si>
  <si>
    <t>26.14546012878418</t>
  </si>
  <si>
    <t>1318.3370361328125</t>
  </si>
  <si>
    <t>0.04830301469134035</t>
  </si>
  <si>
    <t>3339</t>
  </si>
  <si>
    <t>26.10426902770996</t>
  </si>
  <si>
    <t>1150.550537109375</t>
  </si>
  <si>
    <t>0.048475748194510615</t>
  </si>
  <si>
    <t>3488</t>
  </si>
  <si>
    <t>25.766530990600586</t>
  </si>
  <si>
    <t>1338.31201171875</t>
  </si>
  <si>
    <t>0.04365714508521634</t>
  </si>
  <si>
    <t>3646</t>
  </si>
  <si>
    <t>26.137128829956055</t>
  </si>
  <si>
    <t>1188.9639892578125</t>
  </si>
  <si>
    <t>0.04430217020973792</t>
  </si>
  <si>
    <t>3831</t>
  </si>
  <si>
    <t>25.87486457824707</t>
  </si>
  <si>
    <t>1564.1295166015625</t>
  </si>
  <si>
    <t>0.04949518946204101</t>
  </si>
  <si>
    <t>26.595460891723633</t>
  </si>
  <si>
    <t>1378.6868896484375</t>
  </si>
  <si>
    <t>0.05460287302704181</t>
  </si>
  <si>
    <t>1621.9954833984375</t>
  </si>
  <si>
    <t>0.049425510631099456</t>
  </si>
  <si>
    <t>4502</t>
  </si>
  <si>
    <t>25.92439079284668</t>
  </si>
  <si>
    <t>1057.66162109375</t>
  </si>
  <si>
    <t>0.05736749310788625</t>
  </si>
  <si>
    <t>4794</t>
  </si>
  <si>
    <t>25.928794860839844</t>
  </si>
  <si>
    <t>1335.0015869140625</t>
  </si>
  <si>
    <t>0.06284339352765222</t>
  </si>
  <si>
    <t>25.870460510253906</t>
  </si>
  <si>
    <t>1539.5660400390625</t>
  </si>
  <si>
    <t>0.020849139970280817</t>
  </si>
  <si>
    <t>26.095460891723633</t>
  </si>
  <si>
    <t>1453.239013671875</t>
  </si>
  <si>
    <t>0.0531098253139497</t>
  </si>
  <si>
    <t>5456</t>
  </si>
  <si>
    <t>26.308198928833008</t>
  </si>
  <si>
    <t>1067.5811767578125</t>
  </si>
  <si>
    <t>0.055391819244738016</t>
  </si>
  <si>
    <t>277</t>
  </si>
  <si>
    <t>24.77928352355957</t>
  </si>
  <si>
    <t>2402.379150390625</t>
  </si>
  <si>
    <t>2762.4521484375</t>
  </si>
  <si>
    <t>Ranpur</t>
  </si>
  <si>
    <t>24.564346313476562</t>
  </si>
  <si>
    <t>2493.8076171875</t>
  </si>
  <si>
    <t>0.01420382350954874</t>
  </si>
  <si>
    <t>24.400115966796875</t>
  </si>
  <si>
    <t>1796.44921875</t>
  </si>
  <si>
    <t>0.0343268026361061</t>
  </si>
  <si>
    <t>1582</t>
  </si>
  <si>
    <t>24.688766479492188</t>
  </si>
  <si>
    <t>2530.489990234375</t>
  </si>
  <si>
    <t>0.02625831300748338</t>
  </si>
  <si>
    <t>24.793703079223633</t>
  </si>
  <si>
    <t>1591.555908203125</t>
  </si>
  <si>
    <t>-0.043934714330204905</t>
  </si>
  <si>
    <t>1459</t>
  </si>
  <si>
    <t>25.26569366455078</t>
  </si>
  <si>
    <t>2281.199951171875</t>
  </si>
  <si>
    <t>-0.037003885474608644</t>
  </si>
  <si>
    <t>24.976716995239258</t>
  </si>
  <si>
    <t>2025.6561279296875</t>
  </si>
  <si>
    <t>0.03369591024506402</t>
  </si>
  <si>
    <t>1560</t>
  </si>
  <si>
    <t>24.52716827392578</t>
  </si>
  <si>
    <t>2008.5440673828125</t>
  </si>
  <si>
    <t>0.03323864147573374</t>
  </si>
  <si>
    <t>25.377166748046875</t>
  </si>
  <si>
    <t>2276.55419921875</t>
  </si>
  <si>
    <t>0.03897413443177555</t>
  </si>
  <si>
    <t>1678</t>
  </si>
  <si>
    <t>25.463510513305664</t>
  </si>
  <si>
    <t>2546.11572265625</t>
  </si>
  <si>
    <t>0.033942652351792724</t>
  </si>
  <si>
    <t>24.750822067260742</t>
  </si>
  <si>
    <t>2133.86474609375</t>
  </si>
  <si>
    <t>0.027624442438308527</t>
  </si>
  <si>
    <t>25.15081787109375</t>
  </si>
  <si>
    <t>2336.14990234375</t>
  </si>
  <si>
    <t>0.026317308317374</t>
  </si>
  <si>
    <t>25.21075439453125</t>
  </si>
  <si>
    <t>2167.328857421875</t>
  </si>
  <si>
    <t>0.014574249000725459</t>
  </si>
  <si>
    <t>25.189088821411133</t>
  </si>
  <si>
    <t>2232.982666015625</t>
  </si>
  <si>
    <t>0.02473333003169298</t>
  </si>
  <si>
    <t>25.12017822265625</t>
  </si>
  <si>
    <t>1995.0634765625</t>
  </si>
  <si>
    <t>25.504026412963867</t>
  </si>
  <si>
    <t>1971.420166015625</t>
  </si>
  <si>
    <t>0.043787577032532</t>
  </si>
  <si>
    <t>2086</t>
  </si>
  <si>
    <t>25.536718368530273</t>
  </si>
  <si>
    <t>1972.800537109375</t>
  </si>
  <si>
    <t>0.05013334771590028</t>
  </si>
  <si>
    <t>2205</t>
  </si>
  <si>
    <t>25.401464462280273</t>
  </si>
  <si>
    <t>2239.485595703125</t>
  </si>
  <si>
    <t>0.055479152320228486</t>
  </si>
  <si>
    <t>2312</t>
  </si>
  <si>
    <t>25.158193588256836</t>
  </si>
  <si>
    <t>2154.177001953125</t>
  </si>
  <si>
    <t>0.04738544191132199</t>
  </si>
  <si>
    <t>2403</t>
  </si>
  <si>
    <t>25.892614364624023</t>
  </si>
  <si>
    <t>2025.4755859375</t>
  </si>
  <si>
    <t>0.038605005944200244</t>
  </si>
  <si>
    <t>25.608192443847656</t>
  </si>
  <si>
    <t>2384.459716796875</t>
  </si>
  <si>
    <t>0.040372455290387244</t>
  </si>
  <si>
    <t>25.172170639038086</t>
  </si>
  <si>
    <t>2095.864990234375</t>
  </si>
  <si>
    <t>0.04837136383588536</t>
  </si>
  <si>
    <t>24.739349365234375</t>
  </si>
  <si>
    <t>1822.9476318359375</t>
  </si>
  <si>
    <t>0.04868135616105551</t>
  </si>
  <si>
    <t>2880</t>
  </si>
  <si>
    <t>24.89928436279297</t>
  </si>
  <si>
    <t>1977.9808349609375</t>
  </si>
  <si>
    <t>0.043647162106195125</t>
  </si>
  <si>
    <t>3010</t>
  </si>
  <si>
    <t>25.215627670288086</t>
  </si>
  <si>
    <t>1734.32421875</t>
  </si>
  <si>
    <t>0.044149784612930176</t>
  </si>
  <si>
    <t>3163</t>
  </si>
  <si>
    <t>24.73741912841797</t>
  </si>
  <si>
    <t>2333.3671875</t>
  </si>
  <si>
    <t>0.04958086556272612</t>
  </si>
  <si>
    <t>3340</t>
  </si>
  <si>
    <t>25.530179977416992</t>
  </si>
  <si>
    <t>2011.3990478515625</t>
  </si>
  <si>
    <t>0.054449862665098436</t>
  </si>
  <si>
    <t>3510</t>
  </si>
  <si>
    <t>25.077293395996094</t>
  </si>
  <si>
    <t>2413.492431640625</t>
  </si>
  <si>
    <t>0.04964523048916547</t>
  </si>
  <si>
    <t>24.972742080688477</t>
  </si>
  <si>
    <t>1648.953125</t>
  </si>
  <si>
    <t>0.057031783473817654</t>
  </si>
  <si>
    <t>3958</t>
  </si>
  <si>
    <t>24.996267318725586</t>
  </si>
  <si>
    <t>1991.8946533203125</t>
  </si>
  <si>
    <t>0.06309102622878093</t>
  </si>
  <si>
    <t>25.050886154174805</t>
  </si>
  <si>
    <t>2334.293212890625</t>
  </si>
  <si>
    <t>0.02075333891596287</t>
  </si>
  <si>
    <t>4261</t>
  </si>
  <si>
    <t>25.44883155822754</t>
  </si>
  <si>
    <t>1958.2762451171875</t>
  </si>
  <si>
    <t>0.05301168842143866</t>
  </si>
  <si>
    <t>4504</t>
  </si>
  <si>
    <t>25.325754165649414</t>
  </si>
  <si>
    <t>1802.654052734375</t>
  </si>
  <si>
    <t>0.05546201631961445</t>
  </si>
  <si>
    <t>278</t>
  </si>
  <si>
    <t>24.832672119140625</t>
  </si>
  <si>
    <t>3493.2705078125</t>
  </si>
  <si>
    <t>1756.141845703125</t>
  </si>
  <si>
    <t>Sylhet</t>
  </si>
  <si>
    <t>24.660066604614258</t>
  </si>
  <si>
    <t>3436.263671875</t>
  </si>
  <si>
    <t>0.01418463499195699</t>
  </si>
  <si>
    <t>24.463844299316406</t>
  </si>
  <si>
    <t>2605.06640625</t>
  </si>
  <si>
    <t>0.034333383305608756</t>
  </si>
  <si>
    <t>1886</t>
  </si>
  <si>
    <t>24.76114845275879</t>
  </si>
  <si>
    <t>3853.88037109375</t>
  </si>
  <si>
    <t>0.026324377978277802</t>
  </si>
  <si>
    <t>24.945581436157227</t>
  </si>
  <si>
    <t>2585.457275390625</t>
  </si>
  <si>
    <t>-0.0822986969522983</t>
  </si>
  <si>
    <t>25.2618465423584</t>
  </si>
  <si>
    <t>3274.228515625</t>
  </si>
  <si>
    <t>-0.08278105340715047</t>
  </si>
  <si>
    <t>1642</t>
  </si>
  <si>
    <t>25.050195693969727</t>
  </si>
  <si>
    <t>3054.376953125</t>
  </si>
  <si>
    <t>0.026536577178418952</t>
  </si>
  <si>
    <t>24.572038650512695</t>
  </si>
  <si>
    <t>3041.025146484375</t>
  </si>
  <si>
    <t>0.026443848549427607</t>
  </si>
  <si>
    <t>25.488304138183594</t>
  </si>
  <si>
    <t>3735.468994140625</t>
  </si>
  <si>
    <t>0.03210080120638814</t>
  </si>
  <si>
    <t>1789</t>
  </si>
  <si>
    <t>25.51380157470703</t>
  </si>
  <si>
    <t>3243.683837890625</t>
  </si>
  <si>
    <t>0.02719714374052984</t>
  </si>
  <si>
    <t>1834</t>
  </si>
  <si>
    <t>24.83922576904297</t>
  </si>
  <si>
    <t>3806.596435546875</t>
  </si>
  <si>
    <t>0.024842569307691242</t>
  </si>
  <si>
    <t>1877</t>
  </si>
  <si>
    <t>25.33031463623047</t>
  </si>
  <si>
    <t>3165.211181640625</t>
  </si>
  <si>
    <t>0.023175383770098534</t>
  </si>
  <si>
    <t>25.272056579589844</t>
  </si>
  <si>
    <t>3007.752685546875</t>
  </si>
  <si>
    <t>0.011652674225777204</t>
  </si>
  <si>
    <t>1941</t>
  </si>
  <si>
    <t>25.301015853881836</t>
  </si>
  <si>
    <t>2736.396240234375</t>
  </si>
  <si>
    <t>0.02187587235672428</t>
  </si>
  <si>
    <t>25.18280792236328</t>
  </si>
  <si>
    <t>2693.608154296875</t>
  </si>
  <si>
    <t>0.02693936735277358</t>
  </si>
  <si>
    <t>2078</t>
  </si>
  <si>
    <t>25.58344841003418</t>
  </si>
  <si>
    <t>2462.62890625</t>
  </si>
  <si>
    <t>0.04126322113738912</t>
  </si>
  <si>
    <t>25.614805221557617</t>
  </si>
  <si>
    <t>2106.55126953125</t>
  </si>
  <si>
    <t>0.0502099358705177</t>
  </si>
  <si>
    <t>2309</t>
  </si>
  <si>
    <t>25.48948097229004</t>
  </si>
  <si>
    <t>3001.134521484375</t>
  </si>
  <si>
    <t>0.05519870182480524</t>
  </si>
  <si>
    <t>2421</t>
  </si>
  <si>
    <t>25.268564224243164</t>
  </si>
  <si>
    <t>2619.8662109375</t>
  </si>
  <si>
    <t>0.0473661475835625</t>
  </si>
  <si>
    <t>2516</t>
  </si>
  <si>
    <t>25.97655487060547</t>
  </si>
  <si>
    <t>2380.453125</t>
  </si>
  <si>
    <t>0.03848966088227268</t>
  </si>
  <si>
    <t>25.738906860351562</t>
  </si>
  <si>
    <t>3194.199951171875</t>
  </si>
  <si>
    <t>0.04050397893481161</t>
  </si>
  <si>
    <t>25.334951400756836</t>
  </si>
  <si>
    <t>2161.15625</t>
  </si>
  <si>
    <t>0.04842659390547421</t>
  </si>
  <si>
    <t>24.9825496673584</t>
  </si>
  <si>
    <t>2670.61279296875</t>
  </si>
  <si>
    <t>0.048616989002318256</t>
  </si>
  <si>
    <t>3015</t>
  </si>
  <si>
    <t>25.069480895996094</t>
  </si>
  <si>
    <t>2738.23779296875</t>
  </si>
  <si>
    <t>0.04338192949835129</t>
  </si>
  <si>
    <t>3152</t>
  </si>
  <si>
    <t>25.399675369262695</t>
  </si>
  <si>
    <t>2561.14990234375</t>
  </si>
  <si>
    <t>0.044437341816482956</t>
  </si>
  <si>
    <t>3312</t>
  </si>
  <si>
    <t>24.867822647094727</t>
  </si>
  <si>
    <t>3523.621337890625</t>
  </si>
  <si>
    <t>0.049515064527380304</t>
  </si>
  <si>
    <t>25.587087631225586</t>
  </si>
  <si>
    <t>2937.070068359375</t>
  </si>
  <si>
    <t>0.054639140073398096</t>
  </si>
  <si>
    <t>3675</t>
  </si>
  <si>
    <t>25.22691535949707</t>
  </si>
  <si>
    <t>3961.406982421875</t>
  </si>
  <si>
    <t>0.04936175606838944</t>
  </si>
  <si>
    <t>25.063264846801758</t>
  </si>
  <si>
    <t>2651.64453125</t>
  </si>
  <si>
    <t>0.057113061337616955</t>
  </si>
  <si>
    <t>4144</t>
  </si>
  <si>
    <t>25.20709228515625</t>
  </si>
  <si>
    <t>2879.848876953125</t>
  </si>
  <si>
    <t>0.06299531095476496</t>
  </si>
  <si>
    <t>4231</t>
  </si>
  <si>
    <t>25.222280502319336</t>
  </si>
  <si>
    <t>3318.648681640625</t>
  </si>
  <si>
    <t>0.020776866780748193</t>
  </si>
  <si>
    <t>25.5362491607666</t>
  </si>
  <si>
    <t>2797.015625</t>
  </si>
  <si>
    <t>0.05315872427241075</t>
  </si>
  <si>
    <t>4716</t>
  </si>
  <si>
    <t>25.418325424194336</t>
  </si>
  <si>
    <t>2701.794921875</t>
  </si>
  <si>
    <t>0.05536388666478409</t>
  </si>
  <si>
    <t>280</t>
  </si>
  <si>
    <t>BGR</t>
  </si>
  <si>
    <t>9643</t>
  </si>
  <si>
    <t>8.720477104187012</t>
  </si>
  <si>
    <t>607.517578125</t>
  </si>
  <si>
    <t>88.55168151855469</t>
  </si>
  <si>
    <t>Blagoevgrad</t>
  </si>
  <si>
    <t>Bulgaria</t>
  </si>
  <si>
    <t>8912</t>
  </si>
  <si>
    <t>7.374124050140381</t>
  </si>
  <si>
    <t>747.1519775390625</t>
  </si>
  <si>
    <t>-0.07883358034331778</t>
  </si>
  <si>
    <t>8348</t>
  </si>
  <si>
    <t>7.841811656951904</t>
  </si>
  <si>
    <t>665.4346923828125</t>
  </si>
  <si>
    <t>-0.06537669396997359</t>
  </si>
  <si>
    <t>8286</t>
  </si>
  <si>
    <t>7.938693523406982</t>
  </si>
  <si>
    <t>570.2550659179688</t>
  </si>
  <si>
    <t>-0.007454645559745288</t>
  </si>
  <si>
    <t>8460</t>
  </si>
  <si>
    <t>8.791300773620605</t>
  </si>
  <si>
    <t>680.36767578125</t>
  </si>
  <si>
    <t>0.02078182996292277</t>
  </si>
  <si>
    <t>8736</t>
  </si>
  <si>
    <t>7.941829681396484</t>
  </si>
  <si>
    <t>730.1063232421875</t>
  </si>
  <si>
    <t>0.03210324538441611</t>
  </si>
  <si>
    <t>9234</t>
  </si>
  <si>
    <t>7.721516132354736</t>
  </si>
  <si>
    <t>595.7801513671875</t>
  </si>
  <si>
    <t>0.05543990508224894</t>
  </si>
  <si>
    <t>7975</t>
  </si>
  <si>
    <t>7.618398189544678</t>
  </si>
  <si>
    <t>574.7139892578125</t>
  </si>
  <si>
    <t>-0.1465806754138903</t>
  </si>
  <si>
    <t>8329</t>
  </si>
  <si>
    <t>8.415790557861328</t>
  </si>
  <si>
    <t>725.4398193359375</t>
  </si>
  <si>
    <t>0.04343175228229512</t>
  </si>
  <si>
    <t>7668</t>
  </si>
  <si>
    <t>8.96057415008545</t>
  </si>
  <si>
    <t>665.0401611328125</t>
  </si>
  <si>
    <t>-0.08268757576980512</t>
  </si>
  <si>
    <t>8056</t>
  </si>
  <si>
    <t>9.319437980651855</t>
  </si>
  <si>
    <t>464.16998291015625</t>
  </si>
  <si>
    <t>0.049361330232864375</t>
  </si>
  <si>
    <t>8236</t>
  </si>
  <si>
    <t>8.750163078308105</t>
  </si>
  <si>
    <t>555.9895629882812</t>
  </si>
  <si>
    <t>0.022097633749281087</t>
  </si>
  <si>
    <t>8655</t>
  </si>
  <si>
    <t>9.064750671386719</t>
  </si>
  <si>
    <t>956.7913818359375</t>
  </si>
  <si>
    <t>0.049622399462629474</t>
  </si>
  <si>
    <t>9970</t>
  </si>
  <si>
    <t>7.885063648223877</t>
  </si>
  <si>
    <t>667.4214477539062</t>
  </si>
  <si>
    <t>0.14144339534557382</t>
  </si>
  <si>
    <t>11133</t>
  </si>
  <si>
    <t>8.908495903015137</t>
  </si>
  <si>
    <t>661.9371337890625</t>
  </si>
  <si>
    <t>0.11033308677282427</t>
  </si>
  <si>
    <t>11249</t>
  </si>
  <si>
    <t>8.030889511108398</t>
  </si>
  <si>
    <t>891.0211791992188</t>
  </si>
  <si>
    <t>0.010365565064118343</t>
  </si>
  <si>
    <t>10918</t>
  </si>
  <si>
    <t>8.787142753601074</t>
  </si>
  <si>
    <t>791.5366821289062</t>
  </si>
  <si>
    <t>-0.029866432451122193</t>
  </si>
  <si>
    <t>11827</t>
  </si>
  <si>
    <t>9.101202011108398</t>
  </si>
  <si>
    <t>789.03271484375</t>
  </si>
  <si>
    <t>0.07997224990941376</t>
  </si>
  <si>
    <t>12348</t>
  </si>
  <si>
    <t>9.291829109191895</t>
  </si>
  <si>
    <t>618.3300170898438</t>
  </si>
  <si>
    <t>0.04310905337093196</t>
  </si>
  <si>
    <t>11923</t>
  </si>
  <si>
    <t>8.979849815368652</t>
  </si>
  <si>
    <t>823.4278564453125</t>
  </si>
  <si>
    <t>-0.035024798815918246</t>
  </si>
  <si>
    <t>11368</t>
  </si>
  <si>
    <t>9.396515846252441</t>
  </si>
  <si>
    <t>830.0712280273438</t>
  </si>
  <si>
    <t>-0.04766691702919523</t>
  </si>
  <si>
    <t>8.028809547424316</t>
  </si>
  <si>
    <t>557.4721069335938</t>
  </si>
  <si>
    <t>0.06669137449867257</t>
  </si>
  <si>
    <t>9.308496475219727</t>
  </si>
  <si>
    <t>701.8355712890625</t>
  </si>
  <si>
    <t>0.03389880863922201</t>
  </si>
  <si>
    <t>12705</t>
  </si>
  <si>
    <t>9.283496856689453</t>
  </si>
  <si>
    <t>614.172119140625</t>
  </si>
  <si>
    <t>0.010603042839434806</t>
  </si>
  <si>
    <t>9.045475959777832</t>
  </si>
  <si>
    <t>963.2694091796875</t>
  </si>
  <si>
    <t>-0.017868253830846115</t>
  </si>
  <si>
    <t>12630</t>
  </si>
  <si>
    <t>9.03400707244873</t>
  </si>
  <si>
    <t>913.558837890625</t>
  </si>
  <si>
    <t>0.011947573421117852</t>
  </si>
  <si>
    <t>12835</t>
  </si>
  <si>
    <t>9.17412281036377</t>
  </si>
  <si>
    <t>737.3939208984375</t>
  </si>
  <si>
    <t>0.01610087796070303</t>
  </si>
  <si>
    <t>13073</t>
  </si>
  <si>
    <t>9.415771484375</t>
  </si>
  <si>
    <t>872.5531005859375</t>
  </si>
  <si>
    <t>0.01837322025662047</t>
  </si>
  <si>
    <t>13748</t>
  </si>
  <si>
    <t>9.498066902160645</t>
  </si>
  <si>
    <t>830.5408325195312</t>
  </si>
  <si>
    <t>0.050344324407863184</t>
  </si>
  <si>
    <t>13844</t>
  </si>
  <si>
    <t>10.037653923034668</t>
  </si>
  <si>
    <t>593.1092529296875</t>
  </si>
  <si>
    <t>0.006958566785511877</t>
  </si>
  <si>
    <t>13743</t>
  </si>
  <si>
    <t>9.98818302154541</t>
  </si>
  <si>
    <t>853.1326904296875</t>
  </si>
  <si>
    <t>-0.007322322200383979</t>
  </si>
  <si>
    <t>14874</t>
  </si>
  <si>
    <t>9.283495903015137</t>
  </si>
  <si>
    <t>830.8677368164062</t>
  </si>
  <si>
    <t>0.07908511870839341</t>
  </si>
  <si>
    <t>16396</t>
  </si>
  <si>
    <t>9.741828918457031</t>
  </si>
  <si>
    <t>733.8779296875</t>
  </si>
  <si>
    <t>0.09742268036098345</t>
  </si>
  <si>
    <t>281</t>
  </si>
  <si>
    <t>15780</t>
  </si>
  <si>
    <t>12.868870735168457</t>
  </si>
  <si>
    <t>470.4110107421875</t>
  </si>
  <si>
    <t>260.74017333984375</t>
  </si>
  <si>
    <t>Burgas</t>
  </si>
  <si>
    <t>14583</t>
  </si>
  <si>
    <t>11.49792194366455</t>
  </si>
  <si>
    <t>535.0283813476562</t>
  </si>
  <si>
    <t>-0.07888684868630058</t>
  </si>
  <si>
    <t>13661</t>
  </si>
  <si>
    <t>11.932108879089355</t>
  </si>
  <si>
    <t>466.0204772949219</t>
  </si>
  <si>
    <t>-0.06531140882607822</t>
  </si>
  <si>
    <t>13559</t>
  </si>
  <si>
    <t>11.897610664367676</t>
  </si>
  <si>
    <t>499.84747314453125</t>
  </si>
  <si>
    <t>-0.0074945244251765075</t>
  </si>
  <si>
    <t>13845</t>
  </si>
  <si>
    <t>12.819317817687988</t>
  </si>
  <si>
    <t>622.0071411132812</t>
  </si>
  <si>
    <t>0.02087362314275154</t>
  </si>
  <si>
    <t>14296</t>
  </si>
  <si>
    <t>12.017902374267578</t>
  </si>
  <si>
    <t>627.339599609375</t>
  </si>
  <si>
    <t>0.03205562123420336</t>
  </si>
  <si>
    <t>15111</t>
  </si>
  <si>
    <t>11.848196983337402</t>
  </si>
  <si>
    <t>588.4898681640625</t>
  </si>
  <si>
    <t>0.055443177574495905</t>
  </si>
  <si>
    <t>13051</t>
  </si>
  <si>
    <t>11.677876472473145</t>
  </si>
  <si>
    <t>747.2529296875</t>
  </si>
  <si>
    <t>-0.14655819624623234</t>
  </si>
  <si>
    <t>13629</t>
  </si>
  <si>
    <t>12.409667015075684</t>
  </si>
  <si>
    <t>705.883544921875</t>
  </si>
  <si>
    <t>0.04333511625998554</t>
  </si>
  <si>
    <t>12548</t>
  </si>
  <si>
    <t>13.018085479736328</t>
  </si>
  <si>
    <t>553.0546875</t>
  </si>
  <si>
    <t>-0.08263858511694444</t>
  </si>
  <si>
    <t>13182</t>
  </si>
  <si>
    <t>13.459328651428223</t>
  </si>
  <si>
    <t>434.1103820800781</t>
  </si>
  <si>
    <t>0.04929097230209578</t>
  </si>
  <si>
    <t>10474</t>
  </si>
  <si>
    <t>12.771880149841309</t>
  </si>
  <si>
    <t>526.6329345703125</t>
  </si>
  <si>
    <t>-0.22995626677323244</t>
  </si>
  <si>
    <t>10889</t>
  </si>
  <si>
    <t>13.13115406036377</t>
  </si>
  <si>
    <t>675.1593627929688</t>
  </si>
  <si>
    <t>0.03885710950662791</t>
  </si>
  <si>
    <t>12106</t>
  </si>
  <si>
    <t>11.892321586608887</t>
  </si>
  <si>
    <t>537.4130859375</t>
  </si>
  <si>
    <t>0.10594809210557266</t>
  </si>
  <si>
    <t>13137</t>
  </si>
  <si>
    <t>12.976344108581543</t>
  </si>
  <si>
    <t>542.8663940429688</t>
  </si>
  <si>
    <t>0.08173147901787559</t>
  </si>
  <si>
    <t>15539</t>
  </si>
  <si>
    <t>12.066828727722168</t>
  </si>
  <si>
    <t>647.1975708007812</t>
  </si>
  <si>
    <t>0.16792031631722537</t>
  </si>
  <si>
    <t>16041</t>
  </si>
  <si>
    <t>12.853962898254395</t>
  </si>
  <si>
    <t>535.2197875976562</t>
  </si>
  <si>
    <t>0.03179495183010772</t>
  </si>
  <si>
    <t>13.237442970275879</t>
  </si>
  <si>
    <t>575.2056884765625</t>
  </si>
  <si>
    <t>0.01509649409349123</t>
  </si>
  <si>
    <t>17231</t>
  </si>
  <si>
    <t>13.402305603027344</t>
  </si>
  <si>
    <t>494.81866455078125</t>
  </si>
  <si>
    <t>0.05646564843276636</t>
  </si>
  <si>
    <t>16187</t>
  </si>
  <si>
    <t>13.103038787841797</t>
  </si>
  <si>
    <t>647.9783935546875</t>
  </si>
  <si>
    <t>-0.06250163620913973</t>
  </si>
  <si>
    <t>16320</t>
  </si>
  <si>
    <t>13.452701568603516</t>
  </si>
  <si>
    <t>705.099853515625</t>
  </si>
  <si>
    <t>0.008182898584138343</t>
  </si>
  <si>
    <t>16612</t>
  </si>
  <si>
    <t>12.16995620727539</t>
  </si>
  <si>
    <t>594.7406616210938</t>
  </si>
  <si>
    <t>0.017733976232545245</t>
  </si>
  <si>
    <t>16433</t>
  </si>
  <si>
    <t>13.393858909606934</t>
  </si>
  <si>
    <t>673.6266479492188</t>
  </si>
  <si>
    <t>-0.01083381756935431</t>
  </si>
  <si>
    <t>16580</t>
  </si>
  <si>
    <t>13.399017333984375</t>
  </si>
  <si>
    <t>561.2186279296875</t>
  </si>
  <si>
    <t>0.00890564150799733</t>
  </si>
  <si>
    <t>15135</t>
  </si>
  <si>
    <t>13.185370445251465</t>
  </si>
  <si>
    <t>801.1051025390625</t>
  </si>
  <si>
    <t>-0.0911872072334674</t>
  </si>
  <si>
    <t>16834</t>
  </si>
  <si>
    <t>13.232078552246094</t>
  </si>
  <si>
    <t>730.009765625</t>
  </si>
  <si>
    <t>0.1063907083157023</t>
  </si>
  <si>
    <t>17934</t>
  </si>
  <si>
    <t>13.300518989562988</t>
  </si>
  <si>
    <t>549.4312133789062</t>
  </si>
  <si>
    <t>0.06329770174047233</t>
  </si>
  <si>
    <t>18470</t>
  </si>
  <si>
    <t>13.535679817199707</t>
  </si>
  <si>
    <t>627.8378295898438</t>
  </si>
  <si>
    <t>0.029449441681292043</t>
  </si>
  <si>
    <t>17760</t>
  </si>
  <si>
    <t>13.522632598876953</t>
  </si>
  <si>
    <t>639.485107421875</t>
  </si>
  <si>
    <t>-0.03919905664712431</t>
  </si>
  <si>
    <t>18002</t>
  </si>
  <si>
    <t>14.277384757995605</t>
  </si>
  <si>
    <t>428.08544921875</t>
  </si>
  <si>
    <t>0.013534125270869168</t>
  </si>
  <si>
    <t>14458</t>
  </si>
  <si>
    <t>14.25143051147461</t>
  </si>
  <si>
    <t>595.3613891601562</t>
  </si>
  <si>
    <t>-0.21923496825678868</t>
  </si>
  <si>
    <t>15648</t>
  </si>
  <si>
    <t>13.320679664611816</t>
  </si>
  <si>
    <t>613.0458374023438</t>
  </si>
  <si>
    <t>0.07909521871435743</t>
  </si>
  <si>
    <t>17249</t>
  </si>
  <si>
    <t>13.95938491821289</t>
  </si>
  <si>
    <t>495.0637512207031</t>
  </si>
  <si>
    <t>0.09741105749002976</t>
  </si>
  <si>
    <t>282</t>
  </si>
  <si>
    <t>11.886296272277832</t>
  </si>
  <si>
    <t>394.6409606933594</t>
  </si>
  <si>
    <t>100.81851196289062</t>
  </si>
  <si>
    <t>Dobrich</t>
  </si>
  <si>
    <t>10715</t>
  </si>
  <si>
    <t>10.586297035217285</t>
  </si>
  <si>
    <t>530.851806640625</t>
  </si>
  <si>
    <t>-0.07884309399200085</t>
  </si>
  <si>
    <t>10038</t>
  </si>
  <si>
    <t>11.061295509338379</t>
  </si>
  <si>
    <t>461.52447509765625</t>
  </si>
  <si>
    <t>-0.06526673769279867</t>
  </si>
  <si>
    <t>9963</t>
  </si>
  <si>
    <t>10.75296401977539</t>
  </si>
  <si>
    <t>479.1685791015625</t>
  </si>
  <si>
    <t>-0.007499660170022793</t>
  </si>
  <si>
    <t>11.856616020202637</t>
  </si>
  <si>
    <t>492.554931640625</t>
  </si>
  <si>
    <t>0.02085892074889273</t>
  </si>
  <si>
    <t>10504</t>
  </si>
  <si>
    <t>10.856616020202637</t>
  </si>
  <si>
    <t>597.8372802734375</t>
  </si>
  <si>
    <t>0.032018985188882354</t>
  </si>
  <si>
    <t>11103</t>
  </si>
  <si>
    <t>10.628990173339844</t>
  </si>
  <si>
    <t>498.2696533203125</t>
  </si>
  <si>
    <t>0.055459205071635154</t>
  </si>
  <si>
    <t>9589</t>
  </si>
  <si>
    <t>10.577961921691895</t>
  </si>
  <si>
    <t>646.3007202148438</t>
  </si>
  <si>
    <t>-0.14659873390058564</t>
  </si>
  <si>
    <t>10014</t>
  </si>
  <si>
    <t>11.25341796875</t>
  </si>
  <si>
    <t>582.3766479492188</t>
  </si>
  <si>
    <t>0.04336750573621018</t>
  </si>
  <si>
    <t>9220</t>
  </si>
  <si>
    <t>11.89302921295166</t>
  </si>
  <si>
    <t>535.4427490234375</t>
  </si>
  <si>
    <t>-0.08260907633925108</t>
  </si>
  <si>
    <t>9686</t>
  </si>
  <si>
    <t>12.463351249694824</t>
  </si>
  <si>
    <t>367.68890380859375</t>
  </si>
  <si>
    <t>0.049306506412534645</t>
  </si>
  <si>
    <t>8674</t>
  </si>
  <si>
    <t>11.549309730529785</t>
  </si>
  <si>
    <t>424.91302490234375</t>
  </si>
  <si>
    <t>-0.1103514985678622</t>
  </si>
  <si>
    <t>9176</t>
  </si>
  <si>
    <t>12.008670806884766</t>
  </si>
  <si>
    <t>598.5883178710938</t>
  </si>
  <si>
    <t>0.056261334413894915</t>
  </si>
  <si>
    <t>10.79565715789795</t>
  </si>
  <si>
    <t>416.1620178222656</t>
  </si>
  <si>
    <t>0.08349058294885658</t>
  </si>
  <si>
    <t>10499</t>
  </si>
  <si>
    <t>11.896683692932129</t>
  </si>
  <si>
    <t>556.4228515625</t>
  </si>
  <si>
    <t>0.051198051756877305</t>
  </si>
  <si>
    <t>10963</t>
  </si>
  <si>
    <t>11.008670806884766</t>
  </si>
  <si>
    <t>614.154541015625</t>
  </si>
  <si>
    <t>0.04324595215959803</t>
  </si>
  <si>
    <t>10746</t>
  </si>
  <si>
    <t>11.903990745544434</t>
  </si>
  <si>
    <t>486.2492370605469</t>
  </si>
  <si>
    <t>-0.019992374385772393</t>
  </si>
  <si>
    <t>10595</t>
  </si>
  <si>
    <t>12.332642555236816</t>
  </si>
  <si>
    <t>466.24395751953125</t>
  </si>
  <si>
    <t>-0.014151400586367657</t>
  </si>
  <si>
    <t>11974</t>
  </si>
  <si>
    <t>12.374309539794922</t>
  </si>
  <si>
    <t>436.2865295410156</t>
  </si>
  <si>
    <t>0.12235544078289884</t>
  </si>
  <si>
    <t>11068</t>
  </si>
  <si>
    <t>12.103989601135254</t>
  </si>
  <si>
    <t>565.9901733398438</t>
  </si>
  <si>
    <t>-0.07867957057848152</t>
  </si>
  <si>
    <t>12649</t>
  </si>
  <si>
    <t>12.34097671508789</t>
  </si>
  <si>
    <t>619.414794921875</t>
  </si>
  <si>
    <t>0.1335200987407248</t>
  </si>
  <si>
    <t>12421</t>
  </si>
  <si>
    <t>11.282642364501953</t>
  </si>
  <si>
    <t>532.4554443359375</t>
  </si>
  <si>
    <t>-0.018189572103347373</t>
  </si>
  <si>
    <t>12546</t>
  </si>
  <si>
    <t>12.383670806884766</t>
  </si>
  <si>
    <t>546.6776123046875</t>
  </si>
  <si>
    <t>0.010013301112493878</t>
  </si>
  <si>
    <t>12886</t>
  </si>
  <si>
    <t>12.427963256835938</t>
  </si>
  <si>
    <t>503.71795654296875</t>
  </si>
  <si>
    <t>0.026739561041900117</t>
  </si>
  <si>
    <t>12902</t>
  </si>
  <si>
    <t>12.187323570251465</t>
  </si>
  <si>
    <t>692.32568359375</t>
  </si>
  <si>
    <t>0.0012408873935996212</t>
  </si>
  <si>
    <t>12785</t>
  </si>
  <si>
    <t>12.42898941040039</t>
  </si>
  <si>
    <t>608.0219116210938</t>
  </si>
  <si>
    <t>-0.0091097293668998</t>
  </si>
  <si>
    <t>13031</t>
  </si>
  <si>
    <t>12.257643699645996</t>
  </si>
  <si>
    <t>512.1304931640625</t>
  </si>
  <si>
    <t>0.019058525419618277</t>
  </si>
  <si>
    <t>13315</t>
  </si>
  <si>
    <t>12.67065715789795</t>
  </si>
  <si>
    <t>589.12548828125</t>
  </si>
  <si>
    <t>0.021560085103127236</t>
  </si>
  <si>
    <t>12.46597671508789</t>
  </si>
  <si>
    <t>558.3255004882812</t>
  </si>
  <si>
    <t>-0.027255036619221684</t>
  </si>
  <si>
    <t>13413</t>
  </si>
  <si>
    <t>13.462323188781738</t>
  </si>
  <si>
    <t>362.0501403808594</t>
  </si>
  <si>
    <t>0.034588203273278495</t>
  </si>
  <si>
    <t>13244</t>
  </si>
  <si>
    <t>13.470656394958496</t>
  </si>
  <si>
    <t>558.9789428710938</t>
  </si>
  <si>
    <t>-0.01267976623495315</t>
  </si>
  <si>
    <t>12.057642936706543</t>
  </si>
  <si>
    <t>575.7345581054688</t>
  </si>
  <si>
    <t>0.07908971788672758</t>
  </si>
  <si>
    <t>15801</t>
  </si>
  <si>
    <t>13.14302921295166</t>
  </si>
  <si>
    <t>391.0841369628906</t>
  </si>
  <si>
    <t>0.09743889159763519</t>
  </si>
  <si>
    <t>284</t>
  </si>
  <si>
    <t>9305</t>
  </si>
  <si>
    <t>525.1000366210938</t>
  </si>
  <si>
    <t>66.98831939697266</t>
  </si>
  <si>
    <t>Haskovo</t>
  </si>
  <si>
    <t>8599</t>
  </si>
  <si>
    <t>553.1000366210938</t>
  </si>
  <si>
    <t>-0.07890597266545463</t>
  </si>
  <si>
    <t>8055</t>
  </si>
  <si>
    <t>11.925000190734863</t>
  </si>
  <si>
    <t>492.4000244140625</t>
  </si>
  <si>
    <t>-0.06535290079982126</t>
  </si>
  <si>
    <t>7995</t>
  </si>
  <si>
    <t>11.983333587646484</t>
  </si>
  <si>
    <t>505.0</t>
  </si>
  <si>
    <t>-0.007476670343020686</t>
  </si>
  <si>
    <t>12.84999942779541</t>
  </si>
  <si>
    <t>690.7999877929688</t>
  </si>
  <si>
    <t>0.020917898661680923</t>
  </si>
  <si>
    <t>8430</t>
  </si>
  <si>
    <t>12.083333015441895</t>
  </si>
  <si>
    <t>681.1000366210938</t>
  </si>
  <si>
    <t>0.032062527066166524</t>
  </si>
  <si>
    <t>8910</t>
  </si>
  <si>
    <t>669.4000244140625</t>
  </si>
  <si>
    <t>0.05537746946895439</t>
  </si>
  <si>
    <t>7695</t>
  </si>
  <si>
    <t>11.674999237060547</t>
  </si>
  <si>
    <t>744.2000122070312</t>
  </si>
  <si>
    <t>-0.1466034741918758</t>
  </si>
  <si>
    <t>8036</t>
  </si>
  <si>
    <t>12.466667175292969</t>
  </si>
  <si>
    <t>0.04336067966184487</t>
  </si>
  <si>
    <t>7399</t>
  </si>
  <si>
    <t>13.083334922790527</t>
  </si>
  <si>
    <t>611.1000366210938</t>
  </si>
  <si>
    <t>-0.08258659100927446</t>
  </si>
  <si>
    <t>7773</t>
  </si>
  <si>
    <t>13.52500057220459</t>
  </si>
  <si>
    <t>475.1000061035156</t>
  </si>
  <si>
    <t>0.04931133430466872</t>
  </si>
  <si>
    <t>8389</t>
  </si>
  <si>
    <t>12.891667366027832</t>
  </si>
  <si>
    <t>537.2000122070312</t>
  </si>
  <si>
    <t>0.07626513361607579</t>
  </si>
  <si>
    <t>8784</t>
  </si>
  <si>
    <t>13.191666603088379</t>
  </si>
  <si>
    <t>788.9000244140625</t>
  </si>
  <si>
    <t>0.04601056090301725</t>
  </si>
  <si>
    <t>9535</t>
  </si>
  <si>
    <t>11.99166488647461</t>
  </si>
  <si>
    <t>635.699951171875</t>
  </si>
  <si>
    <t>0.08203735428520709</t>
  </si>
  <si>
    <t>10168</t>
  </si>
  <si>
    <t>517.0999755859375</t>
  </si>
  <si>
    <t>0.06427629483477126</t>
  </si>
  <si>
    <t>10218</t>
  </si>
  <si>
    <t>12.133332252502441</t>
  </si>
  <si>
    <t>760.0000610351562</t>
  </si>
  <si>
    <t>0.004905337021453349</t>
  </si>
  <si>
    <t>12.891666412353516</t>
  </si>
  <si>
    <t>659.5000610351562</t>
  </si>
  <si>
    <t>-0.008057427889768931</t>
  </si>
  <si>
    <t>10895</t>
  </si>
  <si>
    <t>13.233332633972168</t>
  </si>
  <si>
    <t>660.4000244140625</t>
  </si>
  <si>
    <t>0.07221052537774497</t>
  </si>
  <si>
    <t>11551</t>
  </si>
  <si>
    <t>13.425000190734863</t>
  </si>
  <si>
    <t>532.0</t>
  </si>
  <si>
    <t>0.058468044909959715</t>
  </si>
  <si>
    <t>10479</t>
  </si>
  <si>
    <t>13.125</t>
  </si>
  <si>
    <t>752.2000122070312</t>
  </si>
  <si>
    <t>-0.09739875881373727</t>
  </si>
  <si>
    <t>13.483332633972168</t>
  </si>
  <si>
    <t>777.9000244140625</t>
  </si>
  <si>
    <t>-0.06312081611965681</t>
  </si>
  <si>
    <t>10523</t>
  </si>
  <si>
    <t>628.2000122070312</t>
  </si>
  <si>
    <t>0.06731089938552692</t>
  </si>
  <si>
    <t>10729</t>
  </si>
  <si>
    <t>13.491667747497559</t>
  </si>
  <si>
    <t>710.9000244140625</t>
  </si>
  <si>
    <t>0.019387017895933667</t>
  </si>
  <si>
    <t>13.458334922790527</t>
  </si>
  <si>
    <t>565.300048828125</t>
  </si>
  <si>
    <t>-0.040418186292610514</t>
  </si>
  <si>
    <t>10577</t>
  </si>
  <si>
    <t>13.208333015441895</t>
  </si>
  <si>
    <t>988.0</t>
  </si>
  <si>
    <t>0.026149662983916855</t>
  </si>
  <si>
    <t>11194</t>
  </si>
  <si>
    <t>825.699951171875</t>
  </si>
  <si>
    <t>0.05669608812325322</t>
  </si>
  <si>
    <t>13.34999942779541</t>
  </si>
  <si>
    <t>615.2999877929688</t>
  </si>
  <si>
    <t>0.014808517118598985</t>
  </si>
  <si>
    <t>11657</t>
  </si>
  <si>
    <t>13.591668128967285</t>
  </si>
  <si>
    <t>707.2000122070312</t>
  </si>
  <si>
    <t>0.025720420349927053</t>
  </si>
  <si>
    <t>13.633334159851074</t>
  </si>
  <si>
    <t>763.4000244140625</t>
  </si>
  <si>
    <t>0.034401841139301226</t>
  </si>
  <si>
    <t>12111</t>
  </si>
  <si>
    <t>14.291666984558105</t>
  </si>
  <si>
    <t>476.2000427246094</t>
  </si>
  <si>
    <t>0.0038054314619184737</t>
  </si>
  <si>
    <t>748.5999755859375</t>
  </si>
  <si>
    <t>-0.0382072726012197</t>
  </si>
  <si>
    <t>12616</t>
  </si>
  <si>
    <t>711.300048828125</t>
  </si>
  <si>
    <t>0.07905899172304309</t>
  </si>
  <si>
    <t>13907</t>
  </si>
  <si>
    <t>14.024998664855957</t>
  </si>
  <si>
    <t>579.5999755859375</t>
  </si>
  <si>
    <t>0.09742646083573625</t>
  </si>
  <si>
    <t>285</t>
  </si>
  <si>
    <t>7775</t>
  </si>
  <si>
    <t>12.150749206542969</t>
  </si>
  <si>
    <t>526.3441772460938</t>
  </si>
  <si>
    <t>131.38595581054688</t>
  </si>
  <si>
    <t>Kardzhali</t>
  </si>
  <si>
    <t>7185</t>
  </si>
  <si>
    <t>10.772204399108887</t>
  </si>
  <si>
    <t>588.233642578125</t>
  </si>
  <si>
    <t>-0.07891793853430862</t>
  </si>
  <si>
    <t>6731</t>
  </si>
  <si>
    <t>11.18491268157959</t>
  </si>
  <si>
    <t>496.3681640625</t>
  </si>
  <si>
    <t>-0.06527179850241183</t>
  </si>
  <si>
    <t>6681</t>
  </si>
  <si>
    <t>11.25866413116455</t>
  </si>
  <si>
    <t>519.2009887695312</t>
  </si>
  <si>
    <t>-0.0074560440852362575</t>
  </si>
  <si>
    <t>6821</t>
  </si>
  <si>
    <t>12.1336669921875</t>
  </si>
  <si>
    <t>733.0146484375</t>
  </si>
  <si>
    <t>0.0207384117292424</t>
  </si>
  <si>
    <t>7044</t>
  </si>
  <si>
    <t>11.355122566223145</t>
  </si>
  <si>
    <t>724.5897827148438</t>
  </si>
  <si>
    <t>0.03217010196137693</t>
  </si>
  <si>
    <t>7445</t>
  </si>
  <si>
    <t>11.175747871398926</t>
  </si>
  <si>
    <t>683.5960693359375</t>
  </si>
  <si>
    <t>0.055366475502012236</t>
  </si>
  <si>
    <t>6430</t>
  </si>
  <si>
    <t>10.958664894104004</t>
  </si>
  <si>
    <t>793.969482421875</t>
  </si>
  <si>
    <t>-0.14656812788644302</t>
  </si>
  <si>
    <t>6715</t>
  </si>
  <si>
    <t>11.770543098449707</t>
  </si>
  <si>
    <t>833.0256958007812</t>
  </si>
  <si>
    <t>0.04336929172567139</t>
  </si>
  <si>
    <t>6183</t>
  </si>
  <si>
    <t>12.37533187866211</t>
  </si>
  <si>
    <t>629.339599609375</t>
  </si>
  <si>
    <t>-0.08254023939876909</t>
  </si>
  <si>
    <t>6495</t>
  </si>
  <si>
    <t>12.81303882598877</t>
  </si>
  <si>
    <t>490.8711242675781</t>
  </si>
  <si>
    <t>0.04922905954613199</t>
  </si>
  <si>
    <t>6727</t>
  </si>
  <si>
    <t>12.17095947265625</t>
  </si>
  <si>
    <t>583.626953125</t>
  </si>
  <si>
    <t>0.035096628920905815</t>
  </si>
  <si>
    <t>7585</t>
  </si>
  <si>
    <t>12.462624549865723</t>
  </si>
  <si>
    <t>849.7552490234375</t>
  </si>
  <si>
    <t>0.12004333375702636</t>
  </si>
  <si>
    <t>9097</t>
  </si>
  <si>
    <t>11.279290199279785</t>
  </si>
  <si>
    <t>697.5203247070312</t>
  </si>
  <si>
    <t>0.18177207603942946</t>
  </si>
  <si>
    <t>9858</t>
  </si>
  <si>
    <t>12.321788787841797</t>
  </si>
  <si>
    <t>527.8132934570312</t>
  </si>
  <si>
    <t>0.08033861944326048</t>
  </si>
  <si>
    <t>10538</t>
  </si>
  <si>
    <t>11.412625312805176</t>
  </si>
  <si>
    <t>785.1795043945312</t>
  </si>
  <si>
    <t>0.06670446350390868</t>
  </si>
  <si>
    <t>10252</t>
  </si>
  <si>
    <t>12.167412757873535</t>
  </si>
  <si>
    <t>656.9016723632812</t>
  </si>
  <si>
    <t>-0.02751496328526848</t>
  </si>
  <si>
    <t>12.501579284667969</t>
  </si>
  <si>
    <t>704.106689453125</t>
  </si>
  <si>
    <t>-0.01216894310000427</t>
  </si>
  <si>
    <t>10808</t>
  </si>
  <si>
    <t>12.692829132080078</t>
  </si>
  <si>
    <t>576.32763671875</t>
  </si>
  <si>
    <t>0.064982735256077</t>
  </si>
  <si>
    <t>12.392415046691895</t>
  </si>
  <si>
    <t>766.229248046875</t>
  </si>
  <si>
    <t>-0.06419315763906042</t>
  </si>
  <si>
    <t>12.770957946777344</t>
  </si>
  <si>
    <t>818.1349487304688</t>
  </si>
  <si>
    <t>-0.03657228962334358</t>
  </si>
  <si>
    <t>11.417414665222168</t>
  </si>
  <si>
    <t>674.3990478515625</t>
  </si>
  <si>
    <t>-0.017758054921703348</t>
  </si>
  <si>
    <t>12.783251762390137</t>
  </si>
  <si>
    <t>777.9166870117188</t>
  </si>
  <si>
    <t>0.10116422352641585</t>
  </si>
  <si>
    <t>10269</t>
  </si>
  <si>
    <t>12.734081268310547</t>
  </si>
  <si>
    <t>593.6083374023438</t>
  </si>
  <si>
    <t>-0.033797673784048854</t>
  </si>
  <si>
    <t>9981</t>
  </si>
  <si>
    <t>12.479706764221191</t>
  </si>
  <si>
    <t>984.1196899414062</t>
  </si>
  <si>
    <t>-0.0284463625117084</t>
  </si>
  <si>
    <t>10387</t>
  </si>
  <si>
    <t>12.438454627990723</t>
  </si>
  <si>
    <t>844.3034057617188</t>
  </si>
  <si>
    <t>0.03987173854122439</t>
  </si>
  <si>
    <t>10663</t>
  </si>
  <si>
    <t>12.633666038513184</t>
  </si>
  <si>
    <t>652.315673828125</t>
  </si>
  <si>
    <t>0.026224780790368385</t>
  </si>
  <si>
    <t>11091</t>
  </si>
  <si>
    <t>12.876163482666016</t>
  </si>
  <si>
    <t>721.1156616210938</t>
  </si>
  <si>
    <t>0.03935416358656241</t>
  </si>
  <si>
    <t>11970</t>
  </si>
  <si>
    <t>12.912625312805176</t>
  </si>
  <si>
    <t>776.9990844726562</t>
  </si>
  <si>
    <t>0.07626955094727705</t>
  </si>
  <si>
    <t>13.539286613464355</t>
  </si>
  <si>
    <t>529.7355346679688</t>
  </si>
  <si>
    <t>0.07350509323950583</t>
  </si>
  <si>
    <t>14070</t>
  </si>
  <si>
    <t>13.50991153717041</t>
  </si>
  <si>
    <t>782.8491821289062</t>
  </si>
  <si>
    <t>0.08813625831690963</t>
  </si>
  <si>
    <t>15228</t>
  </si>
  <si>
    <t>12.70908260345459</t>
  </si>
  <si>
    <t>757.6069946289062</t>
  </si>
  <si>
    <t>0.07909096739395416</t>
  </si>
  <si>
    <t>16786</t>
  </si>
  <si>
    <t>13.284496307373047</t>
  </si>
  <si>
    <t>625.438232421875</t>
  </si>
  <si>
    <t>0.09740936714038462</t>
  </si>
  <si>
    <t>286</t>
  </si>
  <si>
    <t>8.761780738830566</t>
  </si>
  <si>
    <t>559.2052001953125</t>
  </si>
  <si>
    <t>128.74313354492188</t>
  </si>
  <si>
    <t>Kyustendil</t>
  </si>
  <si>
    <t>10748</t>
  </si>
  <si>
    <t>7.433149337768555</t>
  </si>
  <si>
    <t>732.2522583007812</t>
  </si>
  <si>
    <t>-0.07878228755766159</t>
  </si>
  <si>
    <t>10068</t>
  </si>
  <si>
    <t>8.195021629333496</t>
  </si>
  <si>
    <t>582.7340087890625</t>
  </si>
  <si>
    <t>-0.06535761348017566</t>
  </si>
  <si>
    <t>9993</t>
  </si>
  <si>
    <t>8.061530113220215</t>
  </si>
  <si>
    <t>494.5361328125</t>
  </si>
  <si>
    <t>-0.0074772293934177725</t>
  </si>
  <si>
    <t>10203</t>
  </si>
  <si>
    <t>8.884137153625488</t>
  </si>
  <si>
    <t>690.6600952148438</t>
  </si>
  <si>
    <t>0.020796946813515405</t>
  </si>
  <si>
    <t>10536</t>
  </si>
  <si>
    <t>8.080096244812012</t>
  </si>
  <si>
    <t>796.32958984375</t>
  </si>
  <si>
    <t>0.032116169747812506</t>
  </si>
  <si>
    <t>11137</t>
  </si>
  <si>
    <t>7.669787883758545</t>
  </si>
  <si>
    <t>693.6828002929688</t>
  </si>
  <si>
    <t>0.05547493396998249</t>
  </si>
  <si>
    <t>9618</t>
  </si>
  <si>
    <t>7.8060832023620605</t>
  </si>
  <si>
    <t>725.2545776367188</t>
  </si>
  <si>
    <t>-0.1466365555554905</t>
  </si>
  <si>
    <t>10044</t>
  </si>
  <si>
    <t>8.291240692138672</t>
  </si>
  <si>
    <t>773.628662109375</t>
  </si>
  <si>
    <t>0.043339098439867385</t>
  </si>
  <si>
    <t>9248</t>
  </si>
  <si>
    <t>8.731343269348145</t>
  </si>
  <si>
    <t>737.0722045898438</t>
  </si>
  <si>
    <t>-0.08256812936531688</t>
  </si>
  <si>
    <t>9.505505561828613</t>
  </si>
  <si>
    <t>466.47705078125</t>
  </si>
  <si>
    <t>0.0492637708993815</t>
  </si>
  <si>
    <t>8.61508560180664</t>
  </si>
  <si>
    <t>545.5576782226562</t>
  </si>
  <si>
    <t>0.0618651103043284</t>
  </si>
  <si>
    <t>10766</t>
  </si>
  <si>
    <t>9.114666938781738</t>
  </si>
  <si>
    <t>874.1060791015625</t>
  </si>
  <si>
    <t>0.040856827005033125</t>
  </si>
  <si>
    <t>12297</t>
  </si>
  <si>
    <t>8.055506706237793</t>
  </si>
  <si>
    <t>681.56689453125</t>
  </si>
  <si>
    <t>0.13296231005154446</t>
  </si>
  <si>
    <t>11717</t>
  </si>
  <si>
    <t>8.758567810058594</t>
  </si>
  <si>
    <t>656.9967041015625</t>
  </si>
  <si>
    <t>-0.04831455150429065</t>
  </si>
  <si>
    <t>11284</t>
  </si>
  <si>
    <t>7.906753063201904</t>
  </si>
  <si>
    <t>894.8034057617188</t>
  </si>
  <si>
    <t>-0.03765498554626845</t>
  </si>
  <si>
    <t>11233</t>
  </si>
  <si>
    <t>8.941315650939941</t>
  </si>
  <si>
    <t>759.0250854492188</t>
  </si>
  <si>
    <t>-0.0045299184803191395</t>
  </si>
  <si>
    <t>11886</t>
  </si>
  <si>
    <t>9.184881210327148</t>
  </si>
  <si>
    <t>813.6962280273438</t>
  </si>
  <si>
    <t>0.05650536228503711</t>
  </si>
  <si>
    <t>11402</t>
  </si>
  <si>
    <t>9.30526351928711</t>
  </si>
  <si>
    <t>615.3313598632812</t>
  </si>
  <si>
    <t>-0.04157245833507872</t>
  </si>
  <si>
    <t>10369</t>
  </si>
  <si>
    <t>9.125226020812988</t>
  </si>
  <si>
    <t>768.24169921875</t>
  </si>
  <si>
    <t>-0.09496819303324955</t>
  </si>
  <si>
    <t>11494</t>
  </si>
  <si>
    <t>9.0678129196167</t>
  </si>
  <si>
    <t>797.254638671875</t>
  </si>
  <si>
    <t>0.10300457450940925</t>
  </si>
  <si>
    <t>10719</t>
  </si>
  <si>
    <t>8.3023681640625</t>
  </si>
  <si>
    <t>549.7070922851562</t>
  </si>
  <si>
    <t>-0.06980729237616679</t>
  </si>
  <si>
    <t>10687</t>
  </si>
  <si>
    <t>9.304685592651367</t>
  </si>
  <si>
    <t>667.9561157226562</t>
  </si>
  <si>
    <t>-0.0029898181666236923</t>
  </si>
  <si>
    <t>10768</t>
  </si>
  <si>
    <t>9.324239730834961</t>
  </si>
  <si>
    <t>592.2459106445312</t>
  </si>
  <si>
    <t>0.007550723359612377</t>
  </si>
  <si>
    <t>11422</t>
  </si>
  <si>
    <t>9.314249992370605</t>
  </si>
  <si>
    <t>991.9686889648438</t>
  </si>
  <si>
    <t>0.058962547340300375</t>
  </si>
  <si>
    <t>12149</t>
  </si>
  <si>
    <t>9.172833442687988</t>
  </si>
  <si>
    <t>868.064697265625</t>
  </si>
  <si>
    <t>0.06170554162993369</t>
  </si>
  <si>
    <t>9.065085411071777</t>
  </si>
  <si>
    <t>746.3099975585938</t>
  </si>
  <si>
    <t>-0.00693816279560977</t>
  </si>
  <si>
    <t>12255</t>
  </si>
  <si>
    <t>9.553689956665039</t>
  </si>
  <si>
    <t>781.1671752929688</t>
  </si>
  <si>
    <t>0.01562531790307986</t>
  </si>
  <si>
    <t>13116</t>
  </si>
  <si>
    <t>9.577041625976562</t>
  </si>
  <si>
    <t>769.2506103515625</t>
  </si>
  <si>
    <t>0.06789884200232699</t>
  </si>
  <si>
    <t>12687</t>
  </si>
  <si>
    <t>10.101548194885254</t>
  </si>
  <si>
    <t>600.75146484375</t>
  </si>
  <si>
    <t>-0.033255011823941416</t>
  </si>
  <si>
    <t>12615</t>
  </si>
  <si>
    <t>9.92151927947998</t>
  </si>
  <si>
    <t>830.1453857421875</t>
  </si>
  <si>
    <t>-0.005691265065440376</t>
  </si>
  <si>
    <t>13653</t>
  </si>
  <si>
    <t>9.116324424743652</t>
  </si>
  <si>
    <t>750.85791015625</t>
  </si>
  <si>
    <t>0.07907269560959307</t>
  </si>
  <si>
    <t>15051</t>
  </si>
  <si>
    <t>9.91746997833252</t>
  </si>
  <si>
    <t>717.2584838867188</t>
  </si>
  <si>
    <t>0.09748515646761113</t>
  </si>
  <si>
    <t>287</t>
  </si>
  <si>
    <t>10.219733238220215</t>
  </si>
  <si>
    <t>538.6483154296875</t>
  </si>
  <si>
    <t>128.50613403320312</t>
  </si>
  <si>
    <t>Lovech</t>
  </si>
  <si>
    <t>8.851567268371582</t>
  </si>
  <si>
    <t>710.4098510742188</t>
  </si>
  <si>
    <t>-0.07889603932113509</t>
  </si>
  <si>
    <t>9.519454002380371</t>
  </si>
  <si>
    <t>573.7239990234375</t>
  </si>
  <si>
    <t>-0.06522116346289586</t>
  </si>
  <si>
    <t>9175</t>
  </si>
  <si>
    <t>9.341713905334473</t>
  </si>
  <si>
    <t>531.7532348632812</t>
  </si>
  <si>
    <t>-0.007492298471500902</t>
  </si>
  <si>
    <t>9368</t>
  </si>
  <si>
    <t>10.267280578613281</t>
  </si>
  <si>
    <t>694.5409545898438</t>
  </si>
  <si>
    <t>0.020817232354781723</t>
  </si>
  <si>
    <t>9673</t>
  </si>
  <si>
    <t>9.420793533325195</t>
  </si>
  <si>
    <t>756.0381469726562</t>
  </si>
  <si>
    <t>0.03203887290499452</t>
  </si>
  <si>
    <t>10225</t>
  </si>
  <si>
    <t>9.189261436462402</t>
  </si>
  <si>
    <t>648.6241455078125</t>
  </si>
  <si>
    <t>0.055497202728455264</t>
  </si>
  <si>
    <t>8831</t>
  </si>
  <si>
    <t>9.11809253692627</t>
  </si>
  <si>
    <t>763.5296020507812</t>
  </si>
  <si>
    <t>-0.14656744344219952</t>
  </si>
  <si>
    <t>9222</t>
  </si>
  <si>
    <t>9.660637855529785</t>
  </si>
  <si>
    <t>780.5044555664062</t>
  </si>
  <si>
    <t>0.04332367529784875</t>
  </si>
  <si>
    <t>8491</t>
  </si>
  <si>
    <t>10.171990394592285</t>
  </si>
  <si>
    <t>764.9697875976562</t>
  </si>
  <si>
    <t>-0.08258515476728867</t>
  </si>
  <si>
    <t>8920</t>
  </si>
  <si>
    <t>10.906139373779297</t>
  </si>
  <si>
    <t>461.5759582519531</t>
  </si>
  <si>
    <t>0.04928916757469182</t>
  </si>
  <si>
    <t>9573</t>
  </si>
  <si>
    <t>10.011028289794922</t>
  </si>
  <si>
    <t>557.18603515625</t>
  </si>
  <si>
    <t>0.07065068937229846</t>
  </si>
  <si>
    <t>10.532551765441895</t>
  </si>
  <si>
    <t>813.952392578125</t>
  </si>
  <si>
    <t>0.058034337313561224</t>
  </si>
  <si>
    <t>10534</t>
  </si>
  <si>
    <t>9.39281177520752</t>
  </si>
  <si>
    <t>650.4086303710938</t>
  </si>
  <si>
    <t>0.0376271477834198</t>
  </si>
  <si>
    <t>11266</t>
  </si>
  <si>
    <t>10.243230819702148</t>
  </si>
  <si>
    <t>647.11474609375</t>
  </si>
  <si>
    <t>0.06718121941132438</t>
  </si>
  <si>
    <t>11664</t>
  </si>
  <si>
    <t>9.326334953308105</t>
  </si>
  <si>
    <t>867.2639770507812</t>
  </si>
  <si>
    <t>0.03471783479378132</t>
  </si>
  <si>
    <t>11792</t>
  </si>
  <si>
    <t>10.320670127868652</t>
  </si>
  <si>
    <t>761.1253662109375</t>
  </si>
  <si>
    <t>0.010914160180677257</t>
  </si>
  <si>
    <t>13430</t>
  </si>
  <si>
    <t>10.67195987701416</t>
  </si>
  <si>
    <t>740.6663818359375</t>
  </si>
  <si>
    <t>0.13006967508816558</t>
  </si>
  <si>
    <t>10.7721529006958</t>
  </si>
  <si>
    <t>600.7823486328125</t>
  </si>
  <si>
    <t>-0.03886932292486378</t>
  </si>
  <si>
    <t>10.571677207946777</t>
  </si>
  <si>
    <t>789.4835815429688</t>
  </si>
  <si>
    <t>-0.07948163271661812</t>
  </si>
  <si>
    <t>10.573333740234375</t>
  </si>
  <si>
    <t>789.3229370117188</t>
  </si>
  <si>
    <t>-0.012057990018215392</t>
  </si>
  <si>
    <t>12272</t>
  </si>
  <si>
    <t>9.719365119934082</t>
  </si>
  <si>
    <t>590.9447021484375</t>
  </si>
  <si>
    <t>0.04023817974945132</t>
  </si>
  <si>
    <t>12464</t>
  </si>
  <si>
    <t>10.706085205078125</t>
  </si>
  <si>
    <t>684.7735595703125</t>
  </si>
  <si>
    <t>0.015524244503492213</t>
  </si>
  <si>
    <t>12550</t>
  </si>
  <si>
    <t>10.811508178710938</t>
  </si>
  <si>
    <t>646.0315551757812</t>
  </si>
  <si>
    <t>0.0068761764494009725</t>
  </si>
  <si>
    <t>12958</t>
  </si>
  <si>
    <t>10.759760856628418</t>
  </si>
  <si>
    <t>1021.5042724609375</t>
  </si>
  <si>
    <t>0.03199269244997183</t>
  </si>
  <si>
    <t>10.672154426574707</t>
  </si>
  <si>
    <t>851.604248046875</t>
  </si>
  <si>
    <t>-0.01720221442014136</t>
  </si>
  <si>
    <t>13654</t>
  </si>
  <si>
    <t>10.556138038635254</t>
  </si>
  <si>
    <t>707.8182373046875</t>
  </si>
  <si>
    <t>0.06952137538846515</t>
  </si>
  <si>
    <t>13409</t>
  </si>
  <si>
    <t>11.01345157623291</t>
  </si>
  <si>
    <t>820.2233276367188</t>
  </si>
  <si>
    <t>-0.018106395698582745</t>
  </si>
  <si>
    <t>13637</t>
  </si>
  <si>
    <t>10.997668266296387</t>
  </si>
  <si>
    <t>797.9633178710938</t>
  </si>
  <si>
    <t>0.016860563578191545</t>
  </si>
  <si>
    <t>13787</t>
  </si>
  <si>
    <t>11.626812934875488</t>
  </si>
  <si>
    <t>581.9210205078125</t>
  </si>
  <si>
    <t>0.010939432313794129</t>
  </si>
  <si>
    <t>14115</t>
  </si>
  <si>
    <t>11.440990447998047</t>
  </si>
  <si>
    <t>806.1812133789062</t>
  </si>
  <si>
    <t>0.023511942515961337</t>
  </si>
  <si>
    <t>15276</t>
  </si>
  <si>
    <t>10.56215763092041</t>
  </si>
  <si>
    <t>767.9531860351562</t>
  </si>
  <si>
    <t>0.07904490765781702</t>
  </si>
  <si>
    <t>16840</t>
  </si>
  <si>
    <t>11.388961791992188</t>
  </si>
  <si>
    <t>652.5217895507812</t>
  </si>
  <si>
    <t>0.09747403945091015</t>
  </si>
  <si>
    <t>288</t>
  </si>
  <si>
    <t>8380</t>
  </si>
  <si>
    <t>11.602176666259766</t>
  </si>
  <si>
    <t>497.369873046875</t>
  </si>
  <si>
    <t>109.63352966308594</t>
  </si>
  <si>
    <t>Montana</t>
  </si>
  <si>
    <t>7744</t>
  </si>
  <si>
    <t>10.30373477935791</t>
  </si>
  <si>
    <t>712.1294555664062</t>
  </si>
  <si>
    <t>-0.078929564519715</t>
  </si>
  <si>
    <t>7254</t>
  </si>
  <si>
    <t>11.520094871520996</t>
  </si>
  <si>
    <t>526.1127319335938</t>
  </si>
  <si>
    <t>-0.06536530911356664</t>
  </si>
  <si>
    <t>7200</t>
  </si>
  <si>
    <t>10.980648040771484</t>
  </si>
  <si>
    <t>456.1745910644531</t>
  </si>
  <si>
    <t>-0.007472014838700858</t>
  </si>
  <si>
    <t>7352</t>
  </si>
  <si>
    <t>11.947856903076172</t>
  </si>
  <si>
    <t>632.0444946289062</t>
  </si>
  <si>
    <t>0.020891359031375956</t>
  </si>
  <si>
    <t>7592</t>
  </si>
  <si>
    <t>10.942639350891113</t>
  </si>
  <si>
    <t>760.6982421875</t>
  </si>
  <si>
    <t>0.032122676254241256</t>
  </si>
  <si>
    <t>8024</t>
  </si>
  <si>
    <t>10.367047309875488</t>
  </si>
  <si>
    <t>611.0745849609375</t>
  </si>
  <si>
    <t>0.055341989352008625</t>
  </si>
  <si>
    <t>6930</t>
  </si>
  <si>
    <t>10.793536186218262</t>
  </si>
  <si>
    <t>702.1640014648438</t>
  </si>
  <si>
    <t>-0.14657723745782292</t>
  </si>
  <si>
    <t>7238</t>
  </si>
  <si>
    <t>10.790184020996094</t>
  </si>
  <si>
    <t>695.3271484375</t>
  </si>
  <si>
    <t>0.04348511193973792</t>
  </si>
  <si>
    <t>6664</t>
  </si>
  <si>
    <t>11.1498384475708</t>
  </si>
  <si>
    <t>735.5242919921875</t>
  </si>
  <si>
    <t>-0.08262502027700869</t>
  </si>
  <si>
    <t>7000</t>
  </si>
  <si>
    <t>12.578970909118652</t>
  </si>
  <si>
    <t>406.39190673828125</t>
  </si>
  <si>
    <t>0.04919024419077189</t>
  </si>
  <si>
    <t>7760</t>
  </si>
  <si>
    <t>11.121180534362793</t>
  </si>
  <si>
    <t>594.5655517578125</t>
  </si>
  <si>
    <t>0.10307218513981375</t>
  </si>
  <si>
    <t>12.043961524963379</t>
  </si>
  <si>
    <t>758.8202514648438</t>
  </si>
  <si>
    <t>0.10173280946079188</t>
  </si>
  <si>
    <t>8713</t>
  </si>
  <si>
    <t>11.1358642578125</t>
  </si>
  <si>
    <t>661.056884765625</t>
  </si>
  <si>
    <t>0.01410101959323029</t>
  </si>
  <si>
    <t>11.352837562561035</t>
  </si>
  <si>
    <t>658.4284057617188</t>
  </si>
  <si>
    <t>0.06884748427847498</t>
  </si>
  <si>
    <t>9669</t>
  </si>
  <si>
    <t>10.47261905670166</t>
  </si>
  <si>
    <t>819.1922607421875</t>
  </si>
  <si>
    <t>0.03526124397378716</t>
  </si>
  <si>
    <t>9681</t>
  </si>
  <si>
    <t>11.937304496765137</t>
  </si>
  <si>
    <t>705.0687255859375</t>
  </si>
  <si>
    <t>0.0012403102365237118</t>
  </si>
  <si>
    <t>10041</t>
  </si>
  <si>
    <t>12.176396369934082</t>
  </si>
  <si>
    <t>745.8178100585938</t>
  </si>
  <si>
    <t>0.03651150915936441</t>
  </si>
  <si>
    <t>11125</t>
  </si>
  <si>
    <t>12.166625022888184</t>
  </si>
  <si>
    <t>566.1219482421875</t>
  </si>
  <si>
    <t>0.10251811715500381</t>
  </si>
  <si>
    <t>12.20906925201416</t>
  </si>
  <si>
    <t>746.5030517578125</t>
  </si>
  <si>
    <t>-0.08435912612343799</t>
  </si>
  <si>
    <t>10270</t>
  </si>
  <si>
    <t>11.410273551940918</t>
  </si>
  <si>
    <t>780.4925537109375</t>
  </si>
  <si>
    <t>0.004391322011601417</t>
  </si>
  <si>
    <t>10506</t>
  </si>
  <si>
    <t>11.541743278503418</t>
  </si>
  <si>
    <t>507.2201232910156</t>
  </si>
  <si>
    <t>0.022719498591303733</t>
  </si>
  <si>
    <t>10674</t>
  </si>
  <si>
    <t>12.12951374053955</t>
  </si>
  <si>
    <t>607.546142578125</t>
  </si>
  <si>
    <t>0.015864355379981987</t>
  </si>
  <si>
    <t>11470</t>
  </si>
  <si>
    <t>12.285391807556152</t>
  </si>
  <si>
    <t>612.0912475585938</t>
  </si>
  <si>
    <t>0.07192405322952666</t>
  </si>
  <si>
    <t>11045</t>
  </si>
  <si>
    <t>12.621180534362793</t>
  </si>
  <si>
    <t>867.3230590820312</t>
  </si>
  <si>
    <t>-0.03775709426919782</t>
  </si>
  <si>
    <t>11744</t>
  </si>
  <si>
    <t>12.352837562561035</t>
  </si>
  <si>
    <t>742.6655883789062</t>
  </si>
  <si>
    <t>0.061364635000078493</t>
  </si>
  <si>
    <t>12231</t>
  </si>
  <si>
    <t>11.736052513122559</t>
  </si>
  <si>
    <t>704.8598022460938</t>
  </si>
  <si>
    <t>0.04063124063306667</t>
  </si>
  <si>
    <t>12946</t>
  </si>
  <si>
    <t>12.74761962890625</t>
  </si>
  <si>
    <t>696.3577270507812</t>
  </si>
  <si>
    <t>0.056813147618091975</t>
  </si>
  <si>
    <t>12761</t>
  </si>
  <si>
    <t>12.65829086303711</t>
  </si>
  <si>
    <t>682.7094116210938</t>
  </si>
  <si>
    <t>-0.014393215371478973</t>
  </si>
  <si>
    <t>12763</t>
  </si>
  <si>
    <t>13.145282745361328</t>
  </si>
  <si>
    <t>541.7302856445312</t>
  </si>
  <si>
    <t>0.00015671524871407883</t>
  </si>
  <si>
    <t>12990</t>
  </si>
  <si>
    <t>12.652058601379395</t>
  </si>
  <si>
    <t>765.9217529296875</t>
  </si>
  <si>
    <t>0.017629470681955084</t>
  </si>
  <si>
    <t>14059</t>
  </si>
  <si>
    <t>11.655953407287598</t>
  </si>
  <si>
    <t>743.484619140625</t>
  </si>
  <si>
    <t>0.07908292941526263</t>
  </si>
  <si>
    <t>15498</t>
  </si>
  <si>
    <t>13.043842315673828</t>
  </si>
  <si>
    <t>0.09744822324398683</t>
  </si>
  <si>
    <t>289</t>
  </si>
  <si>
    <t>8525</t>
  </si>
  <si>
    <t>10.605378150939941</t>
  </si>
  <si>
    <t>544.2676391601562</t>
  </si>
  <si>
    <t>137.166259765625</t>
  </si>
  <si>
    <t>Pazardzhik</t>
  </si>
  <si>
    <t>7879</t>
  </si>
  <si>
    <t>9.219571113586426</t>
  </si>
  <si>
    <t>661.9204711914062</t>
  </si>
  <si>
    <t>-0.07880203090602933</t>
  </si>
  <si>
    <t>7381</t>
  </si>
  <si>
    <t>9.682723045349121</t>
  </si>
  <si>
    <t>546.0436401367188</t>
  </si>
  <si>
    <t>-0.06529186147563593</t>
  </si>
  <si>
    <t>7326</t>
  </si>
  <si>
    <t>9.77048397064209</t>
  </si>
  <si>
    <t>511.662353515625</t>
  </si>
  <si>
    <t>-0.007479466431291826</t>
  </si>
  <si>
    <t>7480</t>
  </si>
  <si>
    <t>10.599390983581543</t>
  </si>
  <si>
    <t>669.9728393554688</t>
  </si>
  <si>
    <t>0.02080312762976355</t>
  </si>
  <si>
    <t>7724</t>
  </si>
  <si>
    <t>9.823997497558594</t>
  </si>
  <si>
    <t>664.7752685546875</t>
  </si>
  <si>
    <t>0.03209957257988094</t>
  </si>
  <si>
    <t>9.624517440795898</t>
  </si>
  <si>
    <t>641.116455078125</t>
  </si>
  <si>
    <t>0.055401880381330315</t>
  </si>
  <si>
    <t>7051</t>
  </si>
  <si>
    <t>9.467617988586426</t>
  </si>
  <si>
    <t>717.6947631835938</t>
  </si>
  <si>
    <t>-0.14656479421069335</t>
  </si>
  <si>
    <t>7363</t>
  </si>
  <si>
    <t>10.263190269470215</t>
  </si>
  <si>
    <t>757.9586791992188</t>
  </si>
  <si>
    <t>0.04329800764967473</t>
  </si>
  <si>
    <t>6780</t>
  </si>
  <si>
    <t>10.810715675354004</t>
  </si>
  <si>
    <t>709.1787109375</t>
  </si>
  <si>
    <t>-0.08249035643427405</t>
  </si>
  <si>
    <t>7122</t>
  </si>
  <si>
    <t>11.180377960205078</t>
  </si>
  <si>
    <t>465.6766357421875</t>
  </si>
  <si>
    <t>0.04921148290328148</t>
  </si>
  <si>
    <t>6972</t>
  </si>
  <si>
    <t>10.62204360961914</t>
  </si>
  <si>
    <t>547.018798828125</t>
  </si>
  <si>
    <t>-0.02128645719781197</t>
  </si>
  <si>
    <t>7749</t>
  </si>
  <si>
    <t>10.904858589172363</t>
  </si>
  <si>
    <t>694.2081298828125</t>
  </si>
  <si>
    <t>0.10566167512403801</t>
  </si>
  <si>
    <t>8465</t>
  </si>
  <si>
    <t>9.713191032409668</t>
  </si>
  <si>
    <t>638.9705200195312</t>
  </si>
  <si>
    <t>0.08837621280328634</t>
  </si>
  <si>
    <t>9401</t>
  </si>
  <si>
    <t>10.788710594177246</t>
  </si>
  <si>
    <t>608.6962890625</t>
  </si>
  <si>
    <t>0.10487605101131514</t>
  </si>
  <si>
    <t>9.909283638000488</t>
  </si>
  <si>
    <t>781.1512451171875</t>
  </si>
  <si>
    <t>0.06496391729415052</t>
  </si>
  <si>
    <t>12359</t>
  </si>
  <si>
    <t>10.672043800354004</t>
  </si>
  <si>
    <t>690.2755737304688</t>
  </si>
  <si>
    <t>0.20860455871703465</t>
  </si>
  <si>
    <t>12228</t>
  </si>
  <si>
    <t>10.9926176071167</t>
  </si>
  <si>
    <t>639.290771484375</t>
  </si>
  <si>
    <t>-0.010656138579010488</t>
  </si>
  <si>
    <t>12354</t>
  </si>
  <si>
    <t>11.161238670349121</t>
  </si>
  <si>
    <t>558.5266723632812</t>
  </si>
  <si>
    <t>0.01025149324511787</t>
  </si>
  <si>
    <t>10978</t>
  </si>
  <si>
    <t>10.857330322265625</t>
  </si>
  <si>
    <t>766.8432006835938</t>
  </si>
  <si>
    <t>-0.1180866271460097</t>
  </si>
  <si>
    <t>11.259284019470215</t>
  </si>
  <si>
    <t>740.5558471679688</t>
  </si>
  <si>
    <t>0.1405774707124614</t>
  </si>
  <si>
    <t>12304</t>
  </si>
  <si>
    <t>9.903424263000488</t>
  </si>
  <si>
    <t>579.75</t>
  </si>
  <si>
    <t>-0.026546328076870296</t>
  </si>
  <si>
    <t>12945</t>
  </si>
  <si>
    <t>11.165144920349121</t>
  </si>
  <si>
    <t>749.0875854492188</t>
  </si>
  <si>
    <t>0.050785200440213174</t>
  </si>
  <si>
    <t>12319</t>
  </si>
  <si>
    <t>11.142619132995605</t>
  </si>
  <si>
    <t>625.8125610351562</t>
  </si>
  <si>
    <t>-0.049566827223664234</t>
  </si>
  <si>
    <t>11427</t>
  </si>
  <si>
    <t>10.909282684326172</t>
  </si>
  <si>
    <t>903.5595092773438</t>
  </si>
  <si>
    <t>-0.07516380981526005</t>
  </si>
  <si>
    <t>12924</t>
  </si>
  <si>
    <t>10.897956848144531</t>
  </si>
  <si>
    <t>846.4335327148438</t>
  </si>
  <si>
    <t>0.12310707179767455</t>
  </si>
  <si>
    <t>11794</t>
  </si>
  <si>
    <t>11.040663719177246</t>
  </si>
  <si>
    <t>645.1580200195312</t>
  </si>
  <si>
    <t>-0.09149512038393937</t>
  </si>
  <si>
    <t>12088</t>
  </si>
  <si>
    <t>11.2385835647583</t>
  </si>
  <si>
    <t>806.3120727539062</t>
  </si>
  <si>
    <t>0.024622297392125958</t>
  </si>
  <si>
    <t>13017</t>
  </si>
  <si>
    <t>11.309677124023438</t>
  </si>
  <si>
    <t>786.7188720703125</t>
  </si>
  <si>
    <t>0.07404297051388475</t>
  </si>
  <si>
    <t>13365</t>
  </si>
  <si>
    <t>11.917098045349121</t>
  </si>
  <si>
    <t>612.4329223632812</t>
  </si>
  <si>
    <t>0.02638315410655956</t>
  </si>
  <si>
    <t>13976</t>
  </si>
  <si>
    <t>11.89313793182373</t>
  </si>
  <si>
    <t>734.6365356445312</t>
  </si>
  <si>
    <t>0.044702223240873806</t>
  </si>
  <si>
    <t>15126</t>
  </si>
  <si>
    <t>11.15485668182373</t>
  </si>
  <si>
    <t>705.2761840820312</t>
  </si>
  <si>
    <t>0.07907354460208182</t>
  </si>
  <si>
    <t>16674</t>
  </si>
  <si>
    <t>11.632331848144531</t>
  </si>
  <si>
    <t>607.6743774414062</t>
  </si>
  <si>
    <t>0.09743550255458366</t>
  </si>
  <si>
    <t>290</t>
  </si>
  <si>
    <t>9513</t>
  </si>
  <si>
    <t>508.70001220703125</t>
  </si>
  <si>
    <t>27.321670532226562</t>
  </si>
  <si>
    <t>Pernik</t>
  </si>
  <si>
    <t>8791</t>
  </si>
  <si>
    <t>8.22499942779541</t>
  </si>
  <si>
    <t>732.5000610351562</t>
  </si>
  <si>
    <t>-0.07893081335527796</t>
  </si>
  <si>
    <t>8235</t>
  </si>
  <si>
    <t>9.558334350585938</t>
  </si>
  <si>
    <t>600.0</t>
  </si>
  <si>
    <t>-0.06533510723943792</t>
  </si>
  <si>
    <t>8174</t>
  </si>
  <si>
    <t>9.016666412353516</t>
  </si>
  <si>
    <t>466.0000305175781</t>
  </si>
  <si>
    <t>8346</t>
  </si>
  <si>
    <t>9.891667366027832</t>
  </si>
  <si>
    <t>0.020823997027275</t>
  </si>
  <si>
    <t>8619</t>
  </si>
  <si>
    <t>825.1000366210938</t>
  </si>
  <si>
    <t>0.032186686495901284</t>
  </si>
  <si>
    <t>9110</t>
  </si>
  <si>
    <t>8.15000057220459</t>
  </si>
  <si>
    <t>678.0999755859375</t>
  </si>
  <si>
    <t>0.055403642606604464</t>
  </si>
  <si>
    <t>7868</t>
  </si>
  <si>
    <t>8.841666221618652</t>
  </si>
  <si>
    <t>724.4000244140625</t>
  </si>
  <si>
    <t>-0.14656881074505357</t>
  </si>
  <si>
    <t>756.699951171875</t>
  </si>
  <si>
    <t>0.04327957209944522</t>
  </si>
  <si>
    <t>7565</t>
  </si>
  <si>
    <t>9.008334159851074</t>
  </si>
  <si>
    <t>754.2000122070312</t>
  </si>
  <si>
    <t>-0.08255112538593856</t>
  </si>
  <si>
    <t>7947</t>
  </si>
  <si>
    <t>10.55000114440918</t>
  </si>
  <si>
    <t>445.5000305175781</t>
  </si>
  <si>
    <t>0.04926215171772341</t>
  </si>
  <si>
    <t>621.3999633789062</t>
  </si>
  <si>
    <t>0.05412682490611509</t>
  </si>
  <si>
    <t>9708</t>
  </si>
  <si>
    <t>9.941666603088379</t>
  </si>
  <si>
    <t>876.2000122070312</t>
  </si>
  <si>
    <t>0.14602896400019638</t>
  </si>
  <si>
    <t>9.1083345413208</t>
  </si>
  <si>
    <t>699.5999755859375</t>
  </si>
  <si>
    <t>-0.02630082720061111</t>
  </si>
  <si>
    <t>11395</t>
  </si>
  <si>
    <t>9.191666603088379</t>
  </si>
  <si>
    <t>684.199951171875</t>
  </si>
  <si>
    <t>0.18652520203390388</t>
  </si>
  <si>
    <t>11433</t>
  </si>
  <si>
    <t>8.333333015441895</t>
  </si>
  <si>
    <t>906.9999389648438</t>
  </si>
  <si>
    <t>0.0033292478621866906</t>
  </si>
  <si>
    <t>9.908332824707031</t>
  </si>
  <si>
    <t>792.7000732421875</t>
  </si>
  <si>
    <t>-0.009314654341256556</t>
  </si>
  <si>
    <t>12743</t>
  </si>
  <si>
    <t>831.199951171875</t>
  </si>
  <si>
    <t>0.1177928450115644</t>
  </si>
  <si>
    <t>15061</t>
  </si>
  <si>
    <t>10.033332824707031</t>
  </si>
  <si>
    <t>605.8999633789062</t>
  </si>
  <si>
    <t>0.16712651999957018</t>
  </si>
  <si>
    <t>809.5</t>
  </si>
  <si>
    <t>-0.3371098477266212</t>
  </si>
  <si>
    <t>11620</t>
  </si>
  <si>
    <t>9.20000171661377</t>
  </si>
  <si>
    <t>837.5</t>
  </si>
  <si>
    <t>0.07772897792067468</t>
  </si>
  <si>
    <t>11231</t>
  </si>
  <si>
    <t>552.2000122070312</t>
  </si>
  <si>
    <t>-0.03404993944286616</t>
  </si>
  <si>
    <t>637.9999389648438</t>
  </si>
  <si>
    <t>-0.10061314813846778</t>
  </si>
  <si>
    <t>9710</t>
  </si>
  <si>
    <t>631.800048828125</t>
  </si>
  <si>
    <t>-0.04490838153919796</t>
  </si>
  <si>
    <t>944.3001708984375</t>
  </si>
  <si>
    <t>0.016039573571797305</t>
  </si>
  <si>
    <t>9734</t>
  </si>
  <si>
    <t>10.15000057220459</t>
  </si>
  <si>
    <t>793.8999633789062</t>
  </si>
  <si>
    <t>-0.013570944463767276</t>
  </si>
  <si>
    <t>749.0</t>
  </si>
  <si>
    <t>0.10540160788934472</t>
  </si>
  <si>
    <t>11560</t>
  </si>
  <si>
    <t>10.608332633972168</t>
  </si>
  <si>
    <t>741.0999755859375</t>
  </si>
  <si>
    <t>0.06652434394362317</t>
  </si>
  <si>
    <t>12928</t>
  </si>
  <si>
    <t>10.533333778381348</t>
  </si>
  <si>
    <t>734.5</t>
  </si>
  <si>
    <t>0.11184463853450843</t>
  </si>
  <si>
    <t>12537</t>
  </si>
  <si>
    <t>10.983333587646484</t>
  </si>
  <si>
    <t>-0.030711229644850846</t>
  </si>
  <si>
    <t>11981</t>
  </si>
  <si>
    <t>10.475001335144043</t>
  </si>
  <si>
    <t>835.4000244140625</t>
  </si>
  <si>
    <t>-0.04536221047612621</t>
  </si>
  <si>
    <t>12968</t>
  </si>
  <si>
    <t>827.2000122070312</t>
  </si>
  <si>
    <t>0.07916272277561198</t>
  </si>
  <si>
    <t>14295</t>
  </si>
  <si>
    <t>10.908333778381348</t>
  </si>
  <si>
    <t>682.6000366210938</t>
  </si>
  <si>
    <t>0.09742504134089991</t>
  </si>
  <si>
    <t>291</t>
  </si>
  <si>
    <t>438.2000427246094</t>
  </si>
  <si>
    <t>92.14156341552734</t>
  </si>
  <si>
    <t>Pleven</t>
  </si>
  <si>
    <t>9594</t>
  </si>
  <si>
    <t>644.699951171875</t>
  </si>
  <si>
    <t>-0.07893563432516615</t>
  </si>
  <si>
    <t>11.441665649414062</t>
  </si>
  <si>
    <t>521.2999877929688</t>
  </si>
  <si>
    <t>-0.06524754875678873</t>
  </si>
  <si>
    <t>10.90000057220459</t>
  </si>
  <si>
    <t>492.70001220703125</t>
  </si>
  <si>
    <t>-0.007482306391436211</t>
  </si>
  <si>
    <t>9109</t>
  </si>
  <si>
    <t>618.7000122070312</t>
  </si>
  <si>
    <t>0.020854887831026403</t>
  </si>
  <si>
    <t>0.032084847760183166</t>
  </si>
  <si>
    <t>9942</t>
  </si>
  <si>
    <t>10.666666984558105</t>
  </si>
  <si>
    <t>568.0</t>
  </si>
  <si>
    <t>0.05542042414962367</t>
  </si>
  <si>
    <t>8586</t>
  </si>
  <si>
    <t>711.0000610351562</t>
  </si>
  <si>
    <t>-0.146635237870111</t>
  </si>
  <si>
    <t>8967</t>
  </si>
  <si>
    <t>699.699951171875</t>
  </si>
  <si>
    <t>0.04341820216754222</t>
  </si>
  <si>
    <t>8256</t>
  </si>
  <si>
    <t>672.5999145507812</t>
  </si>
  <si>
    <t>-0.08261096323070483</t>
  </si>
  <si>
    <t>8673</t>
  </si>
  <si>
    <t>12.6083345413208</t>
  </si>
  <si>
    <t>399.5000305175781</t>
  </si>
  <si>
    <t>0.04927454296311318</t>
  </si>
  <si>
    <t>9565</t>
  </si>
  <si>
    <t>11.27500057220459</t>
  </si>
  <si>
    <t>492.3000183105469</t>
  </si>
  <si>
    <t>0.09789585118989663</t>
  </si>
  <si>
    <t>12.09999942779541</t>
  </si>
  <si>
    <t>764.2000122070312</t>
  </si>
  <si>
    <t>0.0008360330719998643</t>
  </si>
  <si>
    <t>9512</t>
  </si>
  <si>
    <t>606.1000366210938</t>
  </si>
  <si>
    <t>-0.006392476575735273</t>
  </si>
  <si>
    <t>9564</t>
  </si>
  <si>
    <t>615.699951171875</t>
  </si>
  <si>
    <t>0.0054518902075972875</t>
  </si>
  <si>
    <t>10589</t>
  </si>
  <si>
    <t>10.59999942779541</t>
  </si>
  <si>
    <t>816.0000610351562</t>
  </si>
  <si>
    <t>0.1018096768522394</t>
  </si>
  <si>
    <t>10781</t>
  </si>
  <si>
    <t>11.933333396911621</t>
  </si>
  <si>
    <t>672.10009765625</t>
  </si>
  <si>
    <t>0.017969599108663914</t>
  </si>
  <si>
    <t>11173</t>
  </si>
  <si>
    <t>12.324999809265137</t>
  </si>
  <si>
    <t>665.0</t>
  </si>
  <si>
    <t>0.0357148280082189</t>
  </si>
  <si>
    <t>12.25833511352539</t>
  </si>
  <si>
    <t>516.1000366210938</t>
  </si>
  <si>
    <t>-0.003227255154238051</t>
  </si>
  <si>
    <t>12.291666984558105</t>
  </si>
  <si>
    <t>732.9000244140625</t>
  </si>
  <si>
    <t>-0.03732254275635327</t>
  </si>
  <si>
    <t>10258</t>
  </si>
  <si>
    <t>745.800048828125</t>
  </si>
  <si>
    <t>-0.04489246668753211</t>
  </si>
  <si>
    <t>10819</t>
  </si>
  <si>
    <t>545.800048828125</t>
  </si>
  <si>
    <t>0.053245958738360244</t>
  </si>
  <si>
    <t>10638</t>
  </si>
  <si>
    <t>12.166666984558105</t>
  </si>
  <si>
    <t>619.9000244140625</t>
  </si>
  <si>
    <t>-0.01687135138531204</t>
  </si>
  <si>
    <t>11073</t>
  </si>
  <si>
    <t>12.449997901916504</t>
  </si>
  <si>
    <t>575.5999755859375</t>
  </si>
  <si>
    <t>0.04007721639584538</t>
  </si>
  <si>
    <t>11014</t>
  </si>
  <si>
    <t>12.699999809265137</t>
  </si>
  <si>
    <t>933.4000244140625</t>
  </si>
  <si>
    <t>-0.005342521875681072</t>
  </si>
  <si>
    <t>11212</t>
  </si>
  <si>
    <t>12.491667747497559</t>
  </si>
  <si>
    <t>767.2000122070312</t>
  </si>
  <si>
    <t>0.017817442462252586</t>
  </si>
  <si>
    <t>11272</t>
  </si>
  <si>
    <t>11.941666603088379</t>
  </si>
  <si>
    <t>627.800048828125</t>
  </si>
  <si>
    <t>0.005337141293837888</t>
  </si>
  <si>
    <t>11641</t>
  </si>
  <si>
    <t>756.4000244140625</t>
  </si>
  <si>
    <t>0.032211574669723575</t>
  </si>
  <si>
    <t>12.733333587646484</t>
  </si>
  <si>
    <t>724.1000366210938</t>
  </si>
  <si>
    <t>0.06469420869979281</t>
  </si>
  <si>
    <t>13149</t>
  </si>
  <si>
    <t>13.266667366027832</t>
  </si>
  <si>
    <t>510.5000305175781</t>
  </si>
  <si>
    <t>0.05711815213888549</t>
  </si>
  <si>
    <t>12900</t>
  </si>
  <si>
    <t>770.5999755859375</t>
  </si>
  <si>
    <t>-0.01911839873715593</t>
  </si>
  <si>
    <t>13962</t>
  </si>
  <si>
    <t>11.775001525878906</t>
  </si>
  <si>
    <t>681.7000122070312</t>
  </si>
  <si>
    <t>0.07911204218058465</t>
  </si>
  <si>
    <t>15391</t>
  </si>
  <si>
    <t>13.15000057220459</t>
  </si>
  <si>
    <t>572.0999755859375</t>
  </si>
  <si>
    <t>0.09744356944960586</t>
  </si>
  <si>
    <t>292</t>
  </si>
  <si>
    <t>10384</t>
  </si>
  <si>
    <t>11.662266731262207</t>
  </si>
  <si>
    <t>444.5607604980469</t>
  </si>
  <si>
    <t>259.79583740234375</t>
  </si>
  <si>
    <t>Plovdiv</t>
  </si>
  <si>
    <t>9597</t>
  </si>
  <si>
    <t>10.272051811218262</t>
  </si>
  <si>
    <t>626.553466796875</t>
  </si>
  <si>
    <t>-0.0788156103262434</t>
  </si>
  <si>
    <t>8990</t>
  </si>
  <si>
    <t>10.738032341003418</t>
  </si>
  <si>
    <t>510.78558349609375</t>
  </si>
  <si>
    <t>-0.06533770115196091</t>
  </si>
  <si>
    <t>8923</t>
  </si>
  <si>
    <t>10.803245544433594</t>
  </si>
  <si>
    <t>483.89404296875</t>
  </si>
  <si>
    <t>-0.007480635565515925</t>
  </si>
  <si>
    <t>11.632603645324707</t>
  </si>
  <si>
    <t>659.6710815429688</t>
  </si>
  <si>
    <t>0.02085026181370786</t>
  </si>
  <si>
    <t>9408</t>
  </si>
  <si>
    <t>10.881839752197266</t>
  </si>
  <si>
    <t>703.9962158203125</t>
  </si>
  <si>
    <t>0.03207791642454971</t>
  </si>
  <si>
    <t>9944</t>
  </si>
  <si>
    <t>10.691242218017578</t>
  </si>
  <si>
    <t>599.718505859375</t>
  </si>
  <si>
    <t>0.05540896305213927</t>
  </si>
  <si>
    <t>8589</t>
  </si>
  <si>
    <t>10.527481079101562</t>
  </si>
  <si>
    <t>685.651123046875</t>
  </si>
  <si>
    <t>-0.14648703942432206</t>
  </si>
  <si>
    <t>8969</t>
  </si>
  <si>
    <t>11.320601463317871</t>
  </si>
  <si>
    <t>744.3949584960938</t>
  </si>
  <si>
    <t>0.04329187235177834</t>
  </si>
  <si>
    <t>8258</t>
  </si>
  <si>
    <t>11.86807918548584</t>
  </si>
  <si>
    <t>641.71337890625</t>
  </si>
  <si>
    <t>-0.08259175967196875</t>
  </si>
  <si>
    <t>12.244147300720215</t>
  </si>
  <si>
    <t>423.5694274902344</t>
  </si>
  <si>
    <t>0.0492628983690242</t>
  </si>
  <si>
    <t>9333</t>
  </si>
  <si>
    <t>11.656840324401855</t>
  </si>
  <si>
    <t>483.1551208496094</t>
  </si>
  <si>
    <t>0.07311118075068812</t>
  </si>
  <si>
    <t>9687</t>
  </si>
  <si>
    <t>11.958291053771973</t>
  </si>
  <si>
    <t>827.2199096679688</t>
  </si>
  <si>
    <t>0.037228273860637984</t>
  </si>
  <si>
    <t>10618</t>
  </si>
  <si>
    <t>10.76517105102539</t>
  </si>
  <si>
    <t>623.5670776367188</t>
  </si>
  <si>
    <t>0.09176589371723054</t>
  </si>
  <si>
    <t>11555</t>
  </si>
  <si>
    <t>11.844147682189941</t>
  </si>
  <si>
    <t>556.7523193359375</t>
  </si>
  <si>
    <t>0.08456756956486444</t>
  </si>
  <si>
    <t>12670</t>
  </si>
  <si>
    <t>10.963719367980957</t>
  </si>
  <si>
    <t>794.7879028320312</t>
  </si>
  <si>
    <t>0.09211875060670494</t>
  </si>
  <si>
    <t>13101</t>
  </si>
  <si>
    <t>11.720600128173828</t>
  </si>
  <si>
    <t>688.6985473632812</t>
  </si>
  <si>
    <t>0.0334515688384851</t>
  </si>
  <si>
    <t>13636</t>
  </si>
  <si>
    <t>12.060813903808594</t>
  </si>
  <si>
    <t>677.7373657226562</t>
  </si>
  <si>
    <t>0.04002479110412338</t>
  </si>
  <si>
    <t>13805</t>
  </si>
  <si>
    <t>12.222052574157715</t>
  </si>
  <si>
    <t>533.8850708007812</t>
  </si>
  <si>
    <t>0.012317491106461631</t>
  </si>
  <si>
    <t>14566</t>
  </si>
  <si>
    <t>11.91517162322998</t>
  </si>
  <si>
    <t>728.469482421875</t>
  </si>
  <si>
    <t>0.05365920041360539</t>
  </si>
  <si>
    <t>14683</t>
  </si>
  <si>
    <t>12.313719749450684</t>
  </si>
  <si>
    <t>736.0645141601562</t>
  </si>
  <si>
    <t>0.008000316185077239</t>
  </si>
  <si>
    <t>15156</t>
  </si>
  <si>
    <t>10.953933715820312</t>
  </si>
  <si>
    <t>590.6798095703125</t>
  </si>
  <si>
    <t>0.031706131175553764</t>
  </si>
  <si>
    <t>12.231839179992676</t>
  </si>
  <si>
    <t>626.0916137695312</t>
  </si>
  <si>
    <t>0.016295638892275477</t>
  </si>
  <si>
    <t>15712</t>
  </si>
  <si>
    <t>12.194148063659668</t>
  </si>
  <si>
    <t>537.6572875976562</t>
  </si>
  <si>
    <t>0.019732619563479048</t>
  </si>
  <si>
    <t>15230</t>
  </si>
  <si>
    <t>11.962265968322754</t>
  </si>
  <si>
    <t>981.4465942382812</t>
  </si>
  <si>
    <t>-0.031157584705038488</t>
  </si>
  <si>
    <t>16370</t>
  </si>
  <si>
    <t>11.957221031188965</t>
  </si>
  <si>
    <t>781.99853515625</t>
  </si>
  <si>
    <t>0.07218322447597281</t>
  </si>
  <si>
    <t>12.095599174499512</t>
  </si>
  <si>
    <t>617.9456787109375</t>
  </si>
  <si>
    <t>0.06532089673683039</t>
  </si>
  <si>
    <t>17918</t>
  </si>
  <si>
    <t>12.292389869689941</t>
  </si>
  <si>
    <t>735.6407470703125</t>
  </si>
  <si>
    <t>0.02503450605551194</t>
  </si>
  <si>
    <t>18558</t>
  </si>
  <si>
    <t>12.356151580810547</t>
  </si>
  <si>
    <t>748.9669799804688</t>
  </si>
  <si>
    <t>0.03509516875560159</t>
  </si>
  <si>
    <t>19388</t>
  </si>
  <si>
    <t>12.98474407196045</t>
  </si>
  <si>
    <t>491.0978088378906</t>
  </si>
  <si>
    <t>0.043753355052141174</t>
  </si>
  <si>
    <t>18703</t>
  </si>
  <si>
    <t>12.9774808883667</t>
  </si>
  <si>
    <t>766.62109375</t>
  </si>
  <si>
    <t>-0.03597037918226498</t>
  </si>
  <si>
    <t>20242</t>
  </si>
  <si>
    <t>12.208291053771973</t>
  </si>
  <si>
    <t>689.4407958984375</t>
  </si>
  <si>
    <t>0.07907571496584609</t>
  </si>
  <si>
    <t>22314</t>
  </si>
  <si>
    <t>12.690171241760254</t>
  </si>
  <si>
    <t>592.8651733398438</t>
  </si>
  <si>
    <t>0.09745463040427893</t>
  </si>
  <si>
    <t>293</t>
  </si>
  <si>
    <t>8662</t>
  </si>
  <si>
    <t>11.808331489562988</t>
  </si>
  <si>
    <t>418.29998779296875</t>
  </si>
  <si>
    <t>54.71965789794922</t>
  </si>
  <si>
    <t>Razgrad</t>
  </si>
  <si>
    <t>8005</t>
  </si>
  <si>
    <t>637.1000366210938</t>
  </si>
  <si>
    <t>-0.07887929634375723</t>
  </si>
  <si>
    <t>7499</t>
  </si>
  <si>
    <t>447.9000244140625</t>
  </si>
  <si>
    <t>-0.06529666812942558</t>
  </si>
  <si>
    <t>7443</t>
  </si>
  <si>
    <t>10.633332252502441</t>
  </si>
  <si>
    <t>580.6000366210938</t>
  </si>
  <si>
    <t>-0.007495684941478231</t>
  </si>
  <si>
    <t>7600</t>
  </si>
  <si>
    <t>11.75</t>
  </si>
  <si>
    <t>576.7999877929688</t>
  </si>
  <si>
    <t>0.020874253914511698</t>
  </si>
  <si>
    <t>7848</t>
  </si>
  <si>
    <t>10.774998664855957</t>
  </si>
  <si>
    <t>666.9000854492188</t>
  </si>
  <si>
    <t>0.03211047497077679</t>
  </si>
  <si>
    <t>8295</t>
  </si>
  <si>
    <t>593.2000122070312</t>
  </si>
  <si>
    <t>0.05539420137934492</t>
  </si>
  <si>
    <t>7164</t>
  </si>
  <si>
    <t>798.7999877929688</t>
  </si>
  <si>
    <t>-0.1465844394439415</t>
  </si>
  <si>
    <t>7481</t>
  </si>
  <si>
    <t>660.7999877929688</t>
  </si>
  <si>
    <t>0.04329798869180124</t>
  </si>
  <si>
    <t>6888</t>
  </si>
  <si>
    <t>11.791667938232422</t>
  </si>
  <si>
    <t>751.4000244140625</t>
  </si>
  <si>
    <t>-0.0825857057648367</t>
  </si>
  <si>
    <t>7236</t>
  </si>
  <si>
    <t>12.350001335144043</t>
  </si>
  <si>
    <t>380.29998779296875</t>
  </si>
  <si>
    <t>0.04928780040761893</t>
  </si>
  <si>
    <t>8345</t>
  </si>
  <si>
    <t>11.449999809265137</t>
  </si>
  <si>
    <t>550.6000366210938</t>
  </si>
  <si>
    <t>0.14259398958074954</t>
  </si>
  <si>
    <t>672.5999755859375</t>
  </si>
  <si>
    <t>0.1601073961663264</t>
  </si>
  <si>
    <t>538.7999877929688</t>
  </si>
  <si>
    <t>0.0007144680069171017</t>
  </si>
  <si>
    <t>9661</t>
  </si>
  <si>
    <t>11.783333778381348</t>
  </si>
  <si>
    <t>702.8999633789062</t>
  </si>
  <si>
    <t>-0.014387258751670018</t>
  </si>
  <si>
    <t>10.925000190734863</t>
  </si>
  <si>
    <t>756.8999633789062</t>
  </si>
  <si>
    <t>0.09445351162610649</t>
  </si>
  <si>
    <t>10443</t>
  </si>
  <si>
    <t>11.800000190734863</t>
  </si>
  <si>
    <t>579.7000122070312</t>
  </si>
  <si>
    <t>-0.016618776664067525</t>
  </si>
  <si>
    <t>10664</t>
  </si>
  <si>
    <t>12.22499942779541</t>
  </si>
  <si>
    <t>610.5</t>
  </si>
  <si>
    <t>0.020941685378996766</t>
  </si>
  <si>
    <t>11162</t>
  </si>
  <si>
    <t>12.25</t>
  </si>
  <si>
    <t>508.0000305175781</t>
  </si>
  <si>
    <t>0.04564156948983289</t>
  </si>
  <si>
    <t>12.041667938232422</t>
  </si>
  <si>
    <t>691.9000244140625</t>
  </si>
  <si>
    <t>-0.0907158404483912</t>
  </si>
  <si>
    <t>11253</t>
  </si>
  <si>
    <t>770.5</t>
  </si>
  <si>
    <t>0.09883544785001064</t>
  </si>
  <si>
    <t>11573</t>
  </si>
  <si>
    <t>11.158332824707031</t>
  </si>
  <si>
    <t>488.0</t>
  </si>
  <si>
    <t>0.02804003909808017</t>
  </si>
  <si>
    <t>12947</t>
  </si>
  <si>
    <t>12.34999942779541</t>
  </si>
  <si>
    <t>700.5</t>
  </si>
  <si>
    <t>0.11218930221057022</t>
  </si>
  <si>
    <t>13034</t>
  </si>
  <si>
    <t>664.6000366210938</t>
  </si>
  <si>
    <t>0.006697226833678016</t>
  </si>
  <si>
    <t>13313</t>
  </si>
  <si>
    <t>12.058334350585938</t>
  </si>
  <si>
    <t>885.1000366210938</t>
  </si>
  <si>
    <t>0.021179673539590382</t>
  </si>
  <si>
    <t>12440</t>
  </si>
  <si>
    <t>12.316666603088379</t>
  </si>
  <si>
    <t>-0.06782391413874578</t>
  </si>
  <si>
    <t>12971</t>
  </si>
  <si>
    <t>649.199951171875</t>
  </si>
  <si>
    <t>0.04179900904750333</t>
  </si>
  <si>
    <t>13264</t>
  </si>
  <si>
    <t>12.558333396911621</t>
  </si>
  <si>
    <t>765.300048828125</t>
  </si>
  <si>
    <t>0.02233750203440188</t>
  </si>
  <si>
    <t>13719</t>
  </si>
  <si>
    <t>12.358333587646484</t>
  </si>
  <si>
    <t>633.3999633789062</t>
  </si>
  <si>
    <t>0.033728134951088506</t>
  </si>
  <si>
    <t>13969</t>
  </si>
  <si>
    <t>13.358332633972168</t>
  </si>
  <si>
    <t>444.8999938964844</t>
  </si>
  <si>
    <t>0.018058855401386964</t>
  </si>
  <si>
    <t>13502</t>
  </si>
  <si>
    <t>13.358333587646484</t>
  </si>
  <si>
    <t>635.7999877929688</t>
  </si>
  <si>
    <t>-0.03400276612573627</t>
  </si>
  <si>
    <t>14613</t>
  </si>
  <si>
    <t>692.2000122070312</t>
  </si>
  <si>
    <t>0.07907372087283804</t>
  </si>
  <si>
    <t>16108</t>
  </si>
  <si>
    <t>13.02500057220459</t>
  </si>
  <si>
    <t>473.4000244140625</t>
  </si>
  <si>
    <t>0.09740449949669205</t>
  </si>
  <si>
    <t>294</t>
  </si>
  <si>
    <t>10862</t>
  </si>
  <si>
    <t>11.950000762939453</t>
  </si>
  <si>
    <t>423.800048828125</t>
  </si>
  <si>
    <t>110.04302215576172</t>
  </si>
  <si>
    <t>Ruse</t>
  </si>
  <si>
    <t>10.591666221618652</t>
  </si>
  <si>
    <t>643.2000122070312</t>
  </si>
  <si>
    <t>-0.07889256837991176</t>
  </si>
  <si>
    <t>9403</t>
  </si>
  <si>
    <t>487.10003662109375</t>
  </si>
  <si>
    <t>-0.0653491039378018</t>
  </si>
  <si>
    <t>10.966666221618652</t>
  </si>
  <si>
    <t>539.3999633789062</t>
  </si>
  <si>
    <t>-0.00747228071132966</t>
  </si>
  <si>
    <t>9530</t>
  </si>
  <si>
    <t>11.916666984558105</t>
  </si>
  <si>
    <t>597.7000122070312</t>
  </si>
  <si>
    <t>0.020888211082500163</t>
  </si>
  <si>
    <t>9841</t>
  </si>
  <si>
    <t>11.133332252502441</t>
  </si>
  <si>
    <t>672.0999755859375</t>
  </si>
  <si>
    <t>0.03211261425073708</t>
  </si>
  <si>
    <t>10402</t>
  </si>
  <si>
    <t>596.3999633789062</t>
  </si>
  <si>
    <t>0.05544076343403326</t>
  </si>
  <si>
    <t>8983</t>
  </si>
  <si>
    <t>752.2999877929688</t>
  </si>
  <si>
    <t>-0.1466641931038115</t>
  </si>
  <si>
    <t>9381</t>
  </si>
  <si>
    <t>11.608332633972168</t>
  </si>
  <si>
    <t>635.9000244140625</t>
  </si>
  <si>
    <t>0.043352464896743825</t>
  </si>
  <si>
    <t>8638</t>
  </si>
  <si>
    <t>12.191665649414062</t>
  </si>
  <si>
    <t>657.3001098632812</t>
  </si>
  <si>
    <t>-0.08251529260530432</t>
  </si>
  <si>
    <t>12.5</t>
  </si>
  <si>
    <t>424.2000427246094</t>
  </si>
  <si>
    <t>0.04924210670326268</t>
  </si>
  <si>
    <t>9525</t>
  </si>
  <si>
    <t>542.5000610351562</t>
  </si>
  <si>
    <t>0.048506739770992624</t>
  </si>
  <si>
    <t>10385</t>
  </si>
  <si>
    <t>12.199999809265137</t>
  </si>
  <si>
    <t>724.9000854492188</t>
  </si>
  <si>
    <t>0.08644253631531207</t>
  </si>
  <si>
    <t>10.966667175292969</t>
  </si>
  <si>
    <t>547.2999877929688</t>
  </si>
  <si>
    <t>0.0390910799225459</t>
  </si>
  <si>
    <t>11468</t>
  </si>
  <si>
    <t>11.991667747497559</t>
  </si>
  <si>
    <t>638.5</t>
  </si>
  <si>
    <t>0.06010701077050129</t>
  </si>
  <si>
    <t>12447</t>
  </si>
  <si>
    <t>745.9000244140625</t>
  </si>
  <si>
    <t>0.08191908199771625</t>
  </si>
  <si>
    <t>12916</t>
  </si>
  <si>
    <t>614.0</t>
  </si>
  <si>
    <t>0.036987222877188586</t>
  </si>
  <si>
    <t>13967</t>
  </si>
  <si>
    <t>669.300048828125</t>
  </si>
  <si>
    <t>0.07823055142760538</t>
  </si>
  <si>
    <t>15249</t>
  </si>
  <si>
    <t>12.441665649414062</t>
  </si>
  <si>
    <t>554.2000122070312</t>
  </si>
  <si>
    <t>0.08781652280924135</t>
  </si>
  <si>
    <t>14356</t>
  </si>
  <si>
    <t>625.5000610351562</t>
  </si>
  <si>
    <t>-0.06034595384751462</t>
  </si>
  <si>
    <t>12851</t>
  </si>
  <si>
    <t>12.65833568572998</t>
  </si>
  <si>
    <t>734.5999755859375</t>
  </si>
  <si>
    <t>-0.11074634396035599</t>
  </si>
  <si>
    <t>13883</t>
  </si>
  <si>
    <t>515.2000122070312</t>
  </si>
  <si>
    <t>0.07724344072766165</t>
  </si>
  <si>
    <t>14518</t>
  </si>
  <si>
    <t>12.458334922790527</t>
  </si>
  <si>
    <t>626.7000122070312</t>
  </si>
  <si>
    <t>0.04472418880998319</t>
  </si>
  <si>
    <t>14935</t>
  </si>
  <si>
    <t>12.574999809265137</t>
  </si>
  <si>
    <t>638.7999877929688</t>
  </si>
  <si>
    <t>0.028318192805423692</t>
  </si>
  <si>
    <t>15945</t>
  </si>
  <si>
    <t>12.375000953674316</t>
  </si>
  <si>
    <t>0.0654378487939482</t>
  </si>
  <si>
    <t>15953</t>
  </si>
  <si>
    <t>762.9000854492188</t>
  </si>
  <si>
    <t>0.0005015988568395358</t>
  </si>
  <si>
    <t>16374</t>
  </si>
  <si>
    <t>12.40000057220459</t>
  </si>
  <si>
    <t>652.699951171875</t>
  </si>
  <si>
    <t>0.02604781163539549</t>
  </si>
  <si>
    <t>16545</t>
  </si>
  <si>
    <t>12.675000190734863</t>
  </si>
  <si>
    <t>707.0000610351562</t>
  </si>
  <si>
    <t>0.010389230419319162</t>
  </si>
  <si>
    <t>16624</t>
  </si>
  <si>
    <t>12.708333015441895</t>
  </si>
  <si>
    <t>598.89990234375</t>
  </si>
  <si>
    <t>0.004763492983295592</t>
  </si>
  <si>
    <t>17125</t>
  </si>
  <si>
    <t>416.29998779296875</t>
  </si>
  <si>
    <t>0.029691949791418537</t>
  </si>
  <si>
    <t>16429</t>
  </si>
  <si>
    <t>13.291667938232422</t>
  </si>
  <si>
    <t>629.5999755859375</t>
  </si>
  <si>
    <t>-0.04149131822408947</t>
  </si>
  <si>
    <t>17781</t>
  </si>
  <si>
    <t>12.45000171661377</t>
  </si>
  <si>
    <t>753.5</t>
  </si>
  <si>
    <t>0.07908240554961132</t>
  </si>
  <si>
    <t>19601</t>
  </si>
  <si>
    <t>543.5</t>
  </si>
  <si>
    <t>0.09745011386932667</t>
  </si>
  <si>
    <t>295</t>
  </si>
  <si>
    <t>9177</t>
  </si>
  <si>
    <t>11.683333396911621</t>
  </si>
  <si>
    <t>447.3999938964844</t>
  </si>
  <si>
    <t>68.25274658203125</t>
  </si>
  <si>
    <t>Shumen</t>
  </si>
  <si>
    <t>8481</t>
  </si>
  <si>
    <t>646.2999877929688</t>
  </si>
  <si>
    <t>-0.07887198645731175</t>
  </si>
  <si>
    <t>7945</t>
  </si>
  <si>
    <t>10.733333587646484</t>
  </si>
  <si>
    <t>505.699951171875</t>
  </si>
  <si>
    <t>-0.06528556739088387</t>
  </si>
  <si>
    <t>7886</t>
  </si>
  <si>
    <t>10.725001335144043</t>
  </si>
  <si>
    <t>585.9000244140625</t>
  </si>
  <si>
    <t>-0.007453764533243756</t>
  </si>
  <si>
    <t>8052</t>
  </si>
  <si>
    <t>11.649998664855957</t>
  </si>
  <si>
    <t>623.5000610351562</t>
  </si>
  <si>
    <t>0.02083147232210969</t>
  </si>
  <si>
    <t>8314</t>
  </si>
  <si>
    <t>10.8916654586792</t>
  </si>
  <si>
    <t>683.0999755859375</t>
  </si>
  <si>
    <t>0.032020333052900085</t>
  </si>
  <si>
    <t>8788</t>
  </si>
  <si>
    <t>10.799999237060547</t>
  </si>
  <si>
    <t>611.3999633789062</t>
  </si>
  <si>
    <t>0.05544631369191855</t>
  </si>
  <si>
    <t>7590</t>
  </si>
  <si>
    <t>782.9999389648438</t>
  </si>
  <si>
    <t>-0.1465555631148252</t>
  </si>
  <si>
    <t>7926</t>
  </si>
  <si>
    <t>11.366667747497559</t>
  </si>
  <si>
    <t>734.0999755859375</t>
  </si>
  <si>
    <t>0.04331690336070437</t>
  </si>
  <si>
    <t>7298</t>
  </si>
  <si>
    <t>11.958333015441895</t>
  </si>
  <si>
    <t>722.5000610351562</t>
  </si>
  <si>
    <t>-0.08254815675398852</t>
  </si>
  <si>
    <t>7666</t>
  </si>
  <si>
    <t>12.233333587646484</t>
  </si>
  <si>
    <t>440.0</t>
  </si>
  <si>
    <t>0.04919462894410742</t>
  </si>
  <si>
    <t>8130</t>
  </si>
  <si>
    <t>537.4000244140625</t>
  </si>
  <si>
    <t>0.058765956601357416</t>
  </si>
  <si>
    <t>730.6000366210938</t>
  </si>
  <si>
    <t>0.08146094645898039</t>
  </si>
  <si>
    <t>9532</t>
  </si>
  <si>
    <t>10.724998474121094</t>
  </si>
  <si>
    <t>544.5</t>
  </si>
  <si>
    <t>0.0776326892177952</t>
  </si>
  <si>
    <t>11.75833511352539</t>
  </si>
  <si>
    <t>662.800048828125</t>
  </si>
  <si>
    <t>0.005544817261112556</t>
  </si>
  <si>
    <t>10496</t>
  </si>
  <si>
    <t>10.925002098083496</t>
  </si>
  <si>
    <t>781.5999755859375</t>
  </si>
  <si>
    <t>0.09079485570412515</t>
  </si>
  <si>
    <t>10779</t>
  </si>
  <si>
    <t>11.625000953674316</t>
  </si>
  <si>
    <t>653.9000244140625</t>
  </si>
  <si>
    <t>0.026605564597758757</t>
  </si>
  <si>
    <t>11205</t>
  </si>
  <si>
    <t>0.038760310453398006</t>
  </si>
  <si>
    <t>12412</t>
  </si>
  <si>
    <t>12.183331489562988</t>
  </si>
  <si>
    <t>532.5000610351562</t>
  </si>
  <si>
    <t>0.10230363933324327</t>
  </si>
  <si>
    <t>11145</t>
  </si>
  <si>
    <t>728.1000366210938</t>
  </si>
  <si>
    <t>-0.10767277974830058</t>
  </si>
  <si>
    <t>777.300048828125</t>
  </si>
  <si>
    <t>0.009643792930027928</t>
  </si>
  <si>
    <t>11366</t>
  </si>
  <si>
    <t>544.9000854492188</t>
  </si>
  <si>
    <t>0.009991683107068994</t>
  </si>
  <si>
    <t>11901</t>
  </si>
  <si>
    <t>697.3999633789062</t>
  </si>
  <si>
    <t>0.04599598732537302</t>
  </si>
  <si>
    <t>12172</t>
  </si>
  <si>
    <t>652.8999633789062</t>
  </si>
  <si>
    <t>0.022515801834421367</t>
  </si>
  <si>
    <t>932.5000610351562</t>
  </si>
  <si>
    <t>12221</t>
  </si>
  <si>
    <t>783.7000122070312</t>
  </si>
  <si>
    <t>0.004017551421139132</t>
  </si>
  <si>
    <t>12559</t>
  </si>
  <si>
    <t>12.15000057220459</t>
  </si>
  <si>
    <t>645.1000366210938</t>
  </si>
  <si>
    <t>0.02728175658012688</t>
  </si>
  <si>
    <t>13122</t>
  </si>
  <si>
    <t>12.408332824707031</t>
  </si>
  <si>
    <t>793.1000366210938</t>
  </si>
  <si>
    <t>0.04385267088669664</t>
  </si>
  <si>
    <t>13274</t>
  </si>
  <si>
    <t>12.441666603088379</t>
  </si>
  <si>
    <t>706.9000244140625</t>
  </si>
  <si>
    <t>0.011517023801046022</t>
  </si>
  <si>
    <t>13641</t>
  </si>
  <si>
    <t>13.033333778381348</t>
  </si>
  <si>
    <t>481.4000549316406</t>
  </si>
  <si>
    <t>0.027272728787250955</t>
  </si>
  <si>
    <t>13234</t>
  </si>
  <si>
    <t>13.041668891906738</t>
  </si>
  <si>
    <t>679.9000244140625</t>
  </si>
  <si>
    <t>-0.030290687921116444</t>
  </si>
  <si>
    <t>14324</t>
  </si>
  <si>
    <t>716.2000122070312</t>
  </si>
  <si>
    <t>0.07914717654631964</t>
  </si>
  <si>
    <t>15790</t>
  </si>
  <si>
    <t>12.649998664855957</t>
  </si>
  <si>
    <t>513.6000366210938</t>
  </si>
  <si>
    <t>0.09744037613136314</t>
  </si>
  <si>
    <t>297</t>
  </si>
  <si>
    <t>8766</t>
  </si>
  <si>
    <t>10.9833345413208</t>
  </si>
  <si>
    <t>538.5000610351562</t>
  </si>
  <si>
    <t>71.04676055908203</t>
  </si>
  <si>
    <t>Sliven</t>
  </si>
  <si>
    <t>8101</t>
  </si>
  <si>
    <t>9.574999809265137</t>
  </si>
  <si>
    <t>612.6000366210938</t>
  </si>
  <si>
    <t>-0.07889309114826304</t>
  </si>
  <si>
    <t>7589</t>
  </si>
  <si>
    <t>10.016667366027832</t>
  </si>
  <si>
    <t>549.9000244140625</t>
  </si>
  <si>
    <t>-0.06528768042657873</t>
  </si>
  <si>
    <t>7532</t>
  </si>
  <si>
    <t>10.066667556762695</t>
  </si>
  <si>
    <t>565.6000366210938</t>
  </si>
  <si>
    <t>-0.0075392196268708744</t>
  </si>
  <si>
    <t>7691</t>
  </si>
  <si>
    <t>706.1000366210938</t>
  </si>
  <si>
    <t>0.02089020328001112</t>
  </si>
  <si>
    <t>7942</t>
  </si>
  <si>
    <t>10.183333396911621</t>
  </si>
  <si>
    <t>743.2999877929688</t>
  </si>
  <si>
    <t>0.032114318634143046</t>
  </si>
  <si>
    <t>8394</t>
  </si>
  <si>
    <t>10.024998664855957</t>
  </si>
  <si>
    <t>657.0999755859375</t>
  </si>
  <si>
    <t>0.05535203220233953</t>
  </si>
  <si>
    <t>7250</t>
  </si>
  <si>
    <t>9.816668510437012</t>
  </si>
  <si>
    <t>829.7000122070312</t>
  </si>
  <si>
    <t>-0.1465156960448155</t>
  </si>
  <si>
    <t>7571</t>
  </si>
  <si>
    <t>0.04332369025458682</t>
  </si>
  <si>
    <t>6971</t>
  </si>
  <si>
    <t>11.175000190734863</t>
  </si>
  <si>
    <t>651.7999877929688</t>
  </si>
  <si>
    <t>-0.08256647261690908</t>
  </si>
  <si>
    <t>7323</t>
  </si>
  <si>
    <t>11.550000190734863</t>
  </si>
  <si>
    <t>473.5</t>
  </si>
  <si>
    <t>0.049261393574671075</t>
  </si>
  <si>
    <t>7874</t>
  </si>
  <si>
    <t>10.941668510437012</t>
  </si>
  <si>
    <t>581.9000244140625</t>
  </si>
  <si>
    <t>0.07254611244261255</t>
  </si>
  <si>
    <t>805.800048828125</t>
  </si>
  <si>
    <t>0.08807972490721383</t>
  </si>
  <si>
    <t>8731</t>
  </si>
  <si>
    <t>626.5</t>
  </si>
  <si>
    <t>0.015233993399911938</t>
  </si>
  <si>
    <t>9337</t>
  </si>
  <si>
    <t>11.141666412353516</t>
  </si>
  <si>
    <t>620.9000244140625</t>
  </si>
  <si>
    <t>0.06710509067311854</t>
  </si>
  <si>
    <t>797.5999755859375</t>
  </si>
  <si>
    <t>0.0262143749958188</t>
  </si>
  <si>
    <t>9407</t>
  </si>
  <si>
    <t>11.008332252502441</t>
  </si>
  <si>
    <t>649.0</t>
  </si>
  <si>
    <t>-0.01874528350779414</t>
  </si>
  <si>
    <t>9228</t>
  </si>
  <si>
    <t>690.800048828125</t>
  </si>
  <si>
    <t>-0.01921175267830577</t>
  </si>
  <si>
    <t>586.0000610351562</t>
  </si>
  <si>
    <t>0.05338257109975508</t>
  </si>
  <si>
    <t>9384</t>
  </si>
  <si>
    <t>11.225001335144043</t>
  </si>
  <si>
    <t>731.0999755859375</t>
  </si>
  <si>
    <t>-0.03661880006008822</t>
  </si>
  <si>
    <t>9688</t>
  </si>
  <si>
    <t>11.650001525878906</t>
  </si>
  <si>
    <t>800.6000366210938</t>
  </si>
  <si>
    <t>0.031881894899616015</t>
  </si>
  <si>
    <t>9972</t>
  </si>
  <si>
    <t>672.5000610351562</t>
  </si>
  <si>
    <t>0.028893159410520397</t>
  </si>
  <si>
    <t>10477</t>
  </si>
  <si>
    <t>11.491665840148926</t>
  </si>
  <si>
    <t>746.199951171875</t>
  </si>
  <si>
    <t>0.04940121270951714</t>
  </si>
  <si>
    <t>9488</t>
  </si>
  <si>
    <t>618.1000366210938</t>
  </si>
  <si>
    <t>-0.09915453611545821</t>
  </si>
  <si>
    <t>9834</t>
  </si>
  <si>
    <t>11.291667938232422</t>
  </si>
  <si>
    <t>914.2000122070312</t>
  </si>
  <si>
    <t>0.03581792673437789</t>
  </si>
  <si>
    <t>11.266667366027832</t>
  </si>
  <si>
    <t>805.5999145507812</t>
  </si>
  <si>
    <t>-0.04343539903177174</t>
  </si>
  <si>
    <t>9936</t>
  </si>
  <si>
    <t>11.408332824707031</t>
  </si>
  <si>
    <t>651.300048828125</t>
  </si>
  <si>
    <t>0.05375415523314686</t>
  </si>
  <si>
    <t>728.2000122070312</t>
  </si>
  <si>
    <t>0.04919265964679198</t>
  </si>
  <si>
    <t>10734</t>
  </si>
  <si>
    <t>11.641666412353516</t>
  </si>
  <si>
    <t>727.1000366210938</t>
  </si>
  <si>
    <t>0.02805908891672182</t>
  </si>
  <si>
    <t>12.32500171661377</t>
  </si>
  <si>
    <t>518.6000366210938</t>
  </si>
  <si>
    <t>0.014887694641945615</t>
  </si>
  <si>
    <t>10657</t>
  </si>
  <si>
    <t>12.308334350585938</t>
  </si>
  <si>
    <t>719.1000366210938</t>
  </si>
  <si>
    <t>-0.0220870151577639</t>
  </si>
  <si>
    <t>11534</t>
  </si>
  <si>
    <t>740.2000122070312</t>
  </si>
  <si>
    <t>0.07908224195440283</t>
  </si>
  <si>
    <t>12714</t>
  </si>
  <si>
    <t>12.025001525878906</t>
  </si>
  <si>
    <t>618.0</t>
  </si>
  <si>
    <t>0.09740455332099529</t>
  </si>
  <si>
    <t>299</t>
  </si>
  <si>
    <t>9.137495040893555</t>
  </si>
  <si>
    <t>564.5848388671875</t>
  </si>
  <si>
    <t>206.20050048828125</t>
  </si>
  <si>
    <t>Sofia</t>
  </si>
  <si>
    <t>11292</t>
  </si>
  <si>
    <t>7.817727565765381</t>
  </si>
  <si>
    <t>758.9349365234375</t>
  </si>
  <si>
    <t>-0.0788976069431424</t>
  </si>
  <si>
    <t>10578</t>
  </si>
  <si>
    <t>8.647232055664062</t>
  </si>
  <si>
    <t>602.82861328125</t>
  </si>
  <si>
    <t>-0.06531813774745387</t>
  </si>
  <si>
    <t>8.310025215148926</t>
  </si>
  <si>
    <t>538.7682495117188</t>
  </si>
  <si>
    <t>-0.007496358110984147</t>
  </si>
  <si>
    <t>9.299171447753906</t>
  </si>
  <si>
    <t>727.4938354492188</t>
  </si>
  <si>
    <t>0.02083114110985207</t>
  </si>
  <si>
    <t>11070</t>
  </si>
  <si>
    <t>8.36157512664795</t>
  </si>
  <si>
    <t>824.5944213867188</t>
  </si>
  <si>
    <t>0.03212759107788976</t>
  </si>
  <si>
    <t>11701</t>
  </si>
  <si>
    <t>8.094616889953613</t>
  </si>
  <si>
    <t>694.0111083984375</t>
  </si>
  <si>
    <t>0.05543556151627449</t>
  </si>
  <si>
    <t>10106</t>
  </si>
  <si>
    <t>8.08376407623291</t>
  </si>
  <si>
    <t>760.5099487304688</t>
  </si>
  <si>
    <t>-0.14654500136710347</t>
  </si>
  <si>
    <t>10553</t>
  </si>
  <si>
    <t>8.437302589416504</t>
  </si>
  <si>
    <t>805.7281494140625</t>
  </si>
  <si>
    <t>0.04328087281923665</t>
  </si>
  <si>
    <t>9717</t>
  </si>
  <si>
    <t>8.917874336242676</t>
  </si>
  <si>
    <t>776.4425659179688</t>
  </si>
  <si>
    <t>-0.08253325083165208</t>
  </si>
  <si>
    <t>10207</t>
  </si>
  <si>
    <t>9.902562141418457</t>
  </si>
  <si>
    <t>457.3413391113281</t>
  </si>
  <si>
    <t>0.049196830564060434</t>
  </si>
  <si>
    <t>9560</t>
  </si>
  <si>
    <t>8.810751914978027</t>
  </si>
  <si>
    <t>557.228515625</t>
  </si>
  <si>
    <t>-0.06548603235805217</t>
  </si>
  <si>
    <t>10408</t>
  </si>
  <si>
    <t>9.498589515686035</t>
  </si>
  <si>
    <t>879.8598022460938</t>
  </si>
  <si>
    <t>0.08498701414689513</t>
  </si>
  <si>
    <t>8.432503700256348</t>
  </si>
  <si>
    <t>699.7634887695312</t>
  </si>
  <si>
    <t>0.09296657903246697</t>
  </si>
  <si>
    <t>13032</t>
  </si>
  <si>
    <t>9.039434432983398</t>
  </si>
  <si>
    <t>661.1866455078125</t>
  </si>
  <si>
    <t>0.13186655105707246</t>
  </si>
  <si>
    <t>14405</t>
  </si>
  <si>
    <t>8.125868797302246</t>
  </si>
  <si>
    <t>920.5867919921875</t>
  </si>
  <si>
    <t>0.10016749723674678</t>
  </si>
  <si>
    <t>16511</t>
  </si>
  <si>
    <t>9.297959327697754</t>
  </si>
  <si>
    <t>782.991455078125</t>
  </si>
  <si>
    <t>0.13645145691320515</t>
  </si>
  <si>
    <t>16017</t>
  </si>
  <si>
    <t>9.65227222442627</t>
  </si>
  <si>
    <t>800.3182373046875</t>
  </si>
  <si>
    <t>-0.030376167263536757</t>
  </si>
  <si>
    <t>16800</t>
  </si>
  <si>
    <t>9.674850463867188</t>
  </si>
  <si>
    <t>613.0751342773438</t>
  </si>
  <si>
    <t>0.047728228223054</t>
  </si>
  <si>
    <t>18737</t>
  </si>
  <si>
    <t>9.598541259765625</t>
  </si>
  <si>
    <t>811.3309326171875</t>
  </si>
  <si>
    <t>0.1091212922071616</t>
  </si>
  <si>
    <t>16343</t>
  </si>
  <si>
    <t>9.268214225769043</t>
  </si>
  <si>
    <t>824.131591796875</t>
  </si>
  <si>
    <t>-0.13670050750545393</t>
  </si>
  <si>
    <t>20181</t>
  </si>
  <si>
    <t>8.82441234588623</t>
  </si>
  <si>
    <t>594.885009765625</t>
  </si>
  <si>
    <t>0.21094189660065688</t>
  </si>
  <si>
    <t>21073</t>
  </si>
  <si>
    <t>9.622088432312012</t>
  </si>
  <si>
    <t>694.0011596679688</t>
  </si>
  <si>
    <t>0.043251032503498266</t>
  </si>
  <si>
    <t>18839</t>
  </si>
  <si>
    <t>9.810606002807617</t>
  </si>
  <si>
    <t>628.772705078125</t>
  </si>
  <si>
    <t>-0.11206341103183881</t>
  </si>
  <si>
    <t>19318</t>
  </si>
  <si>
    <t>9.917290687561035</t>
  </si>
  <si>
    <t>1078.286865234375</t>
  </si>
  <si>
    <t>0.025108114573866303</t>
  </si>
  <si>
    <t>21415</t>
  </si>
  <si>
    <t>9.754984855651855</t>
  </si>
  <si>
    <t>877.7943115234375</t>
  </si>
  <si>
    <t>0.1030543073102308</t>
  </si>
  <si>
    <t>20907</t>
  </si>
  <si>
    <t>9.41840648651123</t>
  </si>
  <si>
    <t>744.4006958007812</t>
  </si>
  <si>
    <t>-0.024007579942843194</t>
  </si>
  <si>
    <t>23274</t>
  </si>
  <si>
    <t>10.126883506774902</t>
  </si>
  <si>
    <t>831.6611328125</t>
  </si>
  <si>
    <t>0.10725282656139434</t>
  </si>
  <si>
    <t>22131</t>
  </si>
  <si>
    <t>10.055323600769043</t>
  </si>
  <si>
    <t>813.847900390625</t>
  </si>
  <si>
    <t>-0.05035751711561076</t>
  </si>
  <si>
    <t>22814</t>
  </si>
  <si>
    <t>10.61336612701416</t>
  </si>
  <si>
    <t>615.0494384765625</t>
  </si>
  <si>
    <t>0.03039504203543153</t>
  </si>
  <si>
    <t>22368</t>
  </si>
  <si>
    <t>10.295247077941895</t>
  </si>
  <si>
    <t>877.1984252929688</t>
  </si>
  <si>
    <t>-0.019743016554306436</t>
  </si>
  <si>
    <t>24209</t>
  </si>
  <si>
    <t>9.330810546875</t>
  </si>
  <si>
    <t>774.126220703125</t>
  </si>
  <si>
    <t>0.07909309879971538</t>
  </si>
  <si>
    <t>26687</t>
  </si>
  <si>
    <t>10.427223205566406</t>
  </si>
  <si>
    <t>706.3977661132812</t>
  </si>
  <si>
    <t>0.09745209059922111</t>
  </si>
  <si>
    <t>300</t>
  </si>
  <si>
    <t>21673</t>
  </si>
  <si>
    <t>9.741666793823242</t>
  </si>
  <si>
    <t>500.10003662109375</t>
  </si>
  <si>
    <t>417.8741149902344</t>
  </si>
  <si>
    <t>Sofia (Stolitsa)</t>
  </si>
  <si>
    <t>20029</t>
  </si>
  <si>
    <t>8.466667175292969</t>
  </si>
  <si>
    <t>721.300048828125</t>
  </si>
  <si>
    <t>-0.07888602288717017</t>
  </si>
  <si>
    <t>9.799999237060547</t>
  </si>
  <si>
    <t>582.5000610351562</t>
  </si>
  <si>
    <t>-0.06529437781385816</t>
  </si>
  <si>
    <t>18623</t>
  </si>
  <si>
    <t>463.800048828125</t>
  </si>
  <si>
    <t>-0.007489469555869377</t>
  </si>
  <si>
    <t>19015</t>
  </si>
  <si>
    <t>10.124999046325684</t>
  </si>
  <si>
    <t>680.0</t>
  </si>
  <si>
    <t>0.020830765430854825</t>
  </si>
  <si>
    <t>9.166666030883789</t>
  </si>
  <si>
    <t>795.1000366210938</t>
  </si>
  <si>
    <t>0.03213647481558368</t>
  </si>
  <si>
    <t>8.416666030883789</t>
  </si>
  <si>
    <t>643.4000244140625</t>
  </si>
  <si>
    <t>0.0553743829872797</t>
  </si>
  <si>
    <t>17925</t>
  </si>
  <si>
    <t>-0.14654261269740232</t>
  </si>
  <si>
    <t>18719</t>
  </si>
  <si>
    <t>8.983332633972168</t>
  </si>
  <si>
    <t>749.5</t>
  </si>
  <si>
    <t>0.043342664333508196</t>
  </si>
  <si>
    <t>17235</t>
  </si>
  <si>
    <t>9.241665840148926</t>
  </si>
  <si>
    <t>751.7999877929688</t>
  </si>
  <si>
    <t>-0.08259685085036317</t>
  </si>
  <si>
    <t>18105</t>
  </si>
  <si>
    <t>422.6000061035156</t>
  </si>
  <si>
    <t>0.04924594324877596</t>
  </si>
  <si>
    <t>20449</t>
  </si>
  <si>
    <t>9.291666030883789</t>
  </si>
  <si>
    <t>573.4000854492188</t>
  </si>
  <si>
    <t>0.1217458383200718</t>
  </si>
  <si>
    <t>23044</t>
  </si>
  <si>
    <t>10.208333969116211</t>
  </si>
  <si>
    <t>851.2000732421875</t>
  </si>
  <si>
    <t>0.1194714503324601</t>
  </si>
  <si>
    <t>9.341667175292969</t>
  </si>
  <si>
    <t>690.6000366210938</t>
  </si>
  <si>
    <t>0.04865790325151309</t>
  </si>
  <si>
    <t>26016</t>
  </si>
  <si>
    <t>9.425000190734863</t>
  </si>
  <si>
    <t>658.0999755859375</t>
  </si>
  <si>
    <t>0.07264839824375002</t>
  </si>
  <si>
    <t>28493</t>
  </si>
  <si>
    <t>8.583333015441895</t>
  </si>
  <si>
    <t>884.0</t>
  </si>
  <si>
    <t>0.09094670970604923</t>
  </si>
  <si>
    <t>32975</t>
  </si>
  <si>
    <t>10.158333778381348</t>
  </si>
  <si>
    <t>759.300048828125</t>
  </si>
  <si>
    <t>0.14609125553192825</t>
  </si>
  <si>
    <t>37657</t>
  </si>
  <si>
    <t>0.13276916133575867</t>
  </si>
  <si>
    <t>40643</t>
  </si>
  <si>
    <t>10.291666030883789</t>
  </si>
  <si>
    <t>584.1000366210938</t>
  </si>
  <si>
    <t>0.07630775950424784</t>
  </si>
  <si>
    <t>10.341668128967285</t>
  </si>
  <si>
    <t>800.9000854492188</t>
  </si>
  <si>
    <t>-0.020005388790302447</t>
  </si>
  <si>
    <t>41804</t>
  </si>
  <si>
    <t>9.458333969116211</t>
  </si>
  <si>
    <t>813.6000366210938</t>
  </si>
  <si>
    <t>0.048170798079175015</t>
  </si>
  <si>
    <t>42095</t>
  </si>
  <si>
    <t>9.699999809265137</t>
  </si>
  <si>
    <t>555.7999877929688</t>
  </si>
  <si>
    <t>0.006936940057370222</t>
  </si>
  <si>
    <t>41259</t>
  </si>
  <si>
    <t>10.283331871032715</t>
  </si>
  <si>
    <t>650.7999877929688</t>
  </si>
  <si>
    <t>-0.020059697988946468</t>
  </si>
  <si>
    <t>41262</t>
  </si>
  <si>
    <t>10.366666793823242</t>
  </si>
  <si>
    <t>619.7999877929688</t>
  </si>
  <si>
    <t>7.270876507448065e-05</t>
  </si>
  <si>
    <t>41278</t>
  </si>
  <si>
    <t>947.699951171875</t>
  </si>
  <si>
    <t>0.00038769082142842137</t>
  </si>
  <si>
    <t>43259</t>
  </si>
  <si>
    <t>794.0999755859375</t>
  </si>
  <si>
    <t>0.04687563382801585</t>
  </si>
  <si>
    <t>44581</t>
  </si>
  <si>
    <t>715.0999755859375</t>
  </si>
  <si>
    <t>0.030102455074608514</t>
  </si>
  <si>
    <t>762.7000122070312</t>
  </si>
  <si>
    <t>0.021810171747857154</t>
  </si>
  <si>
    <t>47152</t>
  </si>
  <si>
    <t>723.2999877929688</t>
  </si>
  <si>
    <t>0.0342584949576743</t>
  </si>
  <si>
    <t>51696</t>
  </si>
  <si>
    <t>579.7999877929688</t>
  </si>
  <si>
    <t>0.09200398308680313</t>
  </si>
  <si>
    <t>49473</t>
  </si>
  <si>
    <t>-0.04395334286740038</t>
  </si>
  <si>
    <t>53544</t>
  </si>
  <si>
    <t>9.766666412353516</t>
  </si>
  <si>
    <t>802.7000732421875</t>
  </si>
  <si>
    <t>0.07907667958359887</t>
  </si>
  <si>
    <t>59025</t>
  </si>
  <si>
    <t>654.3999633789062</t>
  </si>
  <si>
    <t>0.09745733717323546</t>
  </si>
  <si>
    <t>301</t>
  </si>
  <si>
    <t>12.143913269042969</t>
  </si>
  <si>
    <t>505.4553527832031</t>
  </si>
  <si>
    <t>208.81544494628906</t>
  </si>
  <si>
    <t>Starazagora</t>
  </si>
  <si>
    <t>13139</t>
  </si>
  <si>
    <t>10.737724304199219</t>
  </si>
  <si>
    <t>590.489501953125</t>
  </si>
  <si>
    <t>-0.07885352499387643</t>
  </si>
  <si>
    <t>12308</t>
  </si>
  <si>
    <t>11.146058082580566</t>
  </si>
  <si>
    <t>514.6002197265625</t>
  </si>
  <si>
    <t>-0.06533544919988898</t>
  </si>
  <si>
    <t>12216</t>
  </si>
  <si>
    <t>11.164695739746094</t>
  </si>
  <si>
    <t>503.78662109375</t>
  </si>
  <si>
    <t>-0.00750288954346523</t>
  </si>
  <si>
    <t>12474</t>
  </si>
  <si>
    <t>12.072955131530762</t>
  </si>
  <si>
    <t>660.5799560546875</t>
  </si>
  <si>
    <t>0.020899910187599957</t>
  </si>
  <si>
    <t>12881</t>
  </si>
  <si>
    <t>11.29827880859375</t>
  </si>
  <si>
    <t>691.4415283203125</t>
  </si>
  <si>
    <t>0.032106879310020986</t>
  </si>
  <si>
    <t>13615</t>
  </si>
  <si>
    <t>11.142016410827637</t>
  </si>
  <si>
    <t>613.1406860351562</t>
  </si>
  <si>
    <t>0.055418768711771094</t>
  </si>
  <si>
    <t>10.921133995056152</t>
  </si>
  <si>
    <t>741.3323974609375</t>
  </si>
  <si>
    <t>-0.14663826614565956</t>
  </si>
  <si>
    <t>12279</t>
  </si>
  <si>
    <t>11.7004976272583</t>
  </si>
  <si>
    <t>748.21923828125</t>
  </si>
  <si>
    <t>0.04335662619831204</t>
  </si>
  <si>
    <t>11306</t>
  </si>
  <si>
    <t>12.306288719177246</t>
  </si>
  <si>
    <t>598.348388671875</t>
  </si>
  <si>
    <t>-0.08255692792527647</t>
  </si>
  <si>
    <t>11877</t>
  </si>
  <si>
    <t>12.791694641113281</t>
  </si>
  <si>
    <t>446.3993225097656</t>
  </si>
  <si>
    <t>0.04927019853900383</t>
  </si>
  <si>
    <t>13183</t>
  </si>
  <si>
    <t>12.104540824890137</t>
  </si>
  <si>
    <t>528.1920776367188</t>
  </si>
  <si>
    <t>0.10432436398373035</t>
  </si>
  <si>
    <t>12948</t>
  </si>
  <si>
    <t>12.416767120361328</t>
  </si>
  <si>
    <t>767.5598754882812</t>
  </si>
  <si>
    <t>-0.01798678471183557</t>
  </si>
  <si>
    <t>14395</t>
  </si>
  <si>
    <t>11.202320098876953</t>
  </si>
  <si>
    <t>605.9713745117188</t>
  </si>
  <si>
    <t>0.10593958800014214</t>
  </si>
  <si>
    <t>15261</t>
  </si>
  <si>
    <t>12.310505867004395</t>
  </si>
  <si>
    <t>535.7494506835938</t>
  </si>
  <si>
    <t>0.058419630444598525</t>
  </si>
  <si>
    <t>16263</t>
  </si>
  <si>
    <t>11.351997375488281</t>
  </si>
  <si>
    <t>744.4544677734375</t>
  </si>
  <si>
    <t>0.06359203443757266</t>
  </si>
  <si>
    <t>12.143912315368652</t>
  </si>
  <si>
    <t>625.6859741210938</t>
  </si>
  <si>
    <t>-0.007839788294399241</t>
  </si>
  <si>
    <t>15996</t>
  </si>
  <si>
    <t>12.473130226135254</t>
  </si>
  <si>
    <t>664.8992309570312</t>
  </si>
  <si>
    <t>-0.008714109667339542</t>
  </si>
  <si>
    <t>17972</t>
  </si>
  <si>
    <t>12.668988227844238</t>
  </si>
  <si>
    <t>536.6248168945312</t>
  </si>
  <si>
    <t>0.11647630022334177</t>
  </si>
  <si>
    <t>18473</t>
  </si>
  <si>
    <t>12.349629402160645</t>
  </si>
  <si>
    <t>697.2952880859375</t>
  </si>
  <si>
    <t>0.02749521536858701</t>
  </si>
  <si>
    <t>18362</t>
  </si>
  <si>
    <t>12.718986511230469</t>
  </si>
  <si>
    <t>752.2124633789062</t>
  </si>
  <si>
    <t>-0.006026894854992193</t>
  </si>
  <si>
    <t>11.39423656463623</t>
  </si>
  <si>
    <t>627.1386108398438</t>
  </si>
  <si>
    <t>-0.014868734682384144</t>
  </si>
  <si>
    <t>19786</t>
  </si>
  <si>
    <t>12.726996421813965</t>
  </si>
  <si>
    <t>691.7937622070312</t>
  </si>
  <si>
    <t>0.0895600398619063</t>
  </si>
  <si>
    <t>20743</t>
  </si>
  <si>
    <t>12.693913459777832</t>
  </si>
  <si>
    <t>547.419189453125</t>
  </si>
  <si>
    <t>0.047234223462977454</t>
  </si>
  <si>
    <t>23837</t>
  </si>
  <si>
    <t>12.450026512145996</t>
  </si>
  <si>
    <t>901.7496948242188</t>
  </si>
  <si>
    <t>0.13903015498858373</t>
  </si>
  <si>
    <t>21835</t>
  </si>
  <si>
    <t>12.429465293884277</t>
  </si>
  <si>
    <t>769.8410034179688</t>
  </si>
  <si>
    <t>-0.08772480841506791</t>
  </si>
  <si>
    <t>25522</t>
  </si>
  <si>
    <t>12.562726020812988</t>
  </si>
  <si>
    <t>604.3098754882812</t>
  </si>
  <si>
    <t>0.15602663837426078</t>
  </si>
  <si>
    <t>25776</t>
  </si>
  <si>
    <t>12.835655212402344</t>
  </si>
  <si>
    <t>680.1361083984375</t>
  </si>
  <si>
    <t>0.009903001122832933</t>
  </si>
  <si>
    <t>24425</t>
  </si>
  <si>
    <t>12.815093040466309</t>
  </si>
  <si>
    <t>702.6382446289062</t>
  </si>
  <si>
    <t>-0.053836628505770534</t>
  </si>
  <si>
    <t>21845</t>
  </si>
  <si>
    <t>13.554317474365234</t>
  </si>
  <si>
    <t>482.5491638183594</t>
  </si>
  <si>
    <t>-0.11163513552544835</t>
  </si>
  <si>
    <t>13.518765449523926</t>
  </si>
  <si>
    <t>705.0287475585938</t>
  </si>
  <si>
    <t>-0.058341238503544446</t>
  </si>
  <si>
    <t>22304</t>
  </si>
  <si>
    <t>12.639548301696777</t>
  </si>
  <si>
    <t>710.2598266601562</t>
  </si>
  <si>
    <t>0.07913521067825968</t>
  </si>
  <si>
    <t>24586</t>
  </si>
  <si>
    <t>13.272807121276855</t>
  </si>
  <si>
    <t>585.56298828125</t>
  </si>
  <si>
    <t>0.0974111406670346</t>
  </si>
  <si>
    <t>302</t>
  </si>
  <si>
    <t>462.20001220703125</t>
  </si>
  <si>
    <t>40.858238220214844</t>
  </si>
  <si>
    <t>Targovishte</t>
  </si>
  <si>
    <t>676.8999633789062</t>
  </si>
  <si>
    <t>-0.07878087785311472</t>
  </si>
  <si>
    <t>7714</t>
  </si>
  <si>
    <t>526.699951171875</t>
  </si>
  <si>
    <t>-0.06535650384356728</t>
  </si>
  <si>
    <t>7656</t>
  </si>
  <si>
    <t>609.5999755859375</t>
  </si>
  <si>
    <t>-0.007547205635383136</t>
  </si>
  <si>
    <t>7818</t>
  </si>
  <si>
    <t>0.020939113220109107</t>
  </si>
  <si>
    <t>8073</t>
  </si>
  <si>
    <t>10.449999809265137</t>
  </si>
  <si>
    <t>714.9000244140625</t>
  </si>
  <si>
    <t>0.03209639304211542</t>
  </si>
  <si>
    <t>8533</t>
  </si>
  <si>
    <t>629.6000366210938</t>
  </si>
  <si>
    <t>0.055415839141570444</t>
  </si>
  <si>
    <t>7369</t>
  </si>
  <si>
    <t>809.7999877929688</t>
  </si>
  <si>
    <t>-0.14665898776958564</t>
  </si>
  <si>
    <t>7696</t>
  </si>
  <si>
    <t>10.858332633972168</t>
  </si>
  <si>
    <t>770.9000854492188</t>
  </si>
  <si>
    <t>0.043418701578541885</t>
  </si>
  <si>
    <t>7086</t>
  </si>
  <si>
    <t>-0.08257970692012506</t>
  </si>
  <si>
    <t>7444</t>
  </si>
  <si>
    <t>11.808333396911621</t>
  </si>
  <si>
    <t>459.199951171875</t>
  </si>
  <si>
    <t>0.04928733233672489</t>
  </si>
  <si>
    <t>11.183333396911621</t>
  </si>
  <si>
    <t>553.4000244140625</t>
  </si>
  <si>
    <t>0.07215819508798305</t>
  </si>
  <si>
    <t>9011</t>
  </si>
  <si>
    <t>11.49166488647461</t>
  </si>
  <si>
    <t>766.2000122070312</t>
  </si>
  <si>
    <t>0.11887951938491348</t>
  </si>
  <si>
    <t>8746</t>
  </si>
  <si>
    <t>10.283333778381348</t>
  </si>
  <si>
    <t>569.3999633789062</t>
  </si>
  <si>
    <t>-0.02984960026217287</t>
  </si>
  <si>
    <t>9295</t>
  </si>
  <si>
    <t>11.391666412353516</t>
  </si>
  <si>
    <t>689.5000610351562</t>
  </si>
  <si>
    <t>0.060880168182679384</t>
  </si>
  <si>
    <t>10080</t>
  </si>
  <si>
    <t>825.800048828125</t>
  </si>
  <si>
    <t>0.08107664146981541</t>
  </si>
  <si>
    <t>11049</t>
  </si>
  <si>
    <t>11.258332252502441</t>
  </si>
  <si>
    <t>694.2999877929688</t>
  </si>
  <si>
    <t>0.09178666348781483</t>
  </si>
  <si>
    <t>11564</t>
  </si>
  <si>
    <t>657.7000122070312</t>
  </si>
  <si>
    <t>0.04555689802306162</t>
  </si>
  <si>
    <t>558.2000122070312</t>
  </si>
  <si>
    <t>-0.014108045544709569</t>
  </si>
  <si>
    <t>10635</t>
  </si>
  <si>
    <t>11.47499942779541</t>
  </si>
  <si>
    <t>763.3999633789062</t>
  </si>
  <si>
    <t>-0.06963832995718988</t>
  </si>
  <si>
    <t>11038</t>
  </si>
  <si>
    <t>11.874999046325684</t>
  </si>
  <si>
    <t>807.0</t>
  </si>
  <si>
    <t>0.037193416365109755</t>
  </si>
  <si>
    <t>11451</t>
  </si>
  <si>
    <t>566.3999633789062</t>
  </si>
  <si>
    <t>0.03673319741389314</t>
  </si>
  <si>
    <t>11889</t>
  </si>
  <si>
    <t>11.758332252502441</t>
  </si>
  <si>
    <t>0.03753654044520438</t>
  </si>
  <si>
    <t>12188</t>
  </si>
  <si>
    <t>11.733333587646484</t>
  </si>
  <si>
    <t>675.0000610351562</t>
  </si>
  <si>
    <t>0.024838258247054767</t>
  </si>
  <si>
    <t>11642</t>
  </si>
  <si>
    <t>11.541666984558105</t>
  </si>
  <si>
    <t>971.8999633789062</t>
  </si>
  <si>
    <t>-0.04583261227391766</t>
  </si>
  <si>
    <t>811.0999755859375</t>
  </si>
  <si>
    <t>0.06404449773658882</t>
  </si>
  <si>
    <t>13565</t>
  </si>
  <si>
    <t>673.0</t>
  </si>
  <si>
    <t>0.08882919952476165</t>
  </si>
  <si>
    <t>13327</t>
  </si>
  <si>
    <t>11.850001335144043</t>
  </si>
  <si>
    <t>824.7999877929688</t>
  </si>
  <si>
    <t>-0.017700893513305616</t>
  </si>
  <si>
    <t>14098</t>
  </si>
  <si>
    <t>748.7000122070312</t>
  </si>
  <si>
    <t>0.05624089075409522</t>
  </si>
  <si>
    <t>14031</t>
  </si>
  <si>
    <t>12.591666221618652</t>
  </si>
  <si>
    <t>509.79998779296875</t>
  </si>
  <si>
    <t>-0.00476377593982491</t>
  </si>
  <si>
    <t>721.0999755859375</t>
  </si>
  <si>
    <t>-0.010604097359193432</t>
  </si>
  <si>
    <t>15026</t>
  </si>
  <si>
    <t>11.766667366027832</t>
  </si>
  <si>
    <t>740.300048828125</t>
  </si>
  <si>
    <t>0.07911696389430212</t>
  </si>
  <si>
    <t>16563</t>
  </si>
  <si>
    <t>12.283332824707031</t>
  </si>
  <si>
    <t>539.2000122070312</t>
  </si>
  <si>
    <t>0.09738925802304976</t>
  </si>
  <si>
    <t>303</t>
  </si>
  <si>
    <t>14658</t>
  </si>
  <si>
    <t>12.511971473693848</t>
  </si>
  <si>
    <t>400.12408447265625</t>
  </si>
  <si>
    <t>245.99888610839844</t>
  </si>
  <si>
    <t>Varna</t>
  </si>
  <si>
    <t>13546</t>
  </si>
  <si>
    <t>11.238849639892578</t>
  </si>
  <si>
    <t>480.91845703125</t>
  </si>
  <si>
    <t>-0.07889496071094548</t>
  </si>
  <si>
    <t>12690</t>
  </si>
  <si>
    <t>11.636970520019531</t>
  </si>
  <si>
    <t>452.34381103515625</t>
  </si>
  <si>
    <t>-0.06527701906641603</t>
  </si>
  <si>
    <t>12595</t>
  </si>
  <si>
    <t>11.342605590820312</t>
  </si>
  <si>
    <t>466.17901611328125</t>
  </si>
  <si>
    <t>-0.007514371921722329</t>
  </si>
  <si>
    <t>12861</t>
  </si>
  <si>
    <t>12.447181701660156</t>
  </si>
  <si>
    <t>513.901611328125</t>
  </si>
  <si>
    <t>0.02089956647937541</t>
  </si>
  <si>
    <t>13280</t>
  </si>
  <si>
    <t>11.49718189239502</t>
  </si>
  <si>
    <t>616.6100463867188</t>
  </si>
  <si>
    <t>0.03205966776433833</t>
  </si>
  <si>
    <t>14037</t>
  </si>
  <si>
    <t>11.27218246459961</t>
  </si>
  <si>
    <t>517.95361328125</t>
  </si>
  <si>
    <t>0.055437556503900254</t>
  </si>
  <si>
    <t>12123</t>
  </si>
  <si>
    <t>11.195304870605469</t>
  </si>
  <si>
    <t>672.0269165039062</t>
  </si>
  <si>
    <t>-0.14659222578774234</t>
  </si>
  <si>
    <t>12660</t>
  </si>
  <si>
    <t>11.876761436462402</t>
  </si>
  <si>
    <t>617.60302734375</t>
  </si>
  <si>
    <t>0.04334294195158428</t>
  </si>
  <si>
    <t>12.524882316589355</t>
  </si>
  <si>
    <t>503.8494567871094</t>
  </si>
  <si>
    <t>-0.08254055877833544</t>
  </si>
  <si>
    <t>12245</t>
  </si>
  <si>
    <t>13.1036376953125</t>
  </si>
  <si>
    <t>358.2719421386719</t>
  </si>
  <si>
    <t>0.04921083246643576</t>
  </si>
  <si>
    <t>12386</t>
  </si>
  <si>
    <t>12.17676067352295</t>
  </si>
  <si>
    <t>447.7367858886719</t>
  </si>
  <si>
    <t>0.011449112111739268</t>
  </si>
  <si>
    <t>12.635093688964844</t>
  </si>
  <si>
    <t>590.8734130859375</t>
  </si>
  <si>
    <t>0.019903938324288717</t>
  </si>
  <si>
    <t>13346</t>
  </si>
  <si>
    <t>11.40176010131836</t>
  </si>
  <si>
    <t>442.5058288574219</t>
  </si>
  <si>
    <t>0.054745973641256995</t>
  </si>
  <si>
    <t>14464</t>
  </si>
  <si>
    <t>12.501761436462402</t>
  </si>
  <si>
    <t>518.7199096679688</t>
  </si>
  <si>
    <t>0.08044608916840623</t>
  </si>
  <si>
    <t>15316</t>
  </si>
  <si>
    <t>11.623003959655762</t>
  </si>
  <si>
    <t>586.2833862304688</t>
  </si>
  <si>
    <t>0.0572352299652259</t>
  </si>
  <si>
    <t>17306</t>
  </si>
  <si>
    <t>12.510093688964844</t>
  </si>
  <si>
    <t>490.0791015625</t>
  </si>
  <si>
    <t>0.12215522856950045</t>
  </si>
  <si>
    <t>18584</t>
  </si>
  <si>
    <t>12.915726661682129</t>
  </si>
  <si>
    <t>489.74383544921875</t>
  </si>
  <si>
    <t>0.07124773328355971</t>
  </si>
  <si>
    <t>19923</t>
  </si>
  <si>
    <t>12.98321533203125</t>
  </si>
  <si>
    <t>459.55792236328125</t>
  </si>
  <si>
    <t>0.06957384775857811</t>
  </si>
  <si>
    <t>18553</t>
  </si>
  <si>
    <t>12.726760864257812</t>
  </si>
  <si>
    <t>564.6466064453125</t>
  </si>
  <si>
    <t>-0.07124334218194583</t>
  </si>
  <si>
    <t>17773</t>
  </si>
  <si>
    <t>12.949882507324219</t>
  </si>
  <si>
    <t>599.6016235351562</t>
  </si>
  <si>
    <t>-0.04295104926688431</t>
  </si>
  <si>
    <t>18852</t>
  </si>
  <si>
    <t>11.870304107666016</t>
  </si>
  <si>
    <t>560.0803833007812</t>
  </si>
  <si>
    <t>0.05893855728362851</t>
  </si>
  <si>
    <t>19322</t>
  </si>
  <si>
    <t>13.023003578186035</t>
  </si>
  <si>
    <t>553.657958984375</t>
  </si>
  <si>
    <t>0.024625334033833823</t>
  </si>
  <si>
    <t>18898</t>
  </si>
  <si>
    <t>13.053637504577637</t>
  </si>
  <si>
    <t>494.2142333984375</t>
  </si>
  <si>
    <t>-0.022188246734883066</t>
  </si>
  <si>
    <t>20083</t>
  </si>
  <si>
    <t>12.80176067352295</t>
  </si>
  <si>
    <t>661.3466796875</t>
  </si>
  <si>
    <t>0.060817589694107</t>
  </si>
  <si>
    <t>20384</t>
  </si>
  <si>
    <t>13.024882316589355</t>
  </si>
  <si>
    <t>598.2171020507812</t>
  </si>
  <si>
    <t>0.014876593335211297</t>
  </si>
  <si>
    <t>20197</t>
  </si>
  <si>
    <t>12.870305061340332</t>
  </si>
  <si>
    <t>504.6719970703125</t>
  </si>
  <si>
    <t>-0.009216200863502166</t>
  </si>
  <si>
    <t>20739</t>
  </si>
  <si>
    <t>13.280516624450684</t>
  </si>
  <si>
    <t>570.9086303710938</t>
  </si>
  <si>
    <t>0.0264819071049871</t>
  </si>
  <si>
    <t>13.118427276611328</t>
  </si>
  <si>
    <t>555.0241088867188</t>
  </si>
  <si>
    <t>0.05195607677216074</t>
  </si>
  <si>
    <t>21891</t>
  </si>
  <si>
    <t>14.068425178527832</t>
  </si>
  <si>
    <t>395.1550598144531</t>
  </si>
  <si>
    <t>0.0021035310481938296</t>
  </si>
  <si>
    <t>19952</t>
  </si>
  <si>
    <t>14.088849067687988</t>
  </si>
  <si>
    <t>533.5762329101562</t>
  </si>
  <si>
    <t>-0.09274620451391158</t>
  </si>
  <si>
    <t>21594</t>
  </si>
  <si>
    <t>12.678637504577637</t>
  </si>
  <si>
    <t>564.2734375</t>
  </si>
  <si>
    <t>0.07908610938726746</t>
  </si>
  <si>
    <t>23804</t>
  </si>
  <si>
    <t>13.793426513671875</t>
  </si>
  <si>
    <t>443.15228271484375</t>
  </si>
  <si>
    <t>0.09743813545765789</t>
  </si>
  <si>
    <t>304</t>
  </si>
  <si>
    <t>10421</t>
  </si>
  <si>
    <t>12.107123374938965</t>
  </si>
  <si>
    <t>431.541259765625</t>
  </si>
  <si>
    <t>121.15753173828125</t>
  </si>
  <si>
    <t>Veliko Tarnovo</t>
  </si>
  <si>
    <t>9631</t>
  </si>
  <si>
    <t>10.835556983947754</t>
  </si>
  <si>
    <t>638.3177490234375</t>
  </si>
  <si>
    <t>-0.07883593843156333</t>
  </si>
  <si>
    <t>9022</t>
  </si>
  <si>
    <t>11.760306358337402</t>
  </si>
  <si>
    <t>503.9602966308594</t>
  </si>
  <si>
    <t>-0.06532102359252256</t>
  </si>
  <si>
    <t>11.213738441467285</t>
  </si>
  <si>
    <t>538.9188232421875</t>
  </si>
  <si>
    <t>-0.007565679167431227</t>
  </si>
  <si>
    <t>9143</t>
  </si>
  <si>
    <t>12.32379150390625</t>
  </si>
  <si>
    <t>611.7060546875</t>
  </si>
  <si>
    <t>0.02088819936351527</t>
  </si>
  <si>
    <t>11.322199821472168</t>
  </si>
  <si>
    <t>692.31591796875</t>
  </si>
  <si>
    <t>0.03207334756809033</t>
  </si>
  <si>
    <t>9979</t>
  </si>
  <si>
    <t>10.995354652404785</t>
  </si>
  <si>
    <t>573.9739990234375</t>
  </si>
  <si>
    <t>0.05542097815179581</t>
  </si>
  <si>
    <t>11.088738441467285</t>
  </si>
  <si>
    <t>720.1589965820312</t>
  </si>
  <si>
    <t>-0.14651381623691329</t>
  </si>
  <si>
    <t>9001</t>
  </si>
  <si>
    <t>11.225379943847656</t>
  </si>
  <si>
    <t>706.0828247070312</t>
  </si>
  <si>
    <t>0.04336661360968641</t>
  </si>
  <si>
    <t>8287</t>
  </si>
  <si>
    <t>11.713866233825684</t>
  </si>
  <si>
    <t>685.5278930664062</t>
  </si>
  <si>
    <t>-0.08264766040804261</t>
  </si>
  <si>
    <t>8705</t>
  </si>
  <si>
    <t>12.935431480407715</t>
  </si>
  <si>
    <t>419.1966857910156</t>
  </si>
  <si>
    <t>0.049209551353246894</t>
  </si>
  <si>
    <t>11.630532264709473</t>
  </si>
  <si>
    <t>505.0790710449219</t>
  </si>
  <si>
    <t>0.06094217114904055</t>
  </si>
  <si>
    <t>12.46386432647705</t>
  </si>
  <si>
    <t>726.1356811523438</t>
  </si>
  <si>
    <t>0.14100179825986814</t>
  </si>
  <si>
    <t>10222</t>
  </si>
  <si>
    <t>11.423789978027344</t>
  </si>
  <si>
    <t>565.603515625</t>
  </si>
  <si>
    <t>-0.04129928228297253</t>
  </si>
  <si>
    <t>10673</t>
  </si>
  <si>
    <t>11.892173767089844</t>
  </si>
  <si>
    <t>629.5203857421875</t>
  </si>
  <si>
    <t>0.04317492758573849</t>
  </si>
  <si>
    <t>11280</t>
  </si>
  <si>
    <t>10.95553207397461</t>
  </si>
  <si>
    <t>790.3092651367188</t>
  </si>
  <si>
    <t>0.05531405813808554</t>
  </si>
  <si>
    <t>12.287148475646973</t>
  </si>
  <si>
    <t>659.3152465820312</t>
  </si>
  <si>
    <t>0.03954458323307364</t>
  </si>
  <si>
    <t>11682</t>
  </si>
  <si>
    <t>12.675507545471191</t>
  </si>
  <si>
    <t>653.5547485351562</t>
  </si>
  <si>
    <t>-0.004526633684868386</t>
  </si>
  <si>
    <t>11929</t>
  </si>
  <si>
    <t>12.617175102233887</t>
  </si>
  <si>
    <t>521.8890380859375</t>
  </si>
  <si>
    <t>0.020923214681690894</t>
  </si>
  <si>
    <t>712.8635864257812</t>
  </si>
  <si>
    <t>-0.0036111733553401137</t>
  </si>
  <si>
    <t>12481</t>
  </si>
  <si>
    <t>12.000507354736328</t>
  </si>
  <si>
    <t>742.693603515625</t>
  </si>
  <si>
    <t>0.048846250991848805</t>
  </si>
  <si>
    <t>11.913865089416504</t>
  </si>
  <si>
    <t>531.569091796875</t>
  </si>
  <si>
    <t>-0.01908979753218709</t>
  </si>
  <si>
    <t>12580</t>
  </si>
  <si>
    <t>12.482123374938965</t>
  </si>
  <si>
    <t>635.4463500976562</t>
  </si>
  <si>
    <t>0.026990560868163982</t>
  </si>
  <si>
    <t>13013</t>
  </si>
  <si>
    <t>12.808841705322266</t>
  </si>
  <si>
    <t>601.781982421875</t>
  </si>
  <si>
    <t>0.033840606522325345</t>
  </si>
  <si>
    <t>13.042174339294434</t>
  </si>
  <si>
    <t>894.0411987304688</t>
  </si>
  <si>
    <t>-0.011205248417839542</t>
  </si>
  <si>
    <t>13260</t>
  </si>
  <si>
    <t>12.83053207397461</t>
  </si>
  <si>
    <t>762.0502319335938</t>
  </si>
  <si>
    <t>0.030008375380935703</t>
  </si>
  <si>
    <t>13340</t>
  </si>
  <si>
    <t>12.28384017944336</t>
  </si>
  <si>
    <t>622.8165893554688</t>
  </si>
  <si>
    <t>0.006015055729761798</t>
  </si>
  <si>
    <t>13705</t>
  </si>
  <si>
    <t>13.20553207397461</t>
  </si>
  <si>
    <t>749.5189819335938</t>
  </si>
  <si>
    <t>0.026993689267271748</t>
  </si>
  <si>
    <t>703.1055297851562</t>
  </si>
  <si>
    <t>0.07239701850587288</t>
  </si>
  <si>
    <t>14837</t>
  </si>
  <si>
    <t>13.595481872558594</t>
  </si>
  <si>
    <t>482.7398681640625</t>
  </si>
  <si>
    <t>0.006966312708033939</t>
  </si>
  <si>
    <t>717.5829467773438</t>
  </si>
  <si>
    <t>-0.03093806396514509</t>
  </si>
  <si>
    <t>15569</t>
  </si>
  <si>
    <t>12.108839988708496</t>
  </si>
  <si>
    <t>675.0632934570312</t>
  </si>
  <si>
    <t>0.07909576070402657</t>
  </si>
  <si>
    <t>17162</t>
  </si>
  <si>
    <t>13.473790168762207</t>
  </si>
  <si>
    <t>531.8538818359375</t>
  </si>
  <si>
    <t>0.09741587967739207</t>
  </si>
  <si>
    <t>8728</t>
  </si>
  <si>
    <t>11.866665840148926</t>
  </si>
  <si>
    <t>503.1000061035156</t>
  </si>
  <si>
    <t>48.46581268310547</t>
  </si>
  <si>
    <t>Vidin</t>
  </si>
  <si>
    <t>8066</t>
  </si>
  <si>
    <t>709.2999877929688</t>
  </si>
  <si>
    <t>-0.07887855207959404</t>
  </si>
  <si>
    <t>515.5000610351562</t>
  </si>
  <si>
    <t>-0.06531574681191188</t>
  </si>
  <si>
    <t>7500</t>
  </si>
  <si>
    <t>11.416667938232422</t>
  </si>
  <si>
    <t>454.1999816894531</t>
  </si>
  <si>
    <t>-0.0074389290969989474</t>
  </si>
  <si>
    <t>7658</t>
  </si>
  <si>
    <t>614.4000244140625</t>
  </si>
  <si>
    <t>0.020847832512837172</t>
  </si>
  <si>
    <t>11.308333396911621</t>
  </si>
  <si>
    <t>751.300048828125</t>
  </si>
  <si>
    <t>0.032124052253267976</t>
  </si>
  <si>
    <t>627.300048828125</t>
  </si>
  <si>
    <t>7219</t>
  </si>
  <si>
    <t>11.216667175292969</t>
  </si>
  <si>
    <t>684.1000366210938</t>
  </si>
  <si>
    <t>-0.14650272486870008</t>
  </si>
  <si>
    <t>7539</t>
  </si>
  <si>
    <t>677.2999877929688</t>
  </si>
  <si>
    <t>0.04337310807254191</t>
  </si>
  <si>
    <t>6941</t>
  </si>
  <si>
    <t>724.0000610351562</t>
  </si>
  <si>
    <t>-0.08264369087211776</t>
  </si>
  <si>
    <t>7292</t>
  </si>
  <si>
    <t>12.941665649414062</t>
  </si>
  <si>
    <t>405.70001220703125</t>
  </si>
  <si>
    <t>0.04933200045896946</t>
  </si>
  <si>
    <t>8244</t>
  </si>
  <si>
    <t>615.7999877929688</t>
  </si>
  <si>
    <t>0.12270780621179611</t>
  </si>
  <si>
    <t>8917</t>
  </si>
  <si>
    <t>719.6000366210938</t>
  </si>
  <si>
    <t>0.07847390412452881</t>
  </si>
  <si>
    <t>623.2000122070312</t>
  </si>
  <si>
    <t>0.00882046694432681</t>
  </si>
  <si>
    <t>9453</t>
  </si>
  <si>
    <t>11.583334922790527</t>
  </si>
  <si>
    <t>673.2000732421875</t>
  </si>
  <si>
    <t>0.04955211734617926</t>
  </si>
  <si>
    <t>9707</t>
  </si>
  <si>
    <t>818.8001098632812</t>
  </si>
  <si>
    <t>0.026515123286841913</t>
  </si>
  <si>
    <t>679.7999877929688</t>
  </si>
  <si>
    <t>-0.026515123286841913</t>
  </si>
  <si>
    <t>10101</t>
  </si>
  <si>
    <t>12.433333396911621</t>
  </si>
  <si>
    <t>729.10009765625</t>
  </si>
  <si>
    <t>0.06630227740379979</t>
  </si>
  <si>
    <t>10645</t>
  </si>
  <si>
    <t>12.449999809265137</t>
  </si>
  <si>
    <t>591.7999877929688</t>
  </si>
  <si>
    <t>0.0524558694983952</t>
  </si>
  <si>
    <t>717.5999755859375</t>
  </si>
  <si>
    <t>-0.04201653892408075</t>
  </si>
  <si>
    <t>9639</t>
  </si>
  <si>
    <t>11.591668128967285</t>
  </si>
  <si>
    <t>769.5000610351562</t>
  </si>
  <si>
    <t>-0.05725639061953025</t>
  </si>
  <si>
    <t>9567</t>
  </si>
  <si>
    <t>483.1000061035156</t>
  </si>
  <si>
    <t>-0.007497692105800979</t>
  </si>
  <si>
    <t>9460</t>
  </si>
  <si>
    <t>12.433334350585938</t>
  </si>
  <si>
    <t>586.0</t>
  </si>
  <si>
    <t>-0.011247293632242972</t>
  </si>
  <si>
    <t>9872</t>
  </si>
  <si>
    <t>12.50833511352539</t>
  </si>
  <si>
    <t>607.1000366210938</t>
  </si>
  <si>
    <t>0.04263008409924396</t>
  </si>
  <si>
    <t>10102</t>
  </si>
  <si>
    <t>12.908333778381348</t>
  </si>
  <si>
    <t>845.7001342773438</t>
  </si>
  <si>
    <t>0.0230309568828293</t>
  </si>
  <si>
    <t>10061</t>
  </si>
  <si>
    <t>12.583333015441895</t>
  </si>
  <si>
    <t>710.0</t>
  </si>
  <si>
    <t>-0.004066860735948197</t>
  </si>
  <si>
    <t>11.916667938232422</t>
  </si>
  <si>
    <t>707.4999389648438</t>
  </si>
  <si>
    <t>-0.006581595357548764</t>
  </si>
  <si>
    <t>10927</t>
  </si>
  <si>
    <t>648.7999877929688</t>
  </si>
  <si>
    <t>0.08915182263624466</t>
  </si>
  <si>
    <t>11189</t>
  </si>
  <si>
    <t>12.966667175292969</t>
  </si>
  <si>
    <t>665.9000244140625</t>
  </si>
  <si>
    <t>0.023694362236975408</t>
  </si>
  <si>
    <t>11698</t>
  </si>
  <si>
    <t>13.383332252502441</t>
  </si>
  <si>
    <t>532.2000122070312</t>
  </si>
  <si>
    <t>0.04448673419524951</t>
  </si>
  <si>
    <t>11238</t>
  </si>
  <si>
    <t>12.866665840148926</t>
  </si>
  <si>
    <t>733.199951171875</t>
  </si>
  <si>
    <t>-0.04011699433082683</t>
  </si>
  <si>
    <t>708.2999877929688</t>
  </si>
  <si>
    <t>0.07909766394629258</t>
  </si>
  <si>
    <t>13408</t>
  </si>
  <si>
    <t>13.333333015441895</t>
  </si>
  <si>
    <t>606.5999755859375</t>
  </si>
  <si>
    <t>0.09745298710342709</t>
  </si>
  <si>
    <t>306</t>
  </si>
  <si>
    <t>15491</t>
  </si>
  <si>
    <t>12.169949531555176</t>
  </si>
  <si>
    <t>478.5848388671875</t>
  </si>
  <si>
    <t>123.75810241699219</t>
  </si>
  <si>
    <t>Vratsa</t>
  </si>
  <si>
    <t>14316</t>
  </si>
  <si>
    <t>10.887713432312012</t>
  </si>
  <si>
    <t>703.6635131835938</t>
  </si>
  <si>
    <t>-0.07888141722044573</t>
  </si>
  <si>
    <t>13411</t>
  </si>
  <si>
    <t>12.243850708007812</t>
  </si>
  <si>
    <t>513.0848999023438</t>
  </si>
  <si>
    <t>-0.06530252717497653</t>
  </si>
  <si>
    <t>11.70328140258789</t>
  </si>
  <si>
    <t>481.248046875</t>
  </si>
  <si>
    <t>-0.007484504663921143</t>
  </si>
  <si>
    <t>13591</t>
  </si>
  <si>
    <t>12.58189868927002</t>
  </si>
  <si>
    <t>628.794189453125</t>
  </si>
  <si>
    <t>0.020817047908328945</t>
  </si>
  <si>
    <t>14035</t>
  </si>
  <si>
    <t>11.619949340820312</t>
  </si>
  <si>
    <t>740.16162109375</t>
  </si>
  <si>
    <t>0.03214640084063447</t>
  </si>
  <si>
    <t>14834</t>
  </si>
  <si>
    <t>10.837714195251465</t>
  </si>
  <si>
    <t>593.9450073242188</t>
  </si>
  <si>
    <t>0.05536763350052176</t>
  </si>
  <si>
    <t>12812</t>
  </si>
  <si>
    <t>11.514134407043457</t>
  </si>
  <si>
    <t>716.959716796875</t>
  </si>
  <si>
    <t>-0.1465396115674551</t>
  </si>
  <si>
    <t>11.42498779296875</t>
  </si>
  <si>
    <t>708.2788696289062</t>
  </si>
  <si>
    <t>0.04337882295317108</t>
  </si>
  <si>
    <t>11.696045875549316</t>
  </si>
  <si>
    <t>715.4923095703125</t>
  </si>
  <si>
    <t>-0.08261826872024614</t>
  </si>
  <si>
    <t>12941</t>
  </si>
  <si>
    <t>13.22828197479248</t>
  </si>
  <si>
    <t>409.5030517578125</t>
  </si>
  <si>
    <t>0.049257779859695816</t>
  </si>
  <si>
    <t>12504</t>
  </si>
  <si>
    <t>11.728282928466797</t>
  </si>
  <si>
    <t>558.885009765625</t>
  </si>
  <si>
    <t>-0.03435197272035673</t>
  </si>
  <si>
    <t>12.64133071899414</t>
  </si>
  <si>
    <t>751.4131469726562</t>
  </si>
  <si>
    <t>0.037900264008777995</t>
  </si>
  <si>
    <t>13401</t>
  </si>
  <si>
    <t>11.810516357421875</t>
  </si>
  <si>
    <t>642.279296875</t>
  </si>
  <si>
    <t>0.03138047391013643</t>
  </si>
  <si>
    <t>13523</t>
  </si>
  <si>
    <t>11.869948387145996</t>
  </si>
  <si>
    <t>650.5829467773438</t>
  </si>
  <si>
    <t>0.00906260845313156</t>
  </si>
  <si>
    <t>14169</t>
  </si>
  <si>
    <t>11.049664497375488</t>
  </si>
  <si>
    <t>820.8024291992188</t>
  </si>
  <si>
    <t>0.046664540090867845</t>
  </si>
  <si>
    <t>13482</t>
  </si>
  <si>
    <t>12.594947814941406</t>
  </si>
  <si>
    <t>697.2439575195312</t>
  </si>
  <si>
    <t>-0.049701017150843185</t>
  </si>
  <si>
    <t>12.72828197479248</t>
  </si>
  <si>
    <t>726.6848754882812</t>
  </si>
  <si>
    <t>-0.005280196702443618</t>
  </si>
  <si>
    <t>12.744949340820312</t>
  </si>
  <si>
    <t>562.0560913085938</t>
  </si>
  <si>
    <t>0.10575563555948975</t>
  </si>
  <si>
    <t>14055</t>
  </si>
  <si>
    <t>12.785517692565918</t>
  </si>
  <si>
    <t>743.113037109375</t>
  </si>
  <si>
    <t>-0.05885269692979733</t>
  </si>
  <si>
    <t>15032</t>
  </si>
  <si>
    <t>11.89494800567627</t>
  </si>
  <si>
    <t>766.72607421875</t>
  </si>
  <si>
    <t>0.06720305775266944</t>
  </si>
  <si>
    <t>15247</t>
  </si>
  <si>
    <t>12.15218448638916</t>
  </si>
  <si>
    <t>518.2638549804688</t>
  </si>
  <si>
    <t>0.014201500278604229</t>
  </si>
  <si>
    <t>15339</t>
  </si>
  <si>
    <t>12.698566436767578</t>
  </si>
  <si>
    <t>611.2646484375</t>
  </si>
  <si>
    <t>0.0060158423762022295</t>
  </si>
  <si>
    <t>13755</t>
  </si>
  <si>
    <t>12.807998657226562</t>
  </si>
  <si>
    <t>603.941162109375</t>
  </si>
  <si>
    <t>-0.1089962103894333</t>
  </si>
  <si>
    <t>15746</t>
  </si>
  <si>
    <t>13.194950103759766</t>
  </si>
  <si>
    <t>893.2508544921875</t>
  </si>
  <si>
    <t>0.1351839703857376</t>
  </si>
  <si>
    <t>14826</t>
  </si>
  <si>
    <t>12.848567008972168</t>
  </si>
  <si>
    <t>732.419189453125</t>
  </si>
  <si>
    <t>-0.06020396852774823</t>
  </si>
  <si>
    <t>12.219948768615723</t>
  </si>
  <si>
    <t>682.9064331054688</t>
  </si>
  <si>
    <t>0.020495393470362444</t>
  </si>
  <si>
    <t>17412</t>
  </si>
  <si>
    <t>13.294949531555176</t>
  </si>
  <si>
    <t>716.6681518554688</t>
  </si>
  <si>
    <t>0.1402818339851617</t>
  </si>
  <si>
    <t>21239</t>
  </si>
  <si>
    <t>13.223565101623535</t>
  </si>
  <si>
    <t>699.8655395507812</t>
  </si>
  <si>
    <t>0.19867949059605827</t>
  </si>
  <si>
    <t>13.6782808303833</t>
  </si>
  <si>
    <t>526.25048828125</t>
  </si>
  <si>
    <t>-0.1757421843310425</t>
  </si>
  <si>
    <t>19807</t>
  </si>
  <si>
    <t>13.161614418029785</t>
  </si>
  <si>
    <t>760.9835205078125</t>
  </si>
  <si>
    <t>0.1059384806200594</t>
  </si>
  <si>
    <t>21438</t>
  </si>
  <si>
    <t>12.199664115905762</t>
  </si>
  <si>
    <t>727.2175903320312</t>
  </si>
  <si>
    <t>0.07912963769420145</t>
  </si>
  <si>
    <t>23632</t>
  </si>
  <si>
    <t>13.602184295654297</t>
  </si>
  <si>
    <t>596.7606811523438</t>
  </si>
  <si>
    <t>0.09743667751969554</t>
  </si>
  <si>
    <t>307</t>
  </si>
  <si>
    <t>8748</t>
  </si>
  <si>
    <t>13.131220817565918</t>
  </si>
  <si>
    <t>487.26361083984375</t>
  </si>
  <si>
    <t>78.27359008789062</t>
  </si>
  <si>
    <t>Yambol</t>
  </si>
  <si>
    <t>8084</t>
  </si>
  <si>
    <t>11.742642402648926</t>
  </si>
  <si>
    <t>527.8724975585938</t>
  </si>
  <si>
    <t>-0.0789383032731461</t>
  </si>
  <si>
    <t>7573</t>
  </si>
  <si>
    <t>12.19234561920166</t>
  </si>
  <si>
    <t>483.0226745605469</t>
  </si>
  <si>
    <t>-0.06529750940968881</t>
  </si>
  <si>
    <t>7517</t>
  </si>
  <si>
    <t>12.20778751373291</t>
  </si>
  <si>
    <t>493.8907470703125</t>
  </si>
  <si>
    <t>-0.00742216793635464</t>
  </si>
  <si>
    <t>7675</t>
  </si>
  <si>
    <t>13.097591400146484</t>
  </si>
  <si>
    <t>648.9657592773438</t>
  </si>
  <si>
    <t>0.020801171277929242</t>
  </si>
  <si>
    <t>7925</t>
  </si>
  <si>
    <t>12.299748420715332</t>
  </si>
  <si>
    <t>653.1683959960938</t>
  </si>
  <si>
    <t>0.03205402629008347</t>
  </si>
  <si>
    <t>8377</t>
  </si>
  <si>
    <t>12.138327598571777</t>
  </si>
  <si>
    <t>614.9804077148438</t>
  </si>
  <si>
    <t>0.055467535408327606</t>
  </si>
  <si>
    <t>7235</t>
  </si>
  <si>
    <t>11.944503784179688</t>
  </si>
  <si>
    <t>725.8326416015625</t>
  </si>
  <si>
    <t>-0.14655949508822452</t>
  </si>
  <si>
    <t>12.718276977539062</t>
  </si>
  <si>
    <t>756.6639404296875</t>
  </si>
  <si>
    <t>0.04341158955581648</t>
  </si>
  <si>
    <t>6957</t>
  </si>
  <si>
    <t>13.32072925567627</t>
  </si>
  <si>
    <t>562.5924682617188</t>
  </si>
  <si>
    <t>-0.0825936026977594</t>
  </si>
  <si>
    <t>7308</t>
  </si>
  <si>
    <t>13.75342845916748</t>
  </si>
  <si>
    <t>437.14007568359375</t>
  </si>
  <si>
    <t>0.04922129157425559</t>
  </si>
  <si>
    <t>7788</t>
  </si>
  <si>
    <t>13.0988187789917</t>
  </si>
  <si>
    <t>517.0004272460938</t>
  </si>
  <si>
    <t>0.0636144489941941</t>
  </si>
  <si>
    <t>13.415484428405762</t>
  </si>
  <si>
    <t>731.6505126953125</t>
  </si>
  <si>
    <t>0.06619835240833893</t>
  </si>
  <si>
    <t>8860</t>
  </si>
  <si>
    <t>12.197887420654297</t>
  </si>
  <si>
    <t>570.5921630859375</t>
  </si>
  <si>
    <t>0.06276432469869597</t>
  </si>
  <si>
    <t>13.29171085357666</t>
  </si>
  <si>
    <t>512.7861328125</t>
  </si>
  <si>
    <t>0.056926382909813</t>
  </si>
  <si>
    <t>12.375679969787598</t>
  </si>
  <si>
    <t>720.8618774414062</t>
  </si>
  <si>
    <t>-0.02199075358616831</t>
  </si>
  <si>
    <t>9389</t>
  </si>
  <si>
    <t>13.148818969726562</t>
  </si>
  <si>
    <t>615.48388671875</t>
  </si>
  <si>
    <t>0.023056397335777135</t>
  </si>
  <si>
    <t>9481</t>
  </si>
  <si>
    <t>13.487101554870605</t>
  </si>
  <si>
    <t>627.1570434570312</t>
  </si>
  <si>
    <t>0.009751004659412033</t>
  </si>
  <si>
    <t>10287</t>
  </si>
  <si>
    <t>13.668574333190918</t>
  </si>
  <si>
    <t>492.265625</t>
  </si>
  <si>
    <t>0.0815911662130695</t>
  </si>
  <si>
    <t>10634</t>
  </si>
  <si>
    <t>13.361170768737793</t>
  </si>
  <si>
    <t>710.25634765625</t>
  </si>
  <si>
    <t>0.033175452933253524</t>
  </si>
  <si>
    <t>11533</t>
  </si>
  <si>
    <t>13.747296333312988</t>
  </si>
  <si>
    <t>740.818603515625</t>
  </si>
  <si>
    <t>0.08115607616165654</t>
  </si>
  <si>
    <t>11500</t>
  </si>
  <si>
    <t>12.40190601348877</t>
  </si>
  <si>
    <t>612.3866577148438</t>
  </si>
  <si>
    <t>-0.0028654558745984104</t>
  </si>
  <si>
    <t>12375</t>
  </si>
  <si>
    <t>13.708377838134766</t>
  </si>
  <si>
    <t>688.04541015625</t>
  </si>
  <si>
    <t>0.07333127308555021</t>
  </si>
  <si>
    <t>11916</t>
  </si>
  <si>
    <t>13.685535430908203</t>
  </si>
  <si>
    <t>544.7528686523438</t>
  </si>
  <si>
    <t>-0.03779627360371762</t>
  </si>
  <si>
    <t>13.445731163024902</t>
  </si>
  <si>
    <t>918.3632202148438</t>
  </si>
  <si>
    <t>0.07257824567640192</t>
  </si>
  <si>
    <t>13120</t>
  </si>
  <si>
    <t>13.434013366699219</t>
  </si>
  <si>
    <t>773.4251098632812</t>
  </si>
  <si>
    <t>0.02367750298850524</t>
  </si>
  <si>
    <t>13.575045585632324</t>
  </si>
  <si>
    <t>568.6090087890625</t>
  </si>
  <si>
    <t>0.00925581298671041</t>
  </si>
  <si>
    <t>13267</t>
  </si>
  <si>
    <t>13.829063415527344</t>
  </si>
  <si>
    <t>674.5525512695312</t>
  </si>
  <si>
    <t>0.001886152432126309</t>
  </si>
  <si>
    <t>13697</t>
  </si>
  <si>
    <t>13.854994773864746</t>
  </si>
  <si>
    <t>712.69091796875</t>
  </si>
  <si>
    <t>0.031897081817904294</t>
  </si>
  <si>
    <t>13592</t>
  </si>
  <si>
    <t>14.549114227294922</t>
  </si>
  <si>
    <t>446.8828430175781</t>
  </si>
  <si>
    <t>-0.007695446383053195</t>
  </si>
  <si>
    <t>13388</t>
  </si>
  <si>
    <t>14.50435733795166</t>
  </si>
  <si>
    <t>674.2066650390625</t>
  </si>
  <si>
    <t>-0.015122601020552295</t>
  </si>
  <si>
    <t>14490</t>
  </si>
  <si>
    <t>13.674750328063965</t>
  </si>
  <si>
    <t>669.2987060546875</t>
  </si>
  <si>
    <t>0.07909997298351179</t>
  </si>
  <si>
    <t>15973</t>
  </si>
  <si>
    <t>14.241076469421387</t>
  </si>
  <si>
    <t>543.9840087890625</t>
  </si>
  <si>
    <t>0.09744104047522839</t>
  </si>
  <si>
    <t>308</t>
  </si>
  <si>
    <t>BHS</t>
  </si>
  <si>
    <t>33854</t>
  </si>
  <si>
    <t>11.74271011352539</t>
  </si>
  <si>
    <t>477.8825988769531</t>
  </si>
  <si>
    <t>132.18055725097656</t>
  </si>
  <si>
    <t>Family Islands</t>
  </si>
  <si>
    <t>Bahamas</t>
  </si>
  <si>
    <t>31809</t>
  </si>
  <si>
    <t>11.542536735534668</t>
  </si>
  <si>
    <t>591.4905395507812</t>
  </si>
  <si>
    <t>-0.062307892155134326</t>
  </si>
  <si>
    <t>29952</t>
  </si>
  <si>
    <t>11.40305233001709</t>
  </si>
  <si>
    <t>495.8826599121094</t>
  </si>
  <si>
    <t>-0.06015316831658879</t>
  </si>
  <si>
    <t>29401</t>
  </si>
  <si>
    <t>11.329140663146973</t>
  </si>
  <si>
    <t>536.1693725585938</t>
  </si>
  <si>
    <t>-0.018567412923554016</t>
  </si>
  <si>
    <t>29728</t>
  </si>
  <si>
    <t>11.665291786193848</t>
  </si>
  <si>
    <t>554.4635009765625</t>
  </si>
  <si>
    <t>0.011060675259798813</t>
  </si>
  <si>
    <t>30456</t>
  </si>
  <si>
    <t>11.48709774017334</t>
  </si>
  <si>
    <t>721.8311767578125</t>
  </si>
  <si>
    <t>0.024193656448769474</t>
  </si>
  <si>
    <t>11.314994812011719</t>
  </si>
  <si>
    <t>599.265869140625</t>
  </si>
  <si>
    <t>0.023686257082497164</t>
  </si>
  <si>
    <t>31058</t>
  </si>
  <si>
    <t>11.565648078918457</t>
  </si>
  <si>
    <t>594.9210815429688</t>
  </si>
  <si>
    <t>-0.004112852015696333</t>
  </si>
  <si>
    <t>31988</t>
  </si>
  <si>
    <t>11.664192199707031</t>
  </si>
  <si>
    <t>476.18890380859375</t>
  </si>
  <si>
    <t>0.029504408322646114</t>
  </si>
  <si>
    <t>33756</t>
  </si>
  <si>
    <t>11.370917320251465</t>
  </si>
  <si>
    <t>537.7784423828125</t>
  </si>
  <si>
    <t>0.05379734682607662</t>
  </si>
  <si>
    <t>34648</t>
  </si>
  <si>
    <t>11.2412748336792</t>
  </si>
  <si>
    <t>497.24615478515625</t>
  </si>
  <si>
    <t>0.026081824616605687</t>
  </si>
  <si>
    <t>35065</t>
  </si>
  <si>
    <t>11.51921558380127</t>
  </si>
  <si>
    <t>566.6961669921875</t>
  </si>
  <si>
    <t>0.011963478076546963</t>
  </si>
  <si>
    <t>11.432244300842285</t>
  </si>
  <si>
    <t>558.7156372070312</t>
  </si>
  <si>
    <t>0.013624150348926278</t>
  </si>
  <si>
    <t>34636</t>
  </si>
  <si>
    <t>11.576507568359375</t>
  </si>
  <si>
    <t>472.8703308105469</t>
  </si>
  <si>
    <t>-0.025934028752244487</t>
  </si>
  <si>
    <t>34478</t>
  </si>
  <si>
    <t>11.452317237854004</t>
  </si>
  <si>
    <t>332.8853759765625</t>
  </si>
  <si>
    <t>-0.004572164112767396</t>
  </si>
  <si>
    <t>35170</t>
  </si>
  <si>
    <t>11.430736541748047</t>
  </si>
  <si>
    <t>489.8147277832031</t>
  </si>
  <si>
    <t>0.01987200701310421</t>
  </si>
  <si>
    <t>35565</t>
  </si>
  <si>
    <t>11.513851165771484</t>
  </si>
  <si>
    <t>478.7193603515625</t>
  </si>
  <si>
    <t>0.011168561699587798</t>
  </si>
  <si>
    <t>35582</t>
  </si>
  <si>
    <t>11.615656852722168</t>
  </si>
  <si>
    <t>602.8933715820312</t>
  </si>
  <si>
    <t>0.0004778838271040087</t>
  </si>
  <si>
    <t>34271</t>
  </si>
  <si>
    <t>11.471112251281738</t>
  </si>
  <si>
    <t>464.0379638671875</t>
  </si>
  <si>
    <t>-0.03754037651094322</t>
  </si>
  <si>
    <t>32376</t>
  </si>
  <si>
    <t>11.485478401184082</t>
  </si>
  <si>
    <t>490.1341247558594</t>
  </si>
  <si>
    <t>-0.05688210792807524</t>
  </si>
  <si>
    <t>32421</t>
  </si>
  <si>
    <t>11.124427795410156</t>
  </si>
  <si>
    <t>528.0396728515625</t>
  </si>
  <si>
    <t>0.001388953415572658</t>
  </si>
  <si>
    <t>32224</t>
  </si>
  <si>
    <t>11.737334251403809</t>
  </si>
  <si>
    <t>484.5731506347656</t>
  </si>
  <si>
    <t>-0.0060948444529849155</t>
  </si>
  <si>
    <t>32869</t>
  </si>
  <si>
    <t>11.64632511138916</t>
  </si>
  <si>
    <t>563.519775390625</t>
  </si>
  <si>
    <t>0.01981844779918518</t>
  </si>
  <si>
    <t>31639</t>
  </si>
  <si>
    <t>11.54327392578125</t>
  </si>
  <si>
    <t>588.4522705078125</t>
  </si>
  <si>
    <t>-0.038139427497929645</t>
  </si>
  <si>
    <t>31943</t>
  </si>
  <si>
    <t>11.630523681640625</t>
  </si>
  <si>
    <t>491.8531494140625</t>
  </si>
  <si>
    <t>0.009562527650135877</t>
  </si>
  <si>
    <t>31976</t>
  </si>
  <si>
    <t>11.933362007141113</t>
  </si>
  <si>
    <t>559.6172485351562</t>
  </si>
  <si>
    <t>0.0010325569214781893</t>
  </si>
  <si>
    <t>30179</t>
  </si>
  <si>
    <t>11.827509880065918</t>
  </si>
  <si>
    <t>560.4161987304688</t>
  </si>
  <si>
    <t>-0.05783930314445662</t>
  </si>
  <si>
    <t>36643</t>
  </si>
  <si>
    <t>11.744056701660156</t>
  </si>
  <si>
    <t>529.3025512695312</t>
  </si>
  <si>
    <t>0.1940760959188239</t>
  </si>
  <si>
    <t>37913</t>
  </si>
  <si>
    <t>11.776280403137207</t>
  </si>
  <si>
    <t>577.8456420898438</t>
  </si>
  <si>
    <t>0.034071647006792105</t>
  </si>
  <si>
    <t>34893</t>
  </si>
  <si>
    <t>12.036080360412598</t>
  </si>
  <si>
    <t>631.4390869140625</t>
  </si>
  <si>
    <t>-0.08300782516517025</t>
  </si>
  <si>
    <t>11.919868469238281</t>
  </si>
  <si>
    <t>739.33642578125</t>
  </si>
  <si>
    <t>-0.2728046130469526</t>
  </si>
  <si>
    <t>30962</t>
  </si>
  <si>
    <t>11.739212036132812</t>
  </si>
  <si>
    <t>506.5574035644531</t>
  </si>
  <si>
    <t>0.15327902314021458</t>
  </si>
  <si>
    <t>35228</t>
  </si>
  <si>
    <t>11.911128044128418</t>
  </si>
  <si>
    <t>596.0119018554688</t>
  </si>
  <si>
    <t>0.12908057482493973</t>
  </si>
  <si>
    <t>311</t>
  </si>
  <si>
    <t>BIH</t>
  </si>
  <si>
    <t>1573</t>
  </si>
  <si>
    <t>9.986211776733398</t>
  </si>
  <si>
    <t>829.20068359375</t>
  </si>
  <si>
    <t>1020.236328125</t>
  </si>
  <si>
    <t>Federacija Bosna i Hercegovina</t>
  </si>
  <si>
    <t>Bosnia and Herzegovina</t>
  </si>
  <si>
    <t>8.802423477172852</t>
  </si>
  <si>
    <t>1066.925048828125</t>
  </si>
  <si>
    <t>0.22199858585613352</t>
  </si>
  <si>
    <t>10.04746150970459</t>
  </si>
  <si>
    <t>941.0614013671875</t>
  </si>
  <si>
    <t>-0.07669631039628921</t>
  </si>
  <si>
    <t>9.560794830322266</t>
  </si>
  <si>
    <t>1050.4747314453125</t>
  </si>
  <si>
    <t>0.0319204812500864</t>
  </si>
  <si>
    <t>10.431807518005371</t>
  </si>
  <si>
    <t>899.3356323242188</t>
  </si>
  <si>
    <t>-0.0429764258176748</t>
  </si>
  <si>
    <t>2179</t>
  </si>
  <si>
    <t>9.459799766540527</t>
  </si>
  <si>
    <t>1181.220458984375</t>
  </si>
  <si>
    <t>0.19163510099408665</t>
  </si>
  <si>
    <t>8.762940406799316</t>
  </si>
  <si>
    <t>1154.1502685546875</t>
  </si>
  <si>
    <t>0.5951026554667713</t>
  </si>
  <si>
    <t>5124</t>
  </si>
  <si>
    <t>9.494009971618652</t>
  </si>
  <si>
    <t>944.2511596679688</t>
  </si>
  <si>
    <t>0.2599666726052341</t>
  </si>
  <si>
    <t>5825</t>
  </si>
  <si>
    <t>9.427069664001465</t>
  </si>
  <si>
    <t>1083.546142578125</t>
  </si>
  <si>
    <t>0.12822361541727645</t>
  </si>
  <si>
    <t>6325</t>
  </si>
  <si>
    <t>9.648868560791016</t>
  </si>
  <si>
    <t>1175.991943359375</t>
  </si>
  <si>
    <t>0.0823510351618193</t>
  </si>
  <si>
    <t>11.138782501220703</t>
  </si>
  <si>
    <t>921.869140625</t>
  </si>
  <si>
    <t>0.11346983852905979</t>
  </si>
  <si>
    <t>7228</t>
  </si>
  <si>
    <t>9.615285873413086</t>
  </si>
  <si>
    <t>899.2314453125</t>
  </si>
  <si>
    <t>0.019982499587337443</t>
  </si>
  <si>
    <t>10.475258827209473</t>
  </si>
  <si>
    <t>1217.0985107421875</t>
  </si>
  <si>
    <t>0.04781464436416094</t>
  </si>
  <si>
    <t>9.794102668762207</t>
  </si>
  <si>
    <t>775.1871337890625</t>
  </si>
  <si>
    <t>0.04108574237883289</t>
  </si>
  <si>
    <t>8311</t>
  </si>
  <si>
    <t>9.697184562683105</t>
  </si>
  <si>
    <t>1156.8218994140625</t>
  </si>
  <si>
    <t>0.050717179097913956</t>
  </si>
  <si>
    <t>8541</t>
  </si>
  <si>
    <t>8.917523384094238</t>
  </si>
  <si>
    <t>1230.08349609375</t>
  </si>
  <si>
    <t>0.027298158393120886</t>
  </si>
  <si>
    <t>9028</t>
  </si>
  <si>
    <t>10.415314674377441</t>
  </si>
  <si>
    <t>928.0341186523438</t>
  </si>
  <si>
    <t>0.055452761991279687</t>
  </si>
  <si>
    <t>9711</t>
  </si>
  <si>
    <t>10.657122611999512</t>
  </si>
  <si>
    <t>954.9939575195312</t>
  </si>
  <si>
    <t>0.07292840465692763</t>
  </si>
  <si>
    <t>10.555928230285645</t>
  </si>
  <si>
    <t>1095.5001220703125</t>
  </si>
  <si>
    <t>0.06921939304350566</t>
  </si>
  <si>
    <t>10305</t>
  </si>
  <si>
    <t>10.622733116149902</t>
  </si>
  <si>
    <t>1106.1214599609375</t>
  </si>
  <si>
    <t>-0.009849442313301537</t>
  </si>
  <si>
    <t>10737</t>
  </si>
  <si>
    <t>9.805150032043457</t>
  </si>
  <si>
    <t>1346.2684326171875</t>
  </si>
  <si>
    <t>0.041066506109576295</t>
  </si>
  <si>
    <t>11019</t>
  </si>
  <si>
    <t>10.310774803161621</t>
  </si>
  <si>
    <t>754.8642578125</t>
  </si>
  <si>
    <t>0.025925335053642584</t>
  </si>
  <si>
    <t>10.662992477416992</t>
  </si>
  <si>
    <t>1039.26708984375</t>
  </si>
  <si>
    <t>0.025712502747458288</t>
  </si>
  <si>
    <t>11797</t>
  </si>
  <si>
    <t>10.701272010803223</t>
  </si>
  <si>
    <t>1184.7548828125</t>
  </si>
  <si>
    <t>0.04251170360660694</t>
  </si>
  <si>
    <t>12298</t>
  </si>
  <si>
    <t>11.068621635437012</t>
  </si>
  <si>
    <t>1434.9774169921875</t>
  </si>
  <si>
    <t>0.0415913856715715</t>
  </si>
  <si>
    <t>13084</t>
  </si>
  <si>
    <t>10.831318855285645</t>
  </si>
  <si>
    <t>976.4560546875</t>
  </si>
  <si>
    <t>0.06195346214486008</t>
  </si>
  <si>
    <t>10.088032722473145</t>
  </si>
  <si>
    <t>1074.929931640625</t>
  </si>
  <si>
    <t>0.017200651388744603</t>
  </si>
  <si>
    <t>13923</t>
  </si>
  <si>
    <t>11.209567070007324</t>
  </si>
  <si>
    <t>915.437744140625</t>
  </si>
  <si>
    <t>0.044951387862266046</t>
  </si>
  <si>
    <t>14680</t>
  </si>
  <si>
    <t>11.088440895080566</t>
  </si>
  <si>
    <t>1039.6475830078125</t>
  </si>
  <si>
    <t>0.05294387425922231</t>
  </si>
  <si>
    <t>15253</t>
  </si>
  <si>
    <t>11.529322624206543</t>
  </si>
  <si>
    <t>1095.147705078125</t>
  </si>
  <si>
    <t>0.038290181831426295</t>
  </si>
  <si>
    <t>14979</t>
  </si>
  <si>
    <t>11.060395240783691</t>
  </si>
  <si>
    <t>1057.4603271484375</t>
  </si>
  <si>
    <t>-0.018126984831214443</t>
  </si>
  <si>
    <t>16317</t>
  </si>
  <si>
    <t>10.262310981750488</t>
  </si>
  <si>
    <t>992.662841796875</t>
  </si>
  <si>
    <t>0.08555828892235162</t>
  </si>
  <si>
    <t>17180</t>
  </si>
  <si>
    <t>11.613020896911621</t>
  </si>
  <si>
    <t>909.63720703125</t>
  </si>
  <si>
    <t>0.051538407447175416</t>
  </si>
  <si>
    <t>312</t>
  </si>
  <si>
    <t>1432</t>
  </si>
  <si>
    <t>11.1362886428833</t>
  </si>
  <si>
    <t>775.76708984375</t>
  </si>
  <si>
    <t>676.7288818359375</t>
  </si>
  <si>
    <t>Repuplika Srpska</t>
  </si>
  <si>
    <t>9.883724212646484</t>
  </si>
  <si>
    <t>997.8157958984375</t>
  </si>
  <si>
    <t>0.222025608212868</t>
  </si>
  <si>
    <t>11.224299430847168</t>
  </si>
  <si>
    <t>865.4794311523438</t>
  </si>
  <si>
    <t>-0.07669262078825412</t>
  </si>
  <si>
    <t>10.641590118408203</t>
  </si>
  <si>
    <t>964.46044921875</t>
  </si>
  <si>
    <t>0.03150334817038569</t>
  </si>
  <si>
    <t>11.53015422821045</t>
  </si>
  <si>
    <t>856.5568237304688</t>
  </si>
  <si>
    <t>-0.042432418702575525</t>
  </si>
  <si>
    <t>10.574860572814941</t>
  </si>
  <si>
    <t>1147.693603515625</t>
  </si>
  <si>
    <t>0.1916390234318026</t>
  </si>
  <si>
    <t>3597</t>
  </si>
  <si>
    <t>9.732712745666504</t>
  </si>
  <si>
    <t>1092.1033935546875</t>
  </si>
  <si>
    <t>0.5949851558508055</t>
  </si>
  <si>
    <t>4665</t>
  </si>
  <si>
    <t>10.643097877502441</t>
  </si>
  <si>
    <t>888.337646484375</t>
  </si>
  <si>
    <t>0.2599876695858203</t>
  </si>
  <si>
    <t>5303</t>
  </si>
  <si>
    <t>10.564778327941895</t>
  </si>
  <si>
    <t>1045.4385986328125</t>
  </si>
  <si>
    <t>0.12818486385568661</t>
  </si>
  <si>
    <t>5758</t>
  </si>
  <si>
    <t>10.736812591552734</t>
  </si>
  <si>
    <t>1135.6959228515625</t>
  </si>
  <si>
    <t>0.08231749403499045</t>
  </si>
  <si>
    <t>6450</t>
  </si>
  <si>
    <t>12.339637756347656</t>
  </si>
  <si>
    <t>871.8507080078125</t>
  </si>
  <si>
    <t>0.11348993861769685</t>
  </si>
  <si>
    <t>6580</t>
  </si>
  <si>
    <t>10.71575927734375</t>
  </si>
  <si>
    <t>861.8935546875</t>
  </si>
  <si>
    <t>0.019954614529545722</t>
  </si>
  <si>
    <t>6903</t>
  </si>
  <si>
    <t>11.596080780029297</t>
  </si>
  <si>
    <t>1211.8543701171875</t>
  </si>
  <si>
    <t>0.047921354384111936</t>
  </si>
  <si>
    <t>7192</t>
  </si>
  <si>
    <t>10.854022979736328</t>
  </si>
  <si>
    <t>717.9999389648438</t>
  </si>
  <si>
    <t>0.04101319744798104</t>
  </si>
  <si>
    <t>7929</t>
  </si>
  <si>
    <t>10.74432373046875</t>
  </si>
  <si>
    <t>1041.6378173828125</t>
  </si>
  <si>
    <t>0.09755762712094196</t>
  </si>
  <si>
    <t>8605</t>
  </si>
  <si>
    <t>9.938695907592773</t>
  </si>
  <si>
    <t>1176.7633056640625</t>
  </si>
  <si>
    <t>0.08181650537324181</t>
  </si>
  <si>
    <t>9274</t>
  </si>
  <si>
    <t>11.549466133117676</t>
  </si>
  <si>
    <t>865.4019775390625</t>
  </si>
  <si>
    <t>0.07487135630576702</t>
  </si>
  <si>
    <t>9876</t>
  </si>
  <si>
    <t>11.731167793273926</t>
  </si>
  <si>
    <t>886.5200805664062</t>
  </si>
  <si>
    <t>0.06289278551366273</t>
  </si>
  <si>
    <t>10612</t>
  </si>
  <si>
    <t>11.653935432434082</t>
  </si>
  <si>
    <t>1033.79150390625</t>
  </si>
  <si>
    <t>0.07187786479255998</t>
  </si>
  <si>
    <t>11.762775421142578</t>
  </si>
  <si>
    <t>1030.2783203125</t>
  </si>
  <si>
    <t>-0.020564319496248373</t>
  </si>
  <si>
    <t>10441</t>
  </si>
  <si>
    <t>10.884627342224121</t>
  </si>
  <si>
    <t>1282.984619140625</t>
  </si>
  <si>
    <t>0.004319246528728726</t>
  </si>
  <si>
    <t>11.348190307617188</t>
  </si>
  <si>
    <t>721.3187866210938</t>
  </si>
  <si>
    <t>0.027675910446664176</t>
  </si>
  <si>
    <t>11.7332181930542</t>
  </si>
  <si>
    <t>982.0225219726562</t>
  </si>
  <si>
    <t>-0.014734441408721821</t>
  </si>
  <si>
    <t>10911</t>
  </si>
  <si>
    <t>11.748432159423828</t>
  </si>
  <si>
    <t>1130.8447265625</t>
  </si>
  <si>
    <t>0.031089622327046484</t>
  </si>
  <si>
    <t>10818</t>
  </si>
  <si>
    <t>12.20804500579834</t>
  </si>
  <si>
    <t>1408.3265380859375</t>
  </si>
  <si>
    <t>-0.00856004122372589</t>
  </si>
  <si>
    <t>11.91736888885498</t>
  </si>
  <si>
    <t>944.8656616210938</t>
  </si>
  <si>
    <t>0.038623239595048986</t>
  </si>
  <si>
    <t>12495</t>
  </si>
  <si>
    <t>11.165599822998047</t>
  </si>
  <si>
    <t>1046.9150390625</t>
  </si>
  <si>
    <t>0.10549391124263074</t>
  </si>
  <si>
    <t>13036</t>
  </si>
  <si>
    <t>12.37851333618164</t>
  </si>
  <si>
    <t>915.1981201171875</t>
  </si>
  <si>
    <t>0.04238619668839938</t>
  </si>
  <si>
    <t>13639</t>
  </si>
  <si>
    <t>12.181218147277832</t>
  </si>
  <si>
    <t>1006.2369995117188</t>
  </si>
  <si>
    <t>0.045218574969423386</t>
  </si>
  <si>
    <t>12.649397850036621</t>
  </si>
  <si>
    <t>1062.7081298828125</t>
  </si>
  <si>
    <t>0.03911072836773144</t>
  </si>
  <si>
    <t>13929</t>
  </si>
  <si>
    <t>12.183964729309082</t>
  </si>
  <si>
    <t>984.367431640625</t>
  </si>
  <si>
    <t>-0.018071066606575314</t>
  </si>
  <si>
    <t>15172</t>
  </si>
  <si>
    <t>11.288973808288574</t>
  </si>
  <si>
    <t>902.619384765625</t>
  </si>
  <si>
    <t>0.08547862612075718</t>
  </si>
  <si>
    <t>15975</t>
  </si>
  <si>
    <t>12.738018035888672</t>
  </si>
  <si>
    <t>868.4949340820312</t>
  </si>
  <si>
    <t>0.051573376436946816</t>
  </si>
  <si>
    <t>313</t>
  </si>
  <si>
    <t>BLR</t>
  </si>
  <si>
    <t>6970</t>
  </si>
  <si>
    <t>8.35878849029541</t>
  </si>
  <si>
    <t>637.854248046875</t>
  </si>
  <si>
    <t>862.4039306640625</t>
  </si>
  <si>
    <t>Brest</t>
  </si>
  <si>
    <t>Belarus</t>
  </si>
  <si>
    <t>6881</t>
  </si>
  <si>
    <t>7.741807460784912</t>
  </si>
  <si>
    <t>500.8276672363281</t>
  </si>
  <si>
    <t>-0.012851234552089252</t>
  </si>
  <si>
    <t>6204</t>
  </si>
  <si>
    <t>8.011065483093262</t>
  </si>
  <si>
    <t>597.2174682617188</t>
  </si>
  <si>
    <t>-0.10356974490604998</t>
  </si>
  <si>
    <t>5718</t>
  </si>
  <si>
    <t>7.102092266082764</t>
  </si>
  <si>
    <t>606.2696533203125</t>
  </si>
  <si>
    <t>-0.08157515141417271</t>
  </si>
  <si>
    <t>5053</t>
  </si>
  <si>
    <t>7.297038555145264</t>
  </si>
  <si>
    <t>592.4242553710938</t>
  </si>
  <si>
    <t>-0.12363696759034859</t>
  </si>
  <si>
    <t>7.262905597686768</t>
  </si>
  <si>
    <t>566.4271850585938</t>
  </si>
  <si>
    <t>-0.10705511425651437</t>
  </si>
  <si>
    <t>4679</t>
  </si>
  <si>
    <t>6.467828273773193</t>
  </si>
  <si>
    <t>570.5555419921875</t>
  </si>
  <si>
    <t>0.030157399830821774</t>
  </si>
  <si>
    <t>5230</t>
  </si>
  <si>
    <t>7.471147537231445</t>
  </si>
  <si>
    <t>660.149169921875</t>
  </si>
  <si>
    <t>0.11132686619275312</t>
  </si>
  <si>
    <t>5689</t>
  </si>
  <si>
    <t>7.205686569213867</t>
  </si>
  <si>
    <t>714.4692993164062</t>
  </si>
  <si>
    <t>0.08412320769167891</t>
  </si>
  <si>
    <t>5904</t>
  </si>
  <si>
    <t>8.309427261352539</t>
  </si>
  <si>
    <t>585.518798828125</t>
  </si>
  <si>
    <t>0.03709560152966063</t>
  </si>
  <si>
    <t>6270</t>
  </si>
  <si>
    <t>8.863536834716797</t>
  </si>
  <si>
    <t>597.8327026367188</t>
  </si>
  <si>
    <t>0.06014626734665818</t>
  </si>
  <si>
    <t>6591</t>
  </si>
  <si>
    <t>7.702287673950195</t>
  </si>
  <si>
    <t>665.8836669921875</t>
  </si>
  <si>
    <t>0.04992872742575294</t>
  </si>
  <si>
    <t>8.246575355529785</t>
  </si>
  <si>
    <t>540.4664306640625</t>
  </si>
  <si>
    <t>0.0540432648709217</t>
  </si>
  <si>
    <t>7.34988260269165</t>
  </si>
  <si>
    <t>564.1655883789062</t>
  </si>
  <si>
    <t>0.07355339223378721</t>
  </si>
  <si>
    <t>8.034066200256348</t>
  </si>
  <si>
    <t>654.13671875</t>
  </si>
  <si>
    <t>0.11361958468886613</t>
  </si>
  <si>
    <t>7.003114223480225</t>
  </si>
  <si>
    <t>555.58154296875</t>
  </si>
  <si>
    <t>0.0951042612714712</t>
  </si>
  <si>
    <t>10195</t>
  </si>
  <si>
    <t>8.544569969177246</t>
  </si>
  <si>
    <t>613.0700073242188</t>
  </si>
  <si>
    <t>0.09987181889079011</t>
  </si>
  <si>
    <t>8.319655418395996</t>
  </si>
  <si>
    <t>582.7214965820312</t>
  </si>
  <si>
    <t>0.08558809879299645</t>
  </si>
  <si>
    <t>8.641365051269531</t>
  </si>
  <si>
    <t>659.803955078125</t>
  </si>
  <si>
    <t>0.09910109596047434</t>
  </si>
  <si>
    <t>7.400546550750732</t>
  </si>
  <si>
    <t>769.0227661132812</t>
  </si>
  <si>
    <t>0.0028500487513873907</t>
  </si>
  <si>
    <t>8.042326927185059</t>
  </si>
  <si>
    <t>747.7537231445312</t>
  </si>
  <si>
    <t>0.07576772357208661</t>
  </si>
  <si>
    <t>13995</t>
  </si>
  <si>
    <t>8.20562744140625</t>
  </si>
  <si>
    <t>552.7559814453125</t>
  </si>
  <si>
    <t>0.05349575186405353</t>
  </si>
  <si>
    <t>14237</t>
  </si>
  <si>
    <t>7.495659351348877</t>
  </si>
  <si>
    <t>672.9887084960938</t>
  </si>
  <si>
    <t>0.01714408666419054</t>
  </si>
  <si>
    <t>8.312029838562012</t>
  </si>
  <si>
    <t>665.2013549804688</t>
  </si>
  <si>
    <t>0.009159301928235664</t>
  </si>
  <si>
    <t>14590</t>
  </si>
  <si>
    <t>9.011160850524902</t>
  </si>
  <si>
    <t>561.5870971679688</t>
  </si>
  <si>
    <t>0.015332850974850487</t>
  </si>
  <si>
    <t>13996</t>
  </si>
  <si>
    <t>8.8065767288208</t>
  </si>
  <si>
    <t>521.921875</t>
  </si>
  <si>
    <t>-0.04156478802925179</t>
  </si>
  <si>
    <t>14027</t>
  </si>
  <si>
    <t>8.594755172729492</t>
  </si>
  <si>
    <t>685.0128173828125</t>
  </si>
  <si>
    <t>0.0022124692320915074</t>
  </si>
  <si>
    <t>6345</t>
  </si>
  <si>
    <t>8.621005058288574</t>
  </si>
  <si>
    <t>742.7992553710938</t>
  </si>
  <si>
    <t>-0.7933169425711828</t>
  </si>
  <si>
    <t>14958</t>
  </si>
  <si>
    <t>8.62508487701416</t>
  </si>
  <si>
    <t>551.4511108398438</t>
  </si>
  <si>
    <t>0.8575791726031241</t>
  </si>
  <si>
    <t>15093</t>
  </si>
  <si>
    <t>9.927348136901855</t>
  </si>
  <si>
    <t>525.40625</t>
  </si>
  <si>
    <t>0.008984786407815193</t>
  </si>
  <si>
    <t>15256</t>
  </si>
  <si>
    <t>9.332050323486328</t>
  </si>
  <si>
    <t>608.321533203125</t>
  </si>
  <si>
    <t>0.010741808120828367</t>
  </si>
  <si>
    <t>14925</t>
  </si>
  <si>
    <t>8.095498085021973</t>
  </si>
  <si>
    <t>668.8877563476562</t>
  </si>
  <si>
    <t>-0.02193520901945334</t>
  </si>
  <si>
    <t>14326</t>
  </si>
  <si>
    <t>8.81185531616211</t>
  </si>
  <si>
    <t>626.4976806640625</t>
  </si>
  <si>
    <t>-0.040961591086405846</t>
  </si>
  <si>
    <t>314</t>
  </si>
  <si>
    <t>7618</t>
  </si>
  <si>
    <t>8.165620803833008</t>
  </si>
  <si>
    <t>660.6983032226562</t>
  </si>
  <si>
    <t>815.1248779296875</t>
  </si>
  <si>
    <t>Homyel'</t>
  </si>
  <si>
    <t>7521</t>
  </si>
  <si>
    <t>7.604483127593994</t>
  </si>
  <si>
    <t>576.6736450195312</t>
  </si>
  <si>
    <t>-0.012814760212146226</t>
  </si>
  <si>
    <t>6781</t>
  </si>
  <si>
    <t>7.77790641784668</t>
  </si>
  <si>
    <t>548.8941650390625</t>
  </si>
  <si>
    <t>-0.10357452414256052</t>
  </si>
  <si>
    <t>6249</t>
  </si>
  <si>
    <t>6.9157328605651855</t>
  </si>
  <si>
    <t>656.788330078125</t>
  </si>
  <si>
    <t>-0.08170313275475927</t>
  </si>
  <si>
    <t>6.962636470794678</t>
  </si>
  <si>
    <t>541.4021606445312</t>
  </si>
  <si>
    <t>-0.12350026002789427</t>
  </si>
  <si>
    <t>4962</t>
  </si>
  <si>
    <t>7.191513538360596</t>
  </si>
  <si>
    <t>570.0411987304688</t>
  </si>
  <si>
    <t>-0.10711230564944252</t>
  </si>
  <si>
    <t>5114</t>
  </si>
  <si>
    <t>6.519324779510498</t>
  </si>
  <si>
    <t>557.8679809570312</t>
  </si>
  <si>
    <t>0.030172991599386023</t>
  </si>
  <si>
    <t>7.194498538970947</t>
  </si>
  <si>
    <t>680.954833984375</t>
  </si>
  <si>
    <t>0.11128738319862563</t>
  </si>
  <si>
    <t>6218</t>
  </si>
  <si>
    <t>6.985044479370117</t>
  </si>
  <si>
    <t>783.4576416015625</t>
  </si>
  <si>
    <t>0.08417905156894179</t>
  </si>
  <si>
    <t>6453</t>
  </si>
  <si>
    <t>8.17406177520752</t>
  </si>
  <si>
    <t>619.830810546875</t>
  </si>
  <si>
    <t>0.037096827317141035</t>
  </si>
  <si>
    <t>6853</t>
  </si>
  <si>
    <t>8.632919311523438</t>
  </si>
  <si>
    <t>619.8742065429688</t>
  </si>
  <si>
    <t>0.06014137364998362</t>
  </si>
  <si>
    <t>7.506155490875244</t>
  </si>
  <si>
    <t>632.8694458007812</t>
  </si>
  <si>
    <t>0.04981109330353917</t>
  </si>
  <si>
    <t>8.037412643432617</t>
  </si>
  <si>
    <t>535.9141845703125</t>
  </si>
  <si>
    <t>0.054045300339073066</t>
  </si>
  <si>
    <t>7.166181564331055</t>
  </si>
  <si>
    <t>634.6806030273438</t>
  </si>
  <si>
    <t>0.07363812240302714</t>
  </si>
  <si>
    <t>9169</t>
  </si>
  <si>
    <t>7.8679633140563965</t>
  </si>
  <si>
    <t>633.586669921875</t>
  </si>
  <si>
    <t>0.11364720041843768</t>
  </si>
  <si>
    <t>10084</t>
  </si>
  <si>
    <t>6.94401216506958</t>
  </si>
  <si>
    <t>602.7656860351562</t>
  </si>
  <si>
    <t>0.09512178025791052</t>
  </si>
  <si>
    <t>11143</t>
  </si>
  <si>
    <t>8.249175071716309</t>
  </si>
  <si>
    <t>671.9646606445312</t>
  </si>
  <si>
    <t>0.09986148873924172</t>
  </si>
  <si>
    <t>8.231425285339355</t>
  </si>
  <si>
    <t>582.6385498046875</t>
  </si>
  <si>
    <t>0.08561191185075145</t>
  </si>
  <si>
    <t>13403</t>
  </si>
  <si>
    <t>8.545544624328613</t>
  </si>
  <si>
    <t>646.5106201171875</t>
  </si>
  <si>
    <t>0.09905515258069286</t>
  </si>
  <si>
    <t>13442</t>
  </si>
  <si>
    <t>7.316059112548828</t>
  </si>
  <si>
    <t>810.7108154296875</t>
  </si>
  <si>
    <t>0.002905571051414313</t>
  </si>
  <si>
    <t>14499</t>
  </si>
  <si>
    <t>8.139123916625977</t>
  </si>
  <si>
    <t>689.5035400390625</t>
  </si>
  <si>
    <t>0.07569554798328149</t>
  </si>
  <si>
    <t>15297</t>
  </si>
  <si>
    <t>8.032536506652832</t>
  </si>
  <si>
    <t>557.2650756835938</t>
  </si>
  <si>
    <t>0.05357704921007311</t>
  </si>
  <si>
    <t>7.4019694328308105</t>
  </si>
  <si>
    <t>784.4024047851562</t>
  </si>
  <si>
    <t>0.017046788009116298</t>
  </si>
  <si>
    <t>15704</t>
  </si>
  <si>
    <t>8.247750282287598</t>
  </si>
  <si>
    <t>654.9634399414062</t>
  </si>
  <si>
    <t>0.009211938223915084</t>
  </si>
  <si>
    <t>15947</t>
  </si>
  <si>
    <t>8.8002347946167</t>
  </si>
  <si>
    <t>531.229248046875</t>
  </si>
  <si>
    <t>0.015355266791674538</t>
  </si>
  <si>
    <t>15298</t>
  </si>
  <si>
    <t>8.686295509338379</t>
  </si>
  <si>
    <t>485.1147155761719</t>
  </si>
  <si>
    <t>-0.04154862286616101</t>
  </si>
  <si>
    <t>14123</t>
  </si>
  <si>
    <t>8.452733039855957</t>
  </si>
  <si>
    <t>648.6726684570312</t>
  </si>
  <si>
    <t>-0.07991742681274694</t>
  </si>
  <si>
    <t>6388</t>
  </si>
  <si>
    <t>8.499007225036621</t>
  </si>
  <si>
    <t>667.159912109375</t>
  </si>
  <si>
    <t>-0.7933834437341609</t>
  </si>
  <si>
    <t>15480</t>
  </si>
  <si>
    <t>8.28511905670166</t>
  </si>
  <si>
    <t>616.9762573242188</t>
  </si>
  <si>
    <t>0.8851276378088144</t>
  </si>
  <si>
    <t>15473</t>
  </si>
  <si>
    <t>9.799300193786621</t>
  </si>
  <si>
    <t>493.4600524902344</t>
  </si>
  <si>
    <t>-0.0004522986540447249</t>
  </si>
  <si>
    <t>15579</t>
  </si>
  <si>
    <t>9.252612113952637</t>
  </si>
  <si>
    <t>621.650634765625</t>
  </si>
  <si>
    <t>0.006827284022755009</t>
  </si>
  <si>
    <t>16609</t>
  </si>
  <si>
    <t>7.956773281097412</t>
  </si>
  <si>
    <t>647.3685302734375</t>
  </si>
  <si>
    <t>0.06402086358657044</t>
  </si>
  <si>
    <t>15943</t>
  </si>
  <si>
    <t>8.603387832641602</t>
  </si>
  <si>
    <t>645.5782470703125</t>
  </si>
  <si>
    <t>-0.04092485569163351</t>
  </si>
  <si>
    <t>315</t>
  </si>
  <si>
    <t>7.60225248336792</t>
  </si>
  <si>
    <t>685.9714965820312</t>
  </si>
  <si>
    <t>614.40234375</t>
  </si>
  <si>
    <t>Hrodna</t>
  </si>
  <si>
    <t>7722</t>
  </si>
  <si>
    <t>7.080228328704834</t>
  </si>
  <si>
    <t>523.0735473632812</t>
  </si>
  <si>
    <t>-0.012994714860898426</t>
  </si>
  <si>
    <t>6963</t>
  </si>
  <si>
    <t>7.256864070892334</t>
  </si>
  <si>
    <t>634.6941528320312</t>
  </si>
  <si>
    <t>-0.10346298188163416</t>
  </si>
  <si>
    <t>6417</t>
  </si>
  <si>
    <t>6.310122966766357</t>
  </si>
  <si>
    <t>685.2821044921875</t>
  </si>
  <si>
    <t>-0.08165969719203225</t>
  </si>
  <si>
    <t>5671</t>
  </si>
  <si>
    <t>6.422110080718994</t>
  </si>
  <si>
    <t>622.1618041992188</t>
  </si>
  <si>
    <t>-0.12358524973648777</t>
  </si>
  <si>
    <t>5095</t>
  </si>
  <si>
    <t>6.524075984954834</t>
  </si>
  <si>
    <t>619.8375854492188</t>
  </si>
  <si>
    <t>-0.1071058023572018</t>
  </si>
  <si>
    <t>5251</t>
  </si>
  <si>
    <t>5.750177383422852</t>
  </si>
  <si>
    <t>544.221435546875</t>
  </si>
  <si>
    <t>0.030158867981032955</t>
  </si>
  <si>
    <t>5869</t>
  </si>
  <si>
    <t>6.745904922485352</t>
  </si>
  <si>
    <t>676.9034423828125</t>
  </si>
  <si>
    <t>0.11126572692047532</t>
  </si>
  <si>
    <t>6385</t>
  </si>
  <si>
    <t>6.394697189331055</t>
  </si>
  <si>
    <t>709.6270141601562</t>
  </si>
  <si>
    <t>0.0842672279083061</t>
  </si>
  <si>
    <t>6626</t>
  </si>
  <si>
    <t>7.583314895629883</t>
  </si>
  <si>
    <t>595.319580078125</t>
  </si>
  <si>
    <t>0.03704981439320143</t>
  </si>
  <si>
    <t>7037</t>
  </si>
  <si>
    <t>8.074997901916504</t>
  </si>
  <si>
    <t>594.5449829101562</t>
  </si>
  <si>
    <t>0.0601806391067079</t>
  </si>
  <si>
    <t>7396</t>
  </si>
  <si>
    <t>6.945915222167969</t>
  </si>
  <si>
    <t>712.4548950195312</t>
  </si>
  <si>
    <t>0.04975737054046547</t>
  </si>
  <si>
    <t>7807</t>
  </si>
  <si>
    <t>7.44699239730835</t>
  </si>
  <si>
    <t>547.15966796875</t>
  </si>
  <si>
    <t>0.054081453613276764</t>
  </si>
  <si>
    <t>8403</t>
  </si>
  <si>
    <t>6.557832717895508</t>
  </si>
  <si>
    <t>599.5140380859375</t>
  </si>
  <si>
    <t>0.07356801780792743</t>
  </si>
  <si>
    <t>9415</t>
  </si>
  <si>
    <t>7.252935409545898</t>
  </si>
  <si>
    <t>682.0306396484375</t>
  </si>
  <si>
    <t>0.11371537716303415</t>
  </si>
  <si>
    <t>10354</t>
  </si>
  <si>
    <t>6.231091022491455</t>
  </si>
  <si>
    <t>585.9819946289062</t>
  </si>
  <si>
    <t>0.09506875637059409</t>
  </si>
  <si>
    <t>11442</t>
  </si>
  <si>
    <t>7.7826151847839355</t>
  </si>
  <si>
    <t>650.8809204101562</t>
  </si>
  <si>
    <t>0.09991787736662694</t>
  </si>
  <si>
    <t>7.516523361206055</t>
  </si>
  <si>
    <t>637.0753784179688</t>
  </si>
  <si>
    <t>0.08555369328205487</t>
  </si>
  <si>
    <t>13762</t>
  </si>
  <si>
    <t>7.926967620849609</t>
  </si>
  <si>
    <t>662.1993408203125</t>
  </si>
  <si>
    <t>0.09906668165189636</t>
  </si>
  <si>
    <t>13802</t>
  </si>
  <si>
    <t>6.578878879547119</t>
  </si>
  <si>
    <t>731.9403686523438</t>
  </si>
  <si>
    <t>0.0029023384181225964</t>
  </si>
  <si>
    <t>14888</t>
  </si>
  <si>
    <t>7.222780227661133</t>
  </si>
  <si>
    <t>796.5960083007812</t>
  </si>
  <si>
    <t>0.07574201014153914</t>
  </si>
  <si>
    <t>15707</t>
  </si>
  <si>
    <t>7.454566478729248</t>
  </si>
  <si>
    <t>587.9486083984375</t>
  </si>
  <si>
    <t>0.0535509535209453</t>
  </si>
  <si>
    <t>15978</t>
  </si>
  <si>
    <t>6.654337406158447</t>
  </si>
  <si>
    <t>693.3256225585938</t>
  </si>
  <si>
    <t>0.017106303198955786</t>
  </si>
  <si>
    <t>16125</t>
  </si>
  <si>
    <t>7.573051929473877</t>
  </si>
  <si>
    <t>697.6856079101562</t>
  </si>
  <si>
    <t>0.009158086621985362</t>
  </si>
  <si>
    <t>8.205074310302734</t>
  </si>
  <si>
    <t>619.4185180664062</t>
  </si>
  <si>
    <t>0.015323848272419838</t>
  </si>
  <si>
    <t>15708</t>
  </si>
  <si>
    <t>7.992389678955078</t>
  </si>
  <si>
    <t>540.5934448242188</t>
  </si>
  <si>
    <t>-0.04152457423849221</t>
  </si>
  <si>
    <t>15723</t>
  </si>
  <si>
    <t>7.83119535446167</t>
  </si>
  <si>
    <t>719.2554931640625</t>
  </si>
  <si>
    <t>0.0009544717723741769</t>
  </si>
  <si>
    <t>6975</t>
  </si>
  <si>
    <t>7.788074016571045</t>
  </si>
  <si>
    <t>793.0335693359375</t>
  </si>
  <si>
    <t>-0.8127922807807089</t>
  </si>
  <si>
    <t>17151</t>
  </si>
  <si>
    <t>7.832821369171143</t>
  </si>
  <si>
    <t>568.1700439453125</t>
  </si>
  <si>
    <t>0.8997241532425146</t>
  </si>
  <si>
    <t>17083</t>
  </si>
  <si>
    <t>9.138116836547852</t>
  </si>
  <si>
    <t>533.77294921875</t>
  </si>
  <si>
    <t>-0.003972663985022606</t>
  </si>
  <si>
    <t>17116</t>
  </si>
  <si>
    <t>8.539813041687012</t>
  </si>
  <si>
    <t>635.59033203125</t>
  </si>
  <si>
    <t>0.0019298815896497956</t>
  </si>
  <si>
    <t>18950</t>
  </si>
  <si>
    <t>7.301650524139404</t>
  </si>
  <si>
    <t>688.3866577148438</t>
  </si>
  <si>
    <t>0.10179023297386358</t>
  </si>
  <si>
    <t>18190</t>
  </si>
  <si>
    <t>8.02796459197998</t>
  </si>
  <si>
    <t>672.5702514648438</t>
  </si>
  <si>
    <t>-0.040931938998403083</t>
  </si>
  <si>
    <t>316</t>
  </si>
  <si>
    <t>6944</t>
  </si>
  <si>
    <t>7.272576808929443</t>
  </si>
  <si>
    <t>678.4602661132812</t>
  </si>
  <si>
    <t>692.1761474609375</t>
  </si>
  <si>
    <t>Mahilyow</t>
  </si>
  <si>
    <t>6.70673131942749</t>
  </si>
  <si>
    <t>601.9373779296875</t>
  </si>
  <si>
    <t>-0.012899664343770212</t>
  </si>
  <si>
    <t>6181</t>
  </si>
  <si>
    <t>6.889596939086914</t>
  </si>
  <si>
    <t>556.982666015625</t>
  </si>
  <si>
    <t>-0.10349824233714244</t>
  </si>
  <si>
    <t>5696</t>
  </si>
  <si>
    <t>5.977199077606201</t>
  </si>
  <si>
    <t>659.8666381835938</t>
  </si>
  <si>
    <t>-0.08171589656746114</t>
  </si>
  <si>
    <t>5034</t>
  </si>
  <si>
    <t>6.041419506072998</t>
  </si>
  <si>
    <t>546.3082885742188</t>
  </si>
  <si>
    <t>-0.12354927739655075</t>
  </si>
  <si>
    <t>4523</t>
  </si>
  <si>
    <t>6.334468841552734</t>
  </si>
  <si>
    <t>604.2852783203125</t>
  </si>
  <si>
    <t>-0.10703940621741737</t>
  </si>
  <si>
    <t>4661</t>
  </si>
  <si>
    <t>5.6089653968811035</t>
  </si>
  <si>
    <t>554.0089721679688</t>
  </si>
  <si>
    <t>0.030054526894897293</t>
  </si>
  <si>
    <t>5210</t>
  </si>
  <si>
    <t>6.348759174346924</t>
  </si>
  <si>
    <t>701.7640380859375</t>
  </si>
  <si>
    <t>0.1113498383746716</t>
  </si>
  <si>
    <t>5668</t>
  </si>
  <si>
    <t>6.095402240753174</t>
  </si>
  <si>
    <t>838.0765991210938</t>
  </si>
  <si>
    <t>0.08425646606315773</t>
  </si>
  <si>
    <t>5882</t>
  </si>
  <si>
    <t>7.268515110015869</t>
  </si>
  <si>
    <t>579.9661865234375</t>
  </si>
  <si>
    <t>0.037060518303370316</t>
  </si>
  <si>
    <t>6247</t>
  </si>
  <si>
    <t>7.745334148406982</t>
  </si>
  <si>
    <t>651.5732421875</t>
  </si>
  <si>
    <t>0.06020450837962876</t>
  </si>
  <si>
    <t>6566</t>
  </si>
  <si>
    <t>6.6305694580078125</t>
  </si>
  <si>
    <t>635.514404296875</t>
  </si>
  <si>
    <t>0.04980347056796752</t>
  </si>
  <si>
    <t>7.126808166503906</t>
  </si>
  <si>
    <t>522.1158447265625</t>
  </si>
  <si>
    <t>0.053954994122412</t>
  </si>
  <si>
    <t>7459</t>
  </si>
  <si>
    <t>6.267755031585693</t>
  </si>
  <si>
    <t>671.4303588867188</t>
  </si>
  <si>
    <t>0.07356154377121449</t>
  </si>
  <si>
    <t>6.972716808319092</t>
  </si>
  <si>
    <t>636.3096923828125</t>
  </si>
  <si>
    <t>0.1136781540462728</t>
  </si>
  <si>
    <t>9191</t>
  </si>
  <si>
    <t>6.054375171661377</t>
  </si>
  <si>
    <t>616.5993041992188</t>
  </si>
  <si>
    <t>0.09512523335667389</t>
  </si>
  <si>
    <t>10157</t>
  </si>
  <si>
    <t>7.407763957977295</t>
  </si>
  <si>
    <t>666.0296020507812</t>
  </si>
  <si>
    <t>0.0999383785813901</t>
  </si>
  <si>
    <t>11064</t>
  </si>
  <si>
    <t>7.316309452056885</t>
  </si>
  <si>
    <t>596.3375854492188</t>
  </si>
  <si>
    <t>0.08553347140509437</t>
  </si>
  <si>
    <t>7.6874775886535645</t>
  </si>
  <si>
    <t>688.8272094726562</t>
  </si>
  <si>
    <t>0.09904997355387302</t>
  </si>
  <si>
    <t>12252</t>
  </si>
  <si>
    <t>6.334257125854492</t>
  </si>
  <si>
    <t>817.0018310546875</t>
  </si>
  <si>
    <t>0.002942621054197403</t>
  </si>
  <si>
    <t>7.2006611824035645</t>
  </si>
  <si>
    <t>710.5526733398438</t>
  </si>
  <si>
    <t>0.07573902780809405</t>
  </si>
  <si>
    <t>13942</t>
  </si>
  <si>
    <t>7.194075107574463</t>
  </si>
  <si>
    <t>598.1728515625</t>
  </si>
  <si>
    <t>0.05347765028558449</t>
  </si>
  <si>
    <t>6.41707181930542</t>
  </si>
  <si>
    <t>784.392822265625</t>
  </si>
  <si>
    <t>0.017138197248263154</t>
  </si>
  <si>
    <t>14314</t>
  </si>
  <si>
    <t>7.35316801071167</t>
  </si>
  <si>
    <t>666.3295288085938</t>
  </si>
  <si>
    <t>0.009194015003936684</t>
  </si>
  <si>
    <t>14535</t>
  </si>
  <si>
    <t>7.953336715698242</t>
  </si>
  <si>
    <t>579.2382202148438</t>
  </si>
  <si>
    <t>0.015321454694433356</t>
  </si>
  <si>
    <t>13943</t>
  </si>
  <si>
    <t>7.762044429779053</t>
  </si>
  <si>
    <t>518.1969604492188</t>
  </si>
  <si>
    <t>-0.0415819437979561</t>
  </si>
  <si>
    <t>13599</t>
  </si>
  <si>
    <t>7.559891223907471</t>
  </si>
  <si>
    <t>707.2117309570312</t>
  </si>
  <si>
    <t>-0.024981329586061918</t>
  </si>
  <si>
    <t>6009</t>
  </si>
  <si>
    <t>7.556149959564209</t>
  </si>
  <si>
    <t>759.623291015625</t>
  </si>
  <si>
    <t>-0.8167379152750307</t>
  </si>
  <si>
    <t>14393</t>
  </si>
  <si>
    <t>7.414394378662109</t>
  </si>
  <si>
    <t>626.5523071289062</t>
  </si>
  <si>
    <t>0.8734836319287425</t>
  </si>
  <si>
    <t>8.922550201416016</t>
  </si>
  <si>
    <t>590.2698364257812</t>
  </si>
  <si>
    <t>-0.02940040444877745</t>
  </si>
  <si>
    <t>8.326169967651367</t>
  </si>
  <si>
    <t>678.34375</t>
  </si>
  <si>
    <t>-0.0032967850400424936</t>
  </si>
  <si>
    <t>14306</t>
  </si>
  <si>
    <t>7.0759453773498535</t>
  </si>
  <si>
    <t>710.145751953125</t>
  </si>
  <si>
    <t>0.02663424189447916</t>
  </si>
  <si>
    <t>13732</t>
  </si>
  <si>
    <t>7.714847087860107</t>
  </si>
  <si>
    <t>711.6185302734375</t>
  </si>
  <si>
    <t>-0.04095015409074776</t>
  </si>
  <si>
    <t>318</t>
  </si>
  <si>
    <t>10840</t>
  </si>
  <si>
    <t>7.665060520172119</t>
  </si>
  <si>
    <t>705.5223388671875</t>
  </si>
  <si>
    <t>1761.0218505859375</t>
  </si>
  <si>
    <t>Minsk oblast</t>
  </si>
  <si>
    <t>7.066817760467529</t>
  </si>
  <si>
    <t>566.9354248046875</t>
  </si>
  <si>
    <t>-0.012905800966635184</t>
  </si>
  <si>
    <t>7.207889080047607</t>
  </si>
  <si>
    <t>568.8143920898438</t>
  </si>
  <si>
    <t>-0.10358655506003522</t>
  </si>
  <si>
    <t>8892</t>
  </si>
  <si>
    <t>6.331007480621338</t>
  </si>
  <si>
    <t>666.2124633789062</t>
  </si>
  <si>
    <t>-0.08159864388287907</t>
  </si>
  <si>
    <t>7858</t>
  </si>
  <si>
    <t>6.436656951904297</t>
  </si>
  <si>
    <t>599.440185546875</t>
  </si>
  <si>
    <t>-0.12361987496568183</t>
  </si>
  <si>
    <t>7061</t>
  </si>
  <si>
    <t>6.6707072257995605</t>
  </si>
  <si>
    <t>590.1090087890625</t>
  </si>
  <si>
    <t>-0.10694543660205902</t>
  </si>
  <si>
    <t>7276</t>
  </si>
  <si>
    <t>5.953709125518799</t>
  </si>
  <si>
    <t>602.9766845703125</t>
  </si>
  <si>
    <t>0.029994576121666228</t>
  </si>
  <si>
    <t>8133</t>
  </si>
  <si>
    <t>6.653242111206055</t>
  </si>
  <si>
    <t>709.664794921875</t>
  </si>
  <si>
    <t>0.11134859852876211</t>
  </si>
  <si>
    <t>6.432618618011475</t>
  </si>
  <si>
    <t>804.9057006835938</t>
  </si>
  <si>
    <t>0.0842615855953408</t>
  </si>
  <si>
    <t>9182</t>
  </si>
  <si>
    <t>7.660149097442627</t>
  </si>
  <si>
    <t>588.7230224609375</t>
  </si>
  <si>
    <t>0.037053601047052354</t>
  </si>
  <si>
    <t>9751</t>
  </si>
  <si>
    <t>8.059403419494629</t>
  </si>
  <si>
    <t>629.33837890625</t>
  </si>
  <si>
    <t>0.060124798025951165</t>
  </si>
  <si>
    <t>10249</t>
  </si>
  <si>
    <t>6.9362053871154785</t>
  </si>
  <si>
    <t>706.2053833007812</t>
  </si>
  <si>
    <t>0.049810295996444154</t>
  </si>
  <si>
    <t>7.43737268447876</t>
  </si>
  <si>
    <t>545.7979736328125</t>
  </si>
  <si>
    <t>0.05403127359980964</t>
  </si>
  <si>
    <t>11644</t>
  </si>
  <si>
    <t>6.589775085449219</t>
  </si>
  <si>
    <t>651.157958984375</t>
  </si>
  <si>
    <t>0.07357961243414124</t>
  </si>
  <si>
    <t>13046</t>
  </si>
  <si>
    <t>7.309092044830322</t>
  </si>
  <si>
    <t>708.1761474609375</t>
  </si>
  <si>
    <t>0.11369054749052765</t>
  </si>
  <si>
    <t>14347</t>
  </si>
  <si>
    <t>6.431811809539795</t>
  </si>
  <si>
    <t>616.6329345703125</t>
  </si>
  <si>
    <t>0.09505928774234818</t>
  </si>
  <si>
    <t>15855</t>
  </si>
  <si>
    <t>7.630790710449219</t>
  </si>
  <si>
    <t>659.109375</t>
  </si>
  <si>
    <t>0.09994404687405734</t>
  </si>
  <si>
    <t>17271</t>
  </si>
  <si>
    <t>7.660036563873291</t>
  </si>
  <si>
    <t>581.4802856445312</t>
  </si>
  <si>
    <t>0.0855438863714717</t>
  </si>
  <si>
    <t>19070</t>
  </si>
  <si>
    <t>8.028973579406738</t>
  </si>
  <si>
    <t>718.7627563476562</t>
  </si>
  <si>
    <t>0.09908762525054549</t>
  </si>
  <si>
    <t>19125</t>
  </si>
  <si>
    <t>6.701507091522217</t>
  </si>
  <si>
    <t>821.2423706054688</t>
  </si>
  <si>
    <t>0.0028799601002713615</t>
  </si>
  <si>
    <t>20630</t>
  </si>
  <si>
    <t>7.63500452041626</t>
  </si>
  <si>
    <t>759.62451171875</t>
  </si>
  <si>
    <t>0.07574994737056073</t>
  </si>
  <si>
    <t>21764</t>
  </si>
  <si>
    <t>7.4610772132873535</t>
  </si>
  <si>
    <t>588.4842529296875</t>
  </si>
  <si>
    <t>0.05351090154051974</t>
  </si>
  <si>
    <t>22140</t>
  </si>
  <si>
    <t>6.894231796264648</t>
  </si>
  <si>
    <t>750.71142578125</t>
  </si>
  <si>
    <t>0.01712869865681199</t>
  </si>
  <si>
    <t>22344</t>
  </si>
  <si>
    <t>7.72761869430542</t>
  </si>
  <si>
    <t>672.26953125</t>
  </si>
  <si>
    <t>0.009171901362384105</t>
  </si>
  <si>
    <t>22690</t>
  </si>
  <si>
    <t>8.2391996383667</t>
  </si>
  <si>
    <t>599.5672607421875</t>
  </si>
  <si>
    <t>0.015366470148874711</t>
  </si>
  <si>
    <t>21766</t>
  </si>
  <si>
    <t>8.10930347442627</t>
  </si>
  <si>
    <t>558.6245727539062</t>
  </si>
  <si>
    <t>-0.04157517951787959</t>
  </si>
  <si>
    <t>20107</t>
  </si>
  <si>
    <t>7.895059585571289</t>
  </si>
  <si>
    <t>716.0082397460938</t>
  </si>
  <si>
    <t>-0.07928110613035955</t>
  </si>
  <si>
    <t>92284</t>
  </si>
  <si>
    <t>7.910587787628174</t>
  </si>
  <si>
    <t>774.8421630859375</t>
  </si>
  <si>
    <t>1.5238027655598518</t>
  </si>
  <si>
    <t>21651</t>
  </si>
  <si>
    <t>7.672260761260986</t>
  </si>
  <si>
    <t>592.3405151367188</t>
  </si>
  <si>
    <t>-1.4498191359451162</t>
  </si>
  <si>
    <t>22951</t>
  </si>
  <si>
    <t>9.166102409362793</t>
  </si>
  <si>
    <t>600.77880859375</t>
  </si>
  <si>
    <t>0.058309865783781945</t>
  </si>
  <si>
    <t>21973</t>
  </si>
  <si>
    <t>8.617110252380371</t>
  </si>
  <si>
    <t>659.07666015625</t>
  </si>
  <si>
    <t>-0.04354708162689924</t>
  </si>
  <si>
    <t>7.370656490325928</t>
  </si>
  <si>
    <t>709.960693359375</t>
  </si>
  <si>
    <t>0.06684551074514289</t>
  </si>
  <si>
    <t>7.969117641448975</t>
  </si>
  <si>
    <t>685.595458984375</t>
  </si>
  <si>
    <t>-0.04096921859289715</t>
  </si>
  <si>
    <t>319</t>
  </si>
  <si>
    <t>7246</t>
  </si>
  <si>
    <t>6.836963653564453</t>
  </si>
  <si>
    <t>778.1298828125</t>
  </si>
  <si>
    <t>733.2848510742188</t>
  </si>
  <si>
    <t>Vitsyebsk</t>
  </si>
  <si>
    <t>7153</t>
  </si>
  <si>
    <t>6.334638595581055</t>
  </si>
  <si>
    <t>639.63671875</t>
  </si>
  <si>
    <t>-0.012917743346637423</t>
  </si>
  <si>
    <t>6.477930545806885</t>
  </si>
  <si>
    <t>602.3860473632812</t>
  </si>
  <si>
    <t>-0.10345171831856703</t>
  </si>
  <si>
    <t>5944</t>
  </si>
  <si>
    <t>5.569128513336182</t>
  </si>
  <si>
    <t>673.5528564453125</t>
  </si>
  <si>
    <t>-0.08169782339222209</t>
  </si>
  <si>
    <t>5253</t>
  </si>
  <si>
    <t>5.619882583618164</t>
  </si>
  <si>
    <t>639.9705810546875</t>
  </si>
  <si>
    <t>-0.12358296544363334</t>
  </si>
  <si>
    <t>4720</t>
  </si>
  <si>
    <t>5.85502290725708</t>
  </si>
  <si>
    <t>641.1878051757812</t>
  </si>
  <si>
    <t>-0.10699054237436023</t>
  </si>
  <si>
    <t>4864</t>
  </si>
  <si>
    <t>5.202338695526123</t>
  </si>
  <si>
    <t>593.5728149414062</t>
  </si>
  <si>
    <t>0.030052345066401642</t>
  </si>
  <si>
    <t>5.97235107421875</t>
  </si>
  <si>
    <t>743.570068359375</t>
  </si>
  <si>
    <t>0.11118235162503076</t>
  </si>
  <si>
    <t>5914</t>
  </si>
  <si>
    <t>5.663888931274414</t>
  </si>
  <si>
    <t>827.2619018554688</t>
  </si>
  <si>
    <t>0.08427892514138868</t>
  </si>
  <si>
    <t>6138</t>
  </si>
  <si>
    <t>6.881849765777588</t>
  </si>
  <si>
    <t>569.8931274414062</t>
  </si>
  <si>
    <t>0.03717653476725857</t>
  </si>
  <si>
    <t>6518</t>
  </si>
  <si>
    <t>7.322835445404053</t>
  </si>
  <si>
    <t>706.5808715820312</t>
  </si>
  <si>
    <t>0.06006862421782522</t>
  </si>
  <si>
    <t>6.199909210205078</t>
  </si>
  <si>
    <t>720.9269409179688</t>
  </si>
  <si>
    <t>0.049827046605392056</t>
  </si>
  <si>
    <t>7232</t>
  </si>
  <si>
    <t>6.67219877243042</t>
  </si>
  <si>
    <t>521.5939331054688</t>
  </si>
  <si>
    <t>0.05412099606911447</t>
  </si>
  <si>
    <t>7784</t>
  </si>
  <si>
    <t>5.904789447784424</t>
  </si>
  <si>
    <t>708.6145629882812</t>
  </si>
  <si>
    <t>0.07355472179382794</t>
  </si>
  <si>
    <t>8721</t>
  </si>
  <si>
    <t>6.526752948760986</t>
  </si>
  <si>
    <t>698.241455078125</t>
  </si>
  <si>
    <t>0.1136635653611453</t>
  </si>
  <si>
    <t>9591</t>
  </si>
  <si>
    <t>5.601968288421631</t>
  </si>
  <si>
    <t>599.4176025390625</t>
  </si>
  <si>
    <t>0.09509124850096384</t>
  </si>
  <si>
    <t>10598</t>
  </si>
  <si>
    <t>6.974215984344482</t>
  </si>
  <si>
    <t>680.4318237304688</t>
  </si>
  <si>
    <t>0.09984014532475705</t>
  </si>
  <si>
    <t>6.841867923736572</t>
  </si>
  <si>
    <t>601.2062377929688</t>
  </si>
  <si>
    <t>0.08558713873588886</t>
  </si>
  <si>
    <t>12747</t>
  </si>
  <si>
    <t>7.21330451965332</t>
  </si>
  <si>
    <t>723.5700073242188</t>
  </si>
  <si>
    <t>0.09904350699432563</t>
  </si>
  <si>
    <t>5.90119743347168</t>
  </si>
  <si>
    <t>815.407958984375</t>
  </si>
  <si>
    <t>0.002976658942365873</t>
  </si>
  <si>
    <t>6.725531101226807</t>
  </si>
  <si>
    <t>0.07567108306206016</t>
  </si>
  <si>
    <t>14549</t>
  </si>
  <si>
    <t>6.758747577667236</t>
  </si>
  <si>
    <t>614.4249267578125</t>
  </si>
  <si>
    <t>0.05357857092804075</t>
  </si>
  <si>
    <t>14800</t>
  </si>
  <si>
    <t>5.981557846069336</t>
  </si>
  <si>
    <t>771.7952270507812</t>
  </si>
  <si>
    <t>0.017104918036817907</t>
  </si>
  <si>
    <t>14936</t>
  </si>
  <si>
    <t>6.893539905548096</t>
  </si>
  <si>
    <t>683.9149169921875</t>
  </si>
  <si>
    <t>0.009147225469352094</t>
  </si>
  <si>
    <t>15167</t>
  </si>
  <si>
    <t>7.489851474761963</t>
  </si>
  <si>
    <t>651.992919921875</t>
  </si>
  <si>
    <t>0.015347608829838322</t>
  </si>
  <si>
    <t>14550</t>
  </si>
  <si>
    <t>7.27393102645874</t>
  </si>
  <si>
    <t>560.9268188476562</t>
  </si>
  <si>
    <t>-0.041531021451758576</t>
  </si>
  <si>
    <t>7.083515644073486</t>
  </si>
  <si>
    <t>748.3040161132812</t>
  </si>
  <si>
    <t>-0.0713520586619758</t>
  </si>
  <si>
    <t>5769</t>
  </si>
  <si>
    <t>7.0876312255859375</t>
  </si>
  <si>
    <t>852.0391845703125</t>
  </si>
  <si>
    <t>-0.8537401796807735</t>
  </si>
  <si>
    <t>13891</t>
  </si>
  <si>
    <t>6.963447570800781</t>
  </si>
  <si>
    <t>619.0249633789062</t>
  </si>
  <si>
    <t>0.8787423931405005</t>
  </si>
  <si>
    <t>14067</t>
  </si>
  <si>
    <t>8.452865600585938</t>
  </si>
  <si>
    <t>662.833251953125</t>
  </si>
  <si>
    <t>0.012590480360305634</t>
  </si>
  <si>
    <t>14805</t>
  </si>
  <si>
    <t>7.86829137802124</t>
  </si>
  <si>
    <t>709.813720703125</t>
  </si>
  <si>
    <t>0.051133332777997254</t>
  </si>
  <si>
    <t>14528</t>
  </si>
  <si>
    <t>6.614591121673584</t>
  </si>
  <si>
    <t>737.9208374023438</t>
  </si>
  <si>
    <t>-0.01888713969461797</t>
  </si>
  <si>
    <t>7.2510857582092285</t>
  </si>
  <si>
    <t>722.9312133789062</t>
  </si>
  <si>
    <t>-0.040956800779484936</t>
  </si>
  <si>
    <t>320</t>
  </si>
  <si>
    <t>BOL</t>
  </si>
  <si>
    <t>26.015596389770508</t>
  </si>
  <si>
    <t>1794.264892578125</t>
  </si>
  <si>
    <t>115.74341583251953</t>
  </si>
  <si>
    <t>Beni</t>
  </si>
  <si>
    <t>Bolivia, Plurinational State of</t>
  </si>
  <si>
    <t>4242</t>
  </si>
  <si>
    <t>26.13114356994629</t>
  </si>
  <si>
    <t>1712.197021484375</t>
  </si>
  <si>
    <t>-0.03725127063112588</t>
  </si>
  <si>
    <t>4040</t>
  </si>
  <si>
    <t>26.069005966186523</t>
  </si>
  <si>
    <t>1920.3497314453125</t>
  </si>
  <si>
    <t>4096</t>
  </si>
  <si>
    <t>26.1042423248291</t>
  </si>
  <si>
    <t>1734.1612548828125</t>
  </si>
  <si>
    <t>0.013766195764146616</t>
  </si>
  <si>
    <t>4116</t>
  </si>
  <si>
    <t>26.413541793823242</t>
  </si>
  <si>
    <t>1536.2159423828125</t>
  </si>
  <si>
    <t>0.004870930234597282</t>
  </si>
  <si>
    <t>4157</t>
  </si>
  <si>
    <t>26.183876037597656</t>
  </si>
  <si>
    <t>1598.429443359375</t>
  </si>
  <si>
    <t>0.009911842298697238</t>
  </si>
  <si>
    <t>25.78865623474121</t>
  </si>
  <si>
    <t>1663.3153076171875</t>
  </si>
  <si>
    <t>0.013618655111496736</t>
  </si>
  <si>
    <t>4399</t>
  </si>
  <si>
    <t>26.377805709838867</t>
  </si>
  <si>
    <t>1704.484619140625</t>
  </si>
  <si>
    <t>0.04296492698458465</t>
  </si>
  <si>
    <t>26.251882553100586</t>
  </si>
  <si>
    <t>1786.75048828125</t>
  </si>
  <si>
    <t>0.015115911051383435</t>
  </si>
  <si>
    <t>25.69434356689453</t>
  </si>
  <si>
    <t>1944.5728759765625</t>
  </si>
  <si>
    <t>0.04936577737326431</t>
  </si>
  <si>
    <t>25.906267166137695</t>
  </si>
  <si>
    <t>1914.7122802734375</t>
  </si>
  <si>
    <t>0.007008630154476947</t>
  </si>
  <si>
    <t>4724</t>
  </si>
  <si>
    <t>25.917848587036133</t>
  </si>
  <si>
    <t>1716.421875</t>
  </si>
  <si>
    <t>-0.00021166261059057945</t>
  </si>
  <si>
    <t>26.104246139526367</t>
  </si>
  <si>
    <t>1787.83984375</t>
  </si>
  <si>
    <t>-0.013425880944511803</t>
  </si>
  <si>
    <t>4599</t>
  </si>
  <si>
    <t>25.753929138183594</t>
  </si>
  <si>
    <t>2006.40380859375</t>
  </si>
  <si>
    <t>-0.01339112883281679</t>
  </si>
  <si>
    <t>26.206825256347656</t>
  </si>
  <si>
    <t>1704.47509765625</t>
  </si>
  <si>
    <t>0.004555816535859236</t>
  </si>
  <si>
    <t>4616</t>
  </si>
  <si>
    <t>25.960052490234375</t>
  </si>
  <si>
    <t>1611.576416015625</t>
  </si>
  <si>
    <t>-0.0008661758878485415</t>
  </si>
  <si>
    <t>5022</t>
  </si>
  <si>
    <t>26.030370712280273</t>
  </si>
  <si>
    <t>1907.9676513671875</t>
  </si>
  <si>
    <t>0.08429973152959569</t>
  </si>
  <si>
    <t>25.676467895507812</t>
  </si>
  <si>
    <t>2009.2698974609375</t>
  </si>
  <si>
    <t>-0.005390848634876377</t>
  </si>
  <si>
    <t>5085</t>
  </si>
  <si>
    <t>25.61146354675293</t>
  </si>
  <si>
    <t>1756.569091796875</t>
  </si>
  <si>
    <t>0.01785761740000602</t>
  </si>
  <si>
    <t>5194</t>
  </si>
  <si>
    <t>25.91929817199707</t>
  </si>
  <si>
    <t>2268.03125</t>
  </si>
  <si>
    <t>0.021209083740032497</t>
  </si>
  <si>
    <t>26.01374626159668</t>
  </si>
  <si>
    <t>1777.286865234375</t>
  </si>
  <si>
    <t>0.017935989308830003</t>
  </si>
  <si>
    <t>5064</t>
  </si>
  <si>
    <t>25.975473403930664</t>
  </si>
  <si>
    <t>1930.505859375</t>
  </si>
  <si>
    <t>-0.0432834177075101</t>
  </si>
  <si>
    <t>5227</t>
  </si>
  <si>
    <t>26.01314353942871</t>
  </si>
  <si>
    <t>1739.593017578125</t>
  </si>
  <si>
    <t>0.031680814888909836</t>
  </si>
  <si>
    <t>5477</t>
  </si>
  <si>
    <t>25.621505737304688</t>
  </si>
  <si>
    <t>2316.006591796875</t>
  </si>
  <si>
    <t>0.046720006070799514</t>
  </si>
  <si>
    <t>5666</t>
  </si>
  <si>
    <t>26.327560424804688</t>
  </si>
  <si>
    <t>1920.576171875</t>
  </si>
  <si>
    <t>0.033925895606738976</t>
  </si>
  <si>
    <t>5832</t>
  </si>
  <si>
    <t>26.608274459838867</t>
  </si>
  <si>
    <t>1647.501708984375</t>
  </si>
  <si>
    <t>0.02887659329803327</t>
  </si>
  <si>
    <t>5971</t>
  </si>
  <si>
    <t>26.07924461364746</t>
  </si>
  <si>
    <t>1484.808837890625</t>
  </si>
  <si>
    <t>0.023554422858497404</t>
  </si>
  <si>
    <t>6116</t>
  </si>
  <si>
    <t>26.1455020904541</t>
  </si>
  <si>
    <t>1908.7342529296875</t>
  </si>
  <si>
    <t>0.023993870501961112</t>
  </si>
  <si>
    <t>25.799095153808594</t>
  </si>
  <si>
    <t>2082.9609375</t>
  </si>
  <si>
    <t>0.02407030028121504</t>
  </si>
  <si>
    <t>6304</t>
  </si>
  <si>
    <t>26.219690322875977</t>
  </si>
  <si>
    <t>1615.1513671875</t>
  </si>
  <si>
    <t>0.0062057642075465935</t>
  </si>
  <si>
    <t>26.40416717529297</t>
  </si>
  <si>
    <t>1590.3946533203125</t>
  </si>
  <si>
    <t>-0.10581888352368729</t>
  </si>
  <si>
    <t>5941</t>
  </si>
  <si>
    <t>26.165489196777344</t>
  </si>
  <si>
    <t>1712.1444091796875</t>
  </si>
  <si>
    <t>0.0465120003417141</t>
  </si>
  <si>
    <t>6078</t>
  </si>
  <si>
    <t>25.98491859436035</t>
  </si>
  <si>
    <t>1545.0262451171875</t>
  </si>
  <si>
    <t>0.022798225120997273</t>
  </si>
  <si>
    <t>321</t>
  </si>
  <si>
    <t>4225</t>
  </si>
  <si>
    <t>16.29314422607422</t>
  </si>
  <si>
    <t>636.1847534179688</t>
  </si>
  <si>
    <t>205.31512451171875</t>
  </si>
  <si>
    <t>Chuquisaca</t>
  </si>
  <si>
    <t>16.292085647583008</t>
  </si>
  <si>
    <t>597.760498046875</t>
  </si>
  <si>
    <t>-0.002606945427139351</t>
  </si>
  <si>
    <t>15.979487419128418</t>
  </si>
  <si>
    <t>573.4563598632812</t>
  </si>
  <si>
    <t>-0.03231532696592687</t>
  </si>
  <si>
    <t>16.360254287719727</t>
  </si>
  <si>
    <t>571.08544921875</t>
  </si>
  <si>
    <t>0.013873899063204576</t>
  </si>
  <si>
    <t>4021</t>
  </si>
  <si>
    <t>16.70065689086914</t>
  </si>
  <si>
    <t>507.4346008300781</t>
  </si>
  <si>
    <t>-0.028440259564137094</t>
  </si>
  <si>
    <t>16.27611541748047</t>
  </si>
  <si>
    <t>581.4623413085938</t>
  </si>
  <si>
    <t>-0.007488801848541726</t>
  </si>
  <si>
    <t>15.793060302734375</t>
  </si>
  <si>
    <t>582.0548095703125</t>
  </si>
  <si>
    <t>-0.016930284363478876</t>
  </si>
  <si>
    <t>4123</t>
  </si>
  <si>
    <t>16.322765350341797</t>
  </si>
  <si>
    <t>526.1655883789062</t>
  </si>
  <si>
    <t>0.04946951202164662</t>
  </si>
  <si>
    <t>16.059402465820312</t>
  </si>
  <si>
    <t>547.7739868164062</t>
  </si>
  <si>
    <t>0.033861127218878906</t>
  </si>
  <si>
    <t>15.677669525146484</t>
  </si>
  <si>
    <t>660.3815307617188</t>
  </si>
  <si>
    <t>0.061382902623456914</t>
  </si>
  <si>
    <t>4405</t>
  </si>
  <si>
    <t>15.721478462219238</t>
  </si>
  <si>
    <t>616.014404296875</t>
  </si>
  <si>
    <t>-0.02908482417895719</t>
  </si>
  <si>
    <t>15.855559349060059</t>
  </si>
  <si>
    <t>553.0853881835938</t>
  </si>
  <si>
    <t>-0.010268202027200246</t>
  </si>
  <si>
    <t>16.018918991088867</t>
  </si>
  <si>
    <t>581.7543334960938</t>
  </si>
  <si>
    <t>-0.0025261237454401453</t>
  </si>
  <si>
    <t>4228</t>
  </si>
  <si>
    <t>15.773686408996582</t>
  </si>
  <si>
    <t>602.66162109375</t>
  </si>
  <si>
    <t>-0.028216865607511465</t>
  </si>
  <si>
    <t>16.21312713623047</t>
  </si>
  <si>
    <t>503.0580139160156</t>
  </si>
  <si>
    <t>0.02867663573055168</t>
  </si>
  <si>
    <t>15.900168418884277</t>
  </si>
  <si>
    <t>553.1543579101562</t>
  </si>
  <si>
    <t>-0.0018403501858568205</t>
  </si>
  <si>
    <t>4531</t>
  </si>
  <si>
    <t>16.13751792907715</t>
  </si>
  <si>
    <t>571.7608032226562</t>
  </si>
  <si>
    <t>0.04237731213231655</t>
  </si>
  <si>
    <t>4547</t>
  </si>
  <si>
    <t>15.785457611083984</t>
  </si>
  <si>
    <t>612.5243530273438</t>
  </si>
  <si>
    <t>0.0035250091578706844</t>
  </si>
  <si>
    <t>4773</t>
  </si>
  <si>
    <t>15.524242401123047</t>
  </si>
  <si>
    <t>522.900146484375</t>
  </si>
  <si>
    <t>0.048507363180887</t>
  </si>
  <si>
    <t>4820</t>
  </si>
  <si>
    <t>15.942017555236816</t>
  </si>
  <si>
    <t>590.4654541015625</t>
  </si>
  <si>
    <t>0.009798890038748453</t>
  </si>
  <si>
    <t>16.120100021362305</t>
  </si>
  <si>
    <t>432.2976379394531</t>
  </si>
  <si>
    <t>0.03606380429956069</t>
  </si>
  <si>
    <t>15.882905006408691</t>
  </si>
  <si>
    <t>665.9237670898438</t>
  </si>
  <si>
    <t>-0.05936216110065118</t>
  </si>
  <si>
    <t>15.959369659423828</t>
  </si>
  <si>
    <t>625.5153198242188</t>
  </si>
  <si>
    <t>0.031562866650984844</t>
  </si>
  <si>
    <t>5089</t>
  </si>
  <si>
    <t>15.713393211364746</t>
  </si>
  <si>
    <t>605.0372924804688</t>
  </si>
  <si>
    <t>0.046042909694293144</t>
  </si>
  <si>
    <t>5263</t>
  </si>
  <si>
    <t>16.521265029907227</t>
  </si>
  <si>
    <t>513.3390502929688</t>
  </si>
  <si>
    <t>0.033619858764947</t>
  </si>
  <si>
    <t>5414</t>
  </si>
  <si>
    <t>16.55345344543457</t>
  </si>
  <si>
    <t>539.6834716796875</t>
  </si>
  <si>
    <t>0.028286984820466543</t>
  </si>
  <si>
    <t>5541</t>
  </si>
  <si>
    <t>16.22287368774414</t>
  </si>
  <si>
    <t>431.9476318359375</t>
  </si>
  <si>
    <t>0.023186798693103583</t>
  </si>
  <si>
    <t>16.208253860473633</t>
  </si>
  <si>
    <t>538.7946166992188</t>
  </si>
  <si>
    <t>0.02389557348225324</t>
  </si>
  <si>
    <t>15.974579811096191</t>
  </si>
  <si>
    <t>618.8048095703125</t>
  </si>
  <si>
    <t>0.02385418234057113</t>
  </si>
  <si>
    <t>5848</t>
  </si>
  <si>
    <t>16.154048919677734</t>
  </si>
  <si>
    <t>529.464111328125</t>
  </si>
  <si>
    <t>5261</t>
  </si>
  <si>
    <t>16.50033950805664</t>
  </si>
  <si>
    <t>497.9306640625</t>
  </si>
  <si>
    <t>-0.10577859969880876</t>
  </si>
  <si>
    <t>5511</t>
  </si>
  <si>
    <t>16.18827247619629</t>
  </si>
  <si>
    <t>590.23486328125</t>
  </si>
  <si>
    <t>0.04642497215242969</t>
  </si>
  <si>
    <t>5638</t>
  </si>
  <si>
    <t>15.984850883483887</t>
  </si>
  <si>
    <t>401.5798645019531</t>
  </si>
  <si>
    <t>0.022783297790821777</t>
  </si>
  <si>
    <t>322</t>
  </si>
  <si>
    <t>13.451255798339844</t>
  </si>
  <si>
    <t>736.7288208007812</t>
  </si>
  <si>
    <t>473.809814453125</t>
  </si>
  <si>
    <t>Cochabamba</t>
  </si>
  <si>
    <t>4573</t>
  </si>
  <si>
    <t>13.461676597595215</t>
  </si>
  <si>
    <t>616.9838256835938</t>
  </si>
  <si>
    <t>0.005701769833045489</t>
  </si>
  <si>
    <t>4539</t>
  </si>
  <si>
    <t>13.303284645080566</t>
  </si>
  <si>
    <t>732.0634155273438</t>
  </si>
  <si>
    <t>-0.007462721201589417</t>
  </si>
  <si>
    <t>13.566131591796875</t>
  </si>
  <si>
    <t>663.0676879882812</t>
  </si>
  <si>
    <t>0.02780974349334997</t>
  </si>
  <si>
    <t>13.801796913146973</t>
  </si>
  <si>
    <t>668.105224609375</t>
  </si>
  <si>
    <t>0.040933408926253634</t>
  </si>
  <si>
    <t>5088</t>
  </si>
  <si>
    <t>13.389145851135254</t>
  </si>
  <si>
    <t>704.1604614257812</t>
  </si>
  <si>
    <t>0.0454349501438891</t>
  </si>
  <si>
    <t>5233</t>
  </si>
  <si>
    <t>13.031861305236816</t>
  </si>
  <si>
    <t>744.3908081054688</t>
  </si>
  <si>
    <t>0.028099901352248935</t>
  </si>
  <si>
    <t>5371</t>
  </si>
  <si>
    <t>13.698664665222168</t>
  </si>
  <si>
    <t>787.33154296875</t>
  </si>
  <si>
    <t>0.02602938353325257</t>
  </si>
  <si>
    <t>5507</t>
  </si>
  <si>
    <t>13.452491760253906</t>
  </si>
  <si>
    <t>590.5018310546875</t>
  </si>
  <si>
    <t>0.025005899357021022</t>
  </si>
  <si>
    <t>5489</t>
  </si>
  <si>
    <t>12.745052337646484</t>
  </si>
  <si>
    <t>835.4479370117188</t>
  </si>
  <si>
    <t>-0.0032739207125924707</t>
  </si>
  <si>
    <t>5513</t>
  </si>
  <si>
    <t>12.988171577453613</t>
  </si>
  <si>
    <t>769.4083862304688</t>
  </si>
  <si>
    <t>0.004362850039795418</t>
  </si>
  <si>
    <t>13.059224128723145</t>
  </si>
  <si>
    <t>743.2183227539062</t>
  </si>
  <si>
    <t>-0.017197643023569853</t>
  </si>
  <si>
    <t>13.310188293457031</t>
  </si>
  <si>
    <t>804.334716796875</t>
  </si>
  <si>
    <t>-0.01356267886725071</t>
  </si>
  <si>
    <t>5208</t>
  </si>
  <si>
    <t>13.02170467376709</t>
  </si>
  <si>
    <t>700.354248046875</t>
  </si>
  <si>
    <t>-0.0261527128104575</t>
  </si>
  <si>
    <t>5405</t>
  </si>
  <si>
    <t>13.470141410827637</t>
  </si>
  <si>
    <t>571.3810424804688</t>
  </si>
  <si>
    <t>0.03712854618490269</t>
  </si>
  <si>
    <t>5394</t>
  </si>
  <si>
    <t>13.103163719177246</t>
  </si>
  <si>
    <t>758.7831420898438</t>
  </si>
  <si>
    <t>-0.0020372263736341267</t>
  </si>
  <si>
    <t>13.377620697021484</t>
  </si>
  <si>
    <t>696.2808837890625</t>
  </si>
  <si>
    <t>0.02309063557146729</t>
  </si>
  <si>
    <t>5624</t>
  </si>
  <si>
    <t>12.92259693145752</t>
  </si>
  <si>
    <t>797.4996337890625</t>
  </si>
  <si>
    <t>0.018665294219358586</t>
  </si>
  <si>
    <t>5704</t>
  </si>
  <si>
    <t>12.727540016174316</t>
  </si>
  <si>
    <t>614.6927490234375</t>
  </si>
  <si>
    <t>0.014124528603630893</t>
  </si>
  <si>
    <t>5752</t>
  </si>
  <si>
    <t>13.191387176513672</t>
  </si>
  <si>
    <t>832.9943237304688</t>
  </si>
  <si>
    <t>0.008379937306751017</t>
  </si>
  <si>
    <t>13.304144859313965</t>
  </si>
  <si>
    <t>649.5847778320312</t>
  </si>
  <si>
    <t>0.02608246687942639</t>
  </si>
  <si>
    <t>6637</t>
  </si>
  <si>
    <t>13.084213256835938</t>
  </si>
  <si>
    <t>882.1659545898438</t>
  </si>
  <si>
    <t>0.11702996686561562</t>
  </si>
  <si>
    <t>13.251968383789062</t>
  </si>
  <si>
    <t>833.388916015625</t>
  </si>
  <si>
    <t>0.03231825885049133</t>
  </si>
  <si>
    <t>7193</t>
  </si>
  <si>
    <t>12.953487396240234</t>
  </si>
  <si>
    <t>930.4190063476562</t>
  </si>
  <si>
    <t>0.04813001787094073</t>
  </si>
  <si>
    <t>7454</t>
  </si>
  <si>
    <t>13.647028923034668</t>
  </si>
  <si>
    <t>671.1524047851562</t>
  </si>
  <si>
    <t>0.03564247017184741</t>
  </si>
  <si>
    <t>7684</t>
  </si>
  <si>
    <t>13.967403411865234</t>
  </si>
  <si>
    <t>758.7368774414062</t>
  </si>
  <si>
    <t>0.030389443849243136</t>
  </si>
  <si>
    <t>7878</t>
  </si>
  <si>
    <t>13.573172569274902</t>
  </si>
  <si>
    <t>626.808837890625</t>
  </si>
  <si>
    <t>0.024933819642404487</t>
  </si>
  <si>
    <t>8074</t>
  </si>
  <si>
    <t>13.539920806884766</t>
  </si>
  <si>
    <t>810.8170166015625</t>
  </si>
  <si>
    <t>0.024574957882034454</t>
  </si>
  <si>
    <t>8281</t>
  </si>
  <si>
    <t>13.26388931274414</t>
  </si>
  <si>
    <t>848.1480102539062</t>
  </si>
  <si>
    <t>0.025314711620813668</t>
  </si>
  <si>
    <t>8332</t>
  </si>
  <si>
    <t>13.611076354980469</t>
  </si>
  <si>
    <t>705.3665771484375</t>
  </si>
  <si>
    <t>0.006139789347162861</t>
  </si>
  <si>
    <t>13.82730770111084</t>
  </si>
  <si>
    <t>697.1354370117188</t>
  </si>
  <si>
    <t>-0.10586739184416416</t>
  </si>
  <si>
    <t>7852</t>
  </si>
  <si>
    <t>13.580714225769043</t>
  </si>
  <si>
    <t>803.009521484375</t>
  </si>
  <si>
    <t>0.04653214485965407</t>
  </si>
  <si>
    <t>13.350892066955566</t>
  </si>
  <si>
    <t>671.8585815429688</t>
  </si>
  <si>
    <t>0.022789780777459967</t>
  </si>
  <si>
    <t>323</t>
  </si>
  <si>
    <t>10.653462409973145</t>
  </si>
  <si>
    <t>729.590087890625</t>
  </si>
  <si>
    <t>835.3917236328125</t>
  </si>
  <si>
    <t>La Paz</t>
  </si>
  <si>
    <t>4207</t>
  </si>
  <si>
    <t>10.781913757324219</t>
  </si>
  <si>
    <t>530.6842651367188</t>
  </si>
  <si>
    <t>0.0504554434884934</t>
  </si>
  <si>
    <t>4290</t>
  </si>
  <si>
    <t>10.573737144470215</t>
  </si>
  <si>
    <t>658.2581176757812</t>
  </si>
  <si>
    <t>0.01953692833154186</t>
  </si>
  <si>
    <t>4395</t>
  </si>
  <si>
    <t>10.794806480407715</t>
  </si>
  <si>
    <t>747.5401000976562</t>
  </si>
  <si>
    <t>0.024180798197214415</t>
  </si>
  <si>
    <t>4522</t>
  </si>
  <si>
    <t>11.186028480529785</t>
  </si>
  <si>
    <t>654.349365234375</t>
  </si>
  <si>
    <t>0.028486842718637106</t>
  </si>
  <si>
    <t>4701</t>
  </si>
  <si>
    <t>10.977740287780762</t>
  </si>
  <si>
    <t>631.8564453125</t>
  </si>
  <si>
    <t>0.03882087818621649</t>
  </si>
  <si>
    <t>10.478852272033691</t>
  </si>
  <si>
    <t>693.3443603515625</t>
  </si>
  <si>
    <t>0.012892496022677946</t>
  </si>
  <si>
    <t>4688</t>
  </si>
  <si>
    <t>11.007580757141113</t>
  </si>
  <si>
    <t>836.5672607421875</t>
  </si>
  <si>
    <t>-0.01566169578996046</t>
  </si>
  <si>
    <t>4422</t>
  </si>
  <si>
    <t>11.217181205749512</t>
  </si>
  <si>
    <t>476.2017822265625</t>
  </si>
  <si>
    <t>-0.05841396983945657</t>
  </si>
  <si>
    <t>4482</t>
  </si>
  <si>
    <t>10.273234367370605</t>
  </si>
  <si>
    <t>809.628662109375</t>
  </si>
  <si>
    <t>0.01347729294348099</t>
  </si>
  <si>
    <t>10.503443717956543</t>
  </si>
  <si>
    <t>769.4407348632812</t>
  </si>
  <si>
    <t>-0.014382270380810525</t>
  </si>
  <si>
    <t>4374</t>
  </si>
  <si>
    <t>10.30103588104248</t>
  </si>
  <si>
    <t>790.922119140625</t>
  </si>
  <si>
    <t>-0.010009182743349498</t>
  </si>
  <si>
    <t>10.342652320861816</t>
  </si>
  <si>
    <t>912.0491333007812</t>
  </si>
  <si>
    <t>0.03922950633329059</t>
  </si>
  <si>
    <t>10.153998374938965</t>
  </si>
  <si>
    <t>652.8951416015625</t>
  </si>
  <si>
    <t>0.039651822336244535</t>
  </si>
  <si>
    <t>4813</t>
  </si>
  <si>
    <t>10.757294654846191</t>
  </si>
  <si>
    <t>559.4996948242188</t>
  </si>
  <si>
    <t>0.01676133939686153</t>
  </si>
  <si>
    <t>10.419910430908203</t>
  </si>
  <si>
    <t>739.7727661132812</t>
  </si>
  <si>
    <t>0.0010383138717067197</t>
  </si>
  <si>
    <t>4946</t>
  </si>
  <si>
    <t>10.503057479858398</t>
  </si>
  <si>
    <t>597.6232299804688</t>
  </si>
  <si>
    <t>0.026220264906545054</t>
  </si>
  <si>
    <t>10.24040699005127</t>
  </si>
  <si>
    <t>627.54443359375</t>
  </si>
  <si>
    <t>0.03379371461737257</t>
  </si>
  <si>
    <t>10.126325607299805</t>
  </si>
  <si>
    <t>439.48468017578125</t>
  </si>
  <si>
    <t>0.04360155251774778</t>
  </si>
  <si>
    <t>5525</t>
  </si>
  <si>
    <t>10.491326332092285</t>
  </si>
  <si>
    <t>697.54833984375</t>
  </si>
  <si>
    <t>0.03330881116947282</t>
  </si>
  <si>
    <t>5713</t>
  </si>
  <si>
    <t>10.762321472167969</t>
  </si>
  <si>
    <t>524.9027709960938</t>
  </si>
  <si>
    <t>0.033461032338507835</t>
  </si>
  <si>
    <t>5898</t>
  </si>
  <si>
    <t>10.520650863647461</t>
  </si>
  <si>
    <t>920.1986694335938</t>
  </si>
  <si>
    <t>0.031869030650758745</t>
  </si>
  <si>
    <t>6089</t>
  </si>
  <si>
    <t>10.439610481262207</t>
  </si>
  <si>
    <t>739.1156616210938</t>
  </si>
  <si>
    <t>0.03187055423335394</t>
  </si>
  <si>
    <t>10.243510246276855</t>
  </si>
  <si>
    <t>822.6259765625</t>
  </si>
  <si>
    <t>0.047467624858064994</t>
  </si>
  <si>
    <t>6612</t>
  </si>
  <si>
    <t>10.920271873474121</t>
  </si>
  <si>
    <t>601.6290893554688</t>
  </si>
  <si>
    <t>0.03493469047427489</t>
  </si>
  <si>
    <t>6812</t>
  </si>
  <si>
    <t>11.179317474365234</t>
  </si>
  <si>
    <t>685.456787109375</t>
  </si>
  <si>
    <t>0.029799582841663508</t>
  </si>
  <si>
    <t>6979</t>
  </si>
  <si>
    <t>10.940966606140137</t>
  </si>
  <si>
    <t>668.7615356445312</t>
  </si>
  <si>
    <t>0.024219877234573417</t>
  </si>
  <si>
    <t>7151</t>
  </si>
  <si>
    <t>10.711987495422363</t>
  </si>
  <si>
    <t>763.788818359375</t>
  </si>
  <si>
    <t>0.024346567031244604</t>
  </si>
  <si>
    <t>7331</t>
  </si>
  <si>
    <t>10.48908805847168</t>
  </si>
  <si>
    <t>847.2411499023438</t>
  </si>
  <si>
    <t>0.024859725175190306</t>
  </si>
  <si>
    <t>7377</t>
  </si>
  <si>
    <t>10.774913787841797</t>
  </si>
  <si>
    <t>678.9468994140625</t>
  </si>
  <si>
    <t>0.006255119660716346</t>
  </si>
  <si>
    <t>10.997403144836426</t>
  </si>
  <si>
    <t>644.5684814453125</t>
  </si>
  <si>
    <t>-0.10585767957396719</t>
  </si>
  <si>
    <t>6952</t>
  </si>
  <si>
    <t>10.805344581604004</t>
  </si>
  <si>
    <t>739.0953979492188</t>
  </si>
  <si>
    <t>0.04652001563489172</t>
  </si>
  <si>
    <t>7112</t>
  </si>
  <si>
    <t>10.759074211120605</t>
  </si>
  <si>
    <t>913.30126953125</t>
  </si>
  <si>
    <t>0.02275411024851337</t>
  </si>
  <si>
    <t>324</t>
  </si>
  <si>
    <t>7.827517986297607</t>
  </si>
  <si>
    <t>328.5369567871094</t>
  </si>
  <si>
    <t>162.20193481445312</t>
  </si>
  <si>
    <t>Oruro</t>
  </si>
  <si>
    <t>4742</t>
  </si>
  <si>
    <t>7.8738932609558105</t>
  </si>
  <si>
    <t>279.7003479003906</t>
  </si>
  <si>
    <t>0.06198309367879595</t>
  </si>
  <si>
    <t>7.647782802581787</t>
  </si>
  <si>
    <t>341.5767822265625</t>
  </si>
  <si>
    <t>0.004208760421457569</t>
  </si>
  <si>
    <t>5055</t>
  </si>
  <si>
    <t>7.908153533935547</t>
  </si>
  <si>
    <t>326.6014099121094</t>
  </si>
  <si>
    <t>0.059710104407763254</t>
  </si>
  <si>
    <t>5484</t>
  </si>
  <si>
    <t>8.252132415771484</t>
  </si>
  <si>
    <t>296.1964416503906</t>
  </si>
  <si>
    <t>0.08145690922763293</t>
  </si>
  <si>
    <t>5838</t>
  </si>
  <si>
    <t>7.85699462890625</t>
  </si>
  <si>
    <t>333.3861389160156</t>
  </si>
  <si>
    <t>0.06255351073185444</t>
  </si>
  <si>
    <t>5948</t>
  </si>
  <si>
    <t>7.462301254272461</t>
  </si>
  <si>
    <t>352.8621826171875</t>
  </si>
  <si>
    <t>0.018666756165986342</t>
  </si>
  <si>
    <t>6650</t>
  </si>
  <si>
    <t>8.14949893951416</t>
  </si>
  <si>
    <t>369.9554138183594</t>
  </si>
  <si>
    <t>0.11156182606985432</t>
  </si>
  <si>
    <t>7157</t>
  </si>
  <si>
    <t>8.048907279968262</t>
  </si>
  <si>
    <t>240.14630126953125</t>
  </si>
  <si>
    <t>0.07347404408869807</t>
  </si>
  <si>
    <t>6974</t>
  </si>
  <si>
    <t>7.277493000030518</t>
  </si>
  <si>
    <t>428.5935363769531</t>
  </si>
  <si>
    <t>-0.025901950503001814</t>
  </si>
  <si>
    <t>7.487483501434326</t>
  </si>
  <si>
    <t>377.7642517089844</t>
  </si>
  <si>
    <t>-0.014297304700823688</t>
  </si>
  <si>
    <t>6935</t>
  </si>
  <si>
    <t>7.370260238647461</t>
  </si>
  <si>
    <t>407.53948974609375</t>
  </si>
  <si>
    <t>0.00868941021415992</t>
  </si>
  <si>
    <t>6753</t>
  </si>
  <si>
    <t>7.630954742431641</t>
  </si>
  <si>
    <t>416.6881103515625</t>
  </si>
  <si>
    <t>-0.026594203174090225</t>
  </si>
  <si>
    <t>7.444488525390625</t>
  </si>
  <si>
    <t>336.1032409667969</t>
  </si>
  <si>
    <t>-0.053532622432838295</t>
  </si>
  <si>
    <t>6061</t>
  </si>
  <si>
    <t>7.940162658691406</t>
  </si>
  <si>
    <t>276.609375</t>
  </si>
  <si>
    <t>-0.05457942519071857</t>
  </si>
  <si>
    <t>6290</t>
  </si>
  <si>
    <t>7.54813814163208</t>
  </si>
  <si>
    <t>413.6997375488281</t>
  </si>
  <si>
    <t>0.03708626774320045</t>
  </si>
  <si>
    <t>6569</t>
  </si>
  <si>
    <t>7.775339603424072</t>
  </si>
  <si>
    <t>307.26519775390625</t>
  </si>
  <si>
    <t>0.04340054319798625</t>
  </si>
  <si>
    <t>6734</t>
  </si>
  <si>
    <t>7.274089336395264</t>
  </si>
  <si>
    <t>357.3790588378906</t>
  </si>
  <si>
    <t>0.024807706828546827</t>
  </si>
  <si>
    <t>7905</t>
  </si>
  <si>
    <t>7.108326435089111</t>
  </si>
  <si>
    <t>230.7932891845703</t>
  </si>
  <si>
    <t>0.1603261499225539</t>
  </si>
  <si>
    <t>8282</t>
  </si>
  <si>
    <t>7.530442714691162</t>
  </si>
  <si>
    <t>373.869384765625</t>
  </si>
  <si>
    <t>0.04658901446194008</t>
  </si>
  <si>
    <t>7.590170383453369</t>
  </si>
  <si>
    <t>286.4579162597656</t>
  </si>
  <si>
    <t>0.017830903817163346</t>
  </si>
  <si>
    <t>6015</t>
  </si>
  <si>
    <t>7.426334381103516</t>
  </si>
  <si>
    <t>491.680908203125</t>
  </si>
  <si>
    <t>-0.33765903951389653</t>
  </si>
  <si>
    <t>6212</t>
  </si>
  <si>
    <t>7.5800604820251465</t>
  </si>
  <si>
    <t>409.9599609375</t>
  </si>
  <si>
    <t>0.03222655585979872</t>
  </si>
  <si>
    <t>6514</t>
  </si>
  <si>
    <t>7.273298263549805</t>
  </si>
  <si>
    <t>424.05999755859375</t>
  </si>
  <si>
    <t>0.04747080156760042</t>
  </si>
  <si>
    <t>6748</t>
  </si>
  <si>
    <t>7.977855205535889</t>
  </si>
  <si>
    <t>271.976806640625</t>
  </si>
  <si>
    <t>0.035292457829680046</t>
  </si>
  <si>
    <t>6951</t>
  </si>
  <si>
    <t>8.22587776184082</t>
  </si>
  <si>
    <t>327.20709228515625</t>
  </si>
  <si>
    <t>0.029639369434626417</t>
  </si>
  <si>
    <t>8.013802528381348</t>
  </si>
  <si>
    <t>318.04071044921875</t>
  </si>
  <si>
    <t>0.024303050737238152</t>
  </si>
  <si>
    <t>7.896848678588867</t>
  </si>
  <si>
    <t>353.086669921875</t>
  </si>
  <si>
    <t>0.024411753158668503</t>
  </si>
  <si>
    <t>7.685386657714844</t>
  </si>
  <si>
    <t>435.2312927246094</t>
  </si>
  <si>
    <t>0.024766134876012202</t>
  </si>
  <si>
    <t>7528</t>
  </si>
  <si>
    <t>8.056371688842773</t>
  </si>
  <si>
    <t>331.28570556640625</t>
  </si>
  <si>
    <t>0.006262929392811145</t>
  </si>
  <si>
    <t>6772</t>
  </si>
  <si>
    <t>8.245027542114258</t>
  </si>
  <si>
    <t>344.3447265625</t>
  </si>
  <si>
    <t>-0.10583293801219007</t>
  </si>
  <si>
    <t>7095</t>
  </si>
  <si>
    <t>7.936503887176514</t>
  </si>
  <si>
    <t>403.9179382324219</t>
  </si>
  <si>
    <t>0.04659384634111774</t>
  </si>
  <si>
    <t>7258</t>
  </si>
  <si>
    <t>7.684013843536377</t>
  </si>
  <si>
    <t>542.218994140625</t>
  </si>
  <si>
    <t>0.02271399817887243</t>
  </si>
  <si>
    <t>325</t>
  </si>
  <si>
    <t>26.056257247924805</t>
  </si>
  <si>
    <t>1862.34912109375</t>
  </si>
  <si>
    <t>26.589599609375</t>
  </si>
  <si>
    <t>Pando</t>
  </si>
  <si>
    <t>5577</t>
  </si>
  <si>
    <t>26.17384910583496</t>
  </si>
  <si>
    <t>1887.4564208984375</t>
  </si>
  <si>
    <t>-0.017771926781172454</t>
  </si>
  <si>
    <t>26.35234260559082</t>
  </si>
  <si>
    <t>1653.058837890625</t>
  </si>
  <si>
    <t>-0.028370697129215472</t>
  </si>
  <si>
    <t>5609</t>
  </si>
  <si>
    <t>26.243927001953125</t>
  </si>
  <si>
    <t>1585.515380859375</t>
  </si>
  <si>
    <t>0.034092150247998276</t>
  </si>
  <si>
    <t>26.51417350769043</t>
  </si>
  <si>
    <t>1621.462646484375</t>
  </si>
  <si>
    <t>0.0640481174363412</t>
  </si>
  <si>
    <t>6186</t>
  </si>
  <si>
    <t>26.36481475830078</t>
  </si>
  <si>
    <t>1538.00634765625</t>
  </si>
  <si>
    <t>0.03386810630033743</t>
  </si>
  <si>
    <t>26.024778366088867</t>
  </si>
  <si>
    <t>1563.3450927734375</t>
  </si>
  <si>
    <t>0.009492469314661633</t>
  </si>
  <si>
    <t>6567</t>
  </si>
  <si>
    <t>26.571001052856445</t>
  </si>
  <si>
    <t>1772.656494140625</t>
  </si>
  <si>
    <t>0.05027596363129483</t>
  </si>
  <si>
    <t>7288</t>
  </si>
  <si>
    <t>26.554481506347656</t>
  </si>
  <si>
    <t>2029.5177001953125</t>
  </si>
  <si>
    <t>0.10417205274882235</t>
  </si>
  <si>
    <t>25.75896453857422</t>
  </si>
  <si>
    <t>2013.801513671875</t>
  </si>
  <si>
    <t>0.03053878719411962</t>
  </si>
  <si>
    <t>26.089509963989258</t>
  </si>
  <si>
    <t>2021.17724609375</t>
  </si>
  <si>
    <t>0.05401118394940596</t>
  </si>
  <si>
    <t>8168</t>
  </si>
  <si>
    <t>26.021514892578125</t>
  </si>
  <si>
    <t>1879.505126953125</t>
  </si>
  <si>
    <t>0.029444949761181505</t>
  </si>
  <si>
    <t>7851</t>
  </si>
  <si>
    <t>26.293264389038086</t>
  </si>
  <si>
    <t>1849.998779296875</t>
  </si>
  <si>
    <t>-0.03958316864624578</t>
  </si>
  <si>
    <t>26.07061767578125</t>
  </si>
  <si>
    <t>1952.0640869140625</t>
  </si>
  <si>
    <t>-0.05403891671324068</t>
  </si>
  <si>
    <t>7437</t>
  </si>
  <si>
    <t>26.463632583618164</t>
  </si>
  <si>
    <t>1829.9600830078125</t>
  </si>
  <si>
    <t>-0.00013445378171539346</t>
  </si>
  <si>
    <t>7461</t>
  </si>
  <si>
    <t>26.214982986450195</t>
  </si>
  <si>
    <t>1403.2574462890625</t>
  </si>
  <si>
    <t>0.0032219117682146248</t>
  </si>
  <si>
    <t>26.18181800842285</t>
  </si>
  <si>
    <t>2028.1849365234375</t>
  </si>
  <si>
    <t>0.013049452820663276</t>
  </si>
  <si>
    <t>8129</t>
  </si>
  <si>
    <t>25.95570945739746</t>
  </si>
  <si>
    <t>2089.063720703125</t>
  </si>
  <si>
    <t>0.07269900845439459</t>
  </si>
  <si>
    <t>8263</t>
  </si>
  <si>
    <t>25.89024543762207</t>
  </si>
  <si>
    <t>1818.6016845703125</t>
  </si>
  <si>
    <t>0.01634980295461297</t>
  </si>
  <si>
    <t>8009</t>
  </si>
  <si>
    <t>26.296371459960938</t>
  </si>
  <si>
    <t>2422.06396484375</t>
  </si>
  <si>
    <t>-0.031221808377502214</t>
  </si>
  <si>
    <t>8060</t>
  </si>
  <si>
    <t>26.3118953704834</t>
  </si>
  <si>
    <t>1922.8243408203125</t>
  </si>
  <si>
    <t>0.006347647176990989</t>
  </si>
  <si>
    <t>6266</t>
  </si>
  <si>
    <t>26.283754348754883</t>
  </si>
  <si>
    <t>1868.843017578125</t>
  </si>
  <si>
    <t>-0.2517753639885374</t>
  </si>
  <si>
    <t>6470</t>
  </si>
  <si>
    <t>26.258934020996094</t>
  </si>
  <si>
    <t>1721.6986083984375</t>
  </si>
  <si>
    <t>0.03203791598281036</t>
  </si>
  <si>
    <t>6786</t>
  </si>
  <si>
    <t>25.991174697875977</t>
  </si>
  <si>
    <t>1971.261962890625</t>
  </si>
  <si>
    <t>0.047685557849229454</t>
  </si>
  <si>
    <t>26.506383895874023</t>
  </si>
  <si>
    <t>2157.264892578125</t>
  </si>
  <si>
    <t>0.0356094940208358</t>
  </si>
  <si>
    <t>27.003816604614258</t>
  </si>
  <si>
    <t>1663.3270263671875</t>
  </si>
  <si>
    <t>0.029978432090009832</t>
  </si>
  <si>
    <t>7426</t>
  </si>
  <si>
    <t>26.478017807006836</t>
  </si>
  <si>
    <t>1691.62841796875</t>
  </si>
  <si>
    <t>0.02453776328200341</t>
  </si>
  <si>
    <t>7611</t>
  </si>
  <si>
    <t>26.41510009765625</t>
  </si>
  <si>
    <t>1868.7781982421875</t>
  </si>
  <si>
    <t>0.024607213530366323</t>
  </si>
  <si>
    <t>7802</t>
  </si>
  <si>
    <t>26.049711227416992</t>
  </si>
  <si>
    <t>2099.73388671875</t>
  </si>
  <si>
    <t>0.024785541799209554</t>
  </si>
  <si>
    <t>26.486783981323242</t>
  </si>
  <si>
    <t>1667.1156005859375</t>
  </si>
  <si>
    <t>0.006260801131654503</t>
  </si>
  <si>
    <t>7062</t>
  </si>
  <si>
    <t>26.568872451782227</t>
  </si>
  <si>
    <t>1605.4403076171875</t>
  </si>
  <si>
    <t>-0.10591261470992386</t>
  </si>
  <si>
    <t>26.38133430480957</t>
  </si>
  <si>
    <t>1652.1800537109375</t>
  </si>
  <si>
    <t>0.04661655843721846</t>
  </si>
  <si>
    <t>7569</t>
  </si>
  <si>
    <t>26.075990676879883</t>
  </si>
  <si>
    <t>1956.713623046875</t>
  </si>
  <si>
    <t>0.0227161023836171</t>
  </si>
  <si>
    <t>326</t>
  </si>
  <si>
    <t>2546</t>
  </si>
  <si>
    <t>9.718226432800293</t>
  </si>
  <si>
    <t>410.72613525390625</t>
  </si>
  <si>
    <t>212.32559204101562</t>
  </si>
  <si>
    <t>Potos</t>
  </si>
  <si>
    <t>2677</t>
  </si>
  <si>
    <t>9.731867790222168</t>
  </si>
  <si>
    <t>334.7996520996094</t>
  </si>
  <si>
    <t>0.05017326440299996</t>
  </si>
  <si>
    <t>2742</t>
  </si>
  <si>
    <t>9.41972541809082</t>
  </si>
  <si>
    <t>343.2291259765625</t>
  </si>
  <si>
    <t>0.023990816601907383</t>
  </si>
  <si>
    <t>9.79630184173584</t>
  </si>
  <si>
    <t>357.2082214355469</t>
  </si>
  <si>
    <t>0.04178433220005218</t>
  </si>
  <si>
    <t>10.089735984802246</t>
  </si>
  <si>
    <t>301.5046691894531</t>
  </si>
  <si>
    <t>-0.05315434282364606</t>
  </si>
  <si>
    <t>2737</t>
  </si>
  <si>
    <t>9.671988487243652</t>
  </si>
  <si>
    <t>360.8912048339844</t>
  </si>
  <si>
    <t>0.009544859542013562</t>
  </si>
  <si>
    <t>9.248724937438965</t>
  </si>
  <si>
    <t>342.4599914550781</t>
  </si>
  <si>
    <t>0.04325964944913352</t>
  </si>
  <si>
    <t>2884</t>
  </si>
  <si>
    <t>9.906440734863281</t>
  </si>
  <si>
    <t>328.1546325683594</t>
  </si>
  <si>
    <t>0.009056139915027295</t>
  </si>
  <si>
    <t>9.579069137573242</t>
  </si>
  <si>
    <t>306.9441223144531</t>
  </si>
  <si>
    <t>-0.0066098692560006</t>
  </si>
  <si>
    <t>9.116259574890137</t>
  </si>
  <si>
    <t>439.75762939453125</t>
  </si>
  <si>
    <t>0.05764307434475935</t>
  </si>
  <si>
    <t>3177</t>
  </si>
  <si>
    <t>9.16138744354248</t>
  </si>
  <si>
    <t>392.8262023925781</t>
  </si>
  <si>
    <t>0.04572593077591769</t>
  </si>
  <si>
    <t>9.281121253967285</t>
  </si>
  <si>
    <t>384.51593017578125</t>
  </si>
  <si>
    <t>-0.026472603136504347</t>
  </si>
  <si>
    <t>9.481706619262695</t>
  </si>
  <si>
    <t>388.00042724609375</t>
  </si>
  <si>
    <t>0.037740327982845656</t>
  </si>
  <si>
    <t>9.30221939086914</t>
  </si>
  <si>
    <t>351.56170654296875</t>
  </si>
  <si>
    <t>0.05950721116170499</t>
  </si>
  <si>
    <t>3499</t>
  </si>
  <si>
    <t>9.732916831970215</t>
  </si>
  <si>
    <t>285.38861083984375</t>
  </si>
  <si>
    <t>0.025764922090125708</t>
  </si>
  <si>
    <t>3594</t>
  </si>
  <si>
    <t>9.347284317016602</t>
  </si>
  <si>
    <t>395.8172302246094</t>
  </si>
  <si>
    <t>0.026788574975816104</t>
  </si>
  <si>
    <t>3731</t>
  </si>
  <si>
    <t>9.665118217468262</t>
  </si>
  <si>
    <t>346.0569152832031</t>
  </si>
  <si>
    <t>0.03741050587765393</t>
  </si>
  <si>
    <t>4194</t>
  </si>
  <si>
    <t>9.26586627960205</t>
  </si>
  <si>
    <t>402.737060546875</t>
  </si>
  <si>
    <t>0.11697863824070609</t>
  </si>
  <si>
    <t>5180</t>
  </si>
  <si>
    <t>8.999359130859375</t>
  </si>
  <si>
    <t>294.0689392089844</t>
  </si>
  <si>
    <t>0.21115012379166487</t>
  </si>
  <si>
    <t>5563</t>
  </si>
  <si>
    <t>9.449105262756348</t>
  </si>
  <si>
    <t>391.5012512207031</t>
  </si>
  <si>
    <t>0.07133247482176408</t>
  </si>
  <si>
    <t>5503</t>
  </si>
  <si>
    <t>9.591940879821777</t>
  </si>
  <si>
    <t>283.8692321777344</t>
  </si>
  <si>
    <t>-0.010844133015535107</t>
  </si>
  <si>
    <t>9.345376968383789</t>
  </si>
  <si>
    <t>478.6036071777344</t>
  </si>
  <si>
    <t>-0.26356433006963087</t>
  </si>
  <si>
    <t>4363</t>
  </si>
  <si>
    <t>9.460086822509766</t>
  </si>
  <si>
    <t>448.042724609375</t>
  </si>
  <si>
    <t>0.031430826133481915</t>
  </si>
  <si>
    <t>4566</t>
  </si>
  <si>
    <t>9.205860137939453</t>
  </si>
  <si>
    <t>423.06878662109375</t>
  </si>
  <si>
    <t>0.045477653966131015</t>
  </si>
  <si>
    <t>9.900160789489746</t>
  </si>
  <si>
    <t>300.0626525878906</t>
  </si>
  <si>
    <t>0.03295936463664617</t>
  </si>
  <si>
    <t>4851</t>
  </si>
  <si>
    <t>10.041725158691406</t>
  </si>
  <si>
    <t>347.6396179199219</t>
  </si>
  <si>
    <t>0.02758795651882906</t>
  </si>
  <si>
    <t>4961</t>
  </si>
  <si>
    <t>9.771021842956543</t>
  </si>
  <si>
    <t>289.6497802734375</t>
  </si>
  <si>
    <t>0.02242246405583259</t>
  </si>
  <si>
    <t>5082</t>
  </si>
  <si>
    <t>9.660792350769043</t>
  </si>
  <si>
    <t>372.1632080078125</t>
  </si>
  <si>
    <t>0.024097551579060905</t>
  </si>
  <si>
    <t>5203</t>
  </si>
  <si>
    <t>9.490788459777832</t>
  </si>
  <si>
    <t>407.21929931640625</t>
  </si>
  <si>
    <t>0.023530497410193973</t>
  </si>
  <si>
    <t>5235</t>
  </si>
  <si>
    <t>9.694886207580566</t>
  </si>
  <si>
    <t>341.7431335449219</t>
  </si>
  <si>
    <t>0.0061314620143342324</t>
  </si>
  <si>
    <t>9.978667259216309</t>
  </si>
  <si>
    <t>330.8078308105469</t>
  </si>
  <si>
    <t>-0.10589127306108281</t>
  </si>
  <si>
    <t>4934</t>
  </si>
  <si>
    <t>9.724838256835938</t>
  </si>
  <si>
    <t>396.0630798339844</t>
  </si>
  <si>
    <t>0.0466744468457474</t>
  </si>
  <si>
    <t>9.480225563049316</t>
  </si>
  <si>
    <t>291.3395690917969</t>
  </si>
  <si>
    <t>0.022643989250960672</t>
  </si>
  <si>
    <t>327</t>
  </si>
  <si>
    <t>5728</t>
  </si>
  <si>
    <t>23.969375610351562</t>
  </si>
  <si>
    <t>1278.2203369140625</t>
  </si>
  <si>
    <t>669.8668823242188</t>
  </si>
  <si>
    <t>24.0703067779541</t>
  </si>
  <si>
    <t>1152.4376220703125</t>
  </si>
  <si>
    <t>0.03161775398755573</t>
  </si>
  <si>
    <t>5800</t>
  </si>
  <si>
    <t>23.94525909423828</t>
  </si>
  <si>
    <t>1216.010498046875</t>
  </si>
  <si>
    <t>-0.019126266093527633</t>
  </si>
  <si>
    <t>24.013566970825195</t>
  </si>
  <si>
    <t>1079.66259765625</t>
  </si>
  <si>
    <t>0.006530354879549449</t>
  </si>
  <si>
    <t>24.193115234375</t>
  </si>
  <si>
    <t>918.2283325195312</t>
  </si>
  <si>
    <t>0.030200523806291457</t>
  </si>
  <si>
    <t>6082</t>
  </si>
  <si>
    <t>23.934669494628906</t>
  </si>
  <si>
    <t>912.648681640625</t>
  </si>
  <si>
    <t>0.01074479301695952</t>
  </si>
  <si>
    <t>6293</t>
  </si>
  <si>
    <t>23.595125198364258</t>
  </si>
  <si>
    <t>1146.2186279296875</t>
  </si>
  <si>
    <t>0.03410431528962299</t>
  </si>
  <si>
    <t>6498</t>
  </si>
  <si>
    <t>24.2022705078125</t>
  </si>
  <si>
    <t>1119.717041015625</t>
  </si>
  <si>
    <t>0.032056532702112506</t>
  </si>
  <si>
    <t>23.548704147338867</t>
  </si>
  <si>
    <t>1072.311767578125</t>
  </si>
  <si>
    <t>0.09014844365447239</t>
  </si>
  <si>
    <t>6593</t>
  </si>
  <si>
    <t>23.55661964416504</t>
  </si>
  <si>
    <t>954.6754150390625</t>
  </si>
  <si>
    <t>-0.07563440077021788</t>
  </si>
  <si>
    <t>6736</t>
  </si>
  <si>
    <t>23.71552848815918</t>
  </si>
  <si>
    <t>1144.1265869140625</t>
  </si>
  <si>
    <t>0.021457796808862284</t>
  </si>
  <si>
    <t>6769</t>
  </si>
  <si>
    <t>23.660629272460938</t>
  </si>
  <si>
    <t>1022.2506713867188</t>
  </si>
  <si>
    <t>0.004887088586444932</t>
  </si>
  <si>
    <t>6616</t>
  </si>
  <si>
    <t>23.903898239135742</t>
  </si>
  <si>
    <t>1084.505126953125</t>
  </si>
  <si>
    <t>-0.02286240780508031</t>
  </si>
  <si>
    <t>6590</t>
  </si>
  <si>
    <t>23.617807388305664</t>
  </si>
  <si>
    <t>1129.1595458984375</t>
  </si>
  <si>
    <t>-0.003937609206975168</t>
  </si>
  <si>
    <t>6622</t>
  </si>
  <si>
    <t>24.02501678466797</t>
  </si>
  <si>
    <t>1081.2509765625</t>
  </si>
  <si>
    <t>0.0048440906106392845</t>
  </si>
  <si>
    <t>6730</t>
  </si>
  <si>
    <t>23.576810836791992</t>
  </si>
  <si>
    <t>981.86767578125</t>
  </si>
  <si>
    <t>0.016177704531582293</t>
  </si>
  <si>
    <t>6830</t>
  </si>
  <si>
    <t>23.93922233581543</t>
  </si>
  <si>
    <t>1104.345947265625</t>
  </si>
  <si>
    <t>0.014749529926062266</t>
  </si>
  <si>
    <t>6866</t>
  </si>
  <si>
    <t>23.3809871673584</t>
  </si>
  <si>
    <t>1051.034912109375</t>
  </si>
  <si>
    <t>0.005257021452800714</t>
  </si>
  <si>
    <t>6889</t>
  </si>
  <si>
    <t>23.375877380371094</t>
  </si>
  <si>
    <t>973.1353149414062</t>
  </si>
  <si>
    <t>0.003344241575559792</t>
  </si>
  <si>
    <t>6898</t>
  </si>
  <si>
    <t>23.683149337768555</t>
  </si>
  <si>
    <t>1126.2281494140625</t>
  </si>
  <si>
    <t>0.0013055779035902049</t>
  </si>
  <si>
    <t>6985</t>
  </si>
  <si>
    <t>23.666913986206055</t>
  </si>
  <si>
    <t>800.4263916015625</t>
  </si>
  <si>
    <t>0.01253347819427475</t>
  </si>
  <si>
    <t>9123</t>
  </si>
  <si>
    <t>23.787569046020508</t>
  </si>
  <si>
    <t>989.8964233398438</t>
  </si>
  <si>
    <t>0.2670337046544127</t>
  </si>
  <si>
    <t>9428</t>
  </si>
  <si>
    <t>23.932815551757812</t>
  </si>
  <si>
    <t>1055.063720703125</t>
  </si>
  <si>
    <t>0.03288528771054722</t>
  </si>
  <si>
    <t>9911</t>
  </si>
  <si>
    <t>23.396696090698242</t>
  </si>
  <si>
    <t>1236.541015625</t>
  </si>
  <si>
    <t>0.049961266350686984</t>
  </si>
  <si>
    <t>10293</t>
  </si>
  <si>
    <t>24.27037239074707</t>
  </si>
  <si>
    <t>1131.493896484375</t>
  </si>
  <si>
    <t>0.03781880111985103</t>
  </si>
  <si>
    <t>10631</t>
  </si>
  <si>
    <t>24.439184188842773</t>
  </si>
  <si>
    <t>960.7996826171875</t>
  </si>
  <si>
    <t>0.0323102087620466</t>
  </si>
  <si>
    <t>10916</t>
  </si>
  <si>
    <t>23.553422927856445</t>
  </si>
  <si>
    <t>845.3796997070312</t>
  </si>
  <si>
    <t>0.02645534153962359</t>
  </si>
  <si>
    <t>23.939260482788086</t>
  </si>
  <si>
    <t>1130.09375</t>
  </si>
  <si>
    <t>0.02514831762307601</t>
  </si>
  <si>
    <t>11493</t>
  </si>
  <si>
    <t>23.53562355041504</t>
  </si>
  <si>
    <t>1006.3675537109375</t>
  </si>
  <si>
    <t>0.026360233917452902</t>
  </si>
  <si>
    <t>23.870574951171875</t>
  </si>
  <si>
    <t>891.0951538085938</t>
  </si>
  <si>
    <t>0.006245141296780332</t>
  </si>
  <si>
    <t>10403</t>
  </si>
  <si>
    <t>24.226350784301758</t>
  </si>
  <si>
    <t>921.03466796875</t>
  </si>
  <si>
    <t>-0.10588906959464417</t>
  </si>
  <si>
    <t>23.98949432373047</t>
  </si>
  <si>
    <t>925.3682861328125</t>
  </si>
  <si>
    <t>0.046576815818417217</t>
  </si>
  <si>
    <t>11149</t>
  </si>
  <si>
    <t>23.75971794128418</t>
  </si>
  <si>
    <t>795.463623046875</t>
  </si>
  <si>
    <t>0.022678765878259455</t>
  </si>
  <si>
    <t>328</t>
  </si>
  <si>
    <t>5140</t>
  </si>
  <si>
    <t>18.653406143188477</t>
  </si>
  <si>
    <t>807.7861328125</t>
  </si>
  <si>
    <t>121.18083953857422</t>
  </si>
  <si>
    <t>Tarija</t>
  </si>
  <si>
    <t>5341</t>
  </si>
  <si>
    <t>18.808815002441406</t>
  </si>
  <si>
    <t>990.2877197265625</t>
  </si>
  <si>
    <t>0.038359821890558976</t>
  </si>
  <si>
    <t>5190</t>
  </si>
  <si>
    <t>18.504648208618164</t>
  </si>
  <si>
    <t>720.2818603515625</t>
  </si>
  <si>
    <t>-0.02867920417983605</t>
  </si>
  <si>
    <t>18.863420486450195</t>
  </si>
  <si>
    <t>718.0567626953125</t>
  </si>
  <si>
    <t>-0.012603172153324849</t>
  </si>
  <si>
    <t>19.29255485534668</t>
  </si>
  <si>
    <t>739.7774047851562</t>
  </si>
  <si>
    <t>0.006418382434681291</t>
  </si>
  <si>
    <t>5021</t>
  </si>
  <si>
    <t>18.707231521606445</t>
  </si>
  <si>
    <t>555.5921020507812</t>
  </si>
  <si>
    <t>-0.026919790406585875</t>
  </si>
  <si>
    <t>5135</t>
  </si>
  <si>
    <t>18.284603118896484</t>
  </si>
  <si>
    <t>752.7876586914062</t>
  </si>
  <si>
    <t>0.02245072632795342</t>
  </si>
  <si>
    <t>5853</t>
  </si>
  <si>
    <t>18.8797664642334</t>
  </si>
  <si>
    <t>669.7964477539062</t>
  </si>
  <si>
    <t>0.13087450692856173</t>
  </si>
  <si>
    <t>6336</t>
  </si>
  <si>
    <t>18.441547393798828</t>
  </si>
  <si>
    <t>685.5223999023438</t>
  </si>
  <si>
    <t>0.07929330420304126</t>
  </si>
  <si>
    <t>18.352251052856445</t>
  </si>
  <si>
    <t>699.955810546875</t>
  </si>
  <si>
    <t>-0.038286805946061264</t>
  </si>
  <si>
    <t>6219</t>
  </si>
  <si>
    <t>18.379545211791992</t>
  </si>
  <si>
    <t>844.7408447265625</t>
  </si>
  <si>
    <t>0.019648273555688434</t>
  </si>
  <si>
    <t>6534</t>
  </si>
  <si>
    <t>18.668920516967773</t>
  </si>
  <si>
    <t>608.4642333984375</t>
  </si>
  <si>
    <t>0.049410191057127406</t>
  </si>
  <si>
    <t>7380</t>
  </si>
  <si>
    <t>18.878389358520508</t>
  </si>
  <si>
    <t>781.8308715820312</t>
  </si>
  <si>
    <t>0.12175432543350162</t>
  </si>
  <si>
    <t>8257</t>
  </si>
  <si>
    <t>18.68768310546875</t>
  </si>
  <si>
    <t>769.111328125</t>
  </si>
  <si>
    <t>0.11228768682291168</t>
  </si>
  <si>
    <t>18.802711486816406</t>
  </si>
  <si>
    <t>688.085205078125</t>
  </si>
  <si>
    <t>0.15111835292371545</t>
  </si>
  <si>
    <t>11787</t>
  </si>
  <si>
    <t>18.850936889648438</t>
  </si>
  <si>
    <t>729.45703125</t>
  </si>
  <si>
    <t>0.20481755088542464</t>
  </si>
  <si>
    <t>12341</t>
  </si>
  <si>
    <t>18.818693161010742</t>
  </si>
  <si>
    <t>874.1677856445312</t>
  </si>
  <si>
    <t>0.045929823226614985</t>
  </si>
  <si>
    <t>13004</t>
  </si>
  <si>
    <t>18.533109664916992</t>
  </si>
  <si>
    <t>743.7234497070312</t>
  </si>
  <si>
    <t>0.05232994997061091</t>
  </si>
  <si>
    <t>13295</t>
  </si>
  <si>
    <t>18.46170425415039</t>
  </si>
  <si>
    <t>724.4110107421875</t>
  </si>
  <si>
    <t>0.022131022253324417</t>
  </si>
  <si>
    <t>12832</t>
  </si>
  <si>
    <t>18.762619018554688</t>
  </si>
  <si>
    <t>711.4932861328125</t>
  </si>
  <si>
    <t>-0.03544597357082324</t>
  </si>
  <si>
    <t>13466</t>
  </si>
  <si>
    <t>18.7691707611084</t>
  </si>
  <si>
    <t>590.294189453125</t>
  </si>
  <si>
    <t>0.04822593899893057</t>
  </si>
  <si>
    <t>18.59266471862793</t>
  </si>
  <si>
    <t>726.5341186523438</t>
  </si>
  <si>
    <t>-0.5560945922810454</t>
  </si>
  <si>
    <t>18.875736236572266</t>
  </si>
  <si>
    <t>702.0115966796875</t>
  </si>
  <si>
    <t>0.03236363481749294</t>
  </si>
  <si>
    <t>18.772127151489258</t>
  </si>
  <si>
    <t>564.4638061523438</t>
  </si>
  <si>
    <t>0.0490528225121345</t>
  </si>
  <si>
    <t>8690</t>
  </si>
  <si>
    <t>19.265390396118164</t>
  </si>
  <si>
    <t>630.9880981445312</t>
  </si>
  <si>
    <t>0.03668308410562915</t>
  </si>
  <si>
    <t>19.269819259643555</t>
  </si>
  <si>
    <t>698.4918212890625</t>
  </si>
  <si>
    <t>0.0313782326926102</t>
  </si>
  <si>
    <t>18.929471969604492</t>
  </si>
  <si>
    <t>540.8346557617188</t>
  </si>
  <si>
    <t>0.025652312085084006</t>
  </si>
  <si>
    <t>19.042940139770508</t>
  </si>
  <si>
    <t>699.8141479492188</t>
  </si>
  <si>
    <t>0.02479865150675309</t>
  </si>
  <si>
    <t>9678</t>
  </si>
  <si>
    <t>18.895307540893555</t>
  </si>
  <si>
    <t>679.4490356445312</t>
  </si>
  <si>
    <t>0.025853132809379176</t>
  </si>
  <si>
    <t>9738</t>
  </si>
  <si>
    <t>19.023176193237305</t>
  </si>
  <si>
    <t>684.1016845703125</t>
  </si>
  <si>
    <t>0.006180489389381094</t>
  </si>
  <si>
    <t>19.305166244506836</t>
  </si>
  <si>
    <t>623.7529296875</t>
  </si>
  <si>
    <t>-0.10583985281220798</t>
  </si>
  <si>
    <t>18.94148826599121</t>
  </si>
  <si>
    <t>612.8237915039062</t>
  </si>
  <si>
    <t>0.046504448888574856</t>
  </si>
  <si>
    <t>9388</t>
  </si>
  <si>
    <t>18.60166358947754</t>
  </si>
  <si>
    <t>409.1305847167969</t>
  </si>
  <si>
    <t>0.02273192415190195</t>
  </si>
  <si>
    <t>329</t>
  </si>
  <si>
    <t>BRA</t>
  </si>
  <si>
    <t>6184</t>
  </si>
  <si>
    <t>25.72815704345703</t>
  </si>
  <si>
    <t>2062.902099609375</t>
  </si>
  <si>
    <t>181.57286071777344</t>
  </si>
  <si>
    <t>Acre</t>
  </si>
  <si>
    <t>Brazil</t>
  </si>
  <si>
    <t>6141</t>
  </si>
  <si>
    <t>25.8284854888916</t>
  </si>
  <si>
    <t>2125.576416015625</t>
  </si>
  <si>
    <t>-0.00697771593785923</t>
  </si>
  <si>
    <t>6007</t>
  </si>
  <si>
    <t>26.01525115966797</t>
  </si>
  <si>
    <t>1874.020751953125</t>
  </si>
  <si>
    <t>-0.022062139479237075</t>
  </si>
  <si>
    <t>6203</t>
  </si>
  <si>
    <t>25.77800178527832</t>
  </si>
  <si>
    <t>2089.589111328125</t>
  </si>
  <si>
    <t>0.03210759012295661</t>
  </si>
  <si>
    <t>6462</t>
  </si>
  <si>
    <t>26.05366325378418</t>
  </si>
  <si>
    <t>1847.3465576171875</t>
  </si>
  <si>
    <t>0.04090582141132515</t>
  </si>
  <si>
    <t>6631</t>
  </si>
  <si>
    <t>26.067651748657227</t>
  </si>
  <si>
    <t>1458.08251953125</t>
  </si>
  <si>
    <t>0.02581675498442415</t>
  </si>
  <si>
    <t>6672</t>
  </si>
  <si>
    <t>25.687936782836914</t>
  </si>
  <si>
    <t>1688.7493896484375</t>
  </si>
  <si>
    <t>0.006164042669714931</t>
  </si>
  <si>
    <t>6794</t>
  </si>
  <si>
    <t>26.23591423034668</t>
  </si>
  <si>
    <t>1785.4697265625</t>
  </si>
  <si>
    <t>0.018120204681947527</t>
  </si>
  <si>
    <t>26.30775260925293</t>
  </si>
  <si>
    <t>2266.910888671875</t>
  </si>
  <si>
    <t>-0.011696039763192445</t>
  </si>
  <si>
    <t>6649</t>
  </si>
  <si>
    <t>25.4888858795166</t>
  </si>
  <si>
    <t>2869.195068359375</t>
  </si>
  <si>
    <t>-0.009877362554881586</t>
  </si>
  <si>
    <t>6845</t>
  </si>
  <si>
    <t>25.81224250793457</t>
  </si>
  <si>
    <t>2698.9248046875</t>
  </si>
  <si>
    <t>0.029051991320093506</t>
  </si>
  <si>
    <t>25.758371353149414</t>
  </si>
  <si>
    <t>2749.09375</t>
  </si>
  <si>
    <t>0.0008761682803495319</t>
  </si>
  <si>
    <t>6973</t>
  </si>
  <si>
    <t>25.985532760620117</t>
  </si>
  <si>
    <t>2436.650390625</t>
  </si>
  <si>
    <t>0.017650921218111293</t>
  </si>
  <si>
    <t>6793</t>
  </si>
  <si>
    <t>25.842117309570312</t>
  </si>
  <si>
    <t>2540.261474609375</t>
  </si>
  <si>
    <t>-0.026152878029707338</t>
  </si>
  <si>
    <t>6842</t>
  </si>
  <si>
    <t>26.194564819335938</t>
  </si>
  <si>
    <t>2068.40380859375</t>
  </si>
  <si>
    <t>0.0071874163462464224</t>
  </si>
  <si>
    <t>6841</t>
  </si>
  <si>
    <t>26.073745727539062</t>
  </si>
  <si>
    <t>1640.16748046875</t>
  </si>
  <si>
    <t>-0.00014616677655077126</t>
  </si>
  <si>
    <t>6798</t>
  </si>
  <si>
    <t>25.956357955932617</t>
  </si>
  <si>
    <t>2228.976806640625</t>
  </si>
  <si>
    <t>-0.006305468504937295</t>
  </si>
  <si>
    <t>7561</t>
  </si>
  <si>
    <t>25.641992568969727</t>
  </si>
  <si>
    <t>2211.37890625</t>
  </si>
  <si>
    <t>0.10637500530220834</t>
  </si>
  <si>
    <t>8032</t>
  </si>
  <si>
    <t>25.68076515197754</t>
  </si>
  <si>
    <t>1994.2882080078125</t>
  </si>
  <si>
    <t>0.06043010637324109</t>
  </si>
  <si>
    <t>7964</t>
  </si>
  <si>
    <t>26.03839683532715</t>
  </si>
  <si>
    <t>2107.514404296875</t>
  </si>
  <si>
    <t>-0.008502176747423817</t>
  </si>
  <si>
    <t>26.141952514648438</t>
  </si>
  <si>
    <t>1936.0667724609375</t>
  </si>
  <si>
    <t>0.01680921106490274</t>
  </si>
  <si>
    <t>7885</t>
  </si>
  <si>
    <t>25.990036010742188</t>
  </si>
  <si>
    <t>1964.6566162109375</t>
  </si>
  <si>
    <t>-0.02677837685185125</t>
  </si>
  <si>
    <t>8293</t>
  </si>
  <si>
    <t>26.02931022644043</t>
  </si>
  <si>
    <t>1859.659912109375</t>
  </si>
  <si>
    <t>0.05044956505406617</t>
  </si>
  <si>
    <t>8770</t>
  </si>
  <si>
    <t>25.774709701538086</t>
  </si>
  <si>
    <t>2088.605224609375</t>
  </si>
  <si>
    <t>0.055925020915024604</t>
  </si>
  <si>
    <t>9376</t>
  </si>
  <si>
    <t>26.278825759887695</t>
  </si>
  <si>
    <t>2330.27734375</t>
  </si>
  <si>
    <t>0.06681642645056485</t>
  </si>
  <si>
    <t>8672</t>
  </si>
  <si>
    <t>26.697500228881836</t>
  </si>
  <si>
    <t>1905.30126953125</t>
  </si>
  <si>
    <t>-0.07805378813736574</t>
  </si>
  <si>
    <t>26.158483505249023</t>
  </si>
  <si>
    <t>1965.4193115234375</t>
  </si>
  <si>
    <t>-0.08516805849534137</t>
  </si>
  <si>
    <t>26.205747604370117</t>
  </si>
  <si>
    <t>2048.814697265625</t>
  </si>
  <si>
    <t>-0.014290473985830943</t>
  </si>
  <si>
    <t>7693</t>
  </si>
  <si>
    <t>25.796342849731445</t>
  </si>
  <si>
    <t>2210.060546875</t>
  </si>
  <si>
    <t>-0.0203300877393211</t>
  </si>
  <si>
    <t>7422</t>
  </si>
  <si>
    <t>26.2373046875</t>
  </si>
  <si>
    <t>1873.3681640625</t>
  </si>
  <si>
    <t>-0.035862261838392584</t>
  </si>
  <si>
    <t>7248</t>
  </si>
  <si>
    <t>26.366111755371094</t>
  </si>
  <si>
    <t>2013.46337890625</t>
  </si>
  <si>
    <t>-0.02372299389772614</t>
  </si>
  <si>
    <t>26.260282516479492</t>
  </si>
  <si>
    <t>1757.793212890625</t>
  </si>
  <si>
    <t>0.04359959038049155</t>
  </si>
  <si>
    <t>7756</t>
  </si>
  <si>
    <t>25.97014617919922</t>
  </si>
  <si>
    <t>2138.323486328125</t>
  </si>
  <si>
    <t>0.024141578259234464</t>
  </si>
  <si>
    <t>330</t>
  </si>
  <si>
    <t>4881</t>
  </si>
  <si>
    <t>24.886133193969727</t>
  </si>
  <si>
    <t>763.248046875</t>
  </si>
  <si>
    <t>504.9356689453125</t>
  </si>
  <si>
    <t>Alagoas</t>
  </si>
  <si>
    <t>4847</t>
  </si>
  <si>
    <t>24.553770065307617</t>
  </si>
  <si>
    <t>975.7069702148438</t>
  </si>
  <si>
    <t>-0.00699016004177011</t>
  </si>
  <si>
    <t>4741</t>
  </si>
  <si>
    <t>24.50017738342285</t>
  </si>
  <si>
    <t>867.93896484375</t>
  </si>
  <si>
    <t>-0.022111872943257893</t>
  </si>
  <si>
    <t>24.967988967895508</t>
  </si>
  <si>
    <t>563.7032470703125</t>
  </si>
  <si>
    <t>0.03196619206249096</t>
  </si>
  <si>
    <t>24.71734046936035</t>
  </si>
  <si>
    <t>1084.2578125</t>
  </si>
  <si>
    <t>0.041026263747808045</t>
  </si>
  <si>
    <t>5234</t>
  </si>
  <si>
    <t>24.75176429748535</t>
  </si>
  <si>
    <t>866.5135498046875</t>
  </si>
  <si>
    <t>0.025935264377674017</t>
  </si>
  <si>
    <t>24.696691513061523</t>
  </si>
  <si>
    <t>1071.0194091796875</t>
  </si>
  <si>
    <t>0.00609525696616231</t>
  </si>
  <si>
    <t>5362</t>
  </si>
  <si>
    <t>24.711042404174805</t>
  </si>
  <si>
    <t>939.8593139648438</t>
  </si>
  <si>
    <t>0.0180659787396511</t>
  </si>
  <si>
    <t>5300</t>
  </si>
  <si>
    <t>25.37938117980957</t>
  </si>
  <si>
    <t>545.1666870117188</t>
  </si>
  <si>
    <t>-0.011630219255692964</t>
  </si>
  <si>
    <t>5248</t>
  </si>
  <si>
    <t>24.629356384277344</t>
  </si>
  <si>
    <t>794.0497436523438</t>
  </si>
  <si>
    <t>-0.009859768916287592</t>
  </si>
  <si>
    <t>5402</t>
  </si>
  <si>
    <t>24.57874870300293</t>
  </si>
  <si>
    <t>1225.144287109375</t>
  </si>
  <si>
    <t>0.02892220372863541</t>
  </si>
  <si>
    <t>5407</t>
  </si>
  <si>
    <t>24.78436851501465</t>
  </si>
  <si>
    <t>977.4495239257812</t>
  </si>
  <si>
    <t>0.0009251550294440136</t>
  </si>
  <si>
    <t>24.83411979675293</t>
  </si>
  <si>
    <t>844.3283081054688</t>
  </si>
  <si>
    <t>0.017598987677754252</t>
  </si>
  <si>
    <t>24.90111541748047</t>
  </si>
  <si>
    <t>782.3546142578125</t>
  </si>
  <si>
    <t>-0.05145589834683584</t>
  </si>
  <si>
    <t>24.6185302734375</t>
  </si>
  <si>
    <t>892.5208129882812</t>
  </si>
  <si>
    <t>0.02680417170964766</t>
  </si>
  <si>
    <t>5470</t>
  </si>
  <si>
    <t>24.921266555786133</t>
  </si>
  <si>
    <t>1058.3851318359375</t>
  </si>
  <si>
    <t>0.018636944993456694</t>
  </si>
  <si>
    <t>5709</t>
  </si>
  <si>
    <t>24.862266540527344</t>
  </si>
  <si>
    <t>1062.0452880859375</t>
  </si>
  <si>
    <t>0.04276526054823293</t>
  </si>
  <si>
    <t>5985</t>
  </si>
  <si>
    <t>24.660432815551758</t>
  </si>
  <si>
    <t>1066.798828125</t>
  </si>
  <si>
    <t>0.04721246202781337</t>
  </si>
  <si>
    <t>6108</t>
  </si>
  <si>
    <t>24.550186157226562</t>
  </si>
  <si>
    <t>1061.1690673828125</t>
  </si>
  <si>
    <t>0.020343048346449066</t>
  </si>
  <si>
    <t>6174</t>
  </si>
  <si>
    <t>24.82305335998535</t>
  </si>
  <si>
    <t>1300.4097900390625</t>
  </si>
  <si>
    <t>0.010747538723581584</t>
  </si>
  <si>
    <t>6308</t>
  </si>
  <si>
    <t>24.933942794799805</t>
  </si>
  <si>
    <t>1137.672607421875</t>
  </si>
  <si>
    <t>0.02147174302082533</t>
  </si>
  <si>
    <t>6757</t>
  </si>
  <si>
    <t>24.377344131469727</t>
  </si>
  <si>
    <t>1120.165771484375</t>
  </si>
  <si>
    <t>0.06876033546924454</t>
  </si>
  <si>
    <t>24.829132080078125</t>
  </si>
  <si>
    <t>556.146484375</t>
  </si>
  <si>
    <t>0.005460865168355866</t>
  </si>
  <si>
    <t>6703</t>
  </si>
  <si>
    <t>24.865936279296875</t>
  </si>
  <si>
    <t>828.6294555664062</t>
  </si>
  <si>
    <t>-0.013484682362571832</t>
  </si>
  <si>
    <t>6790</t>
  </si>
  <si>
    <t>24.604684829711914</t>
  </si>
  <si>
    <t>979.2794799804688</t>
  </si>
  <si>
    <t>0.012895754194783393</t>
  </si>
  <si>
    <t>7098</t>
  </si>
  <si>
    <t>25.031021118164062</t>
  </si>
  <si>
    <t>787.5277099609375</t>
  </si>
  <si>
    <t>0.04436211265370105</t>
  </si>
  <si>
    <t>6965</t>
  </si>
  <si>
    <t>25.38130760192871</t>
  </si>
  <si>
    <t>450.88250732421875</t>
  </si>
  <si>
    <t>-0.018915446992537</t>
  </si>
  <si>
    <t>7144</t>
  </si>
  <si>
    <t>24.941781997680664</t>
  </si>
  <si>
    <t>1032.2298583984375</t>
  </si>
  <si>
    <t>0.02537523634243044</t>
  </si>
  <si>
    <t>7143</t>
  </si>
  <si>
    <t>25.05149269104004</t>
  </si>
  <si>
    <t>588.8125</t>
  </si>
  <si>
    <t>-0.00013998740136322851</t>
  </si>
  <si>
    <t>7398</t>
  </si>
  <si>
    <t>25.233217239379883</t>
  </si>
  <si>
    <t>752.9287109375</t>
  </si>
  <si>
    <t>0.03507683723742616</t>
  </si>
  <si>
    <t>7420</t>
  </si>
  <si>
    <t>25.057992935180664</t>
  </si>
  <si>
    <t>881.4056396484375</t>
  </si>
  <si>
    <t>0.0029693637690275665</t>
  </si>
  <si>
    <t>24.74867057800293</t>
  </si>
  <si>
    <t>828.2911376953125</t>
  </si>
  <si>
    <t>0.043642810120084974</t>
  </si>
  <si>
    <t>24.716989517211914</t>
  </si>
  <si>
    <t>1070.648193359375</t>
  </si>
  <si>
    <t>0.024091407959669908</t>
  </si>
  <si>
    <t>331</t>
  </si>
  <si>
    <t>26.852807998657227</t>
  </si>
  <si>
    <t>3016.78173828125</t>
  </si>
  <si>
    <t>115.65486907958984</t>
  </si>
  <si>
    <t>Amapá</t>
  </si>
  <si>
    <t>26.844263076782227</t>
  </si>
  <si>
    <t>2479.784912109375</t>
  </si>
  <si>
    <t>-0.006951899655762261</t>
  </si>
  <si>
    <t>7291</t>
  </si>
  <si>
    <t>26.888221740722656</t>
  </si>
  <si>
    <t>2386.856201171875</t>
  </si>
  <si>
    <t>-0.02211009023277377</t>
  </si>
  <si>
    <t>26.857603073120117</t>
  </si>
  <si>
    <t>2501.214111328125</t>
  </si>
  <si>
    <t>0.03198869145878547</t>
  </si>
  <si>
    <t>26.85889434814453</t>
  </si>
  <si>
    <t>2919.5712890625</t>
  </si>
  <si>
    <t>0.04111950605102166</t>
  </si>
  <si>
    <t>8049</t>
  </si>
  <si>
    <t>27.02028465270996</t>
  </si>
  <si>
    <t>2875.469970703125</t>
  </si>
  <si>
    <t>0.025798951777495915</t>
  </si>
  <si>
    <t>26.879133224487305</t>
  </si>
  <si>
    <t>2885.80322265625</t>
  </si>
  <si>
    <t>0.006192737155256367</t>
  </si>
  <si>
    <t>8246</t>
  </si>
  <si>
    <t>27.30628204345703</t>
  </si>
  <si>
    <t>2361.327392578125</t>
  </si>
  <si>
    <t>0.017987637017855107</t>
  </si>
  <si>
    <t>8151</t>
  </si>
  <si>
    <t>27.560897827148438</t>
  </si>
  <si>
    <t>2505.587158203125</t>
  </si>
  <si>
    <t>-0.011587615172386379</t>
  </si>
  <si>
    <t>8071</t>
  </si>
  <si>
    <t>27.01283073425293</t>
  </si>
  <si>
    <t>2836.457275390625</t>
  </si>
  <si>
    <t>-0.009863228770086607</t>
  </si>
  <si>
    <t>8308</t>
  </si>
  <si>
    <t>26.820348739624023</t>
  </si>
  <si>
    <t>3038.50146484375</t>
  </si>
  <si>
    <t>0.02894151567163128</t>
  </si>
  <si>
    <t>8315</t>
  </si>
  <si>
    <t>27.0970516204834</t>
  </si>
  <si>
    <t>2304.1025390625</t>
  </si>
  <si>
    <t>0.0008422066310256326</t>
  </si>
  <si>
    <t>8463</t>
  </si>
  <si>
    <t>27.335617065429688</t>
  </si>
  <si>
    <t>2541.038818359375</t>
  </si>
  <si>
    <t>0.0176426080430776</t>
  </si>
  <si>
    <t>7710</t>
  </si>
  <si>
    <t>27.280153274536133</t>
  </si>
  <si>
    <t>2361.14990234375</t>
  </si>
  <si>
    <t>-0.09318553311273092</t>
  </si>
  <si>
    <t>7962</t>
  </si>
  <si>
    <t>27.412437438964844</t>
  </si>
  <si>
    <t>2723.544921875</t>
  </si>
  <si>
    <t>0.032162037002887445</t>
  </si>
  <si>
    <t>7716</t>
  </si>
  <si>
    <t>27.628358840942383</t>
  </si>
  <si>
    <t>3029.20849609375</t>
  </si>
  <si>
    <t>-0.031384129534643534</t>
  </si>
  <si>
    <t>27.345611572265625</t>
  </si>
  <si>
    <t>2545.724853515625</t>
  </si>
  <si>
    <t>0.1069533366468658</t>
  </si>
  <si>
    <t>9237</t>
  </si>
  <si>
    <t>27.348297119140625</t>
  </si>
  <si>
    <t>2740.749755859375</t>
  </si>
  <si>
    <t>0.07296772592012601</t>
  </si>
  <si>
    <t>27.286405563354492</t>
  </si>
  <si>
    <t>2717.52099609375</t>
  </si>
  <si>
    <t>0.03906663861004667</t>
  </si>
  <si>
    <t>27.398229598999023</t>
  </si>
  <si>
    <t>2880.605712890625</t>
  </si>
  <si>
    <t>-0.08935191145334542</t>
  </si>
  <si>
    <t>8816</t>
  </si>
  <si>
    <t>27.64502716064453</t>
  </si>
  <si>
    <t>2691.983154296875</t>
  </si>
  <si>
    <t>0.003636367643384375</t>
  </si>
  <si>
    <t>9072</t>
  </si>
  <si>
    <t>27.4144287109375</t>
  </si>
  <si>
    <t>2686.221435546875</t>
  </si>
  <si>
    <t>0.028624494574836845</t>
  </si>
  <si>
    <t>27.36226463317871</t>
  </si>
  <si>
    <t>2591.272216796875</t>
  </si>
  <si>
    <t>0.08623028130245736</t>
  </si>
  <si>
    <t>10306</t>
  </si>
  <si>
    <t>27.347597122192383</t>
  </si>
  <si>
    <t>2775.69189453125</t>
  </si>
  <si>
    <t>0.04130322161817901</t>
  </si>
  <si>
    <t>9823</t>
  </si>
  <si>
    <t>27.307764053344727</t>
  </si>
  <si>
    <t>2614.428466796875</t>
  </si>
  <si>
    <t>-0.0479996752132994</t>
  </si>
  <si>
    <t>9247</t>
  </si>
  <si>
    <t>27.653709411621094</t>
  </si>
  <si>
    <t>2317.4716796875</t>
  </si>
  <si>
    <t>-0.060427400097232464</t>
  </si>
  <si>
    <t>8670</t>
  </si>
  <si>
    <t>27.603105545043945</t>
  </si>
  <si>
    <t>2861.9990234375</t>
  </si>
  <si>
    <t>-0.06443038380304955</t>
  </si>
  <si>
    <t>27.497352600097656</t>
  </si>
  <si>
    <t>2413.857421875</t>
  </si>
  <si>
    <t>0.021226404613884142</t>
  </si>
  <si>
    <t>8832</t>
  </si>
  <si>
    <t>27.311052322387695</t>
  </si>
  <si>
    <t>2802.790283203125</t>
  </si>
  <si>
    <t>-0.0027137058715958062</t>
  </si>
  <si>
    <t>8664</t>
  </si>
  <si>
    <t>27.555295944213867</t>
  </si>
  <si>
    <t>2757.325927734375</t>
  </si>
  <si>
    <t>-0.01920497983605074</t>
  </si>
  <si>
    <t>27.6543025970459</t>
  </si>
  <si>
    <t>2416.501708984375</t>
  </si>
  <si>
    <t>-0.027023929106183786</t>
  </si>
  <si>
    <t>8809</t>
  </si>
  <si>
    <t>27.32312774658203</t>
  </si>
  <si>
    <t>2933.286376953125</t>
  </si>
  <si>
    <t>0.04362134553515418</t>
  </si>
  <si>
    <t>9024</t>
  </si>
  <si>
    <t>27.355710983276367</t>
  </si>
  <si>
    <t>2829.077880859375</t>
  </si>
  <si>
    <t>0.024113768628044596</t>
  </si>
  <si>
    <t>332</t>
  </si>
  <si>
    <t>27.21753692626953</t>
  </si>
  <si>
    <t>2165.416259765625</t>
  </si>
  <si>
    <t>1068.8492431640625</t>
  </si>
  <si>
    <t>Amazonas</t>
  </si>
  <si>
    <t>9049</t>
  </si>
  <si>
    <t>27.22553253173828</t>
  </si>
  <si>
    <t>2019.1883544921875</t>
  </si>
  <si>
    <t>-0.006937971775885288</t>
  </si>
  <si>
    <t>8852</t>
  </si>
  <si>
    <t>27.09856605529785</t>
  </si>
  <si>
    <t>2102.58447265625</t>
  </si>
  <si>
    <t>-0.022010832180193063</t>
  </si>
  <si>
    <t>9140</t>
  </si>
  <si>
    <t>27.0062255859375</t>
  </si>
  <si>
    <t>2424.96337890625</t>
  </si>
  <si>
    <t>0.03201696327725578</t>
  </si>
  <si>
    <t>9523</t>
  </si>
  <si>
    <t>27.200132369995117</t>
  </si>
  <si>
    <t>2359.15771484375</t>
  </si>
  <si>
    <t>0.041049539745850794</t>
  </si>
  <si>
    <t>27.470983505249023</t>
  </si>
  <si>
    <t>2414.14892578125</t>
  </si>
  <si>
    <t>0.025811228183584944</t>
  </si>
  <si>
    <t>27.2064208984375</t>
  </si>
  <si>
    <t>2458.861083984375</t>
  </si>
  <si>
    <t>0.006121218868239353</t>
  </si>
  <si>
    <t>10011</t>
  </si>
  <si>
    <t>27.52294921875</t>
  </si>
  <si>
    <t>2216.16162109375</t>
  </si>
  <si>
    <t>0.0180421161736124</t>
  </si>
  <si>
    <t>9895</t>
  </si>
  <si>
    <t>27.736658096313477</t>
  </si>
  <si>
    <t>2362.928466796875</t>
  </si>
  <si>
    <t>-0.011654909382816214</t>
  </si>
  <si>
    <t>9798</t>
  </si>
  <si>
    <t>27.158647537231445</t>
  </si>
  <si>
    <t>2638.256103515625</t>
  </si>
  <si>
    <t>-0.009851295838146257</t>
  </si>
  <si>
    <t>10086</t>
  </si>
  <si>
    <t>27.261594772338867</t>
  </si>
  <si>
    <t>2649.706787109375</t>
  </si>
  <si>
    <t>0.02897004043814988</t>
  </si>
  <si>
    <t>10095</t>
  </si>
  <si>
    <t>27.602113723754883</t>
  </si>
  <si>
    <t>2234.5732421875</t>
  </si>
  <si>
    <t>0.0008919281102670595</t>
  </si>
  <si>
    <t>10275</t>
  </si>
  <si>
    <t>27.826948165893555</t>
  </si>
  <si>
    <t>2338.306640625</t>
  </si>
  <si>
    <t>0.017673508617498612</t>
  </si>
  <si>
    <t>10308</t>
  </si>
  <si>
    <t>27.652212142944336</t>
  </si>
  <si>
    <t>2218.3095703125</t>
  </si>
  <si>
    <t>0.003206532407819651</t>
  </si>
  <si>
    <t>27.77337074279785</t>
  </si>
  <si>
    <t>2092.869873046875</t>
  </si>
  <si>
    <t>0.09090850748929036</t>
  </si>
  <si>
    <t>27.834823608398438</t>
  </si>
  <si>
    <t>2338.941162109375</t>
  </si>
  <si>
    <t>-0.007915021978361025</t>
  </si>
  <si>
    <t>12076</t>
  </si>
  <si>
    <t>27.732580184936523</t>
  </si>
  <si>
    <t>2565.1025390625</t>
  </si>
  <si>
    <t>0.07530623354354482</t>
  </si>
  <si>
    <t>12259</t>
  </si>
  <si>
    <t>27.71620750427246</t>
  </si>
  <si>
    <t>2521.6328125</t>
  </si>
  <si>
    <t>0.015040349268264919</t>
  </si>
  <si>
    <t>27.57344627380371</t>
  </si>
  <si>
    <t>2759.736328125</t>
  </si>
  <si>
    <t>0.0016301250655175181</t>
  </si>
  <si>
    <t>11466</t>
  </si>
  <si>
    <t>28.002288818359375</t>
  </si>
  <si>
    <t>2314.23974609375</t>
  </si>
  <si>
    <t>-0.06850435169218372</t>
  </si>
  <si>
    <t>12730</t>
  </si>
  <si>
    <t>28.04404640197754</t>
  </si>
  <si>
    <t>2216.532470703125</t>
  </si>
  <si>
    <t>0.10457527808312328</t>
  </si>
  <si>
    <t>27.852487564086914</t>
  </si>
  <si>
    <t>2590.8310546875</t>
  </si>
  <si>
    <t>0.052113853159488244</t>
  </si>
  <si>
    <t>12487</t>
  </si>
  <si>
    <t>27.919702529907227</t>
  </si>
  <si>
    <t>2185.07861328125</t>
  </si>
  <si>
    <t>-0.07138716259579425</t>
  </si>
  <si>
    <t>12944</t>
  </si>
  <si>
    <t>27.941011428833008</t>
  </si>
  <si>
    <t>2552.1396484375</t>
  </si>
  <si>
    <t>0.03594425718312699</t>
  </si>
  <si>
    <t>12315</t>
  </si>
  <si>
    <t>28.068458557128906</t>
  </si>
  <si>
    <t>2486.065673828125</t>
  </si>
  <si>
    <t>-0.04981432874363456</t>
  </si>
  <si>
    <t>11242</t>
  </si>
  <si>
    <t>28.551145553588867</t>
  </si>
  <si>
    <t>1735.1756591796875</t>
  </si>
  <si>
    <t>-0.09116126699261784</t>
  </si>
  <si>
    <t>10522</t>
  </si>
  <si>
    <t>27.96412467956543</t>
  </si>
  <si>
    <t>2358.03076171875</t>
  </si>
  <si>
    <t>-0.06618846127126865</t>
  </si>
  <si>
    <t>10471</t>
  </si>
  <si>
    <t>27.861764907836914</t>
  </si>
  <si>
    <t>2304.994140625</t>
  </si>
  <si>
    <t>-0.004858772003290213</t>
  </si>
  <si>
    <t>27.801881790161133</t>
  </si>
  <si>
    <t>2356.765869140625</t>
  </si>
  <si>
    <t>0.02172766373954005</t>
  </si>
  <si>
    <t>28.049453735351562</t>
  </si>
  <si>
    <t>2634.1552734375</t>
  </si>
  <si>
    <t>0.021265594266834498</t>
  </si>
  <si>
    <t>10850</t>
  </si>
  <si>
    <t>28.080589294433594</t>
  </si>
  <si>
    <t>2588.930908203125</t>
  </si>
  <si>
    <t>-0.007437709325230912</t>
  </si>
  <si>
    <t>27.80994415283203</t>
  </si>
  <si>
    <t>2594.9306640625</t>
  </si>
  <si>
    <t>0.04355374376434362</t>
  </si>
  <si>
    <t>11610</t>
  </si>
  <si>
    <t>27.863670349121094</t>
  </si>
  <si>
    <t>2340.385498046875</t>
  </si>
  <si>
    <t>0.02414797195898899</t>
  </si>
  <si>
    <t>333</t>
  </si>
  <si>
    <t>5396</t>
  </si>
  <si>
    <t>25.0036678314209</t>
  </si>
  <si>
    <t>861.9916381835938</t>
  </si>
  <si>
    <t>4863.0859375</t>
  </si>
  <si>
    <t>Bahia</t>
  </si>
  <si>
    <t>24.426267623901367</t>
  </si>
  <si>
    <t>1204.64599609375</t>
  </si>
  <si>
    <t>-0.0070671672230915306</t>
  </si>
  <si>
    <t>24.360570907592773</t>
  </si>
  <si>
    <t>1053.0709228515625</t>
  </si>
  <si>
    <t>-0.021887666221202196</t>
  </si>
  <si>
    <t>5412</t>
  </si>
  <si>
    <t>24.743242263793945</t>
  </si>
  <si>
    <t>665.822998046875</t>
  </si>
  <si>
    <t>0.03191560540732752</t>
  </si>
  <si>
    <t>24.76093864440918</t>
  </si>
  <si>
    <t>1029.00341796875</t>
  </si>
  <si>
    <t>0.04091068238337847</t>
  </si>
  <si>
    <t>5786</t>
  </si>
  <si>
    <t>24.79719352722168</t>
  </si>
  <si>
    <t>1084.275146484375</t>
  </si>
  <si>
    <t>0.025911813862022015</t>
  </si>
  <si>
    <t>5822</t>
  </si>
  <si>
    <t>24.58814239501953</t>
  </si>
  <si>
    <t>1132.44091796875</t>
  </si>
  <si>
    <t>0.0062026387694889</t>
  </si>
  <si>
    <t>5928</t>
  </si>
  <si>
    <t>24.647432327270508</t>
  </si>
  <si>
    <t>1215.226318359375</t>
  </si>
  <si>
    <t>0.018043042670354836</t>
  </si>
  <si>
    <t>5859</t>
  </si>
  <si>
    <t>25.36652946472168</t>
  </si>
  <si>
    <t>898.1799926757812</t>
  </si>
  <si>
    <t>-0.011707947431135679</t>
  </si>
  <si>
    <t>24.684303283691406</t>
  </si>
  <si>
    <t>1293.3331298828125</t>
  </si>
  <si>
    <t>-0.009776254863439249</t>
  </si>
  <si>
    <t>5972</t>
  </si>
  <si>
    <t>24.616561889648438</t>
  </si>
  <si>
    <t>1294.2197265625</t>
  </si>
  <si>
    <t>0.028879193977731532</t>
  </si>
  <si>
    <t>5977</t>
  </si>
  <si>
    <t>24.967199325561523</t>
  </si>
  <si>
    <t>1208.5057373046875</t>
  </si>
  <si>
    <t>0.0008368901651731875</t>
  </si>
  <si>
    <t>6084</t>
  </si>
  <si>
    <t>25.15428352355957</t>
  </si>
  <si>
    <t>911.5466918945312</t>
  </si>
  <si>
    <t>0.01774360455492996</t>
  </si>
  <si>
    <t>6040</t>
  </si>
  <si>
    <t>25.096540451049805</t>
  </si>
  <si>
    <t>1200.8612060546875</t>
  </si>
  <si>
    <t>-0.007258362450322409</t>
  </si>
  <si>
    <t>6491</t>
  </si>
  <si>
    <t>24.666940689086914</t>
  </si>
  <si>
    <t>929.8292236328125</t>
  </si>
  <si>
    <t>0.07201259010460781</t>
  </si>
  <si>
    <t>6809</t>
  </si>
  <si>
    <t>24.967546463012695</t>
  </si>
  <si>
    <t>1196.3997802734375</t>
  </si>
  <si>
    <t>0.04782866444949718</t>
  </si>
  <si>
    <t>6843</t>
  </si>
  <si>
    <t>24.801969528198242</t>
  </si>
  <si>
    <t>1271.831298828125</t>
  </si>
  <si>
    <t>0.00498096546953164</t>
  </si>
  <si>
    <t>7102</t>
  </si>
  <si>
    <t>24.719778060913086</t>
  </si>
  <si>
    <t>1027.0494384765625</t>
  </si>
  <si>
    <t>0.03715020255053503</t>
  </si>
  <si>
    <t>7199</t>
  </si>
  <si>
    <t>24.744348526000977</t>
  </si>
  <si>
    <t>1089.4512939453125</t>
  </si>
  <si>
    <t>0.01356569296627086</t>
  </si>
  <si>
    <t>25.178573608398438</t>
  </si>
  <si>
    <t>1053.2218017578125</t>
  </si>
  <si>
    <t>0.0866987847289522</t>
  </si>
  <si>
    <t>8022</t>
  </si>
  <si>
    <t>24.891836166381836</t>
  </si>
  <si>
    <t>1254.1273193359375</t>
  </si>
  <si>
    <t>0.02154685513174215</t>
  </si>
  <si>
    <t>7951</t>
  </si>
  <si>
    <t>24.549978256225586</t>
  </si>
  <si>
    <t>1015.51611328125</t>
  </si>
  <si>
    <t>-0.008890060428514701</t>
  </si>
  <si>
    <t>7994</t>
  </si>
  <si>
    <t>25.00579833984375</t>
  </si>
  <si>
    <t>734.2421264648438</t>
  </si>
  <si>
    <t>0.005393553369785309</t>
  </si>
  <si>
    <t>8081</t>
  </si>
  <si>
    <t>25.050344467163086</t>
  </si>
  <si>
    <t>1036.279541015625</t>
  </si>
  <si>
    <t>0.010824366962179255</t>
  </si>
  <si>
    <t>8149</t>
  </si>
  <si>
    <t>24.986572265625</t>
  </si>
  <si>
    <t>1013.7555541992188</t>
  </si>
  <si>
    <t>0.008379593086772275</t>
  </si>
  <si>
    <t>8243</t>
  </si>
  <si>
    <t>25.314367294311523</t>
  </si>
  <si>
    <t>1176.3394775390625</t>
  </si>
  <si>
    <t>0.011469134993006946</t>
  </si>
  <si>
    <t>25.537424087524414</t>
  </si>
  <si>
    <t>670.7737426757812</t>
  </si>
  <si>
    <t>-0.028673594250822276</t>
  </si>
  <si>
    <t>7992</t>
  </si>
  <si>
    <t>24.99077606201172</t>
  </si>
  <si>
    <t>944.21240234375</t>
  </si>
  <si>
    <t>-0.002249719734015443</t>
  </si>
  <si>
    <t>25.157873153686523</t>
  </si>
  <si>
    <t>972.9522705078125</t>
  </si>
  <si>
    <t>0.05335573066751209</t>
  </si>
  <si>
    <t>25.531015396118164</t>
  </si>
  <si>
    <t>1082.7672119140625</t>
  </si>
  <si>
    <t>-0.02085656327455787</t>
  </si>
  <si>
    <t>8047</t>
  </si>
  <si>
    <t>25.151819229125977</t>
  </si>
  <si>
    <t>1361.8641357421875</t>
  </si>
  <si>
    <t>-0.025640857575210063</t>
  </si>
  <si>
    <t>8405</t>
  </si>
  <si>
    <t>24.657434463500977</t>
  </si>
  <si>
    <t>1288.500732421875</t>
  </si>
  <si>
    <t>0.04352741569658214</t>
  </si>
  <si>
    <t>24.908872604370117</t>
  </si>
  <si>
    <t>973.89208984375</t>
  </si>
  <si>
    <t>334</t>
  </si>
  <si>
    <t>4583</t>
  </si>
  <si>
    <t>26.78765296936035</t>
  </si>
  <si>
    <t>636.38330078125</t>
  </si>
  <si>
    <t>2522.453125</t>
  </si>
  <si>
    <t>Ceará</t>
  </si>
  <si>
    <t>4552</t>
  </si>
  <si>
    <t>26.5579891204834</t>
  </si>
  <si>
    <t>866.8698120117188</t>
  </si>
  <si>
    <t>-0.006787108702958733</t>
  </si>
  <si>
    <t>26.49317741394043</t>
  </si>
  <si>
    <t>621.4544677734375</t>
  </si>
  <si>
    <t>-0.021988670484462958</t>
  </si>
  <si>
    <t>4597</t>
  </si>
  <si>
    <t>26.902610778808594</t>
  </si>
  <si>
    <t>468.1414489746094</t>
  </si>
  <si>
    <t>0.03182589048452478</t>
  </si>
  <si>
    <t>26.411598205566406</t>
  </si>
  <si>
    <t>1099.3389892578125</t>
  </si>
  <si>
    <t>0.04112649459873374</t>
  </si>
  <si>
    <t>26.504301071166992</t>
  </si>
  <si>
    <t>1139.3397216796875</t>
  </si>
  <si>
    <t>0.0257613421763061</t>
  </si>
  <si>
    <t>4945</t>
  </si>
  <si>
    <t>26.566499710083008</t>
  </si>
  <si>
    <t>992.9256591796875</t>
  </si>
  <si>
    <t>0.006085211475545194</t>
  </si>
  <si>
    <t>5035</t>
  </si>
  <si>
    <t>26.73079490661621</t>
  </si>
  <si>
    <t>726.4625854492188</t>
  </si>
  <si>
    <t>0.01803656109584928</t>
  </si>
  <si>
    <t>4977</t>
  </si>
  <si>
    <t>27.41660499572754</t>
  </si>
  <si>
    <t>527.23388671875</t>
  </si>
  <si>
    <t>-0.011586226294108215</t>
  </si>
  <si>
    <t>26.687437057495117</t>
  </si>
  <si>
    <t>921.4525146484375</t>
  </si>
  <si>
    <t>-0.009894073645197565</t>
  </si>
  <si>
    <t>5073</t>
  </si>
  <si>
    <t>26.48469352722168</t>
  </si>
  <si>
    <t>1035.73486328125</t>
  </si>
  <si>
    <t>0.02899913235333429</t>
  </si>
  <si>
    <t>5077</t>
  </si>
  <si>
    <t>26.773225784301758</t>
  </si>
  <si>
    <t>869.4601440429688</t>
  </si>
  <si>
    <t>0.0007881773807039139</t>
  </si>
  <si>
    <t>26.882553100585938</t>
  </si>
  <si>
    <t>783.970947265625</t>
  </si>
  <si>
    <t>0.01776523051504242</t>
  </si>
  <si>
    <t>5090</t>
  </si>
  <si>
    <t>26.953611373901367</t>
  </si>
  <si>
    <t>1234.9752197265625</t>
  </si>
  <si>
    <t>-0.015207935917867843</t>
  </si>
  <si>
    <t>26.806800842285156</t>
  </si>
  <si>
    <t>853.5184326171875</t>
  </si>
  <si>
    <t>0.034942267310636765</t>
  </si>
  <si>
    <t>27.04498863220215</t>
  </si>
  <si>
    <t>703.4940795898438</t>
  </si>
  <si>
    <t>5667</t>
  </si>
  <si>
    <t>26.94129753112793</t>
  </si>
  <si>
    <t>1000.2177734375</t>
  </si>
  <si>
    <t>0.04789062181705894</t>
  </si>
  <si>
    <t>26.81134605407715</t>
  </si>
  <si>
    <t>931.7578735351562</t>
  </si>
  <si>
    <t>-0.00017647577915802515</t>
  </si>
  <si>
    <t>6121</t>
  </si>
  <si>
    <t>26.69160270690918</t>
  </si>
  <si>
    <t>1109.71630859375</t>
  </si>
  <si>
    <t>0.07724208046060888</t>
  </si>
  <si>
    <t>6322</t>
  </si>
  <si>
    <t>26.698036193847656</t>
  </si>
  <si>
    <t>1483.5303955078125</t>
  </si>
  <si>
    <t>0.03231013192449339</t>
  </si>
  <si>
    <t>6835</t>
  </si>
  <si>
    <t>27.160202026367188</t>
  </si>
  <si>
    <t>844.2767333984375</t>
  </si>
  <si>
    <t>0.07802085638248712</t>
  </si>
  <si>
    <t>7087</t>
  </si>
  <si>
    <t>26.57294464111328</t>
  </si>
  <si>
    <t>1068.5086669921875</t>
  </si>
  <si>
    <t>0.03620564965220474</t>
  </si>
  <si>
    <t>6994</t>
  </si>
  <si>
    <t>26.995317459106445</t>
  </si>
  <si>
    <t>471.7866516113281</t>
  </si>
  <si>
    <t>-0.013209481186933658</t>
  </si>
  <si>
    <t>7372</t>
  </si>
  <si>
    <t>27.022523880004883</t>
  </si>
  <si>
    <t>751.8601684570312</t>
  </si>
  <si>
    <t>0.05263640116639223</t>
  </si>
  <si>
    <t>7846</t>
  </si>
  <si>
    <t>26.681997299194336</t>
  </si>
  <si>
    <t>770.5031127929688</t>
  </si>
  <si>
    <t>0.06231480797978328</t>
  </si>
  <si>
    <t>7503</t>
  </si>
  <si>
    <t>27.07330894470215</t>
  </si>
  <si>
    <t>815.956787109375</t>
  </si>
  <si>
    <t>-0.04470090722376874</t>
  </si>
  <si>
    <t>27.447751998901367</t>
  </si>
  <si>
    <t>554.5474243164062</t>
  </si>
  <si>
    <t>-0.027017717925618356</t>
  </si>
  <si>
    <t>27.155744552612305</t>
  </si>
  <si>
    <t>824.4353637695312</t>
  </si>
  <si>
    <t>0.024348558460248526</t>
  </si>
  <si>
    <t>27.14540672302246</t>
  </si>
  <si>
    <t>959.9757080078125</t>
  </si>
  <si>
    <t>0.001468919273273528</t>
  </si>
  <si>
    <t>7501</t>
  </si>
  <si>
    <t>27.16347312927246</t>
  </si>
  <si>
    <t>898.1678466796875</t>
  </si>
  <si>
    <t>0.0009336446160048695</t>
  </si>
  <si>
    <t>7150</t>
  </si>
  <si>
    <t>27.28882598876953</t>
  </si>
  <si>
    <t>977.2855834960938</t>
  </si>
  <si>
    <t>-0.04792398828158362</t>
  </si>
  <si>
    <t>7468</t>
  </si>
  <si>
    <t>27.0628719329834</t>
  </si>
  <si>
    <t>805.6467895507812</t>
  </si>
  <si>
    <t>0.04351486897355983</t>
  </si>
  <si>
    <t>7651</t>
  </si>
  <si>
    <t>27.129364013671875</t>
  </si>
  <si>
    <t>674.6006469726562</t>
  </si>
  <si>
    <t>0.024209132570238268</t>
  </si>
  <si>
    <t>335</t>
  </si>
  <si>
    <t>30686</t>
  </si>
  <si>
    <t>21.932676315307617</t>
  </si>
  <si>
    <t>1399.1290283203125</t>
  </si>
  <si>
    <t>690.3011474609375</t>
  </si>
  <si>
    <t>Distrito Federal</t>
  </si>
  <si>
    <t>30472</t>
  </si>
  <si>
    <t>21.73267364501953</t>
  </si>
  <si>
    <t>1898.4344482421875</t>
  </si>
  <si>
    <t>-0.006998295346711814</t>
  </si>
  <si>
    <t>29810</t>
  </si>
  <si>
    <t>21.504053115844727</t>
  </si>
  <si>
    <t>1856.45166015625</t>
  </si>
  <si>
    <t>-0.021964321486322547</t>
  </si>
  <si>
    <t>30778</t>
  </si>
  <si>
    <t>21.88773536682129</t>
  </si>
  <si>
    <t>1484.5460205078125</t>
  </si>
  <si>
    <t>0.03195624135168096</t>
  </si>
  <si>
    <t>32067</t>
  </si>
  <si>
    <t>22.237382888793945</t>
  </si>
  <si>
    <t>1513.82568359375</t>
  </si>
  <si>
    <t>0.041027314918258284</t>
  </si>
  <si>
    <t>32906</t>
  </si>
  <si>
    <t>22.321809768676758</t>
  </si>
  <si>
    <t>1388.0562744140625</t>
  </si>
  <si>
    <t>0.025827548004539125</t>
  </si>
  <si>
    <t>33110</t>
  </si>
  <si>
    <t>22.009857177734375</t>
  </si>
  <si>
    <t>1526.0867919921875</t>
  </si>
  <si>
    <t>0.006180339594695994</t>
  </si>
  <si>
    <t>33713</t>
  </si>
  <si>
    <t>22.21129608154297</t>
  </si>
  <si>
    <t>1499.189208984375</t>
  </si>
  <si>
    <t>0.018048168090741612</t>
  </si>
  <si>
    <t>33322</t>
  </si>
  <si>
    <t>22.638826370239258</t>
  </si>
  <si>
    <t>1345.1363525390625</t>
  </si>
  <si>
    <t>-0.011665680143018164</t>
  </si>
  <si>
    <t>32995</t>
  </si>
  <si>
    <t>22.153701782226562</t>
  </si>
  <si>
    <t>1524.3350830078125</t>
  </si>
  <si>
    <t>-0.00986180467149289</t>
  </si>
  <si>
    <t>33965</t>
  </si>
  <si>
    <t>22.110944747924805</t>
  </si>
  <si>
    <t>1437.9937744140625</t>
  </si>
  <si>
    <t>0.02897454780788067</t>
  </si>
  <si>
    <t>33994</t>
  </si>
  <si>
    <t>22.279052734375</t>
  </si>
  <si>
    <t>1421.4671630859375</t>
  </si>
  <si>
    <t>0.0008534558118942215</t>
  </si>
  <si>
    <t>34600</t>
  </si>
  <si>
    <t>22.839567184448242</t>
  </si>
  <si>
    <t>1445.7196044921875</t>
  </si>
  <si>
    <t>0.01766964360851908</t>
  </si>
  <si>
    <t>22.345720291137695</t>
  </si>
  <si>
    <t>1399.2469482421875</t>
  </si>
  <si>
    <t>-0.07036664705458584</t>
  </si>
  <si>
    <t>33497</t>
  </si>
  <si>
    <t>22.0054931640625</t>
  </si>
  <si>
    <t>1678.5025634765625</t>
  </si>
  <si>
    <t>0.03796884757308128</t>
  </si>
  <si>
    <t>34582</t>
  </si>
  <si>
    <t>22.495370864868164</t>
  </si>
  <si>
    <t>1586.9739990234375</t>
  </si>
  <si>
    <t>0.031877432900422775</t>
  </si>
  <si>
    <t>35560</t>
  </si>
  <si>
    <t>22.072898864746094</t>
  </si>
  <si>
    <t>1867.1116943359375</t>
  </si>
  <si>
    <t>0.02788809516310664</t>
  </si>
  <si>
    <t>34409</t>
  </si>
  <si>
    <t>22.64427947998047</t>
  </si>
  <si>
    <t>1199.2149658203125</t>
  </si>
  <si>
    <t>-0.03290325257798621</t>
  </si>
  <si>
    <t>36641</t>
  </si>
  <si>
    <t>22.285207748413086</t>
  </si>
  <si>
    <t>1599.6612548828125</t>
  </si>
  <si>
    <t>0.0628496739421962</t>
  </si>
  <si>
    <t>38223</t>
  </si>
  <si>
    <t>22.457677841186523</t>
  </si>
  <si>
    <t>1686.900390625</t>
  </si>
  <si>
    <t>0.0422695966574409</t>
  </si>
  <si>
    <t>40587</t>
  </si>
  <si>
    <t>22.493188858032227</t>
  </si>
  <si>
    <t>1555.1846923828125</t>
  </si>
  <si>
    <t>0.06001038962197924</t>
  </si>
  <si>
    <t>39548</t>
  </si>
  <si>
    <t>22.039567947387695</t>
  </si>
  <si>
    <t>1688.418701171875</t>
  </si>
  <si>
    <t>-0.025932694254446886</t>
  </si>
  <si>
    <t>22.5634765625</t>
  </si>
  <si>
    <t>1289.496826171875</t>
  </si>
  <si>
    <t>-0.02797439003678015</t>
  </si>
  <si>
    <t>37421</t>
  </si>
  <si>
    <t>22.481237411499023</t>
  </si>
  <si>
    <t>1323.23193359375</t>
  </si>
  <si>
    <t>-0.027308689832056032</t>
  </si>
  <si>
    <t>38098</t>
  </si>
  <si>
    <t>22.856233596801758</t>
  </si>
  <si>
    <t>1225.64990234375</t>
  </si>
  <si>
    <t>0.01792974315045548</t>
  </si>
  <si>
    <t>37833</t>
  </si>
  <si>
    <t>23.01927947998047</t>
  </si>
  <si>
    <t>1445.4310302734375</t>
  </si>
  <si>
    <t>-0.006980049674659483</t>
  </si>
  <si>
    <t>37414</t>
  </si>
  <si>
    <t>23.180143356323242</t>
  </si>
  <si>
    <t>986.2557983398438</t>
  </si>
  <si>
    <t>-0.011136771715133165</t>
  </si>
  <si>
    <t>36742</t>
  </si>
  <si>
    <t>22.707326889038086</t>
  </si>
  <si>
    <t>1218.8909912109375</t>
  </si>
  <si>
    <t>-0.018124451039968292</t>
  </si>
  <si>
    <t>37367</t>
  </si>
  <si>
    <t>22.717100143432617</t>
  </si>
  <si>
    <t>1463.0404052734375</t>
  </si>
  <si>
    <t>0.01686744709007293</t>
  </si>
  <si>
    <t>38000</t>
  </si>
  <si>
    <t>23.205141067504883</t>
  </si>
  <si>
    <t>1543.65673828125</t>
  </si>
  <si>
    <t>0.01679819774956748</t>
  </si>
  <si>
    <t>34240</t>
  </si>
  <si>
    <t>22.84899139404297</t>
  </si>
  <si>
    <t>1435.27490234375</t>
  </si>
  <si>
    <t>-0.10419160845284381</t>
  </si>
  <si>
    <t>35764</t>
  </si>
  <si>
    <t>22.494279861450195</t>
  </si>
  <si>
    <t>1756.3258056640625</t>
  </si>
  <si>
    <t>0.0435472495995306</t>
  </si>
  <si>
    <t>36639</t>
  </si>
  <si>
    <t>22.480146408081055</t>
  </si>
  <si>
    <t>1444.274169921875</t>
  </si>
  <si>
    <t>0.02417144598398835</t>
  </si>
  <si>
    <t>336</t>
  </si>
  <si>
    <t>10320</t>
  </si>
  <si>
    <t>24.340173721313477</t>
  </si>
  <si>
    <t>1192.939697265625</t>
  </si>
  <si>
    <t>1449.1328125</t>
  </si>
  <si>
    <t>Espírito Santo</t>
  </si>
  <si>
    <t>10248</t>
  </si>
  <si>
    <t>24.143342971801758</t>
  </si>
  <si>
    <t>1385.398681640625</t>
  </si>
  <si>
    <t>-0.007001195458983034</t>
  </si>
  <si>
    <t>10026</t>
  </si>
  <si>
    <t>24.124603271484375</t>
  </si>
  <si>
    <t>1451.9930419921875</t>
  </si>
  <si>
    <t>-0.02190084575312312</t>
  </si>
  <si>
    <t>10351</t>
  </si>
  <si>
    <t>24.394853591918945</t>
  </si>
  <si>
    <t>1148.833740234375</t>
  </si>
  <si>
    <t>0.031901414560302044</t>
  </si>
  <si>
    <t>10785</t>
  </si>
  <si>
    <t>24.593191146850586</t>
  </si>
  <si>
    <t>1079.04052734375</t>
  </si>
  <si>
    <t>0.04107314643950666</t>
  </si>
  <si>
    <t>11067</t>
  </si>
  <si>
    <t>24.558753967285156</t>
  </si>
  <si>
    <t>1388.6064453125</t>
  </si>
  <si>
    <t>0.025811427441528423</t>
  </si>
  <si>
    <t>24.020349502563477</t>
  </si>
  <si>
    <t>1460.277099609375</t>
  </si>
  <si>
    <t>0.0061255934266828405</t>
  </si>
  <si>
    <t>11338</t>
  </si>
  <si>
    <t>24.56804084777832</t>
  </si>
  <si>
    <t>1243.6640625</t>
  </si>
  <si>
    <t>0.0180666151927813</t>
  </si>
  <si>
    <t>11207</t>
  </si>
  <si>
    <t>24.79408836364746</t>
  </si>
  <si>
    <t>1095.474609375</t>
  </si>
  <si>
    <t>-0.011621332832220332</t>
  </si>
  <si>
    <t>11097</t>
  </si>
  <si>
    <t>24.028907775878906</t>
  </si>
  <si>
    <t>1286.1343994140625</t>
  </si>
  <si>
    <t>-0.009863781551464612</t>
  </si>
  <si>
    <t>11423</t>
  </si>
  <si>
    <t>24.241472244262695</t>
  </si>
  <si>
    <t>1236.6864013671875</t>
  </si>
  <si>
    <t>0.02895406523338373</t>
  </si>
  <si>
    <t>24.659692764282227</t>
  </si>
  <si>
    <t>1312.4697265625</t>
  </si>
  <si>
    <t>0.0008750438080227241</t>
  </si>
  <si>
    <t>11637</t>
  </si>
  <si>
    <t>25.198379516601562</t>
  </si>
  <si>
    <t>1292.071044921875</t>
  </si>
  <si>
    <t>0.017685766566106764</t>
  </si>
  <si>
    <t>11715</t>
  </si>
  <si>
    <t>24.753822326660156</t>
  </si>
  <si>
    <t>1058.4910888671875</t>
  </si>
  <si>
    <t>0.006680394833818326</t>
  </si>
  <si>
    <t>13509</t>
  </si>
  <si>
    <t>24.302202224731445</t>
  </si>
  <si>
    <t>1547.178955078125</t>
  </si>
  <si>
    <t>0.14248605802778513</t>
  </si>
  <si>
    <t>24.772689819335938</t>
  </si>
  <si>
    <t>1576.740234375</t>
  </si>
  <si>
    <t>0.08428726133700337</t>
  </si>
  <si>
    <t>15452</t>
  </si>
  <si>
    <t>24.43379020690918</t>
  </si>
  <si>
    <t>1533.9381103515625</t>
  </si>
  <si>
    <t>0.05009505347948817</t>
  </si>
  <si>
    <t>16546</t>
  </si>
  <si>
    <t>24.786191940307617</t>
  </si>
  <si>
    <t>894.83837890625</t>
  </si>
  <si>
    <t>0.0684059359639555</t>
  </si>
  <si>
    <t>17903</t>
  </si>
  <si>
    <t>24.359434127807617</t>
  </si>
  <si>
    <t>1409.4866943359375</t>
  </si>
  <si>
    <t>0.078823915801145</t>
  </si>
  <si>
    <t>15658</t>
  </si>
  <si>
    <t>25.049840927124023</t>
  </si>
  <si>
    <t>1360.1539306640625</t>
  </si>
  <si>
    <t>-0.13398632808341304</t>
  </si>
  <si>
    <t>17626</t>
  </si>
  <si>
    <t>24.73334503173828</t>
  </si>
  <si>
    <t>1279.4716796875</t>
  </si>
  <si>
    <t>0.1183931161917453</t>
  </si>
  <si>
    <t>19957</t>
  </si>
  <si>
    <t>24.3031005859375</t>
  </si>
  <si>
    <t>1411.7880859375</t>
  </si>
  <si>
    <t>0.12420487430837923</t>
  </si>
  <si>
    <t>20270</t>
  </si>
  <si>
    <t>24.843442916870117</t>
  </si>
  <si>
    <t>1263.5135498046875</t>
  </si>
  <si>
    <t>0.015562001478061305</t>
  </si>
  <si>
    <t>18128</t>
  </si>
  <si>
    <t>24.578630447387695</t>
  </si>
  <si>
    <t>1338.199951171875</t>
  </si>
  <si>
    <t>-0.11168425617825761</t>
  </si>
  <si>
    <t>18246</t>
  </si>
  <si>
    <t>25.09747314453125</t>
  </si>
  <si>
    <t>908.5849609375</t>
  </si>
  <si>
    <t>0.006488173637631434</t>
  </si>
  <si>
    <t>15665</t>
  </si>
  <si>
    <t>25.196006774902344</t>
  </si>
  <si>
    <t>1136.5379638671875</t>
  </si>
  <si>
    <t>-0.15251695351912709</t>
  </si>
  <si>
    <t>13003</t>
  </si>
  <si>
    <t>25.11024284362793</t>
  </si>
  <si>
    <t>888.933349609375</t>
  </si>
  <si>
    <t>-0.1862488243349727</t>
  </si>
  <si>
    <t>12884</t>
  </si>
  <si>
    <t>24.72342872619629</t>
  </si>
  <si>
    <t>1026.841064453125</t>
  </si>
  <si>
    <t>-0.009193868600229749</t>
  </si>
  <si>
    <t>15047</t>
  </si>
  <si>
    <t>24.84661865234375</t>
  </si>
  <si>
    <t>1335.7939453125</t>
  </si>
  <si>
    <t>0.15519240430778858</t>
  </si>
  <si>
    <t>14312</t>
  </si>
  <si>
    <t>25.19331932067871</t>
  </si>
  <si>
    <t>1468.1365966796875</t>
  </si>
  <si>
    <t>-0.050080289570322734</t>
  </si>
  <si>
    <t>13404</t>
  </si>
  <si>
    <t>24.814096450805664</t>
  </si>
  <si>
    <t>1325.7738037109375</t>
  </si>
  <si>
    <t>-0.06554517633135504</t>
  </si>
  <si>
    <t>14001</t>
  </si>
  <si>
    <t>24.46468162536621</t>
  </si>
  <si>
    <t>1418.542236328125</t>
  </si>
  <si>
    <t>0.04357558576072407</t>
  </si>
  <si>
    <t>14343</t>
  </si>
  <si>
    <t>24.592262268066406</t>
  </si>
  <si>
    <t>1439.6220703125</t>
  </si>
  <si>
    <t>0.02413326267628868</t>
  </si>
  <si>
    <t>337</t>
  </si>
  <si>
    <t>9057</t>
  </si>
  <si>
    <t>23.846391677856445</t>
  </si>
  <si>
    <t>1421.3692626953125</t>
  </si>
  <si>
    <t>1682.93896484375</t>
  </si>
  <si>
    <t>Goiás</t>
  </si>
  <si>
    <t>8994</t>
  </si>
  <si>
    <t>23.60601806640625</t>
  </si>
  <si>
    <t>1786.1197509765625</t>
  </si>
  <si>
    <t>-0.006980251044295116</t>
  </si>
  <si>
    <t>23.418197631835938</t>
  </si>
  <si>
    <t>1801.0809326171875</t>
  </si>
  <si>
    <t>-0.021919609685092212</t>
  </si>
  <si>
    <t>9084</t>
  </si>
  <si>
    <t>23.812265396118164</t>
  </si>
  <si>
    <t>1554.8980712890625</t>
  </si>
  <si>
    <t>0.031876545579887505</t>
  </si>
  <si>
    <t>9465</t>
  </si>
  <si>
    <t>24.166976928710938</t>
  </si>
  <si>
    <t>1561.6534423828125</t>
  </si>
  <si>
    <t>0.04108616041797397</t>
  </si>
  <si>
    <t>9712</t>
  </si>
  <si>
    <t>24.1665096282959</t>
  </si>
  <si>
    <t>1474.4827880859375</t>
  </si>
  <si>
    <t>0.025761449655856694</t>
  </si>
  <si>
    <t>23.965181350708008</t>
  </si>
  <si>
    <t>1652.5889892578125</t>
  </si>
  <si>
    <t>0.006261247039557105</t>
  </si>
  <si>
    <t>24.072004318237305</t>
  </si>
  <si>
    <t>1494.1680908203125</t>
  </si>
  <si>
    <t>0.018049567276326783</t>
  </si>
  <si>
    <t>24.649991989135742</t>
  </si>
  <si>
    <t>1445.2861328125</t>
  </si>
  <si>
    <t>-0.01172559679200269</t>
  </si>
  <si>
    <t>9739</t>
  </si>
  <si>
    <t>24.144193649291992</t>
  </si>
  <si>
    <t>1567.31103515625</t>
  </si>
  <si>
    <t>-0.009809008861960677</t>
  </si>
  <si>
    <t>10025</t>
  </si>
  <si>
    <t>23.991933822631836</t>
  </si>
  <si>
    <t>1523.9931640625</t>
  </si>
  <si>
    <t>0.028943530213570767</t>
  </si>
  <si>
    <t>24.136571884155273</t>
  </si>
  <si>
    <t>1548.3193359375</t>
  </si>
  <si>
    <t>0.0007976867508432406</t>
  </si>
  <si>
    <t>10213</t>
  </si>
  <si>
    <t>24.779327392578125</t>
  </si>
  <si>
    <t>1462.1658935546875</t>
  </si>
  <si>
    <t>0.01778175865248599</t>
  </si>
  <si>
    <t>10371</t>
  </si>
  <si>
    <t>24.299774169921875</t>
  </si>
  <si>
    <t>1466.041015625</t>
  </si>
  <si>
    <t>0.015352031011634182</t>
  </si>
  <si>
    <t>10574</t>
  </si>
  <si>
    <t>24.06479835510254</t>
  </si>
  <si>
    <t>1662.8543701171875</t>
  </si>
  <si>
    <t>0.019384708205661738</t>
  </si>
  <si>
    <t>10211</t>
  </si>
  <si>
    <t>24.49114227294922</t>
  </si>
  <si>
    <t>1638.94775390625</t>
  </si>
  <si>
    <t>-0.03493258723985804</t>
  </si>
  <si>
    <t>10723</t>
  </si>
  <si>
    <t>24.051424026489258</t>
  </si>
  <si>
    <t>1854.776611328125</t>
  </si>
  <si>
    <t>0.04892539666460749</t>
  </si>
  <si>
    <t>11509</t>
  </si>
  <si>
    <t>24.61870574951172</t>
  </si>
  <si>
    <t>1261.7957763671875</t>
  </si>
  <si>
    <t>0.07073837074834621</t>
  </si>
  <si>
    <t>24.267396926879883</t>
  </si>
  <si>
    <t>1674.754150390625</t>
  </si>
  <si>
    <t>0.045437272633133574</t>
  </si>
  <si>
    <t>24.409616470336914</t>
  </si>
  <si>
    <t>1711.617919921875</t>
  </si>
  <si>
    <t>0.017367406360587978</t>
  </si>
  <si>
    <t>12979</t>
  </si>
  <si>
    <t>24.563817977905273</t>
  </si>
  <si>
    <t>1563.1893310546875</t>
  </si>
  <si>
    <t>0.057398649725545425</t>
  </si>
  <si>
    <t>13389</t>
  </si>
  <si>
    <t>24.100927352905273</t>
  </si>
  <si>
    <t>1811.6263427734375</t>
  </si>
  <si>
    <t>0.031100807609622194</t>
  </si>
  <si>
    <t>13993</t>
  </si>
  <si>
    <t>24.62852668762207</t>
  </si>
  <si>
    <t>1445.6756591796875</t>
  </si>
  <si>
    <t>0.04412373025833283</t>
  </si>
  <si>
    <t>13957</t>
  </si>
  <si>
    <t>24.53367042541504</t>
  </si>
  <si>
    <t>1427.52978515625</t>
  </si>
  <si>
    <t>-0.0025760300470683006</t>
  </si>
  <si>
    <t>13924</t>
  </si>
  <si>
    <t>24.81868553161621</t>
  </si>
  <si>
    <t>1374.1943359375</t>
  </si>
  <si>
    <t>-0.002367204577314652</t>
  </si>
  <si>
    <t>13434</t>
  </si>
  <si>
    <t>24.988977432250977</t>
  </si>
  <si>
    <t>1608.218017578125</t>
  </si>
  <si>
    <t>-0.035825163104520996</t>
  </si>
  <si>
    <t>12838</t>
  </si>
  <si>
    <t>25.143712997436523</t>
  </si>
  <si>
    <t>1062.8634033203125</t>
  </si>
  <si>
    <t>-0.045379283955085725</t>
  </si>
  <si>
    <t>12922</t>
  </si>
  <si>
    <t>24.736196517944336</t>
  </si>
  <si>
    <t>1358.774169921875</t>
  </si>
  <si>
    <t>0.006521762246388008</t>
  </si>
  <si>
    <t>12333</t>
  </si>
  <si>
    <t>24.73164176940918</t>
  </si>
  <si>
    <t>1494.3863525390625</t>
  </si>
  <si>
    <t>-0.04665268855212368</t>
  </si>
  <si>
    <t>12450</t>
  </si>
  <si>
    <t>25.1851749420166</t>
  </si>
  <si>
    <t>1540.1776123046875</t>
  </si>
  <si>
    <t>0.009442026326865971</t>
  </si>
  <si>
    <t>24.8515682220459</t>
  </si>
  <si>
    <t>1444.233154296875</t>
  </si>
  <si>
    <t>-0.004266115054706532</t>
  </si>
  <si>
    <t>12949</t>
  </si>
  <si>
    <t>24.50592803955078</t>
  </si>
  <si>
    <t>1754.9622802734375</t>
  </si>
  <si>
    <t>0.04356405723069301</t>
  </si>
  <si>
    <t>24.37285041809082</t>
  </si>
  <si>
    <t>1494.1240234375</t>
  </si>
  <si>
    <t>0.02418580601666065</t>
  </si>
  <si>
    <t>338</t>
  </si>
  <si>
    <t>27.475019454956055</t>
  </si>
  <si>
    <t>1428.983642578125</t>
  </si>
  <si>
    <t>1978.336181640625</t>
  </si>
  <si>
    <t>Maranhão</t>
  </si>
  <si>
    <t>3329</t>
  </si>
  <si>
    <t>27.27583122253418</t>
  </si>
  <si>
    <t>1463.56298828125</t>
  </si>
  <si>
    <t>-0.006885224026950354</t>
  </si>
  <si>
    <t>3256</t>
  </si>
  <si>
    <t>27.25312042236328</t>
  </si>
  <si>
    <t>1005.399169921875</t>
  </si>
  <si>
    <t>-0.022172510452593386</t>
  </si>
  <si>
    <t>3362</t>
  </si>
  <si>
    <t>27.43904685974121</t>
  </si>
  <si>
    <t>1464.9398193359375</t>
  </si>
  <si>
    <t>0.03203658684613053</t>
  </si>
  <si>
    <t>3503</t>
  </si>
  <si>
    <t>27.080917358398438</t>
  </si>
  <si>
    <t>1796.572509765625</t>
  </si>
  <si>
    <t>0.0410837092289249</t>
  </si>
  <si>
    <t>3595</t>
  </si>
  <si>
    <t>27.193321228027344</t>
  </si>
  <si>
    <t>1891.598876953125</t>
  </si>
  <si>
    <t>0.025924246957661268</t>
  </si>
  <si>
    <t>3617</t>
  </si>
  <si>
    <t>27.179040908813477</t>
  </si>
  <si>
    <t>1911.6575927734375</t>
  </si>
  <si>
    <t>0.006100961796949633</t>
  </si>
  <si>
    <t>3683</t>
  </si>
  <si>
    <t>27.462194442749023</t>
  </si>
  <si>
    <t>1485.7762451171875</t>
  </si>
  <si>
    <t>0.01808268449296868</t>
  </si>
  <si>
    <t>28.107704162597656</t>
  </si>
  <si>
    <t>1258.2784423828125</t>
  </si>
  <si>
    <t>-0.011743955814280227</t>
  </si>
  <si>
    <t>3604</t>
  </si>
  <si>
    <t>27.43114471435547</t>
  </si>
  <si>
    <t>1824.0350341796875</t>
  </si>
  <si>
    <t>-0.009939341902557075</t>
  </si>
  <si>
    <t>27.20849609375</t>
  </si>
  <si>
    <t>1962.8946533203125</t>
  </si>
  <si>
    <t>0.028987536873252395</t>
  </si>
  <si>
    <t>3713</t>
  </si>
  <si>
    <t>27.492454528808594</t>
  </si>
  <si>
    <t>1862.0079345703125</t>
  </si>
  <si>
    <t>0.0008082985755990535</t>
  </si>
  <si>
    <t>3780</t>
  </si>
  <si>
    <t>27.75592803955078</t>
  </si>
  <si>
    <t>1406.009033203125</t>
  </si>
  <si>
    <t>0.01788383443655306</t>
  </si>
  <si>
    <t>27.768983840942383</t>
  </si>
  <si>
    <t>1917.9874267578125</t>
  </si>
  <si>
    <t>0.059565860468193677</t>
  </si>
  <si>
    <t>4187</t>
  </si>
  <si>
    <t>27.857627868652344</t>
  </si>
  <si>
    <t>1613.6123046875</t>
  </si>
  <si>
    <t>0.042694616937316354</t>
  </si>
  <si>
    <t>4382</t>
  </si>
  <si>
    <t>28.046518325805664</t>
  </si>
  <si>
    <t>1512.0521240234375</t>
  </si>
  <si>
    <t>0.04552075413626966</t>
  </si>
  <si>
    <t>4810</t>
  </si>
  <si>
    <t>27.7696533203125</t>
  </si>
  <si>
    <t>1757.999755859375</t>
  </si>
  <si>
    <t>0.09319184294439431</t>
  </si>
  <si>
    <t>4592</t>
  </si>
  <si>
    <t>27.864206314086914</t>
  </si>
  <si>
    <t>1658.535888671875</t>
  </si>
  <si>
    <t>-0.04638142510040488</t>
  </si>
  <si>
    <t>5159</t>
  </si>
  <si>
    <t>27.7297306060791</t>
  </si>
  <si>
    <t>1969.6629638671875</t>
  </si>
  <si>
    <t>0.11642710324524863</t>
  </si>
  <si>
    <t>4950</t>
  </si>
  <si>
    <t>27.603994369506836</t>
  </si>
  <si>
    <t>2231.880859375</t>
  </si>
  <si>
    <t>-0.04135518568191543</t>
  </si>
  <si>
    <t>5127</t>
  </si>
  <si>
    <t>28.141820907592773</t>
  </si>
  <si>
    <t>1535.5931396484375</t>
  </si>
  <si>
    <t>0.03513311622096538</t>
  </si>
  <si>
    <t>5293</t>
  </si>
  <si>
    <t>27.62156105041504</t>
  </si>
  <si>
    <t>1960.6016845703125</t>
  </si>
  <si>
    <t>0.03186450007428654</t>
  </si>
  <si>
    <t>5591</t>
  </si>
  <si>
    <t>27.844131469726562</t>
  </si>
  <si>
    <t>1190.937744140625</t>
  </si>
  <si>
    <t>0.05477296916865804</t>
  </si>
  <si>
    <t>27.825651168823242</t>
  </si>
  <si>
    <t>1515.873046875</t>
  </si>
  <si>
    <t>0.05599515479418393</t>
  </si>
  <si>
    <t>6173</t>
  </si>
  <si>
    <t>27.572067260742188</t>
  </si>
  <si>
    <t>1496.99658203125</t>
  </si>
  <si>
    <t>0.04303162657306636</t>
  </si>
  <si>
    <t>5813</t>
  </si>
  <si>
    <t>27.92854881286621</t>
  </si>
  <si>
    <t>1380.7666015625</t>
  </si>
  <si>
    <t>-0.06008815469254536</t>
  </si>
  <si>
    <t>28.115753173828125</t>
  </si>
  <si>
    <t>1231.1072998046875</t>
  </si>
  <si>
    <t>-0.0018941030200014808</t>
  </si>
  <si>
    <t>5837</t>
  </si>
  <si>
    <t>28.06196403503418</t>
  </si>
  <si>
    <t>1536.720458984375</t>
  </si>
  <si>
    <t>0.006014280522443016</t>
  </si>
  <si>
    <t>6088</t>
  </si>
  <si>
    <t>27.98930549621582</t>
  </si>
  <si>
    <t>1629.62890625</t>
  </si>
  <si>
    <t>0.04210265433773053</t>
  </si>
  <si>
    <t>27.994115829467773</t>
  </si>
  <si>
    <t>1669.8785400390625</t>
  </si>
  <si>
    <t>-0.055034983897048306</t>
  </si>
  <si>
    <t>28.126054763793945</t>
  </si>
  <si>
    <t>1711.5888671875</t>
  </si>
  <si>
    <t>0.02586868017635524</t>
  </si>
  <si>
    <t>6176</t>
  </si>
  <si>
    <t>27.82709312438965</t>
  </si>
  <si>
    <t>1842.709228515625</t>
  </si>
  <si>
    <t>0.0435174958837834</t>
  </si>
  <si>
    <t>6327</t>
  </si>
  <si>
    <t>27.782270431518555</t>
  </si>
  <si>
    <t>1663.590087890625</t>
  </si>
  <si>
    <t>0.024155377442271586</t>
  </si>
  <si>
    <t>339</t>
  </si>
  <si>
    <t>9000</t>
  </si>
  <si>
    <t>25.67499351501465</t>
  </si>
  <si>
    <t>1679.8138427734375</t>
  </si>
  <si>
    <t>849.982421875</t>
  </si>
  <si>
    <t>Mato Grosso</t>
  </si>
  <si>
    <t>8938</t>
  </si>
  <si>
    <t>25.63960838317871</t>
  </si>
  <si>
    <t>1801.8414306640625</t>
  </si>
  <si>
    <t>-0.006912726824959137</t>
  </si>
  <si>
    <t>8743</t>
  </si>
  <si>
    <t>25.35979652404785</t>
  </si>
  <si>
    <t>1782.33984375</t>
  </si>
  <si>
    <t>-0.02205847031250663</t>
  </si>
  <si>
    <t>9027</t>
  </si>
  <si>
    <t>25.497055053710938</t>
  </si>
  <si>
    <t>1589.974365234375</t>
  </si>
  <si>
    <t>0.031966706117263044</t>
  </si>
  <si>
    <t>9405</t>
  </si>
  <si>
    <t>26.011505126953125</t>
  </si>
  <si>
    <t>1712.8671875</t>
  </si>
  <si>
    <t>0.04102137643697645</t>
  </si>
  <si>
    <t>9651</t>
  </si>
  <si>
    <t>25.7701473236084</t>
  </si>
  <si>
    <t>1898.263671875</t>
  </si>
  <si>
    <t>0.025820074172004936</t>
  </si>
  <si>
    <t>25.42669677734375</t>
  </si>
  <si>
    <t>1811.1280517578125</t>
  </si>
  <si>
    <t>0.006197726687219074</t>
  </si>
  <si>
    <t>9888</t>
  </si>
  <si>
    <t>26.30180549621582</t>
  </si>
  <si>
    <t>1728.97216796875</t>
  </si>
  <si>
    <t>0.018062637103117396</t>
  </si>
  <si>
    <t>26.05585289001465</t>
  </si>
  <si>
    <t>1845.088134765625</t>
  </si>
  <si>
    <t>-0.011698419358635803</t>
  </si>
  <si>
    <t>26.122316360473633</t>
  </si>
  <si>
    <t>1591.6158447265625</t>
  </si>
  <si>
    <t>-0.009768212985571623</t>
  </si>
  <si>
    <t>25.854475021362305</t>
  </si>
  <si>
    <t>1714.26220703125</t>
  </si>
  <si>
    <t>0.02892258627996469</t>
  </si>
  <si>
    <t>26.077383041381836</t>
  </si>
  <si>
    <t>1766.1849365234375</t>
  </si>
  <si>
    <t>0.0008027293226540166</t>
  </si>
  <si>
    <t>10148</t>
  </si>
  <si>
    <t>26.504629135131836</t>
  </si>
  <si>
    <t>1592.9359130859375</t>
  </si>
  <si>
    <t>0.017696057763290085</t>
  </si>
  <si>
    <t>12164</t>
  </si>
  <si>
    <t>25.843719482421875</t>
  </si>
  <si>
    <t>1728.9013671875</t>
  </si>
  <si>
    <t>0.1812041280780825</t>
  </si>
  <si>
    <t>13874</t>
  </si>
  <si>
    <t>26.134109497070312</t>
  </si>
  <si>
    <t>1760.056396484375</t>
  </si>
  <si>
    <t>0.1315358151479913</t>
  </si>
  <si>
    <t>13019</t>
  </si>
  <si>
    <t>26.41834259033203</t>
  </si>
  <si>
    <t>1578.49560546875</t>
  </si>
  <si>
    <t>-0.06360675604785015</t>
  </si>
  <si>
    <t>10759</t>
  </si>
  <si>
    <t>26.2600154876709</t>
  </si>
  <si>
    <t>1875.8687744140625</t>
  </si>
  <si>
    <t>-0.1906672153034883</t>
  </si>
  <si>
    <t>12112</t>
  </si>
  <si>
    <t>26.256362915039062</t>
  </si>
  <si>
    <t>1826.900390625</t>
  </si>
  <si>
    <t>0.1184540830833214</t>
  </si>
  <si>
    <t>14195</t>
  </si>
  <si>
    <t>25.957731246948242</t>
  </si>
  <si>
    <t>1580.244140625</t>
  </si>
  <si>
    <t>0.15869309322984115</t>
  </si>
  <si>
    <t>13746</t>
  </si>
  <si>
    <t>26.22553062438965</t>
  </si>
  <si>
    <t>1990.7459716796875</t>
  </si>
  <si>
    <t>-0.03214191722552151</t>
  </si>
  <si>
    <t>13537</t>
  </si>
  <si>
    <t>26.270591735839844</t>
  </si>
  <si>
    <t>1766.51953125</t>
  </si>
  <si>
    <t>-0.015321195495763718</t>
  </si>
  <si>
    <t>15080</t>
  </si>
  <si>
    <t>26.253379821777344</t>
  </si>
  <si>
    <t>1758.3492431640625</t>
  </si>
  <si>
    <t>0.1079426853761607</t>
  </si>
  <si>
    <t>15873</t>
  </si>
  <si>
    <t>26.349990844726562</t>
  </si>
  <si>
    <t>1683.5859375</t>
  </si>
  <si>
    <t>0.05125019001029507</t>
  </si>
  <si>
    <t>16639</t>
  </si>
  <si>
    <t>26.206031799316406</t>
  </si>
  <si>
    <t>1693.07275390625</t>
  </si>
  <si>
    <t>0.04712978484326591</t>
  </si>
  <si>
    <t>17281</t>
  </si>
  <si>
    <t>26.370718002319336</t>
  </si>
  <si>
    <t>1855.7301025390625</t>
  </si>
  <si>
    <t>0.037858294638484224</t>
  </si>
  <si>
    <t>16824</t>
  </si>
  <si>
    <t>26.672866821289062</t>
  </si>
  <si>
    <t>1648.69384765625</t>
  </si>
  <si>
    <t>-0.026801193671456502</t>
  </si>
  <si>
    <t>17723</t>
  </si>
  <si>
    <t>26.242124557495117</t>
  </si>
  <si>
    <t>1740.8031005859375</t>
  </si>
  <si>
    <t>0.052056792672603436</t>
  </si>
  <si>
    <t>17307</t>
  </si>
  <si>
    <t>26.480260848999023</t>
  </si>
  <si>
    <t>1859.0341796875</t>
  </si>
  <si>
    <t>-0.023752187130138935</t>
  </si>
  <si>
    <t>17419</t>
  </si>
  <si>
    <t>26.244749069213867</t>
  </si>
  <si>
    <t>1820.822021484375</t>
  </si>
  <si>
    <t>0.006450520552462535</t>
  </si>
  <si>
    <t>17081</t>
  </si>
  <si>
    <t>26.74365234375</t>
  </si>
  <si>
    <t>1612.986572265625</t>
  </si>
  <si>
    <t>-0.019594829839402195</t>
  </si>
  <si>
    <t>19936</t>
  </si>
  <si>
    <t>26.94187355041504</t>
  </si>
  <si>
    <t>1450.0135498046875</t>
  </si>
  <si>
    <t>0.15456040794911985</t>
  </si>
  <si>
    <t>20823</t>
  </si>
  <si>
    <t>26.378461837768555</t>
  </si>
  <si>
    <t>1698.2906494140625</t>
  </si>
  <si>
    <t>0.04353100242051333</t>
  </si>
  <si>
    <t>21332</t>
  </si>
  <si>
    <t>26.09248924255371</t>
  </si>
  <si>
    <t>1622.40966796875</t>
  </si>
  <si>
    <t>0.024150147712798997</t>
  </si>
  <si>
    <t>340</t>
  </si>
  <si>
    <t>23.790193557739258</t>
  </si>
  <si>
    <t>1517.4412841796875</t>
  </si>
  <si>
    <t>749.1436767578125</t>
  </si>
  <si>
    <t>Mato Grosso do Sul</t>
  </si>
  <si>
    <t>9317</t>
  </si>
  <si>
    <t>24.083839416503906</t>
  </si>
  <si>
    <t>1438.320556640625</t>
  </si>
  <si>
    <t>-0.007058852839623597</t>
  </si>
  <si>
    <t>9115</t>
  </si>
  <si>
    <t>23.532028198242188</t>
  </si>
  <si>
    <t>1642.8568115234375</t>
  </si>
  <si>
    <t>-0.021919280337662883</t>
  </si>
  <si>
    <t>9411</t>
  </si>
  <si>
    <t>23.80257225036621</t>
  </si>
  <si>
    <t>1320.5517578125</t>
  </si>
  <si>
    <t>0.031957809746025134</t>
  </si>
  <si>
    <t>24.44055938720703</t>
  </si>
  <si>
    <t>1442.296142578125</t>
  </si>
  <si>
    <t>0.041013241771658215</t>
  </si>
  <si>
    <t>24.152925491333008</t>
  </si>
  <si>
    <t>1446.588134765625</t>
  </si>
  <si>
    <t>0.02577410366160393</t>
  </si>
  <si>
    <t>10124</t>
  </si>
  <si>
    <t>23.677751541137695</t>
  </si>
  <si>
    <t>1513.53125</t>
  </si>
  <si>
    <t>0.006242279372964177</t>
  </si>
  <si>
    <t>24.3723087310791</t>
  </si>
  <si>
    <t>1602.263427734375</t>
  </si>
  <si>
    <t>0.0180114501072417</t>
  </si>
  <si>
    <t>10189</t>
  </si>
  <si>
    <t>23.819503784179688</t>
  </si>
  <si>
    <t>1655.394287109375</t>
  </si>
  <si>
    <t>-0.011611585797970392</t>
  </si>
  <si>
    <t>10089</t>
  </si>
  <si>
    <t>24.019773483276367</t>
  </si>
  <si>
    <t>1108.27685546875</t>
  </si>
  <si>
    <t>-0.009862985565906257</t>
  </si>
  <si>
    <t>23.889516830444336</t>
  </si>
  <si>
    <t>1587.9173583984375</t>
  </si>
  <si>
    <t>0.0289167359018343</t>
  </si>
  <si>
    <t>24.550466537475586</t>
  </si>
  <si>
    <t>1503.929443359375</t>
  </si>
  <si>
    <t>0.0008662592581742956</t>
  </si>
  <si>
    <t>10579</t>
  </si>
  <si>
    <t>24.965009689331055</t>
  </si>
  <si>
    <t>1346.330078125</t>
  </si>
  <si>
    <t>0.017642187418386968</t>
  </si>
  <si>
    <t>24.252395629882812</t>
  </si>
  <si>
    <t>1368.89794921875</t>
  </si>
  <si>
    <t>0.13960986581048118</t>
  </si>
  <si>
    <t>11957</t>
  </si>
  <si>
    <t>23.92824363708496</t>
  </si>
  <si>
    <t>1517.781982421875</t>
  </si>
  <si>
    <t>-0.017163888877675504</t>
  </si>
  <si>
    <t>24.33837127685547</t>
  </si>
  <si>
    <t>1266.169677734375</t>
  </si>
  <si>
    <t>-0.06880172857120215</t>
  </si>
  <si>
    <t>24.34044647216797</t>
  </si>
  <si>
    <t>1621.707763671875</t>
  </si>
  <si>
    <t>0.04012653683448342</t>
  </si>
  <si>
    <t>12132</t>
  </si>
  <si>
    <t>24.367788314819336</t>
  </si>
  <si>
    <t>1266.0013427734375</t>
  </si>
  <si>
    <t>0.043204900625610776</t>
  </si>
  <si>
    <t>13288</t>
  </si>
  <si>
    <t>24.042593002319336</t>
  </si>
  <si>
    <t>1372.491455078125</t>
  </si>
  <si>
    <t>0.09101478248465789</t>
  </si>
  <si>
    <t>12799</t>
  </si>
  <si>
    <t>24.39305305480957</t>
  </si>
  <si>
    <t>1674.10107421875</t>
  </si>
  <si>
    <t>-0.037494329437338436</t>
  </si>
  <si>
    <t>14077</t>
  </si>
  <si>
    <t>24.065122604370117</t>
  </si>
  <si>
    <t>1445.7667236328125</t>
  </si>
  <si>
    <t>0.0951752169721729</t>
  </si>
  <si>
    <t>14973</t>
  </si>
  <si>
    <t>24.083541870117188</t>
  </si>
  <si>
    <t>1461.5648193359375</t>
  </si>
  <si>
    <t>0.061706319309754676</t>
  </si>
  <si>
    <t>24.775068283081055</t>
  </si>
  <si>
    <t>1340.3431396484375</t>
  </si>
  <si>
    <t>0.02772924395654286</t>
  </si>
  <si>
    <t>15874</t>
  </si>
  <si>
    <t>24.11075782775879</t>
  </si>
  <si>
    <t>1525.85595703125</t>
  </si>
  <si>
    <t>0.030704727556559064</t>
  </si>
  <si>
    <t>16588</t>
  </si>
  <si>
    <t>24.836706161499023</t>
  </si>
  <si>
    <t>1539.6607666015625</t>
  </si>
  <si>
    <t>0.04399699171545102</t>
  </si>
  <si>
    <t>16028</t>
  </si>
  <si>
    <t>24.91234016418457</t>
  </si>
  <si>
    <t>1764.511474609375</t>
  </si>
  <si>
    <t>-0.03434234961023641</t>
  </si>
  <si>
    <t>24.142057418823242</t>
  </si>
  <si>
    <t>1498.578857421875</t>
  </si>
  <si>
    <t>0.01073577595438202</t>
  </si>
  <si>
    <t>16213</t>
  </si>
  <si>
    <t>24.670576095581055</t>
  </si>
  <si>
    <t>1573.2523193359375</t>
  </si>
  <si>
    <t>0.0007404208396515344</t>
  </si>
  <si>
    <t>16980</t>
  </si>
  <si>
    <t>24.556135177612305</t>
  </si>
  <si>
    <t>1389.826171875</t>
  </si>
  <si>
    <t>0.04622279131526952</t>
  </si>
  <si>
    <t>16115</t>
  </si>
  <si>
    <t>24.9151554107666</t>
  </si>
  <si>
    <t>1395.189697265625</t>
  </si>
  <si>
    <t>-0.05228566561580017</t>
  </si>
  <si>
    <t>17175</t>
  </si>
  <si>
    <t>24.84810447692871</t>
  </si>
  <si>
    <t>1387.4490966796875</t>
  </si>
  <si>
    <t>0.06370432284101213</t>
  </si>
  <si>
    <t>17940</t>
  </si>
  <si>
    <t>24.608558654785156</t>
  </si>
  <si>
    <t>1170.68017578125</t>
  </si>
  <si>
    <t>0.043578018522236306</t>
  </si>
  <si>
    <t>18379</t>
  </si>
  <si>
    <t>24.122304916381836</t>
  </si>
  <si>
    <t>1378.547607421875</t>
  </si>
  <si>
    <t>0.024175851852687558</t>
  </si>
  <si>
    <t>341</t>
  </si>
  <si>
    <t>21.62592315673828</t>
  </si>
  <si>
    <t>1338.9075927734375</t>
  </si>
  <si>
    <t>6290.8720703125</t>
  </si>
  <si>
    <t>Minas Gerais</t>
  </si>
  <si>
    <t>8205</t>
  </si>
  <si>
    <t>21.442228317260742</t>
  </si>
  <si>
    <t>1598.3326416015625</t>
  </si>
  <si>
    <t>-0.007043993176994334</t>
  </si>
  <si>
    <t>8027</t>
  </si>
  <si>
    <t>21.37554359436035</t>
  </si>
  <si>
    <t>1450.9776611328125</t>
  </si>
  <si>
    <t>-0.021932865392614076</t>
  </si>
  <si>
    <t>21.658742904663086</t>
  </si>
  <si>
    <t>1319.91259765625</t>
  </si>
  <si>
    <t>0.03187716271746588</t>
  </si>
  <si>
    <t>8635</t>
  </si>
  <si>
    <t>21.87223243713379</t>
  </si>
  <si>
    <t>1241.0975341796875</t>
  </si>
  <si>
    <t>0.0411356897317372</t>
  </si>
  <si>
    <t>21.879674911499023</t>
  </si>
  <si>
    <t>1455.739990234375</t>
  </si>
  <si>
    <t>0.02572305301834632</t>
  </si>
  <si>
    <t>8915</t>
  </si>
  <si>
    <t>21.454748153686523</t>
  </si>
  <si>
    <t>1620.6788330078125</t>
  </si>
  <si>
    <t>0.006188486698114559</t>
  </si>
  <si>
    <t>9078</t>
  </si>
  <si>
    <t>21.833467483520508</t>
  </si>
  <si>
    <t>1278.1876220703125</t>
  </si>
  <si>
    <t>0.01811865271917057</t>
  </si>
  <si>
    <t>8972</t>
  </si>
  <si>
    <t>22.16697883605957</t>
  </si>
  <si>
    <t>1280.763427734375</t>
  </si>
  <si>
    <t>-0.011745287376312419</t>
  </si>
  <si>
    <t>8884</t>
  </si>
  <si>
    <t>21.50450897216797</t>
  </si>
  <si>
    <t>1355.892578125</t>
  </si>
  <si>
    <t>-0.009856710625781417</t>
  </si>
  <si>
    <t>9146</t>
  </si>
  <si>
    <t>21.60895538330078</t>
  </si>
  <si>
    <t>1262.39111328125</t>
  </si>
  <si>
    <t>0.029064719203683254</t>
  </si>
  <si>
    <t>9153</t>
  </si>
  <si>
    <t>21.965347290039062</t>
  </si>
  <si>
    <t>1333.70068359375</t>
  </si>
  <si>
    <t>0.0007650691667784315</t>
  </si>
  <si>
    <t>22.435302734375</t>
  </si>
  <si>
    <t>1508.104248046875</t>
  </si>
  <si>
    <t>0.017758994065646405</t>
  </si>
  <si>
    <t>21.94138526916504</t>
  </si>
  <si>
    <t>1137.2529296875</t>
  </si>
  <si>
    <t>0.007698102808122442</t>
  </si>
  <si>
    <t>10312</t>
  </si>
  <si>
    <t>21.549039840698242</t>
  </si>
  <si>
    <t>1659.1849365234375</t>
  </si>
  <si>
    <t>0.09376947436047622</t>
  </si>
  <si>
    <t>10431</t>
  </si>
  <si>
    <t>21.992874145507812</t>
  </si>
  <si>
    <t>1406.7822265625</t>
  </si>
  <si>
    <t>0.011473876056946608</t>
  </si>
  <si>
    <t>21.66806983947754</t>
  </si>
  <si>
    <t>1716.753662109375</t>
  </si>
  <si>
    <t>0.04682064761786542</t>
  </si>
  <si>
    <t>11406</t>
  </si>
  <si>
    <t>22.070261001586914</t>
  </si>
  <si>
    <t>1049.4755859375</t>
  </si>
  <si>
    <t>0.042536743422648016</t>
  </si>
  <si>
    <t>21.69709587097168</t>
  </si>
  <si>
    <t>1708.1065673828125</t>
  </si>
  <si>
    <t>0.05442707788514056</t>
  </si>
  <si>
    <t>11691</t>
  </si>
  <si>
    <t>22.210519790649414</t>
  </si>
  <si>
    <t>1575.901123046875</t>
  </si>
  <si>
    <t>-0.029747295594805934</t>
  </si>
  <si>
    <t>13071</t>
  </si>
  <si>
    <t>21.982627868652344</t>
  </si>
  <si>
    <t>1494.6668701171875</t>
  </si>
  <si>
    <t>0.11157672077873215</t>
  </si>
  <si>
    <t>13658</t>
  </si>
  <si>
    <t>21.590070724487305</t>
  </si>
  <si>
    <t>1673.908447265625</t>
  </si>
  <si>
    <t>0.04392939473548374</t>
  </si>
  <si>
    <t>13826</t>
  </si>
  <si>
    <t>22.124555587768555</t>
  </si>
  <si>
    <t>1154.40576171875</t>
  </si>
  <si>
    <t>0.012225446984174937</t>
  </si>
  <si>
    <t>14063</t>
  </si>
  <si>
    <t>21.957651138305664</t>
  </si>
  <si>
    <t>1281.051025390625</t>
  </si>
  <si>
    <t>0.016996357365037795</t>
  </si>
  <si>
    <t>13715</t>
  </si>
  <si>
    <t>22.416711807250977</t>
  </si>
  <si>
    <t>912.623046875</t>
  </si>
  <si>
    <t>-0.025057110498543977</t>
  </si>
  <si>
    <t>12728</t>
  </si>
  <si>
    <t>22.54228401184082</t>
  </si>
  <si>
    <t>1482.8787841796875</t>
  </si>
  <si>
    <t>-0.07468583335408141</t>
  </si>
  <si>
    <t>12270</t>
  </si>
  <si>
    <t>22.533540725708008</t>
  </si>
  <si>
    <t>1066.0107421875</t>
  </si>
  <si>
    <t>-0.03664703231266486</t>
  </si>
  <si>
    <t>12454</t>
  </si>
  <si>
    <t>22.121055603027344</t>
  </si>
  <si>
    <t>1094.3614501953125</t>
  </si>
  <si>
    <t>0.014884597727439441</t>
  </si>
  <si>
    <t>12748</t>
  </si>
  <si>
    <t>22.275075912475586</t>
  </si>
  <si>
    <t>1239.8314208984375</t>
  </si>
  <si>
    <t>0.023332540104830102</t>
  </si>
  <si>
    <t>12896</t>
  </si>
  <si>
    <t>22.650070190429688</t>
  </si>
  <si>
    <t>1476.042724609375</t>
  </si>
  <si>
    <t>0.011542789209181947</t>
  </si>
  <si>
    <t>12618</t>
  </si>
  <si>
    <t>22.3026180267334</t>
  </si>
  <si>
    <t>1306.6717529296875</t>
  </si>
  <si>
    <t>-0.021792819815653175</t>
  </si>
  <si>
    <t>21.938798904418945</t>
  </si>
  <si>
    <t>1439.6204833984375</t>
  </si>
  <si>
    <t>0.043576163125742085</t>
  </si>
  <si>
    <t>21.946992874145508</t>
  </si>
  <si>
    <t>1503.0450439453125</t>
  </si>
  <si>
    <t>0.024137293545317462</t>
  </si>
  <si>
    <t>342</t>
  </si>
  <si>
    <t>11001</t>
  </si>
  <si>
    <t>19.131610870361328</t>
  </si>
  <si>
    <t>1729.8394775390625</t>
  </si>
  <si>
    <t>3365.423828125</t>
  </si>
  <si>
    <t>Paraná</t>
  </si>
  <si>
    <t>10924</t>
  </si>
  <si>
    <t>19.60772132873535</t>
  </si>
  <si>
    <t>1312.836181640625</t>
  </si>
  <si>
    <t>-0.007023974145839773</t>
  </si>
  <si>
    <t>19.29273796081543</t>
  </si>
  <si>
    <t>1733.7279052734375</t>
  </si>
  <si>
    <t>-0.02193415406869903</t>
  </si>
  <si>
    <t>11034</t>
  </si>
  <si>
    <t>19.2666015625</t>
  </si>
  <si>
    <t>1621.6639404296875</t>
  </si>
  <si>
    <t>0.03195336530747994</t>
  </si>
  <si>
    <t>11496</t>
  </si>
  <si>
    <t>19.825159072875977</t>
  </si>
  <si>
    <t>1625.326904296875</t>
  </si>
  <si>
    <t>0.04101773392648411</t>
  </si>
  <si>
    <t>11796</t>
  </si>
  <si>
    <t>19.70423698425293</t>
  </si>
  <si>
    <t>1481.372314453125</t>
  </si>
  <si>
    <t>11870</t>
  </si>
  <si>
    <t>19.208791732788086</t>
  </si>
  <si>
    <t>1681.794677734375</t>
  </si>
  <si>
    <t>0.006253717668547765</t>
  </si>
  <si>
    <t>12086</t>
  </si>
  <si>
    <t>19.73845100402832</t>
  </si>
  <si>
    <t>1694.86376953125</t>
  </si>
  <si>
    <t>0.01803354931779033</t>
  </si>
  <si>
    <t>11946</t>
  </si>
  <si>
    <t>19.43511962890625</t>
  </si>
  <si>
    <t>2020.33740234375</t>
  </si>
  <si>
    <t>-0.011651263629252284</t>
  </si>
  <si>
    <t>11829</t>
  </si>
  <si>
    <t>19.176843643188477</t>
  </si>
  <si>
    <t>1338.7493896484375</t>
  </si>
  <si>
    <t>-0.009842350746515294</t>
  </si>
  <si>
    <t>19.32408332824707</t>
  </si>
  <si>
    <t>1609.5823974609375</t>
  </si>
  <si>
    <t>0.028912657555730803</t>
  </si>
  <si>
    <t>12187</t>
  </si>
  <si>
    <t>20.036962509155273</t>
  </si>
  <si>
    <t>1571.1275634765625</t>
  </si>
  <si>
    <t>0.0009030087220338601</t>
  </si>
  <si>
    <t>12404</t>
  </si>
  <si>
    <t>20.413644790649414</t>
  </si>
  <si>
    <t>1575.9676513671875</t>
  </si>
  <si>
    <t>0.017649191396838404</t>
  </si>
  <si>
    <t>13418</t>
  </si>
  <si>
    <t>19.66899299621582</t>
  </si>
  <si>
    <t>1428.457763671875</t>
  </si>
  <si>
    <t>0.07857808790249265</t>
  </si>
  <si>
    <t>13881</t>
  </si>
  <si>
    <t>19.309207916259766</t>
  </si>
  <si>
    <t>1613.738525390625</t>
  </si>
  <si>
    <t>0.033923909452276746</t>
  </si>
  <si>
    <t>13233</t>
  </si>
  <si>
    <t>19.915800094604492</t>
  </si>
  <si>
    <t>1439.0169677734375</t>
  </si>
  <si>
    <t>-0.0478072888020602</t>
  </si>
  <si>
    <t>13268</t>
  </si>
  <si>
    <t>19.7939510345459</t>
  </si>
  <si>
    <t>1419.800048828125</t>
  </si>
  <si>
    <t>0.002641411293893725</t>
  </si>
  <si>
    <t>14696</t>
  </si>
  <si>
    <t>19.8775577545166</t>
  </si>
  <si>
    <t>1453.9552001953125</t>
  </si>
  <si>
    <t>0.10222022682801857</t>
  </si>
  <si>
    <t>19.349140167236328</t>
  </si>
  <si>
    <t>1600.869140625</t>
  </si>
  <si>
    <t>0.02366974408590572</t>
  </si>
  <si>
    <t>15013</t>
  </si>
  <si>
    <t>19.887556076049805</t>
  </si>
  <si>
    <t>1986.6051025390625</t>
  </si>
  <si>
    <t>-0.0023285995685622396</t>
  </si>
  <si>
    <t>15706</t>
  </si>
  <si>
    <t>19.591867446899414</t>
  </si>
  <si>
    <t>1727.4114990234375</t>
  </si>
  <si>
    <t>0.04512631252251431</t>
  </si>
  <si>
    <t>16425</t>
  </si>
  <si>
    <t>19.2791690826416</t>
  </si>
  <si>
    <t>1640.269287109375</t>
  </si>
  <si>
    <t>0.044761759417992764</t>
  </si>
  <si>
    <t>16760</t>
  </si>
  <si>
    <t>20.127370834350586</t>
  </si>
  <si>
    <t>1468.61474609375</t>
  </si>
  <si>
    <t>0.020190530683262153</t>
  </si>
  <si>
    <t>17997</t>
  </si>
  <si>
    <t>19.58955955505371</t>
  </si>
  <si>
    <t>1740.925048828125</t>
  </si>
  <si>
    <t>0.07120998228512931</t>
  </si>
  <si>
    <t>17290</t>
  </si>
  <si>
    <t>20.421754837036133</t>
  </si>
  <si>
    <t>1814.4044189453125</t>
  </si>
  <si>
    <t>-0.040076777643866635</t>
  </si>
  <si>
    <t>20.34673500061035</t>
  </si>
  <si>
    <t>2042.4114990234375</t>
  </si>
  <si>
    <t>-0.0010995053334177385</t>
  </si>
  <si>
    <t>16901</t>
  </si>
  <si>
    <t>19.751117706298828</t>
  </si>
  <si>
    <t>1663.2059326171875</t>
  </si>
  <si>
    <t>-0.02165600258569178</t>
  </si>
  <si>
    <t>20.24601173400879</t>
  </si>
  <si>
    <t>1727.3680419921875</t>
  </si>
  <si>
    <t>0.005252143907750195</t>
  </si>
  <si>
    <t>16913</t>
  </si>
  <si>
    <t>20.21687889099121</t>
  </si>
  <si>
    <t>1211.104248046875</t>
  </si>
  <si>
    <t>-0.0045423786919354114</t>
  </si>
  <si>
    <t>20.483667373657227</t>
  </si>
  <si>
    <t>1373.5380859375</t>
  </si>
  <si>
    <t>0.009884177664018168</t>
  </si>
  <si>
    <t>16671</t>
  </si>
  <si>
    <t>20.213865280151367</t>
  </si>
  <si>
    <t>1247.854248046875</t>
  </si>
  <si>
    <t>-0.024296051690029685</t>
  </si>
  <si>
    <t>17413</t>
  </si>
  <si>
    <t>19.990434646606445</t>
  </si>
  <si>
    <t>1074.8175048828125</t>
  </si>
  <si>
    <t>0.04354637073135237</t>
  </si>
  <si>
    <t>17839</t>
  </si>
  <si>
    <t>19.660215377807617</t>
  </si>
  <si>
    <t>1539.112548828125</t>
  </si>
  <si>
    <t>0.024170018071885124</t>
  </si>
  <si>
    <t>343</t>
  </si>
  <si>
    <t>4455</t>
  </si>
  <si>
    <t>25.385892868041992</t>
  </si>
  <si>
    <t>586.7155151367188</t>
  </si>
  <si>
    <t>713.9215087890625</t>
  </si>
  <si>
    <t>Paraíba</t>
  </si>
  <si>
    <t>25.11842918395996</t>
  </si>
  <si>
    <t>669.0313720703125</t>
  </si>
  <si>
    <t>-0.006982796702740046</t>
  </si>
  <si>
    <t>4328</t>
  </si>
  <si>
    <t>25.061800003051758</t>
  </si>
  <si>
    <t>665.35546875</t>
  </si>
  <si>
    <t>-0.021938722675852063</t>
  </si>
  <si>
    <t>25.552902221679688</t>
  </si>
  <si>
    <t>441.3509826660156</t>
  </si>
  <si>
    <t>0.032059128407134097</t>
  </si>
  <si>
    <t>4656</t>
  </si>
  <si>
    <t>25.1561222076416</t>
  </si>
  <si>
    <t>946.0791625976562</t>
  </si>
  <si>
    <t>0.040992040477821234</t>
  </si>
  <si>
    <t>4778</t>
  </si>
  <si>
    <t>25.198816299438477</t>
  </si>
  <si>
    <t>791.6917114257812</t>
  </si>
  <si>
    <t>0.025865338474481803</t>
  </si>
  <si>
    <t>4807</t>
  </si>
  <si>
    <t>25.198453903198242</t>
  </si>
  <si>
    <t>772.7742309570312</t>
  </si>
  <si>
    <t>0.00605114000820528</t>
  </si>
  <si>
    <t>25.282869338989258</t>
  </si>
  <si>
    <t>651.1002197265625</t>
  </si>
  <si>
    <t>0.01814108707064932</t>
  </si>
  <si>
    <t>4838</t>
  </si>
  <si>
    <t>26.002395629882812</t>
  </si>
  <si>
    <t>386.6630554199219</t>
  </si>
  <si>
    <t>-0.011712863794636874</t>
  </si>
  <si>
    <t>4791</t>
  </si>
  <si>
    <t>25.218307495117188</t>
  </si>
  <si>
    <t>563.1294555664062</t>
  </si>
  <si>
    <t>-0.009762254286851402</t>
  </si>
  <si>
    <t>25.030656814575195</t>
  </si>
  <si>
    <t>981.2650756835938</t>
  </si>
  <si>
    <t>0.028802649341004738</t>
  </si>
  <si>
    <t>4936</t>
  </si>
  <si>
    <t>25.267724990844727</t>
  </si>
  <si>
    <t>684.4802856445312</t>
  </si>
  <si>
    <t>0.0010134793610969695</t>
  </si>
  <si>
    <t>5024</t>
  </si>
  <si>
    <t>25.36174201965332</t>
  </si>
  <si>
    <t>730.4745483398438</t>
  </si>
  <si>
    <t>0.017671142562811326</t>
  </si>
  <si>
    <t>5061</t>
  </si>
  <si>
    <t>25.43849754333496</t>
  </si>
  <si>
    <t>840.2996826171875</t>
  </si>
  <si>
    <t>0.007337663066042666</t>
  </si>
  <si>
    <t>25.1512393951416</t>
  </si>
  <si>
    <t>782.7882690429688</t>
  </si>
  <si>
    <t>-0.005746572833800201</t>
  </si>
  <si>
    <t>5201</t>
  </si>
  <si>
    <t>25.466880798339844</t>
  </si>
  <si>
    <t>695.7276000976562</t>
  </si>
  <si>
    <t>0.033033395392795484</t>
  </si>
  <si>
    <t>5759</t>
  </si>
  <si>
    <t>25.387975692749023</t>
  </si>
  <si>
    <t>754.3753051757812</t>
  </si>
  <si>
    <t>0.10191293373359933</t>
  </si>
  <si>
    <t>5766</t>
  </si>
  <si>
    <t>25.169382095336914</t>
  </si>
  <si>
    <t>740.709228515625</t>
  </si>
  <si>
    <t>0.0012147506916750928</t>
  </si>
  <si>
    <t>25.106233596801758</t>
  </si>
  <si>
    <t>932.5052490234375</t>
  </si>
  <si>
    <t>0.06885411749755121</t>
  </si>
  <si>
    <t>6399</t>
  </si>
  <si>
    <t>25.21778106689453</t>
  </si>
  <si>
    <t>1155.906982421875</t>
  </si>
  <si>
    <t>0.035309011443562355</t>
  </si>
  <si>
    <t>6484</t>
  </si>
  <si>
    <t>25.57682991027832</t>
  </si>
  <si>
    <t>692.3218383789062</t>
  </si>
  <si>
    <t>0.013195875716105476</t>
  </si>
  <si>
    <t>6595</t>
  </si>
  <si>
    <t>24.975563049316406</t>
  </si>
  <si>
    <t>953.3202514648438</t>
  </si>
  <si>
    <t>0.016974182295848905</t>
  </si>
  <si>
    <t>25.462759017944336</t>
  </si>
  <si>
    <t>405.4432067871094</t>
  </si>
  <si>
    <t>0.04709191079384922</t>
  </si>
  <si>
    <t>25.46856689453125</t>
  </si>
  <si>
    <t>685.1192016601562</t>
  </si>
  <si>
    <t>0.017067463419747853</t>
  </si>
  <si>
    <t>7388</t>
  </si>
  <si>
    <t>25.225664138793945</t>
  </si>
  <si>
    <t>724.342529296875</t>
  </si>
  <si>
    <t>0.04938590195411763</t>
  </si>
  <si>
    <t>7229</t>
  </si>
  <si>
    <t>25.577621459960938</t>
  </si>
  <si>
    <t>681.4771118164062</t>
  </si>
  <si>
    <t>-0.02175634831883322</t>
  </si>
  <si>
    <t>25.94645118713379</t>
  </si>
  <si>
    <t>486.3599853515625</t>
  </si>
  <si>
    <t>-0.033763229523167126</t>
  </si>
  <si>
    <t>7073</t>
  </si>
  <si>
    <t>25.539567947387695</t>
  </si>
  <si>
    <t>685.1367797851562</t>
  </si>
  <si>
    <t>0.011947233558860404</t>
  </si>
  <si>
    <t>7027</t>
  </si>
  <si>
    <t>25.56797981262207</t>
  </si>
  <si>
    <t>743.0902709960938</t>
  </si>
  <si>
    <t>-0.006524845843792093</t>
  </si>
  <si>
    <t>25.691543579101562</t>
  </si>
  <si>
    <t>734.9686889648438</t>
  </si>
  <si>
    <t>0.00822000093258346</t>
  </si>
  <si>
    <t>6848</t>
  </si>
  <si>
    <t>25.67877197265625</t>
  </si>
  <si>
    <t>761.7948608398438</t>
  </si>
  <si>
    <t>-0.034023234303203864</t>
  </si>
  <si>
    <t>7152</t>
  </si>
  <si>
    <t>25.515775680541992</t>
  </si>
  <si>
    <t>613.5208129882812</t>
  </si>
  <si>
    <t>0.043435399031773514</t>
  </si>
  <si>
    <t>811.8402709960938</t>
  </si>
  <si>
    <t>0.024174117306612786</t>
  </si>
  <si>
    <t>344</t>
  </si>
  <si>
    <t>5013</t>
  </si>
  <si>
    <t>27.143712997436523</t>
  </si>
  <si>
    <t>2473.421630859375</t>
  </si>
  <si>
    <t>2349.427978515625</t>
  </si>
  <si>
    <t>Pará</t>
  </si>
  <si>
    <t>4978</t>
  </si>
  <si>
    <t>27.016450881958008</t>
  </si>
  <si>
    <t>2231.613525390625</t>
  </si>
  <si>
    <t>-0.0070063343359674235</t>
  </si>
  <si>
    <t>4870</t>
  </si>
  <si>
    <t>26.966461181640625</t>
  </si>
  <si>
    <t>2207.956787109375</t>
  </si>
  <si>
    <t>-0.021934266850902162</t>
  </si>
  <si>
    <t>5028</t>
  </si>
  <si>
    <t>27.043731689453125</t>
  </si>
  <si>
    <t>2318.55322265625</t>
  </si>
  <si>
    <t>0.03192835363350355</t>
  </si>
  <si>
    <t>5239</t>
  </si>
  <si>
    <t>26.920263290405273</t>
  </si>
  <si>
    <t>2676.59716796875</t>
  </si>
  <si>
    <t>0.041108349698081526</t>
  </si>
  <si>
    <t>5376</t>
  </si>
  <si>
    <t>27.1003475189209</t>
  </si>
  <si>
    <t>2773.290283203125</t>
  </si>
  <si>
    <t>0.025813962794766</t>
  </si>
  <si>
    <t>5409</t>
  </si>
  <si>
    <t>26.979223251342773</t>
  </si>
  <si>
    <t>2862.76806640625</t>
  </si>
  <si>
    <t>0.006119629668441817</t>
  </si>
  <si>
    <t>5508</t>
  </si>
  <si>
    <t>27.313020706176758</t>
  </si>
  <si>
    <t>2298.4482421875</t>
  </si>
  <si>
    <t>0.018137347977118523</t>
  </si>
  <si>
    <t>5444</t>
  </si>
  <si>
    <t>27.86531639099121</t>
  </si>
  <si>
    <t>2313.7548828125</t>
  </si>
  <si>
    <t>-0.011687496077190218</t>
  </si>
  <si>
    <t>5390</t>
  </si>
  <si>
    <t>27.227819442749023</t>
  </si>
  <si>
    <t>2548.14794921875</t>
  </si>
  <si>
    <t>-0.00996869986831328</t>
  </si>
  <si>
    <t>5549</t>
  </si>
  <si>
    <t>27.02752113342285</t>
  </si>
  <si>
    <t>2840.661376953125</t>
  </si>
  <si>
    <t>0.029072346422859496</t>
  </si>
  <si>
    <t>27.30205726623535</t>
  </si>
  <si>
    <t>2534.87109375</t>
  </si>
  <si>
    <t>0.0009006575408427864</t>
  </si>
  <si>
    <t>5653</t>
  </si>
  <si>
    <t>27.608400344848633</t>
  </si>
  <si>
    <t>2198.951416015625</t>
  </si>
  <si>
    <t>0.017667988808545587</t>
  </si>
  <si>
    <t>5562</t>
  </si>
  <si>
    <t>27.56542205810547</t>
  </si>
  <si>
    <t>2440.89892578125</t>
  </si>
  <si>
    <t>-0.01622862188138008</t>
  </si>
  <si>
    <t>6201</t>
  </si>
  <si>
    <t>27.664901733398438</t>
  </si>
  <si>
    <t>2420.68310546875</t>
  </si>
  <si>
    <t>0.10875281355596833</t>
  </si>
  <si>
    <t>6193</t>
  </si>
  <si>
    <t>27.860319137573242</t>
  </si>
  <si>
    <t>2773.7119140625</t>
  </si>
  <si>
    <t>-0.0012909474118174558</t>
  </si>
  <si>
    <t>6475</t>
  </si>
  <si>
    <t>27.564680099487305</t>
  </si>
  <si>
    <t>2718.818359375</t>
  </si>
  <si>
    <t>0.04452898562967711</t>
  </si>
  <si>
    <t>6671</t>
  </si>
  <si>
    <t>27.640443801879883</t>
  </si>
  <si>
    <t>2714.28173828125</t>
  </si>
  <si>
    <t>0.029821166141777766</t>
  </si>
  <si>
    <t>27.54657554626465</t>
  </si>
  <si>
    <t>2581.6796875</t>
  </si>
  <si>
    <t>0.06288823196248927</t>
  </si>
  <si>
    <t>6436</t>
  </si>
  <si>
    <t>27.565584182739258</t>
  </si>
  <si>
    <t>2833.775634765625</t>
  </si>
  <si>
    <t>-0.09875077655973108</t>
  </si>
  <si>
    <t>7913</t>
  </si>
  <si>
    <t>27.96901512145996</t>
  </si>
  <si>
    <t>2552.176025390625</t>
  </si>
  <si>
    <t>0.20659974749691834</t>
  </si>
  <si>
    <t>8611</t>
  </si>
  <si>
    <t>27.58904457092285</t>
  </si>
  <si>
    <t>2742.28271484375</t>
  </si>
  <si>
    <t>0.08453347908697317</t>
  </si>
  <si>
    <t>8546</t>
  </si>
  <si>
    <t>27.621803283691406</t>
  </si>
  <si>
    <t>2630.68896484375</t>
  </si>
  <si>
    <t>-0.007577118492195112</t>
  </si>
  <si>
    <t>27.65360450744629</t>
  </si>
  <si>
    <t>2815.27587890625</t>
  </si>
  <si>
    <t>0.05475674909418338</t>
  </si>
  <si>
    <t>27.51738739013672</t>
  </si>
  <si>
    <t>2771.883544921875</t>
  </si>
  <si>
    <t>-0.06086005442493736</t>
  </si>
  <si>
    <t>27.845319747924805</t>
  </si>
  <si>
    <t>2390.51953125</t>
  </si>
  <si>
    <t>-0.036568241603028184</t>
  </si>
  <si>
    <t>7895</t>
  </si>
  <si>
    <t>27.89375877380371</t>
  </si>
  <si>
    <t>2748.245361328125</t>
  </si>
  <si>
    <t>-0.03656214258044521</t>
  </si>
  <si>
    <t>8467</t>
  </si>
  <si>
    <t>27.8196964263916</t>
  </si>
  <si>
    <t>2459.3466796875</t>
  </si>
  <si>
    <t>0.0699466069525343</t>
  </si>
  <si>
    <t>8267</t>
  </si>
  <si>
    <t>27.662353515625</t>
  </si>
  <si>
    <t>2864.220703125</t>
  </si>
  <si>
    <t>-0.023904568389601977</t>
  </si>
  <si>
    <t>8683</t>
  </si>
  <si>
    <t>27.811126708984375</t>
  </si>
  <si>
    <t>2733.497314453125</t>
  </si>
  <si>
    <t>0.0490954048079697</t>
  </si>
  <si>
    <t>27.908918380737305</t>
  </si>
  <si>
    <t>2555.797119140625</t>
  </si>
  <si>
    <t>0.11866559744502503</t>
  </si>
  <si>
    <t>10212</t>
  </si>
  <si>
    <t>27.515357971191406</t>
  </si>
  <si>
    <t>2871.38330078125</t>
  </si>
  <si>
    <t>0.04353081085570487</t>
  </si>
  <si>
    <t>10462</t>
  </si>
  <si>
    <t>27.496749877929688</t>
  </si>
  <si>
    <t>2602.0234375</t>
  </si>
  <si>
    <t>0.02418614556918186</t>
  </si>
  <si>
    <t>345</t>
  </si>
  <si>
    <t>5448</t>
  </si>
  <si>
    <t>24.57884979248047</t>
  </si>
  <si>
    <t>719.46484375</t>
  </si>
  <si>
    <t>1699.281982421875</t>
  </si>
  <si>
    <t>Pernambuco</t>
  </si>
  <si>
    <t>5410</t>
  </si>
  <si>
    <t>24.3079891204834</t>
  </si>
  <si>
    <t>886.322265625</t>
  </si>
  <si>
    <t>-0.0069994759888221125</t>
  </si>
  <si>
    <t>24.25767707824707</t>
  </si>
  <si>
    <t>791.834228515625</t>
  </si>
  <si>
    <t>-0.02186389998253979</t>
  </si>
  <si>
    <t>5465</t>
  </si>
  <si>
    <t>24.736173629760742</t>
  </si>
  <si>
    <t>486.9638366699219</t>
  </si>
  <si>
    <t>0.03197892875265218</t>
  </si>
  <si>
    <t>5693</t>
  </si>
  <si>
    <t>24.403718948364258</t>
  </si>
  <si>
    <t>984.6285400390625</t>
  </si>
  <si>
    <t>0.040873228340442935</t>
  </si>
  <si>
    <t>5842</t>
  </si>
  <si>
    <t>24.439268112182617</t>
  </si>
  <si>
    <t>802.3035888671875</t>
  </si>
  <si>
    <t>0.02583585399660393</t>
  </si>
  <si>
    <t>5879</t>
  </si>
  <si>
    <t>24.43001365661621</t>
  </si>
  <si>
    <t>915.735595703125</t>
  </si>
  <si>
    <t>0.006313475454568618</t>
  </si>
  <si>
    <t>24.49051856994629</t>
  </si>
  <si>
    <t>831.3668823242188</t>
  </si>
  <si>
    <t>0.018036730010388524</t>
  </si>
  <si>
    <t>5916</t>
  </si>
  <si>
    <t>25.15971565246582</t>
  </si>
  <si>
    <t>444.6059875488281</t>
  </si>
  <si>
    <t>-0.011762864581953636</t>
  </si>
  <si>
    <t>5858</t>
  </si>
  <si>
    <t>24.42035484313965</t>
  </si>
  <si>
    <t>674.187255859375</t>
  </si>
  <si>
    <t>-0.009852296443011</t>
  </si>
  <si>
    <t>24.263235092163086</t>
  </si>
  <si>
    <t>1144.953857421875</t>
  </si>
  <si>
    <t>0.02893876233355286</t>
  </si>
  <si>
    <t>6035</t>
  </si>
  <si>
    <t>24.486465454101562</t>
  </si>
  <si>
    <t>827.2830810546875</t>
  </si>
  <si>
    <t>0.0008288438103996043</t>
  </si>
  <si>
    <t>24.579248428344727</t>
  </si>
  <si>
    <t>803.5852661132812</t>
  </si>
  <si>
    <t>0.017737367632296497</t>
  </si>
  <si>
    <t>24.639921188354492</t>
  </si>
  <si>
    <t>837.6361694335938</t>
  </si>
  <si>
    <t>-0.06698331088107246</t>
  </si>
  <si>
    <t>24.367820739746094</t>
  </si>
  <si>
    <t>878.7467651367188</t>
  </si>
  <si>
    <t>0.06958451540418764</t>
  </si>
  <si>
    <t>6361</t>
  </si>
  <si>
    <t>24.671152114868164</t>
  </si>
  <si>
    <t>882.7576904296875</t>
  </si>
  <si>
    <t>0.03227117099176091</t>
  </si>
  <si>
    <t>24.602142333984375</t>
  </si>
  <si>
    <t>834.4759521484375</t>
  </si>
  <si>
    <t>0.02683371548221203</t>
  </si>
  <si>
    <t>6737</t>
  </si>
  <si>
    <t>24.376922607421875</t>
  </si>
  <si>
    <t>879.8287963867188</t>
  </si>
  <si>
    <t>0.03059540879964473</t>
  </si>
  <si>
    <t>6921</t>
  </si>
  <si>
    <t>24.34760093688965</t>
  </si>
  <si>
    <t>1042.99365234375</t>
  </si>
  <si>
    <t>0.026945545881202904</t>
  </si>
  <si>
    <t>24.502817153930664</t>
  </si>
  <si>
    <t>1184.2103271484375</t>
  </si>
  <si>
    <t>0.04215617129729665</t>
  </si>
  <si>
    <t>8023</t>
  </si>
  <si>
    <t>24.764768600463867</t>
  </si>
  <si>
    <t>897.5625</t>
  </si>
  <si>
    <t>0.10559597761449524</t>
  </si>
  <si>
    <t>24.18321418762207</t>
  </si>
  <si>
    <t>1065.7630615234375</t>
  </si>
  <si>
    <t>0.03851096268708609</t>
  </si>
  <si>
    <t>8895</t>
  </si>
  <si>
    <t>24.644615173339844</t>
  </si>
  <si>
    <t>486.32818603515625</t>
  </si>
  <si>
    <t>0.06466594165919481</t>
  </si>
  <si>
    <t>24.672264099121094</t>
  </si>
  <si>
    <t>750.0421142578125</t>
  </si>
  <si>
    <t>0.02245536772212553</t>
  </si>
  <si>
    <t>9204</t>
  </si>
  <si>
    <t>24.43143653869629</t>
  </si>
  <si>
    <t>829.0118408203125</t>
  </si>
  <si>
    <t>0.011693483333194976</t>
  </si>
  <si>
    <t>8590</t>
  </si>
  <si>
    <t>24.807146072387695</t>
  </si>
  <si>
    <t>750.7152099609375</t>
  </si>
  <si>
    <t>-0.06903943617695596</t>
  </si>
  <si>
    <t>8410</t>
  </si>
  <si>
    <t>25.123016357421875</t>
  </si>
  <si>
    <t>484.9048767089844</t>
  </si>
  <si>
    <t>-0.021177262011306652</t>
  </si>
  <si>
    <t>24.714048385620117</t>
  </si>
  <si>
    <t>782.311279296875</t>
  </si>
  <si>
    <t>0.03940362882966397</t>
  </si>
  <si>
    <t>8560</t>
  </si>
  <si>
    <t>24.778841018676758</t>
  </si>
  <si>
    <t>670.7055053710938</t>
  </si>
  <si>
    <t>-0.021724912660870288</t>
  </si>
  <si>
    <t>8669</t>
  </si>
  <si>
    <t>24.944091796875</t>
  </si>
  <si>
    <t>723.822265625</t>
  </si>
  <si>
    <t>0.012653253732851866</t>
  </si>
  <si>
    <t>24.87706756591797</t>
  </si>
  <si>
    <t>795.7622680664062</t>
  </si>
  <si>
    <t>-0.09175209234922299</t>
  </si>
  <si>
    <t>8261</t>
  </si>
  <si>
    <t>24.62677574157715</t>
  </si>
  <si>
    <t>722.6303100585938</t>
  </si>
  <si>
    <t>24.542831420898438</t>
  </si>
  <si>
    <t>933.4728393554688</t>
  </si>
  <si>
    <t>0.02415807510760004</t>
  </si>
  <si>
    <t>346</t>
  </si>
  <si>
    <t>27.495729446411133</t>
  </si>
  <si>
    <t>890.9486694335938</t>
  </si>
  <si>
    <t>1087.013671875</t>
  </si>
  <si>
    <t>Piauí</t>
  </si>
  <si>
    <t>2981</t>
  </si>
  <si>
    <t>27.266386032104492</t>
  </si>
  <si>
    <t>1010.8075561523438</t>
  </si>
  <si>
    <t>-0.007019918515336343</t>
  </si>
  <si>
    <t>27.240049362182617</t>
  </si>
  <si>
    <t>688.13720703125</t>
  </si>
  <si>
    <t>-0.02204600054952266</t>
  </si>
  <si>
    <t>3011</t>
  </si>
  <si>
    <t>27.515045166015625</t>
  </si>
  <si>
    <t>885.8657836914062</t>
  </si>
  <si>
    <t>0.032059435353184895</t>
  </si>
  <si>
    <t>27.068344116210938</t>
  </si>
  <si>
    <t>1191.550048828125</t>
  </si>
  <si>
    <t>0.04099467970894466</t>
  </si>
  <si>
    <t>3219</t>
  </si>
  <si>
    <t>27.203277587890625</t>
  </si>
  <si>
    <t>1246.9119873046875</t>
  </si>
  <si>
    <t>0.02580382310812901</t>
  </si>
  <si>
    <t>3239</t>
  </si>
  <si>
    <t>27.224138259887695</t>
  </si>
  <si>
    <t>1362.10791015625</t>
  </si>
  <si>
    <t>0.006193887872521842</t>
  </si>
  <si>
    <t>27.3967342376709</t>
  </si>
  <si>
    <t>1061.821044921875</t>
  </si>
  <si>
    <t>0.018051583948214045</t>
  </si>
  <si>
    <t>28.103723526000977</t>
  </si>
  <si>
    <t>823.8848876953125</t>
  </si>
  <si>
    <t>-0.011589028758789865</t>
  </si>
  <si>
    <t>27.385526657104492</t>
  </si>
  <si>
    <t>1357.7508544921875</t>
  </si>
  <si>
    <t>-0.009864444970913766</t>
  </si>
  <si>
    <t>3323</t>
  </si>
  <si>
    <t>27.18879508972168</t>
  </si>
  <si>
    <t>1213.35986328125</t>
  </si>
  <si>
    <t>0.029005238964755264</t>
  </si>
  <si>
    <t>27.443328857421875</t>
  </si>
  <si>
    <t>1166.9520263671875</t>
  </si>
  <si>
    <t>0.0009023913982773024</t>
  </si>
  <si>
    <t>3385</t>
  </si>
  <si>
    <t>27.59101104736328</t>
  </si>
  <si>
    <t>827.8350219726562</t>
  </si>
  <si>
    <t>0.01758352559350307</t>
  </si>
  <si>
    <t>3477</t>
  </si>
  <si>
    <t>27.630544662475586</t>
  </si>
  <si>
    <t>1310.6646728515625</t>
  </si>
  <si>
    <t>0.026815946661486123</t>
  </si>
  <si>
    <t>27.56755256652832</t>
  </si>
  <si>
    <t>1126.0693359375</t>
  </si>
  <si>
    <t>0.03587448672036686</t>
  </si>
  <si>
    <t>27.79933738708496</t>
  </si>
  <si>
    <t>965.4683227539062</t>
  </si>
  <si>
    <t>0.05164007110150237</t>
  </si>
  <si>
    <t>4406</t>
  </si>
  <si>
    <t>27.60972023010254</t>
  </si>
  <si>
    <t>1147.4990234375</t>
  </si>
  <si>
    <t>0.14928283753255833</t>
  </si>
  <si>
    <t>4158</t>
  </si>
  <si>
    <t>27.623117446899414</t>
  </si>
  <si>
    <t>1118.2093505859375</t>
  </si>
  <si>
    <t>-0.05793305894433054</t>
  </si>
  <si>
    <t>27.436861038208008</t>
  </si>
  <si>
    <t>1371.4588623046875</t>
  </si>
  <si>
    <t>0.07056290657451925</t>
  </si>
  <si>
    <t>4841</t>
  </si>
  <si>
    <t>27.378982543945312</t>
  </si>
  <si>
    <t>1586.2730712890625</t>
  </si>
  <si>
    <t>0.08152421494721729</t>
  </si>
  <si>
    <t>5182</t>
  </si>
  <si>
    <t>27.91583824157715</t>
  </si>
  <si>
    <t>1131.2940673828125</t>
  </si>
  <si>
    <t>0.06806977118236013</t>
  </si>
  <si>
    <t>5556</t>
  </si>
  <si>
    <t>27.33112144470215</t>
  </si>
  <si>
    <t>1299.8701171875</t>
  </si>
  <si>
    <t>0.0696873427521787</t>
  </si>
  <si>
    <t>27.69370460510254</t>
  </si>
  <si>
    <t>701.6784057617188</t>
  </si>
  <si>
    <t>0.012164729616266357</t>
  </si>
  <si>
    <t>5831</t>
  </si>
  <si>
    <t>27.717763900756836</t>
  </si>
  <si>
    <t>923.2144165039062</t>
  </si>
  <si>
    <t>0.03614535773165528</t>
  </si>
  <si>
    <t>27.447973251342773</t>
  </si>
  <si>
    <t>970.2716064453125</t>
  </si>
  <si>
    <t>0.10845980667219379</t>
  </si>
  <si>
    <t>6250</t>
  </si>
  <si>
    <t>27.88471794128418</t>
  </si>
  <si>
    <t>939.0462036132812</t>
  </si>
  <si>
    <t>-0.0390668551639024</t>
  </si>
  <si>
    <t>6097</t>
  </si>
  <si>
    <t>28.193819046020508</t>
  </si>
  <si>
    <t>735.6989135742188</t>
  </si>
  <si>
    <t>-0.024784616822630667</t>
  </si>
  <si>
    <t>28.024995803833008</t>
  </si>
  <si>
    <t>969.8401489257812</t>
  </si>
  <si>
    <t>0.05317769132384953</t>
  </si>
  <si>
    <t>6732</t>
  </si>
  <si>
    <t>27.955245971679688</t>
  </si>
  <si>
    <t>1155.76513671875</t>
  </si>
  <si>
    <t>0.04589773807903086</t>
  </si>
  <si>
    <t>27.985963821411133</t>
  </si>
  <si>
    <t>1184.36572265625</t>
  </si>
  <si>
    <t>0.003114574264145631</t>
  </si>
  <si>
    <t>6762</t>
  </si>
  <si>
    <t>28.053464889526367</t>
  </si>
  <si>
    <t>1221.793701171875</t>
  </si>
  <si>
    <t>0.001331853692988716</t>
  </si>
  <si>
    <t>7063</t>
  </si>
  <si>
    <t>27.78759765625</t>
  </si>
  <si>
    <t>1294.61083984375</t>
  </si>
  <si>
    <t>0.04355118614109088</t>
  </si>
  <si>
    <t>27.852195739746094</t>
  </si>
  <si>
    <t>1193.7003173828125</t>
  </si>
  <si>
    <t>0.024198677106264554</t>
  </si>
  <si>
    <t>347</t>
  </si>
  <si>
    <t>5809</t>
  </si>
  <si>
    <t>26.649492263793945</t>
  </si>
  <si>
    <t>647.270263671875</t>
  </si>
  <si>
    <t>1151.553466796875</t>
  </si>
  <si>
    <t>Rio Grande do Norte</t>
  </si>
  <si>
    <t>26.38178062438965</t>
  </si>
  <si>
    <t>778.8509521484375</t>
  </si>
  <si>
    <t>-0.0069096837356443785</t>
  </si>
  <si>
    <t>26.32108497619629</t>
  </si>
  <si>
    <t>699.8797607421875</t>
  </si>
  <si>
    <t>-0.021905721284184665</t>
  </si>
  <si>
    <t>5827</t>
  </si>
  <si>
    <t>26.830228805541992</t>
  </si>
  <si>
    <t>464.0059814453125</t>
  </si>
  <si>
    <t>0.031909254170370716</t>
  </si>
  <si>
    <t>6071</t>
  </si>
  <si>
    <t>26.395263671875</t>
  </si>
  <si>
    <t>1227.112548828125</t>
  </si>
  <si>
    <t>0.04102104798735873</t>
  </si>
  <si>
    <t>6230</t>
  </si>
  <si>
    <t>26.42210578918457</t>
  </si>
  <si>
    <t>984.7799072265625</t>
  </si>
  <si>
    <t>0.02585299665106433</t>
  </si>
  <si>
    <t>26.461957931518555</t>
  </si>
  <si>
    <t>869.3707275390625</t>
  </si>
  <si>
    <t>0.006080991694412674</t>
  </si>
  <si>
    <t>6383</t>
  </si>
  <si>
    <t>26.546096801757812</t>
  </si>
  <si>
    <t>727.1138305664062</t>
  </si>
  <si>
    <t>0.018180881780146763</t>
  </si>
  <si>
    <t>27.218521118164062</t>
  </si>
  <si>
    <t>495.88421630859375</t>
  </si>
  <si>
    <t>-0.011661020885247453</t>
  </si>
  <si>
    <t>26.462541580200195</t>
  </si>
  <si>
    <t>631.6607055664062</t>
  </si>
  <si>
    <t>-0.009875836877240474</t>
  </si>
  <si>
    <t>26.29466438293457</t>
  </si>
  <si>
    <t>1213.6412353515625</t>
  </si>
  <si>
    <t>0.028873189738096272</t>
  </si>
  <si>
    <t>26.524568557739258</t>
  </si>
  <si>
    <t>752.0838623046875</t>
  </si>
  <si>
    <t>0.0009326908806084333</t>
  </si>
  <si>
    <t>6551</t>
  </si>
  <si>
    <t>26.567102432250977</t>
  </si>
  <si>
    <t>967.764892578125</t>
  </si>
  <si>
    <t>0.01771048061960201</t>
  </si>
  <si>
    <t>986.5624389648438</t>
  </si>
  <si>
    <t>-0.05216939811317722</t>
  </si>
  <si>
    <t>6638</t>
  </si>
  <si>
    <t>26.40965461730957</t>
  </si>
  <si>
    <t>1011.3754272460938</t>
  </si>
  <si>
    <t>0.0653624016612202</t>
  </si>
  <si>
    <t>7083</t>
  </si>
  <si>
    <t>26.741838455200195</t>
  </si>
  <si>
    <t>862.3702392578125</t>
  </si>
  <si>
    <t>0.06488683347370383</t>
  </si>
  <si>
    <t>7530</t>
  </si>
  <si>
    <t>26.701597213745117</t>
  </si>
  <si>
    <t>976.3598022460938</t>
  </si>
  <si>
    <t>0.06119749504031624</t>
  </si>
  <si>
    <t>7981</t>
  </si>
  <si>
    <t>26.44042205810547</t>
  </si>
  <si>
    <t>888.4641723632812</t>
  </si>
  <si>
    <t>0.05816867508206869</t>
  </si>
  <si>
    <t>26.361495971679688</t>
  </si>
  <si>
    <t>1135.4637451171875</t>
  </si>
  <si>
    <t>-0.0006266842343336521</t>
  </si>
  <si>
    <t>7762</t>
  </si>
  <si>
    <t>26.467247009277344</t>
  </si>
  <si>
    <t>1470.9884033203125</t>
  </si>
  <si>
    <t>-0.027196999712822745</t>
  </si>
  <si>
    <t>8297</t>
  </si>
  <si>
    <t>26.8531551361084</t>
  </si>
  <si>
    <t>726.39990234375</t>
  </si>
  <si>
    <t>0.06665397073543389</t>
  </si>
  <si>
    <t>8596</t>
  </si>
  <si>
    <t>26.25617218017578</t>
  </si>
  <si>
    <t>1163.246826171875</t>
  </si>
  <si>
    <t>0.03540297509811552</t>
  </si>
  <si>
    <t>8924</t>
  </si>
  <si>
    <t>26.7165584564209</t>
  </si>
  <si>
    <t>525.2100830078125</t>
  </si>
  <si>
    <t>0.037447297790022205</t>
  </si>
  <si>
    <t>9063</t>
  </si>
  <si>
    <t>26.760047912597656</t>
  </si>
  <si>
    <t>896.04638671875</t>
  </si>
  <si>
    <t>0.015455914502357615</t>
  </si>
  <si>
    <t>8724</t>
  </si>
  <si>
    <t>26.496795654296875</t>
  </si>
  <si>
    <t>858.5308227539062</t>
  </si>
  <si>
    <t>-0.03812234273326176</t>
  </si>
  <si>
    <t>26.826505661010742</t>
  </si>
  <si>
    <t>832.123291015625</t>
  </si>
  <si>
    <t>-0.025188494345634638</t>
  </si>
  <si>
    <t>8122</t>
  </si>
  <si>
    <t>27.210073471069336</t>
  </si>
  <si>
    <t>569.20361328125</t>
  </si>
  <si>
    <t>-0.04631292472964077</t>
  </si>
  <si>
    <t>8368</t>
  </si>
  <si>
    <t>26.845163345336914</t>
  </si>
  <si>
    <t>772.1695556640625</t>
  </si>
  <si>
    <t>0.029838478058460183</t>
  </si>
  <si>
    <t>8397</t>
  </si>
  <si>
    <t>26.8265438079834</t>
  </si>
  <si>
    <t>894.9653930664062</t>
  </si>
  <si>
    <t>0.0034595918788600244</t>
  </si>
  <si>
    <t>8519</t>
  </si>
  <si>
    <t>26.941864013671875</t>
  </si>
  <si>
    <t>870.4625244140625</t>
  </si>
  <si>
    <t>0.014424463859276315</t>
  </si>
  <si>
    <t>26.943113327026367</t>
  </si>
  <si>
    <t>925.8516235351562</t>
  </si>
  <si>
    <t>-0.06673994864509147</t>
  </si>
  <si>
    <t>26.802513122558594</t>
  </si>
  <si>
    <t>657.2027587890625</t>
  </si>
  <si>
    <t>0.0435838941157769</t>
  </si>
  <si>
    <t>8528</t>
  </si>
  <si>
    <t>26.69508934020996</t>
  </si>
  <si>
    <t>1061.3739013671875</t>
  </si>
  <si>
    <t>0.02421195889209926</t>
  </si>
  <si>
    <t>348</t>
  </si>
  <si>
    <t>11601</t>
  </si>
  <si>
    <t>18.946229934692383</t>
  </si>
  <si>
    <t>1831.33154296875</t>
  </si>
  <si>
    <t>4301.03466796875</t>
  </si>
  <si>
    <t>Rio Grande do Sul</t>
  </si>
  <si>
    <t>11521</t>
  </si>
  <si>
    <t>19.741262435913086</t>
  </si>
  <si>
    <t>1348.71337890625</t>
  </si>
  <si>
    <t>-0.006919844237351924</t>
  </si>
  <si>
    <t>11270</t>
  </si>
  <si>
    <t>19.14480972290039</t>
  </si>
  <si>
    <t>1882.704833984375</t>
  </si>
  <si>
    <t>-0.02202712900423265</t>
  </si>
  <si>
    <t>11636</t>
  </si>
  <si>
    <t>19.079463958740234</t>
  </si>
  <si>
    <t>1576.485107421875</t>
  </si>
  <si>
    <t>0.031959412581270996</t>
  </si>
  <si>
    <t>12124</t>
  </si>
  <si>
    <t>19.66348648071289</t>
  </si>
  <si>
    <t>1950.091552734375</t>
  </si>
  <si>
    <t>0.04108321856260133</t>
  </si>
  <si>
    <t>12441</t>
  </si>
  <si>
    <t>19.40531349182129</t>
  </si>
  <si>
    <t>1632.3360595703125</t>
  </si>
  <si>
    <t>0.025810510736796743</t>
  </si>
  <si>
    <t>12518</t>
  </si>
  <si>
    <t>19.12923240661621</t>
  </si>
  <si>
    <t>1408.8179931640625</t>
  </si>
  <si>
    <t>0.006170138570155359</t>
  </si>
  <si>
    <t>12746</t>
  </si>
  <si>
    <t>19.509489059448242</t>
  </si>
  <si>
    <t>1942.6793212890625</t>
  </si>
  <si>
    <t>0.01804988838959254</t>
  </si>
  <si>
    <t>12598</t>
  </si>
  <si>
    <t>19.078617095947266</t>
  </si>
  <si>
    <t>1869.0321044921875</t>
  </si>
  <si>
    <t>-0.01167942569236402</t>
  </si>
  <si>
    <t>19.00850486755371</t>
  </si>
  <si>
    <t>1447.697998046875</t>
  </si>
  <si>
    <t>-0.009811429562155638</t>
  </si>
  <si>
    <t>12841</t>
  </si>
  <si>
    <t>18.99299430847168</t>
  </si>
  <si>
    <t>1870.679443359375</t>
  </si>
  <si>
    <t>0.028916535211555683</t>
  </si>
  <si>
    <t>12852</t>
  </si>
  <si>
    <t>20.09783363342285</t>
  </si>
  <si>
    <t>1580.9091796875</t>
  </si>
  <si>
    <t>0.0008562644044740608</t>
  </si>
  <si>
    <t>13081</t>
  </si>
  <si>
    <t>19.856613159179688</t>
  </si>
  <si>
    <t>2255.42431640625</t>
  </si>
  <si>
    <t>0.017661354452478406</t>
  </si>
  <si>
    <t>13714</t>
  </si>
  <si>
    <t>19.354921340942383</t>
  </si>
  <si>
    <t>1721.5902099609375</t>
  </si>
  <si>
    <t>0.047256413156082644</t>
  </si>
  <si>
    <t>13939</t>
  </si>
  <si>
    <t>19.411766052246094</t>
  </si>
  <si>
    <t>1285.572265625</t>
  </si>
  <si>
    <t>0.016273457885576548</t>
  </si>
  <si>
    <t>13395</t>
  </si>
  <si>
    <t>19.74735450744629</t>
  </si>
  <si>
    <t>1708.1578369140625</t>
  </si>
  <si>
    <t>-0.039809163751177934</t>
  </si>
  <si>
    <t>19.70463752746582</t>
  </si>
  <si>
    <t>1392.4683837890625</t>
  </si>
  <si>
    <t>0.006473959434675436</t>
  </si>
  <si>
    <t>14581</t>
  </si>
  <si>
    <t>19.32750129699707</t>
  </si>
  <si>
    <t>1761.0146484375</t>
  </si>
  <si>
    <t>0.07836384890290127</t>
  </si>
  <si>
    <t>15094</t>
  </si>
  <si>
    <t>19.160825729370117</t>
  </si>
  <si>
    <t>1607.1173095703125</t>
  </si>
  <si>
    <t>0.03457800252852827</t>
  </si>
  <si>
    <t>15278</t>
  </si>
  <si>
    <t>19.445899963378906</t>
  </si>
  <si>
    <t>1873.137939453125</t>
  </si>
  <si>
    <t>0.012116571256491682</t>
  </si>
  <si>
    <t>16422</t>
  </si>
  <si>
    <t>19.460763931274414</t>
  </si>
  <si>
    <t>1539.3218994140625</t>
  </si>
  <si>
    <t>0.07220801416742972</t>
  </si>
  <si>
    <t>16585</t>
  </si>
  <si>
    <t>19.106674194335938</t>
  </si>
  <si>
    <t>1659.8070068359375</t>
  </si>
  <si>
    <t>0.009876773112418746</t>
  </si>
  <si>
    <t>16577</t>
  </si>
  <si>
    <t>20.045072555541992</t>
  </si>
  <si>
    <t>1462.96630859375</t>
  </si>
  <si>
    <t>-0.00048247995628791784</t>
  </si>
  <si>
    <t>17665</t>
  </si>
  <si>
    <t>19.27168846130371</t>
  </si>
  <si>
    <t>1737.3594970703125</t>
  </si>
  <si>
    <t>0.06356908836838038</t>
  </si>
  <si>
    <t>17573</t>
  </si>
  <si>
    <t>20.074060440063477</t>
  </si>
  <si>
    <t>2092.39111328125</t>
  </si>
  <si>
    <t>-0.005221647598400381</t>
  </si>
  <si>
    <t>17370</t>
  </si>
  <si>
    <t>20.1176700592041</t>
  </si>
  <si>
    <t>2035.825439453125</t>
  </si>
  <si>
    <t>-0.011619052959694898</t>
  </si>
  <si>
    <t>17128</t>
  </si>
  <si>
    <t>19.33942413330078</t>
  </si>
  <si>
    <t>1635.166748046875</t>
  </si>
  <si>
    <t>-0.014030028965631658</t>
  </si>
  <si>
    <t>17059</t>
  </si>
  <si>
    <t>20.375368118286133</t>
  </si>
  <si>
    <t>1778.7529296875</t>
  </si>
  <si>
    <t>-0.004036627588998698</t>
  </si>
  <si>
    <t>17607</t>
  </si>
  <si>
    <t>19.949419021606445</t>
  </si>
  <si>
    <t>1620.48583984375</t>
  </si>
  <si>
    <t>0.0316186265459244</t>
  </si>
  <si>
    <t>17758</t>
  </si>
  <si>
    <t>20.19240379333496</t>
  </si>
  <si>
    <t>1646.8275146484375</t>
  </si>
  <si>
    <t>0.008539568365828032</t>
  </si>
  <si>
    <t>16223</t>
  </si>
  <si>
    <t>19.938230514526367</t>
  </si>
  <si>
    <t>1390.7432861328125</t>
  </si>
  <si>
    <t>-0.09040613018187393</t>
  </si>
  <si>
    <t>16945</t>
  </si>
  <si>
    <t>19.81565284729004</t>
  </si>
  <si>
    <t>1239.8369140625</t>
  </si>
  <si>
    <t>0.04354281663075277</t>
  </si>
  <si>
    <t>17359</t>
  </si>
  <si>
    <t>19.431215286254883</t>
  </si>
  <si>
    <t>1267.760986328125</t>
  </si>
  <si>
    <t>0.024138298827397264</t>
  </si>
  <si>
    <t>349</t>
  </si>
  <si>
    <t>15291</t>
  </si>
  <si>
    <t>22.769380569458008</t>
  </si>
  <si>
    <t>1358.534912109375</t>
  </si>
  <si>
    <t>5486.3681640625</t>
  </si>
  <si>
    <t>Rio de Janeiro</t>
  </si>
  <si>
    <t>15185</t>
  </si>
  <si>
    <t>22.755605697631836</t>
  </si>
  <si>
    <t>1772.1885986328125</t>
  </si>
  <si>
    <t>-0.006956321528301501</t>
  </si>
  <si>
    <t>14855</t>
  </si>
  <si>
    <t>22.852487564086914</t>
  </si>
  <si>
    <t>1402.365234375</t>
  </si>
  <si>
    <t>-0.021971589583142048</t>
  </si>
  <si>
    <t>15337</t>
  </si>
  <si>
    <t>22.95524024963379</t>
  </si>
  <si>
    <t>1486.411865234375</t>
  </si>
  <si>
    <t>0.03193170075407181</t>
  </si>
  <si>
    <t>15980</t>
  </si>
  <si>
    <t>23.115386962890625</t>
  </si>
  <si>
    <t>1513.8603515625</t>
  </si>
  <si>
    <t>0.04106973066948605</t>
  </si>
  <si>
    <t>16397</t>
  </si>
  <si>
    <t>23.16937828063965</t>
  </si>
  <si>
    <t>1642.6431884765625</t>
  </si>
  <si>
    <t>0.025760450929602996</t>
  </si>
  <si>
    <t>16499</t>
  </si>
  <si>
    <t>22.615934371948242</t>
  </si>
  <si>
    <t>2064.830322265625</t>
  </si>
  <si>
    <t>0.006201381741576029</t>
  </si>
  <si>
    <t>16799</t>
  </si>
  <si>
    <t>23.14373779296875</t>
  </si>
  <si>
    <t>1389.1378173828125</t>
  </si>
  <si>
    <t>0.018019587818770333</t>
  </si>
  <si>
    <t>16605</t>
  </si>
  <si>
    <t>23.226194381713867</t>
  </si>
  <si>
    <t>1772.539306640625</t>
  </si>
  <si>
    <t>-0.01161550599936767</t>
  </si>
  <si>
    <t>16442</t>
  </si>
  <si>
    <t>22.469018936157227</t>
  </si>
  <si>
    <t>1367.5595703125</t>
  </si>
  <si>
    <t>-0.009864818098767714</t>
  </si>
  <si>
    <t>16925</t>
  </si>
  <si>
    <t>22.78087615966797</t>
  </si>
  <si>
    <t>1402.292236328125</t>
  </si>
  <si>
    <t>0.028952782068396132</t>
  </si>
  <si>
    <t>16939</t>
  </si>
  <si>
    <t>23.21863555908203</t>
  </si>
  <si>
    <t>1468.2745361328125</t>
  </si>
  <si>
    <t>0.0008268368059063391</t>
  </si>
  <si>
    <t>17242</t>
  </si>
  <si>
    <t>23.790876388549805</t>
  </si>
  <si>
    <t>1727.9569091796875</t>
  </si>
  <si>
    <t>0.017729612183488896</t>
  </si>
  <si>
    <t>16453</t>
  </si>
  <si>
    <t>23.17937660217285</t>
  </si>
  <si>
    <t>1559.3262939453125</t>
  </si>
  <si>
    <t>-0.04684043638322066</t>
  </si>
  <si>
    <t>18080</t>
  </si>
  <si>
    <t>22.72513771057129</t>
  </si>
  <si>
    <t>1813.8834228515625</t>
  </si>
  <si>
    <t>0.09429852355951773</t>
  </si>
  <si>
    <t>18686</t>
  </si>
  <si>
    <t>23.292509078979492</t>
  </si>
  <si>
    <t>1793.89306640625</t>
  </si>
  <si>
    <t>0.03296822540673361</t>
  </si>
  <si>
    <t>19286</t>
  </si>
  <si>
    <t>22.97237205505371</t>
  </si>
  <si>
    <t>1698.855224609375</t>
  </si>
  <si>
    <t>0.03160486371742799</t>
  </si>
  <si>
    <t>19212</t>
  </si>
  <si>
    <t>23.29085350036621</t>
  </si>
  <si>
    <t>1404.8438720703125</t>
  </si>
  <si>
    <t>-0.003844360285613746</t>
  </si>
  <si>
    <t>20462</t>
  </si>
  <si>
    <t>22.772939682006836</t>
  </si>
  <si>
    <t>1929.350830078125</t>
  </si>
  <si>
    <t>0.06303442365416956</t>
  </si>
  <si>
    <t>19505</t>
  </si>
  <si>
    <t>23.55925941467285</t>
  </si>
  <si>
    <t>2044.8740234375</t>
  </si>
  <si>
    <t>-0.04789866449812763</t>
  </si>
  <si>
    <t>20501</t>
  </si>
  <si>
    <t>23.274988174438477</t>
  </si>
  <si>
    <t>1926.1419677734375</t>
  </si>
  <si>
    <t>22.75848388671875</t>
  </si>
  <si>
    <t>1613.8057861328125</t>
  </si>
  <si>
    <t>0.04478467076016379</t>
  </si>
  <si>
    <t>21984</t>
  </si>
  <si>
    <t>23.394895553588867</t>
  </si>
  <si>
    <t>1556.1259765625</t>
  </si>
  <si>
    <t>0.025056579837336557</t>
  </si>
  <si>
    <t>22777</t>
  </si>
  <si>
    <t>23.16338348388672</t>
  </si>
  <si>
    <t>1687.4423828125</t>
  </si>
  <si>
    <t>0.03543633883778696</t>
  </si>
  <si>
    <t>22439</t>
  </si>
  <si>
    <t>23.73920440673828</t>
  </si>
  <si>
    <t>1100.6375732421875</t>
  </si>
  <si>
    <t>-0.014950738496059657</t>
  </si>
  <si>
    <t>20370</t>
  </si>
  <si>
    <t>23.761667251586914</t>
  </si>
  <si>
    <t>1687.143798828125</t>
  </si>
  <si>
    <t>-0.0967372861429503</t>
  </si>
  <si>
    <t>18205</t>
  </si>
  <si>
    <t>23.596357345581055</t>
  </si>
  <si>
    <t>1454.9881591796875</t>
  </si>
  <si>
    <t>-0.11236694861131902</t>
  </si>
  <si>
    <t>23.36614418029785</t>
  </si>
  <si>
    <t>1329.2042236328125</t>
  </si>
  <si>
    <t>0.006897334109831732</t>
  </si>
  <si>
    <t>23.520200729370117</t>
  </si>
  <si>
    <t>1518.8231201171875</t>
  </si>
  <si>
    <t>0.05104505016852379</t>
  </si>
  <si>
    <t>18918</t>
  </si>
  <si>
    <t>23.810964584350586</t>
  </si>
  <si>
    <t>1886.9169921875</t>
  </si>
  <si>
    <t>-0.019524816114772747</t>
  </si>
  <si>
    <t>23.490509033203125</t>
  </si>
  <si>
    <t>1584.970703125</t>
  </si>
  <si>
    <t>-0.1021471151350557</t>
  </si>
  <si>
    <t>17841</t>
  </si>
  <si>
    <t>23.028860092163086</t>
  </si>
  <si>
    <t>1373.7838134765625</t>
  </si>
  <si>
    <t>0.04353244473664297</t>
  </si>
  <si>
    <t>18277</t>
  </si>
  <si>
    <t>22.994264602661133</t>
  </si>
  <si>
    <t>1468.6796875</t>
  </si>
  <si>
    <t>0.02414425937973874</t>
  </si>
  <si>
    <t>350</t>
  </si>
  <si>
    <t>6372</t>
  </si>
  <si>
    <t>25.95587921142578</t>
  </si>
  <si>
    <t>1919.70654296875</t>
  </si>
  <si>
    <t>458.6064453125</t>
  </si>
  <si>
    <t>Rondônia</t>
  </si>
  <si>
    <t>26.054059982299805</t>
  </si>
  <si>
    <t>1741.98974609375</t>
  </si>
  <si>
    <t>-0.007087201883054561</t>
  </si>
  <si>
    <t>6190</t>
  </si>
  <si>
    <t>26.035911560058594</t>
  </si>
  <si>
    <t>2020.78662109375</t>
  </si>
  <si>
    <t>-0.02189110346824208</t>
  </si>
  <si>
    <t>6391</t>
  </si>
  <si>
    <t>25.924619674682617</t>
  </si>
  <si>
    <t>2265.786376953125</t>
  </si>
  <si>
    <t>0.03195566397164029</t>
  </si>
  <si>
    <t>6659</t>
  </si>
  <si>
    <t>26.263168334960938</t>
  </si>
  <si>
    <t>2108.80322265625</t>
  </si>
  <si>
    <t>0.0410785724603393</t>
  </si>
  <si>
    <t>6833</t>
  </si>
  <si>
    <t>26.215486526489258</t>
  </si>
  <si>
    <t>1866.2567138671875</t>
  </si>
  <si>
    <t>0.025794492670156544</t>
  </si>
  <si>
    <t>25.82646942138672</t>
  </si>
  <si>
    <t>2019.8426513671875</t>
  </si>
  <si>
    <t>0.0061278277539944526</t>
  </si>
  <si>
    <t>26.394136428833008</t>
  </si>
  <si>
    <t>1819.3621826171875</t>
  </si>
  <si>
    <t>0.018018505502677584</t>
  </si>
  <si>
    <t>6919</t>
  </si>
  <si>
    <t>26.394033432006836</t>
  </si>
  <si>
    <t>1872.2672119140625</t>
  </si>
  <si>
    <t>-0.011638898538638642</t>
  </si>
  <si>
    <t>25.970016479492188</t>
  </si>
  <si>
    <t>2101.2431640625</t>
  </si>
  <si>
    <t>-0.009876623495912895</t>
  </si>
  <si>
    <t>7053</t>
  </si>
  <si>
    <t>26.051742553710938</t>
  </si>
  <si>
    <t>2013.8983154296875</t>
  </si>
  <si>
    <t>0.0290584312052804</t>
  </si>
  <si>
    <t>7059</t>
  </si>
  <si>
    <t>26.21142578125</t>
  </si>
  <si>
    <t>2078.890625</t>
  </si>
  <si>
    <t>0.0008503401872932415</t>
  </si>
  <si>
    <t>26.46198272705078</t>
  </si>
  <si>
    <t>2062.089599609375</t>
  </si>
  <si>
    <t>0.01769212111765306</t>
  </si>
  <si>
    <t>7820</t>
  </si>
  <si>
    <t>25.98297119140625</t>
  </si>
  <si>
    <t>2025.6417236328125</t>
  </si>
  <si>
    <t>0.08468903502623171</t>
  </si>
  <si>
    <t>8029</t>
  </si>
  <si>
    <t>26.412870407104492</t>
  </si>
  <si>
    <t>1960.9503173828125</t>
  </si>
  <si>
    <t>0.02637543264532738</t>
  </si>
  <si>
    <t>26.44764518737793</t>
  </si>
  <si>
    <t>1987.2362060546875</t>
  </si>
  <si>
    <t>0.07876766807523516</t>
  </si>
  <si>
    <t>8366</t>
  </si>
  <si>
    <t>26.368013381958008</t>
  </si>
  <si>
    <t>2169.56591796875</t>
  </si>
  <si>
    <t>-0.037651782257775324</t>
  </si>
  <si>
    <t>9107</t>
  </si>
  <si>
    <t>26.197710037231445</t>
  </si>
  <si>
    <t>1981.2557373046875</t>
  </si>
  <si>
    <t>0.08486747556567487</t>
  </si>
  <si>
    <t>9954</t>
  </si>
  <si>
    <t>26.000823974609375</t>
  </si>
  <si>
    <t>2030.3822021484375</t>
  </si>
  <si>
    <t>0.08893113185068025</t>
  </si>
  <si>
    <t>26.24213981628418</t>
  </si>
  <si>
    <t>2148.11181640625</t>
  </si>
  <si>
    <t>0.008702230460936988</t>
  </si>
  <si>
    <t>11111</t>
  </si>
  <si>
    <t>26.3199462890625</t>
  </si>
  <si>
    <t>1978.2318115234375</t>
  </si>
  <si>
    <t>0.10125889770457164</t>
  </si>
  <si>
    <t>11689</t>
  </si>
  <si>
    <t>26.302522659301758</t>
  </si>
  <si>
    <t>1986.4163818359375</t>
  </si>
  <si>
    <t>0.05071262002376287</t>
  </si>
  <si>
    <t>11755</t>
  </si>
  <si>
    <t>26.31532096862793</t>
  </si>
  <si>
    <t>1822.1612548828125</t>
  </si>
  <si>
    <t>0.005630453366398669</t>
  </si>
  <si>
    <t>26.138137817382812</t>
  </si>
  <si>
    <t>1883.7933349609375</t>
  </si>
  <si>
    <t>-0.09525063244927345</t>
  </si>
  <si>
    <t>10712</t>
  </si>
  <si>
    <t>26.519193649291992</t>
  </si>
  <si>
    <t>1825.079345703125</t>
  </si>
  <si>
    <t>0.002336558846112169</t>
  </si>
  <si>
    <t>10576</t>
  </si>
  <si>
    <t>26.81947898864746</t>
  </si>
  <si>
    <t>1836.53955078125</t>
  </si>
  <si>
    <t>-0.012777325279540008</t>
  </si>
  <si>
    <t>26.287996292114258</t>
  </si>
  <si>
    <t>1495.2158203125</t>
  </si>
  <si>
    <t>-0.012846919801358325</t>
  </si>
  <si>
    <t>10997</t>
  </si>
  <si>
    <t>26.376787185668945</t>
  </si>
  <si>
    <t>1688.4176025390625</t>
  </si>
  <si>
    <t>0.051882145020824666</t>
  </si>
  <si>
    <t>11147</t>
  </si>
  <si>
    <t>26.137792587280273</t>
  </si>
  <si>
    <t>1740.0625</t>
  </si>
  <si>
    <t>0.013547895078689365</t>
  </si>
  <si>
    <t>11096</t>
  </si>
  <si>
    <t>26.491743087768555</t>
  </si>
  <si>
    <t>1613.72314453125</t>
  </si>
  <si>
    <t>-0.004585720394956638</t>
  </si>
  <si>
    <t>11302</t>
  </si>
  <si>
    <t>26.662635803222656</t>
  </si>
  <si>
    <t>1471.2557373046875</t>
  </si>
  <si>
    <t>0.018395018195121793</t>
  </si>
  <si>
    <t>11805</t>
  </si>
  <si>
    <t>26.40238380432129</t>
  </si>
  <si>
    <t>1442.47509765625</t>
  </si>
  <si>
    <t>0.04354346932982445</t>
  </si>
  <si>
    <t>12094</t>
  </si>
  <si>
    <t>26.227310180664062</t>
  </si>
  <si>
    <t>1423.682861328125</t>
  </si>
  <si>
    <t>0.024186291313544217</t>
  </si>
  <si>
    <t>351</t>
  </si>
  <si>
    <t>8424</t>
  </si>
  <si>
    <t>27.2531681060791</t>
  </si>
  <si>
    <t>2572.135986328125</t>
  </si>
  <si>
    <t>106.04865264892578</t>
  </si>
  <si>
    <t>Roraima</t>
  </si>
  <si>
    <t>8365</t>
  </si>
  <si>
    <t>26.928396224975586</t>
  </si>
  <si>
    <t>1898.220703125</t>
  </si>
  <si>
    <t>-0.007028440392886637</t>
  </si>
  <si>
    <t>26.505537033081055</t>
  </si>
  <si>
    <t>1337.374755859375</t>
  </si>
  <si>
    <t>-0.02199750289354263</t>
  </si>
  <si>
    <t>8449</t>
  </si>
  <si>
    <t>26.624486923217773</t>
  </si>
  <si>
    <t>1984.43603515625</t>
  </si>
  <si>
    <t>0.03198925962546362</t>
  </si>
  <si>
    <t>8803</t>
  </si>
  <si>
    <t>26.85727882385254</t>
  </si>
  <si>
    <t>1826.203857421875</t>
  </si>
  <si>
    <t>0.041044481308061265</t>
  </si>
  <si>
    <t>9033</t>
  </si>
  <si>
    <t>27.48527717590332</t>
  </si>
  <si>
    <t>2247.921875</t>
  </si>
  <si>
    <t>0.025791965688936713</t>
  </si>
  <si>
    <t>9089</t>
  </si>
  <si>
    <t>27.12097930908203</t>
  </si>
  <si>
    <t>2255.255615234375</t>
  </si>
  <si>
    <t>0.006180352968927494</t>
  </si>
  <si>
    <t>9255</t>
  </si>
  <si>
    <t>27.59153938293457</t>
  </si>
  <si>
    <t>1688.9619140625</t>
  </si>
  <si>
    <t>0.018099054888827126</t>
  </si>
  <si>
    <t>9148</t>
  </si>
  <si>
    <t>27.79218864440918</t>
  </si>
  <si>
    <t>2522.268798828125</t>
  </si>
  <si>
    <t>-0.011628669864926167</t>
  </si>
  <si>
    <t>9058</t>
  </si>
  <si>
    <t>27.141958236694336</t>
  </si>
  <si>
    <t>2378.291259765625</t>
  </si>
  <si>
    <t>-0.009886931026512613</t>
  </si>
  <si>
    <t>9324</t>
  </si>
  <si>
    <t>27.180280685424805</t>
  </si>
  <si>
    <t>2227.472412109375</t>
  </si>
  <si>
    <t>0.028943376039489266</t>
  </si>
  <si>
    <t>27.555845260620117</t>
  </si>
  <si>
    <t>1673.436767578125</t>
  </si>
  <si>
    <t>0.0008576329856726517</t>
  </si>
  <si>
    <t>9499</t>
  </si>
  <si>
    <t>27.346769332885742</t>
  </si>
  <si>
    <t>1836.2335205078125</t>
  </si>
  <si>
    <t>0.017737175748861134</t>
  </si>
  <si>
    <t>27.68059539794922</t>
  </si>
  <si>
    <t>2100.531494140625</t>
  </si>
  <si>
    <t>-0.07984972352395303</t>
  </si>
  <si>
    <t>8423</t>
  </si>
  <si>
    <t>27.44066619873047</t>
  </si>
  <si>
    <t>2250.46875</t>
  </si>
  <si>
    <t>-0.040370747050864964</t>
  </si>
  <si>
    <t>8694</t>
  </si>
  <si>
    <t>27.443452835083008</t>
  </si>
  <si>
    <t>2357.502197265625</t>
  </si>
  <si>
    <t>0.0316670732333737</t>
  </si>
  <si>
    <t>9440</t>
  </si>
  <si>
    <t>27.5269832611084</t>
  </si>
  <si>
    <t>2441.49755859375</t>
  </si>
  <si>
    <t>0.08232284759080954</t>
  </si>
  <si>
    <t>9592</t>
  </si>
  <si>
    <t>27.27723503112793</t>
  </si>
  <si>
    <t>2582.687255859375</t>
  </si>
  <si>
    <t>0.015973437567803117</t>
  </si>
  <si>
    <t>9949</t>
  </si>
  <si>
    <t>27.219640731811523</t>
  </si>
  <si>
    <t>2248.370849609375</t>
  </si>
  <si>
    <t>0.03654262588201007</t>
  </si>
  <si>
    <t>9890</t>
  </si>
  <si>
    <t>27.669235229492188</t>
  </si>
  <si>
    <t>1396.2711181640625</t>
  </si>
  <si>
    <t>-0.005947897972601979</t>
  </si>
  <si>
    <t>27.684127807617188</t>
  </si>
  <si>
    <t>2371.081787109375</t>
  </si>
  <si>
    <t>0.08347462786846904</t>
  </si>
  <si>
    <t>10670</t>
  </si>
  <si>
    <t>27.321062088012695</t>
  </si>
  <si>
    <t>2095.28076171875</t>
  </si>
  <si>
    <t>-0.007562708189428946</t>
  </si>
  <si>
    <t>27.252883911132812</t>
  </si>
  <si>
    <t>1614.851318359375</t>
  </si>
  <si>
    <t>-0.045636753395811525</t>
  </si>
  <si>
    <t>10957</t>
  </si>
  <si>
    <t>27.272682189941406</t>
  </si>
  <si>
    <t>1931.3114013671875</t>
  </si>
  <si>
    <t>0.07217920950540702</t>
  </si>
  <si>
    <t>10793</t>
  </si>
  <si>
    <t>27.542253494262695</t>
  </si>
  <si>
    <t>1375.15283203125</t>
  </si>
  <si>
    <t>-0.015080745580046795</t>
  </si>
  <si>
    <t>10360</t>
  </si>
  <si>
    <t>27.960721969604492</t>
  </si>
  <si>
    <t>1480.90380859375</t>
  </si>
  <si>
    <t>-0.04094553901187403</t>
  </si>
  <si>
    <t>27.63338279724121</t>
  </si>
  <si>
    <t>1931.2034912109375</t>
  </si>
  <si>
    <t>-0.022648371429514924</t>
  </si>
  <si>
    <t>27.55674934387207</t>
  </si>
  <si>
    <t>1673.230224609375</t>
  </si>
  <si>
    <t>0.0426213226253882</t>
  </si>
  <si>
    <t>27.453163146972656</t>
  </si>
  <si>
    <t>2056.22265625</t>
  </si>
  <si>
    <t>-0.043905717407501044</t>
  </si>
  <si>
    <t>27.708810806274414</t>
  </si>
  <si>
    <t>2303.44580078125</t>
  </si>
  <si>
    <t>-0.023405749406881782</t>
  </si>
  <si>
    <t>9990</t>
  </si>
  <si>
    <t>27.810256958007812</t>
  </si>
  <si>
    <t>2020.394287109375</t>
  </si>
  <si>
    <t>0.010970871447636199</t>
  </si>
  <si>
    <t>10435</t>
  </si>
  <si>
    <t>27.460390090942383</t>
  </si>
  <si>
    <t>2374.330078125</t>
  </si>
  <si>
    <t>0.04358094786870126</t>
  </si>
  <si>
    <t>10690</t>
  </si>
  <si>
    <t>27.420913696289062</t>
  </si>
  <si>
    <t>2759.03759765625</t>
  </si>
  <si>
    <t>0.024143184507789073</t>
  </si>
  <si>
    <t>352</t>
  </si>
  <si>
    <t>12040</t>
  </si>
  <si>
    <t>18.728303909301758</t>
  </si>
  <si>
    <t>1984.0462646484375</t>
  </si>
  <si>
    <t>2042.210205078125</t>
  </si>
  <si>
    <t>Santa Catarina</t>
  </si>
  <si>
    <t>11956</t>
  </si>
  <si>
    <t>19.36395835876465</t>
  </si>
  <si>
    <t>1416.470458984375</t>
  </si>
  <si>
    <t>11696</t>
  </si>
  <si>
    <t>19.008310317993164</t>
  </si>
  <si>
    <t>1753.8675537109375</t>
  </si>
  <si>
    <t>-0.021986341414267585</t>
  </si>
  <si>
    <t>18.86715316772461</t>
  </si>
  <si>
    <t>1720.36572265625</t>
  </si>
  <si>
    <t>0.031973108837169306</t>
  </si>
  <si>
    <t>12582</t>
  </si>
  <si>
    <t>19.382755279541016</t>
  </si>
  <si>
    <t>1963.0699462890625</t>
  </si>
  <si>
    <t>0.04104720930324568</t>
  </si>
  <si>
    <t>12911</t>
  </si>
  <si>
    <t>19.2729549407959</t>
  </si>
  <si>
    <t>1669.0419921875</t>
  </si>
  <si>
    <t>0.025812440044743923</t>
  </si>
  <si>
    <t>12991</t>
  </si>
  <si>
    <t>18.85019874572754</t>
  </si>
  <si>
    <t>1792.279296875</t>
  </si>
  <si>
    <t>0.00617714882101339</t>
  </si>
  <si>
    <t>13228</t>
  </si>
  <si>
    <t>19.341663360595703</t>
  </si>
  <si>
    <t>1925.78369140625</t>
  </si>
  <si>
    <t>0.01807898510594974</t>
  </si>
  <si>
    <t>13074</t>
  </si>
  <si>
    <t>19.05705451965332</t>
  </si>
  <si>
    <t>2128.964599609375</t>
  </si>
  <si>
    <t>-0.011710269929007922</t>
  </si>
  <si>
    <t>18.72913932800293</t>
  </si>
  <si>
    <t>1571.9329833984375</t>
  </si>
  <si>
    <t>-0.00983866506721931</t>
  </si>
  <si>
    <t>18.898649215698242</t>
  </si>
  <si>
    <t>1793.8929443359375</t>
  </si>
  <si>
    <t>0.029005192474270913</t>
  </si>
  <si>
    <t>13338</t>
  </si>
  <si>
    <t>19.82795524597168</t>
  </si>
  <si>
    <t>1787.516845703125</t>
  </si>
  <si>
    <t>0.0008250516125247742</t>
  </si>
  <si>
    <t>13576</t>
  </si>
  <si>
    <t>19.92351531982422</t>
  </si>
  <si>
    <t>1799.9432373046875</t>
  </si>
  <si>
    <t>0.01768642372181084</t>
  </si>
  <si>
    <t>13810</t>
  </si>
  <si>
    <t>19.26513671875</t>
  </si>
  <si>
    <t>1547.4329833984375</t>
  </si>
  <si>
    <t>0.01708943948927555</t>
  </si>
  <si>
    <t>14530</t>
  </si>
  <si>
    <t>19.017091751098633</t>
  </si>
  <si>
    <t>1582.026123046875</t>
  </si>
  <si>
    <t>0.05082251016099093</t>
  </si>
  <si>
    <t>14809</t>
  </si>
  <si>
    <t>19.54439353942871</t>
  </si>
  <si>
    <t>1835.6524658203125</t>
  </si>
  <si>
    <t>0.019019626473175677</t>
  </si>
  <si>
    <t>15303</t>
  </si>
  <si>
    <t>19.426660537719727</t>
  </si>
  <si>
    <t>1398.114990234375</t>
  </si>
  <si>
    <t>0.03281378355353226</t>
  </si>
  <si>
    <t>16144</t>
  </si>
  <si>
    <t>19.33574867248535</t>
  </si>
  <si>
    <t>1782.0748291015625</t>
  </si>
  <si>
    <t>0.05349957600235378</t>
  </si>
  <si>
    <t>17193</t>
  </si>
  <si>
    <t>18.8621768951416</t>
  </si>
  <si>
    <t>1934.197021484375</t>
  </si>
  <si>
    <t>0.06295386062645747</t>
  </si>
  <si>
    <t>16399</t>
  </si>
  <si>
    <t>19.428653717041016</t>
  </si>
  <si>
    <t>1989.51806640625</t>
  </si>
  <si>
    <t>-0.04728196687640107</t>
  </si>
  <si>
    <t>17978</t>
  </si>
  <si>
    <t>19.252531051635742</t>
  </si>
  <si>
    <t>2003.142822265625</t>
  </si>
  <si>
    <t>0.09192843078989732</t>
  </si>
  <si>
    <t>18536</t>
  </si>
  <si>
    <t>18.82819175720215</t>
  </si>
  <si>
    <t>2037.016357421875</t>
  </si>
  <si>
    <t>0.03056599897886869</t>
  </si>
  <si>
    <t>18710</t>
  </si>
  <si>
    <t>19.805219650268555</t>
  </si>
  <si>
    <t>1477.4222412109375</t>
  </si>
  <si>
    <t>0.009343353155923495</t>
  </si>
  <si>
    <t>19189</t>
  </si>
  <si>
    <t>19.167539596557617</t>
  </si>
  <si>
    <t>1869.189453125</t>
  </si>
  <si>
    <t>0.02527905790160645</t>
  </si>
  <si>
    <t>19846</t>
  </si>
  <si>
    <t>20.008548736572266</t>
  </si>
  <si>
    <t>1985.46923828125</t>
  </si>
  <si>
    <t>0.033665277304443464</t>
  </si>
  <si>
    <t>18682</t>
  </si>
  <si>
    <t>19.937286376953125</t>
  </si>
  <si>
    <t>2163.635498046875</t>
  </si>
  <si>
    <t>-0.060441982041391284</t>
  </si>
  <si>
    <t>17571</t>
  </si>
  <si>
    <t>19.265586853027344</t>
  </si>
  <si>
    <t>1801.896484375</t>
  </si>
  <si>
    <t>-0.0613106776749035</t>
  </si>
  <si>
    <t>18073</t>
  </si>
  <si>
    <t>20.044748306274414</t>
  </si>
  <si>
    <t>1770.8607177734375</t>
  </si>
  <si>
    <t>0.02816929607774732</t>
  </si>
  <si>
    <t>18386</t>
  </si>
  <si>
    <t>19.866945266723633</t>
  </si>
  <si>
    <t>1431.0948486328125</t>
  </si>
  <si>
    <t>0.017170393588061827</t>
  </si>
  <si>
    <t>18894</t>
  </si>
  <si>
    <t>20.102705001831055</t>
  </si>
  <si>
    <t>1481.73291015625</t>
  </si>
  <si>
    <t>0.027254905905380156</t>
  </si>
  <si>
    <t>19.762041091918945</t>
  </si>
  <si>
    <t>1444.596435546875</t>
  </si>
  <si>
    <t>0.0029595201814913707</t>
  </si>
  <si>
    <t>19.56316566467285</t>
  </si>
  <si>
    <t>1352.20361328125</t>
  </si>
  <si>
    <t>0.0435749299460646</t>
  </si>
  <si>
    <t>20278</t>
  </si>
  <si>
    <t>19.296850204467773</t>
  </si>
  <si>
    <t>1559.1346435546875</t>
  </si>
  <si>
    <t>0.024157693055888885</t>
  </si>
  <si>
    <t>353</t>
  </si>
  <si>
    <t>6837</t>
  </si>
  <si>
    <t>25.872892379760742</t>
  </si>
  <si>
    <t>944.7797241210938</t>
  </si>
  <si>
    <t>735.3609619140625</t>
  </si>
  <si>
    <t>Sergipe</t>
  </si>
  <si>
    <t>25.46141242980957</t>
  </si>
  <si>
    <t>1126.5054931640625</t>
  </si>
  <si>
    <t>-0.00689809736105218</t>
  </si>
  <si>
    <t>6642</t>
  </si>
  <si>
    <t>25.4661922454834</t>
  </si>
  <si>
    <t>942.3178100585938</t>
  </si>
  <si>
    <t>-0.02203781861604881</t>
  </si>
  <si>
    <t>6858</t>
  </si>
  <si>
    <t>25.754011154174805</t>
  </si>
  <si>
    <t>666.1593017578125</t>
  </si>
  <si>
    <t>0.03200273108617324</t>
  </si>
  <si>
    <t>7145</t>
  </si>
  <si>
    <t>25.81658935546875</t>
  </si>
  <si>
    <t>1096.234619140625</t>
  </si>
  <si>
    <t>0.0409969573411022</t>
  </si>
  <si>
    <t>7332</t>
  </si>
  <si>
    <t>25.654897689819336</t>
  </si>
  <si>
    <t>923.5358276367188</t>
  </si>
  <si>
    <t>0.025835518595627605</t>
  </si>
  <si>
    <t>7378</t>
  </si>
  <si>
    <t>25.62144660949707</t>
  </si>
  <si>
    <t>1216.4327392578125</t>
  </si>
  <si>
    <t>25.551984786987305</t>
  </si>
  <si>
    <t>1036.5794677734375</t>
  </si>
  <si>
    <t>0.017999142731477846</t>
  </si>
  <si>
    <t>7425</t>
  </si>
  <si>
    <t>26.168832778930664</t>
  </si>
  <si>
    <t>717.0621948242188</t>
  </si>
  <si>
    <t>-0.011649057217198333</t>
  </si>
  <si>
    <t>25.507043838500977</t>
  </si>
  <si>
    <t>1060.334716796875</t>
  </si>
  <si>
    <t>-0.00988029963537862</t>
  </si>
  <si>
    <t>25.416397094726562</t>
  </si>
  <si>
    <t>1272.2989501953125</t>
  </si>
  <si>
    <t>0.028956446696192017</t>
  </si>
  <si>
    <t>25.712900161743164</t>
  </si>
  <si>
    <t>1140.60791015625</t>
  </si>
  <si>
    <t>0.0007924977300266534</t>
  </si>
  <si>
    <t>25.845924377441406</t>
  </si>
  <si>
    <t>877.9496459960938</t>
  </si>
  <si>
    <t>0.01779685809563425</t>
  </si>
  <si>
    <t>7572</t>
  </si>
  <si>
    <t>25.878372192382812</t>
  </si>
  <si>
    <t>1017.2227172851562</t>
  </si>
  <si>
    <t>-0.018060954228161563</t>
  </si>
  <si>
    <t>25.567840576171875</t>
  </si>
  <si>
    <t>853.9550170898438</t>
  </si>
  <si>
    <t>0.036820337705087525</t>
  </si>
  <si>
    <t>25.82096290588379</t>
  </si>
  <si>
    <t>1190.899169921875</t>
  </si>
  <si>
    <t>-0.005488558037557212</t>
  </si>
  <si>
    <t>8217</t>
  </si>
  <si>
    <t>25.81740379333496</t>
  </si>
  <si>
    <t>1278.5269775390625</t>
  </si>
  <si>
    <t>0.05041616593444331</t>
  </si>
  <si>
    <t>25.61329460144043</t>
  </si>
  <si>
    <t>1155.9573974609375</t>
  </si>
  <si>
    <t>0.04369482637934752</t>
  </si>
  <si>
    <t>9184</t>
  </si>
  <si>
    <t>25.70850944519043</t>
  </si>
  <si>
    <t>1125.4901123046875</t>
  </si>
  <si>
    <t>0.06756283424881282</t>
  </si>
  <si>
    <t>8335</t>
  </si>
  <si>
    <t>26.03058624267578</t>
  </si>
  <si>
    <t>1334.5115966796875</t>
  </si>
  <si>
    <t>-0.09699932337445283</t>
  </si>
  <si>
    <t>9306</t>
  </si>
  <si>
    <t>25.98241424560547</t>
  </si>
  <si>
    <t>1248.6937255859375</t>
  </si>
  <si>
    <t>0.11019583721969894</t>
  </si>
  <si>
    <t>9372</t>
  </si>
  <si>
    <t>25.614761352539062</t>
  </si>
  <si>
    <t>1094.9315185546875</t>
  </si>
  <si>
    <t>0.007067167223093307</t>
  </si>
  <si>
    <t>25.87415885925293</t>
  </si>
  <si>
    <t>636.6419677734375</t>
  </si>
  <si>
    <t>0.030370641889822636</t>
  </si>
  <si>
    <t>25.985868453979492</t>
  </si>
  <si>
    <t>1002.6759643554688</t>
  </si>
  <si>
    <t>-0.01145130148277218</t>
  </si>
  <si>
    <t>9293</t>
  </si>
  <si>
    <t>25.83062744140625</t>
  </si>
  <si>
    <t>1031.0584716796875</t>
  </si>
  <si>
    <t>-0.027384432477397525</t>
  </si>
  <si>
    <t>8792</t>
  </si>
  <si>
    <t>26.134374618530273</t>
  </si>
  <si>
    <t>950.8388061523438</t>
  </si>
  <si>
    <t>-0.05541921147388251</t>
  </si>
  <si>
    <t>8115</t>
  </si>
  <si>
    <t>26.411386489868164</t>
  </si>
  <si>
    <t>573.4083862304688</t>
  </si>
  <si>
    <t>-0.08012801613476661</t>
  </si>
  <si>
    <t>8120</t>
  </si>
  <si>
    <t>26.02045249938965</t>
  </si>
  <si>
    <t>1103.27587890625</t>
  </si>
  <si>
    <t>0.0006159532070331153</t>
  </si>
  <si>
    <t>8045</t>
  </si>
  <si>
    <t>26.003969192504883</t>
  </si>
  <si>
    <t>705.2705688476562</t>
  </si>
  <si>
    <t>-0.009279373729240703</t>
  </si>
  <si>
    <t>8141</t>
  </si>
  <si>
    <t>26.25414276123047</t>
  </si>
  <si>
    <t>984.2767944335938</t>
  </si>
  <si>
    <t>0.011862242147493873</t>
  </si>
  <si>
    <t>7706</t>
  </si>
  <si>
    <t>26.05210304260254</t>
  </si>
  <si>
    <t>1187.1630859375</t>
  </si>
  <si>
    <t>-0.05491377638787398</t>
  </si>
  <si>
    <t>25.64862823486328</t>
  </si>
  <si>
    <t>1048.3638916015625</t>
  </si>
  <si>
    <t>0.043548613907629985</t>
  </si>
  <si>
    <t>25.590906143188477</t>
  </si>
  <si>
    <t>1023.8072509765625</t>
  </si>
  <si>
    <t>0.024180374173111474</t>
  </si>
  <si>
    <t>354</t>
  </si>
  <si>
    <t>16603</t>
  </si>
  <si>
    <t>20.5471248626709</t>
  </si>
  <si>
    <t>1428.7039794921875</t>
  </si>
  <si>
    <t>13490.029296875</t>
  </si>
  <si>
    <t>São Paulo</t>
  </si>
  <si>
    <t>16488</t>
  </si>
  <si>
    <t>20.687843322753906</t>
  </si>
  <si>
    <t>1706.6226806640625</t>
  </si>
  <si>
    <t>-0.006950558337491586</t>
  </si>
  <si>
    <t>16129</t>
  </si>
  <si>
    <t>20.58934211730957</t>
  </si>
  <si>
    <t>1666.25537109375</t>
  </si>
  <si>
    <t>-0.022013949653112874</t>
  </si>
  <si>
    <t>16653</t>
  </si>
  <si>
    <t>20.649721145629883</t>
  </si>
  <si>
    <t>1715.6085205078125</t>
  </si>
  <si>
    <t>0.031971486441088715</t>
  </si>
  <si>
    <t>17351</t>
  </si>
  <si>
    <t>21.052814483642578</t>
  </si>
  <si>
    <t>1532.40234375</t>
  </si>
  <si>
    <t>0.04105976124340138</t>
  </si>
  <si>
    <t>17804</t>
  </si>
  <si>
    <t>20.88035011291504</t>
  </si>
  <si>
    <t>1892.6219482421875</t>
  </si>
  <si>
    <t>0.025773009534072244</t>
  </si>
  <si>
    <t>17915</t>
  </si>
  <si>
    <t>20.36744499206543</t>
  </si>
  <si>
    <t>1954.9853515625</t>
  </si>
  <si>
    <t>0.006215199603309074</t>
  </si>
  <si>
    <t>18241</t>
  </si>
  <si>
    <t>20.9622802734375</t>
  </si>
  <si>
    <t>1512.3143310546875</t>
  </si>
  <si>
    <t>0.01803345694785996</t>
  </si>
  <si>
    <t>18030</t>
  </si>
  <si>
    <t>20.87494659423828</t>
  </si>
  <si>
    <t>1749.8311767578125</t>
  </si>
  <si>
    <t>-0.011634770489550306</t>
  </si>
  <si>
    <t>17853</t>
  </si>
  <si>
    <t>20.338592529296875</t>
  </si>
  <si>
    <t>1503.1148681640625</t>
  </si>
  <si>
    <t>-0.009865475884401675</t>
  </si>
  <si>
    <t>18377</t>
  </si>
  <si>
    <t>20.582481384277344</t>
  </si>
  <si>
    <t>1487.9178466796875</t>
  </si>
  <si>
    <t>0.028928321382462485</t>
  </si>
  <si>
    <t>18393</t>
  </si>
  <si>
    <t>21.120161056518555</t>
  </si>
  <si>
    <t>1589.4921875</t>
  </si>
  <si>
    <t>0.0008702747353730445</t>
  </si>
  <si>
    <t>18721</t>
  </si>
  <si>
    <t>21.585615158081055</t>
  </si>
  <si>
    <t>1674.7928466796875</t>
  </si>
  <si>
    <t>0.017675730977471105</t>
  </si>
  <si>
    <t>18459</t>
  </si>
  <si>
    <t>20.987018585205078</t>
  </si>
  <si>
    <t>1279.593017578125</t>
  </si>
  <si>
    <t>-0.014093831999668183</t>
  </si>
  <si>
    <t>18685</t>
  </si>
  <si>
    <t>20.486021041870117</t>
  </si>
  <si>
    <t>1929.8763427734375</t>
  </si>
  <si>
    <t>0.012169006510983849</t>
  </si>
  <si>
    <t>19573</t>
  </si>
  <si>
    <t>21.078697204589844</t>
  </si>
  <si>
    <t>1562.2503662109375</t>
  </si>
  <si>
    <t>0.04643000258293917</t>
  </si>
  <si>
    <t>20109</t>
  </si>
  <si>
    <t>20.876279830932617</t>
  </si>
  <si>
    <t>1805.6873779296875</t>
  </si>
  <si>
    <t>0.027016410523543755</t>
  </si>
  <si>
    <t>21492</t>
  </si>
  <si>
    <t>21.177507400512695</t>
  </si>
  <si>
    <t>1350.31298828125</t>
  </si>
  <si>
    <t>0.06651329682264517</t>
  </si>
  <si>
    <t>21816</t>
  </si>
  <si>
    <t>20.587919235229492</t>
  </si>
  <si>
    <t>1777.252197265625</t>
  </si>
  <si>
    <t>0.014962872676711925</t>
  </si>
  <si>
    <t>21748</t>
  </si>
  <si>
    <t>21.248090744018555</t>
  </si>
  <si>
    <t>2129.31982421875</t>
  </si>
  <si>
    <t>-0.0031218462596136476</t>
  </si>
  <si>
    <t>22742</t>
  </si>
  <si>
    <t>21.003862380981445</t>
  </si>
  <si>
    <t>1658.22705078125</t>
  </si>
  <si>
    <t>0.044691635918857386</t>
  </si>
  <si>
    <t>23076</t>
  </si>
  <si>
    <t>20.564456939697266</t>
  </si>
  <si>
    <t>1672.7535400390625</t>
  </si>
  <si>
    <t>0.014579681192111948</t>
  </si>
  <si>
    <t>23094</t>
  </si>
  <si>
    <t>21.221742630004883</t>
  </si>
  <si>
    <t>1629.2860107421875</t>
  </si>
  <si>
    <t>0.0007797271350220569</t>
  </si>
  <si>
    <t>23314</t>
  </si>
  <si>
    <t>20.94077491760254</t>
  </si>
  <si>
    <t>1538.963623046875</t>
  </si>
  <si>
    <t>0.00948119496797517</t>
  </si>
  <si>
    <t>23227</t>
  </si>
  <si>
    <t>21.610153198242188</t>
  </si>
  <si>
    <t>1147.5615234375</t>
  </si>
  <si>
    <t>-0.0037386434041604133</t>
  </si>
  <si>
    <t>22348</t>
  </si>
  <si>
    <t>21.57826042175293</t>
  </si>
  <si>
    <t>1759.7752685546875</t>
  </si>
  <si>
    <t>-0.038578563496576734</t>
  </si>
  <si>
    <t>21545</t>
  </si>
  <si>
    <t>21.264209747314453</t>
  </si>
  <si>
    <t>1461.067138671875</t>
  </si>
  <si>
    <t>-0.036593060529101606</t>
  </si>
  <si>
    <t>21461</t>
  </si>
  <si>
    <t>21.275714874267578</t>
  </si>
  <si>
    <t>1209.3106689453125</t>
  </si>
  <si>
    <t>-0.003906436628456689</t>
  </si>
  <si>
    <t>21175</t>
  </si>
  <si>
    <t>21.443437576293945</t>
  </si>
  <si>
    <t>1274.498291015625</t>
  </si>
  <si>
    <t>-0.013416093901225778</t>
  </si>
  <si>
    <t>21416</t>
  </si>
  <si>
    <t>21.625856399536133</t>
  </si>
  <si>
    <t>1408.2119140625</t>
  </si>
  <si>
    <t>0.011317065679932625</t>
  </si>
  <si>
    <t>20212</t>
  </si>
  <si>
    <t>21.400354385375977</t>
  </si>
  <si>
    <t>1155.065185546875</t>
  </si>
  <si>
    <t>-0.05786181878838903</t>
  </si>
  <si>
    <t>21112</t>
  </si>
  <si>
    <t>21.002580642700195</t>
  </si>
  <si>
    <t>1139.30859375</t>
  </si>
  <si>
    <t>0.04356511177136113</t>
  </si>
  <si>
    <t>21628</t>
  </si>
  <si>
    <t>20.94951629638672</t>
  </si>
  <si>
    <t>1282.084228515625</t>
  </si>
  <si>
    <t>0.024147172318734533</t>
  </si>
  <si>
    <t>355</t>
  </si>
  <si>
    <t>5387</t>
  </si>
  <si>
    <t>26.991464614868164</t>
  </si>
  <si>
    <t>1464.893310546875</t>
  </si>
  <si>
    <t>356.8072204589844</t>
  </si>
  <si>
    <t>Tocantins</t>
  </si>
  <si>
    <t>5349</t>
  </si>
  <si>
    <t>26.73194694519043</t>
  </si>
  <si>
    <t>1491.7703857421875</t>
  </si>
  <si>
    <t>-0.0070790161492837456</t>
  </si>
  <si>
    <t>26.69622039794922</t>
  </si>
  <si>
    <t>1354.4281005859375</t>
  </si>
  <si>
    <t>-0.021924900159042693</t>
  </si>
  <si>
    <t>26.78276252746582</t>
  </si>
  <si>
    <t>1625.1513671875</t>
  </si>
  <si>
    <t>0.03196962747185772</t>
  </si>
  <si>
    <t>5629</t>
  </si>
  <si>
    <t>26.892549514770508</t>
  </si>
  <si>
    <t>1604.2506103515625</t>
  </si>
  <si>
    <t>0.0409774516199608</t>
  </si>
  <si>
    <t>5776</t>
  </si>
  <si>
    <t>27.03380584716797</t>
  </si>
  <si>
    <t>1810.5035400390625</t>
  </si>
  <si>
    <t>0.025779595108636144</t>
  </si>
  <si>
    <t>27.011085510253906</t>
  </si>
  <si>
    <t>1533.3662109375</t>
  </si>
  <si>
    <t>5918</t>
  </si>
  <si>
    <t>27.1069278717041</t>
  </si>
  <si>
    <t>1618.8388671875</t>
  </si>
  <si>
    <t>0.018073808269980063</t>
  </si>
  <si>
    <t>5850</t>
  </si>
  <si>
    <t>27.81842041015625</t>
  </si>
  <si>
    <t>1464.0125732421875</t>
  </si>
  <si>
    <t>-0.011556892734251534</t>
  </si>
  <si>
    <t>27.183469772338867</t>
  </si>
  <si>
    <t>1723.3134765625</t>
  </si>
  <si>
    <t>-0.009964006160350536</t>
  </si>
  <si>
    <t>5962</t>
  </si>
  <si>
    <t>26.97949981689453</t>
  </si>
  <si>
    <t>1754.5025634765625</t>
  </si>
  <si>
    <t>0.028928340172464928</t>
  </si>
  <si>
    <t>27.096702575683594</t>
  </si>
  <si>
    <t>1921.010009765625</t>
  </si>
  <si>
    <t>0.0008382932840653723</t>
  </si>
  <si>
    <t>6074</t>
  </si>
  <si>
    <t>27.605382919311523</t>
  </si>
  <si>
    <t>1424.028076171875</t>
  </si>
  <si>
    <t>0.017773078083610727</t>
  </si>
  <si>
    <t>6493</t>
  </si>
  <si>
    <t>27.45500373840332</t>
  </si>
  <si>
    <t>1668.470947265625</t>
  </si>
  <si>
    <t>0.06670730690279392</t>
  </si>
  <si>
    <t>6545</t>
  </si>
  <si>
    <t>27.496192932128906</t>
  </si>
  <si>
    <t>1660.88818359375</t>
  </si>
  <si>
    <t>0.007976725835513676</t>
  </si>
  <si>
    <t>27.690643310546875</t>
  </si>
  <si>
    <t>1609.060791015625</t>
  </si>
  <si>
    <t>-0.04005834423495891</t>
  </si>
  <si>
    <t>6504</t>
  </si>
  <si>
    <t>27.260581970214844</t>
  </si>
  <si>
    <t>1711.539306640625</t>
  </si>
  <si>
    <t>0.03377431711860446</t>
  </si>
  <si>
    <t>27.70013999938965</t>
  </si>
  <si>
    <t>1473.189453125</t>
  </si>
  <si>
    <t>0.14235230607374305</t>
  </si>
  <si>
    <t>27.339372634887695</t>
  </si>
  <si>
    <t>1644.8543701171875</t>
  </si>
  <si>
    <t>0.07968362098102233</t>
  </si>
  <si>
    <t>7841</t>
  </si>
  <si>
    <t>27.23248863220215</t>
  </si>
  <si>
    <t>1857.8526611328125</t>
  </si>
  <si>
    <t>-0.03508692205148911</t>
  </si>
  <si>
    <t>8626</t>
  </si>
  <si>
    <t>27.941879272460938</t>
  </si>
  <si>
    <t>1548.2884521484375</t>
  </si>
  <si>
    <t>0.09541452097686509</t>
  </si>
  <si>
    <t>27.307409286499023</t>
  </si>
  <si>
    <t>1882.267822265625</t>
  </si>
  <si>
    <t>0.018947572643391197</t>
  </si>
  <si>
    <t>9056</t>
  </si>
  <si>
    <t>27.61219024658203</t>
  </si>
  <si>
    <t>1567.3848876953125</t>
  </si>
  <si>
    <t>0.02969905059178579</t>
  </si>
  <si>
    <t>9554</t>
  </si>
  <si>
    <t>27.698074340820312</t>
  </si>
  <si>
    <t>1626.837890625</t>
  </si>
  <si>
    <t>0.053532393506943166</t>
  </si>
  <si>
    <t>9630</t>
  </si>
  <si>
    <t>27.693662643432617</t>
  </si>
  <si>
    <t>1641.321533203125</t>
  </si>
  <si>
    <t>0.007923310842263831</t>
  </si>
  <si>
    <t>9766</t>
  </si>
  <si>
    <t>27.90192413330078</t>
  </si>
  <si>
    <t>1457.7158203125</t>
  </si>
  <si>
    <t>0.014023739829433168</t>
  </si>
  <si>
    <t>9745</t>
  </si>
  <si>
    <t>28.198453903198242</t>
  </si>
  <si>
    <t>1120.6422119140625</t>
  </si>
  <si>
    <t>-0.002152632679942812</t>
  </si>
  <si>
    <t>27.905210494995117</t>
  </si>
  <si>
    <t>1401.0914306640625</t>
  </si>
  <si>
    <t>0.02982278130405902</t>
  </si>
  <si>
    <t>10003</t>
  </si>
  <si>
    <t>27.75361442565918</t>
  </si>
  <si>
    <t>1768.9622802734375</t>
  </si>
  <si>
    <t>-0.0036920662605410826</t>
  </si>
  <si>
    <t>28.078237533569336</t>
  </si>
  <si>
    <t>1509.115478515625</t>
  </si>
  <si>
    <t>0.046392772982985164</t>
  </si>
  <si>
    <t>10801</t>
  </si>
  <si>
    <t>27.94693946838379</t>
  </si>
  <si>
    <t>1644.581298828125</t>
  </si>
  <si>
    <t>0.03036090145030812</t>
  </si>
  <si>
    <t>11282</t>
  </si>
  <si>
    <t>27.458498001098633</t>
  </si>
  <si>
    <t>1804.2725830078125</t>
  </si>
  <si>
    <t>0.04356981288144901</t>
  </si>
  <si>
    <t>11557</t>
  </si>
  <si>
    <t>27.495643615722656</t>
  </si>
  <si>
    <t>1580.8045654296875</t>
  </si>
  <si>
    <t>0.024082778675518668</t>
  </si>
  <si>
    <t>356</t>
  </si>
  <si>
    <t>CAN</t>
  </si>
  <si>
    <t>41636</t>
  </si>
  <si>
    <t>2.787189483642578</t>
  </si>
  <si>
    <t>467.9884033203125</t>
  </si>
  <si>
    <t>1576.396728515625</t>
  </si>
  <si>
    <t>Alberta</t>
  </si>
  <si>
    <t>Canada</t>
  </si>
  <si>
    <t>40245</t>
  </si>
  <si>
    <t>4.405562877655029</t>
  </si>
  <si>
    <t>495.355712890625</t>
  </si>
  <si>
    <t>-0.03397940510752484</t>
  </si>
  <si>
    <t>40110</t>
  </si>
  <si>
    <t>3.1186721324920654</t>
  </si>
  <si>
    <t>453.8077697753906</t>
  </si>
  <si>
    <t>-0.0033600927637351674</t>
  </si>
  <si>
    <t>40709</t>
  </si>
  <si>
    <t>3.3390655517578125</t>
  </si>
  <si>
    <t>541.4562377929688</t>
  </si>
  <si>
    <t>0.014823518442034</t>
  </si>
  <si>
    <t>42059</t>
  </si>
  <si>
    <t>3.2298078536987305</t>
  </si>
  <si>
    <t>445.9382019042969</t>
  </si>
  <si>
    <t>0.03262419620918955</t>
  </si>
  <si>
    <t>42727</t>
  </si>
  <si>
    <t>1.9867175817489624</t>
  </si>
  <si>
    <t>520.0003051757812</t>
  </si>
  <si>
    <t>0.01575764447345307</t>
  </si>
  <si>
    <t>44430</t>
  </si>
  <si>
    <t>1.0209436416625977</t>
  </si>
  <si>
    <t>502.4013671875</t>
  </si>
  <si>
    <t>0.039083878041179076</t>
  </si>
  <si>
    <t>46776</t>
  </si>
  <si>
    <t>3.4142515659332275</t>
  </si>
  <si>
    <t>501.6106872558594</t>
  </si>
  <si>
    <t>0.05145533392555102</t>
  </si>
  <si>
    <t>45834</t>
  </si>
  <si>
    <t>4.348818302154541</t>
  </si>
  <si>
    <t>523.1776123046875</t>
  </si>
  <si>
    <t>-0.020344077086091872</t>
  </si>
  <si>
    <t>48124</t>
  </si>
  <si>
    <t>3.914146661758423</t>
  </si>
  <si>
    <t>441.114501953125</t>
  </si>
  <si>
    <t>0.04875483938400116</t>
  </si>
  <si>
    <t>55853</t>
  </si>
  <si>
    <t>3.2557973861694336</t>
  </si>
  <si>
    <t>403.1571044921875</t>
  </si>
  <si>
    <t>0.14894222621017938</t>
  </si>
  <si>
    <t>56711</t>
  </si>
  <si>
    <t>3.470900297164917</t>
  </si>
  <si>
    <t>390.3367919921875</t>
  </si>
  <si>
    <t>0.015244956063334314</t>
  </si>
  <si>
    <t>54675</t>
  </si>
  <si>
    <t>2.4438588619232178</t>
  </si>
  <si>
    <t>387.3849792480469</t>
  </si>
  <si>
    <t>-0.03656162888196057</t>
  </si>
  <si>
    <t>58815</t>
  </si>
  <si>
    <t>2.6595053672790527</t>
  </si>
  <si>
    <t>491.224365234375</t>
  </si>
  <si>
    <t>0.07299035784957297</t>
  </si>
  <si>
    <t>62538</t>
  </si>
  <si>
    <t>3.256603956222534</t>
  </si>
  <si>
    <t>475.2084655761719</t>
  </si>
  <si>
    <t>0.06137744757283592</t>
  </si>
  <si>
    <t>68500</t>
  </si>
  <si>
    <t>4.492056369781494</t>
  </si>
  <si>
    <t>497.406005859375</t>
  </si>
  <si>
    <t>0.09105937328294011</t>
  </si>
  <si>
    <t>70749</t>
  </si>
  <si>
    <t>3.8049204349517822</t>
  </si>
  <si>
    <t>461.3170166015625</t>
  </si>
  <si>
    <t>0.03230465687965811</t>
  </si>
  <si>
    <t>70788</t>
  </si>
  <si>
    <t>2.9674196243286133</t>
  </si>
  <si>
    <t>480.9862976074219</t>
  </si>
  <si>
    <t>0.0005510926610998723</t>
  </si>
  <si>
    <t>75362</t>
  </si>
  <si>
    <t>2.848284959793091</t>
  </si>
  <si>
    <t>459.5760498046875</t>
  </si>
  <si>
    <t>0.06261367438514043</t>
  </si>
  <si>
    <t>62706</t>
  </si>
  <si>
    <t>2.4668128490448</t>
  </si>
  <si>
    <t>421.9825744628906</t>
  </si>
  <si>
    <t>-0.1838460323536566</t>
  </si>
  <si>
    <t>66029</t>
  </si>
  <si>
    <t>3.165498733520508</t>
  </si>
  <si>
    <t>514.3594360351562</t>
  </si>
  <si>
    <t>0.05163690262014775</t>
  </si>
  <si>
    <t>69777</t>
  </si>
  <si>
    <t>3.2609527111053467</t>
  </si>
  <si>
    <t>468.2584228515625</t>
  </si>
  <si>
    <t>0.05521040311247205</t>
  </si>
  <si>
    <t>70318</t>
  </si>
  <si>
    <t>3.6155292987823486</t>
  </si>
  <si>
    <t>450.6647644042969</t>
  </si>
  <si>
    <t>0.007723368988720836</t>
  </si>
  <si>
    <t>73689</t>
  </si>
  <si>
    <t>3.11434268951416</t>
  </si>
  <si>
    <t>460.9749755859375</t>
  </si>
  <si>
    <t>0.046825722762738664</t>
  </si>
  <si>
    <t>77493</t>
  </si>
  <si>
    <t>2.7596542835235596</t>
  </si>
  <si>
    <t>488.783447265625</t>
  </si>
  <si>
    <t>0.05033407537482404</t>
  </si>
  <si>
    <t>66361</t>
  </si>
  <si>
    <t>4.278073787689209</t>
  </si>
  <si>
    <t>406.7705078125</t>
  </si>
  <si>
    <t>-0.15507807517175642</t>
  </si>
  <si>
    <t>61170</t>
  </si>
  <si>
    <t>4.246410846710205</t>
  </si>
  <si>
    <t>441.6416931152344</t>
  </si>
  <si>
    <t>-0.08145266127309547</t>
  </si>
  <si>
    <t>64358</t>
  </si>
  <si>
    <t>3.3661882877349854</t>
  </si>
  <si>
    <t>454.0559387207031</t>
  </si>
  <si>
    <t>0.050804373184876184</t>
  </si>
  <si>
    <t>65045</t>
  </si>
  <si>
    <t>2.5093038082122803</t>
  </si>
  <si>
    <t>449.0929260253906</t>
  </si>
  <si>
    <t>0.010618091614173153</t>
  </si>
  <si>
    <t>64130</t>
  </si>
  <si>
    <t>1.9516757726669312</t>
  </si>
  <si>
    <t>494.38458251953125</t>
  </si>
  <si>
    <t>-0.014167064892751213</t>
  </si>
  <si>
    <t>53003</t>
  </si>
  <si>
    <t>3.394559144973755</t>
  </si>
  <si>
    <t>423.5191345214844</t>
  </si>
  <si>
    <t>-0.1905637574369976</t>
  </si>
  <si>
    <t>55470</t>
  </si>
  <si>
    <t>3.2914388179779053</t>
  </si>
  <si>
    <t>410.0670166015625</t>
  </si>
  <si>
    <t>0.04549381834336863</t>
  </si>
  <si>
    <t>56533</t>
  </si>
  <si>
    <t>2.9106667041778564</t>
  </si>
  <si>
    <t>401.4061584472656</t>
  </si>
  <si>
    <t>0.018982204378751533</t>
  </si>
  <si>
    <t>357</t>
  </si>
  <si>
    <t>35106</t>
  </si>
  <si>
    <t>7.716502666473389</t>
  </si>
  <si>
    <t>1939.28466796875</t>
  </si>
  <si>
    <t>2519.2861328125</t>
  </si>
  <si>
    <t>British Columbia</t>
  </si>
  <si>
    <t>33933</t>
  </si>
  <si>
    <t>8.428000450134277</t>
  </si>
  <si>
    <t>1591.3575439453125</t>
  </si>
  <si>
    <t>-0.03398406381679919</t>
  </si>
  <si>
    <t>33819</t>
  </si>
  <si>
    <t>8.30344295501709</t>
  </si>
  <si>
    <t>1376.2252197265625</t>
  </si>
  <si>
    <t>-0.0033652174868503693</t>
  </si>
  <si>
    <t>34324</t>
  </si>
  <si>
    <t>8.269888877868652</t>
  </si>
  <si>
    <t>1273.3348388671875</t>
  </si>
  <si>
    <t>0.014822043214371305</t>
  </si>
  <si>
    <t>35462</t>
  </si>
  <si>
    <t>8.369566917419434</t>
  </si>
  <si>
    <t>1554.430419921875</t>
  </si>
  <si>
    <t>0.03261688268992202</t>
  </si>
  <si>
    <t>36025</t>
  </si>
  <si>
    <t>8.330178260803223</t>
  </si>
  <si>
    <t>1859.32373046875</t>
  </si>
  <si>
    <t>0.015751441250788645</t>
  </si>
  <si>
    <t>7.421915054321289</t>
  </si>
  <si>
    <t>2015.2008056640625</t>
  </si>
  <si>
    <t>-0.012626218745126039</t>
  </si>
  <si>
    <t>36364</t>
  </si>
  <si>
    <t>8.618853569030762</t>
  </si>
  <si>
    <t>2003.62060546875</t>
  </si>
  <si>
    <t>0.02199235111915243</t>
  </si>
  <si>
    <t>36502</t>
  </si>
  <si>
    <t>9.10913372039795</t>
  </si>
  <si>
    <t>1739.48388671875</t>
  </si>
  <si>
    <t>0.0037877793482170574</t>
  </si>
  <si>
    <t>37333</t>
  </si>
  <si>
    <t>7.944996356964111</t>
  </si>
  <si>
    <t>1828.358642578125</t>
  </si>
  <si>
    <t>0.022510600407867898</t>
  </si>
  <si>
    <t>38519</t>
  </si>
  <si>
    <t>7.936216831207275</t>
  </si>
  <si>
    <t>1389.2557373046875</t>
  </si>
  <si>
    <t>0.03127397203726723</t>
  </si>
  <si>
    <t>38244</t>
  </si>
  <si>
    <t>7.792280673980713</t>
  </si>
  <si>
    <t>1717.9051513671875</t>
  </si>
  <si>
    <t>-0.007164940829763822</t>
  </si>
  <si>
    <t>39008</t>
  </si>
  <si>
    <t>7.943159580230713</t>
  </si>
  <si>
    <t>1285.131103515625</t>
  </si>
  <si>
    <t>0.019780068075659685</t>
  </si>
  <si>
    <t>39610</t>
  </si>
  <si>
    <t>8.070243835449219</t>
  </si>
  <si>
    <t>1618.8909912109375</t>
  </si>
  <si>
    <t>0.01531485833496582</t>
  </si>
  <si>
    <t>41210</t>
  </si>
  <si>
    <t>8.79423999786377</t>
  </si>
  <si>
    <t>1696.4581298828125</t>
  </si>
  <si>
    <t>0.039599333716900276</t>
  </si>
  <si>
    <t>42585</t>
  </si>
  <si>
    <t>8.563082695007324</t>
  </si>
  <si>
    <t>1715.3375244140625</t>
  </si>
  <si>
    <t>0.03282113324231872</t>
  </si>
  <si>
    <t>44169</t>
  </si>
  <si>
    <t>8.019505500793457</t>
  </si>
  <si>
    <t>1610.632568359375</t>
  </si>
  <si>
    <t>0.03652110695833599</t>
  </si>
  <si>
    <t>44500</t>
  </si>
  <si>
    <t>7.837871074676514</t>
  </si>
  <si>
    <t>1627.4659423828125</t>
  </si>
  <si>
    <t>0.007466003620812955</t>
  </si>
  <si>
    <t>43418</t>
  </si>
  <si>
    <t>7.423635959625244</t>
  </si>
  <si>
    <t>1525.9918212890625</t>
  </si>
  <si>
    <t>-0.02461508750563013</t>
  </si>
  <si>
    <t>42165</t>
  </si>
  <si>
    <t>7.938147068023682</t>
  </si>
  <si>
    <t>1601.7022705078125</t>
  </si>
  <si>
    <t>-0.02928360863995927</t>
  </si>
  <si>
    <t>42273</t>
  </si>
  <si>
    <t>8.015860557556152</t>
  </si>
  <si>
    <t>1722.51220703125</t>
  </si>
  <si>
    <t>0.0025580913544729356</t>
  </si>
  <si>
    <t>7.342657566070557</t>
  </si>
  <si>
    <t>1673.0831298828125</t>
  </si>
  <si>
    <t>0.014000369621312458</t>
  </si>
  <si>
    <t>42607</t>
  </si>
  <si>
    <t>7.75641393661499</t>
  </si>
  <si>
    <t>1718.408447265625</t>
  </si>
  <si>
    <t>-0.006130394977168052</t>
  </si>
  <si>
    <t>42711</t>
  </si>
  <si>
    <t>8.467543601989746</t>
  </si>
  <si>
    <t>1354.0706787109375</t>
  </si>
  <si>
    <t>0.0024379392744968698</t>
  </si>
  <si>
    <t>43511</t>
  </si>
  <si>
    <t>8.549330711364746</t>
  </si>
  <si>
    <t>1728.9471435546875</t>
  </si>
  <si>
    <t>0.018557281391007763</t>
  </si>
  <si>
    <t>44562</t>
  </si>
  <si>
    <t>9.234829902648926</t>
  </si>
  <si>
    <t>1650.8800048828125</t>
  </si>
  <si>
    <t>0.0238676982244872</t>
  </si>
  <si>
    <t>45812</t>
  </si>
  <si>
    <t>8.720137596130371</t>
  </si>
  <si>
    <t>1748.0670166015625</t>
  </si>
  <si>
    <t>0.027664587620256142</t>
  </si>
  <si>
    <t>47044</t>
  </si>
  <si>
    <t>8.206053733825684</t>
  </si>
  <si>
    <t>1842.4703369140625</t>
  </si>
  <si>
    <t>0.026537268453319385</t>
  </si>
  <si>
    <t>47938</t>
  </si>
  <si>
    <t>8.135673522949219</t>
  </si>
  <si>
    <t>1430.11328125</t>
  </si>
  <si>
    <t>0.01882517533200989</t>
  </si>
  <si>
    <t>7.613946437835693</t>
  </si>
  <si>
    <t>1495.264404296875</t>
  </si>
  <si>
    <t>0.013673868475496676</t>
  </si>
  <si>
    <t>47649</t>
  </si>
  <si>
    <t>8.2610445022583</t>
  </si>
  <si>
    <t>1542.5233154296875</t>
  </si>
  <si>
    <t>-0.019720734275168184</t>
  </si>
  <si>
    <t>49866</t>
  </si>
  <si>
    <t>8.065938949584961</t>
  </si>
  <si>
    <t>1702.5291748046875</t>
  </si>
  <si>
    <t>0.045477764277816135</t>
  </si>
  <si>
    <t>50822</t>
  </si>
  <si>
    <t>7.877810955047607</t>
  </si>
  <si>
    <t>1370.06591796875</t>
  </si>
  <si>
    <t>0.018989923903511396</t>
  </si>
  <si>
    <t>358</t>
  </si>
  <si>
    <t>29783</t>
  </si>
  <si>
    <t>2.156215190887451</t>
  </si>
  <si>
    <t>423.7771911621094</t>
  </si>
  <si>
    <t>597.8638305664062</t>
  </si>
  <si>
    <t>Manitoba</t>
  </si>
  <si>
    <t>28788</t>
  </si>
  <si>
    <t>3.404688596725464</t>
  </si>
  <si>
    <t>633.7313842773438</t>
  </si>
  <si>
    <t>-0.03397912728733665</t>
  </si>
  <si>
    <t>28691</t>
  </si>
  <si>
    <t>1.6942375898361206</t>
  </si>
  <si>
    <t>486.14044189453125</t>
  </si>
  <si>
    <t>-0.00337514890942181</t>
  </si>
  <si>
    <t>29120</t>
  </si>
  <si>
    <t>0.6228193044662476</t>
  </si>
  <si>
    <t>579.4238891601562</t>
  </si>
  <si>
    <t>0.014841738592348719</t>
  </si>
  <si>
    <t>30085</t>
  </si>
  <si>
    <t>2.8050529956817627</t>
  </si>
  <si>
    <t>582.55126953125</t>
  </si>
  <si>
    <t>0.03260148534383056</t>
  </si>
  <si>
    <t>30563</t>
  </si>
  <si>
    <t>1.1086567640304565</t>
  </si>
  <si>
    <t>535.6510009765625</t>
  </si>
  <si>
    <t>0.015763418347154</t>
  </si>
  <si>
    <t>31426</t>
  </si>
  <si>
    <t>0.19168215990066528</t>
  </si>
  <si>
    <t>514.9329223632812</t>
  </si>
  <si>
    <t>0.027845448748470503</t>
  </si>
  <si>
    <t>32225</t>
  </si>
  <si>
    <t>2.512619733810425</t>
  </si>
  <si>
    <t>447.0094909667969</t>
  </si>
  <si>
    <t>0.025106973057312132</t>
  </si>
  <si>
    <t>33871</t>
  </si>
  <si>
    <t>3.73046612739563</t>
  </si>
  <si>
    <t>586.6455078125</t>
  </si>
  <si>
    <t>0.04981664222166948</t>
  </si>
  <si>
    <t>34250</t>
  </si>
  <si>
    <t>3.5822651386260986</t>
  </si>
  <si>
    <t>517.4033813476562</t>
  </si>
  <si>
    <t>0.011127373661313555</t>
  </si>
  <si>
    <t>34752</t>
  </si>
  <si>
    <t>2.6175150871276855</t>
  </si>
  <si>
    <t>651.2557373046875</t>
  </si>
  <si>
    <t>0.014550559603234703</t>
  </si>
  <si>
    <t>35251</t>
  </si>
  <si>
    <t>3.2149059772491455</t>
  </si>
  <si>
    <t>532.3069458007812</t>
  </si>
  <si>
    <t>0.014256773338747308</t>
  </si>
  <si>
    <t>36154</t>
  </si>
  <si>
    <t>1.892295002937317</t>
  </si>
  <si>
    <t>504.0107727050781</t>
  </si>
  <si>
    <t>0.025293694902446262</t>
  </si>
  <si>
    <t>35646</t>
  </si>
  <si>
    <t>1.9086508750915527</t>
  </si>
  <si>
    <t>482.4610900878906</t>
  </si>
  <si>
    <t>-0.014150653951004344</t>
  </si>
  <si>
    <t>36428</t>
  </si>
  <si>
    <t>1.9103020429611206</t>
  </si>
  <si>
    <t>650.8880004882812</t>
  </si>
  <si>
    <t>0.021700771103914107</t>
  </si>
  <si>
    <t>36921</t>
  </si>
  <si>
    <t>3.8755884170532227</t>
  </si>
  <si>
    <t>624.9837646484375</t>
  </si>
  <si>
    <t>0.013442785152737002</t>
  </si>
  <si>
    <t>38796</t>
  </si>
  <si>
    <t>3.4144961833953857</t>
  </si>
  <si>
    <t>433.0555114746094</t>
  </si>
  <si>
    <t>0.049536653672985764</t>
  </si>
  <si>
    <t>39868</t>
  </si>
  <si>
    <t>2.3872005939483643</t>
  </si>
  <si>
    <t>566.9677124023438</t>
  </si>
  <si>
    <t>0.027256848573914638</t>
  </si>
  <si>
    <t>39873</t>
  </si>
  <si>
    <t>1.112066388130188</t>
  </si>
  <si>
    <t>608.2265625</t>
  </si>
  <si>
    <t>0.00012540600209476338</t>
  </si>
  <si>
    <t>39485</t>
  </si>
  <si>
    <t>1.8829536437988281</t>
  </si>
  <si>
    <t>573.0911254882812</t>
  </si>
  <si>
    <t>-0.00977855015776008</t>
  </si>
  <si>
    <t>39863</t>
  </si>
  <si>
    <t>3.15124249458313</t>
  </si>
  <si>
    <t>687.29931640625</t>
  </si>
  <si>
    <t>0.009527722424930829</t>
  </si>
  <si>
    <t>40227</t>
  </si>
  <si>
    <t>3.43286395072937</t>
  </si>
  <si>
    <t>487.5719909667969</t>
  </si>
  <si>
    <t>0.009089836591138933</t>
  </si>
  <si>
    <t>41715</t>
  </si>
  <si>
    <t>3.7809836864471436</t>
  </si>
  <si>
    <t>556.6315307617188</t>
  </si>
  <si>
    <t>0.03632236438842362</t>
  </si>
  <si>
    <t>42236</t>
  </si>
  <si>
    <t>0.9019234776496887</t>
  </si>
  <si>
    <t>535.7930297851562</t>
  </si>
  <si>
    <t>0.01241216159022862</t>
  </si>
  <si>
    <t>42224</t>
  </si>
  <si>
    <t>1.507608413696289</t>
  </si>
  <si>
    <t>612.1173095703125</t>
  </si>
  <si>
    <t>-0.00028415818329818876</t>
  </si>
  <si>
    <t>43310</t>
  </si>
  <si>
    <t>3.5835230350494385</t>
  </si>
  <si>
    <t>560.4295654296875</t>
  </si>
  <si>
    <t>0.0253947754655659</t>
  </si>
  <si>
    <t>43197</t>
  </si>
  <si>
    <t>4.190546035766602</t>
  </si>
  <si>
    <t>647.8880004882812</t>
  </si>
  <si>
    <t>-0.0026125068322908618</t>
  </si>
  <si>
    <t>43872</t>
  </si>
  <si>
    <t>2.6599910259246826</t>
  </si>
  <si>
    <t>446.3733825683594</t>
  </si>
  <si>
    <t>0.015505254985660244</t>
  </si>
  <si>
    <t>43804</t>
  </si>
  <si>
    <t>1.5999492406845093</t>
  </si>
  <si>
    <t>504.83563232421875</t>
  </si>
  <si>
    <t>-0.001551165966391821</t>
  </si>
  <si>
    <t>1.923006534576416</t>
  </si>
  <si>
    <t>616.7545166015625</t>
  </si>
  <si>
    <t>-0.01971177214137576</t>
  </si>
  <si>
    <t>41929</t>
  </si>
  <si>
    <t>3.2900962829589844</t>
  </si>
  <si>
    <t>519.8280029296875</t>
  </si>
  <si>
    <t>-0.024035653646460986</t>
  </si>
  <si>
    <t>43880</t>
  </si>
  <si>
    <t>3.447767972946167</t>
  </si>
  <si>
    <t>511.7370910644531</t>
  </si>
  <si>
    <t>0.045480923781353155</t>
  </si>
  <si>
    <t>44721</t>
  </si>
  <si>
    <t>2.271573543548584</t>
  </si>
  <si>
    <t>575.70361328125</t>
  </si>
  <si>
    <t>0.018984554549374977</t>
  </si>
  <si>
    <t>359</t>
  </si>
  <si>
    <t>27566</t>
  </si>
  <si>
    <t>5.323909282684326</t>
  </si>
  <si>
    <t>1343.243408203125</t>
  </si>
  <si>
    <t>435.20135498046875</t>
  </si>
  <si>
    <t>New Brunswick</t>
  </si>
  <si>
    <t>26646</t>
  </si>
  <si>
    <t>5.377249240875244</t>
  </si>
  <si>
    <t>1218.8897705078125</t>
  </si>
  <si>
    <t>-0.03394408373422664</t>
  </si>
  <si>
    <t>26556</t>
  </si>
  <si>
    <t>4.216885566711426</t>
  </si>
  <si>
    <t>1001.5817260742188</t>
  </si>
  <si>
    <t>-0.0033833346811071863</t>
  </si>
  <si>
    <t>26953</t>
  </si>
  <si>
    <t>3.927140951156616</t>
  </si>
  <si>
    <t>1313.6993408203125</t>
  </si>
  <si>
    <t>0.014838897556961328</t>
  </si>
  <si>
    <t>27846</t>
  </si>
  <si>
    <t>5.417821884155273</t>
  </si>
  <si>
    <t>1207.93701171875</t>
  </si>
  <si>
    <t>0.03259472107321848</t>
  </si>
  <si>
    <t>28288</t>
  </si>
  <si>
    <t>4.739626407623291</t>
  </si>
  <si>
    <t>1113.5751953125</t>
  </si>
  <si>
    <t>0.01574835696813892</t>
  </si>
  <si>
    <t>28189</t>
  </si>
  <si>
    <t>5.155938148498535</t>
  </si>
  <si>
    <t>1317.2291259765625</t>
  </si>
  <si>
    <t>-0.003505855530601565</t>
  </si>
  <si>
    <t>28099</t>
  </si>
  <si>
    <t>4.321051120758057</t>
  </si>
  <si>
    <t>1097.4935302734375</t>
  </si>
  <si>
    <t>-0.003197842406780893</t>
  </si>
  <si>
    <t>29486</t>
  </si>
  <si>
    <t>5.975912094116211</t>
  </si>
  <si>
    <t>1239.2432861328125</t>
  </si>
  <si>
    <t>0.048181585909778946</t>
  </si>
  <si>
    <t>31374</t>
  </si>
  <si>
    <t>6.71489953994751</t>
  </si>
  <si>
    <t>1200.7012939453125</t>
  </si>
  <si>
    <t>0.0620639500064204</t>
  </si>
  <si>
    <t>31751</t>
  </si>
  <si>
    <t>5.057441711425781</t>
  </si>
  <si>
    <t>1090.1251220703125</t>
  </si>
  <si>
    <t>0.011944696471653415</t>
  </si>
  <si>
    <t>5.7833099365234375</t>
  </si>
  <si>
    <t>885.8980712890625</t>
  </si>
  <si>
    <t>0.014507961684902426</t>
  </si>
  <si>
    <t>32753</t>
  </si>
  <si>
    <t>4.645439624786377</t>
  </si>
  <si>
    <t>1201.2119140625</t>
  </si>
  <si>
    <t>0.016562378348787377</t>
  </si>
  <si>
    <t>33251</t>
  </si>
  <si>
    <t>4.584954738616943</t>
  </si>
  <si>
    <t>1208.0570068359375</t>
  </si>
  <si>
    <t>0.015090280898190755</t>
  </si>
  <si>
    <t>34017</t>
  </si>
  <si>
    <t>4.64314603805542</t>
  </si>
  <si>
    <t>1037.0281982421875</t>
  </si>
  <si>
    <t>0.022775557820228443</t>
  </si>
  <si>
    <t>34568</t>
  </si>
  <si>
    <t>5.912136077880859</t>
  </si>
  <si>
    <t>1539.4849853515625</t>
  </si>
  <si>
    <t>0.01606799897182043</t>
  </si>
  <si>
    <t>35343</t>
  </si>
  <si>
    <t>6.1871161460876465</t>
  </si>
  <si>
    <t>1309.2054443359375</t>
  </si>
  <si>
    <t>0.02217195430245944</t>
  </si>
  <si>
    <t>36234</t>
  </si>
  <si>
    <t>4.829294681549072</t>
  </si>
  <si>
    <t>1244.1927490234375</t>
  </si>
  <si>
    <t>0.024897551621727132</t>
  </si>
  <si>
    <t>35327</t>
  </si>
  <si>
    <t>4.994723796844482</t>
  </si>
  <si>
    <t>1480.74072265625</t>
  </si>
  <si>
    <t>-0.025350360459235333</t>
  </si>
  <si>
    <t>36179</t>
  </si>
  <si>
    <t>5.585990905761719</t>
  </si>
  <si>
    <t>1406.7420654296875</t>
  </si>
  <si>
    <t>0.023831295910706984</t>
  </si>
  <si>
    <t>36659</t>
  </si>
  <si>
    <t>6.749605655670166</t>
  </si>
  <si>
    <t>1356.69384765625</t>
  </si>
  <si>
    <t>0.013180124347373479</t>
  </si>
  <si>
    <t>36844</t>
  </si>
  <si>
    <t>6.128894805908203</t>
  </si>
  <si>
    <t>1332.1827392578125</t>
  </si>
  <si>
    <t>0.005033818773325649</t>
  </si>
  <si>
    <t>36530</t>
  </si>
  <si>
    <t>6.628669738769531</t>
  </si>
  <si>
    <t>1069.63916015625</t>
  </si>
  <si>
    <t>-0.008558942318797946</t>
  </si>
  <si>
    <t>35995</t>
  </si>
  <si>
    <t>5.499795436859131</t>
  </si>
  <si>
    <t>1421.3828125</t>
  </si>
  <si>
    <t>-0.014753800885925372</t>
  </si>
  <si>
    <t>35920</t>
  </si>
  <si>
    <t>5.299975395202637</t>
  </si>
  <si>
    <t>1471.29638671875</t>
  </si>
  <si>
    <t>-0.002085796487266478</t>
  </si>
  <si>
    <t>37416</t>
  </si>
  <si>
    <t>5.902141094207764</t>
  </si>
  <si>
    <t>1185.3262939453125</t>
  </si>
  <si>
    <t>0.04080417698958527</t>
  </si>
  <si>
    <t>37935</t>
  </si>
  <si>
    <t>6.535356521606445</t>
  </si>
  <si>
    <t>1212.127197265625</t>
  </si>
  <si>
    <t>0.01377574836645401</t>
  </si>
  <si>
    <t>38393</t>
  </si>
  <si>
    <t>5.777830123901367</t>
  </si>
  <si>
    <t>1199.9793701171875</t>
  </si>
  <si>
    <t>0.012000982519829506</t>
  </si>
  <si>
    <t>38960</t>
  </si>
  <si>
    <t>5.780735492706299</t>
  </si>
  <si>
    <t>1316.752685546875</t>
  </si>
  <si>
    <t>0.014660327464465439</t>
  </si>
  <si>
    <t>38965</t>
  </si>
  <si>
    <t>5.607217788696289</t>
  </si>
  <si>
    <t>1348.20361328125</t>
  </si>
  <si>
    <t>0.0001283285211908236</t>
  </si>
  <si>
    <t>38104</t>
  </si>
  <si>
    <t>6.690114498138428</t>
  </si>
  <si>
    <t>984.35498046875</t>
  </si>
  <si>
    <t>-0.022344543796965155</t>
  </si>
  <si>
    <t>6.510921478271484</t>
  </si>
  <si>
    <t>1280.46923828125</t>
  </si>
  <si>
    <t>0.04548045308845339</t>
  </si>
  <si>
    <t>40641</t>
  </si>
  <si>
    <t>6.931095123291016</t>
  </si>
  <si>
    <t>1422.686767578125</t>
  </si>
  <si>
    <t>0.01897769267969629</t>
  </si>
  <si>
    <t>360</t>
  </si>
  <si>
    <t>23281</t>
  </si>
  <si>
    <t>3.5122034549713135</t>
  </si>
  <si>
    <t>1418.5330810546875</t>
  </si>
  <si>
    <t>573.1951293945312</t>
  </si>
  <si>
    <t>Newfoundland and Labrador</t>
  </si>
  <si>
    <t>3.5371057987213135</t>
  </si>
  <si>
    <t>1262.341796875</t>
  </si>
  <si>
    <t>-0.033988943611534594</t>
  </si>
  <si>
    <t>22427</t>
  </si>
  <si>
    <t>2.9556195735931396</t>
  </si>
  <si>
    <t>1372.2181396484375</t>
  </si>
  <si>
    <t>-0.003383043511457018</t>
  </si>
  <si>
    <t>22763</t>
  </si>
  <si>
    <t>3.1825525760650635</t>
  </si>
  <si>
    <t>1495.8746337890625</t>
  </si>
  <si>
    <t>0.014870820621100123</t>
  </si>
  <si>
    <t>23518</t>
  </si>
  <si>
    <t>4.123432636260986</t>
  </si>
  <si>
    <t>1568.0552978515625</t>
  </si>
  <si>
    <t>0.032629674635971995</t>
  </si>
  <si>
    <t>4.077086448669434</t>
  </si>
  <si>
    <t>1397.2493896484375</t>
  </si>
  <si>
    <t>0.01573573357865854</t>
  </si>
  <si>
    <t>23265</t>
  </si>
  <si>
    <t>4.9974751472473145</t>
  </si>
  <si>
    <t>1368.6715087890625</t>
  </si>
  <si>
    <t>-0.02655173368327013</t>
  </si>
  <si>
    <t>23601</t>
  </si>
  <si>
    <t>3.7693958282470703</t>
  </si>
  <si>
    <t>1243.712646484375</t>
  </si>
  <si>
    <t>0.014338998718603335</t>
  </si>
  <si>
    <t>25402</t>
  </si>
  <si>
    <t>5.251448154449463</t>
  </si>
  <si>
    <t>1466.9337158203125</t>
  </si>
  <si>
    <t>0.07353882706691195</t>
  </si>
  <si>
    <t>27644</t>
  </si>
  <si>
    <t>6.213047504425049</t>
  </si>
  <si>
    <t>1478.912109375</t>
  </si>
  <si>
    <t>0.08458079514701922</t>
  </si>
  <si>
    <t>30622</t>
  </si>
  <si>
    <t>5.014338493347168</t>
  </si>
  <si>
    <t>1385.5057373046875</t>
  </si>
  <si>
    <t>0.102309998653757</t>
  </si>
  <si>
    <t>31120</t>
  </si>
  <si>
    <t>5.105998516082764</t>
  </si>
  <si>
    <t>1319.406494140625</t>
  </si>
  <si>
    <t>0.016131994427286855</t>
  </si>
  <si>
    <t>35824</t>
  </si>
  <si>
    <t>4.1116204261779785</t>
  </si>
  <si>
    <t>1266.8211669921875</t>
  </si>
  <si>
    <t>0.1407673605462083</t>
  </si>
  <si>
    <t>38234</t>
  </si>
  <si>
    <t>4.570030689239502</t>
  </si>
  <si>
    <t>1300.1795654296875</t>
  </si>
  <si>
    <t>0.06510711225042698</t>
  </si>
  <si>
    <t>39595</t>
  </si>
  <si>
    <t>4.532741069793701</t>
  </si>
  <si>
    <t>1479.6571044921875</t>
  </si>
  <si>
    <t>0.03497767555554887</t>
  </si>
  <si>
    <t>43706</t>
  </si>
  <si>
    <t>5.67156982421875</t>
  </si>
  <si>
    <t>1396.1890869140625</t>
  </si>
  <si>
    <t>0.09878254478558546</t>
  </si>
  <si>
    <t>47393</t>
  </si>
  <si>
    <t>5.918562412261963</t>
  </si>
  <si>
    <t>1472.189453125</t>
  </si>
  <si>
    <t>0.08098914602251028</t>
  </si>
  <si>
    <t>54434</t>
  </si>
  <si>
    <t>4.255885601043701</t>
  </si>
  <si>
    <t>1233.71044921875</t>
  </si>
  <si>
    <t>0.13851442016026816</t>
  </si>
  <si>
    <t>56498</t>
  </si>
  <si>
    <t>4.821176528930664</t>
  </si>
  <si>
    <t>1416.9075927734375</t>
  </si>
  <si>
    <t>0.03721628066503513</t>
  </si>
  <si>
    <t>45438</t>
  </si>
  <si>
    <t>5.122457504272461</t>
  </si>
  <si>
    <t>1419.3465576171875</t>
  </si>
  <si>
    <t>-0.2178564799360334</t>
  </si>
  <si>
    <t>50853</t>
  </si>
  <si>
    <t>6.621862888336182</t>
  </si>
  <si>
    <t>1556.3558349609375</t>
  </si>
  <si>
    <t>0.11259035844471832</t>
  </si>
  <si>
    <t>56397</t>
  </si>
  <si>
    <t>4.918999195098877</t>
  </si>
  <si>
    <t>1405.3328857421875</t>
  </si>
  <si>
    <t>0.10347684779547528</t>
  </si>
  <si>
    <t>53074</t>
  </si>
  <si>
    <t>6.006205081939697</t>
  </si>
  <si>
    <t>1219.1739501953125</t>
  </si>
  <si>
    <t>-0.06072879945047838</t>
  </si>
  <si>
    <t>56021</t>
  </si>
  <si>
    <t>5.113037109375</t>
  </si>
  <si>
    <t>1367.0155029296875</t>
  </si>
  <si>
    <t>0.05403945429076629</t>
  </si>
  <si>
    <t>54543</t>
  </si>
  <si>
    <t>4.664285659790039</t>
  </si>
  <si>
    <t>1279.9921875</t>
  </si>
  <si>
    <t>-0.026737239034977378</t>
  </si>
  <si>
    <t>50078</t>
  </si>
  <si>
    <t>4.2374444007873535</t>
  </si>
  <si>
    <t>1306.0655517578125</t>
  </si>
  <si>
    <t>-0.08540759151310517</t>
  </si>
  <si>
    <t>50217</t>
  </si>
  <si>
    <t>4.631319046020508</t>
  </si>
  <si>
    <t>1340.67138671875</t>
  </si>
  <si>
    <t>0.002771824896452557</t>
  </si>
  <si>
    <t>52393</t>
  </si>
  <si>
    <t>4.726327419281006</t>
  </si>
  <si>
    <t>1358.1171875</t>
  </si>
  <si>
    <t>0.042419379828501746</t>
  </si>
  <si>
    <t>53155</t>
  </si>
  <si>
    <t>4.116985321044922</t>
  </si>
  <si>
    <t>1320.4906005859375</t>
  </si>
  <si>
    <t>0.014439179123474588</t>
  </si>
  <si>
    <t>53821</t>
  </si>
  <si>
    <t>3.9813244342803955</t>
  </si>
  <si>
    <t>1312.946533203125</t>
  </si>
  <si>
    <t>0.012451551838939423</t>
  </si>
  <si>
    <t>48133</t>
  </si>
  <si>
    <t>4.955886363983154</t>
  </si>
  <si>
    <t>1315.6534423828125</t>
  </si>
  <si>
    <t>-0.11169571302062664</t>
  </si>
  <si>
    <t>50373</t>
  </si>
  <si>
    <t>5.198139667510986</t>
  </si>
  <si>
    <t>1337.1646728515625</t>
  </si>
  <si>
    <t>0.04548730468656004</t>
  </si>
  <si>
    <t>51338</t>
  </si>
  <si>
    <t>4.776388645172119</t>
  </si>
  <si>
    <t>1319.4508056640625</t>
  </si>
  <si>
    <t>0.018975901459006295</t>
  </si>
  <si>
    <t>361</t>
  </si>
  <si>
    <t>62069</t>
  </si>
  <si>
    <t>-5.982882976531982</t>
  </si>
  <si>
    <t>329.2157897949219</t>
  </si>
  <si>
    <t>63.357627868652344</t>
  </si>
  <si>
    <t>Northwest Territories</t>
  </si>
  <si>
    <t>59996</t>
  </si>
  <si>
    <t>-4.845944881439209</t>
  </si>
  <si>
    <t>365.6151428222656</t>
  </si>
  <si>
    <t>-0.03396877612006932</t>
  </si>
  <si>
    <t>59793</t>
  </si>
  <si>
    <t>-4.8280930519104</t>
  </si>
  <si>
    <t>267.2362976074219</t>
  </si>
  <si>
    <t>-0.003389296084403526</t>
  </si>
  <si>
    <t>60687</t>
  </si>
  <si>
    <t>-4.62157678604126</t>
  </si>
  <si>
    <t>292.223876953125</t>
  </si>
  <si>
    <t>0.014840909839954008</t>
  </si>
  <si>
    <t>62699</t>
  </si>
  <si>
    <t>-4.05501127243042</t>
  </si>
  <si>
    <t>245.91954040527344</t>
  </si>
  <si>
    <t>0.03261599145970706</t>
  </si>
  <si>
    <t>63694</t>
  </si>
  <si>
    <t>-5.628055572509766</t>
  </si>
  <si>
    <t>223.4560546875</t>
  </si>
  <si>
    <t>0.015744868070683538</t>
  </si>
  <si>
    <t>65493</t>
  </si>
  <si>
    <t>-5.724572658538818</t>
  </si>
  <si>
    <t>288.7811584472656</t>
  </si>
  <si>
    <t>0.027852900082113052</t>
  </si>
  <si>
    <t>67158</t>
  </si>
  <si>
    <t>-4.2909836769104</t>
  </si>
  <si>
    <t>313.2423400878906</t>
  </si>
  <si>
    <t>0.025104785434017174</t>
  </si>
  <si>
    <t>70588</t>
  </si>
  <si>
    <t>-2.2190191745758057</t>
  </si>
  <si>
    <t>282.4833984375</t>
  </si>
  <si>
    <t>0.04981210624580079</t>
  </si>
  <si>
    <t>71379</t>
  </si>
  <si>
    <t>-3.422960042953491</t>
  </si>
  <si>
    <t>290.40386962890625</t>
  </si>
  <si>
    <t>0.011143550056415208</t>
  </si>
  <si>
    <t>75034</t>
  </si>
  <si>
    <t>-3.978132486343384</t>
  </si>
  <si>
    <t>325.0265197753906</t>
  </si>
  <si>
    <t>0.04993763570773169</t>
  </si>
  <si>
    <t>86733</t>
  </si>
  <si>
    <t>-4.199094772338867</t>
  </si>
  <si>
    <t>307.99200439453125</t>
  </si>
  <si>
    <t>0.14489309006023632</t>
  </si>
  <si>
    <t>85379</t>
  </si>
  <si>
    <t>-5.193814754486084</t>
  </si>
  <si>
    <t>294.8366394042969</t>
  </si>
  <si>
    <t>-0.015734265288955385</t>
  </si>
  <si>
    <t>98274</t>
  </si>
  <si>
    <t>-4.708815574645996</t>
  </si>
  <si>
    <t>283.712646484375</t>
  </si>
  <si>
    <t>0.14065932681188364</t>
  </si>
  <si>
    <t>108523</t>
  </si>
  <si>
    <t>-5.716527462005615</t>
  </si>
  <si>
    <t>208.81460571289062</t>
  </si>
  <si>
    <t>0.09920263635411963</t>
  </si>
  <si>
    <t>103327</t>
  </si>
  <si>
    <t>-3.218146324157715</t>
  </si>
  <si>
    <t>339.6307067871094</t>
  </si>
  <si>
    <t>-0.04906341547224358</t>
  </si>
  <si>
    <t>101165</t>
  </si>
  <si>
    <t>-2.904249429702759</t>
  </si>
  <si>
    <t>284.13836669921875</t>
  </si>
  <si>
    <t>-0.021145869379015636</t>
  </si>
  <si>
    <t>102531</t>
  </si>
  <si>
    <t>-4.981542110443115</t>
  </si>
  <si>
    <t>312.5735778808594</t>
  </si>
  <si>
    <t>0.0134123446462322</t>
  </si>
  <si>
    <t>106017</t>
  </si>
  <si>
    <t>-5.091022491455078</t>
  </si>
  <si>
    <t>300.1620788574219</t>
  </si>
  <si>
    <t>0.03343426673409411</t>
  </si>
  <si>
    <t>87193</t>
  </si>
  <si>
    <t>-5.0763678550720215</t>
  </si>
  <si>
    <t>299.7211608886719</t>
  </si>
  <si>
    <t>-0.1954754061481374</t>
  </si>
  <si>
    <t>101492</t>
  </si>
  <si>
    <t>-3.1261794567108154</t>
  </si>
  <si>
    <t>274.05303955078125</t>
  </si>
  <si>
    <t>0.151855925178225</t>
  </si>
  <si>
    <t>95999</t>
  </si>
  <si>
    <t>-4.157304286956787</t>
  </si>
  <si>
    <t>283.4588928222656</t>
  </si>
  <si>
    <t>-0.05564220289465638</t>
  </si>
  <si>
    <t>87709</t>
  </si>
  <si>
    <t>-4.134083271026611</t>
  </si>
  <si>
    <t>285.18133544921875</t>
  </si>
  <si>
    <t>-0.0903132580571473</t>
  </si>
  <si>
    <t>87639</t>
  </si>
  <si>
    <t>-4.1984453201293945</t>
  </si>
  <si>
    <t>298.29107666015625</t>
  </si>
  <si>
    <t>-0.0007984123425259781</t>
  </si>
  <si>
    <t>91515</t>
  </si>
  <si>
    <t>-4.781952381134033</t>
  </si>
  <si>
    <t>286.85980224609375</t>
  </si>
  <si>
    <t>0.04327678892468256</t>
  </si>
  <si>
    <t>90577</t>
  </si>
  <si>
    <t>-3.5883541107177734</t>
  </si>
  <si>
    <t>286.3267822265625</t>
  </si>
  <si>
    <t>-0.010302575586349505</t>
  </si>
  <si>
    <t>84068</t>
  </si>
  <si>
    <t>-3.2551157474517822</t>
  </si>
  <si>
    <t>288.1729736328125</t>
  </si>
  <si>
    <t>-0.07457432252040874</t>
  </si>
  <si>
    <t>84673</t>
  </si>
  <si>
    <t>-3.9454822540283203</t>
  </si>
  <si>
    <t>288.2419128417969</t>
  </si>
  <si>
    <t>0.007170783537251424</t>
  </si>
  <si>
    <t>84535</t>
  </si>
  <si>
    <t>-5.0778326988220215</t>
  </si>
  <si>
    <t>286.2635192871094</t>
  </si>
  <si>
    <t>-0.0016311289134876006</t>
  </si>
  <si>
    <t>80731</t>
  </si>
  <si>
    <t>-4.525668621063232</t>
  </si>
  <si>
    <t>286.1549377441406</t>
  </si>
  <si>
    <t>-0.0460430094898161</t>
  </si>
  <si>
    <t>75696</t>
  </si>
  <si>
    <t>-4.970613479614258</t>
  </si>
  <si>
    <t>286.72991943359375</t>
  </si>
  <si>
    <t>-0.06439732141032195</t>
  </si>
  <si>
    <t>79219</t>
  </si>
  <si>
    <t>-5.3008012771606445</t>
  </si>
  <si>
    <t>0.04549085015032617</t>
  </si>
  <si>
    <t>80736</t>
  </si>
  <si>
    <t>-4.11912202835083</t>
  </si>
  <si>
    <t>0.0189684034195281</t>
  </si>
  <si>
    <t>362</t>
  </si>
  <si>
    <t>25989</t>
  </si>
  <si>
    <t>6.426917552947998</t>
  </si>
  <si>
    <t>1556.3599853515625</t>
  </si>
  <si>
    <t>498.53131103515625</t>
  </si>
  <si>
    <t>Nova Scotia</t>
  </si>
  <si>
    <t>25121</t>
  </si>
  <si>
    <t>6.489168643951416</t>
  </si>
  <si>
    <t>1409.6279296875</t>
  </si>
  <si>
    <t>-0.0339692218512706</t>
  </si>
  <si>
    <t>5.296417713165283</t>
  </si>
  <si>
    <t>1233.7540283203125</t>
  </si>
  <si>
    <t>-0.00334941897724228</t>
  </si>
  <si>
    <t>25411</t>
  </si>
  <si>
    <t>5.076722145080566</t>
  </si>
  <si>
    <t>1519.2987060546875</t>
  </si>
  <si>
    <t>0.014827420394910362</t>
  </si>
  <si>
    <t>26253</t>
  </si>
  <si>
    <t>6.61152458190918</t>
  </si>
  <si>
    <t>1468.9810791015625</t>
  </si>
  <si>
    <t>0.03259811707929394</t>
  </si>
  <si>
    <t>26670</t>
  </si>
  <si>
    <t>5.851617813110352</t>
  </si>
  <si>
    <t>1292.1429443359375</t>
  </si>
  <si>
    <t>0.015759069972119732</t>
  </si>
  <si>
    <t>26423</t>
  </si>
  <si>
    <t>6.2756733894348145</t>
  </si>
  <si>
    <t>1493.4990234375</t>
  </si>
  <si>
    <t>-0.009304495205444852</t>
  </si>
  <si>
    <t>27303</t>
  </si>
  <si>
    <t>5.48268461227417</t>
  </si>
  <si>
    <t>1268.5439453125</t>
  </si>
  <si>
    <t>0.032761743274850375</t>
  </si>
  <si>
    <t>28721</t>
  </si>
  <si>
    <t>7.107114791870117</t>
  </si>
  <si>
    <t>1477.0238037109375</t>
  </si>
  <si>
    <t>0.050631976252033084</t>
  </si>
  <si>
    <t>30436</t>
  </si>
  <si>
    <t>7.857673645019531</t>
  </si>
  <si>
    <t>1422.0867919921875</t>
  </si>
  <si>
    <t>0.057997555798914746</t>
  </si>
  <si>
    <t>31215</t>
  </si>
  <si>
    <t>6.301279067993164</t>
  </si>
  <si>
    <t>1331.3060302734375</t>
  </si>
  <si>
    <t>0.025272630199429713</t>
  </si>
  <si>
    <t>32289</t>
  </si>
  <si>
    <t>6.846166133880615</t>
  </si>
  <si>
    <t>1127.8336181640625</t>
  </si>
  <si>
    <t>0.03382786643656388</t>
  </si>
  <si>
    <t>5.783306121826172</t>
  </si>
  <si>
    <t>1472.6453857421875</t>
  </si>
  <si>
    <t>0.03284077266288499</t>
  </si>
  <si>
    <t>34251</t>
  </si>
  <si>
    <t>5.784653186798096</t>
  </si>
  <si>
    <t>1371.5394287109375</t>
  </si>
  <si>
    <t>0.026148373749144582</t>
  </si>
  <si>
    <t>34275</t>
  </si>
  <si>
    <t>5.836254596710205</t>
  </si>
  <si>
    <t>1275.0081787109375</t>
  </si>
  <si>
    <t>0.0007004640860781564</t>
  </si>
  <si>
    <t>34634</t>
  </si>
  <si>
    <t>7.06848669052124</t>
  </si>
  <si>
    <t>1498.7989501953125</t>
  </si>
  <si>
    <t>0.01041963308158067</t>
  </si>
  <si>
    <t>34408</t>
  </si>
  <si>
    <t>7.3430914878845215</t>
  </si>
  <si>
    <t>1426.197998046875</t>
  </si>
  <si>
    <t>-0.006546763048524085</t>
  </si>
  <si>
    <t>34655</t>
  </si>
  <si>
    <t>5.9205145835876465</t>
  </si>
  <si>
    <t>1277.0399169921875</t>
  </si>
  <si>
    <t>0.007152919888513409</t>
  </si>
  <si>
    <t>34690</t>
  </si>
  <si>
    <t>6.196589946746826</t>
  </si>
  <si>
    <t>1580.5496826171875</t>
  </si>
  <si>
    <t>0.0010094456117109019</t>
  </si>
  <si>
    <t>6.694549560546875</t>
  </si>
  <si>
    <t>1603.484130859375</t>
  </si>
  <si>
    <t>0.00923939888853198</t>
  </si>
  <si>
    <t>35741</t>
  </si>
  <si>
    <t>7.870789051055908</t>
  </si>
  <si>
    <t>1493.7041015625</t>
  </si>
  <si>
    <t>0.020607629324166155</t>
  </si>
  <si>
    <t>7.205070972442627</t>
  </si>
  <si>
    <t>1490.8544921875</t>
  </si>
  <si>
    <t>-0.013832959936079803</t>
  </si>
  <si>
    <t>35023</t>
  </si>
  <si>
    <t>7.706186771392822</t>
  </si>
  <si>
    <t>1136.878173828125</t>
  </si>
  <si>
    <t>-0.006460540735542253</t>
  </si>
  <si>
    <t>35255</t>
  </si>
  <si>
    <t>6.666555881500244</t>
  </si>
  <si>
    <t>1520.4857177734375</t>
  </si>
  <si>
    <t>0.0066023746482688495</t>
  </si>
  <si>
    <t>35648</t>
  </si>
  <si>
    <t>6.505106449127197</t>
  </si>
  <si>
    <t>1632.8480224609375</t>
  </si>
  <si>
    <t>0.011085681133815584</t>
  </si>
  <si>
    <t>36885</t>
  </si>
  <si>
    <t>6.936403274536133</t>
  </si>
  <si>
    <t>1334.130615234375</t>
  </si>
  <si>
    <t>0.03411192003144592</t>
  </si>
  <si>
    <t>37218</t>
  </si>
  <si>
    <t>7.605289459228516</t>
  </si>
  <si>
    <t>1178.574951171875</t>
  </si>
  <si>
    <t>0.008987550882769924</t>
  </si>
  <si>
    <t>37451</t>
  </si>
  <si>
    <t>6.834710597991943</t>
  </si>
  <si>
    <t>1196.6207275390625</t>
  </si>
  <si>
    <t>0.006240896657386585</t>
  </si>
  <si>
    <t>37817</t>
  </si>
  <si>
    <t>6.860889911651611</t>
  </si>
  <si>
    <t>1529.344970703125</t>
  </si>
  <si>
    <t>0.009725325098179027</t>
  </si>
  <si>
    <t>38178</t>
  </si>
  <si>
    <t>6.753936290740967</t>
  </si>
  <si>
    <t>1646.770263671875</t>
  </si>
  <si>
    <t>0.009500696504108674</t>
  </si>
  <si>
    <t>37915</t>
  </si>
  <si>
    <t>7.704763412475586</t>
  </si>
  <si>
    <t>1049.1080322265625</t>
  </si>
  <si>
    <t>-0.006912621325810164</t>
  </si>
  <si>
    <t>39680</t>
  </si>
  <si>
    <t>7.59381628036499</t>
  </si>
  <si>
    <t>1532.9547119140625</t>
  </si>
  <si>
    <t>0.04550047026377335</t>
  </si>
  <si>
    <t>40440</t>
  </si>
  <si>
    <t>7.948950290679932</t>
  </si>
  <si>
    <t>1554.5418701171875</t>
  </si>
  <si>
    <t>0.018972111735598318</t>
  </si>
  <si>
    <t>363</t>
  </si>
  <si>
    <t>36725</t>
  </si>
  <si>
    <t>-13.685126304626465</t>
  </si>
  <si>
    <t>268.83380126953125</t>
  </si>
  <si>
    <t>31.191865921020508</t>
  </si>
  <si>
    <t>Nunavut</t>
  </si>
  <si>
    <t>35498</t>
  </si>
  <si>
    <t>-12.25390625</t>
  </si>
  <si>
    <t>276.1676330566406</t>
  </si>
  <si>
    <t>-0.03398136519378703</t>
  </si>
  <si>
    <t>35378</t>
  </si>
  <si>
    <t>-13.470898628234863</t>
  </si>
  <si>
    <t>266.3509521484375</t>
  </si>
  <si>
    <t>-0.003386198844838262</t>
  </si>
  <si>
    <t>35907</t>
  </si>
  <si>
    <t>-13.123332023620605</t>
  </si>
  <si>
    <t>279.1408386230469</t>
  </si>
  <si>
    <t>0.014842104538027812</t>
  </si>
  <si>
    <t>37098</t>
  </si>
  <si>
    <t>-11.634346008300781</t>
  </si>
  <si>
    <t>272.8910217285156</t>
  </si>
  <si>
    <t>0.03263079724514384</t>
  </si>
  <si>
    <t>37687</t>
  </si>
  <si>
    <t>-12.178717613220215</t>
  </si>
  <si>
    <t>286.49578857421875</t>
  </si>
  <si>
    <t>0.015752147596566957</t>
  </si>
  <si>
    <t>38778</t>
  </si>
  <si>
    <t>-11.716636657714844</t>
  </si>
  <si>
    <t>265.8391418457031</t>
  </si>
  <si>
    <t>0.028537868107758158</t>
  </si>
  <si>
    <t>36731</t>
  </si>
  <si>
    <t>-12.363326072692871</t>
  </si>
  <si>
    <t>249.58021545410156</t>
  </si>
  <si>
    <t>-0.054231990346787384</t>
  </si>
  <si>
    <t>35846</t>
  </si>
  <si>
    <t>-10.318873405456543</t>
  </si>
  <si>
    <t>276.3066101074219</t>
  </si>
  <si>
    <t>-0.024389100352619764</t>
  </si>
  <si>
    <t>36081</t>
  </si>
  <si>
    <t>-11.444515228271484</t>
  </si>
  <si>
    <t>284.66107177734375</t>
  </si>
  <si>
    <t>0.006534426187183584</t>
  </si>
  <si>
    <t>37040</t>
  </si>
  <si>
    <t>-11.669268608093262</t>
  </si>
  <si>
    <t>256.15325927734375</t>
  </si>
  <si>
    <t>0.026231998781389265</t>
  </si>
  <si>
    <t>37290</t>
  </si>
  <si>
    <t>-11.309901237487793</t>
  </si>
  <si>
    <t>257.26910400390625</t>
  </si>
  <si>
    <t>0.00672678441275032</t>
  </si>
  <si>
    <t>39351</t>
  </si>
  <si>
    <t>-11.7058744430542</t>
  </si>
  <si>
    <t>253.9534149169922</t>
  </si>
  <si>
    <t>0.053796193310390095</t>
  </si>
  <si>
    <t>37693</t>
  </si>
  <si>
    <t>-11.622612953186035</t>
  </si>
  <si>
    <t>257.61480712890625</t>
  </si>
  <si>
    <t>-0.0430469866797214</t>
  </si>
  <si>
    <t>39030</t>
  </si>
  <si>
    <t>-12.92497730255127</t>
  </si>
  <si>
    <t>260.044677734375</t>
  </si>
  <si>
    <t>0.03485618037112559</t>
  </si>
  <si>
    <t>38656</t>
  </si>
  <si>
    <t>-10.89715576171875</t>
  </si>
  <si>
    <t>284.5668640136719</t>
  </si>
  <si>
    <t>-0.009628578880173322</t>
  </si>
  <si>
    <t>39646</t>
  </si>
  <si>
    <t>-9.951178550720215</t>
  </si>
  <si>
    <t>275.7826843261719</t>
  </si>
  <si>
    <t>0.02528805795567024</t>
  </si>
  <si>
    <t>40024</t>
  </si>
  <si>
    <t>-11.992259979248047</t>
  </si>
  <si>
    <t>275.5617980957031</t>
  </si>
  <si>
    <t>0.009489213917884598</t>
  </si>
  <si>
    <t>44948</t>
  </si>
  <si>
    <t>-11.814982414245605</t>
  </si>
  <si>
    <t>249.06045532226562</t>
  </si>
  <si>
    <t>0.1160269918597514</t>
  </si>
  <si>
    <t>44275</t>
  </si>
  <si>
    <t>-11.337153434753418</t>
  </si>
  <si>
    <t>246.3426055908203</t>
  </si>
  <si>
    <t>-0.015086082376758014</t>
  </si>
  <si>
    <t>52365</t>
  </si>
  <si>
    <t>-9.261767387390137</t>
  </si>
  <si>
    <t>248.2372589111328</t>
  </si>
  <si>
    <t>0.1678182455562105</t>
  </si>
  <si>
    <t>52532</t>
  </si>
  <si>
    <t>-11.851299285888672</t>
  </si>
  <si>
    <t>255.6738739013672</t>
  </si>
  <si>
    <t>0.0031840784978047765</t>
  </si>
  <si>
    <t>55283</t>
  </si>
  <si>
    <t>-11.408672332763672</t>
  </si>
  <si>
    <t>256.5165710449219</t>
  </si>
  <si>
    <t>0.05104293943909077</t>
  </si>
  <si>
    <t>55604</t>
  </si>
  <si>
    <t>-11.779603004455566</t>
  </si>
  <si>
    <t>234.71499633789062</t>
  </si>
  <si>
    <t>0.005789693952841901</t>
  </si>
  <si>
    <t>55637</t>
  </si>
  <si>
    <t>-12.180333137512207</t>
  </si>
  <si>
    <t>249.27236938476562</t>
  </si>
  <si>
    <t>0.0005933064421945744</t>
  </si>
  <si>
    <t>56314</t>
  </si>
  <si>
    <t>-12.513199806213379</t>
  </si>
  <si>
    <t>232.0360107421875</t>
  </si>
  <si>
    <t>0.012094724526678036</t>
  </si>
  <si>
    <t>58903</t>
  </si>
  <si>
    <t>-11.678096771240234</t>
  </si>
  <si>
    <t>247.89768981933594</t>
  </si>
  <si>
    <t>0.04494885106281998</t>
  </si>
  <si>
    <t>66318</t>
  </si>
  <si>
    <t>-11.932358741760254</t>
  </si>
  <si>
    <t>245.44886779785156</t>
  </si>
  <si>
    <t>0.11856933041033457</t>
  </si>
  <si>
    <t>67081</t>
  </si>
  <si>
    <t>-13.082839965820312</t>
  </si>
  <si>
    <t>242.58865356445312</t>
  </si>
  <si>
    <t>0.011439490860064794</t>
  </si>
  <si>
    <t>71403</t>
  </si>
  <si>
    <t>-11.861297607421875</t>
  </si>
  <si>
    <t>234.9682159423828</t>
  </si>
  <si>
    <t>0.062439040852641625</t>
  </si>
  <si>
    <t>84427</t>
  </si>
  <si>
    <t>-11.956321716308594</t>
  </si>
  <si>
    <t>240.36944580078125</t>
  </si>
  <si>
    <t>0.1675473703868402</t>
  </si>
  <si>
    <t>88356</t>
  </si>
  <si>
    <t>-11.936202049255371</t>
  </si>
  <si>
    <t>249.1711883544922</t>
  </si>
  <si>
    <t>0.045486852518161314</t>
  </si>
  <si>
    <t>90049</t>
  </si>
  <si>
    <t>-11.833664894104004</t>
  </si>
  <si>
    <t>247.5369873046875</t>
  </si>
  <si>
    <t>0.018979858444025055</t>
  </si>
  <si>
    <t>364</t>
  </si>
  <si>
    <t>37468</t>
  </si>
  <si>
    <t>7.7373576164245605</t>
  </si>
  <si>
    <t>1020.5186157226562</t>
  </si>
  <si>
    <t>6372.80517578125</t>
  </si>
  <si>
    <t>Ontario</t>
  </si>
  <si>
    <t>36216</t>
  </si>
  <si>
    <t>8.376100540161133</t>
  </si>
  <si>
    <t>822.4440307617188</t>
  </si>
  <si>
    <t>-0.03398622521322636</t>
  </si>
  <si>
    <t>6.554842472076416</t>
  </si>
  <si>
    <t>1032.6510009765625</t>
  </si>
  <si>
    <t>-0.0033743635945509</t>
  </si>
  <si>
    <t>36634</t>
  </si>
  <si>
    <t>5.974660873413086</t>
  </si>
  <si>
    <t>867.499267578125</t>
  </si>
  <si>
    <t>0.014850124398918751</t>
  </si>
  <si>
    <t>37848</t>
  </si>
  <si>
    <t>7.535053730010986</t>
  </si>
  <si>
    <t>855.8256225585938</t>
  </si>
  <si>
    <t>0.03260136739082142</t>
  </si>
  <si>
    <t>6.832309722900391</t>
  </si>
  <si>
    <t>840.8150634765625</t>
  </si>
  <si>
    <t>0.015754549482256408</t>
  </si>
  <si>
    <t>38488</t>
  </si>
  <si>
    <t>6.628358840942383</t>
  </si>
  <si>
    <t>965.034423828125</t>
  </si>
  <si>
    <t>0.0010138165860489323</t>
  </si>
  <si>
    <t>39850</t>
  </si>
  <si>
    <t>6.882741928100586</t>
  </si>
  <si>
    <t>909.9830322265625</t>
  </si>
  <si>
    <t>0.03477590083907245</t>
  </si>
  <si>
    <t>41637</t>
  </si>
  <si>
    <t>8.676896095275879</t>
  </si>
  <si>
    <t>832.9595336914062</t>
  </si>
  <si>
    <t>0.04386678980558756</t>
  </si>
  <si>
    <t>43391</t>
  </si>
  <si>
    <t>8.112695693969727</t>
  </si>
  <si>
    <t>770.0783081054688</t>
  </si>
  <si>
    <t>0.04126285128784701</t>
  </si>
  <si>
    <t>44216</t>
  </si>
  <si>
    <t>7.083245754241943</t>
  </si>
  <si>
    <t>924.043212890625</t>
  </si>
  <si>
    <t>0.018834668201302307</t>
  </si>
  <si>
    <t>8.36658763885498</t>
  </si>
  <si>
    <t>816.8421020507812</t>
  </si>
  <si>
    <t>0.0031612725600087543</t>
  </si>
  <si>
    <t>45524</t>
  </si>
  <si>
    <t>7.334594249725342</t>
  </si>
  <si>
    <t>855.2967529296875</t>
  </si>
  <si>
    <t>0.025991672328673943</t>
  </si>
  <si>
    <t>44802</t>
  </si>
  <si>
    <t>6.541383743286133</t>
  </si>
  <si>
    <t>938.973876953125</t>
  </si>
  <si>
    <t>-0.015986878138024352</t>
  </si>
  <si>
    <t>44846</t>
  </si>
  <si>
    <t>7.183507442474365</t>
  </si>
  <si>
    <t>939.6052856445312</t>
  </si>
  <si>
    <t>0.0009816170697192206</t>
  </si>
  <si>
    <t>44861</t>
  </si>
  <si>
    <t>8.172365188598633</t>
  </si>
  <si>
    <t>887.4646606445312</t>
  </si>
  <si>
    <t>0.0003344220660554953</t>
  </si>
  <si>
    <t>44975</t>
  </si>
  <si>
    <t>8.169041633605957</t>
  </si>
  <si>
    <t>1003.108642578125</t>
  </si>
  <si>
    <t>0.002537959419202096</t>
  </si>
  <si>
    <t>44959</t>
  </si>
  <si>
    <t>7.622278690338135</t>
  </si>
  <si>
    <t>822.0905151367188</t>
  </si>
  <si>
    <t>-0.0003558164913997075</t>
  </si>
  <si>
    <t>43251</t>
  </si>
  <si>
    <t>6.6718220710754395</t>
  </si>
  <si>
    <t>1035.68359375</t>
  </si>
  <si>
    <t>-0.03873060884732027</t>
  </si>
  <si>
    <t>43209</t>
  </si>
  <si>
    <t>7.105377674102783</t>
  </si>
  <si>
    <t>914.6680908203125</t>
  </si>
  <si>
    <t>-0.0009715476128544509</t>
  </si>
  <si>
    <t>43854</t>
  </si>
  <si>
    <t>8.138862609863281</t>
  </si>
  <si>
    <t>874.7009887695312</t>
  </si>
  <si>
    <t>0.014817127841286748</t>
  </si>
  <si>
    <t>43935</t>
  </si>
  <si>
    <t>8.451212882995605</t>
  </si>
  <si>
    <t>1110.2803955078125</t>
  </si>
  <si>
    <t>0.0018453342214979074</t>
  </si>
  <si>
    <t>44296</t>
  </si>
  <si>
    <t>9.163866996765137</t>
  </si>
  <si>
    <t>834.83056640625</t>
  </si>
  <si>
    <t>0.00818311057286003</t>
  </si>
  <si>
    <t>44116</t>
  </si>
  <si>
    <t>6.986688613891602</t>
  </si>
  <si>
    <t>1019.99072265625</t>
  </si>
  <si>
    <t>-0.004071851076766109</t>
  </si>
  <si>
    <t>44839</t>
  </si>
  <si>
    <t>6.679990768432617</t>
  </si>
  <si>
    <t>914.2333984375</t>
  </si>
  <si>
    <t>0.016255767994872272</t>
  </si>
  <si>
    <t>47086</t>
  </si>
  <si>
    <t>8.002012252807617</t>
  </si>
  <si>
    <t>867.0291748046875</t>
  </si>
  <si>
    <t>0.0488974204839856</t>
  </si>
  <si>
    <t>48070</t>
  </si>
  <si>
    <t>8.992520332336426</t>
  </si>
  <si>
    <t>919.552734375</t>
  </si>
  <si>
    <t>0.02068256498310994</t>
  </si>
  <si>
    <t>48168</t>
  </si>
  <si>
    <t>7.989560604095459</t>
  </si>
  <si>
    <t>1069.7264404296875</t>
  </si>
  <si>
    <t>0.002036618256278544</t>
  </si>
  <si>
    <t>48549</t>
  </si>
  <si>
    <t>7.862249851226807</t>
  </si>
  <si>
    <t>1014.14208984375</t>
  </si>
  <si>
    <t>0.007878697040711202</t>
  </si>
  <si>
    <t>48841</t>
  </si>
  <si>
    <t>7.981484889984131</t>
  </si>
  <si>
    <t>977.832275390625</t>
  </si>
  <si>
    <t>0.005996526850509554</t>
  </si>
  <si>
    <t>46719</t>
  </si>
  <si>
    <t>8.624939918518066</t>
  </si>
  <si>
    <t>881.6611938476562</t>
  </si>
  <si>
    <t>-0.044419189872057174</t>
  </si>
  <si>
    <t>48894</t>
  </si>
  <si>
    <t>8.568113327026367</t>
  </si>
  <si>
    <t>932.7335205078125</t>
  </si>
  <si>
    <t>0.04550375538482676</t>
  </si>
  <si>
    <t>49830</t>
  </si>
  <si>
    <t>8.612992286682129</t>
  </si>
  <si>
    <t>944.8642578125</t>
  </si>
  <si>
    <t>0.018962522727175468</t>
  </si>
  <si>
    <t>365</t>
  </si>
  <si>
    <t>24175</t>
  </si>
  <si>
    <t>5.983651638031006</t>
  </si>
  <si>
    <t>1259.5926513671875</t>
  </si>
  <si>
    <t>109.3539810180664</t>
  </si>
  <si>
    <t>Prince Edward Island</t>
  </si>
  <si>
    <t>23368</t>
  </si>
  <si>
    <t>6.036699295043945</t>
  </si>
  <si>
    <t>1109.426513671875</t>
  </si>
  <si>
    <t>-0.033951476253918145</t>
  </si>
  <si>
    <t>23289</t>
  </si>
  <si>
    <t>4.877230167388916</t>
  </si>
  <si>
    <t>998.6943359375</t>
  </si>
  <si>
    <t>-0.003386418993786222</t>
  </si>
  <si>
    <t>23637</t>
  </si>
  <si>
    <t>4.636302947998047</t>
  </si>
  <si>
    <t>1208.8165283203125</t>
  </si>
  <si>
    <t>0.014832134840007782</t>
  </si>
  <si>
    <t>24421</t>
  </si>
  <si>
    <t>6.131431579589844</t>
  </si>
  <si>
    <t>1139.87451171875</t>
  </si>
  <si>
    <t>0.032630136953416766</t>
  </si>
  <si>
    <t>24808</t>
  </si>
  <si>
    <t>5.391042709350586</t>
  </si>
  <si>
    <t>986.7470092773438</t>
  </si>
  <si>
    <t>0.015722763913069926</t>
  </si>
  <si>
    <t>25561</t>
  </si>
  <si>
    <t>5.872705936431885</t>
  </si>
  <si>
    <t>1202.04833984375</t>
  </si>
  <si>
    <t>0.029901570576550185</t>
  </si>
  <si>
    <t>5.0215349197387695</t>
  </si>
  <si>
    <t>995.7852172851562</t>
  </si>
  <si>
    <t>-0.010461004630798243</t>
  </si>
  <si>
    <t>26663</t>
  </si>
  <si>
    <t>6.675685882568359</t>
  </si>
  <si>
    <t>1206.80029296875</t>
  </si>
  <si>
    <t>0.05267008880787927</t>
  </si>
  <si>
    <t>27721</t>
  </si>
  <si>
    <t>7.4715256690979</t>
  </si>
  <si>
    <t>1150.7943115234375</t>
  </si>
  <si>
    <t>0.03891341215530986</t>
  </si>
  <si>
    <t>28367</t>
  </si>
  <si>
    <t>5.769796371459961</t>
  </si>
  <si>
    <t>1051.9810791015625</t>
  </si>
  <si>
    <t>0.023036249016405108</t>
  </si>
  <si>
    <t>28420</t>
  </si>
  <si>
    <t>6.457703113555908</t>
  </si>
  <si>
    <t>896.6376953125</t>
  </si>
  <si>
    <t>0.0018666249454604156</t>
  </si>
  <si>
    <t>30149</t>
  </si>
  <si>
    <t>5.320528507232666</t>
  </si>
  <si>
    <t>1165.679931640625</t>
  </si>
  <si>
    <t>0.05905863245833132</t>
  </si>
  <si>
    <t>29849</t>
  </si>
  <si>
    <t>5.326972961425781</t>
  </si>
  <si>
    <t>1109.2923583984375</t>
  </si>
  <si>
    <t>-0.010000416687361735</t>
  </si>
  <si>
    <t>30523</t>
  </si>
  <si>
    <t>5.350000858306885</t>
  </si>
  <si>
    <t>977.1177978515625</t>
  </si>
  <si>
    <t>0.02232915934479074</t>
  </si>
  <si>
    <t>31188</t>
  </si>
  <si>
    <t>6.590970516204834</t>
  </si>
  <si>
    <t>1231.9052734375</t>
  </si>
  <si>
    <t>0.021552907662638177</t>
  </si>
  <si>
    <t>31648</t>
  </si>
  <si>
    <t>6.919628143310547</t>
  </si>
  <si>
    <t>1152.0421142578125</t>
  </si>
  <si>
    <t>0.0146415499929482</t>
  </si>
  <si>
    <t>32085</t>
  </si>
  <si>
    <t>5.49432897567749</t>
  </si>
  <si>
    <t>1056.5352783203125</t>
  </si>
  <si>
    <t>0.013713675762177857</t>
  </si>
  <si>
    <t>31390</t>
  </si>
  <si>
    <t>5.755342483520508</t>
  </si>
  <si>
    <t>1318.312744140625</t>
  </si>
  <si>
    <t>-0.021899260348616778</t>
  </si>
  <si>
    <t>33117</t>
  </si>
  <si>
    <t>6.338718414306641</t>
  </si>
  <si>
    <t>1316.814208984375</t>
  </si>
  <si>
    <t>0.053557374850461414</t>
  </si>
  <si>
    <t>33678</t>
  </si>
  <si>
    <t>7.5138115882873535</t>
  </si>
  <si>
    <t>1285.487060546875</t>
  </si>
  <si>
    <t>0.016798059483793537</t>
  </si>
  <si>
    <t>33287</t>
  </si>
  <si>
    <t>6.771905422210693</t>
  </si>
  <si>
    <t>1213.4224853515625</t>
  </si>
  <si>
    <t>-0.011677874814276734</t>
  </si>
  <si>
    <t>33674</t>
  </si>
  <si>
    <t>7.2699198722839355</t>
  </si>
  <si>
    <t>929.620361328125</t>
  </si>
  <si>
    <t>0.011559095861766622</t>
  </si>
  <si>
    <t>34260</t>
  </si>
  <si>
    <t>6.250003814697266</t>
  </si>
  <si>
    <t>1284.2401123046875</t>
  </si>
  <si>
    <t>0.017252466660366395</t>
  </si>
  <si>
    <t>34097</t>
  </si>
  <si>
    <t>6.075503826141357</t>
  </si>
  <si>
    <t>1322.054931640625</t>
  </si>
  <si>
    <t>-0.004769089016255279</t>
  </si>
  <si>
    <t>35746</t>
  </si>
  <si>
    <t>6.492891788482666</t>
  </si>
  <si>
    <t>1119.3978271484375</t>
  </si>
  <si>
    <t>0.04722897088846878</t>
  </si>
  <si>
    <t>36594</t>
  </si>
  <si>
    <t>7.105865955352783</t>
  </si>
  <si>
    <t>997.6776123046875</t>
  </si>
  <si>
    <t>0.023445917774186142</t>
  </si>
  <si>
    <t>37087</t>
  </si>
  <si>
    <t>6.351129055023193</t>
  </si>
  <si>
    <t>996.3621826171875</t>
  </si>
  <si>
    <t>0.013382211352411133</t>
  </si>
  <si>
    <t>36766</t>
  </si>
  <si>
    <t>6.40947151184082</t>
  </si>
  <si>
    <t>1231.0592041015625</t>
  </si>
  <si>
    <t>-0.008692998834105126</t>
  </si>
  <si>
    <t>37650</t>
  </si>
  <si>
    <t>6.239124298095703</t>
  </si>
  <si>
    <t>1312.588134765625</t>
  </si>
  <si>
    <t>0.023759449185222437</t>
  </si>
  <si>
    <t>36981</t>
  </si>
  <si>
    <t>7.283430576324463</t>
  </si>
  <si>
    <t>874.3801879882812</t>
  </si>
  <si>
    <t>-0.01792868700841055</t>
  </si>
  <si>
    <t>38702</t>
  </si>
  <si>
    <t>7.087213039398193</t>
  </si>
  <si>
    <t>1221.87939453125</t>
  </si>
  <si>
    <t>0.045487011049464954</t>
  </si>
  <si>
    <t>39444</t>
  </si>
  <si>
    <t>7.547341823577881</t>
  </si>
  <si>
    <t>1251.7275390625</t>
  </si>
  <si>
    <t>0.018990666183126947</t>
  </si>
  <si>
    <t>366</t>
  </si>
  <si>
    <t>30615</t>
  </si>
  <si>
    <t>5.209697246551514</t>
  </si>
  <si>
    <t>1188.99853515625</t>
  </si>
  <si>
    <t>3504.806640625</t>
  </si>
  <si>
    <t>Quebec</t>
  </si>
  <si>
    <t>29592</t>
  </si>
  <si>
    <t>5.461894989013672</t>
  </si>
  <si>
    <t>976.77001953125</t>
  </si>
  <si>
    <t>-0.033986030399765</t>
  </si>
  <si>
    <t>29493</t>
  </si>
  <si>
    <t>4.0243377685546875</t>
  </si>
  <si>
    <t>1018.4642333984375</t>
  </si>
  <si>
    <t>-0.0033511074772558658</t>
  </si>
  <si>
    <t>29934</t>
  </si>
  <si>
    <t>3.5294179916381836</t>
  </si>
  <si>
    <t>1120.7806396484375</t>
  </si>
  <si>
    <t>0.014842011054058801</t>
  </si>
  <si>
    <t>30926</t>
  </si>
  <si>
    <t>5.2638750076293945</t>
  </si>
  <si>
    <t>1038.337646484375</t>
  </si>
  <si>
    <t>0.03260229594628328</t>
  </si>
  <si>
    <t>31417</t>
  </si>
  <si>
    <t>4.6250081062316895</t>
  </si>
  <si>
    <t>1021.4640502929688</t>
  </si>
  <si>
    <t>0.015751893630060465</t>
  </si>
  <si>
    <t>31264</t>
  </si>
  <si>
    <t>4.791640758514404</t>
  </si>
  <si>
    <t>1188.9771728515625</t>
  </si>
  <si>
    <t>-0.0048818718229277636</t>
  </si>
  <si>
    <t>32219</t>
  </si>
  <si>
    <t>4.460550308227539</t>
  </si>
  <si>
    <t>1104.337890625</t>
  </si>
  <si>
    <t>0.03008906478359563</t>
  </si>
  <si>
    <t>33435</t>
  </si>
  <si>
    <t>6.3853535652160645</t>
  </si>
  <si>
    <t>1088.2655029296875</t>
  </si>
  <si>
    <t>0.037046914861974756</t>
  </si>
  <si>
    <t>6.207085132598877</t>
  </si>
  <si>
    <t>1014.6565551757812</t>
  </si>
  <si>
    <t>0.05067548731368099</t>
  </si>
  <si>
    <t>35815</t>
  </si>
  <si>
    <t>4.776276111602783</t>
  </si>
  <si>
    <t>1098.318359375</t>
  </si>
  <si>
    <t>0.018088057246790967</t>
  </si>
  <si>
    <t>36353</t>
  </si>
  <si>
    <t>6.052537441253662</t>
  </si>
  <si>
    <t>920.4419555664062</t>
  </si>
  <si>
    <t>0.014909931456729808</t>
  </si>
  <si>
    <t>37402</t>
  </si>
  <si>
    <t>4.80715274810791</t>
  </si>
  <si>
    <t>1047.898681640625</t>
  </si>
  <si>
    <t>0.02844744740338534</t>
  </si>
  <si>
    <t>37349</t>
  </si>
  <si>
    <t>4.224838733673096</t>
  </si>
  <si>
    <t>1176.656005859375</t>
  </si>
  <si>
    <t>-0.00141804146783997</t>
  </si>
  <si>
    <t>37669</t>
  </si>
  <si>
    <t>4.61993408203125</t>
  </si>
  <si>
    <t>1074.5076904296875</t>
  </si>
  <si>
    <t>0.008531337569566588</t>
  </si>
  <si>
    <t>5.950108051300049</t>
  </si>
  <si>
    <t>1314.423095703125</t>
  </si>
  <si>
    <t>-0.007407441277861082</t>
  </si>
  <si>
    <t>37569</t>
  </si>
  <si>
    <t>5.979570388793945</t>
  </si>
  <si>
    <t>1239.3194580078125</t>
  </si>
  <si>
    <t>0.004749208499610802</t>
  </si>
  <si>
    <t>38010</t>
  </si>
  <si>
    <t>5.026750564575195</t>
  </si>
  <si>
    <t>1149.8170166015625</t>
  </si>
  <si>
    <t>0.0116700407511523</t>
  </si>
  <si>
    <t>37171</t>
  </si>
  <si>
    <t>4.609167098999023</t>
  </si>
  <si>
    <t>1246.102783203125</t>
  </si>
  <si>
    <t>-0.022320395637153823</t>
  </si>
  <si>
    <t>37751</t>
  </si>
  <si>
    <t>5.173625469207764</t>
  </si>
  <si>
    <t>1094.8797607421875</t>
  </si>
  <si>
    <t>0.015483078046399257</t>
  </si>
  <si>
    <t>37856</t>
  </si>
  <si>
    <t>6.2628912925720215</t>
  </si>
  <si>
    <t>1155.39794921875</t>
  </si>
  <si>
    <t>0.00277752238557305</t>
  </si>
  <si>
    <t>38105</t>
  </si>
  <si>
    <t>6.17522668838501</t>
  </si>
  <si>
    <t>1361.7069091796875</t>
  </si>
  <si>
    <t>0.006556019322104589</t>
  </si>
  <si>
    <t>38396</t>
  </si>
  <si>
    <t>6.736953258514404</t>
  </si>
  <si>
    <t>1012.8441162109375</t>
  </si>
  <si>
    <t>0.007607780383210638</t>
  </si>
  <si>
    <t>38613</t>
  </si>
  <si>
    <t>5.119364261627197</t>
  </si>
  <si>
    <t>1176.3851318359375</t>
  </si>
  <si>
    <t>0.005635719834058861</t>
  </si>
  <si>
    <t>38835</t>
  </si>
  <si>
    <t>4.868397235870361</t>
  </si>
  <si>
    <t>1085.9613037109375</t>
  </si>
  <si>
    <t>0.005732894536260247</t>
  </si>
  <si>
    <t>40246</t>
  </si>
  <si>
    <t>5.803009510040283</t>
  </si>
  <si>
    <t>1029.4349365234375</t>
  </si>
  <si>
    <t>0.03568871817256536</t>
  </si>
  <si>
    <t>6.625715255737305</t>
  </si>
  <si>
    <t>1022.0210571289062</t>
  </si>
  <si>
    <t>0.017023679536249503</t>
  </si>
  <si>
    <t>41428</t>
  </si>
  <si>
    <t>5.761592864990234</t>
  </si>
  <si>
    <t>1175.200439453125</t>
  </si>
  <si>
    <t>0.011922681146208092</t>
  </si>
  <si>
    <t>42267</t>
  </si>
  <si>
    <t>5.750593185424805</t>
  </si>
  <si>
    <t>1160.5260009765625</t>
  </si>
  <si>
    <t>0.02004965901261535</t>
  </si>
  <si>
    <t>5.61638879776001</t>
  </si>
  <si>
    <t>1093.518798828125</t>
  </si>
  <si>
    <t>0.019377136542793494</t>
  </si>
  <si>
    <t>41598</t>
  </si>
  <si>
    <t>6.580079555511475</t>
  </si>
  <si>
    <t>955.7517700195312</t>
  </si>
  <si>
    <t>-0.03533168709363288</t>
  </si>
  <si>
    <t>43534</t>
  </si>
  <si>
    <t>6.437616348266602</t>
  </si>
  <si>
    <t>1051.1204833984375</t>
  </si>
  <si>
    <t>0.04549015280423596</t>
  </si>
  <si>
    <t>44368</t>
  </si>
  <si>
    <t>6.760162830352783</t>
  </si>
  <si>
    <t>1189.680419921875</t>
  </si>
  <si>
    <t>0.01897624688077748</t>
  </si>
  <si>
    <t>367</t>
  </si>
  <si>
    <t>31864</t>
  </si>
  <si>
    <t>2.0334832668304443</t>
  </si>
  <si>
    <t>345.3254089355469</t>
  </si>
  <si>
    <t>479.6293029785156</t>
  </si>
  <si>
    <t>Saskatchewan</t>
  </si>
  <si>
    <t>30800</t>
  </si>
  <si>
    <t>3.596264123916626</t>
  </si>
  <si>
    <t>485.5939636230469</t>
  </si>
  <si>
    <t>-0.033962155899812885</t>
  </si>
  <si>
    <t>30696</t>
  </si>
  <si>
    <t>2.257326602935791</t>
  </si>
  <si>
    <t>350.3448181152344</t>
  </si>
  <si>
    <t>-0.0033823370348784465</t>
  </si>
  <si>
    <t>31155</t>
  </si>
  <si>
    <t>1.618226408958435</t>
  </si>
  <si>
    <t>503.084228515625</t>
  </si>
  <si>
    <t>0.01484239305153423</t>
  </si>
  <si>
    <t>32188</t>
  </si>
  <si>
    <t>2.701364278793335</t>
  </si>
  <si>
    <t>392.429931640625</t>
  </si>
  <si>
    <t>0.03261896628770167</t>
  </si>
  <si>
    <t>32699</t>
  </si>
  <si>
    <t>1.393375277519226</t>
  </si>
  <si>
    <t>443.5937805175781</t>
  </si>
  <si>
    <t>0.015750784111956406</t>
  </si>
  <si>
    <t>35015</t>
  </si>
  <si>
    <t>0.04465724900364876</t>
  </si>
  <si>
    <t>401.1709289550781</t>
  </si>
  <si>
    <t>0.06843204471163666</t>
  </si>
  <si>
    <t>34743</t>
  </si>
  <si>
    <t>2.8491477966308594</t>
  </si>
  <si>
    <t>347.7231140136719</t>
  </si>
  <si>
    <t>-0.007798428237130395</t>
  </si>
  <si>
    <t>35661</t>
  </si>
  <si>
    <t>3.6574952602386475</t>
  </si>
  <si>
    <t>445.9478454589844</t>
  </si>
  <si>
    <t>0.02607954179624805</t>
  </si>
  <si>
    <t>3.475841522216797</t>
  </si>
  <si>
    <t>383.7007751464844</t>
  </si>
  <si>
    <t>0.025908615168113158</t>
  </si>
  <si>
    <t>2.714935541152954</t>
  </si>
  <si>
    <t>426.4914855957031</t>
  </si>
  <si>
    <t>0.059716066621925634</t>
  </si>
  <si>
    <t>37887</t>
  </si>
  <si>
    <t>3.0903990268707275</t>
  </si>
  <si>
    <t>318.61956787109375</t>
  </si>
  <si>
    <t>-0.025074291124493442</t>
  </si>
  <si>
    <t>39109</t>
  </si>
  <si>
    <t>1.6899114847183228</t>
  </si>
  <si>
    <t>406.745361328125</t>
  </si>
  <si>
    <t>0.031744574200182285</t>
  </si>
  <si>
    <t>40526</t>
  </si>
  <si>
    <t>1.9660426378250122</t>
  </si>
  <si>
    <t>360.5081787109375</t>
  </si>
  <si>
    <t>0.03559112391081243</t>
  </si>
  <si>
    <t>43362</t>
  </si>
  <si>
    <t>2.015704870223999</t>
  </si>
  <si>
    <t>432.2574768066406</t>
  </si>
  <si>
    <t>0.06763973808576118</t>
  </si>
  <si>
    <t>45602</t>
  </si>
  <si>
    <t>4.068576335906982</t>
  </si>
  <si>
    <t>416.3917236328125</t>
  </si>
  <si>
    <t>0.05036809367875783</t>
  </si>
  <si>
    <t>45809</t>
  </si>
  <si>
    <t>3.3183374404907227</t>
  </si>
  <si>
    <t>366.754638671875</t>
  </si>
  <si>
    <t>0.004529003157816902</t>
  </si>
  <si>
    <t>49833</t>
  </si>
  <si>
    <t>2.3033101558685303</t>
  </si>
  <si>
    <t>407.0270690917969</t>
  </si>
  <si>
    <t>0.08419683681157508</t>
  </si>
  <si>
    <t>60833</t>
  </si>
  <si>
    <t>1.7037276029586792</t>
  </si>
  <si>
    <t>399.0600891113281</t>
  </si>
  <si>
    <t>0.19945498971032016</t>
  </si>
  <si>
    <t>54514</t>
  </si>
  <si>
    <t>1.5432538986206055</t>
  </si>
  <si>
    <t>382.3260498046875</t>
  </si>
  <si>
    <t>-0.1096748554724325</t>
  </si>
  <si>
    <t>54994</t>
  </si>
  <si>
    <t>2.5636234283447266</t>
  </si>
  <si>
    <t>496.4767761230469</t>
  </si>
  <si>
    <t>0.008766538957598158</t>
  </si>
  <si>
    <t>61948</t>
  </si>
  <si>
    <t>3.143681526184082</t>
  </si>
  <si>
    <t>438.3849792480469</t>
  </si>
  <si>
    <t>0.1190712350813925</t>
  </si>
  <si>
    <t>62711</t>
  </si>
  <si>
    <t>3.2933874130249023</t>
  </si>
  <si>
    <t>432.07928466796875</t>
  </si>
  <si>
    <t>0.012241547393887942</t>
  </si>
  <si>
    <t>64779</t>
  </si>
  <si>
    <t>1.520800232887268</t>
  </si>
  <si>
    <t>437.2987365722656</t>
  </si>
  <si>
    <t>0.03244460591298903</t>
  </si>
  <si>
    <t>62558</t>
  </si>
  <si>
    <t>1.9487982988357544</t>
  </si>
  <si>
    <t>409.11895751953125</t>
  </si>
  <si>
    <t>-0.034887350344240176</t>
  </si>
  <si>
    <t>60328</t>
  </si>
  <si>
    <t>3.910861015319824</t>
  </si>
  <si>
    <t>396.9924621582031</t>
  </si>
  <si>
    <t>-0.03629778551621854</t>
  </si>
  <si>
    <t>56205</t>
  </si>
  <si>
    <t>4.288774013519287</t>
  </si>
  <si>
    <t>449.7707214355469</t>
  </si>
  <si>
    <t>-0.07079061998658531</t>
  </si>
  <si>
    <t>57315</t>
  </si>
  <si>
    <t>3.044308662414551</t>
  </si>
  <si>
    <t>381.9035339355469</t>
  </si>
  <si>
    <t>58169</t>
  </si>
  <si>
    <t>1.8003941774368286</t>
  </si>
  <si>
    <t>402.46575927734375</t>
  </si>
  <si>
    <t>0.01479019721601027</t>
  </si>
  <si>
    <t>56582</t>
  </si>
  <si>
    <t>1.5551308393478394</t>
  </si>
  <si>
    <t>383.6793518066406</t>
  </si>
  <si>
    <t>-0.027661653354725146</t>
  </si>
  <si>
    <t>52447</t>
  </si>
  <si>
    <t>3.1443357467651367</t>
  </si>
  <si>
    <t>382.7070617675781</t>
  </si>
  <si>
    <t>-0.07588777755257325</t>
  </si>
  <si>
    <t>54887</t>
  </si>
  <si>
    <t>3.2376174926757812</t>
  </si>
  <si>
    <t>340.84979248046875</t>
  </si>
  <si>
    <t>0.04547339042841436</t>
  </si>
  <si>
    <t>55939</t>
  </si>
  <si>
    <t>2.4292566776275635</t>
  </si>
  <si>
    <t>383.0016174316406</t>
  </si>
  <si>
    <t>0.018985285013901176</t>
  </si>
  <si>
    <t>368</t>
  </si>
  <si>
    <t>45155</t>
  </si>
  <si>
    <t>-3.4067118167877197</t>
  </si>
  <si>
    <t>250.0365753173828</t>
  </si>
  <si>
    <t>18.386180877685547</t>
  </si>
  <si>
    <t>Yukon</t>
  </si>
  <si>
    <t>43647</t>
  </si>
  <si>
    <t>-1.2976759672164917</t>
  </si>
  <si>
    <t>323.2101745605469</t>
  </si>
  <si>
    <t>-0.033966464301402155</t>
  </si>
  <si>
    <t>-2.9457552433013916</t>
  </si>
  <si>
    <t>248.3109130859375</t>
  </si>
  <si>
    <t>-0.0033736133067225893</t>
  </si>
  <si>
    <t>44150</t>
  </si>
  <si>
    <t>-1.0092719793319702</t>
  </si>
  <si>
    <t>255.15841674804688</t>
  </si>
  <si>
    <t>0.014831988955331</t>
  </si>
  <si>
    <t>45614</t>
  </si>
  <si>
    <t>-2.366607904434204</t>
  </si>
  <si>
    <t>236.48388671875</t>
  </si>
  <si>
    <t>0.03262175989398841</t>
  </si>
  <si>
    <t>46338</t>
  </si>
  <si>
    <t>-3.078110933303833</t>
  </si>
  <si>
    <t>230.923095703125</t>
  </si>
  <si>
    <t>0.01574767187122461</t>
  </si>
  <si>
    <t>47680</t>
  </si>
  <si>
    <t>-4.256733417510986</t>
  </si>
  <si>
    <t>258.3367004394531</t>
  </si>
  <si>
    <t>0.02854966394191294</t>
  </si>
  <si>
    <t>45163</t>
  </si>
  <si>
    <t>-1.4110479354858398</t>
  </si>
  <si>
    <t>276.03057861328125</t>
  </si>
  <si>
    <t>-0.054233855212597604</t>
  </si>
  <si>
    <t>44075</t>
  </si>
  <si>
    <t>-1.8193665742874146</t>
  </si>
  <si>
    <t>162.96392822265625</t>
  </si>
  <si>
    <t>-0.02438543926056269</t>
  </si>
  <si>
    <t>44364</t>
  </si>
  <si>
    <t>-2.205028533935547</t>
  </si>
  <si>
    <t>250.71144104003906</t>
  </si>
  <si>
    <t>0.006535601458560691</t>
  </si>
  <si>
    <t>47301</t>
  </si>
  <si>
    <t>-1.1562789678573608</t>
  </si>
  <si>
    <t>282.695556640625</t>
  </si>
  <si>
    <t>0.06410310718095857</t>
  </si>
  <si>
    <t>-2.2860958576202393</t>
  </si>
  <si>
    <t>264.07598876953125</t>
  </si>
  <si>
    <t>0.052145978253594905</t>
  </si>
  <si>
    <t>48263</t>
  </si>
  <si>
    <t>-1.7211790084838867</t>
  </si>
  <si>
    <t>230.3893585205078</t>
  </si>
  <si>
    <t>-0.032012193629999075</t>
  </si>
  <si>
    <t>47256</t>
  </si>
  <si>
    <t>-2.4264538288116455</t>
  </si>
  <si>
    <t>249.67630004882812</t>
  </si>
  <si>
    <t>-0.021085591542115978</t>
  </si>
  <si>
    <t>48458</t>
  </si>
  <si>
    <t>-1.3086670637130737</t>
  </si>
  <si>
    <t>259.4880065917969</t>
  </si>
  <si>
    <t>0.02511781338030339</t>
  </si>
  <si>
    <t>49722</t>
  </si>
  <si>
    <t>-0.6517016887664795</t>
  </si>
  <si>
    <t>296.3594665527344</t>
  </si>
  <si>
    <t>0.02575004770972278</t>
  </si>
  <si>
    <t>51844</t>
  </si>
  <si>
    <t>-2.4548134803771973</t>
  </si>
  <si>
    <t>263.10662841796875</t>
  </si>
  <si>
    <t>0.04179171846616825</t>
  </si>
  <si>
    <t>53113</t>
  </si>
  <si>
    <t>-2.807720184326172</t>
  </si>
  <si>
    <t>292.0840759277344</t>
  </si>
  <si>
    <t>0.024182509815251052</t>
  </si>
  <si>
    <t>56520</t>
  </si>
  <si>
    <t>-3.0906221866607666</t>
  </si>
  <si>
    <t>335.6092529296875</t>
  </si>
  <si>
    <t>0.06217283843994714</t>
  </si>
  <si>
    <t>59450</t>
  </si>
  <si>
    <t>-2.395578145980835</t>
  </si>
  <si>
    <t>261.9508361816406</t>
  </si>
  <si>
    <t>0.05054106532046454</t>
  </si>
  <si>
    <t>61000</t>
  </si>
  <si>
    <t>-1.1162110567092896</t>
  </si>
  <si>
    <t>249.56471252441406</t>
  </si>
  <si>
    <t>0.025738241036521003</t>
  </si>
  <si>
    <t>62159</t>
  </si>
  <si>
    <t>-2.8351380825042725</t>
  </si>
  <si>
    <t>321.2165832519531</t>
  </si>
  <si>
    <t>0.018821754240587296</t>
  </si>
  <si>
    <t>61509</t>
  </si>
  <si>
    <t>-2.8558197021484375</t>
  </si>
  <si>
    <t>290.5465393066406</t>
  </si>
  <si>
    <t>-0.010512112844880406</t>
  </si>
  <si>
    <t>62218</t>
  </si>
  <si>
    <t>-1.5155609846115112</t>
  </si>
  <si>
    <t>236.78443908691406</t>
  </si>
  <si>
    <t>0.011460841378699627</t>
  </si>
  <si>
    <t>62053</t>
  </si>
  <si>
    <t>-1.9360727071762085</t>
  </si>
  <si>
    <t>260.46429443359375</t>
  </si>
  <si>
    <t>-0.0026554883594691603</t>
  </si>
  <si>
    <t>59359</t>
  </si>
  <si>
    <t>-0.6734146475791931</t>
  </si>
  <si>
    <t>267.1814270019531</t>
  </si>
  <si>
    <t>-0.04438510623221248</t>
  </si>
  <si>
    <t>61031</t>
  </si>
  <si>
    <t>-0.6082059144973755</t>
  </si>
  <si>
    <t>248.068359375</t>
  </si>
  <si>
    <t>0.027778179450365315</t>
  </si>
  <si>
    <t>59792</t>
  </si>
  <si>
    <t>-1.7903839349746704</t>
  </si>
  <si>
    <t>251.702392578125</t>
  </si>
  <si>
    <t>-0.020510059063274966</t>
  </si>
  <si>
    <t>59659</t>
  </si>
  <si>
    <t>-1.455953598022461</t>
  </si>
  <si>
    <t>236.14048767089844</t>
  </si>
  <si>
    <t>-0.002226855446348708</t>
  </si>
  <si>
    <t>57786</t>
  </si>
  <si>
    <t>-1.0427404642105103</t>
  </si>
  <si>
    <t>223.12281799316406</t>
  </si>
  <si>
    <t>-0.03189848548999663</t>
  </si>
  <si>
    <t>59956</t>
  </si>
  <si>
    <t>-1.919136881828308</t>
  </si>
  <si>
    <t>239.1923370361328</t>
  </si>
  <si>
    <t>0.03686442806156798</t>
  </si>
  <si>
    <t>62746</t>
  </si>
  <si>
    <t>-3.1074206829071045</t>
  </si>
  <si>
    <t>251.6957550048828</t>
  </si>
  <si>
    <t>0.0454838710918235</t>
  </si>
  <si>
    <t>63948</t>
  </si>
  <si>
    <t>-1.2542660236358643</t>
  </si>
  <si>
    <t>259.0088806152344</t>
  </si>
  <si>
    <t>0.018975422142471388</t>
  </si>
  <si>
    <t>CHE</t>
  </si>
  <si>
    <t>46938</t>
  </si>
  <si>
    <t>7.908334255218506</t>
  </si>
  <si>
    <t>1250.10009765625</t>
  </si>
  <si>
    <t>201.12832641601562</t>
  </si>
  <si>
    <t>Appenzell A&amp;I Rh.</t>
  </si>
  <si>
    <t>Switzerland</t>
  </si>
  <si>
    <t>45567</t>
  </si>
  <si>
    <t>7.166667461395264</t>
  </si>
  <si>
    <t>962.2000732421875</t>
  </si>
  <si>
    <t>-0.029643811607007464</t>
  </si>
  <si>
    <t>44607</t>
  </si>
  <si>
    <t>1211.400146484375</t>
  </si>
  <si>
    <t>-0.02129297294079535</t>
  </si>
  <si>
    <t>44186</t>
  </si>
  <si>
    <t>7.375</t>
  </si>
  <si>
    <t>1257.5999755859375</t>
  </si>
  <si>
    <t>-0.009482800554359017</t>
  </si>
  <si>
    <t>42784</t>
  </si>
  <si>
    <t>8.291666984558105</t>
  </si>
  <si>
    <t>1229.2000732421875</t>
  </si>
  <si>
    <t>-0.03224379590930404</t>
  </si>
  <si>
    <t>42954</t>
  </si>
  <si>
    <t>7.55000114440918</t>
  </si>
  <si>
    <t>1173.2000732421875</t>
  </si>
  <si>
    <t>0.003965574722569087</t>
  </si>
  <si>
    <t>44159</t>
  </si>
  <si>
    <t>1063.800048828125</t>
  </si>
  <si>
    <t>0.02766698114280075</t>
  </si>
  <si>
    <t>46266</t>
  </si>
  <si>
    <t>7.974999904632568</t>
  </si>
  <si>
    <t>1068.5</t>
  </si>
  <si>
    <t>0.0466105932939751</t>
  </si>
  <si>
    <t>48775</t>
  </si>
  <si>
    <t>7.716667175292969</t>
  </si>
  <si>
    <t>1155.10009765625</t>
  </si>
  <si>
    <t>0.05281053643029665</t>
  </si>
  <si>
    <t>51185</t>
  </si>
  <si>
    <t>7.491668224334717</t>
  </si>
  <si>
    <t>1368.9000244140625</t>
  </si>
  <si>
    <t>0.04822863386255882</t>
  </si>
  <si>
    <t>56461</t>
  </si>
  <si>
    <t>1248.699951171875</t>
  </si>
  <si>
    <t>0.09810361395102873</t>
  </si>
  <si>
    <t>56039</t>
  </si>
  <si>
    <t>7.649999618530273</t>
  </si>
  <si>
    <t>1278.199951171875</t>
  </si>
  <si>
    <t>-0.007502257410028079</t>
  </si>
  <si>
    <t>53523</t>
  </si>
  <si>
    <t>8.27500057220459</t>
  </si>
  <si>
    <t>1485.0</t>
  </si>
  <si>
    <t>-0.045936408852059074</t>
  </si>
  <si>
    <t>49235</t>
  </si>
  <si>
    <t>-0.08350671536090992</t>
  </si>
  <si>
    <t>50850</t>
  </si>
  <si>
    <t>7.591667175292969</t>
  </si>
  <si>
    <t>0.032275369794803055</t>
  </si>
  <si>
    <t>51394</t>
  </si>
  <si>
    <t>7.083332538604736</t>
  </si>
  <si>
    <t>1057.9000244140625</t>
  </si>
  <si>
    <t>0.010641311635387396</t>
  </si>
  <si>
    <t>47132</t>
  </si>
  <si>
    <t>8.558332443237305</t>
  </si>
  <si>
    <t>1173.10009765625</t>
  </si>
  <si>
    <t>-0.0865692582788622</t>
  </si>
  <si>
    <t>42347</t>
  </si>
  <si>
    <t>8.191667556762695</t>
  </si>
  <si>
    <t>1237.5999755859375</t>
  </si>
  <si>
    <t>-0.10705459551483365</t>
  </si>
  <si>
    <t>36699</t>
  </si>
  <si>
    <t>1046.4000244140625</t>
  </si>
  <si>
    <t>-0.14314807360337056</t>
  </si>
  <si>
    <t>35186</t>
  </si>
  <si>
    <t>1111.4000244140625</t>
  </si>
  <si>
    <t>-0.042101230516035315</t>
  </si>
  <si>
    <t>36790</t>
  </si>
  <si>
    <t>7.066667556762695</t>
  </si>
  <si>
    <t>1130.2000732421875</t>
  </si>
  <si>
    <t>0.04457779289982966</t>
  </si>
  <si>
    <t>37565</t>
  </si>
  <si>
    <t>8.816665649414062</t>
  </si>
  <si>
    <t>1094.5999755859375</t>
  </si>
  <si>
    <t>0.020846696704440504</t>
  </si>
  <si>
    <t>1160.9000244140625</t>
  </si>
  <si>
    <t>0.0033751045233856303</t>
  </si>
  <si>
    <t>38482</t>
  </si>
  <si>
    <t>7.833333492279053</t>
  </si>
  <si>
    <t>1192.2999267578125</t>
  </si>
  <si>
    <t>0.020742729154314077</t>
  </si>
  <si>
    <t>40434</t>
  </si>
  <si>
    <t>1126.199951171875</t>
  </si>
  <si>
    <t>0.04948041569331174</t>
  </si>
  <si>
    <t>8.858333587646484</t>
  </si>
  <si>
    <t>961.6000366210938</t>
  </si>
  <si>
    <t>-0.0004205266539827335</t>
  </si>
  <si>
    <t>41019</t>
  </si>
  <si>
    <t>1168.0999755859375</t>
  </si>
  <si>
    <t>0.014784885456901264</t>
  </si>
  <si>
    <t>41041</t>
  </si>
  <si>
    <t>1286.0001220703125</t>
  </si>
  <si>
    <t>0.0005361930423379846</t>
  </si>
  <si>
    <t>42022</t>
  </si>
  <si>
    <t>8.583334922790527</t>
  </si>
  <si>
    <t>917.6000366210938</t>
  </si>
  <si>
    <t>0.023621723629466018</t>
  </si>
  <si>
    <t>42101</t>
  </si>
  <si>
    <t>1049.2000732421875</t>
  </si>
  <si>
    <t>0.0018782027085020303</t>
  </si>
  <si>
    <t>41650</t>
  </si>
  <si>
    <t>8.791666030883789</t>
  </si>
  <si>
    <t>1112.7000732421875</t>
  </si>
  <si>
    <t>-0.010770124762508715</t>
  </si>
  <si>
    <t>43562</t>
  </si>
  <si>
    <t>1159.5999755859375</t>
  </si>
  <si>
    <t>0.04488384208018381</t>
  </si>
  <si>
    <t>44319</t>
  </si>
  <si>
    <t>9.508334159851074</t>
  </si>
  <si>
    <t>986.0999755859375</t>
  </si>
  <si>
    <t>0.017228268314545048</t>
  </si>
  <si>
    <t>372</t>
  </si>
  <si>
    <t>7.321789264678955</t>
  </si>
  <si>
    <t>1264.7152099609375</t>
  </si>
  <si>
    <t>366.2884826660156</t>
  </si>
  <si>
    <t>Bern w/ Jura</t>
  </si>
  <si>
    <t>6.182407379150391</t>
  </si>
  <si>
    <t>941.8204956054688</t>
  </si>
  <si>
    <t>-0.01520265993368497</t>
  </si>
  <si>
    <t>46745</t>
  </si>
  <si>
    <t>7.249222278594971</t>
  </si>
  <si>
    <t>1218.8450927734375</t>
  </si>
  <si>
    <t>-0.015137811226287212</t>
  </si>
  <si>
    <t>46268</t>
  </si>
  <si>
    <t>6.372851848602295</t>
  </si>
  <si>
    <t>1242.859130859375</t>
  </si>
  <si>
    <t>-0.010256720710122735</t>
  </si>
  <si>
    <t>46560</t>
  </si>
  <si>
    <t>7.545749187469482</t>
  </si>
  <si>
    <t>1284.7352294921875</t>
  </si>
  <si>
    <t>0.006291225990027627</t>
  </si>
  <si>
    <t>46898</t>
  </si>
  <si>
    <t>6.806853771209717</t>
  </si>
  <si>
    <t>1194.2796630859375</t>
  </si>
  <si>
    <t>0.007233227196531189</t>
  </si>
  <si>
    <t>46183</t>
  </si>
  <si>
    <t>5.6673736572265625</t>
  </si>
  <si>
    <t>1127.768798828125</t>
  </si>
  <si>
    <t>-0.015363265615855326</t>
  </si>
  <si>
    <t>46371</t>
  </si>
  <si>
    <t>7.334824085235596</t>
  </si>
  <si>
    <t>1140.80322265625</t>
  </si>
  <si>
    <t>0.00406249883443266</t>
  </si>
  <si>
    <t>46871</t>
  </si>
  <si>
    <t>6.91220235824585</t>
  </si>
  <si>
    <t>1064.92431640625</t>
  </si>
  <si>
    <t>0.010724883477854164</t>
  </si>
  <si>
    <t>47346</t>
  </si>
  <si>
    <t>6.794484615325928</t>
  </si>
  <si>
    <t>1440.302978515625</t>
  </si>
  <si>
    <t>0.01008319145080705</t>
  </si>
  <si>
    <t>49034</t>
  </si>
  <si>
    <t>7.759693145751953</t>
  </si>
  <si>
    <t>1194.78662109375</t>
  </si>
  <si>
    <t>0.035031596272967036</t>
  </si>
  <si>
    <t>51497</t>
  </si>
  <si>
    <t>6.770516872406006</t>
  </si>
  <si>
    <t>1274.957275390625</t>
  </si>
  <si>
    <t>0.049009618505847286</t>
  </si>
  <si>
    <t>51544</t>
  </si>
  <si>
    <t>7.388717174530029</t>
  </si>
  <si>
    <t>1445.684326171875</t>
  </si>
  <si>
    <t>0.000912258290574286</t>
  </si>
  <si>
    <t>49976</t>
  </si>
  <si>
    <t>7.3896026611328125</t>
  </si>
  <si>
    <t>947.8840942382812</t>
  </si>
  <si>
    <t>-0.030892921645072846</t>
  </si>
  <si>
    <t>51457</t>
  </si>
  <si>
    <t>6.759498119354248</t>
  </si>
  <si>
    <t>993.8246459960938</t>
  </si>
  <si>
    <t>0.02920361725599463</t>
  </si>
  <si>
    <t>52019</t>
  </si>
  <si>
    <t>6.42438268661499</t>
  </si>
  <si>
    <t>969.4229736328125</t>
  </si>
  <si>
    <t>0.010862529012845457</t>
  </si>
  <si>
    <t>58192</t>
  </si>
  <si>
    <t>7.752904415130615</t>
  </si>
  <si>
    <t>1367.70556640625</t>
  </si>
  <si>
    <t>0.11213885178452365</t>
  </si>
  <si>
    <t>64461</t>
  </si>
  <si>
    <t>7.2413177490234375</t>
  </si>
  <si>
    <t>1357.501708984375</t>
  </si>
  <si>
    <t>0.10231250151906757</t>
  </si>
  <si>
    <t>70037</t>
  </si>
  <si>
    <t>6.595624923706055</t>
  </si>
  <si>
    <t>1149.5904541015625</t>
  </si>
  <si>
    <t>0.08296328406955844</t>
  </si>
  <si>
    <t>67824</t>
  </si>
  <si>
    <t>7.148845195770264</t>
  </si>
  <si>
    <t>1069.8131103515625</t>
  </si>
  <si>
    <t>-0.032107559222977144</t>
  </si>
  <si>
    <t>68322</t>
  </si>
  <si>
    <t>6.364531993865967</t>
  </si>
  <si>
    <t>1081.4205322265625</t>
  </si>
  <si>
    <t>0.007315708446242297</t>
  </si>
  <si>
    <t>69519</t>
  </si>
  <si>
    <t>7.952687740325928</t>
  </si>
  <si>
    <t>1002.0440063476562</t>
  </si>
  <si>
    <t>0.01736827344732994</t>
  </si>
  <si>
    <t>69514</t>
  </si>
  <si>
    <t>7.102939128875732</t>
  </si>
  <si>
    <t>1228.87841796875</t>
  </si>
  <si>
    <t>-7.192537026767809e-05</t>
  </si>
  <si>
    <t>69693</t>
  </si>
  <si>
    <t>6.99919319152832</t>
  </si>
  <si>
    <t>1244.6619873046875</t>
  </si>
  <si>
    <t>0.0025717111733509768</t>
  </si>
  <si>
    <t>72007</t>
  </si>
  <si>
    <t>8.023326873779297</t>
  </si>
  <si>
    <t>1147.1910400390625</t>
  </si>
  <si>
    <t>0.03266345420556682</t>
  </si>
  <si>
    <t>71463</t>
  </si>
  <si>
    <t>8.143389701843262</t>
  </si>
  <si>
    <t>991.3119506835938</t>
  </si>
  <si>
    <t>-0.007583503270312875</t>
  </si>
  <si>
    <t>71485</t>
  </si>
  <si>
    <t>7.143495082855225</t>
  </si>
  <si>
    <t>1059.202392578125</t>
  </si>
  <si>
    <t>0.00030780423893617126</t>
  </si>
  <si>
    <t>72644</t>
  </si>
  <si>
    <t>8.102667808532715</t>
  </si>
  <si>
    <t>1192.2374267578125</t>
  </si>
  <si>
    <t>0.016083161375124888</t>
  </si>
  <si>
    <t>74120</t>
  </si>
  <si>
    <t>7.970602035522461</t>
  </si>
  <si>
    <t>841.0007934570312</t>
  </si>
  <si>
    <t>0.020114602560907358</t>
  </si>
  <si>
    <t>74609</t>
  </si>
  <si>
    <t>8.454533576965332</t>
  </si>
  <si>
    <t>1071.2095947265625</t>
  </si>
  <si>
    <t>0.006575741947358438</t>
  </si>
  <si>
    <t>72473</t>
  </si>
  <si>
    <t>8.286391258239746</t>
  </si>
  <si>
    <t>1084.564697265625</t>
  </si>
  <si>
    <t>-0.029047064660231214</t>
  </si>
  <si>
    <t>75799</t>
  </si>
  <si>
    <t>7.2414469718933105</t>
  </si>
  <si>
    <t>1105.874267578125</t>
  </si>
  <si>
    <t>0.044871021244878406</t>
  </si>
  <si>
    <t>77117</t>
  </si>
  <si>
    <t>8.978253364562988</t>
  </si>
  <si>
    <t>990.53271484375</t>
  </si>
  <si>
    <t>0.017238649181546606</t>
  </si>
  <si>
    <t>373</t>
  </si>
  <si>
    <t>51596</t>
  </si>
  <si>
    <t>8.383749961853027</t>
  </si>
  <si>
    <t>1094.79052734375</t>
  </si>
  <si>
    <t>473.577392578125</t>
  </si>
  <si>
    <t>Freiburg</t>
  </si>
  <si>
    <t>50879</t>
  </si>
  <si>
    <t>7.302307605743408</t>
  </si>
  <si>
    <t>846.8102416992188</t>
  </si>
  <si>
    <t>-0.013993885352217461</t>
  </si>
  <si>
    <t>50184</t>
  </si>
  <si>
    <t>8.342764854431152</t>
  </si>
  <si>
    <t>1101.1910400390625</t>
  </si>
  <si>
    <t>-0.013754013956230438</t>
  </si>
  <si>
    <t>49185</t>
  </si>
  <si>
    <t>7.534409999847412</t>
  </si>
  <si>
    <t>1141.0390625</t>
  </si>
  <si>
    <t>-0.020107551829720904</t>
  </si>
  <si>
    <t>48233</t>
  </si>
  <si>
    <t>8.815808296203613</t>
  </si>
  <si>
    <t>1136.463623046875</t>
  </si>
  <si>
    <t>-0.019545264869305967</t>
  </si>
  <si>
    <t>46806</t>
  </si>
  <si>
    <t>7.986257076263428</t>
  </si>
  <si>
    <t>1078.3385009765625</t>
  </si>
  <si>
    <t>-0.030032034261184393</t>
  </si>
  <si>
    <t>45658</t>
  </si>
  <si>
    <t>6.800350666046143</t>
  </si>
  <si>
    <t>1035.68310546875</t>
  </si>
  <si>
    <t>-0.02483256170680903</t>
  </si>
  <si>
    <t>8.56059741973877</t>
  </si>
  <si>
    <t>1028.3599853515625</t>
  </si>
  <si>
    <t>-0.005820929989877044</t>
  </si>
  <si>
    <t>45412</t>
  </si>
  <si>
    <t>8.050416946411133</t>
  </si>
  <si>
    <t>995.0572509765625</t>
  </si>
  <si>
    <t>0.0004184791647432462</t>
  </si>
  <si>
    <t>45301</t>
  </si>
  <si>
    <t>8.070272445678711</t>
  </si>
  <si>
    <t>1273.931396484375</t>
  </si>
  <si>
    <t>-0.0024472800017623086</t>
  </si>
  <si>
    <t>46326</t>
  </si>
  <si>
    <t>8.97607707977295</t>
  </si>
  <si>
    <t>1119.36328125</t>
  </si>
  <si>
    <t>0.022374251254207778</t>
  </si>
  <si>
    <t>48200</t>
  </si>
  <si>
    <t>7.961300373077393</t>
  </si>
  <si>
    <t>1121.557861328125</t>
  </si>
  <si>
    <t>0.039655662501822064</t>
  </si>
  <si>
    <t>47314</t>
  </si>
  <si>
    <t>8.596569061279297</t>
  </si>
  <si>
    <t>1282.2452392578125</t>
  </si>
  <si>
    <t>-0.018552786266338828</t>
  </si>
  <si>
    <t>44836</t>
  </si>
  <si>
    <t>8.599757194519043</t>
  </si>
  <si>
    <t>855.0462036132812</t>
  </si>
  <si>
    <t>-0.05379484663136758</t>
  </si>
  <si>
    <t>44881</t>
  </si>
  <si>
    <t>8.026692390441895</t>
  </si>
  <si>
    <t>937.8607177734375</t>
  </si>
  <si>
    <t>0.0010031544472894893</t>
  </si>
  <si>
    <t>45589</t>
  </si>
  <si>
    <t>7.726692199707031</t>
  </si>
  <si>
    <t>846.8377075195312</t>
  </si>
  <si>
    <t>0.01565191674385602</t>
  </si>
  <si>
    <t>45946</t>
  </si>
  <si>
    <t>8.918996810913086</t>
  </si>
  <si>
    <t>1235.4888916015625</t>
  </si>
  <si>
    <t>0.007800334519984631</t>
  </si>
  <si>
    <t>8.356221199035645</t>
  </si>
  <si>
    <t>1213.4071044921875</t>
  </si>
  <si>
    <t>0.0030207235756485318</t>
  </si>
  <si>
    <t>7.665808200836182</t>
  </si>
  <si>
    <t>1075.4364013671875</t>
  </si>
  <si>
    <t>-0.012094104799608374</t>
  </si>
  <si>
    <t>43170</t>
  </si>
  <si>
    <t>8.410002708435059</t>
  </si>
  <si>
    <t>975.3103637695312</t>
  </si>
  <si>
    <t>-0.05324760307863308</t>
  </si>
  <si>
    <t>42938</t>
  </si>
  <si>
    <t>7.559365749359131</t>
  </si>
  <si>
    <t>989.7590942382812</t>
  </si>
  <si>
    <t>-0.0053885948200118605</t>
  </si>
  <si>
    <t>43238</t>
  </si>
  <si>
    <t>9.01257610321045</t>
  </si>
  <si>
    <t>909.1677856445312</t>
  </si>
  <si>
    <t>0.006962523484899563</t>
  </si>
  <si>
    <t>8.12732982635498</t>
  </si>
  <si>
    <t>1119.735107421875</t>
  </si>
  <si>
    <t>-0.011795086088653761</t>
  </si>
  <si>
    <t>43455</t>
  </si>
  <si>
    <t>7.945953845977783</t>
  </si>
  <si>
    <t>1203.7203369140625</t>
  </si>
  <si>
    <t>0.016801267745803372</t>
  </si>
  <si>
    <t>44720</t>
  </si>
  <si>
    <t>9.165831565856934</t>
  </si>
  <si>
    <t>1097.678955078125</t>
  </si>
  <si>
    <t>0.028694908957421106</t>
  </si>
  <si>
    <t>44336</t>
  </si>
  <si>
    <t>9.154902458190918</t>
  </si>
  <si>
    <t>838.0123901367188</t>
  </si>
  <si>
    <t>-0.008623840726221133</t>
  </si>
  <si>
    <t>44183</t>
  </si>
  <si>
    <t>8.085047721862793</t>
  </si>
  <si>
    <t>974.317626953125</t>
  </si>
  <si>
    <t>-0.0034568884050543147</t>
  </si>
  <si>
    <t>45061</t>
  </si>
  <si>
    <t>9.183113098144531</t>
  </si>
  <si>
    <t>1050.5831298828125</t>
  </si>
  <si>
    <t>0.019677027674323</t>
  </si>
  <si>
    <t>9.147229194641113</t>
  </si>
  <si>
    <t>794.9358520507812</t>
  </si>
  <si>
    <t>0.011934447817765204</t>
  </si>
  <si>
    <t>45645</t>
  </si>
  <si>
    <t>9.434388160705566</t>
  </si>
  <si>
    <t>910.9174194335938</t>
  </si>
  <si>
    <t>0.0009424968093867392</t>
  </si>
  <si>
    <t>44614</t>
  </si>
  <si>
    <t>9.401054382324219</t>
  </si>
  <si>
    <t>963.2999877929688</t>
  </si>
  <si>
    <t>-0.022846360902454066</t>
  </si>
  <si>
    <t>46662</t>
  </si>
  <si>
    <t>8.251692771911621</t>
  </si>
  <si>
    <t>954.3450927734375</t>
  </si>
  <si>
    <t>0.04488241782627078</t>
  </si>
  <si>
    <t>47473</t>
  </si>
  <si>
    <t>10.0651273727417</t>
  </si>
  <si>
    <t>893.8089599609375</t>
  </si>
  <si>
    <t>0.01723099943461115</t>
  </si>
  <si>
    <t>376</t>
  </si>
  <si>
    <t>50883</t>
  </si>
  <si>
    <t>4.9470133781433105</t>
  </si>
  <si>
    <t>1298.5928955078125</t>
  </si>
  <si>
    <t>158.55020141601562</t>
  </si>
  <si>
    <t>Graubnden</t>
  </si>
  <si>
    <t>50947</t>
  </si>
  <si>
    <t>4.118381977081299</t>
  </si>
  <si>
    <t>1121.850341796875</t>
  </si>
  <si>
    <t>0.0012569971212190723</t>
  </si>
  <si>
    <t>52430</t>
  </si>
  <si>
    <t>5.202698707580566</t>
  </si>
  <si>
    <t>1442.829345703125</t>
  </si>
  <si>
    <t>0.028693069905409985</t>
  </si>
  <si>
    <t>50770</t>
  </si>
  <si>
    <t>4.355881690979004</t>
  </si>
  <si>
    <t>1446.2142333984375</t>
  </si>
  <si>
    <t>-0.032173317625138864</t>
  </si>
  <si>
    <t>48829</t>
  </si>
  <si>
    <t>5.419908046722412</t>
  </si>
  <si>
    <t>1342.21875</t>
  </si>
  <si>
    <t>-0.038981230309033776</t>
  </si>
  <si>
    <t>48300</t>
  </si>
  <si>
    <t>4.585351943969727</t>
  </si>
  <si>
    <t>1316.9805908203125</t>
  </si>
  <si>
    <t>-0.0108928379917419</t>
  </si>
  <si>
    <t>48735</t>
  </si>
  <si>
    <t>3.5555174350738525</t>
  </si>
  <si>
    <t>1414.13623046875</t>
  </si>
  <si>
    <t>0.008965897130646994</t>
  </si>
  <si>
    <t>50147</t>
  </si>
  <si>
    <t>5.056728363037109</t>
  </si>
  <si>
    <t>1236.5125732421875</t>
  </si>
  <si>
    <t>0.028561234291066384</t>
  </si>
  <si>
    <t>51954</t>
  </si>
  <si>
    <t>4.726414203643799</t>
  </si>
  <si>
    <t>1310.22021484375</t>
  </si>
  <si>
    <t>0.03540001961347805</t>
  </si>
  <si>
    <t>51729</t>
  </si>
  <si>
    <t>4.611326694488525</t>
  </si>
  <si>
    <t>1517.7420654296875</t>
  </si>
  <si>
    <t>-0.004340159007613309</t>
  </si>
  <si>
    <t>53139</t>
  </si>
  <si>
    <t>5.606723308563232</t>
  </si>
  <si>
    <t>1539.5001220703125</t>
  </si>
  <si>
    <t>0.02689256925246397</t>
  </si>
  <si>
    <t>54065</t>
  </si>
  <si>
    <t>4.6695427894592285</t>
  </si>
  <si>
    <t>1307.6099853515625</t>
  </si>
  <si>
    <t>0.01727590445893057</t>
  </si>
  <si>
    <t>53084</t>
  </si>
  <si>
    <t>5.3045549392700195</t>
  </si>
  <si>
    <t>1665.3167724609375</t>
  </si>
  <si>
    <t>-0.01831146182249732</t>
  </si>
  <si>
    <t>51366</t>
  </si>
  <si>
    <t>5.186064720153809</t>
  </si>
  <si>
    <t>1033.0126953125</t>
  </si>
  <si>
    <t>-0.03289908958659815</t>
  </si>
  <si>
    <t>53202</t>
  </si>
  <si>
    <t>4.6830973625183105</t>
  </si>
  <si>
    <t>1113.0738525390625</t>
  </si>
  <si>
    <t>0.035119514637520055</t>
  </si>
  <si>
    <t>56877</t>
  </si>
  <si>
    <t>4.249206066131592</t>
  </si>
  <si>
    <t>1117.4146728515625</t>
  </si>
  <si>
    <t>0.06679505186208701</t>
  </si>
  <si>
    <t>54827</t>
  </si>
  <si>
    <t>5.587887287139893</t>
  </si>
  <si>
    <t>1199.9278564453125</t>
  </si>
  <si>
    <t>-0.03670826814126471</t>
  </si>
  <si>
    <t>52355</t>
  </si>
  <si>
    <t>5.202615261077881</t>
  </si>
  <si>
    <t>1233.3038330078125</t>
  </si>
  <si>
    <t>-0.046135329607320585</t>
  </si>
  <si>
    <t>48976</t>
  </si>
  <si>
    <t>4.601762294769287</t>
  </si>
  <si>
    <t>1505.9324951171875</t>
  </si>
  <si>
    <t>-0.06671706153636947</t>
  </si>
  <si>
    <t>4.972035884857178</t>
  </si>
  <si>
    <t>1304.6981201171875</t>
  </si>
  <si>
    <t>-0.01767405472010175</t>
  </si>
  <si>
    <t>48266</t>
  </si>
  <si>
    <t>4.184203624725342</t>
  </si>
  <si>
    <t>1363.1165771484375</t>
  </si>
  <si>
    <t>0.003071051550467274</t>
  </si>
  <si>
    <t>49273</t>
  </si>
  <si>
    <t>5.735334396362305</t>
  </si>
  <si>
    <t>1269.3878173828125</t>
  </si>
  <si>
    <t>0.02064888464788517</t>
  </si>
  <si>
    <t>49724</t>
  </si>
  <si>
    <t>5.046517848968506</t>
  </si>
  <si>
    <t>1356.009033203125</t>
  </si>
  <si>
    <t>0.00911145024816129</t>
  </si>
  <si>
    <t>50268</t>
  </si>
  <si>
    <t>4.7495036125183105</t>
  </si>
  <si>
    <t>1468.71240234375</t>
  </si>
  <si>
    <t>0.01088097782342956</t>
  </si>
  <si>
    <t>51353</t>
  </si>
  <si>
    <t>5.781653881072998</t>
  </si>
  <si>
    <t>1349.1275634765625</t>
  </si>
  <si>
    <t>0.021354665505203485</t>
  </si>
  <si>
    <t>50678</t>
  </si>
  <si>
    <t>5.844262599945068</t>
  </si>
  <si>
    <t>1132.1300048828125</t>
  </si>
  <si>
    <t>-0.013231465882991955</t>
  </si>
  <si>
    <t>51144</t>
  </si>
  <si>
    <t>4.877686500549316</t>
  </si>
  <si>
    <t>1307.7637939453125</t>
  </si>
  <si>
    <t>0.009153292089315812</t>
  </si>
  <si>
    <t>51718</t>
  </si>
  <si>
    <t>5.8302483558654785</t>
  </si>
  <si>
    <t>1320.06982421875</t>
  </si>
  <si>
    <t>0.011160699931290097</t>
  </si>
  <si>
    <t>52862</t>
  </si>
  <si>
    <t>5.722705841064453</t>
  </si>
  <si>
    <t>1108.0506591796875</t>
  </si>
  <si>
    <t>0.02187886085733126</t>
  </si>
  <si>
    <t>53752</t>
  </si>
  <si>
    <t>6.077520370483398</t>
  </si>
  <si>
    <t>1316.83544921875</t>
  </si>
  <si>
    <t>0.016696131364801303</t>
  </si>
  <si>
    <t>52062</t>
  </si>
  <si>
    <t>5.887849807739258</t>
  </si>
  <si>
    <t>1347.905517578125</t>
  </si>
  <si>
    <t>-0.03194555957844081</t>
  </si>
  <si>
    <t>54452</t>
  </si>
  <si>
    <t>4.960324764251709</t>
  </si>
  <si>
    <t>1206.0938720703125</t>
  </si>
  <si>
    <t>0.044884263610819986</t>
  </si>
  <si>
    <t>55398</t>
  </si>
  <si>
    <t>6.542903423309326</t>
  </si>
  <si>
    <t>1020.8875122070312</t>
  </si>
  <si>
    <t>0.017223912368319105</t>
  </si>
  <si>
    <t>377</t>
  </si>
  <si>
    <t>50150</t>
  </si>
  <si>
    <t>1158.2999267578125</t>
  </si>
  <si>
    <t>486.82861328125</t>
  </si>
  <si>
    <t>Luzern</t>
  </si>
  <si>
    <t>49032</t>
  </si>
  <si>
    <t>9.000000953674316</t>
  </si>
  <si>
    <t>893.8999633789062</t>
  </si>
  <si>
    <t>-0.022545368224514917</t>
  </si>
  <si>
    <t>48291</t>
  </si>
  <si>
    <t>10.216666221618652</t>
  </si>
  <si>
    <t>1120.10009765625</t>
  </si>
  <si>
    <t>-0.015227938291229037</t>
  </si>
  <si>
    <t>47632</t>
  </si>
  <si>
    <t>9.283332824707031</t>
  </si>
  <si>
    <t>1216.6998291015625</t>
  </si>
  <si>
    <t>-0.013740403618781372</t>
  </si>
  <si>
    <t>47899</t>
  </si>
  <si>
    <t>1206.60009765625</t>
  </si>
  <si>
    <t>0.005589823098803848</t>
  </si>
  <si>
    <t>47406</t>
  </si>
  <si>
    <t>9.391667366027832</t>
  </si>
  <si>
    <t>-0.010345824403572124</t>
  </si>
  <si>
    <t>46675</t>
  </si>
  <si>
    <t>1093.699951171875</t>
  </si>
  <si>
    <t>-0.015540113540865264</t>
  </si>
  <si>
    <t>46855</t>
  </si>
  <si>
    <t>9.816665649414062</t>
  </si>
  <si>
    <t>1079.7000732421875</t>
  </si>
  <si>
    <t>0.003849037148000889</t>
  </si>
  <si>
    <t>47351</t>
  </si>
  <si>
    <t>1060.7000732421875</t>
  </si>
  <si>
    <t>0.010530212157471297</t>
  </si>
  <si>
    <t>47330</t>
  </si>
  <si>
    <t>1373.5</t>
  </si>
  <si>
    <t>-0.00044359481510269916</t>
  </si>
  <si>
    <t>49907</t>
  </si>
  <si>
    <t>10.416665077209473</t>
  </si>
  <si>
    <t>1224.699951171875</t>
  </si>
  <si>
    <t>0.05301692956204107</t>
  </si>
  <si>
    <t>52282</t>
  </si>
  <si>
    <t>1269.4998779296875</t>
  </si>
  <si>
    <t>0.04649087009115327</t>
  </si>
  <si>
    <t>51508</t>
  </si>
  <si>
    <t>1402.60009765625</t>
  </si>
  <si>
    <t>-0.014915008159812615</t>
  </si>
  <si>
    <t>9.858332633972168</t>
  </si>
  <si>
    <t>895.0001220703125</t>
  </si>
  <si>
    <t>-0.060317677781569046</t>
  </si>
  <si>
    <t>49317</t>
  </si>
  <si>
    <t>9.408332824707031</t>
  </si>
  <si>
    <t>1039.0</t>
  </si>
  <si>
    <t>0.016849391565514793</t>
  </si>
  <si>
    <t>50603</t>
  </si>
  <si>
    <t>8.824999809265137</t>
  </si>
  <si>
    <t>1000.7000122070312</t>
  </si>
  <si>
    <t>0.025742013877989578</t>
  </si>
  <si>
    <t>50510</t>
  </si>
  <si>
    <t>1345.4000244140625</t>
  </si>
  <si>
    <t>-0.001839526593512275</t>
  </si>
  <si>
    <t>10.049999237060547</t>
  </si>
  <si>
    <t>1330.8001708984375</t>
  </si>
  <si>
    <t>-0.007212644399720247</t>
  </si>
  <si>
    <t>49005</t>
  </si>
  <si>
    <t>9.558333396911621</t>
  </si>
  <si>
    <t>1174.5999755859375</t>
  </si>
  <si>
    <t>-0.023036358359096454</t>
  </si>
  <si>
    <t>46909</t>
  </si>
  <si>
    <t>9.708333015441895</t>
  </si>
  <si>
    <t>1027.7999267578125</t>
  </si>
  <si>
    <t>-0.04371277902432524</t>
  </si>
  <si>
    <t>48477</t>
  </si>
  <si>
    <t>9.058333396911621</t>
  </si>
  <si>
    <t>1086.0001220703125</t>
  </si>
  <si>
    <t>0.03287990396140117</t>
  </si>
  <si>
    <t>48884</t>
  </si>
  <si>
    <t>936.2000732421875</t>
  </si>
  <si>
    <t>0.008360685917534028</t>
  </si>
  <si>
    <t>48927</t>
  </si>
  <si>
    <t>1186.0</t>
  </si>
  <si>
    <t>0.0008792467671359105</t>
  </si>
  <si>
    <t>49326</t>
  </si>
  <si>
    <t>9.708334922790527</t>
  </si>
  <si>
    <t>1175.8997802734375</t>
  </si>
  <si>
    <t>0.008121934055161262</t>
  </si>
  <si>
    <t>1147.900146484375</t>
  </si>
  <si>
    <t>0.030428797096517357</t>
  </si>
  <si>
    <t>50999</t>
  </si>
  <si>
    <t>10.666667938232422</t>
  </si>
  <si>
    <t>941.7000122070312</t>
  </si>
  <si>
    <t>0.0029259021943843777</t>
  </si>
  <si>
    <t>51788</t>
  </si>
  <si>
    <t>1053.0001220703125</t>
  </si>
  <si>
    <t>0.015352437507447192</t>
  </si>
  <si>
    <t>52868</t>
  </si>
  <si>
    <t>10.633333206176758</t>
  </si>
  <si>
    <t>1151.89990234375</t>
  </si>
  <si>
    <t>0.02063977869915945</t>
  </si>
  <si>
    <t>53490</t>
  </si>
  <si>
    <t>10.441667556762695</t>
  </si>
  <si>
    <t>802.0</t>
  </si>
  <si>
    <t>0.011696479647598679</t>
  </si>
  <si>
    <t>53553</t>
  </si>
  <si>
    <t>1031.4000244140625</t>
  </si>
  <si>
    <t>0.001177097190366183</t>
  </si>
  <si>
    <t>53000</t>
  </si>
  <si>
    <t>1017.9000854492188</t>
  </si>
  <si>
    <t>-0.010379904181402111</t>
  </si>
  <si>
    <t>55433</t>
  </si>
  <si>
    <t>9.808332443237305</t>
  </si>
  <si>
    <t>1130.9998779296875</t>
  </si>
  <si>
    <t>0.04488317073146675</t>
  </si>
  <si>
    <t>11.50833511352539</t>
  </si>
  <si>
    <t>948.7000122070312</t>
  </si>
  <si>
    <t>0.01724088131634538</t>
  </si>
  <si>
    <t>382</t>
  </si>
  <si>
    <t>52588</t>
  </si>
  <si>
    <t>1238.300048828125</t>
  </si>
  <si>
    <t>561.8101806640625</t>
  </si>
  <si>
    <t>Schwyz</t>
  </si>
  <si>
    <t>8.116666793823242</t>
  </si>
  <si>
    <t>976.4000854492188</t>
  </si>
  <si>
    <t>0.00013310135687838454</t>
  </si>
  <si>
    <t>51907</t>
  </si>
  <si>
    <t>9.308333396911621</t>
  </si>
  <si>
    <t>1225.099853515625</t>
  </si>
  <si>
    <t>-0.013167402355025004</t>
  </si>
  <si>
    <t>51479</t>
  </si>
  <si>
    <t>8.458333015441895</t>
  </si>
  <si>
    <t>1276.699951171875</t>
  </si>
  <si>
    <t>-0.00827969831637887</t>
  </si>
  <si>
    <t>51491</t>
  </si>
  <si>
    <t>1233.300048828125</t>
  </si>
  <si>
    <t>0.0002330775964711762</t>
  </si>
  <si>
    <t>50174</t>
  </si>
  <si>
    <t>8.75</t>
  </si>
  <si>
    <t>1188.699951171875</t>
  </si>
  <si>
    <t>-0.025910070876657088</t>
  </si>
  <si>
    <t>53540</t>
  </si>
  <si>
    <t>7.483333587646484</t>
  </si>
  <si>
    <t>1059.60009765625</t>
  </si>
  <si>
    <t>0.0649320738525585</t>
  </si>
  <si>
    <t>58038</t>
  </si>
  <si>
    <t>1066.89990234375</t>
  </si>
  <si>
    <t>0.08066893033625888</t>
  </si>
  <si>
    <t>8.97499942779541</t>
  </si>
  <si>
    <t>1136.3001708984375</t>
  </si>
  <si>
    <t>0.08411396415509209</t>
  </si>
  <si>
    <t>61232</t>
  </si>
  <si>
    <t>8.933333396911621</t>
  </si>
  <si>
    <t>1360.10009765625</t>
  </si>
  <si>
    <t>-0.030542003900210446</t>
  </si>
  <si>
    <t>62891</t>
  </si>
  <si>
    <t>1235.7000732421875</t>
  </si>
  <si>
    <t>0.026733140524788368</t>
  </si>
  <si>
    <t>63621</t>
  </si>
  <si>
    <t>8.833333015441895</t>
  </si>
  <si>
    <t>1263.5</t>
  </si>
  <si>
    <t>0.011540535316902023</t>
  </si>
  <si>
    <t>63033</t>
  </si>
  <si>
    <t>9.5</t>
  </si>
  <si>
    <t>1500.7001953125</t>
  </si>
  <si>
    <t>-0.009285205750014569</t>
  </si>
  <si>
    <t>54860</t>
  </si>
  <si>
    <t>942.4000244140625</t>
  </si>
  <si>
    <t>-0.13887391326556475</t>
  </si>
  <si>
    <t>57126</t>
  </si>
  <si>
    <t>8.958333015441895</t>
  </si>
  <si>
    <t>971.5000610351562</t>
  </si>
  <si>
    <t>0.040474869022151694</t>
  </si>
  <si>
    <t>57817</t>
  </si>
  <si>
    <t>8.616666793823242</t>
  </si>
  <si>
    <t>1084.4000244140625</t>
  </si>
  <si>
    <t>0.012023495549666308</t>
  </si>
  <si>
    <t>53165</t>
  </si>
  <si>
    <t>9.850001335144043</t>
  </si>
  <si>
    <t>1173.7999267578125</t>
  </si>
  <si>
    <t>-0.0838825649782251</t>
  </si>
  <si>
    <t>9.30000114440918</t>
  </si>
  <si>
    <t>1258.7000732421875</t>
  </si>
  <si>
    <t>-0.10361694528278065</t>
  </si>
  <si>
    <t>41732</t>
  </si>
  <si>
    <t>8.65000057220459</t>
  </si>
  <si>
    <t>1078.4000244140625</t>
  </si>
  <si>
    <t>-0.13851511921454573</t>
  </si>
  <si>
    <t>41171</t>
  </si>
  <si>
    <t>1128.7000732421875</t>
  </si>
  <si>
    <t>-0.013534095587683481</t>
  </si>
  <si>
    <t>40580</t>
  </si>
  <si>
    <t>8.408333778381348</t>
  </si>
  <si>
    <t>1174.5001220703125</t>
  </si>
  <si>
    <t>-0.014458790620372142</t>
  </si>
  <si>
    <t>40155</t>
  </si>
  <si>
    <t>1088.4000244140625</t>
  </si>
  <si>
    <t>-0.01052836875724239</t>
  </si>
  <si>
    <t>40200</t>
  </si>
  <si>
    <t>8.999999046325684</t>
  </si>
  <si>
    <t>1185.2000732421875</t>
  </si>
  <si>
    <t>0.001120029984550186</t>
  </si>
  <si>
    <t>40407</t>
  </si>
  <si>
    <t>8.758334159851074</t>
  </si>
  <si>
    <t>1170.2000732421875</t>
  </si>
  <si>
    <t>0.005136041659811852</t>
  </si>
  <si>
    <t>41383</t>
  </si>
  <si>
    <t>0.023867131196386282</t>
  </si>
  <si>
    <t>42039</t>
  </si>
  <si>
    <t>10.008334159851074</t>
  </si>
  <si>
    <t>961.9999389648438</t>
  </si>
  <si>
    <t>0.015727590375016476</t>
  </si>
  <si>
    <t>42207</t>
  </si>
  <si>
    <t>8.883334159851074</t>
  </si>
  <si>
    <t>1135.0999755859375</t>
  </si>
  <si>
    <t>0.0039883252069952135</t>
  </si>
  <si>
    <t>43220</t>
  </si>
  <si>
    <t>0.0237172670155541</t>
  </si>
  <si>
    <t>43632</t>
  </si>
  <si>
    <t>0.009487475024492653</t>
  </si>
  <si>
    <t>43818</t>
  </si>
  <si>
    <t>10.200000762939453</t>
  </si>
  <si>
    <t>1029.9000244140625</t>
  </si>
  <si>
    <t>0.004253865762795073</t>
  </si>
  <si>
    <t>43108</t>
  </si>
  <si>
    <t>1073.4000244140625</t>
  </si>
  <si>
    <t>-0.016336097131441463</t>
  </si>
  <si>
    <t>45087</t>
  </si>
  <si>
    <t>9.016667366027832</t>
  </si>
  <si>
    <t>1117.5</t>
  </si>
  <si>
    <t>0.044885361885480535</t>
  </si>
  <si>
    <t>45870</t>
  </si>
  <si>
    <t>966.2999877929688</t>
  </si>
  <si>
    <t>0.017217351989014418</t>
  </si>
  <si>
    <t>383</t>
  </si>
  <si>
    <t>52024</t>
  </si>
  <si>
    <t>1107.2999267578125</t>
  </si>
  <si>
    <t>262.2447509765625</t>
  </si>
  <si>
    <t>Solothurn</t>
  </si>
  <si>
    <t>50030</t>
  </si>
  <si>
    <t>818.6000366210938</t>
  </si>
  <si>
    <t>-0.0390823250667367</t>
  </si>
  <si>
    <t>49425</t>
  </si>
  <si>
    <t>1097.7999267578125</t>
  </si>
  <si>
    <t>-0.01216645644343295</t>
  </si>
  <si>
    <t>1092.5</t>
  </si>
  <si>
    <t>-0.028734660402060186</t>
  </si>
  <si>
    <t>45276</t>
  </si>
  <si>
    <t>-0.05894461788444616</t>
  </si>
  <si>
    <t>49512</t>
  </si>
  <si>
    <t>8.633333206176758</t>
  </si>
  <si>
    <t>1066.699951171875</t>
  </si>
  <si>
    <t>0.089437973666886</t>
  </si>
  <si>
    <t>48824</t>
  </si>
  <si>
    <t>7.641666889190674</t>
  </si>
  <si>
    <t>1030.2000732421875</t>
  </si>
  <si>
    <t>-0.013993069194865981</t>
  </si>
  <si>
    <t>49090</t>
  </si>
  <si>
    <t>0.005433352827767024</t>
  </si>
  <si>
    <t>49689</t>
  </si>
  <si>
    <t>8.90000057220459</t>
  </si>
  <si>
    <t>0.012128232568166197</t>
  </si>
  <si>
    <t>50241</t>
  </si>
  <si>
    <t>1289.0999755859375</t>
  </si>
  <si>
    <t>0.011047845782323762</t>
  </si>
  <si>
    <t>51607</t>
  </si>
  <si>
    <t>0.026825895780955733</t>
  </si>
  <si>
    <t>54457</t>
  </si>
  <si>
    <t>8.700000762939453</t>
  </si>
  <si>
    <t>1170.300048828125</t>
  </si>
  <si>
    <t>0.053754077225027785</t>
  </si>
  <si>
    <t>54328</t>
  </si>
  <si>
    <t>9.374999046325684</t>
  </si>
  <si>
    <t>1343.60009765625</t>
  </si>
  <si>
    <t>-0.0023716516149434597</t>
  </si>
  <si>
    <t>51946</t>
  </si>
  <si>
    <t>824.5000610351562</t>
  </si>
  <si>
    <t>-0.04483503034329317</t>
  </si>
  <si>
    <t>53117</t>
  </si>
  <si>
    <t>8.666666984558105</t>
  </si>
  <si>
    <t>894.7999877929688</t>
  </si>
  <si>
    <t>0.022292310201542875</t>
  </si>
  <si>
    <t>53984</t>
  </si>
  <si>
    <t>8.166666030883789</t>
  </si>
  <si>
    <t>887.4000854492188</t>
  </si>
  <si>
    <t>0.016190678693817517</t>
  </si>
  <si>
    <t>53078</t>
  </si>
  <si>
    <t>1225.10009765625</t>
  </si>
  <si>
    <t>-0.016925176584553725</t>
  </si>
  <si>
    <t>51834</t>
  </si>
  <si>
    <t>9.300000190734863</t>
  </si>
  <si>
    <t>1250.0999755859375</t>
  </si>
  <si>
    <t>-0.02371622517420313</t>
  </si>
  <si>
    <t>49747</t>
  </si>
  <si>
    <t>8.72499942779541</t>
  </si>
  <si>
    <t>1018.9000244140625</t>
  </si>
  <si>
    <t>-0.04109614432594633</t>
  </si>
  <si>
    <t>47087</t>
  </si>
  <si>
    <t>991.1000366210938</t>
  </si>
  <si>
    <t>-0.05495320584640595</t>
  </si>
  <si>
    <t>47270</t>
  </si>
  <si>
    <t>968.7999877929688</t>
  </si>
  <si>
    <t>0.0038788903726967305</t>
  </si>
  <si>
    <t>47781</t>
  </si>
  <si>
    <t>896.300048828125</t>
  </si>
  <si>
    <t>0.010752226132607845</t>
  </si>
  <si>
    <t>47655</t>
  </si>
  <si>
    <t>9.25</t>
  </si>
  <si>
    <t>-0.0026405145481636083</t>
  </si>
  <si>
    <t>47521</t>
  </si>
  <si>
    <t>9.125</t>
  </si>
  <si>
    <t>1118.800048828125</t>
  </si>
  <si>
    <t>-0.00281583778557426</t>
  </si>
  <si>
    <t>48843</t>
  </si>
  <si>
    <t>0.027439353813472067</t>
  </si>
  <si>
    <t>48644</t>
  </si>
  <si>
    <t>853.9000244140625</t>
  </si>
  <si>
    <t>-0.0040826012987338345</t>
  </si>
  <si>
    <t>913.0001220703125</t>
  </si>
  <si>
    <t>-0.002676055035724545</t>
  </si>
  <si>
    <t>49307</t>
  </si>
  <si>
    <t>1037.60009765625</t>
  </si>
  <si>
    <t>0.016213642715911192</t>
  </si>
  <si>
    <t>50225</t>
  </si>
  <si>
    <t>732.3999633789062</t>
  </si>
  <si>
    <t>0.018446851902057304</t>
  </si>
  <si>
    <t>50079</t>
  </si>
  <si>
    <t>940.0</t>
  </si>
  <si>
    <t>-0.0029111521596369982</t>
  </si>
  <si>
    <t>48187</t>
  </si>
  <si>
    <t>932.4999389648438</t>
  </si>
  <si>
    <t>-0.038512483406535125</t>
  </si>
  <si>
    <t>50398</t>
  </si>
  <si>
    <t>9.250000953674316</t>
  </si>
  <si>
    <t>987.6000366210938</t>
  </si>
  <si>
    <t>0.04486221661544221</t>
  </si>
  <si>
    <t>51274</t>
  </si>
  <si>
    <t>868.4000244140625</t>
  </si>
  <si>
    <t>0.01723230933637865</t>
  </si>
  <si>
    <t>385</t>
  </si>
  <si>
    <t>47929</t>
  </si>
  <si>
    <t>1389.10009765625</t>
  </si>
  <si>
    <t>91.18859100341797</t>
  </si>
  <si>
    <t>Tessin</t>
  </si>
  <si>
    <t>47489</t>
  </si>
  <si>
    <t>6.833333969116211</t>
  </si>
  <si>
    <t>1176.60009765625</t>
  </si>
  <si>
    <t>-0.009222643919557072</t>
  </si>
  <si>
    <t>47232</t>
  </si>
  <si>
    <t>1500.4000244140625</t>
  </si>
  <si>
    <t>-0.00542647629667492</t>
  </si>
  <si>
    <t>47122</t>
  </si>
  <si>
    <t>1533.5</t>
  </si>
  <si>
    <t>-0.002331645713701036</t>
  </si>
  <si>
    <t>48566</t>
  </si>
  <si>
    <t>8.008333206176758</t>
  </si>
  <si>
    <t>1359.3001708984375</t>
  </si>
  <si>
    <t>0.03018371433856437</t>
  </si>
  <si>
    <t>48064</t>
  </si>
  <si>
    <t>7.450000286102295</t>
  </si>
  <si>
    <t>1441.0001220703125</t>
  </si>
  <si>
    <t>-0.010390241461202265</t>
  </si>
  <si>
    <t>47337</t>
  </si>
  <si>
    <t>6.566666126251221</t>
  </si>
  <si>
    <t>1546.2001953125</t>
  </si>
  <si>
    <t>-0.015241225420027149</t>
  </si>
  <si>
    <t>47535</t>
  </si>
  <si>
    <t>8.02500057220459</t>
  </si>
  <si>
    <t>1329.4000244140625</t>
  </si>
  <si>
    <t>0.004174051089352204</t>
  </si>
  <si>
    <t>48053</t>
  </si>
  <si>
    <t>7.524999618530273</t>
  </si>
  <si>
    <t>1489.199951171875</t>
  </si>
  <si>
    <t>0.010838286619906157</t>
  </si>
  <si>
    <t>7.525000095367432</t>
  </si>
  <si>
    <t>1735.499755859375</t>
  </si>
  <si>
    <t>-0.0032099410586763355</t>
  </si>
  <si>
    <t>47752</t>
  </si>
  <si>
    <t>1726.5999755859375</t>
  </si>
  <si>
    <t>-0.0030736765058758664</t>
  </si>
  <si>
    <t>46666</t>
  </si>
  <si>
    <t>7.350000381469727</t>
  </si>
  <si>
    <t>1560.7001953125</t>
  </si>
  <si>
    <t>-0.0230051027414806</t>
  </si>
  <si>
    <t>46005</t>
  </si>
  <si>
    <t>7.899999618530273</t>
  </si>
  <si>
    <t>1693.9002685546875</t>
  </si>
  <si>
    <t>-0.014265761890543516</t>
  </si>
  <si>
    <t>46481</t>
  </si>
  <si>
    <t>8.183332443237305</t>
  </si>
  <si>
    <t>1239.60009765625</t>
  </si>
  <si>
    <t>0.010293540707843718</t>
  </si>
  <si>
    <t>46985</t>
  </si>
  <si>
    <t>1264.300048828125</t>
  </si>
  <si>
    <t>0.010784774892860227</t>
  </si>
  <si>
    <t>47635</t>
  </si>
  <si>
    <t>7.26666784286499</t>
  </si>
  <si>
    <t>1202.300048828125</t>
  </si>
  <si>
    <t>0.01373938332371516</t>
  </si>
  <si>
    <t>47098</t>
  </si>
  <si>
    <t>8.325000762939453</t>
  </si>
  <si>
    <t>1310.300048828125</t>
  </si>
  <si>
    <t>-0.011337247882954316</t>
  </si>
  <si>
    <t>46278</t>
  </si>
  <si>
    <t>7.833333969116211</t>
  </si>
  <si>
    <t>1397.0</t>
  </si>
  <si>
    <t>-0.017563851095871996</t>
  </si>
  <si>
    <t>44717</t>
  </si>
  <si>
    <t>7.258333206176758</t>
  </si>
  <si>
    <t>1565.5</t>
  </si>
  <si>
    <t>-0.03431294366202309</t>
  </si>
  <si>
    <t>42430</t>
  </si>
  <si>
    <t>7.941666126251221</t>
  </si>
  <si>
    <t>1403.2001953125</t>
  </si>
  <si>
    <t>-0.05249808330366079</t>
  </si>
  <si>
    <t>43235</t>
  </si>
  <si>
    <t>7.041667461395264</t>
  </si>
  <si>
    <t>1444.800048828125</t>
  </si>
  <si>
    <t>0.018794693198161738</t>
  </si>
  <si>
    <t>44127</t>
  </si>
  <si>
    <t>8.441666603088379</t>
  </si>
  <si>
    <t>1302.5</t>
  </si>
  <si>
    <t>0.020421487592921395</t>
  </si>
  <si>
    <t>44185</t>
  </si>
  <si>
    <t>7.774999141693115</t>
  </si>
  <si>
    <t>1413.699951171875</t>
  </si>
  <si>
    <t>0.001313524964652757</t>
  </si>
  <si>
    <t>44130</t>
  </si>
  <si>
    <t>7.491666793823242</t>
  </si>
  <si>
    <t>1513.4000244140625</t>
  </si>
  <si>
    <t>-0.0012455416885135406</t>
  </si>
  <si>
    <t>45077</t>
  </si>
  <si>
    <t>8.47499942779541</t>
  </si>
  <si>
    <t>1473.800048828125</t>
  </si>
  <si>
    <t>0.021232315317206485</t>
  </si>
  <si>
    <t>44147</t>
  </si>
  <si>
    <t>1255.7001953125</t>
  </si>
  <si>
    <t>-0.020847164027285814</t>
  </si>
  <si>
    <t>44884</t>
  </si>
  <si>
    <t>7.750001430511475</t>
  </si>
  <si>
    <t>1515.699951171875</t>
  </si>
  <si>
    <t>0.016556409231244018</t>
  </si>
  <si>
    <t>45321</t>
  </si>
  <si>
    <t>8.550000190734863</t>
  </si>
  <si>
    <t>1595.9000244140625</t>
  </si>
  <si>
    <t>0.009689117427077676</t>
  </si>
  <si>
    <t>46033</t>
  </si>
  <si>
    <t>8.524999618530273</t>
  </si>
  <si>
    <t>1184.800048828125</t>
  </si>
  <si>
    <t>0.015588029361605749</t>
  </si>
  <si>
    <t>46117</t>
  </si>
  <si>
    <t>8.675000190734863</t>
  </si>
  <si>
    <t>1483.5001220703125</t>
  </si>
  <si>
    <t>0.001823114992212993</t>
  </si>
  <si>
    <t>45286</t>
  </si>
  <si>
    <t>8.508332252502441</t>
  </si>
  <si>
    <t>1478.0001220703125</t>
  </si>
  <si>
    <t>-0.01818371163318666</t>
  </si>
  <si>
    <t>47365</t>
  </si>
  <si>
    <t>7.791667461395264</t>
  </si>
  <si>
    <t>1335.0999755859375</t>
  </si>
  <si>
    <t>0.04488562537716767</t>
  </si>
  <si>
    <t>48188</t>
  </si>
  <si>
    <t>9.341666221618652</t>
  </si>
  <si>
    <t>1186.5999755859375</t>
  </si>
  <si>
    <t>0.017226468077108592</t>
  </si>
  <si>
    <t>45395</t>
  </si>
  <si>
    <t>1537.2000732421875</t>
  </si>
  <si>
    <t>28.6715087890625</t>
  </si>
  <si>
    <t>Uri</t>
  </si>
  <si>
    <t>45073</t>
  </si>
  <si>
    <t>2.7333333492279053</t>
  </si>
  <si>
    <t>1288.5</t>
  </si>
  <si>
    <t>-0.007118569212360981</t>
  </si>
  <si>
    <t>46192</t>
  </si>
  <si>
    <t>3.933333158493042</t>
  </si>
  <si>
    <t>1712.2000732421875</t>
  </si>
  <si>
    <t>0.024523225309218688</t>
  </si>
  <si>
    <t>47961</t>
  </si>
  <si>
    <t>1678.9998779296875</t>
  </si>
  <si>
    <t>0.037581557730286264</t>
  </si>
  <si>
    <t>47584</t>
  </si>
  <si>
    <t>3.950000524520874</t>
  </si>
  <si>
    <t>1538.2000732421875</t>
  </si>
  <si>
    <t>-0.007891610373119917</t>
  </si>
  <si>
    <t>46804</t>
  </si>
  <si>
    <t>3.116666793823242</t>
  </si>
  <si>
    <t>1573.800048828125</t>
  </si>
  <si>
    <t>-0.016527900921033734</t>
  </si>
  <si>
    <t>47185</t>
  </si>
  <si>
    <t>2.183333396911621</t>
  </si>
  <si>
    <t>1729.4000244140625</t>
  </si>
  <si>
    <t>0.00810737611658574</t>
  </si>
  <si>
    <t>48511</t>
  </si>
  <si>
    <t>3.500000238418579</t>
  </si>
  <si>
    <t>1485.60009765625</t>
  </si>
  <si>
    <t>0.027714530877684496</t>
  </si>
  <si>
    <t>3.375000238418579</t>
  </si>
  <si>
    <t>1442.599853515625</t>
  </si>
  <si>
    <t>0.03456303843761077</t>
  </si>
  <si>
    <t>50762</t>
  </si>
  <si>
    <t>3.1083335876464844</t>
  </si>
  <si>
    <t>1572.4000244140625</t>
  </si>
  <si>
    <t>0.010794428384622634</t>
  </si>
  <si>
    <t>52943</t>
  </si>
  <si>
    <t>1772.5999755859375</t>
  </si>
  <si>
    <t>0.04206781994612818</t>
  </si>
  <si>
    <t>55123</t>
  </si>
  <si>
    <t>3.1666672229766846</t>
  </si>
  <si>
    <t>1387.10009765625</t>
  </si>
  <si>
    <t>0.0403511888103516</t>
  </si>
  <si>
    <t>55059</t>
  </si>
  <si>
    <t>3.8666670322418213</t>
  </si>
  <si>
    <t>2029.0999755859375</t>
  </si>
  <si>
    <t>-0.0011617143852493683</t>
  </si>
  <si>
    <t>50466</t>
  </si>
  <si>
    <t>1140.300048828125</t>
  </si>
  <si>
    <t>-0.08710549533608969</t>
  </si>
  <si>
    <t>51381</t>
  </si>
  <si>
    <t>3.141667127609253</t>
  </si>
  <si>
    <t>1324.2999267578125</t>
  </si>
  <si>
    <t>0.01796861210998557</t>
  </si>
  <si>
    <t>52679</t>
  </si>
  <si>
    <t>2.558333158493042</t>
  </si>
  <si>
    <t>1268.800048828125</t>
  </si>
  <si>
    <t>0.02494843984050199</t>
  </si>
  <si>
    <t>46818</t>
  </si>
  <si>
    <t>4.108332633972168</t>
  </si>
  <si>
    <t>1408.89990234375</t>
  </si>
  <si>
    <t>-0.11794914979616422</t>
  </si>
  <si>
    <t>40329</t>
  </si>
  <si>
    <t>3.7833335399627686</t>
  </si>
  <si>
    <t>1383.900146484375</t>
  </si>
  <si>
    <t>-0.1491969312224537</t>
  </si>
  <si>
    <t>32933</t>
  </si>
  <si>
    <t>3.27500057220459</t>
  </si>
  <si>
    <t>1816.60009765625</t>
  </si>
  <si>
    <t>-0.20259561856322428</t>
  </si>
  <si>
    <t>3.4166667461395264</t>
  </si>
  <si>
    <t>1519.4998779296875</t>
  </si>
  <si>
    <t>-0.013912257534105521</t>
  </si>
  <si>
    <t>31814</t>
  </si>
  <si>
    <t>2.791666030883789</t>
  </si>
  <si>
    <t>1617.7001953125</t>
  </si>
  <si>
    <t>-0.02065649256672586</t>
  </si>
  <si>
    <t>33104</t>
  </si>
  <si>
    <t>4.416666507720947</t>
  </si>
  <si>
    <t>1484.8001708984375</t>
  </si>
  <si>
    <t>0.03974767652701772</t>
  </si>
  <si>
    <t>33414</t>
  </si>
  <si>
    <t>3.766667366027832</t>
  </si>
  <si>
    <t>1607.5999755859375</t>
  </si>
  <si>
    <t>0.00932085283239914</t>
  </si>
  <si>
    <t>33956</t>
  </si>
  <si>
    <t>3.433333158493042</t>
  </si>
  <si>
    <t>1703.300048828125</t>
  </si>
  <si>
    <t>0.01609059504013466</t>
  </si>
  <si>
    <t>34618</t>
  </si>
  <si>
    <t>1676.5</t>
  </si>
  <si>
    <t>0.019308209128485743</t>
  </si>
  <si>
    <t>4.441666603088379</t>
  </si>
  <si>
    <t>1315.60009765625</t>
  </si>
  <si>
    <t>0.002970913216495674</t>
  </si>
  <si>
    <t>35079</t>
  </si>
  <si>
    <t>3.5333330631256104</t>
  </si>
  <si>
    <t>1427.3001708984375</t>
  </si>
  <si>
    <t>0.010257969605588002</t>
  </si>
  <si>
    <t>36014</t>
  </si>
  <si>
    <t>4.341667175292969</t>
  </si>
  <si>
    <t>1369.699951171875</t>
  </si>
  <si>
    <t>0.02630509092102251</t>
  </si>
  <si>
    <t>36352</t>
  </si>
  <si>
    <t>1360.2999267578125</t>
  </si>
  <si>
    <t>0.009341471351373087</t>
  </si>
  <si>
    <t>4.758333683013916</t>
  </si>
  <si>
    <t>1458.5</t>
  </si>
  <si>
    <t>0.003597175568286204</t>
  </si>
  <si>
    <t>36010</t>
  </si>
  <si>
    <t>4.508333206176758</t>
  </si>
  <si>
    <t>1536.7001953125</t>
  </si>
  <si>
    <t>-0.01304972100618862</t>
  </si>
  <si>
    <t>3.5249998569488525</t>
  </si>
  <si>
    <t>1423.300048828125</t>
  </si>
  <si>
    <t>0.044881502512359006</t>
  </si>
  <si>
    <t>38318</t>
  </si>
  <si>
    <t>5.191667079925537</t>
  </si>
  <si>
    <t>1268.5</t>
  </si>
  <si>
    <t>0.017241579500657522</t>
  </si>
  <si>
    <t>389</t>
  </si>
  <si>
    <t>43566</t>
  </si>
  <si>
    <t>3.460695505142212</t>
  </si>
  <si>
    <t>1606.423095703125</t>
  </si>
  <si>
    <t>125.3287353515625</t>
  </si>
  <si>
    <t>Wallis</t>
  </si>
  <si>
    <t>42402</t>
  </si>
  <si>
    <t>2.450908899307251</t>
  </si>
  <si>
    <t>1139.1142578125</t>
  </si>
  <si>
    <t>-0.027081498689391026</t>
  </si>
  <si>
    <t>3.52132248878479</t>
  </si>
  <si>
    <t>1466.7457275390625</t>
  </si>
  <si>
    <t>0.005057703767738175</t>
  </si>
  <si>
    <t>2.733962297439575</t>
  </si>
  <si>
    <t>1497.985107421875</t>
  </si>
  <si>
    <t>-0.0367805363210536</t>
  </si>
  <si>
    <t>38402</t>
  </si>
  <si>
    <t>3.951496124267578</t>
  </si>
  <si>
    <t>1592.859375</t>
  </si>
  <si>
    <t>-0.06736315681273197</t>
  </si>
  <si>
    <t>38422</t>
  </si>
  <si>
    <t>3.090282440185547</t>
  </si>
  <si>
    <t>1436.3668212890625</t>
  </si>
  <si>
    <t>0.000520670635525633</t>
  </si>
  <si>
    <t>39224</t>
  </si>
  <si>
    <t>1.8325090408325195</t>
  </si>
  <si>
    <t>1308.449951171875</t>
  </si>
  <si>
    <t>0.020658592142680732</t>
  </si>
  <si>
    <t>40822</t>
  </si>
  <si>
    <t>3.520735740661621</t>
  </si>
  <si>
    <t>1327.68017578125</t>
  </si>
  <si>
    <t>0.03993234742291918</t>
  </si>
  <si>
    <t>42762</t>
  </si>
  <si>
    <t>3.148029088973999</t>
  </si>
  <si>
    <t>1263.8946533203125</t>
  </si>
  <si>
    <t>0.046428705975937845</t>
  </si>
  <si>
    <t>42816</t>
  </si>
  <si>
    <t>3.153482437133789</t>
  </si>
  <si>
    <t>1726.419189453125</t>
  </si>
  <si>
    <t>0.0012620067579742766</t>
  </si>
  <si>
    <t>43848</t>
  </si>
  <si>
    <t>4.072749614715576</t>
  </si>
  <si>
    <t>1446.152099609375</t>
  </si>
  <si>
    <t>0.023817243238051233</t>
  </si>
  <si>
    <t>46277</t>
  </si>
  <si>
    <t>3.1474692821502686</t>
  </si>
  <si>
    <t>1494.026611328125</t>
  </si>
  <si>
    <t>0.0539159696629401</t>
  </si>
  <si>
    <t>45251</t>
  </si>
  <si>
    <t>3.7986154556274414</t>
  </si>
  <si>
    <t>1707.8336181640625</t>
  </si>
  <si>
    <t>-0.02242030805749451</t>
  </si>
  <si>
    <t>42096</t>
  </si>
  <si>
    <t>3.648895263671875</t>
  </si>
  <si>
    <t>1142.8001708984375</t>
  </si>
  <si>
    <t>-0.07227204505132256</t>
  </si>
  <si>
    <t>42669</t>
  </si>
  <si>
    <t>3.159522294998169</t>
  </si>
  <si>
    <t>1146.718505859375</t>
  </si>
  <si>
    <t>0.01351993695826259</t>
  </si>
  <si>
    <t>44236</t>
  </si>
  <si>
    <t>2.8431355953216553</t>
  </si>
  <si>
    <t>1166.8958740234375</t>
  </si>
  <si>
    <t>0.03606627595691414</t>
  </si>
  <si>
    <t>49581</t>
  </si>
  <si>
    <t>4.031082630157471</t>
  </si>
  <si>
    <t>1619.6397705078125</t>
  </si>
  <si>
    <t>0.11406875861368526</t>
  </si>
  <si>
    <t>55015</t>
  </si>
  <si>
    <t>3.641709089279175</t>
  </si>
  <si>
    <t>1555.1064453125</t>
  </si>
  <si>
    <t>0.10399817949507728</t>
  </si>
  <si>
    <t>59860</t>
  </si>
  <si>
    <t>2.9319493770599365</t>
  </si>
  <si>
    <t>1363.60888671875</t>
  </si>
  <si>
    <t>0.08440262710267632</t>
  </si>
  <si>
    <t>58182</t>
  </si>
  <si>
    <t>3.529068946838379</t>
  </si>
  <si>
    <t>1266.9324951171875</t>
  </si>
  <si>
    <t>-0.02843247387408887</t>
  </si>
  <si>
    <t>59435</t>
  </si>
  <si>
    <t>2.6810824871063232</t>
  </si>
  <si>
    <t>1293.8074951171875</t>
  </si>
  <si>
    <t>0.02130724988212407</t>
  </si>
  <si>
    <t>59812</t>
  </si>
  <si>
    <t>4.079069137573242</t>
  </si>
  <si>
    <t>1224.7874755859375</t>
  </si>
  <si>
    <t>0.006323031289008796</t>
  </si>
  <si>
    <t>62860</t>
  </si>
  <si>
    <t>3.251469373703003</t>
  </si>
  <si>
    <t>1514.3406982421875</t>
  </si>
  <si>
    <t>0.049703721647825105</t>
  </si>
  <si>
    <t>3.031362533569336</t>
  </si>
  <si>
    <t>1500.3173828125</t>
  </si>
  <si>
    <t>-0.04634882594948664</t>
  </si>
  <si>
    <t>62269</t>
  </si>
  <si>
    <t>4.209242343902588</t>
  </si>
  <si>
    <t>1372.9376220703125</t>
  </si>
  <si>
    <t>0.03690250423799846</t>
  </si>
  <si>
    <t>4.224762439727783</t>
  </si>
  <si>
    <t>1246.1356201171875</t>
  </si>
  <si>
    <t>-0.017479932183485758</t>
  </si>
  <si>
    <t>64908</t>
  </si>
  <si>
    <t>3.1730289459228516</t>
  </si>
  <si>
    <t>1324.8570556640625</t>
  </si>
  <si>
    <t>0.058987105202842116</t>
  </si>
  <si>
    <t>63045</t>
  </si>
  <si>
    <t>4.3138556480407715</t>
  </si>
  <si>
    <t>1487.7733154296875</t>
  </si>
  <si>
    <t>-0.029122125552101252</t>
  </si>
  <si>
    <t>66137</t>
  </si>
  <si>
    <t>4.251775741577148</t>
  </si>
  <si>
    <t>1047.4822998046875</t>
  </si>
  <si>
    <t>0.04787959106892359</t>
  </si>
  <si>
    <t>65387</t>
  </si>
  <si>
    <t>4.511842727661133</t>
  </si>
  <si>
    <t>1334.1229248046875</t>
  </si>
  <si>
    <t>-0.01140488624808711</t>
  </si>
  <si>
    <t>63133</t>
  </si>
  <si>
    <t>4.4471893310546875</t>
  </si>
  <si>
    <t>1372.1910400390625</t>
  </si>
  <si>
    <t>-0.03507984970714162</t>
  </si>
  <si>
    <t>66030</t>
  </si>
  <si>
    <t>3.3537893295288086</t>
  </si>
  <si>
    <t>1339.9423828125</t>
  </si>
  <si>
    <t>0.04486557196759655</t>
  </si>
  <si>
    <t>67178</t>
  </si>
  <si>
    <t>5.084829330444336</t>
  </si>
  <si>
    <t>1212.5126953125</t>
  </si>
  <si>
    <t>0.017236628769399687</t>
  </si>
  <si>
    <t>392</t>
  </si>
  <si>
    <t>CHL</t>
  </si>
  <si>
    <t>34630</t>
  </si>
  <si>
    <t>10.963189125061035</t>
  </si>
  <si>
    <t>42.62678146362305</t>
  </si>
  <si>
    <t>158.21719360351562</t>
  </si>
  <si>
    <t>Antofagasta</t>
  </si>
  <si>
    <t>Chile</t>
  </si>
  <si>
    <t>36706</t>
  </si>
  <si>
    <t>11.398262977600098</t>
  </si>
  <si>
    <t>40.335506439208984</t>
  </si>
  <si>
    <t>0.05821987102194903</t>
  </si>
  <si>
    <t>40128</t>
  </si>
  <si>
    <t>11.230683326721191</t>
  </si>
  <si>
    <t>46.58683776855469</t>
  </si>
  <si>
    <t>0.08913411557417561</t>
  </si>
  <si>
    <t>42086</t>
  </si>
  <si>
    <t>11.356844902038574</t>
  </si>
  <si>
    <t>35.92966842651367</t>
  </si>
  <si>
    <t>0.04764079880597549</t>
  </si>
  <si>
    <t>43518</t>
  </si>
  <si>
    <t>11.901657104492188</t>
  </si>
  <si>
    <t>38.66934585571289</t>
  </si>
  <si>
    <t>0.03345950179289936</t>
  </si>
  <si>
    <t>46701</t>
  </si>
  <si>
    <t>11.326321601867676</t>
  </si>
  <si>
    <t>34.386878967285156</t>
  </si>
  <si>
    <t>0.07059093211249134</t>
  </si>
  <si>
    <t>49151</t>
  </si>
  <si>
    <t>11.076836585998535</t>
  </si>
  <si>
    <t>37.6541748046875</t>
  </si>
  <si>
    <t>0.05113161454433879</t>
  </si>
  <si>
    <t>52042</t>
  </si>
  <si>
    <t>11.827007293701172</t>
  </si>
  <si>
    <t>46.612361907958984</t>
  </si>
  <si>
    <t>0.057153892615058766</t>
  </si>
  <si>
    <t>11.181254386901855</t>
  </si>
  <si>
    <t>52.21761703491211</t>
  </si>
  <si>
    <t>0.02744363566193897</t>
  </si>
  <si>
    <t>10.86110782623291</t>
  </si>
  <si>
    <t>36.376808166503906</t>
  </si>
  <si>
    <t>-0.015581598861068358</t>
  </si>
  <si>
    <t>54600</t>
  </si>
  <si>
    <t>10.693923950195312</t>
  </si>
  <si>
    <t>34.8588752746582</t>
  </si>
  <si>
    <t>0.03612076106876927</t>
  </si>
  <si>
    <t>55640</t>
  </si>
  <si>
    <t>11.02157974243164</t>
  </si>
  <si>
    <t>37.10475540161133</t>
  </si>
  <si>
    <t>0.018868484304382704</t>
  </si>
  <si>
    <t>56743</t>
  </si>
  <si>
    <t>11.185851097106934</t>
  </si>
  <si>
    <t>40.143402099609375</t>
  </si>
  <si>
    <t>0.019629933680656464</t>
  </si>
  <si>
    <t>58746</t>
  </si>
  <si>
    <t>11.49501895904541</t>
  </si>
  <si>
    <t>30.424301147460938</t>
  </si>
  <si>
    <t>0.034690764864091506</t>
  </si>
  <si>
    <t>61985</t>
  </si>
  <si>
    <t>11.32878589630127</t>
  </si>
  <si>
    <t>35.28849792480469</t>
  </si>
  <si>
    <t>0.05366935469012013</t>
  </si>
  <si>
    <t>64903</t>
  </si>
  <si>
    <t>11.054368019104004</t>
  </si>
  <si>
    <t>36.06156539916992</t>
  </si>
  <si>
    <t>0.04600142731307244</t>
  </si>
  <si>
    <t>68106</t>
  </si>
  <si>
    <t>11.622615814208984</t>
  </si>
  <si>
    <t>35.04966354370117</t>
  </si>
  <si>
    <t>0.04817146739807576</t>
  </si>
  <si>
    <t>70873</t>
  </si>
  <si>
    <t>10.622638702392578</t>
  </si>
  <si>
    <t>33.25844955444336</t>
  </si>
  <si>
    <t>0.03982422795361806</t>
  </si>
  <si>
    <t>72772</t>
  </si>
  <si>
    <t>11.086705207824707</t>
  </si>
  <si>
    <t>28.33728790283203</t>
  </si>
  <si>
    <t>0.026441722879681606</t>
  </si>
  <si>
    <t>69946</t>
  </si>
  <si>
    <t>11.604544639587402</t>
  </si>
  <si>
    <t>32.45408248901367</t>
  </si>
  <si>
    <t>-0.039607750060762115</t>
  </si>
  <si>
    <t>82204</t>
  </si>
  <si>
    <t>10.92154312133789</t>
  </si>
  <si>
    <t>31.750259399414062</t>
  </si>
  <si>
    <t>0.1614804469048785</t>
  </si>
  <si>
    <t>78008</t>
  </si>
  <si>
    <t>11.15676212310791</t>
  </si>
  <si>
    <t>52.84809112548828</t>
  </si>
  <si>
    <t>-0.05239257714585577</t>
  </si>
  <si>
    <t>78998</t>
  </si>
  <si>
    <t>11.704554557800293</t>
  </si>
  <si>
    <t>29.085386276245117</t>
  </si>
  <si>
    <t>0.012611150158040374</t>
  </si>
  <si>
    <t>73954</t>
  </si>
  <si>
    <t>11.482494354248047</t>
  </si>
  <si>
    <t>45.2060661315918</t>
  </si>
  <si>
    <t>-0.065979257395135</t>
  </si>
  <si>
    <t>75068</t>
  </si>
  <si>
    <t>11.46377944946289</t>
  </si>
  <si>
    <t>21.30938148498535</t>
  </si>
  <si>
    <t>0.01495109113330173</t>
  </si>
  <si>
    <t>67357</t>
  </si>
  <si>
    <t>11.74178695678711</t>
  </si>
  <si>
    <t>64.61949157714844</t>
  </si>
  <si>
    <t>-0.10838753730384987</t>
  </si>
  <si>
    <t>11.234058380126953</t>
  </si>
  <si>
    <t>42.29731750488281</t>
  </si>
  <si>
    <t>-0.06834938685245717</t>
  </si>
  <si>
    <t>67826</t>
  </si>
  <si>
    <t>11.496078491210938</t>
  </si>
  <si>
    <t>42.377376556396484</t>
  </si>
  <si>
    <t>0.07528815698961111</t>
  </si>
  <si>
    <t>69035</t>
  </si>
  <si>
    <t>11.231568336486816</t>
  </si>
  <si>
    <t>40.68197250366211</t>
  </si>
  <si>
    <t>0.017668020105785942</t>
  </si>
  <si>
    <t>66365</t>
  </si>
  <si>
    <t>11.252556800842285</t>
  </si>
  <si>
    <t>39.469661712646484</t>
  </si>
  <si>
    <t>-0.0394438132899495</t>
  </si>
  <si>
    <t>75706</t>
  </si>
  <si>
    <t>11.688216209411621</t>
  </si>
  <si>
    <t>44.324825286865234</t>
  </si>
  <si>
    <t>0.13168760846209082</t>
  </si>
  <si>
    <t>83775</t>
  </si>
  <si>
    <t>11.394966125488281</t>
  </si>
  <si>
    <t>43.972801208496094</t>
  </si>
  <si>
    <t>0.10127721608311724</t>
  </si>
  <si>
    <t>85356</t>
  </si>
  <si>
    <t>11.175847053527832</t>
  </si>
  <si>
    <t>41.82078170776367</t>
  </si>
  <si>
    <t>0.018696111916003844</t>
  </si>
  <si>
    <t>393</t>
  </si>
  <si>
    <t>11.185307502746582</t>
  </si>
  <si>
    <t>1519.0172119140625</t>
  </si>
  <si>
    <t>353.3117980957031</t>
  </si>
  <si>
    <t>Araucanía</t>
  </si>
  <si>
    <t>11.270804405212402</t>
  </si>
  <si>
    <t>1762.474365234375</t>
  </si>
  <si>
    <t>0.05812393580199071</t>
  </si>
  <si>
    <t>5731</t>
  </si>
  <si>
    <t>10.897720336914062</t>
  </si>
  <si>
    <t>2096.76123046875</t>
  </si>
  <si>
    <t>0.08918693066838479</t>
  </si>
  <si>
    <t>6010</t>
  </si>
  <si>
    <t>11.387786865234375</t>
  </si>
  <si>
    <t>2041.204345703125</t>
  </si>
  <si>
    <t>0.04753471297751588</t>
  </si>
  <si>
    <t>11.636418342590332</t>
  </si>
  <si>
    <t>1693.78759765625</t>
  </si>
  <si>
    <t>0.03354097641555853</t>
  </si>
  <si>
    <t>6669</t>
  </si>
  <si>
    <t>11.08401107788086</t>
  </si>
  <si>
    <t>1564.6251220703125</t>
  </si>
  <si>
    <t>0.07050419868749458</t>
  </si>
  <si>
    <t>7019</t>
  </si>
  <si>
    <t>11.311667442321777</t>
  </si>
  <si>
    <t>1212.552001953125</t>
  </si>
  <si>
    <t>0.051150834098116604</t>
  </si>
  <si>
    <t>7432</t>
  </si>
  <si>
    <t>11.57169246673584</t>
  </si>
  <si>
    <t>1990.3905029296875</t>
  </si>
  <si>
    <t>0.057174243763252974</t>
  </si>
  <si>
    <t>7639</t>
  </si>
  <si>
    <t>11.627812385559082</t>
  </si>
  <si>
    <t>884.2695922851562</t>
  </si>
  <si>
    <t>0.027471703047684315</t>
  </si>
  <si>
    <t>11.228493690490723</t>
  </si>
  <si>
    <t>1513.3289794921875</t>
  </si>
  <si>
    <t>-0.015567596714957332</t>
  </si>
  <si>
    <t>7797</t>
  </si>
  <si>
    <t>10.801966667175293</t>
  </si>
  <si>
    <t>1896.242919921875</t>
  </si>
  <si>
    <t>0.036039936483197366</t>
  </si>
  <si>
    <t>7946</t>
  </si>
  <si>
    <t>11.28561019897461</t>
  </si>
  <si>
    <t>1673.7464599609375</t>
  </si>
  <si>
    <t>0.01892961306494456</t>
  </si>
  <si>
    <t>8103</t>
  </si>
  <si>
    <t>11.121368408203125</t>
  </si>
  <si>
    <t>2071.772216796875</t>
  </si>
  <si>
    <t>0.019565706086181578</t>
  </si>
  <si>
    <t>11.50905990600586</t>
  </si>
  <si>
    <t>1454.8687744140625</t>
  </si>
  <si>
    <t>0.034686960385569066</t>
  </si>
  <si>
    <t>11.402480125427246</t>
  </si>
  <si>
    <t>1712.013671875</t>
  </si>
  <si>
    <t>0.05372209832464492</t>
  </si>
  <si>
    <t>9269</t>
  </si>
  <si>
    <t>11.150193214416504</t>
  </si>
  <si>
    <t>2064.99755859375</t>
  </si>
  <si>
    <t>0.0460320767048934</t>
  </si>
  <si>
    <t>9726</t>
  </si>
  <si>
    <t>11.465044975280762</t>
  </si>
  <si>
    <t>1887.1082763671875</t>
  </si>
  <si>
    <t>0.04812721308789847</t>
  </si>
  <si>
    <t>10121</t>
  </si>
  <si>
    <t>10.62736701965332</t>
  </si>
  <si>
    <t>1343.1932373046875</t>
  </si>
  <si>
    <t>0.03980976122516999</t>
  </si>
  <si>
    <t>10393</t>
  </si>
  <si>
    <t>11.90855884552002</t>
  </si>
  <si>
    <t>1643.40576171875</t>
  </si>
  <si>
    <t>0.026520029399520695</t>
  </si>
  <si>
    <t>9968</t>
  </si>
  <si>
    <t>11.288471221923828</t>
  </si>
  <si>
    <t>1759.861572265625</t>
  </si>
  <si>
    <t>-0.0417525405611876</t>
  </si>
  <si>
    <t>10.9429349899292</t>
  </si>
  <si>
    <t>1355.9727783203125</t>
  </si>
  <si>
    <t>0.05949094195953997</t>
  </si>
  <si>
    <t>11.429972648620605</t>
  </si>
  <si>
    <t>1477.8726806640625</t>
  </si>
  <si>
    <t>0.05686428692206391</t>
  </si>
  <si>
    <t>11575</t>
  </si>
  <si>
    <t>11.509734153747559</t>
  </si>
  <si>
    <t>1326.323974609375</t>
  </si>
  <si>
    <t>0.033112409045596536</t>
  </si>
  <si>
    <t>12101</t>
  </si>
  <si>
    <t>11.665343284606934</t>
  </si>
  <si>
    <t>1204.4798583984375</t>
  </si>
  <si>
    <t>0.044440493843618256</t>
  </si>
  <si>
    <t>11.594063758850098</t>
  </si>
  <si>
    <t>1587.18017578125</t>
  </si>
  <si>
    <t>0.012401095154611852</t>
  </si>
  <si>
    <t>12997</t>
  </si>
  <si>
    <t>11.830317497253418</t>
  </si>
  <si>
    <t>1593.87158203125</t>
  </si>
  <si>
    <t>0.05902937262892394</t>
  </si>
  <si>
    <t>13675</t>
  </si>
  <si>
    <t>11.834236145019531</t>
  </si>
  <si>
    <t>1018.079345703125</t>
  </si>
  <si>
    <t>0.05085078670859211</t>
  </si>
  <si>
    <t>13676</t>
  </si>
  <si>
    <t>11.741898536682129</t>
  </si>
  <si>
    <t>1446.1898193359375</t>
  </si>
  <si>
    <t>7.312346901144906e-05</t>
  </si>
  <si>
    <t>14361</t>
  </si>
  <si>
    <t>11.445237159729004</t>
  </si>
  <si>
    <t>1328.6575927734375</t>
  </si>
  <si>
    <t>0.048873727301426584</t>
  </si>
  <si>
    <t>14587</t>
  </si>
  <si>
    <t>11.835722923278809</t>
  </si>
  <si>
    <t>1050.3702392578125</t>
  </si>
  <si>
    <t>0.015614522025593658</t>
  </si>
  <si>
    <t>11.793041229248047</t>
  </si>
  <si>
    <t>1189.3814697265625</t>
  </si>
  <si>
    <t>-0.06178643308635934</t>
  </si>
  <si>
    <t>15175</t>
  </si>
  <si>
    <t>11.944896697998047</t>
  </si>
  <si>
    <t>865.9263916015625</t>
  </si>
  <si>
    <t>0.10130504892784487</t>
  </si>
  <si>
    <t>15461</t>
  </si>
  <si>
    <t>11.5350341796875</t>
  </si>
  <si>
    <t>1294.0885009765625</t>
  </si>
  <si>
    <t>0.018671387174896026</t>
  </si>
  <si>
    <t>394</t>
  </si>
  <si>
    <t>12.478793144226074</t>
  </si>
  <si>
    <t>37.266334533691406</t>
  </si>
  <si>
    <t>71.2353286743164</t>
  </si>
  <si>
    <t>Arica y Parinacota</t>
  </si>
  <si>
    <t>12.717951774597168</t>
  </si>
  <si>
    <t>25.342124938964844</t>
  </si>
  <si>
    <t>0.05818835581284354</t>
  </si>
  <si>
    <t>7871</t>
  </si>
  <si>
    <t>12.955838203430176</t>
  </si>
  <si>
    <t>32.53740692138672</t>
  </si>
  <si>
    <t>0.08910409313830314</t>
  </si>
  <si>
    <t>8255</t>
  </si>
  <si>
    <t>12.894244194030762</t>
  </si>
  <si>
    <t>38.4682502746582</t>
  </si>
  <si>
    <t>0.047633958211779515</t>
  </si>
  <si>
    <t>8536</t>
  </si>
  <si>
    <t>12.939286231994629</t>
  </si>
  <si>
    <t>32.86771774291992</t>
  </si>
  <si>
    <t>0.0334734366273608</t>
  </si>
  <si>
    <t>9161</t>
  </si>
  <si>
    <t>12.402229309082031</t>
  </si>
  <si>
    <t>24.275426864624023</t>
  </si>
  <si>
    <t>0.07066282903361909</t>
  </si>
  <si>
    <t>9641</t>
  </si>
  <si>
    <t>12.107593536376953</t>
  </si>
  <si>
    <t>56.69631576538086</t>
  </si>
  <si>
    <t>0.05106949464917143</t>
  </si>
  <si>
    <t>10208</t>
  </si>
  <si>
    <t>13.466148376464844</t>
  </si>
  <si>
    <t>63.16658401489258</t>
  </si>
  <si>
    <t>0.057146888920190264</t>
  </si>
  <si>
    <t>10492</t>
  </si>
  <si>
    <t>12.877037048339844</t>
  </si>
  <si>
    <t>14.35794734954834</t>
  </si>
  <si>
    <t>0.02744133540219451</t>
  </si>
  <si>
    <t>10330</t>
  </si>
  <si>
    <t>12.2811861038208</t>
  </si>
  <si>
    <t>83.38792419433594</t>
  </si>
  <si>
    <t>-0.015560778873080494</t>
  </si>
  <si>
    <t>10710</t>
  </si>
  <si>
    <t>12.431781768798828</t>
  </si>
  <si>
    <t>50.871482849121094</t>
  </si>
  <si>
    <t>0.03612560132810927</t>
  </si>
  <si>
    <t>10914</t>
  </si>
  <si>
    <t>12.407330513000488</t>
  </si>
  <si>
    <t>61.445560455322266</t>
  </si>
  <si>
    <t>11131</t>
  </si>
  <si>
    <t>12.656867027282715</t>
  </si>
  <si>
    <t>57.69670867919922</t>
  </si>
  <si>
    <t>0.019687639747049346</t>
  </si>
  <si>
    <t>11523</t>
  </si>
  <si>
    <t>12.566155433654785</t>
  </si>
  <si>
    <t>33.751243591308594</t>
  </si>
  <si>
    <t>0.034611029520789316</t>
  </si>
  <si>
    <t>12159</t>
  </si>
  <si>
    <t>12.729229927062988</t>
  </si>
  <si>
    <t>35.20716857910156</t>
  </si>
  <si>
    <t>0.053724598282403946</t>
  </si>
  <si>
    <t>12.38144302368164</t>
  </si>
  <si>
    <t>47.590091705322266</t>
  </si>
  <si>
    <t>0.045970327765227026</t>
  </si>
  <si>
    <t>13359</t>
  </si>
  <si>
    <t>12.918580055236816</t>
  </si>
  <si>
    <t>45.22275161743164</t>
  </si>
  <si>
    <t>0.04815035092816622</t>
  </si>
  <si>
    <t>13902</t>
  </si>
  <si>
    <t>11.85457706451416</t>
  </si>
  <si>
    <t>56.98482131958008</t>
  </si>
  <si>
    <t>0.039842399670618533</t>
  </si>
  <si>
    <t>14275</t>
  </si>
  <si>
    <t>12.147477149963379</t>
  </si>
  <si>
    <t>15.477611541748047</t>
  </si>
  <si>
    <t>0.026477040863779777</t>
  </si>
  <si>
    <t>14089</t>
  </si>
  <si>
    <t>12.66040325164795</t>
  </si>
  <si>
    <t>27.875844955444336</t>
  </si>
  <si>
    <t>-0.013115404470934067</t>
  </si>
  <si>
    <t>13473</t>
  </si>
  <si>
    <t>12.32572078704834</t>
  </si>
  <si>
    <t>30.901456832885742</t>
  </si>
  <si>
    <t>-0.04470666829742953</t>
  </si>
  <si>
    <t>12.428364753723145</t>
  </si>
  <si>
    <t>87.19392395019531</t>
  </si>
  <si>
    <t>0.07194257309723895</t>
  </si>
  <si>
    <t>14741</t>
  </si>
  <si>
    <t>12.673042297363281</t>
  </si>
  <si>
    <t>39.68318557739258</t>
  </si>
  <si>
    <t>0.018002471194192182</t>
  </si>
  <si>
    <t>12.137089729309082</t>
  </si>
  <si>
    <t>40.20643615722656</t>
  </si>
  <si>
    <t>0.05855941736824377</t>
  </si>
  <si>
    <t>15760</t>
  </si>
  <si>
    <t>12.468635559082031</t>
  </si>
  <si>
    <t>17.236576080322266</t>
  </si>
  <si>
    <t>0.00828293999634866</t>
  </si>
  <si>
    <t>16035</t>
  </si>
  <si>
    <t>13.409698486328125</t>
  </si>
  <si>
    <t>32.60314178466797</t>
  </si>
  <si>
    <t>0.01729874871538506</t>
  </si>
  <si>
    <t>16604</t>
  </si>
  <si>
    <t>13.084450721740723</t>
  </si>
  <si>
    <t>60.37113571166992</t>
  </si>
  <si>
    <t>0.03486979704567439</t>
  </si>
  <si>
    <t>16761</t>
  </si>
  <si>
    <t>12.924735069274902</t>
  </si>
  <si>
    <t>32.185943603515625</t>
  </si>
  <si>
    <t>0.009411128954328163</t>
  </si>
  <si>
    <t>16796</t>
  </si>
  <si>
    <t>12.680221557617188</t>
  </si>
  <si>
    <t>38.16624450683594</t>
  </si>
  <si>
    <t>0.002086003676826209</t>
  </si>
  <si>
    <t>12.791313171386719</t>
  </si>
  <si>
    <t>46.80780792236328</t>
  </si>
  <si>
    <t>-0.009391425388576735</t>
  </si>
  <si>
    <t>15189</t>
  </si>
  <si>
    <t>13.104915618896484</t>
  </si>
  <si>
    <t>54.059574127197266</t>
  </si>
  <si>
    <t>-0.09117785577748805</t>
  </si>
  <si>
    <t>16808</t>
  </si>
  <si>
    <t>12.561248779296875</t>
  </si>
  <si>
    <t>26.511369705200195</t>
  </si>
  <si>
    <t>0.10128348188681713</t>
  </si>
  <si>
    <t>17126</t>
  </si>
  <si>
    <t>12.309005737304688</t>
  </si>
  <si>
    <t>137.3633270263672</t>
  </si>
  <si>
    <t>0.018742813061301433</t>
  </si>
  <si>
    <t>395</t>
  </si>
  <si>
    <t>12643</t>
  </si>
  <si>
    <t>11.420036315917969</t>
  </si>
  <si>
    <t>33.49375915527344</t>
  </si>
  <si>
    <t>80.30654907226562</t>
  </si>
  <si>
    <t>Atacama</t>
  </si>
  <si>
    <t>11.951221466064453</t>
  </si>
  <si>
    <t>94.44137573242188</t>
  </si>
  <si>
    <t>0.058225628708330035</t>
  </si>
  <si>
    <t>14651</t>
  </si>
  <si>
    <t>11.586182594299316</t>
  </si>
  <si>
    <t>100.94115447998047</t>
  </si>
  <si>
    <t>0.08917926148108535</t>
  </si>
  <si>
    <t>15366</t>
  </si>
  <si>
    <t>11.693290710449219</t>
  </si>
  <si>
    <t>47.269309997558594</t>
  </si>
  <si>
    <t>0.04764868392626731</t>
  </si>
  <si>
    <t>15888</t>
  </si>
  <si>
    <t>12.42974853515625</t>
  </si>
  <si>
    <t>38.3029670715332</t>
  </si>
  <si>
    <t>0.03340683085737339</t>
  </si>
  <si>
    <t>17051</t>
  </si>
  <si>
    <t>12.003905296325684</t>
  </si>
  <si>
    <t>26.083162307739258</t>
  </si>
  <si>
    <t>0.07064474573319757</t>
  </si>
  <si>
    <t>17945</t>
  </si>
  <si>
    <t>11.7346773147583</t>
  </si>
  <si>
    <t>40.5253791809082</t>
  </si>
  <si>
    <t>0.05110267156355697</t>
  </si>
  <si>
    <t>19001</t>
  </si>
  <si>
    <t>12.44448471069336</t>
  </si>
  <si>
    <t>119.74420928955078</t>
  </si>
  <si>
    <t>0.057180084760823036</t>
  </si>
  <si>
    <t>19529</t>
  </si>
  <si>
    <t>11.595162391662598</t>
  </si>
  <si>
    <t>58.743316650390625</t>
  </si>
  <si>
    <t>0.027408930940250542</t>
  </si>
  <si>
    <t>19227</t>
  </si>
  <si>
    <t>11.349037170410156</t>
  </si>
  <si>
    <t>51.22810745239258</t>
  </si>
  <si>
    <t>-0.015584999110444642</t>
  </si>
  <si>
    <t>19935</t>
  </si>
  <si>
    <t>11.209870338439941</t>
  </si>
  <si>
    <t>94.07490539550781</t>
  </si>
  <si>
    <t>0.03616143964311824</t>
  </si>
  <si>
    <t>20314</t>
  </si>
  <si>
    <t>11.59268569946289</t>
  </si>
  <si>
    <t>63.1400146484375</t>
  </si>
  <si>
    <t>0.018833322683990517</t>
  </si>
  <si>
    <t>20717</t>
  </si>
  <si>
    <t>11.785587310791016</t>
  </si>
  <si>
    <t>147.3247833251953</t>
  </si>
  <si>
    <t>0.019644315746443652</t>
  </si>
  <si>
    <t>21448</t>
  </si>
  <si>
    <t>12.174742698669434</t>
  </si>
  <si>
    <t>25.000158309936523</t>
  </si>
  <si>
    <t>0.034676781669904955</t>
  </si>
  <si>
    <t>22631</t>
  </si>
  <si>
    <t>11.855510711669922</t>
  </si>
  <si>
    <t>65.03054809570312</t>
  </si>
  <si>
    <t>0.05368924686495191</t>
  </si>
  <si>
    <t>23696</t>
  </si>
  <si>
    <t>11.630924224853516</t>
  </si>
  <si>
    <t>72.5750503540039</t>
  </si>
  <si>
    <t>0.0459856097268343</t>
  </si>
  <si>
    <t>12.34876537322998</t>
  </si>
  <si>
    <t>38.247032165527344</t>
  </si>
  <si>
    <t>0.04819515100530225</t>
  </si>
  <si>
    <t>25876</t>
  </si>
  <si>
    <t>11.159626007080078</t>
  </si>
  <si>
    <t>41.232444763183594</t>
  </si>
  <si>
    <t>0.03981448965099332</t>
  </si>
  <si>
    <t>11.76305866241455</t>
  </si>
  <si>
    <t>69.89826965332031</t>
  </si>
  <si>
    <t>0.02642922444964846</t>
  </si>
  <si>
    <t>25606</t>
  </si>
  <si>
    <t>12.284245491027832</t>
  </si>
  <si>
    <t>48.61327362060547</t>
  </si>
  <si>
    <t>-0.03691842360739983</t>
  </si>
  <si>
    <t>31757</t>
  </si>
  <si>
    <t>11.478809356689453</t>
  </si>
  <si>
    <t>48.11767578125</t>
  </si>
  <si>
    <t>0.21528647445518168</t>
  </si>
  <si>
    <t>36244</t>
  </si>
  <si>
    <t>11.838421821594238</t>
  </si>
  <si>
    <t>109.3099365234375</t>
  </si>
  <si>
    <t>0.1321606768806447</t>
  </si>
  <si>
    <t>35178</t>
  </si>
  <si>
    <t>12.336958885192871</t>
  </si>
  <si>
    <t>39.572593688964844</t>
  </si>
  <si>
    <t>-0.02985296314968089</t>
  </si>
  <si>
    <t>35495</t>
  </si>
  <si>
    <t>12.115211486816406</t>
  </si>
  <si>
    <t>50.033966064453125</t>
  </si>
  <si>
    <t>0.008970954281215526</t>
  </si>
  <si>
    <t>34562</t>
  </si>
  <si>
    <t>11.931499481201172</t>
  </si>
  <si>
    <t>66.74177551269531</t>
  </si>
  <si>
    <t>-0.02663702885954855</t>
  </si>
  <si>
    <t>31920</t>
  </si>
  <si>
    <t>12.195944786071777</t>
  </si>
  <si>
    <t>113.96050262451172</t>
  </si>
  <si>
    <t>-0.07952204005019148</t>
  </si>
  <si>
    <t>33566</t>
  </si>
  <si>
    <t>11.771573066711426</t>
  </si>
  <si>
    <t>70.87663269042969</t>
  </si>
  <si>
    <t>0.050280877304379246</t>
  </si>
  <si>
    <t>34996</t>
  </si>
  <si>
    <t>12.041436195373535</t>
  </si>
  <si>
    <t>72.41201782226562</t>
  </si>
  <si>
    <t>0.04172011935803077</t>
  </si>
  <si>
    <t>33463</t>
  </si>
  <si>
    <t>11.814323425292969</t>
  </si>
  <si>
    <t>67.40608978271484</t>
  </si>
  <si>
    <t>-0.044793418409815544</t>
  </si>
  <si>
    <t>32013</t>
  </si>
  <si>
    <t>11.89258861541748</t>
  </si>
  <si>
    <t>54.74142074584961</t>
  </si>
  <si>
    <t>-0.04429828053166496</t>
  </si>
  <si>
    <t>33795</t>
  </si>
  <si>
    <t>12.091639518737793</t>
  </si>
  <si>
    <t>67.42337036132812</t>
  </si>
  <si>
    <t>0.05417079224977961</t>
  </si>
  <si>
    <t>37397</t>
  </si>
  <si>
    <t>11.949527740478516</t>
  </si>
  <si>
    <t>57.726661682128906</t>
  </si>
  <si>
    <t>0.10127762474711766</t>
  </si>
  <si>
    <t>11.711570739746094</t>
  </si>
  <si>
    <t>80.00867462158203</t>
  </si>
  <si>
    <t>0.018676286893807514</t>
  </si>
  <si>
    <t>6.86712646484375</t>
  </si>
  <si>
    <t>1693.7325439453125</t>
  </si>
  <si>
    <t>45.06058120727539</t>
  </si>
  <si>
    <t>Aysén</t>
  </si>
  <si>
    <t>9579</t>
  </si>
  <si>
    <t>6.093581676483154</t>
  </si>
  <si>
    <t>1522.2562255859375</t>
  </si>
  <si>
    <t>0.05824594148093709</t>
  </si>
  <si>
    <t>5.807483196258545</t>
  </si>
  <si>
    <t>1678.6165771484375</t>
  </si>
  <si>
    <t>0.08903632890456947</t>
  </si>
  <si>
    <t>10983</t>
  </si>
  <si>
    <t>6.710096836090088</t>
  </si>
  <si>
    <t>1298.2086181640625</t>
  </si>
  <si>
    <t>0.04773909150088507</t>
  </si>
  <si>
    <t>11356</t>
  </si>
  <si>
    <t>6.316030979156494</t>
  </si>
  <si>
    <t>1667.0921630859375</t>
  </si>
  <si>
    <t>0.03339761580451572</t>
  </si>
  <si>
    <t>6.177016735076904</t>
  </si>
  <si>
    <t>1473.393310546875</t>
  </si>
  <si>
    <t>0.07062357123063912</t>
  </si>
  <si>
    <t>12826</t>
  </si>
  <si>
    <t>6.69578742980957</t>
  </si>
  <si>
    <t>1649.5272216796875</t>
  </si>
  <si>
    <t>0.051104550885305855</t>
  </si>
  <si>
    <t>13581</t>
  </si>
  <si>
    <t>6.244945526123047</t>
  </si>
  <si>
    <t>1588.4171142578125</t>
  </si>
  <si>
    <t>0.057197396395260114</t>
  </si>
  <si>
    <t>13958</t>
  </si>
  <si>
    <t>7.588830471038818</t>
  </si>
  <si>
    <t>1251.372802734375</t>
  </si>
  <si>
    <t>0.0273810634730296</t>
  </si>
  <si>
    <t>6.6128106117248535</t>
  </si>
  <si>
    <t>1282.173828125</t>
  </si>
  <si>
    <t>-0.015523217022245461</t>
  </si>
  <si>
    <t>14248</t>
  </si>
  <si>
    <t>5.70863676071167</t>
  </si>
  <si>
    <t>1537.0135498046875</t>
  </si>
  <si>
    <t>0.03608694241464683</t>
  </si>
  <si>
    <t>14519</t>
  </si>
  <si>
    <t>6.230662822723389</t>
  </si>
  <si>
    <t>1454.9837646484375</t>
  </si>
  <si>
    <t>0.018841590514188766</t>
  </si>
  <si>
    <t>14807</t>
  </si>
  <si>
    <t>5.80751371383667</t>
  </si>
  <si>
    <t>1990.3658447265625</t>
  </si>
  <si>
    <t>0.01964190542503097</t>
  </si>
  <si>
    <t>15330</t>
  </si>
  <si>
    <t>6.674753189086914</t>
  </si>
  <si>
    <t>1545.6302490234375</t>
  </si>
  <si>
    <t>0.034711650957142126</t>
  </si>
  <si>
    <t>16175</t>
  </si>
  <si>
    <t>7.00701904296875</t>
  </si>
  <si>
    <t>1301.28857421875</t>
  </si>
  <si>
    <t>0.05365514750324074</t>
  </si>
  <si>
    <t>16937</t>
  </si>
  <si>
    <t>6.381781101226807</t>
  </si>
  <si>
    <t>1549.6490478515625</t>
  </si>
  <si>
    <t>0.04603373752201989</t>
  </si>
  <si>
    <t>17772</t>
  </si>
  <si>
    <t>6.475221633911133</t>
  </si>
  <si>
    <t>1503.5023193359375</t>
  </si>
  <si>
    <t>0.048123607164678006</t>
  </si>
  <si>
    <t>6.265050888061523</t>
  </si>
  <si>
    <t>898.4429321289062</t>
  </si>
  <si>
    <t>0.03987624021075575</t>
  </si>
  <si>
    <t>18990</t>
  </si>
  <si>
    <t>7.074255466461182</t>
  </si>
  <si>
    <t>1264.980224609375</t>
  </si>
  <si>
    <t>0.02641209953977608</t>
  </si>
  <si>
    <t>19940</t>
  </si>
  <si>
    <t>6.5035552978515625</t>
  </si>
  <si>
    <t>1681.842041015625</t>
  </si>
  <si>
    <t>0.04881523970949786</t>
  </si>
  <si>
    <t>20535</t>
  </si>
  <si>
    <t>6.359851360321045</t>
  </si>
  <si>
    <t>1420.0224609375</t>
  </si>
  <si>
    <t>0.029402982874829675</t>
  </si>
  <si>
    <t>6.964104175567627</t>
  </si>
  <si>
    <t>1365.1328125</t>
  </si>
  <si>
    <t>0.06193286493543404</t>
  </si>
  <si>
    <t>20993</t>
  </si>
  <si>
    <t>6.729818820953369</t>
  </si>
  <si>
    <t>1564.3526611328125</t>
  </si>
  <si>
    <t>-0.03987456352177077</t>
  </si>
  <si>
    <t>24301</t>
  </si>
  <si>
    <t>6.838016986846924</t>
  </si>
  <si>
    <t>1368.662353515625</t>
  </si>
  <si>
    <t>0.14632845294096164</t>
  </si>
  <si>
    <t>6.711619853973389</t>
  </si>
  <si>
    <t>1289.9197998046875</t>
  </si>
  <si>
    <t>0.20399089174821228</t>
  </si>
  <si>
    <t>24897</t>
  </si>
  <si>
    <t>7.028511047363281</t>
  </si>
  <si>
    <t>1264.0595703125</t>
  </si>
  <si>
    <t>-0.17976107922693707</t>
  </si>
  <si>
    <t>29386</t>
  </si>
  <si>
    <t>6.997939586639404</t>
  </si>
  <si>
    <t>1108.4990234375</t>
  </si>
  <si>
    <t>0.16577105616933352</t>
  </si>
  <si>
    <t>32799</t>
  </si>
  <si>
    <t>7.034539699554443</t>
  </si>
  <si>
    <t>1587.2376708984375</t>
  </si>
  <si>
    <t>0.10987965666670263</t>
  </si>
  <si>
    <t>31915</t>
  </si>
  <si>
    <t>6.628146648406982</t>
  </si>
  <si>
    <t>1290.6673583984375</t>
  </si>
  <si>
    <t>-0.027321908412437423</t>
  </si>
  <si>
    <t>32902</t>
  </si>
  <si>
    <t>6.897942066192627</t>
  </si>
  <si>
    <t>1199.216552734375</t>
  </si>
  <si>
    <t>0.030457327489209263</t>
  </si>
  <si>
    <t>26092</t>
  </si>
  <si>
    <t>6.912400722503662</t>
  </si>
  <si>
    <t>1353.89306640625</t>
  </si>
  <si>
    <t>-0.23190469226337918</t>
  </si>
  <si>
    <t>28873</t>
  </si>
  <si>
    <t>7.481361389160156</t>
  </si>
  <si>
    <t>1080.871826171875</t>
  </si>
  <si>
    <t>0.1012781484399774</t>
  </si>
  <si>
    <t>29418</t>
  </si>
  <si>
    <t>6.7547783851623535</t>
  </si>
  <si>
    <t>1453.543212890625</t>
  </si>
  <si>
    <t>0.01869982952332272</t>
  </si>
  <si>
    <t>397</t>
  </si>
  <si>
    <t>6785</t>
  </si>
  <si>
    <t>12.805140495300293</t>
  </si>
  <si>
    <t>1090.8824462890625</t>
  </si>
  <si>
    <t>646.6519165039062</t>
  </si>
  <si>
    <t>Biobío (Región)</t>
  </si>
  <si>
    <t>13.102110862731934</t>
  </si>
  <si>
    <t>1401.7763671875</t>
  </si>
  <si>
    <t>0.05811595083352472</t>
  </si>
  <si>
    <t>7862</t>
  </si>
  <si>
    <t>12.819872856140137</t>
  </si>
  <si>
    <t>1837.625244140625</t>
  </si>
  <si>
    <t>0.08921078287931117</t>
  </si>
  <si>
    <t>13.150439262390137</t>
  </si>
  <si>
    <t>1466.2647705078125</t>
  </si>
  <si>
    <t>0.047565929011893715</t>
  </si>
  <si>
    <t>8526</t>
  </si>
  <si>
    <t>13.42160701751709</t>
  </si>
  <si>
    <t>1217.376708984375</t>
  </si>
  <si>
    <t>0.03351336233145652</t>
  </si>
  <si>
    <t>9150</t>
  </si>
  <si>
    <t>12.88355541229248</t>
  </si>
  <si>
    <t>1120.038818359375</t>
  </si>
  <si>
    <t>0.07063356094441176</t>
  </si>
  <si>
    <t>9629</t>
  </si>
  <si>
    <t>13.035582542419434</t>
  </si>
  <si>
    <t>897.18505859375</t>
  </si>
  <si>
    <t>0.0510254989707164</t>
  </si>
  <si>
    <t>10196</t>
  </si>
  <si>
    <t>13.415225982666016</t>
  </si>
  <si>
    <t>1675.27685546875</t>
  </si>
  <si>
    <t>0.05721610825572121</t>
  </si>
  <si>
    <t>13.208428382873535</t>
  </si>
  <si>
    <t>682.7487182617188</t>
  </si>
  <si>
    <t>0.027377767978936873</t>
  </si>
  <si>
    <t>10318</t>
  </si>
  <si>
    <t>12.909770011901855</t>
  </si>
  <si>
    <t>1336.97705078125</t>
  </si>
  <si>
    <t>-0.015483311670347888</t>
  </si>
  <si>
    <t>10697</t>
  </si>
  <si>
    <t>12.619861602783203</t>
  </si>
  <si>
    <t>1564.79931640625</t>
  </si>
  <si>
    <t>0.03607338550153649</t>
  </si>
  <si>
    <t>10901</t>
  </si>
  <si>
    <t>12.974212646484375</t>
  </si>
  <si>
    <t>1525.14453125</t>
  </si>
  <si>
    <t>0.01889119982222809</t>
  </si>
  <si>
    <t>12.833701133728027</t>
  </si>
  <si>
    <t>1851.7860107421875</t>
  </si>
  <si>
    <t>0.019620940105255613</t>
  </si>
  <si>
    <t>13.257171630859375</t>
  </si>
  <si>
    <t>1057.2606201171875</t>
  </si>
  <si>
    <t>0.03465386973487661</t>
  </si>
  <si>
    <t>12144</t>
  </si>
  <si>
    <t>13.0721435546875</t>
  </si>
  <si>
    <t>1283.1832275390625</t>
  </si>
  <si>
    <t>0.05370588266691989</t>
  </si>
  <si>
    <t>12716</t>
  </si>
  <si>
    <t>12.885334968566895</t>
  </si>
  <si>
    <t>1637.2691650390625</t>
  </si>
  <si>
    <t>0.046025822395282745</t>
  </si>
  <si>
    <t>13343</t>
  </si>
  <si>
    <t>13.260958671569824</t>
  </si>
  <si>
    <t>1574.8551025390625</t>
  </si>
  <si>
    <t>0.04813085971172626</t>
  </si>
  <si>
    <t>13885</t>
  </si>
  <si>
    <t>12.286552429199219</t>
  </si>
  <si>
    <t>932.294677734375</t>
  </si>
  <si>
    <t>0.03981721799847904</t>
  </si>
  <si>
    <t>14257</t>
  </si>
  <si>
    <t>13.533978462219238</t>
  </si>
  <si>
    <t>1331.18994140625</t>
  </si>
  <si>
    <t>0.026438893413061493</t>
  </si>
  <si>
    <t>13749</t>
  </si>
  <si>
    <t>13.087044715881348</t>
  </si>
  <si>
    <t>1304.7769775390625</t>
  </si>
  <si>
    <t>-0.036281919976726584</t>
  </si>
  <si>
    <t>12.621429443359375</t>
  </si>
  <si>
    <t>1034.71875</t>
  </si>
  <si>
    <t>-0.031174041597507696</t>
  </si>
  <si>
    <t>13.054065704345703</t>
  </si>
  <si>
    <t>1148.7264404296875</t>
  </si>
  <si>
    <t>0.1108306326758246</t>
  </si>
  <si>
    <t>15302</t>
  </si>
  <si>
    <t>13.22766399383545</t>
  </si>
  <si>
    <t>967.1494750976562</t>
  </si>
  <si>
    <t>0.027360853536245955</t>
  </si>
  <si>
    <t>15532</t>
  </si>
  <si>
    <t>13.367591857910156</t>
  </si>
  <si>
    <t>885.4183959960938</t>
  </si>
  <si>
    <t>0.01491887305976114</t>
  </si>
  <si>
    <t>16259</t>
  </si>
  <si>
    <t>13.314295768737793</t>
  </si>
  <si>
    <t>1439.383544921875</t>
  </si>
  <si>
    <t>0.04574418974399741</t>
  </si>
  <si>
    <t>17199</t>
  </si>
  <si>
    <t>13.535319328308105</t>
  </si>
  <si>
    <t>1178.3250732421875</t>
  </si>
  <si>
    <t>0.056204640980936915</t>
  </si>
  <si>
    <t>17325</t>
  </si>
  <si>
    <t>13.590836524963379</t>
  </si>
  <si>
    <t>842.3405151367188</t>
  </si>
  <si>
    <t>0.007299302481611036</t>
  </si>
  <si>
    <t>17241</t>
  </si>
  <si>
    <t>13.518662452697754</t>
  </si>
  <si>
    <t>1152.762939453125</t>
  </si>
  <si>
    <t>-0.00486027688225299</t>
  </si>
  <si>
    <t>18210</t>
  </si>
  <si>
    <t>13.250588417053223</t>
  </si>
  <si>
    <t>944.6763305664062</t>
  </si>
  <si>
    <t>0.054680625545803</t>
  </si>
  <si>
    <t>18279</t>
  </si>
  <si>
    <t>13.631210327148438</t>
  </si>
  <si>
    <t>754.906494140625</t>
  </si>
  <si>
    <t>0.0037819661949498595</t>
  </si>
  <si>
    <t>16818</t>
  </si>
  <si>
    <t>13.593414306640625</t>
  </si>
  <si>
    <t>937.9815673828125</t>
  </si>
  <si>
    <t>-0.08330311852376049</t>
  </si>
  <si>
    <t>18610</t>
  </si>
  <si>
    <t>13.618766784667969</t>
  </si>
  <si>
    <t>669.5243530273438</t>
  </si>
  <si>
    <t>0.10124932924345309</t>
  </si>
  <si>
    <t>18962</t>
  </si>
  <si>
    <t>13.354138374328613</t>
  </si>
  <si>
    <t>997.4943237304688</t>
  </si>
  <si>
    <t>0.018737905841607727</t>
  </si>
  <si>
    <t>398</t>
  </si>
  <si>
    <t>8453</t>
  </si>
  <si>
    <t>13.065387725830078</t>
  </si>
  <si>
    <t>57.5741081237793</t>
  </si>
  <si>
    <t>215.7584686279297</t>
  </si>
  <si>
    <t>Coquimbo</t>
  </si>
  <si>
    <t>8960</t>
  </si>
  <si>
    <t>13.549927711486816</t>
  </si>
  <si>
    <t>204.01400756835938</t>
  </si>
  <si>
    <t>0.05824881904004897</t>
  </si>
  <si>
    <t>9795</t>
  </si>
  <si>
    <t>13.171639442443848</t>
  </si>
  <si>
    <t>266.43353271484375</t>
  </si>
  <si>
    <t>0.0891018244096653</t>
  </si>
  <si>
    <t>10273</t>
  </si>
  <si>
    <t>13.317665100097656</t>
  </si>
  <si>
    <t>124.81991577148438</t>
  </si>
  <si>
    <t>0.04764704283762278</t>
  </si>
  <si>
    <t>10623</t>
  </si>
  <si>
    <t>13.962555885314941</t>
  </si>
  <si>
    <t>55.1235466003418</t>
  </si>
  <si>
    <t>0.03350236756374869</t>
  </si>
  <si>
    <t>11400</t>
  </si>
  <si>
    <t>13.361166954040527</t>
  </si>
  <si>
    <t>37.055355072021484</t>
  </si>
  <si>
    <t>0.07059189360257356</t>
  </si>
  <si>
    <t>11998</t>
  </si>
  <si>
    <t>13.280449867248535</t>
  </si>
  <si>
    <t>92.78105926513672</t>
  </si>
  <si>
    <t>0.05112661383045136</t>
  </si>
  <si>
    <t>12703</t>
  </si>
  <si>
    <t>13.932042121887207</t>
  </si>
  <si>
    <t>337.8223876953125</t>
  </si>
  <si>
    <t>0.05709821681042193</t>
  </si>
  <si>
    <t>13057</t>
  </si>
  <si>
    <t>13.189635276794434</t>
  </si>
  <si>
    <t>46.0164794921875</t>
  </si>
  <si>
    <t>0.027486202384578107</t>
  </si>
  <si>
    <t>12855</t>
  </si>
  <si>
    <t>12.9982328414917</t>
  </si>
  <si>
    <t>125.00202941894531</t>
  </si>
  <si>
    <t>-0.015591547708048381</t>
  </si>
  <si>
    <t>13328</t>
  </si>
  <si>
    <t>12.768240928649902</t>
  </si>
  <si>
    <t>214.98985290527344</t>
  </si>
  <si>
    <t>0.03613424470663418</t>
  </si>
  <si>
    <t>13582</t>
  </si>
  <si>
    <t>13.13065242767334</t>
  </si>
  <si>
    <t>186.6344757080078</t>
  </si>
  <si>
    <t>0.01887830126711343</t>
  </si>
  <si>
    <t>13851</t>
  </si>
  <si>
    <t>13.221622467041016</t>
  </si>
  <si>
    <t>322.92974853515625</t>
  </si>
  <si>
    <t>0.019612045501361308</t>
  </si>
  <si>
    <t>14340</t>
  </si>
  <si>
    <t>13.653434753417969</t>
  </si>
  <si>
    <t>105.32044219970703</t>
  </si>
  <si>
    <t>0.034695402978512035</t>
  </si>
  <si>
    <t>15130</t>
  </si>
  <si>
    <t>13.346339225769043</t>
  </si>
  <si>
    <t>153.43951416015625</t>
  </si>
  <si>
    <t>0.05362669262879116</t>
  </si>
  <si>
    <t>15843</t>
  </si>
  <si>
    <t>13.172130584716797</t>
  </si>
  <si>
    <t>162.66709899902344</t>
  </si>
  <si>
    <t>0.04604823459264118</t>
  </si>
  <si>
    <t>13.789977073669434</t>
  </si>
  <si>
    <t>107.50331115722656</t>
  </si>
  <si>
    <t>0.04817982414901145</t>
  </si>
  <si>
    <t>12.627140045166016</t>
  </si>
  <si>
    <t>67.72493743896484</t>
  </si>
  <si>
    <t>0.03979891496181587</t>
  </si>
  <si>
    <t>17764</t>
  </si>
  <si>
    <t>13.42377758026123</t>
  </si>
  <si>
    <t>190.74267578125</t>
  </si>
  <si>
    <t>0.026467435926122107</t>
  </si>
  <si>
    <t>16593</t>
  </si>
  <si>
    <t>13.731850624084473</t>
  </si>
  <si>
    <t>113.7558364868164</t>
  </si>
  <si>
    <t>-0.06819301774920383</t>
  </si>
  <si>
    <t>12.988078117370605</t>
  </si>
  <si>
    <t>140.15037536621094</t>
  </si>
  <si>
    <t>0.20232938383665733</t>
  </si>
  <si>
    <t>13.38550853729248</t>
  </si>
  <si>
    <t>183.1882781982422</t>
  </si>
  <si>
    <t>0.09542652807959406</t>
  </si>
  <si>
    <t>21732</t>
  </si>
  <si>
    <t>13.847334861755371</t>
  </si>
  <si>
    <t>49.9957275390625</t>
  </si>
  <si>
    <t>-0.027951002907625977</t>
  </si>
  <si>
    <t>20484</t>
  </si>
  <si>
    <t>13.693915367126465</t>
  </si>
  <si>
    <t>90.66852569580078</t>
  </si>
  <si>
    <t>-0.059141735088973135</t>
  </si>
  <si>
    <t>19743</t>
  </si>
  <si>
    <t>13.44572925567627</t>
  </si>
  <si>
    <t>82.20372009277344</t>
  </si>
  <si>
    <t>-0.036845095458211574</t>
  </si>
  <si>
    <t>18804</t>
  </si>
  <si>
    <t>13.66294002532959</t>
  </si>
  <si>
    <t>183.3342742919922</t>
  </si>
  <si>
    <t>-0.04872938498020751</t>
  </si>
  <si>
    <t>18892</t>
  </si>
  <si>
    <t>13.522876739501953</t>
  </si>
  <si>
    <t>113.45938110351562</t>
  </si>
  <si>
    <t>0.0046689388719869385</t>
  </si>
  <si>
    <t>19525</t>
  </si>
  <si>
    <t>13.608154296875</t>
  </si>
  <si>
    <t>132.17010498046875</t>
  </si>
  <si>
    <t>0.03295714369187763</t>
  </si>
  <si>
    <t>19947</t>
  </si>
  <si>
    <t>13.38632583618164</t>
  </si>
  <si>
    <t>80.51250457763672</t>
  </si>
  <si>
    <t>0.021383060362678563</t>
  </si>
  <si>
    <t>20149</t>
  </si>
  <si>
    <t>13.58936595916748</t>
  </si>
  <si>
    <t>56.43438720703125</t>
  </si>
  <si>
    <t>0.010075903281201448</t>
  </si>
  <si>
    <t>19984</t>
  </si>
  <si>
    <t>13.649909019470215</t>
  </si>
  <si>
    <t>128.3408966064453</t>
  </si>
  <si>
    <t>-0.008222705986407064</t>
  </si>
  <si>
    <t>22113</t>
  </si>
  <si>
    <t>13.504467964172363</t>
  </si>
  <si>
    <t>71.9017562866211</t>
  </si>
  <si>
    <t>0.10123371749203969</t>
  </si>
  <si>
    <t>22531</t>
  </si>
  <si>
    <t>13.333300590515137</t>
  </si>
  <si>
    <t>129.66221618652344</t>
  </si>
  <si>
    <t>0.01872646784798704</t>
  </si>
  <si>
    <t>399</t>
  </si>
  <si>
    <t>5851</t>
  </si>
  <si>
    <t>10.013155937194824</t>
  </si>
  <si>
    <t>1852.0745849609375</t>
  </si>
  <si>
    <t>360.406982421875</t>
  </si>
  <si>
    <t>Los Lagos</t>
  </si>
  <si>
    <t>9.696748733520508</t>
  </si>
  <si>
    <t>1883.0291748046875</t>
  </si>
  <si>
    <t>0.05809798256164278</t>
  </si>
  <si>
    <t>6779</t>
  </si>
  <si>
    <t>9.302783012390137</t>
  </si>
  <si>
    <t>1954.0589599609375</t>
  </si>
  <si>
    <t>0.08911902908108615</t>
  </si>
  <si>
    <t>7110</t>
  </si>
  <si>
    <t>9.938031196594238</t>
  </si>
  <si>
    <t>2007.0985107421875</t>
  </si>
  <si>
    <t>0.04767264536632254</t>
  </si>
  <si>
    <t>9.987038612365723</t>
  </si>
  <si>
    <t>2015.9853515625</t>
  </si>
  <si>
    <t>0.033470141238234774</t>
  </si>
  <si>
    <t>9.677971839904785</t>
  </si>
  <si>
    <t>1715.4462890625</t>
  </si>
  <si>
    <t>0.07062374980439756</t>
  </si>
  <si>
    <t>8304</t>
  </si>
  <si>
    <t>9.945364952087402</t>
  </si>
  <si>
    <t>1606.364501953125</t>
  </si>
  <si>
    <t>0.05114119156574937</t>
  </si>
  <si>
    <t>9.99057674407959</t>
  </si>
  <si>
    <t>2081.228515625</t>
  </si>
  <si>
    <t>0.057104890677788234</t>
  </si>
  <si>
    <t>10.572464942932129</t>
  </si>
  <si>
    <t>1107.71728515625</t>
  </si>
  <si>
    <t>0.0274850438184977</t>
  </si>
  <si>
    <t>8897</t>
  </si>
  <si>
    <t>9.845466613769531</t>
  </si>
  <si>
    <t>1631.471923828125</t>
  </si>
  <si>
    <t>9224</t>
  </si>
  <si>
    <t>9.263842582702637</t>
  </si>
  <si>
    <t>2122.734619140625</t>
  </si>
  <si>
    <t>0.03609464170412657</t>
  </si>
  <si>
    <t>9.838189125061035</t>
  </si>
  <si>
    <t>1743.2230224609375</t>
  </si>
  <si>
    <t>0.018900906309200494</t>
  </si>
  <si>
    <t>9586</t>
  </si>
  <si>
    <t>9.5650634765625</t>
  </si>
  <si>
    <t>2375.7548828125</t>
  </si>
  <si>
    <t>0.019594011461482097</t>
  </si>
  <si>
    <t>10.078572273254395</t>
  </si>
  <si>
    <t>1739.9810791015625</t>
  </si>
  <si>
    <t>0.03475312583581491</t>
  </si>
  <si>
    <t>10472</t>
  </si>
  <si>
    <t>10.22424030303955</t>
  </si>
  <si>
    <t>2065.388916015625</t>
  </si>
  <si>
    <t>0.05364820203434384</t>
  </si>
  <si>
    <t>10965</t>
  </si>
  <si>
    <t>9.732823371887207</t>
  </si>
  <si>
    <t>2308.476806640625</t>
  </si>
  <si>
    <t>0.046003353262252134</t>
  </si>
  <si>
    <t>10.005448341369629</t>
  </si>
  <si>
    <t>2292.508056640625</t>
  </si>
  <si>
    <t>0.04816025657125067</t>
  </si>
  <si>
    <t>9.439742088317871</t>
  </si>
  <si>
    <t>1629.534423828125</t>
  </si>
  <si>
    <t>0.03986899406205957</t>
  </si>
  <si>
    <t>12294</t>
  </si>
  <si>
    <t>10.564445495605469</t>
  </si>
  <si>
    <t>1848.31103515625</t>
  </si>
  <si>
    <t>0.02637370598165667</t>
  </si>
  <si>
    <t>9.821978569030762</t>
  </si>
  <si>
    <t>2035.7637939453125</t>
  </si>
  <si>
    <t>-0.003830329445667857</t>
  </si>
  <si>
    <t>12042</t>
  </si>
  <si>
    <t>9.603449821472168</t>
  </si>
  <si>
    <t>1656.8856201171875</t>
  </si>
  <si>
    <t>-0.01688046999689341</t>
  </si>
  <si>
    <t>13336</t>
  </si>
  <si>
    <t>10.193564414978027</t>
  </si>
  <si>
    <t>1684.1953125</t>
  </si>
  <si>
    <t>0.1020666064062361</t>
  </si>
  <si>
    <t>13484</t>
  </si>
  <si>
    <t>10.209763526916504</t>
  </si>
  <si>
    <t>1737.8294677734375</t>
  </si>
  <si>
    <t>0.011036651923321372</t>
  </si>
  <si>
    <t>15073</t>
  </si>
  <si>
    <t>10.332681655883789</t>
  </si>
  <si>
    <t>1644.330322265625</t>
  </si>
  <si>
    <t>0.11140126645657844</t>
  </si>
  <si>
    <t>16714</t>
  </si>
  <si>
    <t>10.201105117797852</t>
  </si>
  <si>
    <t>1562.3424072265625</t>
  </si>
  <si>
    <t>0.10334162775085254</t>
  </si>
  <si>
    <t>17019</t>
  </si>
  <si>
    <t>10.57187557220459</t>
  </si>
  <si>
    <t>1699.9151611328125</t>
  </si>
  <si>
    <t>0.01808367543329581</t>
  </si>
  <si>
    <t>17796</t>
  </si>
  <si>
    <t>10.450827598571777</t>
  </si>
  <si>
    <t>1348.102294921875</t>
  </si>
  <si>
    <t>0.044643345931254075</t>
  </si>
  <si>
    <t>19239</t>
  </si>
  <si>
    <t>10.389104843139648</t>
  </si>
  <si>
    <t>1754.9947509765625</t>
  </si>
  <si>
    <t>0.07796575589104116</t>
  </si>
  <si>
    <t>9.952057838439941</t>
  </si>
  <si>
    <t>1661.9271240234375</t>
  </si>
  <si>
    <t>0.03398124772193256</t>
  </si>
  <si>
    <t>20315</t>
  </si>
  <si>
    <t>10.434723854064941</t>
  </si>
  <si>
    <t>1367.07763671875</t>
  </si>
  <si>
    <t>0.020438812882922264</t>
  </si>
  <si>
    <t>18693</t>
  </si>
  <si>
    <t>10.367016792297363</t>
  </si>
  <si>
    <t>1447.3828125</t>
  </si>
  <si>
    <t>-0.08321040720949568</t>
  </si>
  <si>
    <t>20686</t>
  </si>
  <si>
    <t>10.787110328674316</t>
  </si>
  <si>
    <t>1175.6728515625</t>
  </si>
  <si>
    <t>0.10130802072541734</t>
  </si>
  <si>
    <t>21076</t>
  </si>
  <si>
    <t>10.107316017150879</t>
  </si>
  <si>
    <t>1790.1265869140625</t>
  </si>
  <si>
    <t>0.018677809391427047</t>
  </si>
  <si>
    <t>400</t>
  </si>
  <si>
    <t>5785</t>
  </si>
  <si>
    <t>10.621686935424805</t>
  </si>
  <si>
    <t>1912.1441650390625</t>
  </si>
  <si>
    <t>170.19102478027344</t>
  </si>
  <si>
    <t>Los Ríos</t>
  </si>
  <si>
    <t>6132</t>
  </si>
  <si>
    <t>10.468483924865723</t>
  </si>
  <si>
    <t>2094.8310546875</t>
  </si>
  <si>
    <t>0.05825260036392699</t>
  </si>
  <si>
    <t>9.925759315490723</t>
  </si>
  <si>
    <t>2216.27587890625</t>
  </si>
  <si>
    <t>0.08918340217021381</t>
  </si>
  <si>
    <t>7031</t>
  </si>
  <si>
    <t>10.606404304504395</t>
  </si>
  <si>
    <t>2130.696533203125</t>
  </si>
  <si>
    <t>0.0476245800372439</t>
  </si>
  <si>
    <t>7270</t>
  </si>
  <si>
    <t>10.883706092834473</t>
  </si>
  <si>
    <t>2037.86962890625</t>
  </si>
  <si>
    <t>0.03342734832840222</t>
  </si>
  <si>
    <t>10.436765670776367</t>
  </si>
  <si>
    <t>1905.406494140625</t>
  </si>
  <si>
    <t>0.07062381953903696</t>
  </si>
  <si>
    <t>8211</t>
  </si>
  <si>
    <t>10.593905448913574</t>
  </si>
  <si>
    <t>1512.5238037109375</t>
  </si>
  <si>
    <t>0.051094607642188095</t>
  </si>
  <si>
    <t>10.702641487121582</t>
  </si>
  <si>
    <t>2322.933837890625</t>
  </si>
  <si>
    <t>8936</t>
  </si>
  <si>
    <t>11.055381774902344</t>
  </si>
  <si>
    <t>1157.603515625</t>
  </si>
  <si>
    <t>0.02745492920029946</t>
  </si>
  <si>
    <t>8798</t>
  </si>
  <si>
    <t>10.605864524841309</t>
  </si>
  <si>
    <t>1807.2486572265625</t>
  </si>
  <si>
    <t>-0.015563638840372818</t>
  </si>
  <si>
    <t>9121</t>
  </si>
  <si>
    <t>9.950183868408203</t>
  </si>
  <si>
    <t>2379.22021484375</t>
  </si>
  <si>
    <t>0.03605502427149432</t>
  </si>
  <si>
    <t>10.716896057128906</t>
  </si>
  <si>
    <t>1914.4632568359375</t>
  </si>
  <si>
    <t>0.01889717397538604</t>
  </si>
  <si>
    <t>9479</t>
  </si>
  <si>
    <t>10.479207992553711</t>
  </si>
  <si>
    <t>2515.55615234375</t>
  </si>
  <si>
    <t>0.01960220429749704</t>
  </si>
  <si>
    <t>9814</t>
  </si>
  <si>
    <t>10.98194408416748</t>
  </si>
  <si>
    <t>1868.5694580078125</t>
  </si>
  <si>
    <t>0.034731112196807246</t>
  </si>
  <si>
    <t>10355</t>
  </si>
  <si>
    <t>10.819965362548828</t>
  </si>
  <si>
    <t>2270.57958984375</t>
  </si>
  <si>
    <t>0.05365955717983617</t>
  </si>
  <si>
    <t>10843</t>
  </si>
  <si>
    <t>10.498929023742676</t>
  </si>
  <si>
    <t>2521.765869140625</t>
  </si>
  <si>
    <t>0.046050215642496894</t>
  </si>
  <si>
    <t>11378</t>
  </si>
  <si>
    <t>10.788235664367676</t>
  </si>
  <si>
    <t>2472.95849609375</t>
  </si>
  <si>
    <t>0.04816195583841143</t>
  </si>
  <si>
    <t>11840</t>
  </si>
  <si>
    <t>9.990063667297363</t>
  </si>
  <si>
    <t>1725.4764404296875</t>
  </si>
  <si>
    <t>0.03980196312740247</t>
  </si>
  <si>
    <t>12157</t>
  </si>
  <si>
    <t>11.264826774597168</t>
  </si>
  <si>
    <t>2037.092041015625</t>
  </si>
  <si>
    <t>0.026421506117797477</t>
  </si>
  <si>
    <t>11785</t>
  </si>
  <si>
    <t>10.671168327331543</t>
  </si>
  <si>
    <t>2225.239013671875</t>
  </si>
  <si>
    <t>-0.03107759918556141</t>
  </si>
  <si>
    <t>12623</t>
  </si>
  <si>
    <t>10.450057029724121</t>
  </si>
  <si>
    <t>1725.9300537109375</t>
  </si>
  <si>
    <t>0.06869301038262954</t>
  </si>
  <si>
    <t>10.972187042236328</t>
  </si>
  <si>
    <t>1847.389892578125</t>
  </si>
  <si>
    <t>0.038845869143425915</t>
  </si>
  <si>
    <t>13740</t>
  </si>
  <si>
    <t>10.98852825164795</t>
  </si>
  <si>
    <t>1763.89794921875</t>
  </si>
  <si>
    <t>0.045944870880052946</t>
  </si>
  <si>
    <t>14498</t>
  </si>
  <si>
    <t>11.095648765563965</t>
  </si>
  <si>
    <t>1626.8460693359375</t>
  </si>
  <si>
    <t>0.05369942208448286</t>
  </si>
  <si>
    <t>15312</t>
  </si>
  <si>
    <t>10.909073829650879</t>
  </si>
  <si>
    <t>1863.567138671875</t>
  </si>
  <si>
    <t>0.05462612583191273</t>
  </si>
  <si>
    <t>16162</t>
  </si>
  <si>
    <t>11.148075103759766</t>
  </si>
  <si>
    <t>1924.696044921875</t>
  </si>
  <si>
    <t>0.054025973100657154</t>
  </si>
  <si>
    <t>16673</t>
  </si>
  <si>
    <t>11.076380729675293</t>
  </si>
  <si>
    <t>1349.772705078125</t>
  </si>
  <si>
    <t>0.031127836767065986</t>
  </si>
  <si>
    <t>16560</t>
  </si>
  <si>
    <t>11.021514892578125</t>
  </si>
  <si>
    <t>1887.4239501953125</t>
  </si>
  <si>
    <t>-0.0068004956212082135</t>
  </si>
  <si>
    <t>10.700242042541504</t>
  </si>
  <si>
    <t>1753.324462890625</t>
  </si>
  <si>
    <t>0.05240680463962022</t>
  </si>
  <si>
    <t>11.195914268493652</t>
  </si>
  <si>
    <t>1414.085693359375</t>
  </si>
  <si>
    <t>-0.0051706423369228816</t>
  </si>
  <si>
    <t>16256</t>
  </si>
  <si>
    <t>11.201521873474121</t>
  </si>
  <si>
    <t>1542.397216796875</t>
  </si>
  <si>
    <t>-0.06576423986373925</t>
  </si>
  <si>
    <t>17988</t>
  </si>
  <si>
    <t>11.480666160583496</t>
  </si>
  <si>
    <t>1170.625</t>
  </si>
  <si>
    <t>0.10124279751238952</t>
  </si>
  <si>
    <t>18328</t>
  </si>
  <si>
    <t>10.857075691223145</t>
  </si>
  <si>
    <t>1768.6337890625</t>
  </si>
  <si>
    <t>0.018725076242732897</t>
  </si>
  <si>
    <t>401</t>
  </si>
  <si>
    <t>11192</t>
  </si>
  <si>
    <t>5.734924793243408</t>
  </si>
  <si>
    <t>2617.007080078125</t>
  </si>
  <si>
    <t>150.60496520996094</t>
  </si>
  <si>
    <t>Magallanes and Chilean Antarctica</t>
  </si>
  <si>
    <t>11863</t>
  </si>
  <si>
    <t>5.092019557952881</t>
  </si>
  <si>
    <t>2219.636962890625</t>
  </si>
  <si>
    <t>0.0582250753157858</t>
  </si>
  <si>
    <t>5.000102519989014</t>
  </si>
  <si>
    <t>2085.375</t>
  </si>
  <si>
    <t>0.0890604717544079</t>
  </si>
  <si>
    <t>13601</t>
  </si>
  <si>
    <t>5.892762660980225</t>
  </si>
  <si>
    <t>2152.098388671875</t>
  </si>
  <si>
    <t>0.04765853501724138</t>
  </si>
  <si>
    <t>14064</t>
  </si>
  <si>
    <t>5.16264533996582</t>
  </si>
  <si>
    <t>2326.6044921875</t>
  </si>
  <si>
    <t>0.033475021492204604</t>
  </si>
  <si>
    <t>5.146973133087158</t>
  </si>
  <si>
    <t>2157.794189453125</t>
  </si>
  <si>
    <t>0.07061271923446988</t>
  </si>
  <si>
    <t>15884</t>
  </si>
  <si>
    <t>5.8763556480407715</t>
  </si>
  <si>
    <t>2156.85205078125</t>
  </si>
  <si>
    <t>0.05108125309171463</t>
  </si>
  <si>
    <t>16819</t>
  </si>
  <si>
    <t>5.007935047149658</t>
  </si>
  <si>
    <t>2275.50927734375</t>
  </si>
  <si>
    <t>0.05719688647629084</t>
  </si>
  <si>
    <t>17286</t>
  </si>
  <si>
    <t>6.311399459838867</t>
  </si>
  <si>
    <t>2146.9375</t>
  </si>
  <si>
    <t>0.027387725585150235</t>
  </si>
  <si>
    <t>5.7097086906433105</t>
  </si>
  <si>
    <t>1804.4381103515625</t>
  </si>
  <si>
    <t>-0.015566558317905432</t>
  </si>
  <si>
    <t>17645</t>
  </si>
  <si>
    <t>4.936068058013916</t>
  </si>
  <si>
    <t>2473.210693359375</t>
  </si>
  <si>
    <t>0.03612209011469325</t>
  </si>
  <si>
    <t>5.2512993812561035</t>
  </si>
  <si>
    <t>1784.2987060546875</t>
  </si>
  <si>
    <t>0.018863187722267583</t>
  </si>
  <si>
    <t>18338</t>
  </si>
  <si>
    <t>4.7556023597717285</t>
  </si>
  <si>
    <t>2485.99755859375</t>
  </si>
  <si>
    <t>0.019659764778207744</t>
  </si>
  <si>
    <t>18985</t>
  </si>
  <si>
    <t>5.749940872192383</t>
  </si>
  <si>
    <t>2208.253173828125</t>
  </si>
  <si>
    <t>0.034673784056057144</t>
  </si>
  <si>
    <t>20032</t>
  </si>
  <si>
    <t>6.167705535888672</t>
  </si>
  <si>
    <t>1977.529052734375</t>
  </si>
  <si>
    <t>0.05368180123392108</t>
  </si>
  <si>
    <t>20975</t>
  </si>
  <si>
    <t>5.556752681732178</t>
  </si>
  <si>
    <t>2236.423095703125</t>
  </si>
  <si>
    <t>0.046000257435583336</t>
  </si>
  <si>
    <t>22010</t>
  </si>
  <si>
    <t>5.714532852172852</t>
  </si>
  <si>
    <t>2226.20654296875</t>
  </si>
  <si>
    <t>0.04816564318509897</t>
  </si>
  <si>
    <t>22904</t>
  </si>
  <si>
    <t>5.413376331329346</t>
  </si>
  <si>
    <t>2121.784912109375</t>
  </si>
  <si>
    <t>0.03981467225744417</t>
  </si>
  <si>
    <t>5.880544185638428</t>
  </si>
  <si>
    <t>2200.123046875</t>
  </si>
  <si>
    <t>0.026454517605410288</t>
  </si>
  <si>
    <t>23010</t>
  </si>
  <si>
    <t>5.39569091796875</t>
  </si>
  <si>
    <t>2071.4150390625</t>
  </si>
  <si>
    <t>-0.021837181353950186</t>
  </si>
  <si>
    <t>23340</t>
  </si>
  <si>
    <t>5.493125915527344</t>
  </si>
  <si>
    <t>1836.7442626953125</t>
  </si>
  <si>
    <t>0.01423972281113528</t>
  </si>
  <si>
    <t>24428</t>
  </si>
  <si>
    <t>5.91776704788208</t>
  </si>
  <si>
    <t>1976.501220703125</t>
  </si>
  <si>
    <t>0.04556138850247926</t>
  </si>
  <si>
    <t>25711</t>
  </si>
  <si>
    <t>5.525375843048096</t>
  </si>
  <si>
    <t>2014.1416015625</t>
  </si>
  <si>
    <t>0.05118890053195457</t>
  </si>
  <si>
    <t>26197</t>
  </si>
  <si>
    <t>5.618805408477783</t>
  </si>
  <si>
    <t>2013.1939697265625</t>
  </si>
  <si>
    <t>0.018725984501351434</t>
  </si>
  <si>
    <t>27391</t>
  </si>
  <si>
    <t>5.537820816040039</t>
  </si>
  <si>
    <t>2015.87353515625</t>
  </si>
  <si>
    <t>0.04456959188939358</t>
  </si>
  <si>
    <t>27454</t>
  </si>
  <si>
    <t>5.583343982696533</t>
  </si>
  <si>
    <t>2016.2457275390625</t>
  </si>
  <si>
    <t>0.0022973845458800213</t>
  </si>
  <si>
    <t>29388</t>
  </si>
  <si>
    <t>5.996616840362549</t>
  </si>
  <si>
    <t>1817.9393310546875</t>
  </si>
  <si>
    <t>0.06807455092856252</t>
  </si>
  <si>
    <t>29208</t>
  </si>
  <si>
    <t>5.9893412590026855</t>
  </si>
  <si>
    <t>2161.59716796875</t>
  </si>
  <si>
    <t>-0.006143783404695569</t>
  </si>
  <si>
    <t>29778</t>
  </si>
  <si>
    <t>5.6400885581970215</t>
  </si>
  <si>
    <t>1914.1297607421875</t>
  </si>
  <si>
    <t>0.019327221480024193</t>
  </si>
  <si>
    <t>31716</t>
  </si>
  <si>
    <t>5.73883056640625</t>
  </si>
  <si>
    <t>0.06305141957679261</t>
  </si>
  <si>
    <t>26237</t>
  </si>
  <si>
    <t>5.972288608551025</t>
  </si>
  <si>
    <t>1879.70849609375</t>
  </si>
  <si>
    <t>-0.18965065713864604</t>
  </si>
  <si>
    <t>29034</t>
  </si>
  <si>
    <t>6.444568157196045</t>
  </si>
  <si>
    <t>1701.235595703125</t>
  </si>
  <si>
    <t>0.10129692876773078</t>
  </si>
  <si>
    <t>29582</t>
  </si>
  <si>
    <t>5.953415393829346</t>
  </si>
  <si>
    <t>1699.0980224609375</t>
  </si>
  <si>
    <t>0.01869851120994248</t>
  </si>
  <si>
    <t>402</t>
  </si>
  <si>
    <t>7069</t>
  </si>
  <si>
    <t>12.383166313171387</t>
  </si>
  <si>
    <t>623.8030395507812</t>
  </si>
  <si>
    <t>297.87603759765625</t>
  </si>
  <si>
    <t>Maule</t>
  </si>
  <si>
    <t>7492</t>
  </si>
  <si>
    <t>12.713523864746094</t>
  </si>
  <si>
    <t>957.6751098632812</t>
  </si>
  <si>
    <t>0.0581167573930248</t>
  </si>
  <si>
    <t>8191</t>
  </si>
  <si>
    <t>12.438145637512207</t>
  </si>
  <si>
    <t>1294.1942138671875</t>
  </si>
  <si>
    <t>0.0892002059516237</t>
  </si>
  <si>
    <t>12.677762031555176</t>
  </si>
  <si>
    <t>838.2023315429688</t>
  </si>
  <si>
    <t>0.047679153122453855</t>
  </si>
  <si>
    <t>8883</t>
  </si>
  <si>
    <t>13.193675994873047</t>
  </si>
  <si>
    <t>733.8253173828125</t>
  </si>
  <si>
    <t>0.033424194131644214</t>
  </si>
  <si>
    <t>9533</t>
  </si>
  <si>
    <t>12.6929931640625</t>
  </si>
  <si>
    <t>784.02294921875</t>
  </si>
  <si>
    <t>0.07062012572387744</t>
  </si>
  <si>
    <t>12.74096965789795</t>
  </si>
  <si>
    <t>519.1687622070312</t>
  </si>
  <si>
    <t>0.051120196432036025</t>
  </si>
  <si>
    <t>13.16595458984375</t>
  </si>
  <si>
    <t>1282.6343994140625</t>
  </si>
  <si>
    <t>0.05714180185439943</t>
  </si>
  <si>
    <t>12.681106567382812</t>
  </si>
  <si>
    <t>298.1598815917969</t>
  </si>
  <si>
    <t>0.027391341561690652</t>
  </si>
  <si>
    <t>10749</t>
  </si>
  <si>
    <t>12.576977729797363</t>
  </si>
  <si>
    <t>828.6463012695312</t>
  </si>
  <si>
    <t>-0.015600076368640359</t>
  </si>
  <si>
    <t>12.325660705566406</t>
  </si>
  <si>
    <t>1050.512451171875</t>
  </si>
  <si>
    <t>0.03617823984690638</t>
  </si>
  <si>
    <t>11357</t>
  </si>
  <si>
    <t>12.620811462402344</t>
  </si>
  <si>
    <t>1018.8810424804688</t>
  </si>
  <si>
    <t>0.018843327071676796</t>
  </si>
  <si>
    <t>11582</t>
  </si>
  <si>
    <t>12.430813789367676</t>
  </si>
  <si>
    <t>1367.0040283203125</t>
  </si>
  <si>
    <t>0.01961787489408806</t>
  </si>
  <si>
    <t>11991</t>
  </si>
  <si>
    <t>12.997740745544434</t>
  </si>
  <si>
    <t>617.4319458007812</t>
  </si>
  <si>
    <t>0.034704199593699414</t>
  </si>
  <si>
    <t>12652</t>
  </si>
  <si>
    <t>12.670355796813965</t>
  </si>
  <si>
    <t>848.0204467773438</t>
  </si>
  <si>
    <t>0.05365893704610514</t>
  </si>
  <si>
    <t>13248</t>
  </si>
  <si>
    <t>12.537981986999512</t>
  </si>
  <si>
    <t>1217.410400390625</t>
  </si>
  <si>
    <t>0.046031292199501195</t>
  </si>
  <si>
    <t>12.983817100524902</t>
  </si>
  <si>
    <t>998.102294921875</t>
  </si>
  <si>
    <t>0.04818611703539055</t>
  </si>
  <si>
    <t>14467</t>
  </si>
  <si>
    <t>11.934094429016113</t>
  </si>
  <si>
    <t>488.904296875</t>
  </si>
  <si>
    <t>0.03983747896915979</t>
  </si>
  <si>
    <t>14854</t>
  </si>
  <si>
    <t>13.02159595489502</t>
  </si>
  <si>
    <t>928.04638671875</t>
  </si>
  <si>
    <t>0.026398995599651087</t>
  </si>
  <si>
    <t>12.95211124420166</t>
  </si>
  <si>
    <t>768.2572631835938</t>
  </si>
  <si>
    <t>-0.06429619154121013</t>
  </si>
  <si>
    <t>13263</t>
  </si>
  <si>
    <t>12.260565757751465</t>
  </si>
  <si>
    <t>572.3236694335938</t>
  </si>
  <si>
    <t>-0.04899479419367836</t>
  </si>
  <si>
    <t>14409</t>
  </si>
  <si>
    <t>12.62902545928955</t>
  </si>
  <si>
    <t>703.7918090820312</t>
  </si>
  <si>
    <t>0.08287480783858037</t>
  </si>
  <si>
    <t>15318</t>
  </si>
  <si>
    <t>12.90060806274414</t>
  </si>
  <si>
    <t>687.7603759765625</t>
  </si>
  <si>
    <t>0.06117559613660539</t>
  </si>
  <si>
    <t>12.992881774902344</t>
  </si>
  <si>
    <t>565.3505249023438</t>
  </si>
  <si>
    <t>-0.004055739189283258</t>
  </si>
  <si>
    <t>15445</t>
  </si>
  <si>
    <t>12.997089385986328</t>
  </si>
  <si>
    <t>842.3670043945312</t>
  </si>
  <si>
    <t>0.01231245807242587</t>
  </si>
  <si>
    <t>17054</t>
  </si>
  <si>
    <t>13.106947898864746</t>
  </si>
  <si>
    <t>749.7657470703125</t>
  </si>
  <si>
    <t>0.09909945394931263</t>
  </si>
  <si>
    <t>17102</t>
  </si>
  <si>
    <t>13.271613121032715</t>
  </si>
  <si>
    <t>711.8377685546875</t>
  </si>
  <si>
    <t>0.0028106354139065814</t>
  </si>
  <si>
    <t>16532</t>
  </si>
  <si>
    <t>13.082205772399902</t>
  </si>
  <si>
    <t>776.3412475585938</t>
  </si>
  <si>
    <t>-0.033897519084277405</t>
  </si>
  <si>
    <t>12.860421180725098</t>
  </si>
  <si>
    <t>544.7396850585938</t>
  </si>
  <si>
    <t>0.0715382219606493</t>
  </si>
  <si>
    <t>13.249218940734863</t>
  </si>
  <si>
    <t>421.50665283203125</t>
  </si>
  <si>
    <t>-0.0025372853396756767</t>
  </si>
  <si>
    <t>17118</t>
  </si>
  <si>
    <t>13.22616958618164</t>
  </si>
  <si>
    <t>614.5828247070312</t>
  </si>
  <si>
    <t>-0.034168291811042195</t>
  </si>
  <si>
    <t>18942</t>
  </si>
  <si>
    <t>13.086016654968262</t>
  </si>
  <si>
    <t>400.02667236328125</t>
  </si>
  <si>
    <t>0.10125113734449265</t>
  </si>
  <si>
    <t>12.973923683166504</t>
  </si>
  <si>
    <t>549.041259765625</t>
  </si>
  <si>
    <t>0.01872341710692993</t>
  </si>
  <si>
    <t>403</t>
  </si>
  <si>
    <t>8715</t>
  </si>
  <si>
    <t>12.149036407470703</t>
  </si>
  <si>
    <t>382.9856262207031</t>
  </si>
  <si>
    <t>315.83050537109375</t>
  </si>
  <si>
    <t>O'Higgins</t>
  </si>
  <si>
    <t>9238</t>
  </si>
  <si>
    <t>12.539973258972168</t>
  </si>
  <si>
    <t>771.8467407226562</t>
  </si>
  <si>
    <t>0.058279733036430414</t>
  </si>
  <si>
    <t>10099</t>
  </si>
  <si>
    <t>12.218523979187012</t>
  </si>
  <si>
    <t>1026.9703369140625</t>
  </si>
  <si>
    <t>0.08911099703600556</t>
  </si>
  <si>
    <t>12.43862247467041</t>
  </si>
  <si>
    <t>613.9221801757812</t>
  </si>
  <si>
    <t>0.04766259015023344</t>
  </si>
  <si>
    <t>10952</t>
  </si>
  <si>
    <t>13.046429634094238</t>
  </si>
  <si>
    <t>540.48046875</t>
  </si>
  <si>
    <t>0.03342308879149414</t>
  </si>
  <si>
    <t>11753</t>
  </si>
  <si>
    <t>12.54350757598877</t>
  </si>
  <si>
    <t>567.4406127929688</t>
  </si>
  <si>
    <t>0.07058643916457008</t>
  </si>
  <si>
    <t>12370</t>
  </si>
  <si>
    <t>12.529522895812988</t>
  </si>
  <si>
    <t>384.5411682128906</t>
  </si>
  <si>
    <t>0.05116565925368022</t>
  </si>
  <si>
    <t>12.960230827331543</t>
  </si>
  <si>
    <t>1262.659912109375</t>
  </si>
  <si>
    <t>0.05718536039146471</t>
  </si>
  <si>
    <t>13462</t>
  </si>
  <si>
    <t>12.425118446350098</t>
  </si>
  <si>
    <t>160.93081665039062</t>
  </si>
  <si>
    <t>0.027411354792659992</t>
  </si>
  <si>
    <t>13254</t>
  </si>
  <si>
    <t>12.331151008605957</t>
  </si>
  <si>
    <t>641.859130859375</t>
  </si>
  <si>
    <t>-0.015571507922487626</t>
  </si>
  <si>
    <t>13741</t>
  </si>
  <si>
    <t>12.097232818603516</t>
  </si>
  <si>
    <t>893.8064575195312</t>
  </si>
  <si>
    <t>0.03608467068360355</t>
  </si>
  <si>
    <t>14003</t>
  </si>
  <si>
    <t>12.396060943603516</t>
  </si>
  <si>
    <t>799.2510986328125</t>
  </si>
  <si>
    <t>0.01888752802400262</t>
  </si>
  <si>
    <t>14281</t>
  </si>
  <si>
    <t>12.18564510345459</t>
  </si>
  <si>
    <t>1127.3192138671875</t>
  </si>
  <si>
    <t>0.019658390097156087</t>
  </si>
  <si>
    <t>12.781176567077637</t>
  </si>
  <si>
    <t>493.04779052734375</t>
  </si>
  <si>
    <t>0.03468317083364347</t>
  </si>
  <si>
    <t>15600</t>
  </si>
  <si>
    <t>12.488276481628418</t>
  </si>
  <si>
    <t>663.9432373046875</t>
  </si>
  <si>
    <t>0.053657760951050903</t>
  </si>
  <si>
    <t>16334</t>
  </si>
  <si>
    <t>12.331910133361816</t>
  </si>
  <si>
    <t>966.7343139648438</t>
  </si>
  <si>
    <t>0.04597791068059287</t>
  </si>
  <si>
    <t>17140</t>
  </si>
  <si>
    <t>12.79720401763916</t>
  </si>
  <si>
    <t>758.3134155273438</t>
  </si>
  <si>
    <t>0.0481660882335504</t>
  </si>
  <si>
    <t>17837</t>
  </si>
  <si>
    <t>11.746893882751465</t>
  </si>
  <si>
    <t>318.5440368652344</t>
  </si>
  <si>
    <t>0.03986003840653218</t>
  </si>
  <si>
    <t>18315</t>
  </si>
  <si>
    <t>12.766203880310059</t>
  </si>
  <si>
    <t>753.9169311523438</t>
  </si>
  <si>
    <t>0.02644544465461074</t>
  </si>
  <si>
    <t>18414</t>
  </si>
  <si>
    <t>12.801827430725098</t>
  </si>
  <si>
    <t>537.4277954101562</t>
  </si>
  <si>
    <t>0.005390848634876377</t>
  </si>
  <si>
    <t>19835</t>
  </si>
  <si>
    <t>12.047550201416016</t>
  </si>
  <si>
    <t>446.04412841796875</t>
  </si>
  <si>
    <t>0.07433680910063956</t>
  </si>
  <si>
    <t>20685</t>
  </si>
  <si>
    <t>12.40368366241455</t>
  </si>
  <si>
    <t>452.8671569824219</t>
  </si>
  <si>
    <t>0.041960745947081435</t>
  </si>
  <si>
    <t>20554</t>
  </si>
  <si>
    <t>12.7385892868042</t>
  </si>
  <si>
    <t>606.2037353515625</t>
  </si>
  <si>
    <t>-0.006353230710493207</t>
  </si>
  <si>
    <t>20511</t>
  </si>
  <si>
    <t>12.806777000427246</t>
  </si>
  <si>
    <t>389.38897705078125</t>
  </si>
  <si>
    <t>-0.002094241603114</t>
  </si>
  <si>
    <t>12.797683715820312</t>
  </si>
  <si>
    <t>559.6964721679688</t>
  </si>
  <si>
    <t>0.03924696513858805</t>
  </si>
  <si>
    <t>12.895496368408203</t>
  </si>
  <si>
    <t>551.1666259765625</t>
  </si>
  <si>
    <t>0.03405623687988246</t>
  </si>
  <si>
    <t>22291</t>
  </si>
  <si>
    <t>12.995944023132324</t>
  </si>
  <si>
    <t>582.742919921875</t>
  </si>
  <si>
    <t>0.00991847994055739</t>
  </si>
  <si>
    <t>22116</t>
  </si>
  <si>
    <t>12.87044620513916</t>
  </si>
  <si>
    <t>598.8728637695312</t>
  </si>
  <si>
    <t>-0.007881681083109271</t>
  </si>
  <si>
    <t>22759</t>
  </si>
  <si>
    <t>12.657748222351074</t>
  </si>
  <si>
    <t>364.0729064941406</t>
  </si>
  <si>
    <t>0.028659343086090416</t>
  </si>
  <si>
    <t>22682</t>
  </si>
  <si>
    <t>12.991161346435547</t>
  </si>
  <si>
    <t>265.00140380859375</t>
  </si>
  <si>
    <t>-0.0033890131686380442</t>
  </si>
  <si>
    <t>22860</t>
  </si>
  <si>
    <t>13.009087562561035</t>
  </si>
  <si>
    <t>479.2429504394531</t>
  </si>
  <si>
    <t>0.00781699997352625</t>
  </si>
  <si>
    <t>25297</t>
  </si>
  <si>
    <t>12.862003326416016</t>
  </si>
  <si>
    <t>297.1768493652344</t>
  </si>
  <si>
    <t>0.10129715326089439</t>
  </si>
  <si>
    <t>25774</t>
  </si>
  <si>
    <t>12.747974395751953</t>
  </si>
  <si>
    <t>368.6435241699219</t>
  </si>
  <si>
    <t>0.01868042023864014</t>
  </si>
  <si>
    <t>404</t>
  </si>
  <si>
    <t>12.882555961608887</t>
  </si>
  <si>
    <t>214.2272491455078</t>
  </si>
  <si>
    <t>2316.638671875</t>
  </si>
  <si>
    <t>Santiago Metropolitan Region</t>
  </si>
  <si>
    <t>11527</t>
  </si>
  <si>
    <t>13.3198823928833</t>
  </si>
  <si>
    <t>575.427490234375</t>
  </si>
  <si>
    <t>0.05822553264412811</t>
  </si>
  <si>
    <t>12601</t>
  </si>
  <si>
    <t>12.944591522216797</t>
  </si>
  <si>
    <t>704.6209716796875</t>
  </si>
  <si>
    <t>0.08908406626868093</t>
  </si>
  <si>
    <t>13.214228630065918</t>
  </si>
  <si>
    <t>356.5080261230469</t>
  </si>
  <si>
    <t>0.047652040891065894</t>
  </si>
  <si>
    <t>13666</t>
  </si>
  <si>
    <t>13.807549476623535</t>
  </si>
  <si>
    <t>262.2648010253906</t>
  </si>
  <si>
    <t>0.03348277957996437</t>
  </si>
  <si>
    <t>14666</t>
  </si>
  <si>
    <t>13.357364654541016</t>
  </si>
  <si>
    <t>291.9479064941406</t>
  </si>
  <si>
    <t>0.07062089331302168</t>
  </si>
  <si>
    <t>15435</t>
  </si>
  <si>
    <t>13.328292846679688</t>
  </si>
  <si>
    <t>259.3558654785156</t>
  </si>
  <si>
    <t>0.051105768282514674</t>
  </si>
  <si>
    <t>13.746724128723145</t>
  </si>
  <si>
    <t>1042.89697265625</t>
  </si>
  <si>
    <t>0.05716201315679825</t>
  </si>
  <si>
    <t>16797</t>
  </si>
  <si>
    <t>13.242135047912598</t>
  </si>
  <si>
    <t>161.15113830566406</t>
  </si>
  <si>
    <t>0.027400627923944043</t>
  </si>
  <si>
    <t>16538</t>
  </si>
  <si>
    <t>13.112578392028809</t>
  </si>
  <si>
    <t>520.1632690429688</t>
  </si>
  <si>
    <t>-0.015539535734889753</t>
  </si>
  <si>
    <t>17146</t>
  </si>
  <si>
    <t>12.887640953063965</t>
  </si>
  <si>
    <t>721.7359619140625</t>
  </si>
  <si>
    <t>0.036104146956589034</t>
  </si>
  <si>
    <t>17473</t>
  </si>
  <si>
    <t>13.207551002502441</t>
  </si>
  <si>
    <t>462.6297607421875</t>
  </si>
  <si>
    <t>0.01889192210033741</t>
  </si>
  <si>
    <t>17819</t>
  </si>
  <si>
    <t>13.018784523010254</t>
  </si>
  <si>
    <t>911.9117431640625</t>
  </si>
  <si>
    <t>0.019608471388375293</t>
  </si>
  <si>
    <t>18448</t>
  </si>
  <si>
    <t>13.604207038879395</t>
  </si>
  <si>
    <t>271.65106201171875</t>
  </si>
  <si>
    <t>0.03469065978142538</t>
  </si>
  <si>
    <t>19465</t>
  </si>
  <si>
    <t>13.287383079528809</t>
  </si>
  <si>
    <t>519.2006225585938</t>
  </si>
  <si>
    <t>0.05366201753571609</t>
  </si>
  <si>
    <t>20382</t>
  </si>
  <si>
    <t>13.195610046386719</t>
  </si>
  <si>
    <t>662.3499755859375</t>
  </si>
  <si>
    <t>0.046034177344083105</t>
  </si>
  <si>
    <t>21387</t>
  </si>
  <si>
    <t>13.661605834960938</t>
  </si>
  <si>
    <t>506.4132385253906</t>
  </si>
  <si>
    <t>0.0481311023970985</t>
  </si>
  <si>
    <t>22256</t>
  </si>
  <si>
    <t>12.571037292480469</t>
  </si>
  <si>
    <t>254.36929321289062</t>
  </si>
  <si>
    <t>0.03982837437748721</t>
  </si>
  <si>
    <t>22853</t>
  </si>
  <si>
    <t>13.601292610168457</t>
  </si>
  <si>
    <t>518.9197387695312</t>
  </si>
  <si>
    <t>0.026470764569660687</t>
  </si>
  <si>
    <t>22473</t>
  </si>
  <si>
    <t>13.74209976196289</t>
  </si>
  <si>
    <t>399.67340087890625</t>
  </si>
  <si>
    <t>-0.016767811116892517</t>
  </si>
  <si>
    <t>22826</t>
  </si>
  <si>
    <t>12.918192863464355</t>
  </si>
  <si>
    <t>304.43731689453125</t>
  </si>
  <si>
    <t>0.015585648497552285</t>
  </si>
  <si>
    <t>13.263701438903809</t>
  </si>
  <si>
    <t>242.89393615722656</t>
  </si>
  <si>
    <t>0.061793914373213354</t>
  </si>
  <si>
    <t>26701</t>
  </si>
  <si>
    <t>13.6194486618042</t>
  </si>
  <si>
    <t>340.3805236816406</t>
  </si>
  <si>
    <t>0.09500686638375022</t>
  </si>
  <si>
    <t>27826</t>
  </si>
  <si>
    <t>13.658459663391113</t>
  </si>
  <si>
    <t>216.3096160888672</t>
  </si>
  <si>
    <t>0.041269817531313535</t>
  </si>
  <si>
    <t>27793</t>
  </si>
  <si>
    <t>13.61188793182373</t>
  </si>
  <si>
    <t>274.3401184082031</t>
  </si>
  <si>
    <t>-0.0011866449908257692</t>
  </si>
  <si>
    <t>28551</t>
  </si>
  <si>
    <t>13.775787353515625</t>
  </si>
  <si>
    <t>367.7073669433594</t>
  </si>
  <si>
    <t>0.026907771329456764</t>
  </si>
  <si>
    <t>28762</t>
  </si>
  <si>
    <t>13.812134742736816</t>
  </si>
  <si>
    <t>457.1338806152344</t>
  </si>
  <si>
    <t>0.007363109705872617</t>
  </si>
  <si>
    <t>28042</t>
  </si>
  <si>
    <t>13.679718971252441</t>
  </si>
  <si>
    <t>385.1777648925781</t>
  </si>
  <si>
    <t>-0.02535168516524955</t>
  </si>
  <si>
    <t>28545</t>
  </si>
  <si>
    <t>13.557271003723145</t>
  </si>
  <si>
    <t>239.10040283203125</t>
  </si>
  <si>
    <t>0.017778403117283403</t>
  </si>
  <si>
    <t>28084</t>
  </si>
  <si>
    <t>13.887531280517578</t>
  </si>
  <si>
    <t>131.3307342529297</t>
  </si>
  <si>
    <t>-0.016281770261219464</t>
  </si>
  <si>
    <t>13.89928150177002</t>
  </si>
  <si>
    <t>306.7850341796875</t>
  </si>
  <si>
    <t>-0.1446825173918569</t>
  </si>
  <si>
    <t>13.723297119140625</t>
  </si>
  <si>
    <t>160.61349487304688</t>
  </si>
  <si>
    <t>0.10127415637207804</t>
  </si>
  <si>
    <t>27399</t>
  </si>
  <si>
    <t>13.624184608459473</t>
  </si>
  <si>
    <t>239.73187255859375</t>
  </si>
  <si>
    <t>0.018714858242427468</t>
  </si>
  <si>
    <t>405</t>
  </si>
  <si>
    <t>13.186354637145996</t>
  </si>
  <si>
    <t>27.199081420898438</t>
  </si>
  <si>
    <t>37.76525115966797</t>
  </si>
  <si>
    <t>Tarapacá</t>
  </si>
  <si>
    <t>21093</t>
  </si>
  <si>
    <t>13.401881217956543</t>
  </si>
  <si>
    <t>16.877222061157227</t>
  </si>
  <si>
    <t>0.05822150015468708</t>
  </si>
  <si>
    <t>23060</t>
  </si>
  <si>
    <t>13.702103614807129</t>
  </si>
  <si>
    <t>19.336700439453125</t>
  </si>
  <si>
    <t>0.0891582829557791</t>
  </si>
  <si>
    <t>24185</t>
  </si>
  <si>
    <t>13.59398365020752</t>
  </si>
  <si>
    <t>20.971811294555664</t>
  </si>
  <si>
    <t>0.04763309143403305</t>
  </si>
  <si>
    <t>25008</t>
  </si>
  <si>
    <t>13.682419776916504</t>
  </si>
  <si>
    <t>20.327436447143555</t>
  </si>
  <si>
    <t>0.03346316740417521</t>
  </si>
  <si>
    <t>26837</t>
  </si>
  <si>
    <t>13.215889930725098</t>
  </si>
  <si>
    <t>16.31083869934082</t>
  </si>
  <si>
    <t>0.07058575870481043</t>
  </si>
  <si>
    <t>28245</t>
  </si>
  <si>
    <t>12.928470611572266</t>
  </si>
  <si>
    <t>27.2996826171875</t>
  </si>
  <si>
    <t>0.051134918393293205</t>
  </si>
  <si>
    <t>29906</t>
  </si>
  <si>
    <t>14.336432456970215</t>
  </si>
  <si>
    <t>34.98028564453125</t>
  </si>
  <si>
    <t>0.05714267838442666</t>
  </si>
  <si>
    <t>30738</t>
  </si>
  <si>
    <t>13.578716278076172</t>
  </si>
  <si>
    <t>13.14358901977539</t>
  </si>
  <si>
    <t>0.027440545023468488</t>
  </si>
  <si>
    <t>13.067268371582031</t>
  </si>
  <si>
    <t>33.4394416809082</t>
  </si>
  <si>
    <t>-0.015573829959125263</t>
  </si>
  <si>
    <t>31376</t>
  </si>
  <si>
    <t>13.16804027557373</t>
  </si>
  <si>
    <t>25.752784729003906</t>
  </si>
  <si>
    <t>0.03611742522799588</t>
  </si>
  <si>
    <t>31974</t>
  </si>
  <si>
    <t>13.282370567321777</t>
  </si>
  <si>
    <t>30.629514694213867</t>
  </si>
  <si>
    <t>0.018879803088708513</t>
  </si>
  <si>
    <t>32608</t>
  </si>
  <si>
    <t>13.506930351257324</t>
  </si>
  <si>
    <t>28.906005859375</t>
  </si>
  <si>
    <t>0.019634584497614682</t>
  </si>
  <si>
    <t>33758</t>
  </si>
  <si>
    <t>13.521540641784668</t>
  </si>
  <si>
    <t>20.403425216674805</t>
  </si>
  <si>
    <t>0.034659769226422554</t>
  </si>
  <si>
    <t>35620</t>
  </si>
  <si>
    <t>13.481890678405762</t>
  </si>
  <si>
    <t>27.891315460205078</t>
  </si>
  <si>
    <t>0.053689851594779014</t>
  </si>
  <si>
    <t>37297</t>
  </si>
  <si>
    <t>13.142929077148438</t>
  </si>
  <si>
    <t>33.781700134277344</t>
  </si>
  <si>
    <t>0.046005616599249066</t>
  </si>
  <si>
    <t>39137</t>
  </si>
  <si>
    <t>13.798381805419922</t>
  </si>
  <si>
    <t>27.224205017089844</t>
  </si>
  <si>
    <t>0.04815541663905698</t>
  </si>
  <si>
    <t>40727</t>
  </si>
  <si>
    <t>12.531726837158203</t>
  </si>
  <si>
    <t>24.509754180908203</t>
  </si>
  <si>
    <t>0.039822952065799555</t>
  </si>
  <si>
    <t>41819</t>
  </si>
  <si>
    <t>12.978659629821777</t>
  </si>
  <si>
    <t>13.207952499389648</t>
  </si>
  <si>
    <t>0.026459518545143723</t>
  </si>
  <si>
    <t>41043</t>
  </si>
  <si>
    <t>13.54845142364502</t>
  </si>
  <si>
    <t>18.755857467651367</t>
  </si>
  <si>
    <t>-0.018730484104677814</t>
  </si>
  <si>
    <t>44736</t>
  </si>
  <si>
    <t>12.954044342041016</t>
  </si>
  <si>
    <t>20.943923950195312</t>
  </si>
  <si>
    <t>0.08615824900525837</t>
  </si>
  <si>
    <t>41662</t>
  </si>
  <si>
    <t>13.192902565002441</t>
  </si>
  <si>
    <t>37.427730560302734</t>
  </si>
  <si>
    <t>-0.07118910424962266</t>
  </si>
  <si>
    <t>13.543797492980957</t>
  </si>
  <si>
    <t>22.481061935424805</t>
  </si>
  <si>
    <t>-0.20117221068884739</t>
  </si>
  <si>
    <t>35664</t>
  </si>
  <si>
    <t>13.064995765686035</t>
  </si>
  <si>
    <t>22.327695846557617</t>
  </si>
  <si>
    <t>0.04572454497063738</t>
  </si>
  <si>
    <t>35841</t>
  </si>
  <si>
    <t>13.218047142028809</t>
  </si>
  <si>
    <t>16.239402770996094</t>
  </si>
  <si>
    <t>0.004950712859683293</t>
  </si>
  <si>
    <t>32768</t>
  </si>
  <si>
    <t>14.10500431060791</t>
  </si>
  <si>
    <t>22.027584075927734</t>
  </si>
  <si>
    <t>-0.089640060086154</t>
  </si>
  <si>
    <t>31166</t>
  </si>
  <si>
    <t>13.843689918518066</t>
  </si>
  <si>
    <t>24.33417510986328</t>
  </si>
  <si>
    <t>-0.05012467239362017</t>
  </si>
  <si>
    <t>33601</t>
  </si>
  <si>
    <t>13.641554832458496</t>
  </si>
  <si>
    <t>19.42319107055664</t>
  </si>
  <si>
    <t>0.07522807140762211</t>
  </si>
  <si>
    <t>34112</t>
  </si>
  <si>
    <t>13.395828247070312</t>
  </si>
  <si>
    <t>17.923995971679688</t>
  </si>
  <si>
    <t>0.01509340011233462</t>
  </si>
  <si>
    <t>34336</t>
  </si>
  <si>
    <t>13.368419647216797</t>
  </si>
  <si>
    <t>21.585189819335938</t>
  </si>
  <si>
    <t>0.006545137904909737</t>
  </si>
  <si>
    <t>35606</t>
  </si>
  <si>
    <t>13.7409086227417</t>
  </si>
  <si>
    <t>25.087934494018555</t>
  </si>
  <si>
    <t>0.03631979653438222</t>
  </si>
  <si>
    <t>39401</t>
  </si>
  <si>
    <t>13.156329154968262</t>
  </si>
  <si>
    <t>18.502891540527344</t>
  </si>
  <si>
    <t>0.10127703370979191</t>
  </si>
  <si>
    <t>40145</t>
  </si>
  <si>
    <t>12.975399017333984</t>
  </si>
  <si>
    <t>47.68949508666992</t>
  </si>
  <si>
    <t>0.018706702944184528</t>
  </si>
  <si>
    <t>406</t>
  </si>
  <si>
    <t>8222</t>
  </si>
  <si>
    <t>12.993180274963379</t>
  </si>
  <si>
    <t>185.16265869140625</t>
  </si>
  <si>
    <t>418.2923583984375</t>
  </si>
  <si>
    <t>Valparaíso</t>
  </si>
  <si>
    <t>13.413908958435059</t>
  </si>
  <si>
    <t>478.7351379394531</t>
  </si>
  <si>
    <t>0.058232190496296354</t>
  </si>
  <si>
    <t>9527</t>
  </si>
  <si>
    <t>13.026652336120605</t>
  </si>
  <si>
    <t>640.693603515625</t>
  </si>
  <si>
    <t>0.08908419375265808</t>
  </si>
  <si>
    <t>9992</t>
  </si>
  <si>
    <t>13.302186012268066</t>
  </si>
  <si>
    <t>344.2085266113281</t>
  </si>
  <si>
    <t>0.04765490009863527</t>
  </si>
  <si>
    <t>10332</t>
  </si>
  <si>
    <t>13.88097095489502</t>
  </si>
  <si>
    <t>258.32757568359375</t>
  </si>
  <si>
    <t>0.03346110241031752</t>
  </si>
  <si>
    <t>11088</t>
  </si>
  <si>
    <t>13.403018951416016</t>
  </si>
  <si>
    <t>298.583984375</t>
  </si>
  <si>
    <t>0.07061756721395263</t>
  </si>
  <si>
    <t>11670</t>
  </si>
  <si>
    <t>13.383879661560059</t>
  </si>
  <si>
    <t>251.89414978027344</t>
  </si>
  <si>
    <t>0.051158003850916955</t>
  </si>
  <si>
    <t>12356</t>
  </si>
  <si>
    <t>13.821337699890137</t>
  </si>
  <si>
    <t>839.22314453125</t>
  </si>
  <si>
    <t>0.057120328757871874</t>
  </si>
  <si>
    <t>12700</t>
  </si>
  <si>
    <t>13.269877433776855</t>
  </si>
  <si>
    <t>103.53816986083984</t>
  </si>
  <si>
    <t>0.027460218408210224</t>
  </si>
  <si>
    <t>12503</t>
  </si>
  <si>
    <t>13.183055877685547</t>
  </si>
  <si>
    <t>389.60308837890625</t>
  </si>
  <si>
    <t>-0.015633377951683514</t>
  </si>
  <si>
    <t>12963</t>
  </si>
  <si>
    <t>12.931410789489746</t>
  </si>
  <si>
    <t>531.5029296875</t>
  </si>
  <si>
    <t>0.036130530105042524</t>
  </si>
  <si>
    <t>13210</t>
  </si>
  <si>
    <t>13.26257610321045</t>
  </si>
  <si>
    <t>469.1924743652344</t>
  </si>
  <si>
    <t>0.018874972916329114</t>
  </si>
  <si>
    <t>13472</t>
  </si>
  <si>
    <t>13.063118934631348</t>
  </si>
  <si>
    <t>720.2583618164062</t>
  </si>
  <si>
    <t>0.019639338965736997</t>
  </si>
  <si>
    <t>13948</t>
  </si>
  <si>
    <t>13.653972625732422</t>
  </si>
  <si>
    <t>259.72430419921875</t>
  </si>
  <si>
    <t>0.03472267131343365</t>
  </si>
  <si>
    <t>14717</t>
  </si>
  <si>
    <t>13.346905708312988</t>
  </si>
  <si>
    <t>417.1983337402344</t>
  </si>
  <si>
    <t>0.053667159368570694</t>
  </si>
  <si>
    <t>13.2044095993042</t>
  </si>
  <si>
    <t>561.4573974609375</t>
  </si>
  <si>
    <t>0.04601336115004884</t>
  </si>
  <si>
    <t>16170</t>
  </si>
  <si>
    <t>13.684822082519531</t>
  </si>
  <si>
    <t>446.0576477050781</t>
  </si>
  <si>
    <t>0.048141024256990406</t>
  </si>
  <si>
    <t>16827</t>
  </si>
  <si>
    <t>12.637863159179688</t>
  </si>
  <si>
    <t>213.28256225585938</t>
  </si>
  <si>
    <t>0.039827065605294365</t>
  </si>
  <si>
    <t>17278</t>
  </si>
  <si>
    <t>13.641380310058594</t>
  </si>
  <si>
    <t>458.6697082519531</t>
  </si>
  <si>
    <t>0.026449276742383176</t>
  </si>
  <si>
    <t>17399</t>
  </si>
  <si>
    <t>13.749245643615723</t>
  </si>
  <si>
    <t>360.812744140625</t>
  </si>
  <si>
    <t>0.006978717367886134</t>
  </si>
  <si>
    <t>18423</t>
  </si>
  <si>
    <t>12.941292762756348</t>
  </si>
  <si>
    <t>276.4490661621094</t>
  </si>
  <si>
    <t>0.057187150710793944</t>
  </si>
  <si>
    <t>19177</t>
  </si>
  <si>
    <t>13.2940034866333</t>
  </si>
  <si>
    <t>275.9251708984375</t>
  </si>
  <si>
    <t>0.04011176027600705</t>
  </si>
  <si>
    <t>20157</t>
  </si>
  <si>
    <t>13.640666007995605</t>
  </si>
  <si>
    <t>328.286376953125</t>
  </si>
  <si>
    <t>0.049839978314743405</t>
  </si>
  <si>
    <t>13.693184852600098</t>
  </si>
  <si>
    <t>211.64817810058594</t>
  </si>
  <si>
    <t>0.0369149822880388</t>
  </si>
  <si>
    <t>13.666947364807129</t>
  </si>
  <si>
    <t>281.6940002441406</t>
  </si>
  <si>
    <t>-0.039896054699921635</t>
  </si>
  <si>
    <t>20262</t>
  </si>
  <si>
    <t>13.80670166015625</t>
  </si>
  <si>
    <t>345.9180603027344</t>
  </si>
  <si>
    <t>0.008176660437245076</t>
  </si>
  <si>
    <t>13.815788269042969</t>
  </si>
  <si>
    <t>334.6526794433594</t>
  </si>
  <si>
    <t>0.010896882968818744</t>
  </si>
  <si>
    <t>20393</t>
  </si>
  <si>
    <t>13.73897647857666</t>
  </si>
  <si>
    <t>355.10284423828125</t>
  </si>
  <si>
    <t>-0.004452388890094028</t>
  </si>
  <si>
    <t>20108</t>
  </si>
  <si>
    <t>13.55832576751709</t>
  </si>
  <si>
    <t>194.09671020507812</t>
  </si>
  <si>
    <t>-0.014073958879880166</t>
  </si>
  <si>
    <t>13.877616882324219</t>
  </si>
  <si>
    <t>113.9925537109375</t>
  </si>
  <si>
    <t>-0.008640764997011274</t>
  </si>
  <si>
    <t>18582</t>
  </si>
  <si>
    <t>13.908515930175781</t>
  </si>
  <si>
    <t>290.2491760253906</t>
  </si>
  <si>
    <t>-0.0702836106141973</t>
  </si>
  <si>
    <t>20563</t>
  </si>
  <si>
    <t>13.757401466369629</t>
  </si>
  <si>
    <t>150.6388397216797</t>
  </si>
  <si>
    <t>0.10129997412026093</t>
  </si>
  <si>
    <t>20951</t>
  </si>
  <si>
    <t>13.616595268249512</t>
  </si>
  <si>
    <t>227.65660095214844</t>
  </si>
  <si>
    <t>0.018693033586492547</t>
  </si>
  <si>
    <t>407</t>
  </si>
  <si>
    <t>CHN</t>
  </si>
  <si>
    <t>944</t>
  </si>
  <si>
    <t>16.34541893005371</t>
  </si>
  <si>
    <t>1144.0709228515625</t>
  </si>
  <si>
    <t>22490.06640625</t>
  </si>
  <si>
    <t>Anhui</t>
  </si>
  <si>
    <t>China</t>
  </si>
  <si>
    <t>1013</t>
  </si>
  <si>
    <t>15.555217742919922</t>
  </si>
  <si>
    <t>1439.8863525390625</t>
  </si>
  <si>
    <t>0.07054533810318286</t>
  </si>
  <si>
    <t>15.497696876525879</t>
  </si>
  <si>
    <t>963.251953125</t>
  </si>
  <si>
    <t>0.11635611043759297</t>
  </si>
  <si>
    <t>1269</t>
  </si>
  <si>
    <t>15.557887077331543</t>
  </si>
  <si>
    <t>1139.7740478515625</t>
  </si>
  <si>
    <t>0.10895685302811131</t>
  </si>
  <si>
    <t>1379</t>
  </si>
  <si>
    <t>16.396486282348633</t>
  </si>
  <si>
    <t>920.333251953125</t>
  </si>
  <si>
    <t>0.08312941007891439</t>
  </si>
  <si>
    <t>16.02332878112793</t>
  </si>
  <si>
    <t>974.2405395507812</t>
  </si>
  <si>
    <t>0.16783472482771167</t>
  </si>
  <si>
    <t>15.613202095031738</t>
  </si>
  <si>
    <t>1220.3187255859375</t>
  </si>
  <si>
    <t>0.07042246429654586</t>
  </si>
  <si>
    <t>16.21217918395996</t>
  </si>
  <si>
    <t>983.8330078125</t>
  </si>
  <si>
    <t>0.07749000174089815</t>
  </si>
  <si>
    <t>17.10760498046875</t>
  </si>
  <si>
    <t>1242.650634765625</t>
  </si>
  <si>
    <t>0.07142249292192737</t>
  </si>
  <si>
    <t>16.136686325073242</t>
  </si>
  <si>
    <t>1064.5107421875</t>
  </si>
  <si>
    <t>0.06573794924648979</t>
  </si>
  <si>
    <t>16.43174934387207</t>
  </si>
  <si>
    <t>1151.2005615234375</t>
  </si>
  <si>
    <t>0.03577470018670681</t>
  </si>
  <si>
    <t>2465</t>
  </si>
  <si>
    <t>16.699939727783203</t>
  </si>
  <si>
    <t>799.4122924804688</t>
  </si>
  <si>
    <t>0.09215087546320877</t>
  </si>
  <si>
    <t>2628</t>
  </si>
  <si>
    <t>16.580007553100586</t>
  </si>
  <si>
    <t>1195.989501953125</t>
  </si>
  <si>
    <t>0.0640312931277105</t>
  </si>
  <si>
    <t>2827</t>
  </si>
  <si>
    <t>16.24958610534668</t>
  </si>
  <si>
    <t>1439.6905517578125</t>
  </si>
  <si>
    <t>0.07299297808908989</t>
  </si>
  <si>
    <t>16.713159561157227</t>
  </si>
  <si>
    <t>976.3056030273438</t>
  </si>
  <si>
    <t>0.09572813920404588</t>
  </si>
  <si>
    <t>3305</t>
  </si>
  <si>
    <t>16.537805557250977</t>
  </si>
  <si>
    <t>1225.3638916015625</t>
  </si>
  <si>
    <t>0.06049225538814973</t>
  </si>
  <si>
    <t>17.03463363647461</t>
  </si>
  <si>
    <t>1022.4645385742188</t>
  </si>
  <si>
    <t>0.11100266256677749</t>
  </si>
  <si>
    <t>4222</t>
  </si>
  <si>
    <t>16.99578094482422</t>
  </si>
  <si>
    <t>1224.3779296875</t>
  </si>
  <si>
    <t>0.1338698135557017</t>
  </si>
  <si>
    <t>4698</t>
  </si>
  <si>
    <t>16.583473205566406</t>
  </si>
  <si>
    <t>1022.1732177734375</t>
  </si>
  <si>
    <t>0.10682793681059266</t>
  </si>
  <si>
    <t>16.68146324157715</t>
  </si>
  <si>
    <t>1103.0404052734375</t>
  </si>
  <si>
    <t>0.13629470610570493</t>
  </si>
  <si>
    <t>16.015336990356445</t>
  </si>
  <si>
    <t>1150.5736083984375</t>
  </si>
  <si>
    <t>0.14914987140588387</t>
  </si>
  <si>
    <t>7234</t>
  </si>
  <si>
    <t>16.249225616455078</t>
  </si>
  <si>
    <t>929.5267944335938</t>
  </si>
  <si>
    <t>0.14621066978159547</t>
  </si>
  <si>
    <t>7959</t>
  </si>
  <si>
    <t>16.034679412841797</t>
  </si>
  <si>
    <t>1017.3467407226562</t>
  </si>
  <si>
    <t>0.09551123029380726</t>
  </si>
  <si>
    <t>16.963205337524414</t>
  </si>
  <si>
    <t>947.884521484375</t>
  </si>
  <si>
    <t>0.09303457976230689</t>
  </si>
  <si>
    <t>9459</t>
  </si>
  <si>
    <t>16.53825569152832</t>
  </si>
  <si>
    <t>1133.35791015625</t>
  </si>
  <si>
    <t>0.07962872564501389</t>
  </si>
  <si>
    <t>9998</t>
  </si>
  <si>
    <t>16.273937225341797</t>
  </si>
  <si>
    <t>1358.104248046875</t>
  </si>
  <si>
    <t>0.05541840376034557</t>
  </si>
  <si>
    <t>10852</t>
  </si>
  <si>
    <t>17.052820205688477</t>
  </si>
  <si>
    <t>1302.8623046875</t>
  </si>
  <si>
    <t>0.081964321805307</t>
  </si>
  <si>
    <t>16.751916885375977</t>
  </si>
  <si>
    <t>1094.4439697265625</t>
  </si>
  <si>
    <t>0.08018446518337718</t>
  </si>
  <si>
    <t>16.971696853637695</t>
  </si>
  <si>
    <t>1152.0762939453125</t>
  </si>
  <si>
    <t>0.10318090099525179</t>
  </si>
  <si>
    <t>13873</t>
  </si>
  <si>
    <t>17.008169174194336</t>
  </si>
  <si>
    <t>1057.7923583984375</t>
  </si>
  <si>
    <t>0.062229744123273534</t>
  </si>
  <si>
    <t>14201</t>
  </si>
  <si>
    <t>16.844844818115234</t>
  </si>
  <si>
    <t>1313.3094482421875</t>
  </si>
  <si>
    <t>0.023367879564286653</t>
  </si>
  <si>
    <t>15183</t>
  </si>
  <si>
    <t>17.36469268798828</t>
  </si>
  <si>
    <t>1355.3555908203125</t>
  </si>
  <si>
    <t>0.06686399623717598</t>
  </si>
  <si>
    <t>15618</t>
  </si>
  <si>
    <t>17.1578426361084</t>
  </si>
  <si>
    <t>967.5160522460938</t>
  </si>
  <si>
    <t>0.028247714340432495</t>
  </si>
  <si>
    <t>408</t>
  </si>
  <si>
    <t>4257</t>
  </si>
  <si>
    <t>12.3809232711792</t>
  </si>
  <si>
    <t>594.1329956054688</t>
  </si>
  <si>
    <t>6397.7314453125</t>
  </si>
  <si>
    <t>Beijing</t>
  </si>
  <si>
    <t>4569</t>
  </si>
  <si>
    <t>11.808981895446777</t>
  </si>
  <si>
    <t>560.9697265625</t>
  </si>
  <si>
    <t>0.07072967573511946</t>
  </si>
  <si>
    <t>5134</t>
  </si>
  <si>
    <t>11.731388092041016</t>
  </si>
  <si>
    <t>437.52227783203125</t>
  </si>
  <si>
    <t>0.11659071986781377</t>
  </si>
  <si>
    <t>5515</t>
  </si>
  <si>
    <t>12.001197814941406</t>
  </si>
  <si>
    <t>359.4621276855469</t>
  </si>
  <si>
    <t>0.07158657025651749</t>
  </si>
  <si>
    <t>6020</t>
  </si>
  <si>
    <t>12.783112525939941</t>
  </si>
  <si>
    <t>596.8184204101562</t>
  </si>
  <si>
    <t>0.08761560661526424</t>
  </si>
  <si>
    <t>12.191352844238281</t>
  </si>
  <si>
    <t>610.4302368164062</t>
  </si>
  <si>
    <t>0.07671491758086013</t>
  </si>
  <si>
    <t>11.776988983154297</t>
  </si>
  <si>
    <t>529.9259033203125</t>
  </si>
  <si>
    <t>0.05259245011917102</t>
  </si>
  <si>
    <t>12.576820373535156</t>
  </si>
  <si>
    <t>369.5165710449219</t>
  </si>
  <si>
    <t>0.1176046191832043</t>
  </si>
  <si>
    <t>8824</t>
  </si>
  <si>
    <t>13.183178901672363</t>
  </si>
  <si>
    <t>534.0631103515625</t>
  </si>
  <si>
    <t>0.1354760357472351</t>
  </si>
  <si>
    <t>12.397266387939453</t>
  </si>
  <si>
    <t>312.52734375</t>
  </si>
  <si>
    <t>0.11778303565638382</t>
  </si>
  <si>
    <t>12.474333763122559</t>
  </si>
  <si>
    <t>366.0756530761719</t>
  </si>
  <si>
    <t>0.09570388600387325</t>
  </si>
  <si>
    <t>12081</t>
  </si>
  <si>
    <t>12.850990295410156</t>
  </si>
  <si>
    <t>336.41259765625</t>
  </si>
  <si>
    <t>0.10067176692596824</t>
  </si>
  <si>
    <t>13578</t>
  </si>
  <si>
    <t>12.559117317199707</t>
  </si>
  <si>
    <t>338.4006652832031</t>
  </si>
  <si>
    <t>0.11681686534202917</t>
  </si>
  <si>
    <t>14772</t>
  </si>
  <si>
    <t>12.107987403869629</t>
  </si>
  <si>
    <t>453.0693359375</t>
  </si>
  <si>
    <t>0.08428266111086202</t>
  </si>
  <si>
    <t>15936</t>
  </si>
  <si>
    <t>12.73616886138916</t>
  </si>
  <si>
    <t>503.8586120605469</t>
  </si>
  <si>
    <t>0.07584720385192512</t>
  </si>
  <si>
    <t>16962</t>
  </si>
  <si>
    <t>12.456047058105469</t>
  </si>
  <si>
    <t>451.820556640625</t>
  </si>
  <si>
    <t>0.06239484709726639</t>
  </si>
  <si>
    <t>13.049803733825684</t>
  </si>
  <si>
    <t>354.44207763671875</t>
  </si>
  <si>
    <t>0.090356403038232</t>
  </si>
  <si>
    <t>20682</t>
  </si>
  <si>
    <t>13.009352684020996</t>
  </si>
  <si>
    <t>492.1045837402344</t>
  </si>
  <si>
    <t>0.10793180578504291</t>
  </si>
  <si>
    <t>20726</t>
  </si>
  <si>
    <t>12.592703819274902</t>
  </si>
  <si>
    <t>507.46722412109375</t>
  </si>
  <si>
    <t>0.0021251939992410485</t>
  </si>
  <si>
    <t>12.493328094482422</t>
  </si>
  <si>
    <t>426.47784423828125</t>
  </si>
  <si>
    <t>0.04111916159401474</t>
  </si>
  <si>
    <t>22325</t>
  </si>
  <si>
    <t>11.948456764221191</t>
  </si>
  <si>
    <t>461.4930419921875</t>
  </si>
  <si>
    <t>0.03319901440652373</t>
  </si>
  <si>
    <t>22852</t>
  </si>
  <si>
    <t>12.402359962463379</t>
  </si>
  <si>
    <t>523.1886596679688</t>
  </si>
  <si>
    <t>0.023331514099652395</t>
  </si>
  <si>
    <t>24051</t>
  </si>
  <si>
    <t>11.941924095153809</t>
  </si>
  <si>
    <t>584.9688110351562</t>
  </si>
  <si>
    <t>0.051137934866709145</t>
  </si>
  <si>
    <t>25535</t>
  </si>
  <si>
    <t>12.69516372680664</t>
  </si>
  <si>
    <t>492.3919677734375</t>
  </si>
  <si>
    <t>0.05987348437068185</t>
  </si>
  <si>
    <t>26864</t>
  </si>
  <si>
    <t>13.135651588439941</t>
  </si>
  <si>
    <t>426.3005065917969</t>
  </si>
  <si>
    <t>0.050737040235578235</t>
  </si>
  <si>
    <t>28637</t>
  </si>
  <si>
    <t>12.612178802490234</t>
  </si>
  <si>
    <t>432.75616455078125</t>
  </si>
  <si>
    <t>0.06391248766738933</t>
  </si>
  <si>
    <t>30650</t>
  </si>
  <si>
    <t>13.265922546386719</t>
  </si>
  <si>
    <t>684.3700561523438</t>
  </si>
  <si>
    <t>0.06793307437964557</t>
  </si>
  <si>
    <t>32616</t>
  </si>
  <si>
    <t>13.244671821594238</t>
  </si>
  <si>
    <t>470.0179748535156</t>
  </si>
  <si>
    <t>0.0621703031347316</t>
  </si>
  <si>
    <t>35101</t>
  </si>
  <si>
    <t>13.123042106628418</t>
  </si>
  <si>
    <t>513.60009765625</t>
  </si>
  <si>
    <t>0.07342665457752595</t>
  </si>
  <si>
    <t>37060</t>
  </si>
  <si>
    <t>13.206722259521484</t>
  </si>
  <si>
    <t>424.7339782714844</t>
  </si>
  <si>
    <t>0.05430860076273625</t>
  </si>
  <si>
    <t>37354</t>
  </si>
  <si>
    <t>12.922534942626953</t>
  </si>
  <si>
    <t>478.1377868652344</t>
  </si>
  <si>
    <t>0.007901780034201167</t>
  </si>
  <si>
    <t>40864</t>
  </si>
  <si>
    <t>13.34459400177002</t>
  </si>
  <si>
    <t>626.4993896484375</t>
  </si>
  <si>
    <t>0.08980947895871338</t>
  </si>
  <si>
    <t>42034</t>
  </si>
  <si>
    <t>13.068818092346191</t>
  </si>
  <si>
    <t>485.27935791015625</t>
  </si>
  <si>
    <t>0.028229334755092594</t>
  </si>
  <si>
    <t>409</t>
  </si>
  <si>
    <t>17.309053421020508</t>
  </si>
  <si>
    <t>1044.6956787109375</t>
  </si>
  <si>
    <t>11023.658203125</t>
  </si>
  <si>
    <t>Chongqing</t>
  </si>
  <si>
    <t>1162</t>
  </si>
  <si>
    <t>16.73058319091797</t>
  </si>
  <si>
    <t>1113.05712890625</t>
  </si>
  <si>
    <t>0.0704076904108657</t>
  </si>
  <si>
    <t>1306</t>
  </si>
  <si>
    <t>16.518068313598633</t>
  </si>
  <si>
    <t>1073.7501220703125</t>
  </si>
  <si>
    <t>0.11682637242452021</t>
  </si>
  <si>
    <t>1487</t>
  </si>
  <si>
    <t>16.6385555267334</t>
  </si>
  <si>
    <t>1266.2607421875</t>
  </si>
  <si>
    <t>0.12979163662377857</t>
  </si>
  <si>
    <t>17.067346572875977</t>
  </si>
  <si>
    <t>1035.3641357421875</t>
  </si>
  <si>
    <t>0.1502040029038456</t>
  </si>
  <si>
    <t>16.846410751342773</t>
  </si>
  <si>
    <t>1098.913818359375</t>
  </si>
  <si>
    <t>0.15365452501678245</t>
  </si>
  <si>
    <t>2180</t>
  </si>
  <si>
    <t>16.5208683013916</t>
  </si>
  <si>
    <t>1106.477294921875</t>
  </si>
  <si>
    <t>0.07870568140235168</t>
  </si>
  <si>
    <t>16.87238883972168</t>
  </si>
  <si>
    <t>894.3684692382812</t>
  </si>
  <si>
    <t>0.10113140206394089</t>
  </si>
  <si>
    <t>2540</t>
  </si>
  <si>
    <t>17.8343448638916</t>
  </si>
  <si>
    <t>1268.536376953125</t>
  </si>
  <si>
    <t>0.051707802165506855</t>
  </si>
  <si>
    <t>2651</t>
  </si>
  <si>
    <t>17.101896286010742</t>
  </si>
  <si>
    <t>1193.5753173828125</t>
  </si>
  <si>
    <t>0.042772846276442955</t>
  </si>
  <si>
    <t>16.934017181396484</t>
  </si>
  <si>
    <t>1139.04150390625</t>
  </si>
  <si>
    <t>0.05038756559138946</t>
  </si>
  <si>
    <t>3051</t>
  </si>
  <si>
    <t>17.31410026550293</t>
  </si>
  <si>
    <t>908.45849609375</t>
  </si>
  <si>
    <t>0.09014491283625503</t>
  </si>
  <si>
    <t>17.43366241455078</t>
  </si>
  <si>
    <t>1161.3048095703125</t>
  </si>
  <si>
    <t>0.10918798978423538</t>
  </si>
  <si>
    <t>3760</t>
  </si>
  <si>
    <t>17.406896591186523</t>
  </si>
  <si>
    <t>1156.1998291015625</t>
  </si>
  <si>
    <t>0.0997615618830352</t>
  </si>
  <si>
    <t>4109</t>
  </si>
  <si>
    <t>16.824440002441406</t>
  </si>
  <si>
    <t>1213.7420654296875</t>
  </si>
  <si>
    <t>0.0887607324994697</t>
  </si>
  <si>
    <t>16.88526153564453</t>
  </si>
  <si>
    <t>1135.9722900390625</t>
  </si>
  <si>
    <t>0.07612242129284574</t>
  </si>
  <si>
    <t>4835</t>
  </si>
  <si>
    <t>17.261798858642578</t>
  </si>
  <si>
    <t>937.912353515625</t>
  </si>
  <si>
    <t>0.08657901771113785</t>
  </si>
  <si>
    <t>17.145978927612305</t>
  </si>
  <si>
    <t>1230.2786865234375</t>
  </si>
  <si>
    <t>0.13159052380020952</t>
  </si>
  <si>
    <t>16.854047775268555</t>
  </si>
  <si>
    <t>1224.1151123046875</t>
  </si>
  <si>
    <t>0.13450553268320675</t>
  </si>
  <si>
    <t>17.40916633605957</t>
  </si>
  <si>
    <t>988.8062133789062</t>
  </si>
  <si>
    <t>0.11741312522333303</t>
  </si>
  <si>
    <t>8007</t>
  </si>
  <si>
    <t>16.575275421142578</t>
  </si>
  <si>
    <t>1175.3973388671875</t>
  </si>
  <si>
    <t>0.12092584847849075</t>
  </si>
  <si>
    <t>16.850976943969727</t>
  </si>
  <si>
    <t>1015.9109497070312</t>
  </si>
  <si>
    <t>0.143009252917917</t>
  </si>
  <si>
    <t>10159</t>
  </si>
  <si>
    <t>16.59067726135254</t>
  </si>
  <si>
    <t>1139.378173828125</t>
  </si>
  <si>
    <t>0.09503460010099474</t>
  </si>
  <si>
    <t>11052</t>
  </si>
  <si>
    <t>17.526029586791992</t>
  </si>
  <si>
    <t>1139.0185546875</t>
  </si>
  <si>
    <t>0.08425139495176204</t>
  </si>
  <si>
    <t>17.094552993774414</t>
  </si>
  <si>
    <t>1277.6453857421875</t>
  </si>
  <si>
    <t>0.09545822925311143</t>
  </si>
  <si>
    <t>13219</t>
  </si>
  <si>
    <t>17.373899459838867</t>
  </si>
  <si>
    <t>1299.1771240234375</t>
  </si>
  <si>
    <t>0.08358555228298137</t>
  </si>
  <si>
    <t>14488</t>
  </si>
  <si>
    <t>17.816408157348633</t>
  </si>
  <si>
    <t>1157.1348876953125</t>
  </si>
  <si>
    <t>0.09166553198384975</t>
  </si>
  <si>
    <t>15370</t>
  </si>
  <si>
    <t>17.31549644470215</t>
  </si>
  <si>
    <t>1219.97900390625</t>
  </si>
  <si>
    <t>0.05909683696939183</t>
  </si>
  <si>
    <t>15918</t>
  </si>
  <si>
    <t>17.57546615600586</t>
  </si>
  <si>
    <t>1148.429931640625</t>
  </si>
  <si>
    <t>0.035032986833153146</t>
  </si>
  <si>
    <t>17029</t>
  </si>
  <si>
    <t>17.440332412719727</t>
  </si>
  <si>
    <t>1192.3985595703125</t>
  </si>
  <si>
    <t>0.06746722866081001</t>
  </si>
  <si>
    <t>17.363344192504883</t>
  </si>
  <si>
    <t>1253.076416015625</t>
  </si>
  <si>
    <t>0.04517915691059926</t>
  </si>
  <si>
    <t>19057</t>
  </si>
  <si>
    <t>17.889129638671875</t>
  </si>
  <si>
    <t>1316.1544189453125</t>
  </si>
  <si>
    <t>0.06733755819117171</t>
  </si>
  <si>
    <t>19602</t>
  </si>
  <si>
    <t>17.806581497192383</t>
  </si>
  <si>
    <t>1109.342529296875</t>
  </si>
  <si>
    <t>0.028197113700748844</t>
  </si>
  <si>
    <t>410</t>
  </si>
  <si>
    <t>20.128246307373047</t>
  </si>
  <si>
    <t>1704.925048828125</t>
  </si>
  <si>
    <t>15305.703125</t>
  </si>
  <si>
    <t>Fujian</t>
  </si>
  <si>
    <t>19.920787811279297</t>
  </si>
  <si>
    <t>1125.537841796875</t>
  </si>
  <si>
    <t>0.07063120075792462</t>
  </si>
  <si>
    <t>19.24806785583496</t>
  </si>
  <si>
    <t>1726.3145751953125</t>
  </si>
  <si>
    <t>0.11647791754440284</t>
  </si>
  <si>
    <t>2442</t>
  </si>
  <si>
    <t>19.846923828125</t>
  </si>
  <si>
    <t>1301.8123779296875</t>
  </si>
  <si>
    <t>0.19468265361752835</t>
  </si>
  <si>
    <t>3041</t>
  </si>
  <si>
    <t>20.047264099121094</t>
  </si>
  <si>
    <t>1556.2037353515625</t>
  </si>
  <si>
    <t>0.21936903300671506</t>
  </si>
  <si>
    <t>19.47562599182129</t>
  </si>
  <si>
    <t>1285.1954345703125</t>
  </si>
  <si>
    <t>0.09048554989765911</t>
  </si>
  <si>
    <t>3620</t>
  </si>
  <si>
    <t>19.563438415527344</t>
  </si>
  <si>
    <t>1418.8016357421875</t>
  </si>
  <si>
    <t>0.08380206724479322</t>
  </si>
  <si>
    <t>3990</t>
  </si>
  <si>
    <t>19.818639755249023</t>
  </si>
  <si>
    <t>1821.680419921875</t>
  </si>
  <si>
    <t>0.09731720506409225</t>
  </si>
  <si>
    <t>4318</t>
  </si>
  <si>
    <t>20.793336868286133</t>
  </si>
  <si>
    <t>1522.646240234375</t>
  </si>
  <si>
    <t>0.07900110119084225</t>
  </si>
  <si>
    <t>20.12152099609375</t>
  </si>
  <si>
    <t>1313.5465087890625</t>
  </si>
  <si>
    <t>0.07342951801022579</t>
  </si>
  <si>
    <t>4889</t>
  </si>
  <si>
    <t>20.11766242980957</t>
  </si>
  <si>
    <t>1616.5062255859375</t>
  </si>
  <si>
    <t>0.050765933493668314</t>
  </si>
  <si>
    <t>5109</t>
  </si>
  <si>
    <t>20.119590759277344</t>
  </si>
  <si>
    <t>1608.406982421875</t>
  </si>
  <si>
    <t>0.04401590675215239</t>
  </si>
  <si>
    <t>5439</t>
  </si>
  <si>
    <t>20.31096076965332</t>
  </si>
  <si>
    <t>1592.3424072265625</t>
  </si>
  <si>
    <t>0.06259153009216156</t>
  </si>
  <si>
    <t>5787</t>
  </si>
  <si>
    <t>20.33738899230957</t>
  </si>
  <si>
    <t>947.8106079101562</t>
  </si>
  <si>
    <t>0.06201880215087918</t>
  </si>
  <si>
    <t>6106</t>
  </si>
  <si>
    <t>19.99957847595215</t>
  </si>
  <si>
    <t>1110.8892822265625</t>
  </si>
  <si>
    <t>0.053657871720984573</t>
  </si>
  <si>
    <t>20.06534194946289</t>
  </si>
  <si>
    <t>1571.388916015625</t>
  </si>
  <si>
    <t>0.06406756190779106</t>
  </si>
  <si>
    <t>7267</t>
  </si>
  <si>
    <t>20.269323348999023</t>
  </si>
  <si>
    <t>1827.6046142578125</t>
  </si>
  <si>
    <t>0.11000409541402156</t>
  </si>
  <si>
    <t>20.436853408813477</t>
  </si>
  <si>
    <t>1377.0035400390625</t>
  </si>
  <si>
    <t>0.14774122319717442</t>
  </si>
  <si>
    <t>19.85747718811035</t>
  </si>
  <si>
    <t>1426.5594482421875</t>
  </si>
  <si>
    <t>0.07916570695957681</t>
  </si>
  <si>
    <t>10333</t>
  </si>
  <si>
    <t>20.38499641418457</t>
  </si>
  <si>
    <t>1375.4376220703125</t>
  </si>
  <si>
    <t>0.12509217544096707</t>
  </si>
  <si>
    <t>11624</t>
  </si>
  <si>
    <t>19.635961532592773</t>
  </si>
  <si>
    <t>1682.09912109375</t>
  </si>
  <si>
    <t>0.11772926903576497</t>
  </si>
  <si>
    <t>12699</t>
  </si>
  <si>
    <t>19.813575744628906</t>
  </si>
  <si>
    <t>1210.6181640625</t>
  </si>
  <si>
    <t>0.08845132393891397</t>
  </si>
  <si>
    <t>19.978822708129883</t>
  </si>
  <si>
    <t>1654.8631591796875</t>
  </si>
  <si>
    <t>0.07820562538854858</t>
  </si>
  <si>
    <t>14791</t>
  </si>
  <si>
    <t>20.1740665435791</t>
  </si>
  <si>
    <t>1454.647705078125</t>
  </si>
  <si>
    <t>0.0742900120937886</t>
  </si>
  <si>
    <t>20.367507934570312</t>
  </si>
  <si>
    <t>1603.2891845703125</t>
  </si>
  <si>
    <t>0.08075494545588491</t>
  </si>
  <si>
    <t>17039</t>
  </si>
  <si>
    <t>20.600008010864258</t>
  </si>
  <si>
    <t>1715.3558349609375</t>
  </si>
  <si>
    <t>0.06073100108798357</t>
  </si>
  <si>
    <t>18388</t>
  </si>
  <si>
    <t>20.908185958862305</t>
  </si>
  <si>
    <t>1668.0101318359375</t>
  </si>
  <si>
    <t>0.07619344371087955</t>
  </si>
  <si>
    <t>20061</t>
  </si>
  <si>
    <t>20.58292579650879</t>
  </si>
  <si>
    <t>1514.7840576171875</t>
  </si>
  <si>
    <t>0.08707935379596954</t>
  </si>
  <si>
    <t>22024</t>
  </si>
  <si>
    <t>20.742361068725586</t>
  </si>
  <si>
    <t>1385.072998046875</t>
  </si>
  <si>
    <t>0.09335513610035484</t>
  </si>
  <si>
    <t>23532</t>
  </si>
  <si>
    <t>21.0308837890625</t>
  </si>
  <si>
    <t>1537.87255859375</t>
  </si>
  <si>
    <t>0.06622842916190308</t>
  </si>
  <si>
    <t>23917</t>
  </si>
  <si>
    <t>20.873903274536133</t>
  </si>
  <si>
    <t>1311.5777587890625</t>
  </si>
  <si>
    <t>0.016228306154518535</t>
  </si>
  <si>
    <t>25877</t>
  </si>
  <si>
    <t>21.297929763793945</t>
  </si>
  <si>
    <t>1432.615478515625</t>
  </si>
  <si>
    <t>0.07876504012771512</t>
  </si>
  <si>
    <t>26618</t>
  </si>
  <si>
    <t>20.655406951904297</t>
  </si>
  <si>
    <t>1540.2156982421875</t>
  </si>
  <si>
    <t>0.028233135379920782</t>
  </si>
  <si>
    <t>411</t>
  </si>
  <si>
    <t>7.581860065460205</t>
  </si>
  <si>
    <t>479.71173095703125</t>
  </si>
  <si>
    <t>9938.7685546875</t>
  </si>
  <si>
    <t>Gansu</t>
  </si>
  <si>
    <t>976</t>
  </si>
  <si>
    <t>7.333084583282471</t>
  </si>
  <si>
    <t>323.16644287109375</t>
  </si>
  <si>
    <t>0.07111749223561326</t>
  </si>
  <si>
    <t>6.794954299926758</t>
  </si>
  <si>
    <t>462.83319091796875</t>
  </si>
  <si>
    <t>0.11687187386213793</t>
  </si>
  <si>
    <t>7.187198162078857</t>
  </si>
  <si>
    <t>433.5447692871094</t>
  </si>
  <si>
    <t>1123</t>
  </si>
  <si>
    <t>7.525066375732422</t>
  </si>
  <si>
    <t>401.3158264160156</t>
  </si>
  <si>
    <t>0.02342449446321293</t>
  </si>
  <si>
    <t>1177</t>
  </si>
  <si>
    <t>7.162151336669922</t>
  </si>
  <si>
    <t>380.4525146484375</t>
  </si>
  <si>
    <t>0.04696515252183353</t>
  </si>
  <si>
    <t>1392</t>
  </si>
  <si>
    <t>7.041991710662842</t>
  </si>
  <si>
    <t>439.2357177734375</t>
  </si>
  <si>
    <t>0.16777273363408884</t>
  </si>
  <si>
    <t>1454</t>
  </si>
  <si>
    <t>7.440051555633545</t>
  </si>
  <si>
    <t>330.25164794921875</t>
  </si>
  <si>
    <t>0.04357681719909934</t>
  </si>
  <si>
    <t>8.396775245666504</t>
  </si>
  <si>
    <t>463.51788330078125</t>
  </si>
  <si>
    <t>0.09067270831086383</t>
  </si>
  <si>
    <t>1701</t>
  </si>
  <si>
    <t>7.908201694488525</t>
  </si>
  <si>
    <t>417.952880859375</t>
  </si>
  <si>
    <t>0.06622522599153324</t>
  </si>
  <si>
    <t>7.557051181793213</t>
  </si>
  <si>
    <t>393.9493103027344</t>
  </si>
  <si>
    <t>0.0665206823415625</t>
  </si>
  <si>
    <t>1921</t>
  </si>
  <si>
    <t>7.9446187019348145</t>
  </si>
  <si>
    <t>401.80487060546875</t>
  </si>
  <si>
    <t>0.055108888031132786</t>
  </si>
  <si>
    <t>7.954294681549072</t>
  </si>
  <si>
    <t>409.67083740234375</t>
  </si>
  <si>
    <t>0.06694322771994621</t>
  </si>
  <si>
    <t>2231</t>
  </si>
  <si>
    <t>7.750797748565674</t>
  </si>
  <si>
    <t>526.54736328125</t>
  </si>
  <si>
    <t>0.0826608039440293</t>
  </si>
  <si>
    <t>7.741490840911865</t>
  </si>
  <si>
    <t>386.3349304199219</t>
  </si>
  <si>
    <t>0.0924128690101389</t>
  </si>
  <si>
    <t>7.656671524047852</t>
  </si>
  <si>
    <t>423.2705993652344</t>
  </si>
  <si>
    <t>0.07439983217972657</t>
  </si>
  <si>
    <t>8.15941047668457</t>
  </si>
  <si>
    <t>389.1933288574219</t>
  </si>
  <si>
    <t>0.131347674690522</t>
  </si>
  <si>
    <t>7.823930740356445</t>
  </si>
  <si>
    <t>458.79290771484375</t>
  </si>
  <si>
    <t>0.12698137859378633</t>
  </si>
  <si>
    <t>3643</t>
  </si>
  <si>
    <t>7.617609024047852</t>
  </si>
  <si>
    <t>378.0321960449219</t>
  </si>
  <si>
    <t>0.06521584810185743</t>
  </si>
  <si>
    <t>8.101364135742188</t>
  </si>
  <si>
    <t>387.42034912109375</t>
  </si>
  <si>
    <t>0.06585867597599027</t>
  </si>
  <si>
    <t>4396</t>
  </si>
  <si>
    <t>7.503756046295166</t>
  </si>
  <si>
    <t>431.6317443847656</t>
  </si>
  <si>
    <t>0.12202884253895796</t>
  </si>
  <si>
    <t>7.705606460571289</t>
  </si>
  <si>
    <t>468.4269104003906</t>
  </si>
  <si>
    <t>0.12754215531620616</t>
  </si>
  <si>
    <t>5482</t>
  </si>
  <si>
    <t>7.340386867523193</t>
  </si>
  <si>
    <t>436.0361022949219</t>
  </si>
  <si>
    <t>0.09323280602301232</t>
  </si>
  <si>
    <t>8.3475980758667</t>
  </si>
  <si>
    <t>479.4786071777344</t>
  </si>
  <si>
    <t>0.09095591589062302</t>
  </si>
  <si>
    <t>7.699596405029297</t>
  </si>
  <si>
    <t>455.5356140136719</t>
  </si>
  <si>
    <t>0.07552269381438492</t>
  </si>
  <si>
    <t>6535</t>
  </si>
  <si>
    <t>7.761776447296143</t>
  </si>
  <si>
    <t>394.472900390625</t>
  </si>
  <si>
    <t>0.009223739490584748</t>
  </si>
  <si>
    <t>6805</t>
  </si>
  <si>
    <t>8.301278114318848</t>
  </si>
  <si>
    <t>406.3403625488281</t>
  </si>
  <si>
    <t>0.040485289027243354</t>
  </si>
  <si>
    <t>8.021336555480957</t>
  </si>
  <si>
    <t>476.0039978027344</t>
  </si>
  <si>
    <t>0.02410105040083188</t>
  </si>
  <si>
    <t>7482</t>
  </si>
  <si>
    <t>7.829092025756836</t>
  </si>
  <si>
    <t>480.7169494628906</t>
  </si>
  <si>
    <t>0.07074144942169269</t>
  </si>
  <si>
    <t>7.93655252456665</t>
  </si>
  <si>
    <t>496.2026062011719</t>
  </si>
  <si>
    <t>0.060797570993392114</t>
  </si>
  <si>
    <t>8157</t>
  </si>
  <si>
    <t>7.812553882598877</t>
  </si>
  <si>
    <t>454.0098571777344</t>
  </si>
  <si>
    <t>0.025578747399096713</t>
  </si>
  <si>
    <t>8.145746231079102</t>
  </si>
  <si>
    <t>516.1788330078125</t>
  </si>
  <si>
    <t>0.09042795221663624</t>
  </si>
  <si>
    <t>9185</t>
  </si>
  <si>
    <t>8.184714317321777</t>
  </si>
  <si>
    <t>442.1921081542969</t>
  </si>
  <si>
    <t>0.028267312132010503</t>
  </si>
  <si>
    <t>412</t>
  </si>
  <si>
    <t>22.448942184448242</t>
  </si>
  <si>
    <t>1640.5947265625</t>
  </si>
  <si>
    <t>33992.7109375</t>
  </si>
  <si>
    <t>Guangdong</t>
  </si>
  <si>
    <t>2613</t>
  </si>
  <si>
    <t>22.381546020507812</t>
  </si>
  <si>
    <t>1400.1669921875</t>
  </si>
  <si>
    <t>0.07096299197314071</t>
  </si>
  <si>
    <t>21.681798934936523</t>
  </si>
  <si>
    <t>2160.534423828125</t>
  </si>
  <si>
    <t>0.11654912421379304</t>
  </si>
  <si>
    <t>22.320083618164062</t>
  </si>
  <si>
    <t>2019.905517578125</t>
  </si>
  <si>
    <t>0.17342652722508767</t>
  </si>
  <si>
    <t>3824</t>
  </si>
  <si>
    <t>22.404563903808594</t>
  </si>
  <si>
    <t>2038.0943603515625</t>
  </si>
  <si>
    <t>0.09082235721179899</t>
  </si>
  <si>
    <t>21.880441665649414</t>
  </si>
  <si>
    <t>1778.9114990234375</t>
  </si>
  <si>
    <t>0.08060579339810303</t>
  </si>
  <si>
    <t>21.943029403686523</t>
  </si>
  <si>
    <t>1760.8544921875</t>
  </si>
  <si>
    <t>0.04320275295692255</t>
  </si>
  <si>
    <t>22.17911720275879</t>
  </si>
  <si>
    <t>2387.2705078125</t>
  </si>
  <si>
    <t>0.0646396019806712</t>
  </si>
  <si>
    <t>4879</t>
  </si>
  <si>
    <t>23.08058738708496</t>
  </si>
  <si>
    <t>1836.6185302734375</t>
  </si>
  <si>
    <t>0.055195137308848174</t>
  </si>
  <si>
    <t>5160</t>
  </si>
  <si>
    <t>22.51898193359375</t>
  </si>
  <si>
    <t>1639.037841796875</t>
  </si>
  <si>
    <t>0.05599629865977107</t>
  </si>
  <si>
    <t>5597</t>
  </si>
  <si>
    <t>22.398056030273438</t>
  </si>
  <si>
    <t>1929.2259521484375</t>
  </si>
  <si>
    <t>0.08129416041575155</t>
  </si>
  <si>
    <t>5999</t>
  </si>
  <si>
    <t>22.383665084838867</t>
  </si>
  <si>
    <t>2139.90576171875</t>
  </si>
  <si>
    <t>0.06936204876173235</t>
  </si>
  <si>
    <t>6520</t>
  </si>
  <si>
    <t>22.662866592407227</t>
  </si>
  <si>
    <t>1906.4969482421875</t>
  </si>
  <si>
    <t>0.08328158726760648</t>
  </si>
  <si>
    <t>22.695642471313477</t>
  </si>
  <si>
    <t>1462.7996826171875</t>
  </si>
  <si>
    <t>0.10585119280211686</t>
  </si>
  <si>
    <t>22.27412986755371</t>
  </si>
  <si>
    <t>1336.0499267578125</t>
  </si>
  <si>
    <t>0.06825676545444814</t>
  </si>
  <si>
    <t>8627</t>
  </si>
  <si>
    <t>22.346893310546875</t>
  </si>
  <si>
    <t>1794.7081298828125</t>
  </si>
  <si>
    <t>0.10591448589931396</t>
  </si>
  <si>
    <t>9680</t>
  </si>
  <si>
    <t>22.550682067871094</t>
  </si>
  <si>
    <t>2081.350830078125</t>
  </si>
  <si>
    <t>0.11516508119404456</t>
  </si>
  <si>
    <t>10803</t>
  </si>
  <si>
    <t>22.50664520263672</t>
  </si>
  <si>
    <t>1566.798095703125</t>
  </si>
  <si>
    <t>0.10976197204636229</t>
  </si>
  <si>
    <t>21.882017135620117</t>
  </si>
  <si>
    <t>1834.95361328125</t>
  </si>
  <si>
    <t>0.04965815284754882</t>
  </si>
  <si>
    <t>11980</t>
  </si>
  <si>
    <t>22.589025497436523</t>
  </si>
  <si>
    <t>1637.7706298828125</t>
  </si>
  <si>
    <t>0.0537565665049069</t>
  </si>
  <si>
    <t>12735</t>
  </si>
  <si>
    <t>21.834775924682617</t>
  </si>
  <si>
    <t>1820.9403076171875</t>
  </si>
  <si>
    <t>0.06111551574411678</t>
  </si>
  <si>
    <t>13269</t>
  </si>
  <si>
    <t>21.805816650390625</t>
  </si>
  <si>
    <t>1470.9071044921875</t>
  </si>
  <si>
    <t>0.0410763791228792</t>
  </si>
  <si>
    <t>22.220367431640625</t>
  </si>
  <si>
    <t>1708.6051025390625</t>
  </si>
  <si>
    <t>0.02191500942627833</t>
  </si>
  <si>
    <t>14226</t>
  </si>
  <si>
    <t>22.156631469726562</t>
  </si>
  <si>
    <t>2176.76953125</t>
  </si>
  <si>
    <t>0.04772577933074551</t>
  </si>
  <si>
    <t>15079</t>
  </si>
  <si>
    <t>22.547636032104492</t>
  </si>
  <si>
    <t>1922.8555908203125</t>
  </si>
  <si>
    <t>0.0582317710723359</t>
  </si>
  <si>
    <t>16250</t>
  </si>
  <si>
    <t>22.86128044128418</t>
  </si>
  <si>
    <t>1841.7794189453125</t>
  </si>
  <si>
    <t>0.07478986139208743</t>
  </si>
  <si>
    <t>22.93593406677246</t>
  </si>
  <si>
    <t>2247.241455078125</t>
  </si>
  <si>
    <t>0.06296035340880124</t>
  </si>
  <si>
    <t>18256</t>
  </si>
  <si>
    <t>22.625701904296875</t>
  </si>
  <si>
    <t>2016.51513671875</t>
  </si>
  <si>
    <t>0.05344053093517154</t>
  </si>
  <si>
    <t>18979</t>
  </si>
  <si>
    <t>22.810522079467773</t>
  </si>
  <si>
    <t>1824.2471923828125</t>
  </si>
  <si>
    <t>0.03883931163506382</t>
  </si>
  <si>
    <t>19920</t>
  </si>
  <si>
    <t>23.279197692871094</t>
  </si>
  <si>
    <t>2063.79638671875</t>
  </si>
  <si>
    <t>0.04839114740166828</t>
  </si>
  <si>
    <t>20143</t>
  </si>
  <si>
    <t>23.002775192260742</t>
  </si>
  <si>
    <t>1696.8084716796875</t>
  </si>
  <si>
    <t>0.011132581339834857</t>
  </si>
  <si>
    <t>21478</t>
  </si>
  <si>
    <t>23.48186683654785</t>
  </si>
  <si>
    <t>1650.6365966796875</t>
  </si>
  <si>
    <t>0.0641723219397381</t>
  </si>
  <si>
    <t>22092</t>
  </si>
  <si>
    <t>22.663192749023438</t>
  </si>
  <si>
    <t>1968.0570068359375</t>
  </si>
  <si>
    <t>0.02818639660291744</t>
  </si>
  <si>
    <t>413</t>
  </si>
  <si>
    <t>21.19686508178711</t>
  </si>
  <si>
    <t>1555.622314453125</t>
  </si>
  <si>
    <t>16213.8125</t>
  </si>
  <si>
    <t>Guangxi</t>
  </si>
  <si>
    <t>1052</t>
  </si>
  <si>
    <t>20.98214340209961</t>
  </si>
  <si>
    <t>1409.6505126953125</t>
  </si>
  <si>
    <t>0.06987593373229206</t>
  </si>
  <si>
    <t>1183</t>
  </si>
  <si>
    <t>20.40378761291504</t>
  </si>
  <si>
    <t>1454.1163330078125</t>
  </si>
  <si>
    <t>0.11736047068073141</t>
  </si>
  <si>
    <t>1361</t>
  </si>
  <si>
    <t>20.82159996032715</t>
  </si>
  <si>
    <t>1714.5250244140625</t>
  </si>
  <si>
    <t>0.14016613867307903</t>
  </si>
  <si>
    <t>1566</t>
  </si>
  <si>
    <t>20.853132247924805</t>
  </si>
  <si>
    <t>2143.84716796875</t>
  </si>
  <si>
    <t>0.14030487389928226</t>
  </si>
  <si>
    <t>20.586824417114258</t>
  </si>
  <si>
    <t>1552.3118896484375</t>
  </si>
  <si>
    <t>0.07205331764005773</t>
  </si>
  <si>
    <t>20.536157608032227</t>
  </si>
  <si>
    <t>1638.026611328125</t>
  </si>
  <si>
    <t>0.04018007730553119</t>
  </si>
  <si>
    <t>20.690378189086914</t>
  </si>
  <si>
    <t>1944.2713623046875</t>
  </si>
  <si>
    <t>0.019220489940106944</t>
  </si>
  <si>
    <t>1954</t>
  </si>
  <si>
    <t>21.72142219543457</t>
  </si>
  <si>
    <t>1626.225341796875</t>
  </si>
  <si>
    <t>0.08990007116628362</t>
  </si>
  <si>
    <t>21.040964126586914</t>
  </si>
  <si>
    <t>1569.2916259765625</t>
  </si>
  <si>
    <t>0.023268626939354498</t>
  </si>
  <si>
    <t>20.84920883178711</t>
  </si>
  <si>
    <t>1394.0050048828125</t>
  </si>
  <si>
    <t>0.015873349156290573</t>
  </si>
  <si>
    <t>2175</t>
  </si>
  <si>
    <t>20.941282272338867</t>
  </si>
  <si>
    <t>1845.9139404296875</t>
  </si>
  <si>
    <t>0.06800813482441193</t>
  </si>
  <si>
    <t>2342</t>
  </si>
  <si>
    <t>21.173677444458008</t>
  </si>
  <si>
    <t>1962.6319580078125</t>
  </si>
  <si>
    <t>0.07397660063487788</t>
  </si>
  <si>
    <t>2471</t>
  </si>
  <si>
    <t>21.34794807434082</t>
  </si>
  <si>
    <t>1313.020263671875</t>
  </si>
  <si>
    <t>0.053617661830947405</t>
  </si>
  <si>
    <t>20.871591567993164</t>
  </si>
  <si>
    <t>1353.5499267578125</t>
  </si>
  <si>
    <t>0.0882584070293948</t>
  </si>
  <si>
    <t>20.98033332824707</t>
  </si>
  <si>
    <t>1476.7591552734375</t>
  </si>
  <si>
    <t>0.07217417110339941</t>
  </si>
  <si>
    <t>3273</t>
  </si>
  <si>
    <t>21.156681060791016</t>
  </si>
  <si>
    <t>1605.154296875</t>
  </si>
  <si>
    <t>0.12065149037977552</t>
  </si>
  <si>
    <t>3752</t>
  </si>
  <si>
    <t>21.147855758666992</t>
  </si>
  <si>
    <t>1376.97802734375</t>
  </si>
  <si>
    <t>0.13658203562493476</t>
  </si>
  <si>
    <t>20.6478214263916</t>
  </si>
  <si>
    <t>1788.3475341796875</t>
  </si>
  <si>
    <t>0.08209079752229798</t>
  </si>
  <si>
    <t>4470</t>
  </si>
  <si>
    <t>21.42241096496582</t>
  </si>
  <si>
    <t>1487.9031982421875</t>
  </si>
  <si>
    <t>0.09300857995920175</t>
  </si>
  <si>
    <t>20.551252365112305</t>
  </si>
  <si>
    <t>1441.1553955078125</t>
  </si>
  <si>
    <t>0.1419965801765759</t>
  </si>
  <si>
    <t>5891</t>
  </si>
  <si>
    <t>20.530193328857422</t>
  </si>
  <si>
    <t>1351.3958740234375</t>
  </si>
  <si>
    <t>0.1340407737374978</t>
  </si>
  <si>
    <t>20.792354583740234</t>
  </si>
  <si>
    <t>1632.0872802734375</t>
  </si>
  <si>
    <t>0.062350592105278935</t>
  </si>
  <si>
    <t>6707</t>
  </si>
  <si>
    <t>21.015701293945312</t>
  </si>
  <si>
    <t>1755.65380859375</t>
  </si>
  <si>
    <t>0.06737540247276996</t>
  </si>
  <si>
    <t>21.18442726135254</t>
  </si>
  <si>
    <t>1695.9808349609375</t>
  </si>
  <si>
    <t>0.0707903703695667</t>
  </si>
  <si>
    <t>7781</t>
  </si>
  <si>
    <t>21.43928337097168</t>
  </si>
  <si>
    <t>1723.882568359375</t>
  </si>
  <si>
    <t>0.07774273714762714</t>
  </si>
  <si>
    <t>21.601900100708008</t>
  </si>
  <si>
    <t>1707.7034912109375</t>
  </si>
  <si>
    <t>0.062399620488582386</t>
  </si>
  <si>
    <t>21.206201553344727</t>
  </si>
  <si>
    <t>1779.640869140625</t>
  </si>
  <si>
    <t>0.05245176340739377</t>
  </si>
  <si>
    <t>9263</t>
  </si>
  <si>
    <t>21.423791885375977</t>
  </si>
  <si>
    <t>1651.18603515625</t>
  </si>
  <si>
    <t>0.059491721741121495</t>
  </si>
  <si>
    <t>9800</t>
  </si>
  <si>
    <t>21.699827194213867</t>
  </si>
  <si>
    <t>1643.060791015625</t>
  </si>
  <si>
    <t>0.056354415404635816</t>
  </si>
  <si>
    <t>21.466745376586914</t>
  </si>
  <si>
    <t>1470.5823974609375</t>
  </si>
  <si>
    <t>0.02678102267764082</t>
  </si>
  <si>
    <t>10926</t>
  </si>
  <si>
    <t>21.98089027404785</t>
  </si>
  <si>
    <t>1548.304443359375</t>
  </si>
  <si>
    <t>0.08198186161935794</t>
  </si>
  <si>
    <t>21.416738510131836</t>
  </si>
  <si>
    <t>1486.374755859375</t>
  </si>
  <si>
    <t>0.028155622716480977</t>
  </si>
  <si>
    <t>414</t>
  </si>
  <si>
    <t>670</t>
  </si>
  <si>
    <t>15.25464153289795</t>
  </si>
  <si>
    <t>1135.704833984375</t>
  </si>
  <si>
    <t>13298.791015625</t>
  </si>
  <si>
    <t>Guizhou</t>
  </si>
  <si>
    <t>14.867316246032715</t>
  </si>
  <si>
    <t>1176.642578125</t>
  </si>
  <si>
    <t>0.07058364533603534</t>
  </si>
  <si>
    <t>14.554327964782715</t>
  </si>
  <si>
    <t>1062.2188720703125</t>
  </si>
  <si>
    <t>0.11670070080004802</t>
  </si>
  <si>
    <t>14.80383014678955</t>
  </si>
  <si>
    <t>1274.2813720703125</t>
  </si>
  <si>
    <t>0.04831857727080813</t>
  </si>
  <si>
    <t>894</t>
  </si>
  <si>
    <t>15.058196067810059</t>
  </si>
  <si>
    <t>1293.1575927734375</t>
  </si>
  <si>
    <t>0.0528251393816106</t>
  </si>
  <si>
    <t>930</t>
  </si>
  <si>
    <t>14.857413291931152</t>
  </si>
  <si>
    <t>1170.23583984375</t>
  </si>
  <si>
    <t>0.03947881097378758</t>
  </si>
  <si>
    <t>14.691615104675293</t>
  </si>
  <si>
    <t>1228.460205078125</t>
  </si>
  <si>
    <t>0.040047501129275354</t>
  </si>
  <si>
    <t>1023</t>
  </si>
  <si>
    <t>14.89081859588623</t>
  </si>
  <si>
    <t>1288.32763671875</t>
  </si>
  <si>
    <t>0.055262678675049415</t>
  </si>
  <si>
    <t>1063</t>
  </si>
  <si>
    <t>15.899982452392578</t>
  </si>
  <si>
    <t>1164.86572265625</t>
  </si>
  <si>
    <t>0.0383556123903217</t>
  </si>
  <si>
    <t>1146</t>
  </si>
  <si>
    <t>15.236560821533203</t>
  </si>
  <si>
    <t>1281.294189453125</t>
  </si>
  <si>
    <t>0.07518251893273753</t>
  </si>
  <si>
    <t>1205</t>
  </si>
  <si>
    <t>14.781729698181152</t>
  </si>
  <si>
    <t>1252.7330322265625</t>
  </si>
  <si>
    <t>0.050201948650069994</t>
  </si>
  <si>
    <t>1290</t>
  </si>
  <si>
    <t>15.167556762695312</t>
  </si>
  <si>
    <t>1117.34423828125</t>
  </si>
  <si>
    <t>0.06816265143096256</t>
  </si>
  <si>
    <t>1372</t>
  </si>
  <si>
    <t>15.323311805725098</t>
  </si>
  <si>
    <t>1280.4368896484375</t>
  </si>
  <si>
    <t>0.06162731093011242</t>
  </si>
  <si>
    <t>15.343208312988281</t>
  </si>
  <si>
    <t>1013.2698364257812</t>
  </si>
  <si>
    <t>0.08719357613379852</t>
  </si>
  <si>
    <t>1595</t>
  </si>
  <si>
    <t>14.88508129119873</t>
  </si>
  <si>
    <t>1169.3616943359375</t>
  </si>
  <si>
    <t>0.06341063079931608</t>
  </si>
  <si>
    <t>1876</t>
  </si>
  <si>
    <t>15.034329414367676</t>
  </si>
  <si>
    <t>973.54833984375</t>
  </si>
  <si>
    <t>0.1622681143472251</t>
  </si>
  <si>
    <t>15.315013885498047</t>
  </si>
  <si>
    <t>1161.2154541015625</t>
  </si>
  <si>
    <t>0.12227423809988824</t>
  </si>
  <si>
    <t>15.2245512008667</t>
  </si>
  <si>
    <t>1152.5736083984375</t>
  </si>
  <si>
    <t>0.17601238760069027</t>
  </si>
  <si>
    <t>14.848015785217285</t>
  </si>
  <si>
    <t>1272.3409423828125</t>
  </si>
  <si>
    <t>0.1482563077397936</t>
  </si>
  <si>
    <t>15.521503448486328</t>
  </si>
  <si>
    <t>985.0738525390625</t>
  </si>
  <si>
    <t>0.11429051065767659</t>
  </si>
  <si>
    <t>3673</t>
  </si>
  <si>
    <t>14.709491729736328</t>
  </si>
  <si>
    <t>1150.921142578125</t>
  </si>
  <si>
    <t>0.11103347215544801</t>
  </si>
  <si>
    <t>4246</t>
  </si>
  <si>
    <t>14.817581176757812</t>
  </si>
  <si>
    <t>839.9219360351562</t>
  </si>
  <si>
    <t>0.144968596443535</t>
  </si>
  <si>
    <t>14.754059791564941</t>
  </si>
  <si>
    <t>1105.0888671875</t>
  </si>
  <si>
    <t>0.14590738990544594</t>
  </si>
  <si>
    <t>5608</t>
  </si>
  <si>
    <t>15.488151550292969</t>
  </si>
  <si>
    <t>1010.0722045898438</t>
  </si>
  <si>
    <t>0.13230939654577867</t>
  </si>
  <si>
    <t>15.15810489654541</t>
  </si>
  <si>
    <t>1426.25146484375</t>
  </si>
  <si>
    <t>0.11920855264760455</t>
  </si>
  <si>
    <t>7190</t>
  </si>
  <si>
    <t>15.423274993896484</t>
  </si>
  <si>
    <t>1395.3985595703125</t>
  </si>
  <si>
    <t>0.12928846935306204</t>
  </si>
  <si>
    <t>15.714259147644043</t>
  </si>
  <si>
    <t>1192.0364990234375</t>
  </si>
  <si>
    <t>0.08744012141237967</t>
  </si>
  <si>
    <t>8620</t>
  </si>
  <si>
    <t>15.198954582214355</t>
  </si>
  <si>
    <t>1280.0828857421875</t>
  </si>
  <si>
    <t>0.09395379153026617</t>
  </si>
  <si>
    <t>15.410260200500488</t>
  </si>
  <si>
    <t>1241.511474609375</t>
  </si>
  <si>
    <t>0.08278746495306244</t>
  </si>
  <si>
    <t>10017</t>
  </si>
  <si>
    <t>15.551663398742676</t>
  </si>
  <si>
    <t>1183.1572265625</t>
  </si>
  <si>
    <t>0.06741110000096384</t>
  </si>
  <si>
    <t>10548</t>
  </si>
  <si>
    <t>15.352314949035645</t>
  </si>
  <si>
    <t>1275.3597412109375</t>
  </si>
  <si>
    <t>0.05165261886141259</t>
  </si>
  <si>
    <t>10999</t>
  </si>
  <si>
    <t>15.862686157226562</t>
  </si>
  <si>
    <t>1320.6591796875</t>
  </si>
  <si>
    <t>0.04186809108393952</t>
  </si>
  <si>
    <t>15.564826965332031</t>
  </si>
  <si>
    <t>1067.70556640625</t>
  </si>
  <si>
    <t>0.028236537345984303</t>
  </si>
  <si>
    <t>415</t>
  </si>
  <si>
    <t>25.08323097229004</t>
  </si>
  <si>
    <t>1841.9984130859375</t>
  </si>
  <si>
    <t>2980.42041015625</t>
  </si>
  <si>
    <t>Hainan</t>
  </si>
  <si>
    <t>25.028223037719727</t>
  </si>
  <si>
    <t>0.0711890792598382</t>
  </si>
  <si>
    <t>24.391145706176758</t>
  </si>
  <si>
    <t>1565.2174072265625</t>
  </si>
  <si>
    <t>0.11633598304952297</t>
  </si>
  <si>
    <t>2579</t>
  </si>
  <si>
    <t>24.88786506652832</t>
  </si>
  <si>
    <t>1596.307373046875</t>
  </si>
  <si>
    <t>0.1782198600632645</t>
  </si>
  <si>
    <t>24.905031204223633</t>
  </si>
  <si>
    <t>1986.12548828125</t>
  </si>
  <si>
    <t>0.06528949926126248</t>
  </si>
  <si>
    <t>24.548583984375</t>
  </si>
  <si>
    <t>1841.619873046875</t>
  </si>
  <si>
    <t>-0.06528949926126248</t>
  </si>
  <si>
    <t>24.4808292388916</t>
  </si>
  <si>
    <t>1692.3408203125</t>
  </si>
  <si>
    <t>-0.02036889849315049</t>
  </si>
  <si>
    <t>2531</t>
  </si>
  <si>
    <t>24.669782638549805</t>
  </si>
  <si>
    <t>2033.109130859375</t>
  </si>
  <si>
    <t>0.0015816531569301517</t>
  </si>
  <si>
    <t>25.532285690307617</t>
  </si>
  <si>
    <t>1571.2261962890625</t>
  </si>
  <si>
    <t>0.04895947872806694</t>
  </si>
  <si>
    <t>25.044654846191406</t>
  </si>
  <si>
    <t>1785.56884765625</t>
  </si>
  <si>
    <t>0.06376226055732559</t>
  </si>
  <si>
    <t>2969</t>
  </si>
  <si>
    <t>24.89715576171875</t>
  </si>
  <si>
    <t>2040.62939453125</t>
  </si>
  <si>
    <t>0.04688897493324351</t>
  </si>
  <si>
    <t>3145</t>
  </si>
  <si>
    <t>24.97304344177246</t>
  </si>
  <si>
    <t>1960.940185546875</t>
  </si>
  <si>
    <t>0.0575886943707804</t>
  </si>
  <si>
    <t>3387</t>
  </si>
  <si>
    <t>25.216150283813477</t>
  </si>
  <si>
    <t>1940.4046630859375</t>
  </si>
  <si>
    <t>0.07413068368323117</t>
  </si>
  <si>
    <t>25.383207321166992</t>
  </si>
  <si>
    <t>1353.4017333984375</t>
  </si>
  <si>
    <t>0.053461005205637235</t>
  </si>
  <si>
    <t>3705</t>
  </si>
  <si>
    <t>24.989145278930664</t>
  </si>
  <si>
    <t>1190.3377685546875</t>
  </si>
  <si>
    <t>0.03627767970677809</t>
  </si>
  <si>
    <t>3866</t>
  </si>
  <si>
    <t>25.042394638061523</t>
  </si>
  <si>
    <t>1629.4932861328125</t>
  </si>
  <si>
    <t>0.04253712203808924</t>
  </si>
  <si>
    <t>25.2381534576416</t>
  </si>
  <si>
    <t>1480.4664306640625</t>
  </si>
  <si>
    <t>0.10429942522324787</t>
  </si>
  <si>
    <t>25.025346755981445</t>
  </si>
  <si>
    <t>1464.9564208984375</t>
  </si>
  <si>
    <t>0.10645523201437257</t>
  </si>
  <si>
    <t>5249</t>
  </si>
  <si>
    <t>24.42521095275879</t>
  </si>
  <si>
    <t>1927.1331787109375</t>
  </si>
  <si>
    <t>0.09506254424640304</t>
  </si>
  <si>
    <t>5732</t>
  </si>
  <si>
    <t>25.228418350219727</t>
  </si>
  <si>
    <t>2131.265869140625</t>
  </si>
  <si>
    <t>0.08802692769576304</t>
  </si>
  <si>
    <t>24.495031356811523</t>
  </si>
  <si>
    <t>1665.6036376953125</t>
  </si>
  <si>
    <t>0.14840195745439289</t>
  </si>
  <si>
    <t>7423</t>
  </si>
  <si>
    <t>24.251083374023438</t>
  </si>
  <si>
    <t>1975.6083984375</t>
  </si>
  <si>
    <t>0.11011682071509199</t>
  </si>
  <si>
    <t>24.789762496948242</t>
  </si>
  <si>
    <t>2061.302978515625</t>
  </si>
  <si>
    <t>0.07934815881727708</t>
  </si>
  <si>
    <t>8646</t>
  </si>
  <si>
    <t>24.721487045288086</t>
  </si>
  <si>
    <t>2037.6402587890625</t>
  </si>
  <si>
    <t>0.0731653392927516</t>
  </si>
  <si>
    <t>9354</t>
  </si>
  <si>
    <t>25.114595413208008</t>
  </si>
  <si>
    <t>1703.920166015625</t>
  </si>
  <si>
    <t>0.07870727305825476</t>
  </si>
  <si>
    <t>25.546709060668945</t>
  </si>
  <si>
    <t>1776.7955322265625</t>
  </si>
  <si>
    <t>0.0668810286906858</t>
  </si>
  <si>
    <t>10683</t>
  </si>
  <si>
    <t>25.368568420410156</t>
  </si>
  <si>
    <t>1871.1954345703125</t>
  </si>
  <si>
    <t>0.0659686049693704</t>
  </si>
  <si>
    <t>11169</t>
  </si>
  <si>
    <t>25.053911209106445</t>
  </si>
  <si>
    <t>2222.404296875</t>
  </si>
  <si>
    <t>0.04448839059493892</t>
  </si>
  <si>
    <t>11687</t>
  </si>
  <si>
    <t>25.26862144470215</t>
  </si>
  <si>
    <t>1371.64892578125</t>
  </si>
  <si>
    <t>0.04533502939233003</t>
  </si>
  <si>
    <t>25.939516067504883</t>
  </si>
  <si>
    <t>1697.733642578125</t>
  </si>
  <si>
    <t>0.055502784322687404</t>
  </si>
  <si>
    <t>25.486055374145508</t>
  </si>
  <si>
    <t>1843.387939453125</t>
  </si>
  <si>
    <t>0.020906684819314236</t>
  </si>
  <si>
    <t>25.89030647277832</t>
  </si>
  <si>
    <t>1712.227294921875</t>
  </si>
  <si>
    <t>0.10023443898643158</t>
  </si>
  <si>
    <t>24.995323181152344</t>
  </si>
  <si>
    <t>1922.7296142578125</t>
  </si>
  <si>
    <t>0.028140997232624088</t>
  </si>
  <si>
    <t>416</t>
  </si>
  <si>
    <t>12.649944305419922</t>
  </si>
  <si>
    <t>662.32958984375</t>
  </si>
  <si>
    <t>26424.125</t>
  </si>
  <si>
    <t>Hebei</t>
  </si>
  <si>
    <t>1445</t>
  </si>
  <si>
    <t>12.01077651977539</t>
  </si>
  <si>
    <t>572.0648193359375</t>
  </si>
  <si>
    <t>0.07097209034185958</t>
  </si>
  <si>
    <t>11.999520301818848</t>
  </si>
  <si>
    <t>473.455078125</t>
  </si>
  <si>
    <t>0.11678292017509051</t>
  </si>
  <si>
    <t>1766</t>
  </si>
  <si>
    <t>12.211758613586426</t>
  </si>
  <si>
    <t>469.7969055175781</t>
  </si>
  <si>
    <t>0.08382486044228177</t>
  </si>
  <si>
    <t>1947</t>
  </si>
  <si>
    <t>13.017196655273438</t>
  </si>
  <si>
    <t>603.5090942382812</t>
  </si>
  <si>
    <t>0.09757262420829438</t>
  </si>
  <si>
    <t>2145</t>
  </si>
  <si>
    <t>12.450392723083496</t>
  </si>
  <si>
    <t>653.9872436523438</t>
  </si>
  <si>
    <t>0.09684982598991798</t>
  </si>
  <si>
    <t>11.998467445373535</t>
  </si>
  <si>
    <t>598.652587890625</t>
  </si>
  <si>
    <t>0.08701137698962924</t>
  </si>
  <si>
    <t>2553</t>
  </si>
  <si>
    <t>12.865326881408691</t>
  </si>
  <si>
    <t>404.2773132324219</t>
  </si>
  <si>
    <t>0.08711820888973687</t>
  </si>
  <si>
    <t>13.533737182617188</t>
  </si>
  <si>
    <t>586.945068359375</t>
  </si>
  <si>
    <t>0.05412906610161361</t>
  </si>
  <si>
    <t>12.659931182861328</t>
  </si>
  <si>
    <t>397.9308166503906</t>
  </si>
  <si>
    <t>0.05240584781215496</t>
  </si>
  <si>
    <t>3042</t>
  </si>
  <si>
    <t>12.71221923828125</t>
  </si>
  <si>
    <t>493.98272705078125</t>
  </si>
  <si>
    <t>0.06871114166398584</t>
  </si>
  <si>
    <t>13.105475425720215</t>
  </si>
  <si>
    <t>371.2597351074219</t>
  </si>
  <si>
    <t>0.06798425430319277</t>
  </si>
  <si>
    <t>3461</t>
  </si>
  <si>
    <t>12.94284439086914</t>
  </si>
  <si>
    <t>390.0921936035156</t>
  </si>
  <si>
    <t>0.06105811651291404</t>
  </si>
  <si>
    <t>12.486769676208496</t>
  </si>
  <si>
    <t>594.2135009765625</t>
  </si>
  <si>
    <t>0.09028061067062332</t>
  </si>
  <si>
    <t>4201</t>
  </si>
  <si>
    <t>13.094978332519531</t>
  </si>
  <si>
    <t>570.0127563476562</t>
  </si>
  <si>
    <t>0.10348441686341481</t>
  </si>
  <si>
    <t>4618</t>
  </si>
  <si>
    <t>12.695219993591309</t>
  </si>
  <si>
    <t>508.60235595703125</t>
  </si>
  <si>
    <t>0.09463911874505726</t>
  </si>
  <si>
    <t>5076</t>
  </si>
  <si>
    <t>13.268338203430176</t>
  </si>
  <si>
    <t>428.8604431152344</t>
  </si>
  <si>
    <t>0.09456183891983727</t>
  </si>
  <si>
    <t>5708</t>
  </si>
  <si>
    <t>13.29235553741455</t>
  </si>
  <si>
    <t>540.44384765625</t>
  </si>
  <si>
    <t>0.11734514976244981</t>
  </si>
  <si>
    <t>13.008820533752441</t>
  </si>
  <si>
    <t>559.1387329101562</t>
  </si>
  <si>
    <t>0.07685721784327981</t>
  </si>
  <si>
    <t>6635</t>
  </si>
  <si>
    <t>12.716263771057129</t>
  </si>
  <si>
    <t>511.79583740234375</t>
  </si>
  <si>
    <t>0.07363275032630057</t>
  </si>
  <si>
    <t>7215</t>
  </si>
  <si>
    <t>12.236495971679688</t>
  </si>
  <si>
    <t>539.4567260742188</t>
  </si>
  <si>
    <t>0.08380352444166306</t>
  </si>
  <si>
    <t>7855</t>
  </si>
  <si>
    <t>12.501091957092285</t>
  </si>
  <si>
    <t>574.9693603515625</t>
  </si>
  <si>
    <t>0.08498807948175013</t>
  </si>
  <si>
    <t>12.1254301071167</t>
  </si>
  <si>
    <t>594.5272216796875</t>
  </si>
  <si>
    <t>0.04991105372770832</t>
  </si>
  <si>
    <t>12.919490814208984</t>
  </si>
  <si>
    <t>553.0128784179688</t>
  </si>
  <si>
    <t>0.02511492922484848</t>
  </si>
  <si>
    <t>8685</t>
  </si>
  <si>
    <t>13.384446144104004</t>
  </si>
  <si>
    <t>481.7543029785156</t>
  </si>
  <si>
    <t>0.025421145032927583</t>
  </si>
  <si>
    <t>9066</t>
  </si>
  <si>
    <t>12.90911865234375</t>
  </si>
  <si>
    <t>521.7792358398438</t>
  </si>
  <si>
    <t>0.04293375282558998</t>
  </si>
  <si>
    <t>9610</t>
  </si>
  <si>
    <t>13.540325164794922</t>
  </si>
  <si>
    <t>703.3838500976562</t>
  </si>
  <si>
    <t>0.058273070463542354</t>
  </si>
  <si>
    <t>9928</t>
  </si>
  <si>
    <t>13.482104301452637</t>
  </si>
  <si>
    <t>522.3650512695312</t>
  </si>
  <si>
    <t>0.03255482492010486</t>
  </si>
  <si>
    <t>10186</t>
  </si>
  <si>
    <t>13.456737518310547</t>
  </si>
  <si>
    <t>563.9199829101562</t>
  </si>
  <si>
    <t>0.025655180560107738</t>
  </si>
  <si>
    <t>10775</t>
  </si>
  <si>
    <t>13.607510566711426</t>
  </si>
  <si>
    <t>510.46563720703125</t>
  </si>
  <si>
    <t>0.056214407527399146</t>
  </si>
  <si>
    <t>10991</t>
  </si>
  <si>
    <t>13.26236343383789</t>
  </si>
  <si>
    <t>579.5090942382812</t>
  </si>
  <si>
    <t>0.019848120096950694</t>
  </si>
  <si>
    <t>11807</t>
  </si>
  <si>
    <t>13.731945991516113</t>
  </si>
  <si>
    <t>666.2283935546875</t>
  </si>
  <si>
    <t>0.0716158198382093</t>
  </si>
  <si>
    <t>12145</t>
  </si>
  <si>
    <t>13.387711524963379</t>
  </si>
  <si>
    <t>564.579345703125</t>
  </si>
  <si>
    <t>0.028224986529163942</t>
  </si>
  <si>
    <t>417</t>
  </si>
  <si>
    <t>1571</t>
  </si>
  <si>
    <t>4.350247859954834</t>
  </si>
  <si>
    <t>583.6281127929688</t>
  </si>
  <si>
    <t>16997.173828125</t>
  </si>
  <si>
    <t>Heilongjiang</t>
  </si>
  <si>
    <t>3.444877862930298</t>
  </si>
  <si>
    <t>607.6500854492188</t>
  </si>
  <si>
    <t>0.07064650030617958</t>
  </si>
  <si>
    <t>3.2987749576568604</t>
  </si>
  <si>
    <t>480.5306091308594</t>
  </si>
  <si>
    <t>0.116859978954726</t>
  </si>
  <si>
    <t>2038</t>
  </si>
  <si>
    <t>3.278676748275757</t>
  </si>
  <si>
    <t>551.7262573242188</t>
  </si>
  <si>
    <t>0.0727500962661436</t>
  </si>
  <si>
    <t>4.282671928405762</t>
  </si>
  <si>
    <t>640.3305053710938</t>
  </si>
  <si>
    <t>0.1295982508776854</t>
  </si>
  <si>
    <t>2473</t>
  </si>
  <si>
    <t>3.989133596420288</t>
  </si>
  <si>
    <t>473.6888732910156</t>
  </si>
  <si>
    <t>0.06386480286106</t>
  </si>
  <si>
    <t>2720</t>
  </si>
  <si>
    <t>3.2636916637420654</t>
  </si>
  <si>
    <t>496.4258117675781</t>
  </si>
  <si>
    <t>0.09519989176862698</t>
  </si>
  <si>
    <t>3.786170721054077</t>
  </si>
  <si>
    <t>523.7747802734375</t>
  </si>
  <si>
    <t>0.06923793949454993</t>
  </si>
  <si>
    <t>2952</t>
  </si>
  <si>
    <t>4.710571765899658</t>
  </si>
  <si>
    <t>606.9002685546875</t>
  </si>
  <si>
    <t>0.012613086935770568</t>
  </si>
  <si>
    <t>3.2416269779205322</t>
  </si>
  <si>
    <t>435.7076110839844</t>
  </si>
  <si>
    <t>0.022442743986475833</t>
  </si>
  <si>
    <t>3282</t>
  </si>
  <si>
    <t>3.059023857116699</t>
  </si>
  <si>
    <t>505.4342041015625</t>
  </si>
  <si>
    <t>0.08352734194319744</t>
  </si>
  <si>
    <t>3435</t>
  </si>
  <si>
    <t>4.02977180480957</t>
  </si>
  <si>
    <t>386.1062927246094</t>
  </si>
  <si>
    <t>0.04556393300641304</t>
  </si>
  <si>
    <t>3584</t>
  </si>
  <si>
    <t>3.857961893081665</t>
  </si>
  <si>
    <t>538.0609741210938</t>
  </si>
  <si>
    <t>0.04246256943837068</t>
  </si>
  <si>
    <t>3822</t>
  </si>
  <si>
    <t>4.202308177947998</t>
  </si>
  <si>
    <t>541.0676879882812</t>
  </si>
  <si>
    <t>0.06429435070539746</t>
  </si>
  <si>
    <t>4072</t>
  </si>
  <si>
    <t>4.254303932189941</t>
  </si>
  <si>
    <t>449.91796875</t>
  </si>
  <si>
    <t>0.06336043343014097</t>
  </si>
  <si>
    <t>4478</t>
  </si>
  <si>
    <t>3.301673650741577</t>
  </si>
  <si>
    <t>546.0919189453125</t>
  </si>
  <si>
    <t>0.0950422389283414</t>
  </si>
  <si>
    <t>4846</t>
  </si>
  <si>
    <t>3.8536770343780518</t>
  </si>
  <si>
    <t>514.0723266601562</t>
  </si>
  <si>
    <t>0.07897710421777049</t>
  </si>
  <si>
    <t>4.384539604187012</t>
  </si>
  <si>
    <t>417.0985107421875</t>
  </si>
  <si>
    <t>0.07204228251193534</t>
  </si>
  <si>
    <t>4.723756313323975</t>
  </si>
  <si>
    <t>497.5704345703125</t>
  </si>
  <si>
    <t>0.07986544985157096</t>
  </si>
  <si>
    <t>5735</t>
  </si>
  <si>
    <t>3.1027934551239014</t>
  </si>
  <si>
    <t>534.9273071289062</t>
  </si>
  <si>
    <t>0.0165263958234938</t>
  </si>
  <si>
    <t>6185</t>
  </si>
  <si>
    <t>2.78682804107666</t>
  </si>
  <si>
    <t>510.0240783691406</t>
  </si>
  <si>
    <t>0.07553925526311822</t>
  </si>
  <si>
    <t>6914</t>
  </si>
  <si>
    <t>3.4303817749023438</t>
  </si>
  <si>
    <t>442.29833984375</t>
  </si>
  <si>
    <t>0.11142133565498114</t>
  </si>
  <si>
    <t>2.855569839477539</t>
  </si>
  <si>
    <t>635.72216796875</t>
  </si>
  <si>
    <t>0.09604622778582161</t>
  </si>
  <si>
    <t>3.418408155441284</t>
  </si>
  <si>
    <t>653.9622192382812</t>
  </si>
  <si>
    <t>0.06744128079553313</t>
  </si>
  <si>
    <t>4.096992015838623</t>
  </si>
  <si>
    <t>482.0717468261719</t>
  </si>
  <si>
    <t>0.03393020925243917</t>
  </si>
  <si>
    <t>8251</t>
  </si>
  <si>
    <t>4.026334762573242</t>
  </si>
  <si>
    <t>501.52044677734375</t>
  </si>
  <si>
    <t>-0.0206316542110212</t>
  </si>
  <si>
    <t>8452</t>
  </si>
  <si>
    <t>3.6152031421661377</t>
  </si>
  <si>
    <t>567.750244140625</t>
  </si>
  <si>
    <t>0.024068694631605325</t>
  </si>
  <si>
    <t>3.913280487060547</t>
  </si>
  <si>
    <t>510.25836181640625</t>
  </si>
  <si>
    <t>0.016893879026453007</t>
  </si>
  <si>
    <t>4.397738933563232</t>
  </si>
  <si>
    <t>656.1209106445312</t>
  </si>
  <si>
    <t>0.03272977808964583</t>
  </si>
  <si>
    <t>4.391669273376465</t>
  </si>
  <si>
    <t>681.2789306640625</t>
  </si>
  <si>
    <t>0.059657228203974455</t>
  </si>
  <si>
    <t>9655</t>
  </si>
  <si>
    <t>4.27101469039917</t>
  </si>
  <si>
    <t>645.0291137695312</t>
  </si>
  <si>
    <t>0.023791930806593697</t>
  </si>
  <si>
    <t>10285</t>
  </si>
  <si>
    <t>4.518246173858643</t>
  </si>
  <si>
    <t>575.2992553710938</t>
  </si>
  <si>
    <t>0.06321060722444294</t>
  </si>
  <si>
    <t>10580</t>
  </si>
  <si>
    <t>3.990264892578125</t>
  </si>
  <si>
    <t>614.998779296875</t>
  </si>
  <si>
    <t>0.028278903325231752</t>
  </si>
  <si>
    <t>418</t>
  </si>
  <si>
    <t>15.129630088806152</t>
  </si>
  <si>
    <t>808.6712036132812</t>
  </si>
  <si>
    <t>35743.9375</t>
  </si>
  <si>
    <t>Henan</t>
  </si>
  <si>
    <t>1026</t>
  </si>
  <si>
    <t>14.436561584472656</t>
  </si>
  <si>
    <t>775.2123413085938</t>
  </si>
  <si>
    <t>0.07066511267931386</t>
  </si>
  <si>
    <t>1152</t>
  </si>
  <si>
    <t>14.364624977111816</t>
  </si>
  <si>
    <t>626.998291015625</t>
  </si>
  <si>
    <t>0.11583181552512212</t>
  </si>
  <si>
    <t>14.479826927185059</t>
  </si>
  <si>
    <t>690.3889770507812</t>
  </si>
  <si>
    <t>0.10614146064089702</t>
  </si>
  <si>
    <t>15.31356143951416</t>
  </si>
  <si>
    <t>722.9359741210938</t>
  </si>
  <si>
    <t>0.12046829864979891</t>
  </si>
  <si>
    <t>14.950966835021973</t>
  </si>
  <si>
    <t>671.822021484375</t>
  </si>
  <si>
    <t>0.1500890565310078</t>
  </si>
  <si>
    <t>14.515647888183594</t>
  </si>
  <si>
    <t>832.9253540039062</t>
  </si>
  <si>
    <t>0.1130733987464545</t>
  </si>
  <si>
    <t>15.181946754455566</t>
  </si>
  <si>
    <t>572.8972778320312</t>
  </si>
  <si>
    <t>0.0593722734999691</t>
  </si>
  <si>
    <t>2088</t>
  </si>
  <si>
    <t>16.021818161010742</t>
  </si>
  <si>
    <t>893.3159790039062</t>
  </si>
  <si>
    <t>0.045562619678564786</t>
  </si>
  <si>
    <t>15.147026062011719</t>
  </si>
  <si>
    <t>601.2454833984375</t>
  </si>
  <si>
    <t>0.0408219945202557</t>
  </si>
  <si>
    <t>2380</t>
  </si>
  <si>
    <t>15.308655738830566</t>
  </si>
  <si>
    <t>915.15283203125</t>
  </si>
  <si>
    <t>0.09007182314273532</t>
  </si>
  <si>
    <t>2562</t>
  </si>
  <si>
    <t>15.636231422424316</t>
  </si>
  <si>
    <t>491.55816650390625</t>
  </si>
  <si>
    <t>0.07368771579115929</t>
  </si>
  <si>
    <t>2733</t>
  </si>
  <si>
    <t>15.461448669433594</t>
  </si>
  <si>
    <t>665.3264770507812</t>
  </si>
  <si>
    <t>0.06461170347138889</t>
  </si>
  <si>
    <t>2978</t>
  </si>
  <si>
    <t>15.021489143371582</t>
  </si>
  <si>
    <t>1043.6383056640625</t>
  </si>
  <si>
    <t>0.08585202731588648</t>
  </si>
  <si>
    <t>15.55245304107666</t>
  </si>
  <si>
    <t>753.7333374023438</t>
  </si>
  <si>
    <t>0.13252349736029778</t>
  </si>
  <si>
    <t>3947</t>
  </si>
  <si>
    <t>15.395230293273926</t>
  </si>
  <si>
    <t>864.2745361328125</t>
  </si>
  <si>
    <t>0.14918036505859433</t>
  </si>
  <si>
    <t>16.026426315307617</t>
  </si>
  <si>
    <t>689.1673583984375</t>
  </si>
  <si>
    <t>0.11634631451340915</t>
  </si>
  <si>
    <t>5139</t>
  </si>
  <si>
    <t>15.866177558898926</t>
  </si>
  <si>
    <t>856.1903686523438</t>
  </si>
  <si>
    <t>0.14755639681597366</t>
  </si>
  <si>
    <t>15.529891967773438</t>
  </si>
  <si>
    <t>734.4706420898438</t>
  </si>
  <si>
    <t>0.10518536897203035</t>
  </si>
  <si>
    <t>6163</t>
  </si>
  <si>
    <t>15.61242389678955</t>
  </si>
  <si>
    <t>753.09619140625</t>
  </si>
  <si>
    <t>0.07651979499798323</t>
  </si>
  <si>
    <t>6838</t>
  </si>
  <si>
    <t>15.060837745666504</t>
  </si>
  <si>
    <t>746.6448364257812</t>
  </si>
  <si>
    <t>0.10393161923700411</t>
  </si>
  <si>
    <t>7393</t>
  </si>
  <si>
    <t>15.274693489074707</t>
  </si>
  <si>
    <t>684.8889770507812</t>
  </si>
  <si>
    <t>0.078038315357853</t>
  </si>
  <si>
    <t>15.035244941711426</t>
  </si>
  <si>
    <t>622.7294311523438</t>
  </si>
  <si>
    <t>0.06734129873340677</t>
  </si>
  <si>
    <t>15.98322582244873</t>
  </si>
  <si>
    <t>635.7438354492188</t>
  </si>
  <si>
    <t>0.061308728266279644</t>
  </si>
  <si>
    <t>15.688849449157715</t>
  </si>
  <si>
    <t>695.3655395507812</t>
  </si>
  <si>
    <t>0.07424388788617797</t>
  </si>
  <si>
    <t>9657</t>
  </si>
  <si>
    <t>15.323661804199219</t>
  </si>
  <si>
    <t>802.73828125</t>
  </si>
  <si>
    <t>0.06425551952395381</t>
  </si>
  <si>
    <t>10265</t>
  </si>
  <si>
    <t>16.065980911254883</t>
  </si>
  <si>
    <t>872.7049560546875</t>
  </si>
  <si>
    <t>0.06105700948611492</t>
  </si>
  <si>
    <t>10951</t>
  </si>
  <si>
    <t>15.883597373962402</t>
  </si>
  <si>
    <t>707.4073486328125</t>
  </si>
  <si>
    <t>0.06469072582272517</t>
  </si>
  <si>
    <t>15.987049102783203</t>
  </si>
  <si>
    <t>747.51220703125</t>
  </si>
  <si>
    <t>0.0739905591533585</t>
  </si>
  <si>
    <t>12452</t>
  </si>
  <si>
    <t>16.02180290222168</t>
  </si>
  <si>
    <t>721.2738647460938</t>
  </si>
  <si>
    <t>0.054459917132382074</t>
  </si>
  <si>
    <t>12445</t>
  </si>
  <si>
    <t>15.7844877243042</t>
  </si>
  <si>
    <t>837.9981689453125</t>
  </si>
  <si>
    <t>-0.0005623167598063361</t>
  </si>
  <si>
    <t>12767</t>
  </si>
  <si>
    <t>16.326515197753906</t>
  </si>
  <si>
    <t>891.5322265625</t>
  </si>
  <si>
    <t>0.02554478101865776</t>
  </si>
  <si>
    <t>16.166122436523438</t>
  </si>
  <si>
    <t>655.7372436523438</t>
  </si>
  <si>
    <t>0.028188282801131948</t>
  </si>
  <si>
    <t>419</t>
  </si>
  <si>
    <t>16.62384605407715</t>
  </si>
  <si>
    <t>1236.826171875</t>
  </si>
  <si>
    <t>24188.3671875</t>
  </si>
  <si>
    <t>Hubei</t>
  </si>
  <si>
    <t>1386</t>
  </si>
  <si>
    <t>16.00186538696289</t>
  </si>
  <si>
    <t>1333.3968505859375</t>
  </si>
  <si>
    <t>0.07100478890320616</t>
  </si>
  <si>
    <t>15.99040699005127</t>
  </si>
  <si>
    <t>1024.858154296875</t>
  </si>
  <si>
    <t>0.11633899208414977</t>
  </si>
  <si>
    <t>15.920214653015137</t>
  </si>
  <si>
    <t>1363.4947509765625</t>
  </si>
  <si>
    <t>0.040899062841360134</t>
  </si>
  <si>
    <t>16.651256561279297</t>
  </si>
  <si>
    <t>1119.2557373046875</t>
  </si>
  <si>
    <t>0.0770980368209786</t>
  </si>
  <si>
    <t>1870</t>
  </si>
  <si>
    <t>16.469585418701172</t>
  </si>
  <si>
    <t>1238.9425048828125</t>
  </si>
  <si>
    <t>0.06518043835229559</t>
  </si>
  <si>
    <t>16.041540145874023</t>
  </si>
  <si>
    <t>1348.4241943359375</t>
  </si>
  <si>
    <t>0.08603050393403766</t>
  </si>
  <si>
    <t>2221</t>
  </si>
  <si>
    <t>16.47844123840332</t>
  </si>
  <si>
    <t>1041.6981201171875</t>
  </si>
  <si>
    <t>0.08598861011175707</t>
  </si>
  <si>
    <t>2377</t>
  </si>
  <si>
    <t>17.527095794677734</t>
  </si>
  <si>
    <t>1337.8759765625</t>
  </si>
  <si>
    <t>0.06788164346576675</t>
  </si>
  <si>
    <t>2454</t>
  </si>
  <si>
    <t>16.494760513305664</t>
  </si>
  <si>
    <t>1361.8858642578125</t>
  </si>
  <si>
    <t>0.031880157910662454</t>
  </si>
  <si>
    <t>2673</t>
  </si>
  <si>
    <t>16.732458114624023</t>
  </si>
  <si>
    <t>1192.32177734375</t>
  </si>
  <si>
    <t>0.08548209086806224</t>
  </si>
  <si>
    <t>17.090805053710938</t>
  </si>
  <si>
    <t>896.790771484375</t>
  </si>
  <si>
    <t>0.09928146958144435</t>
  </si>
  <si>
    <t>3133</t>
  </si>
  <si>
    <t>16.84038734436035</t>
  </si>
  <si>
    <t>1480.113525390625</t>
  </si>
  <si>
    <t>0.05950810523182781</t>
  </si>
  <si>
    <t>16.690568923950195</t>
  </si>
  <si>
    <t>1359.430419921875</t>
  </si>
  <si>
    <t>0.07677187782851824</t>
  </si>
  <si>
    <t>3663</t>
  </si>
  <si>
    <t>17.070478439331055</t>
  </si>
  <si>
    <t>1201.5291748046875</t>
  </si>
  <si>
    <t>0.07951959399810526</t>
  </si>
  <si>
    <t>4077</t>
  </si>
  <si>
    <t>16.915456771850586</t>
  </si>
  <si>
    <t>1184.510009765625</t>
  </si>
  <si>
    <t>0.10707894004043794</t>
  </si>
  <si>
    <t>17.37441635131836</t>
  </si>
  <si>
    <t>1031.493408203125</t>
  </si>
  <si>
    <t>0.11851860023533867</t>
  </si>
  <si>
    <t>17.336605072021484</t>
  </si>
  <si>
    <t>1145.35498046875</t>
  </si>
  <si>
    <t>0.1614072006450833</t>
  </si>
  <si>
    <t>6094</t>
  </si>
  <si>
    <t>17.01909065246582</t>
  </si>
  <si>
    <t>1193.822021484375</t>
  </si>
  <si>
    <t>0.12201745584597923</t>
  </si>
  <si>
    <t>7015</t>
  </si>
  <si>
    <t>17.10585594177246</t>
  </si>
  <si>
    <t>1142.515869140625</t>
  </si>
  <si>
    <t>0.14074603299090782</t>
  </si>
  <si>
    <t>8085</t>
  </si>
  <si>
    <t>16.32052993774414</t>
  </si>
  <si>
    <t>1382.8671875</t>
  </si>
  <si>
    <t>0.14195977947464655</t>
  </si>
  <si>
    <t>16.666654586791992</t>
  </si>
  <si>
    <t>953.9122314453125</t>
  </si>
  <si>
    <t>0.12908428946594874</t>
  </si>
  <si>
    <t>10151</t>
  </si>
  <si>
    <t>16.301551818847656</t>
  </si>
  <si>
    <t>1183.5577392578125</t>
  </si>
  <si>
    <t>0.09847744030727412</t>
  </si>
  <si>
    <t>11130</t>
  </si>
  <si>
    <t>17.292387008666992</t>
  </si>
  <si>
    <t>1114.8311767578125</t>
  </si>
  <si>
    <t>0.09207194248515904</t>
  </si>
  <si>
    <t>12241</t>
  </si>
  <si>
    <t>16.98288917541504</t>
  </si>
  <si>
    <t>1224.1163330078125</t>
  </si>
  <si>
    <t>0.09514680780592322</t>
  </si>
  <si>
    <t>13103</t>
  </si>
  <si>
    <t>16.73738670349121</t>
  </si>
  <si>
    <t>1369.1845703125</t>
  </si>
  <si>
    <t>0.06805023852907155</t>
  </si>
  <si>
    <t>14120</t>
  </si>
  <si>
    <t>17.456148147583008</t>
  </si>
  <si>
    <t>1353.8358154296875</t>
  </si>
  <si>
    <t>0.07475102044264759</t>
  </si>
  <si>
    <t>17.12315559387207</t>
  </si>
  <si>
    <t>1283.104736328125</t>
  </si>
  <si>
    <t>0.06908729573516936</t>
  </si>
  <si>
    <t>16531</t>
  </si>
  <si>
    <t>17.38227081298828</t>
  </si>
  <si>
    <t>1136.752685546875</t>
  </si>
  <si>
    <t>0.08855787827060979</t>
  </si>
  <si>
    <t>17.3277645111084</t>
  </si>
  <si>
    <t>1072.4666748046875</t>
  </si>
  <si>
    <t>0.06112622714183402</t>
  </si>
  <si>
    <t>16767</t>
  </si>
  <si>
    <t>17.223936080932617</t>
  </si>
  <si>
    <t>1420.3448486328125</t>
  </si>
  <si>
    <t>-0.0469509642570376</t>
  </si>
  <si>
    <t>18861</t>
  </si>
  <si>
    <t>17.77406120300293</t>
  </si>
  <si>
    <t>1272.842041015625</t>
  </si>
  <si>
    <t>0.11768362911336361</t>
  </si>
  <si>
    <t>19400</t>
  </si>
  <si>
    <t>17.65559196472168</t>
  </si>
  <si>
    <t>1082.939697265625</t>
  </si>
  <si>
    <t>0.028176768000248487</t>
  </si>
  <si>
    <t>420</t>
  </si>
  <si>
    <t>1050</t>
  </si>
  <si>
    <t>17.572467803955078</t>
  </si>
  <si>
    <t>1511.63525390625</t>
  </si>
  <si>
    <t>23063.521484375</t>
  </si>
  <si>
    <t>Hunan</t>
  </si>
  <si>
    <t>1127</t>
  </si>
  <si>
    <t>17.045995712280273</t>
  </si>
  <si>
    <t>1298.505126953125</t>
  </si>
  <si>
    <t>0.07076907088820761</t>
  </si>
  <si>
    <t>1266</t>
  </si>
  <si>
    <t>16.84259605407715</t>
  </si>
  <si>
    <t>1419.118896484375</t>
  </si>
  <si>
    <t>0.11630308866434458</t>
  </si>
  <si>
    <t>16.90903663635254</t>
  </si>
  <si>
    <t>1572.018798828125</t>
  </si>
  <si>
    <t>0.0804072055817091</t>
  </si>
  <si>
    <t>1540</t>
  </si>
  <si>
    <t>17.377107620239258</t>
  </si>
  <si>
    <t>1699.41162109375</t>
  </si>
  <si>
    <t>0.11551288712184427</t>
  </si>
  <si>
    <t>1711</t>
  </si>
  <si>
    <t>17.20528221130371</t>
  </si>
  <si>
    <t>1482.294677734375</t>
  </si>
  <si>
    <t>0.10529557848451887</t>
  </si>
  <si>
    <t>16.920167922973633</t>
  </si>
  <si>
    <t>1347.7908935546875</t>
  </si>
  <si>
    <t>0.09046342855189504</t>
  </si>
  <si>
    <t>17.200775146484375</t>
  </si>
  <si>
    <t>1691.2572021484375</t>
  </si>
  <si>
    <t>0.07059329860903318</t>
  </si>
  <si>
    <t>2099</t>
  </si>
  <si>
    <t>18.31235694885254</t>
  </si>
  <si>
    <t>1523.36376953125</t>
  </si>
  <si>
    <t>0.043326318767511474</t>
  </si>
  <si>
    <t>17.40402603149414</t>
  </si>
  <si>
    <t>1616.4189453125</t>
  </si>
  <si>
    <t>0.0560461550456921</t>
  </si>
  <si>
    <t>2441</t>
  </si>
  <si>
    <t>17.442411422729492</t>
  </si>
  <si>
    <t>1488.7366943359375</t>
  </si>
  <si>
    <t>0.0949005955266351</t>
  </si>
  <si>
    <t>2631</t>
  </si>
  <si>
    <t>17.737125396728516</t>
  </si>
  <si>
    <t>1326.4808349609375</t>
  </si>
  <si>
    <t>0.07495621064733271</t>
  </si>
  <si>
    <t>17.627965927124023</t>
  </si>
  <si>
    <t>1884.8597412109375</t>
  </si>
  <si>
    <t>0.07538315376855831</t>
  </si>
  <si>
    <t>3064</t>
  </si>
  <si>
    <t>17.631750106811523</t>
  </si>
  <si>
    <t>1206.58056640625</t>
  </si>
  <si>
    <t>0.07697409605163141</t>
  </si>
  <si>
    <t>17.696935653686523</t>
  </si>
  <si>
    <t>1406.5723876953125</t>
  </si>
  <si>
    <t>0.099337189865631</t>
  </si>
  <si>
    <t>17.64887046813965</t>
  </si>
  <si>
    <t>1375.777587890625</t>
  </si>
  <si>
    <t>0.08031544734521212</t>
  </si>
  <si>
    <t>4076</t>
  </si>
  <si>
    <t>18.004196166992188</t>
  </si>
  <si>
    <t>1477.5838623046875</t>
  </si>
  <si>
    <t>0.10574222627128904</t>
  </si>
  <si>
    <t>4754</t>
  </si>
  <si>
    <t>17.99689292907715</t>
  </si>
  <si>
    <t>1165.4840087890625</t>
  </si>
  <si>
    <t>0.1538702535775247</t>
  </si>
  <si>
    <t>5370</t>
  </si>
  <si>
    <t>17.670209884643555</t>
  </si>
  <si>
    <t>1350.3726806640625</t>
  </si>
  <si>
    <t>0.12184153958277122</t>
  </si>
  <si>
    <t>6072</t>
  </si>
  <si>
    <t>17.983694076538086</t>
  </si>
  <si>
    <t>1279.1756591796875</t>
  </si>
  <si>
    <t>0.12286013157255482</t>
  </si>
  <si>
    <t>6844</t>
  </si>
  <si>
    <t>17.162296295166016</t>
  </si>
  <si>
    <t>1626.943603515625</t>
  </si>
  <si>
    <t>0.11968431593661855</t>
  </si>
  <si>
    <t>17.470413208007812</t>
  </si>
  <si>
    <t>1037.614013671875</t>
  </si>
  <si>
    <t>0.10766644642172096</t>
  </si>
  <si>
    <t>8350</t>
  </si>
  <si>
    <t>17.23610496520996</t>
  </si>
  <si>
    <t>1608.9713134765625</t>
  </si>
  <si>
    <t>0.0912227364110958</t>
  </si>
  <si>
    <t>9065</t>
  </si>
  <si>
    <t>17.99688720703125</t>
  </si>
  <si>
    <t>1281.255859375</t>
  </si>
  <si>
    <t>0.08215930534405125</t>
  </si>
  <si>
    <t>9862</t>
  </si>
  <si>
    <t>17.714048385620117</t>
  </si>
  <si>
    <t>1481.874267578125</t>
  </si>
  <si>
    <t>0.08426814359511958</t>
  </si>
  <si>
    <t>17.670808792114258</t>
  </si>
  <si>
    <t>1603.031005859375</t>
  </si>
  <si>
    <t>0.09731771333118289</t>
  </si>
  <si>
    <t>18.251535415649414</t>
  </si>
  <si>
    <t>1581.5267333984375</t>
  </si>
  <si>
    <t>0.06301367009047354</t>
  </si>
  <si>
    <t>12223</t>
  </si>
  <si>
    <t>17.831838607788086</t>
  </si>
  <si>
    <t>1535.7449951171875</t>
  </si>
  <si>
    <t>0.05429905157153492</t>
  </si>
  <si>
    <t>12733</t>
  </si>
  <si>
    <t>18.06728172302246</t>
  </si>
  <si>
    <t>1408.790283203125</t>
  </si>
  <si>
    <t>0.04087762579617227</t>
  </si>
  <si>
    <t>13769</t>
  </si>
  <si>
    <t>18.09288215637207</t>
  </si>
  <si>
    <t>1390.4149169921875</t>
  </si>
  <si>
    <t>0.07822263987093692</t>
  </si>
  <si>
    <t>14230</t>
  </si>
  <si>
    <t>18.02406883239746</t>
  </si>
  <si>
    <t>1529.0634765625</t>
  </si>
  <si>
    <t>0.03293272363952582</t>
  </si>
  <si>
    <t>15017</t>
  </si>
  <si>
    <t>18.522214889526367</t>
  </si>
  <si>
    <t>1543.152587890625</t>
  </si>
  <si>
    <t>0.05383048059638185</t>
  </si>
  <si>
    <t>15447</t>
  </si>
  <si>
    <t>18.248409271240234</t>
  </si>
  <si>
    <t>1293.484375</t>
  </si>
  <si>
    <t>0.028231917033970433</t>
  </si>
  <si>
    <t>421</t>
  </si>
  <si>
    <t>2044</t>
  </si>
  <si>
    <t>15.952834129333496</t>
  </si>
  <si>
    <t>1141.1685791015625</t>
  </si>
  <si>
    <t>31878.228515625</t>
  </si>
  <si>
    <t>Jiangsu</t>
  </si>
  <si>
    <t>14.989933013916016</t>
  </si>
  <si>
    <t>1377.4942626953125</t>
  </si>
  <si>
    <t>0.07081768951158018</t>
  </si>
  <si>
    <t>14.947033882141113</t>
  </si>
  <si>
    <t>922.5330810546875</t>
  </si>
  <si>
    <t>0.11646544564161498</t>
  </si>
  <si>
    <t>2968</t>
  </si>
  <si>
    <t>15.046149253845215</t>
  </si>
  <si>
    <t>1146.0162353515625</t>
  </si>
  <si>
    <t>0.1856965178104808</t>
  </si>
  <si>
    <t>3397</t>
  </si>
  <si>
    <t>15.922855377197266</t>
  </si>
  <si>
    <t>831.0161743164062</t>
  </si>
  <si>
    <t>0.13500436387331316</t>
  </si>
  <si>
    <t>3728</t>
  </si>
  <si>
    <t>15.374954223632812</t>
  </si>
  <si>
    <t>875.4387817382812</t>
  </si>
  <si>
    <t>0.09297920764489831</t>
  </si>
  <si>
    <t>4004</t>
  </si>
  <si>
    <t>15.020434379577637</t>
  </si>
  <si>
    <t>1054.0244140625</t>
  </si>
  <si>
    <t>0.07142196462962858</t>
  </si>
  <si>
    <t>15.677403450012207</t>
  </si>
  <si>
    <t>950.7588500976562</t>
  </si>
  <si>
    <t>0.06221001306480112</t>
  </si>
  <si>
    <t>4519</t>
  </si>
  <si>
    <t>16.452760696411133</t>
  </si>
  <si>
    <t>1077.23095703125</t>
  </si>
  <si>
    <t>0.05878685591136801</t>
  </si>
  <si>
    <t>4814</t>
  </si>
  <si>
    <t>15.532299041748047</t>
  </si>
  <si>
    <t>1025.0804443359375</t>
  </si>
  <si>
    <t>0.06323760893173613</t>
  </si>
  <si>
    <t>5138</t>
  </si>
  <si>
    <t>15.81295394897461</t>
  </si>
  <si>
    <t>1094.6485595703125</t>
  </si>
  <si>
    <t>0.06513555932681214</t>
  </si>
  <si>
    <t>5538</t>
  </si>
  <si>
    <t>16.04790687561035</t>
  </si>
  <si>
    <t>875.2058715820312</t>
  </si>
  <si>
    <t>0.07496952606107854</t>
  </si>
  <si>
    <t>6053</t>
  </si>
  <si>
    <t>15.941329002380371</t>
  </si>
  <si>
    <t>1060.0428466796875</t>
  </si>
  <si>
    <t>0.08892059216078074</t>
  </si>
  <si>
    <t>6761</t>
  </si>
  <si>
    <t>15.648648262023926</t>
  </si>
  <si>
    <t>1193.0025634765625</t>
  </si>
  <si>
    <t>0.11061679119898926</t>
  </si>
  <si>
    <t>16.120471954345703</t>
  </si>
  <si>
    <t>876.8604125976562</t>
  </si>
  <si>
    <t>0.09543118739433787</t>
  </si>
  <si>
    <t>8622</t>
  </si>
  <si>
    <t>15.86102294921875</t>
  </si>
  <si>
    <t>1077.291748046875</t>
  </si>
  <si>
    <t>0.1477150808220653</t>
  </si>
  <si>
    <t>16.290830612182617</t>
  </si>
  <si>
    <t>980.3316040039062</t>
  </si>
  <si>
    <t>0.11595141519255847</t>
  </si>
  <si>
    <t>10986</t>
  </si>
  <si>
    <t>16.390243530273438</t>
  </si>
  <si>
    <t>1123.1973876953125</t>
  </si>
  <si>
    <t>0.1263532434029262</t>
  </si>
  <si>
    <t>15.9183988571167</t>
  </si>
  <si>
    <t>978.076171875</t>
  </si>
  <si>
    <t>0.09542602301893943</t>
  </si>
  <si>
    <t>13455</t>
  </si>
  <si>
    <t>15.987068176269531</t>
  </si>
  <si>
    <t>1115.1724853515625</t>
  </si>
  <si>
    <t>0.10730302623950116</t>
  </si>
  <si>
    <t>15049</t>
  </si>
  <si>
    <t>15.326016426086426</t>
  </si>
  <si>
    <t>1060.38623046875</t>
  </si>
  <si>
    <t>0.11196075962571328</t>
  </si>
  <si>
    <t>16286</t>
  </si>
  <si>
    <t>15.578591346740723</t>
  </si>
  <si>
    <t>981.1866455078125</t>
  </si>
  <si>
    <t>0.0789942992403585</t>
  </si>
  <si>
    <t>17251</t>
  </si>
  <si>
    <t>15.348092079162598</t>
  </si>
  <si>
    <t>983.7434692382812</t>
  </si>
  <si>
    <t>0.05756426976666695</t>
  </si>
  <si>
    <t>18476</t>
  </si>
  <si>
    <t>16.21485710144043</t>
  </si>
  <si>
    <t>898.4560546875</t>
  </si>
  <si>
    <t>0.06860247975675193</t>
  </si>
  <si>
    <t>19811</t>
  </si>
  <si>
    <t>16.028470993041992</t>
  </si>
  <si>
    <t>1081.1802978515625</t>
  </si>
  <si>
    <t>0.06976474642383046</t>
  </si>
  <si>
    <t>21629</t>
  </si>
  <si>
    <t>15.786513328552246</t>
  </si>
  <si>
    <t>1188.8426513671875</t>
  </si>
  <si>
    <t>0.08779766781897536</t>
  </si>
  <si>
    <t>23016</t>
  </si>
  <si>
    <t>16.545923233032227</t>
  </si>
  <si>
    <t>1195.382080078125</t>
  </si>
  <si>
    <t>0.06215461943808265</t>
  </si>
  <si>
    <t>24479</t>
  </si>
  <si>
    <t>16.236661911010742</t>
  </si>
  <si>
    <t>1083.78125</t>
  </si>
  <si>
    <t>0.061625980887304976</t>
  </si>
  <si>
    <t>25695</t>
  </si>
  <si>
    <t>16.38921546936035</t>
  </si>
  <si>
    <t>1114.2789306640625</t>
  </si>
  <si>
    <t>0.048480813307639536</t>
  </si>
  <si>
    <t>26722</t>
  </si>
  <si>
    <t>16.51930046081543</t>
  </si>
  <si>
    <t>991.2103881835938</t>
  </si>
  <si>
    <t>0.03919077572250984</t>
  </si>
  <si>
    <t>27609</t>
  </si>
  <si>
    <t>16.27178382873535</t>
  </si>
  <si>
    <t>1249.634765625</t>
  </si>
  <si>
    <t>0.032654610358127556</t>
  </si>
  <si>
    <t>30128</t>
  </si>
  <si>
    <t>16.780879974365234</t>
  </si>
  <si>
    <t>1322.4300537109375</t>
  </si>
  <si>
    <t>0.08731316538996658</t>
  </si>
  <si>
    <t>30990</t>
  </si>
  <si>
    <t>16.51090431213379</t>
  </si>
  <si>
    <t>906.5946655273438</t>
  </si>
  <si>
    <t>0.02820959988486038</t>
  </si>
  <si>
    <t>422</t>
  </si>
  <si>
    <t>969</t>
  </si>
  <si>
    <t>18.442184448242188</t>
  </si>
  <si>
    <t>1703.1904296875</t>
  </si>
  <si>
    <t>14859.3974609375</t>
  </si>
  <si>
    <t>Jiangxi</t>
  </si>
  <si>
    <t>17.94683074951172</t>
  </si>
  <si>
    <t>1401.2752685546875</t>
  </si>
  <si>
    <t>0.07071138024465196</t>
  </si>
  <si>
    <t>1168</t>
  </si>
  <si>
    <t>17.65614128112793</t>
  </si>
  <si>
    <t>1797.1912841796875</t>
  </si>
  <si>
    <t>0.11607217125275415</t>
  </si>
  <si>
    <t>17.82265853881836</t>
  </si>
  <si>
    <t>1855.6275634765625</t>
  </si>
  <si>
    <t>0.07581883655735133</t>
  </si>
  <si>
    <t>1391</t>
  </si>
  <si>
    <t>18.333864212036133</t>
  </si>
  <si>
    <t>1900.8857421875</t>
  </si>
  <si>
    <t>0.09891119197791909</t>
  </si>
  <si>
    <t>1475</t>
  </si>
  <si>
    <t>18.007081985473633</t>
  </si>
  <si>
    <t>1874.580810546875</t>
  </si>
  <si>
    <t>0.058635076850476864</t>
  </si>
  <si>
    <t>17.789514541625977</t>
  </si>
  <si>
    <t>1483.1044921875</t>
  </si>
  <si>
    <t>0.10114826675013244</t>
  </si>
  <si>
    <t>18.108545303344727</t>
  </si>
  <si>
    <t>2026.768310546875</t>
  </si>
  <si>
    <t>0.08060815863573279</t>
  </si>
  <si>
    <t>19.20165252685547</t>
  </si>
  <si>
    <t>1940.453857421875</t>
  </si>
  <si>
    <t>0.046931051966015325</t>
  </si>
  <si>
    <t>18.25982093811035</t>
  </si>
  <si>
    <t>1924.8641357421875</t>
  </si>
  <si>
    <t>0.06625630057275078</t>
  </si>
  <si>
    <t>18.36779022216797</t>
  </si>
  <si>
    <t>1688.303955078125</t>
  </si>
  <si>
    <t>0.06687047946280078</t>
  </si>
  <si>
    <t>18.573331832885742</t>
  </si>
  <si>
    <t>1607.1583251953125</t>
  </si>
  <si>
    <t>0.05823327401500311</t>
  </si>
  <si>
    <t>2456</t>
  </si>
  <si>
    <t>18.524003982543945</t>
  </si>
  <si>
    <t>2027.734130859375</t>
  </si>
  <si>
    <t>0.08982848909067798</t>
  </si>
  <si>
    <t>2680</t>
  </si>
  <si>
    <t>18.53428077697754</t>
  </si>
  <si>
    <t>1370.9619140625</t>
  </si>
  <si>
    <t>0.08728278423786939</t>
  </si>
  <si>
    <t>18.560516357421875</t>
  </si>
  <si>
    <t>1452.7679443359375</t>
  </si>
  <si>
    <t>0.11012526558946512</t>
  </si>
  <si>
    <t>3297</t>
  </si>
  <si>
    <t>18.55301284790039</t>
  </si>
  <si>
    <t>1639.8697509765625</t>
  </si>
  <si>
    <t>0.09707090397736273</t>
  </si>
  <si>
    <t>3773</t>
  </si>
  <si>
    <t>18.84157943725586</t>
  </si>
  <si>
    <t>1702.9970703125</t>
  </si>
  <si>
    <t>0.13485747689258076</t>
  </si>
  <si>
    <t>4313</t>
  </si>
  <si>
    <t>18.939111709594727</t>
  </si>
  <si>
    <t>1364.1080322265625</t>
  </si>
  <si>
    <t>0.13376327668353127</t>
  </si>
  <si>
    <t>4783</t>
  </si>
  <si>
    <t>18.511001586914062</t>
  </si>
  <si>
    <t>1469.6539306640625</t>
  </si>
  <si>
    <t>0.10343424703245496</t>
  </si>
  <si>
    <t>18.820775985717773</t>
  </si>
  <si>
    <t>1508.6695556640625</t>
  </si>
  <si>
    <t>0.09335056995756119</t>
  </si>
  <si>
    <t>18.010374069213867</t>
  </si>
  <si>
    <t>2156.663330078125</t>
  </si>
  <si>
    <t>0.13583781477092138</t>
  </si>
  <si>
    <t>6870</t>
  </si>
  <si>
    <t>18.3081111907959</t>
  </si>
  <si>
    <t>1343.789306640625</t>
  </si>
  <si>
    <t>0.13290775680761513</t>
  </si>
  <si>
    <t>18.138492584228516</t>
  </si>
  <si>
    <t>2161.84765625</t>
  </si>
  <si>
    <t>0.07728445640414705</t>
  </si>
  <si>
    <t>18.862003326416016</t>
  </si>
  <si>
    <t>1450.5086669921875</t>
  </si>
  <si>
    <t>0.08901915077452216</t>
  </si>
  <si>
    <t>18.686033248901367</t>
  </si>
  <si>
    <t>1762.927978515625</t>
  </si>
  <si>
    <t>0.08196559392063563</t>
  </si>
  <si>
    <t>9429</t>
  </si>
  <si>
    <t>18.5500545501709</t>
  </si>
  <si>
    <t>2055.538818359375</t>
  </si>
  <si>
    <t>0.0683567391499782</t>
  </si>
  <si>
    <t>19.184038162231445</t>
  </si>
  <si>
    <t>1935.04052734375</t>
  </si>
  <si>
    <t>0.07584880107633296</t>
  </si>
  <si>
    <t>18.812744140625</t>
  </si>
  <si>
    <t>1754.314208984375</t>
  </si>
  <si>
    <t>0.05517387943105234</t>
  </si>
  <si>
    <t>11707</t>
  </si>
  <si>
    <t>19.04640769958496</t>
  </si>
  <si>
    <t>1622.8031005859375</t>
  </si>
  <si>
    <t>0.08537422650660886</t>
  </si>
  <si>
    <t>12517</t>
  </si>
  <si>
    <t>19.123083114624023</t>
  </si>
  <si>
    <t>1741.67529296875</t>
  </si>
  <si>
    <t>0.06690076684835056</t>
  </si>
  <si>
    <t>12985</t>
  </si>
  <si>
    <t>19.064441680908203</t>
  </si>
  <si>
    <t>1729.2781982421875</t>
  </si>
  <si>
    <t>0.036707124768826205</t>
  </si>
  <si>
    <t>14387</t>
  </si>
  <si>
    <t>19.56971549987793</t>
  </si>
  <si>
    <t>1831.126708984375</t>
  </si>
  <si>
    <t>0.10253017594018488</t>
  </si>
  <si>
    <t>14798</t>
  </si>
  <si>
    <t>19.178651809692383</t>
  </si>
  <si>
    <t>1633.7177734375</t>
  </si>
  <si>
    <t>0.028167015448461896</t>
  </si>
  <si>
    <t>423</t>
  </si>
  <si>
    <t>6.066511631011963</t>
  </si>
  <si>
    <t>684.6193237304688</t>
  </si>
  <si>
    <t>12331.302734375</t>
  </si>
  <si>
    <t>Jilin</t>
  </si>
  <si>
    <t>5.4605889320373535</t>
  </si>
  <si>
    <t>633.6580200195312</t>
  </si>
  <si>
    <t>0.0705253006866462</t>
  </si>
  <si>
    <t>1783</t>
  </si>
  <si>
    <t>5.252127170562744</t>
  </si>
  <si>
    <t>545.6843872070312</t>
  </si>
  <si>
    <t>0.11708221566834709</t>
  </si>
  <si>
    <t>5.253737449645996</t>
  </si>
  <si>
    <t>571.5618286132812</t>
  </si>
  <si>
    <t>0.08490596530586991</t>
  </si>
  <si>
    <t>6.291610240936279</t>
  </si>
  <si>
    <t>734.9791259765625</t>
  </si>
  <si>
    <t>0.09853666783868409</t>
  </si>
  <si>
    <t>2242</t>
  </si>
  <si>
    <t>5.859157562255859</t>
  </si>
  <si>
    <t>620.3651123046875</t>
  </si>
  <si>
    <t>0.04562835262441123</t>
  </si>
  <si>
    <t>5.192087173461914</t>
  </si>
  <si>
    <t>564.5512084960938</t>
  </si>
  <si>
    <t>0.08749445981056603</t>
  </si>
  <si>
    <t>2542</t>
  </si>
  <si>
    <t>5.8918609619140625</t>
  </si>
  <si>
    <t>534.333984375</t>
  </si>
  <si>
    <t>0.03808838830672823</t>
  </si>
  <si>
    <t>2690</t>
  </si>
  <si>
    <t>6.841224193572998</t>
  </si>
  <si>
    <t>706.2945556640625</t>
  </si>
  <si>
    <t>0.056590020846485345</t>
  </si>
  <si>
    <t>5.3128838539123535</t>
  </si>
  <si>
    <t>530.1128540039062</t>
  </si>
  <si>
    <t>0.05461490925830326</t>
  </si>
  <si>
    <t>2902</t>
  </si>
  <si>
    <t>5.141266345977783</t>
  </si>
  <si>
    <t>546.2149047851562</t>
  </si>
  <si>
    <t>0.021244051589945023</t>
  </si>
  <si>
    <t>6.099029541015625</t>
  </si>
  <si>
    <t>486.8681945800781</t>
  </si>
  <si>
    <t>0.04711503937510475</t>
  </si>
  <si>
    <t>3194</t>
  </si>
  <si>
    <t>5.88466215133667</t>
  </si>
  <si>
    <t>567.6224365234375</t>
  </si>
  <si>
    <t>0.04875885595571994</t>
  </si>
  <si>
    <t>6.191412448883057</t>
  </si>
  <si>
    <t>585.0701293945312</t>
  </si>
  <si>
    <t>0.0018767600128608564</t>
  </si>
  <si>
    <t>6.334970951080322</t>
  </si>
  <si>
    <t>554.545654296875</t>
  </si>
  <si>
    <t>0.06356148148974405</t>
  </si>
  <si>
    <t>3680</t>
  </si>
  <si>
    <t>5.2777862548828125</t>
  </si>
  <si>
    <t>707.0674438476562</t>
  </si>
  <si>
    <t>0.07620046088541343</t>
  </si>
  <si>
    <t>5.9952545166015625</t>
  </si>
  <si>
    <t>534.8722534179688</t>
  </si>
  <si>
    <t>0.1134257302874282</t>
  </si>
  <si>
    <t>4865</t>
  </si>
  <si>
    <t>6.446437835693359</t>
  </si>
  <si>
    <t>488.8548278808594</t>
  </si>
  <si>
    <t>0.1657282331697001</t>
  </si>
  <si>
    <t>5351</t>
  </si>
  <si>
    <t>6.640584468841553</t>
  </si>
  <si>
    <t>617.2802734375</t>
  </si>
  <si>
    <t>0.09521674369119992</t>
  </si>
  <si>
    <t>5.168243885040283</t>
  </si>
  <si>
    <t>542.006103515625</t>
  </si>
  <si>
    <t>0.12029239522032675</t>
  </si>
  <si>
    <t>6663</t>
  </si>
  <si>
    <t>4.579453945159912</t>
  </si>
  <si>
    <t>725.5225219726562</t>
  </si>
  <si>
    <t>0.09899397903090623</t>
  </si>
  <si>
    <t>7491</t>
  </si>
  <si>
    <t>5.402075290679932</t>
  </si>
  <si>
    <t>471.42913818359375</t>
  </si>
  <si>
    <t>0.11713246638534613</t>
  </si>
  <si>
    <t>4.7487568855285645</t>
  </si>
  <si>
    <t>751.4879150390625</t>
  </si>
  <si>
    <t>0.10243272565056394</t>
  </si>
  <si>
    <t>8922</t>
  </si>
  <si>
    <t>5.449819564819336</t>
  </si>
  <si>
    <t>741.446044921875</t>
  </si>
  <si>
    <t>0.07238511108976198</t>
  </si>
  <si>
    <t>9448</t>
  </si>
  <si>
    <t>6.3021087646484375</t>
  </si>
  <si>
    <t>487.0511474609375</t>
  </si>
  <si>
    <t>0.05728294218898888</t>
  </si>
  <si>
    <t>6.038012981414795</t>
  </si>
  <si>
    <t>572.6987915039062</t>
  </si>
  <si>
    <t>0.016376599463946206</t>
  </si>
  <si>
    <t>10000</t>
  </si>
  <si>
    <t>5.949253559112549</t>
  </si>
  <si>
    <t>676.2100219726562</t>
  </si>
  <si>
    <t>0.040405414635038994</t>
  </si>
  <si>
    <t>6.091375827789307</t>
  </si>
  <si>
    <t>538.7755737304688</t>
  </si>
  <si>
    <t>0.02693400124008072</t>
  </si>
  <si>
    <t>6.525115489959717</t>
  </si>
  <si>
    <t>660.8340454101562</t>
  </si>
  <si>
    <t>0.016700035779980027</t>
  </si>
  <si>
    <t>10894</t>
  </si>
  <si>
    <t>6.563692569732666</t>
  </si>
  <si>
    <t>677.4732666015625</t>
  </si>
  <si>
    <t>0.041993048947375655</t>
  </si>
  <si>
    <t>11505</t>
  </si>
  <si>
    <t>6.297384738922119</t>
  </si>
  <si>
    <t>642.8847045898438</t>
  </si>
  <si>
    <t>0.054569544525845615</t>
  </si>
  <si>
    <t>12018</t>
  </si>
  <si>
    <t>6.614534378051758</t>
  </si>
  <si>
    <t>703.2113647460938</t>
  </si>
  <si>
    <t>0.043623802424408</t>
  </si>
  <si>
    <t>12361</t>
  </si>
  <si>
    <t>6.070983409881592</t>
  </si>
  <si>
    <t>763.5623779296875</t>
  </si>
  <si>
    <t>0.02814082899394954</t>
  </si>
  <si>
    <t>424</t>
  </si>
  <si>
    <t>9.408576965332031</t>
  </si>
  <si>
    <t>752.0659790039062</t>
  </si>
  <si>
    <t>19643.6328125</t>
  </si>
  <si>
    <t>Liaoning</t>
  </si>
  <si>
    <t>2608</t>
  </si>
  <si>
    <t>8.880465507507324</t>
  </si>
  <si>
    <t>674.25439453125</t>
  </si>
  <si>
    <t>0.07069238671194977</t>
  </si>
  <si>
    <t>8.751688003540039</t>
  </si>
  <si>
    <t>535.0493774414062</t>
  </si>
  <si>
    <t>0.1167600176643484</t>
  </si>
  <si>
    <t>8.748496055603027</t>
  </si>
  <si>
    <t>609.2106323242188</t>
  </si>
  <si>
    <t>0.16128992483672988</t>
  </si>
  <si>
    <t>3574</t>
  </si>
  <si>
    <t>9.760663032531738</t>
  </si>
  <si>
    <t>801.6278076171875</t>
  </si>
  <si>
    <t>0.03705183017175173</t>
  </si>
  <si>
    <t>3504</t>
  </si>
  <si>
    <t>9.062300682067871</t>
  </si>
  <si>
    <t>793.8575439453125</t>
  </si>
  <si>
    <t>-0.01978024366309228</t>
  </si>
  <si>
    <t>3654</t>
  </si>
  <si>
    <t>8.586853981018066</t>
  </si>
  <si>
    <t>752.9136962890625</t>
  </si>
  <si>
    <t>9.438840866088867</t>
  </si>
  <si>
    <t>535.8323974609375</t>
  </si>
  <si>
    <t>0.08218768357637884</t>
  </si>
  <si>
    <t>4233</t>
  </si>
  <si>
    <t>10.230360984802246</t>
  </si>
  <si>
    <t>782.962890625</t>
  </si>
  <si>
    <t>0.06490082000659392</t>
  </si>
  <si>
    <t>9.030181884765625</t>
  </si>
  <si>
    <t>541.878662109375</t>
  </si>
  <si>
    <t>0.0700160505144698</t>
  </si>
  <si>
    <t>8.903176307678223</t>
  </si>
  <si>
    <t>481.0850524902344</t>
  </si>
  <si>
    <t>0.07242310485175274</t>
  </si>
  <si>
    <t>5166</t>
  </si>
  <si>
    <t>9.64292049407959</t>
  </si>
  <si>
    <t>589.6973266601562</t>
  </si>
  <si>
    <t>0.05674857776863895</t>
  </si>
  <si>
    <t>9.411018371582031</t>
  </si>
  <si>
    <t>558.3700561523438</t>
  </si>
  <si>
    <t>0.05845881112793627</t>
  </si>
  <si>
    <t>5670</t>
  </si>
  <si>
    <t>9.428139686584473</t>
  </si>
  <si>
    <t>623.0616455078125</t>
  </si>
  <si>
    <t>0.03463161193807629</t>
  </si>
  <si>
    <t>5771</t>
  </si>
  <si>
    <t>9.819563865661621</t>
  </si>
  <si>
    <t>662.974609375</t>
  </si>
  <si>
    <t>0.017656257989168367</t>
  </si>
  <si>
    <t>6187</t>
  </si>
  <si>
    <t>8.860703468322754</t>
  </si>
  <si>
    <t>739.469970703125</t>
  </si>
  <si>
    <t>0.06960494082002278</t>
  </si>
  <si>
    <t>6865</t>
  </si>
  <si>
    <t>9.43810749053955</t>
  </si>
  <si>
    <t>595.5989990234375</t>
  </si>
  <si>
    <t>0.10398572267108186</t>
  </si>
  <si>
    <t>7808</t>
  </si>
  <si>
    <t>9.805252075195312</t>
  </si>
  <si>
    <t>651.201416015625</t>
  </si>
  <si>
    <t>0.12871280989085676</t>
  </si>
  <si>
    <t>8523</t>
  </si>
  <si>
    <t>9.705910682678223</t>
  </si>
  <si>
    <t>622.4635009765625</t>
  </si>
  <si>
    <t>0.08761954242936909</t>
  </si>
  <si>
    <t>8999</t>
  </si>
  <si>
    <t>8.824652671813965</t>
  </si>
  <si>
    <t>579.2301025390625</t>
  </si>
  <si>
    <t>0.05434506851165111</t>
  </si>
  <si>
    <t>9091</t>
  </si>
  <si>
    <t>8.181921005249023</t>
  </si>
  <si>
    <t>891.1231689453125</t>
  </si>
  <si>
    <t>0.01017145308791001</t>
  </si>
  <si>
    <t>9897</t>
  </si>
  <si>
    <t>8.903519630432129</t>
  </si>
  <si>
    <t>612.8590698242188</t>
  </si>
  <si>
    <t>0.08494676777483257</t>
  </si>
  <si>
    <t>10573</t>
  </si>
  <si>
    <t>8.372854232788086</t>
  </si>
  <si>
    <t>861.0881958007812</t>
  </si>
  <si>
    <t>0.06607190083583525</t>
  </si>
  <si>
    <t>11161</t>
  </si>
  <si>
    <t>9.138620376586914</t>
  </si>
  <si>
    <t>736.972412109375</t>
  </si>
  <si>
    <t>0.05412197692318799</t>
  </si>
  <si>
    <t>11556</t>
  </si>
  <si>
    <t>9.893481254577637</t>
  </si>
  <si>
    <t>525.2880249023438</t>
  </si>
  <si>
    <t>0.03477922393041233</t>
  </si>
  <si>
    <t>11708</t>
  </si>
  <si>
    <t>9.558428764343262</t>
  </si>
  <si>
    <t>610.5316162109375</t>
  </si>
  <si>
    <t>0.01306758622565063</t>
  </si>
  <si>
    <t>11692</t>
  </si>
  <si>
    <t>9.875767707824707</t>
  </si>
  <si>
    <t>682.40869140625</t>
  </si>
  <si>
    <t>-0.0013675215806401297</t>
  </si>
  <si>
    <t>12029</t>
  </si>
  <si>
    <t>9.758866310119629</t>
  </si>
  <si>
    <t>577.1114501953125</t>
  </si>
  <si>
    <t>0.02841555376293492</t>
  </si>
  <si>
    <t>12709</t>
  </si>
  <si>
    <t>9.882319450378418</t>
  </si>
  <si>
    <t>608.6466674804688</t>
  </si>
  <si>
    <t>0.05499000288799927</t>
  </si>
  <si>
    <t>13291</t>
  </si>
  <si>
    <t>10.103830337524414</t>
  </si>
  <si>
    <t>622.35302734375</t>
  </si>
  <si>
    <t>0.0447767105392618</t>
  </si>
  <si>
    <t>9.700339317321777</t>
  </si>
  <si>
    <t>762.7496337890625</t>
  </si>
  <si>
    <t>0.003754885757473403</t>
  </si>
  <si>
    <t>14163</t>
  </si>
  <si>
    <t>10.164034843444824</t>
  </si>
  <si>
    <t>768.0548095703125</t>
  </si>
  <si>
    <t>0.05979093003558944</t>
  </si>
  <si>
    <t>14568</t>
  </si>
  <si>
    <t>9.653374671936035</t>
  </si>
  <si>
    <t>824.08642578125</t>
  </si>
  <si>
    <t>0.028194412193048635</t>
  </si>
  <si>
    <t>425</t>
  </si>
  <si>
    <t>1254</t>
  </si>
  <si>
    <t>5.772213459014893</t>
  </si>
  <si>
    <t>445.15093994140625</t>
  </si>
  <si>
    <t>10494.109375</t>
  </si>
  <si>
    <t>Nei Mongol</t>
  </si>
  <si>
    <t>5.118889331817627</t>
  </si>
  <si>
    <t>394.8359375</t>
  </si>
  <si>
    <t>0.07079878901180692</t>
  </si>
  <si>
    <t>4.9878339767456055</t>
  </si>
  <si>
    <t>390.032958984375</t>
  </si>
  <si>
    <t>0.11695720358368256</t>
  </si>
  <si>
    <t>1664</t>
  </si>
  <si>
    <t>5.124539852142334</t>
  </si>
  <si>
    <t>359.63671875</t>
  </si>
  <si>
    <t>0.09512990759279827</t>
  </si>
  <si>
    <t>5.91860818862915</t>
  </si>
  <si>
    <t>416.940185546875</t>
  </si>
  <si>
    <t>0.08520686522177012</t>
  </si>
  <si>
    <t>5.508246898651123</t>
  </si>
  <si>
    <t>394.7591857910156</t>
  </si>
  <si>
    <t>0.058414676165632784</t>
  </si>
  <si>
    <t>2107</t>
  </si>
  <si>
    <t>4.932339668273926</t>
  </si>
  <si>
    <t>381.1240539550781</t>
  </si>
  <si>
    <t>0.09241925103563187</t>
  </si>
  <si>
    <t>5.693615436553955</t>
  </si>
  <si>
    <t>321.9829406738281</t>
  </si>
  <si>
    <t>0.07186802551888505</t>
  </si>
  <si>
    <t>6.573279857635498</t>
  </si>
  <si>
    <t>468.3457946777344</t>
  </si>
  <si>
    <t>0.07116953499304923</t>
  </si>
  <si>
    <t>2638</t>
  </si>
  <si>
    <t>5.4955902099609375</t>
  </si>
  <si>
    <t>317.71990966796875</t>
  </si>
  <si>
    <t>0.08171835896113677</t>
  </si>
  <si>
    <t>5.451008319854736</t>
  </si>
  <si>
    <t>287.4681396484375</t>
  </si>
  <si>
    <t>0.07378299787799225</t>
  </si>
  <si>
    <t>6.096488952636719</t>
  </si>
  <si>
    <t>309.45404052734375</t>
  </si>
  <si>
    <t>0.08759805931798503</t>
  </si>
  <si>
    <t>3432</t>
  </si>
  <si>
    <t>5.845387935638428</t>
  </si>
  <si>
    <t>342.461181640625</t>
  </si>
  <si>
    <t>0.10174107013461509</t>
  </si>
  <si>
    <t>4044</t>
  </si>
  <si>
    <t>5.608300685882568</t>
  </si>
  <si>
    <t>424.9740905761719</t>
  </si>
  <si>
    <t>0.1640911195325092</t>
  </si>
  <si>
    <t>6.044757843017578</t>
  </si>
  <si>
    <t>348.47210693359375</t>
  </si>
  <si>
    <t>0.13489050817320525</t>
  </si>
  <si>
    <t>5283</t>
  </si>
  <si>
    <t>5.496814727783203</t>
  </si>
  <si>
    <t>324.7933349609375</t>
  </si>
  <si>
    <t>0.13236930885074827</t>
  </si>
  <si>
    <t>6002</t>
  </si>
  <si>
    <t>6.078551769256592</t>
  </si>
  <si>
    <t>321.4559020996094</t>
  </si>
  <si>
    <t>0.12759862883599737</t>
  </si>
  <si>
    <t>6.396530628204346</t>
  </si>
  <si>
    <t>307.0486145019531</t>
  </si>
  <si>
    <t>0.14448830674862023</t>
  </si>
  <si>
    <t>6.194146633148193</t>
  </si>
  <si>
    <t>377.7283020019531</t>
  </si>
  <si>
    <t>0.11072461788296906</t>
  </si>
  <si>
    <t>8808</t>
  </si>
  <si>
    <t>5.465732097625732</t>
  </si>
  <si>
    <t>298.1387939453125</t>
  </si>
  <si>
    <t>0.1283547277706134</t>
  </si>
  <si>
    <t>9483</t>
  </si>
  <si>
    <t>4.880197048187256</t>
  </si>
  <si>
    <t>377.42425537109375</t>
  </si>
  <si>
    <t>0.07384032248121208</t>
  </si>
  <si>
    <t>10142</t>
  </si>
  <si>
    <t>5.4583420753479</t>
  </si>
  <si>
    <t>313.8829345703125</t>
  </si>
  <si>
    <t>0.06718449547123662</t>
  </si>
  <si>
    <t>11005</t>
  </si>
  <si>
    <t>4.905539035797119</t>
  </si>
  <si>
    <t>469.4222106933594</t>
  </si>
  <si>
    <t>0.08166449760559757</t>
  </si>
  <si>
    <t>5.824471950531006</t>
  </si>
  <si>
    <t>423.6612854003906</t>
  </si>
  <si>
    <t>0.066439257890476</t>
  </si>
  <si>
    <t>6.316315174102783</t>
  </si>
  <si>
    <t>363.45135498046875</t>
  </si>
  <si>
    <t>0.05933839007238184</t>
  </si>
  <si>
    <t>5.851589202880859</t>
  </si>
  <si>
    <t>369.6070251464844</t>
  </si>
  <si>
    <t>0.06686453981900087</t>
  </si>
  <si>
    <t>6.098857402801514</t>
  </si>
  <si>
    <t>438.1914367675781</t>
  </si>
  <si>
    <t>0.051559316109232256</t>
  </si>
  <si>
    <t>6.233926773071289</t>
  </si>
  <si>
    <t>320.0027770996094</t>
  </si>
  <si>
    <t>0.04236681817564758</t>
  </si>
  <si>
    <t>15460</t>
  </si>
  <si>
    <t>6.301397800445557</t>
  </si>
  <si>
    <t>424.2334289550781</t>
  </si>
  <si>
    <t>0.05333800611411377</t>
  </si>
  <si>
    <t>16304</t>
  </si>
  <si>
    <t>6.354106426239014</t>
  </si>
  <si>
    <t>388.5990905761719</t>
  </si>
  <si>
    <t>0.05315443332109204</t>
  </si>
  <si>
    <t>16301</t>
  </si>
  <si>
    <t>6.117354869842529</t>
  </si>
  <si>
    <t>444.6045837402344</t>
  </si>
  <si>
    <t>-0.00018402085621538333</t>
  </si>
  <si>
    <t>19206</t>
  </si>
  <si>
    <t>6.56366491317749</t>
  </si>
  <si>
    <t>463.1990051269531</t>
  </si>
  <si>
    <t>0.16399627459162858</t>
  </si>
  <si>
    <t>19756</t>
  </si>
  <si>
    <t>6.048315048217773</t>
  </si>
  <si>
    <t>389.2162170410156</t>
  </si>
  <si>
    <t>0.02823451246259623</t>
  </si>
  <si>
    <t>8.69347858428955</t>
  </si>
  <si>
    <t>361.80316162109375</t>
  </si>
  <si>
    <t>2120.894287109375</t>
  </si>
  <si>
    <t>Ningxia Hui</t>
  </si>
  <si>
    <t>8.305167198181152</t>
  </si>
  <si>
    <t>235.03970336914062</t>
  </si>
  <si>
    <t>0.07085593676734447</t>
  </si>
  <si>
    <t>1380</t>
  </si>
  <si>
    <t>7.753585338592529</t>
  </si>
  <si>
    <t>343.3455505371094</t>
  </si>
  <si>
    <t>0.11669666944416246</t>
  </si>
  <si>
    <t>8.025891304016113</t>
  </si>
  <si>
    <t>275.67950439453125</t>
  </si>
  <si>
    <t>0.06657449062266974</t>
  </si>
  <si>
    <t>1605</t>
  </si>
  <si>
    <t>8.597044944763184</t>
  </si>
  <si>
    <t>307.76739501953125</t>
  </si>
  <si>
    <t>0.08446576679019646</t>
  </si>
  <si>
    <t>8.263469696044922</t>
  </si>
  <si>
    <t>300.4950256347656</t>
  </si>
  <si>
    <t>0.08991473863094601</t>
  </si>
  <si>
    <t>8.081371307373047</t>
  </si>
  <si>
    <t>326.07568359375</t>
  </si>
  <si>
    <t>0.055385139151083784</t>
  </si>
  <si>
    <t>1945</t>
  </si>
  <si>
    <t>8.746550559997559</t>
  </si>
  <si>
    <t>232.2897186279297</t>
  </si>
  <si>
    <t>0.046838342706400304</t>
  </si>
  <si>
    <t>9.666584968566895</t>
  </si>
  <si>
    <t>333.92681884765625</t>
  </si>
  <si>
    <t>0.06325234732682716</t>
  </si>
  <si>
    <t>2206</t>
  </si>
  <si>
    <t>9.114333152770996</t>
  </si>
  <si>
    <t>286.56231689453125</t>
  </si>
  <si>
    <t>0.0626665964340738</t>
  </si>
  <si>
    <t>8.918610572814941</t>
  </si>
  <si>
    <t>245.12741088867188</t>
  </si>
  <si>
    <t>0.06238298113453933</t>
  </si>
  <si>
    <t>9.267298698425293</t>
  </si>
  <si>
    <t>331.4028015136719</t>
  </si>
  <si>
    <t>0.10079303071476176</t>
  </si>
  <si>
    <t>9.100550651550293</t>
  </si>
  <si>
    <t>340.98577880859375</t>
  </si>
  <si>
    <t>0.07526248450054673</t>
  </si>
  <si>
    <t>3104</t>
  </si>
  <si>
    <t>8.78488826751709</t>
  </si>
  <si>
    <t>380.64495849609375</t>
  </si>
  <si>
    <t>0.10307218513981464</t>
  </si>
  <si>
    <t>3346</t>
  </si>
  <si>
    <t>9.0764799118042</t>
  </si>
  <si>
    <t>272.1810607910156</t>
  </si>
  <si>
    <t>0.07507400024366007</t>
  </si>
  <si>
    <t>8.920639038085938</t>
  </si>
  <si>
    <t>243.33062744140625</t>
  </si>
  <si>
    <t>0.05126340750938141</t>
  </si>
  <si>
    <t>9.607651710510254</t>
  </si>
  <si>
    <t>269.75445556640625</t>
  </si>
  <si>
    <t>0.11645715232927323</t>
  </si>
  <si>
    <t>9.158381462097168</t>
  </si>
  <si>
    <t>317.4006652832031</t>
  </si>
  <si>
    <t>0.17207634631272484</t>
  </si>
  <si>
    <t>5611</t>
  </si>
  <si>
    <t>9.0490083694458</t>
  </si>
  <si>
    <t>264.5882263183594</t>
  </si>
  <si>
    <t>0.177166448052823</t>
  </si>
  <si>
    <t>6194</t>
  </si>
  <si>
    <t>9.365521430969238</t>
  </si>
  <si>
    <t>265.3629455566406</t>
  </si>
  <si>
    <t>0.09885212478217653</t>
  </si>
  <si>
    <t>7123</t>
  </si>
  <si>
    <t>8.707345008850098</t>
  </si>
  <si>
    <t>311.4251708984375</t>
  </si>
  <si>
    <t>0.1397479034452047</t>
  </si>
  <si>
    <t>8.931700706481934</t>
  </si>
  <si>
    <t>325.80242919921875</t>
  </si>
  <si>
    <t>0.11511205635003563</t>
  </si>
  <si>
    <t>8455</t>
  </si>
  <si>
    <t>8.72632884979248</t>
  </si>
  <si>
    <t>341.0265197753906</t>
  </si>
  <si>
    <t>0.056316941004292076</t>
  </si>
  <si>
    <t>9.799134254455566</t>
  </si>
  <si>
    <t>334.66485595703125</t>
  </si>
  <si>
    <t>0.053650065581102524</t>
  </si>
  <si>
    <t>9266</t>
  </si>
  <si>
    <t>9.156533241271973</t>
  </si>
  <si>
    <t>335.5690002441406</t>
  </si>
  <si>
    <t>0.037943739062809456</t>
  </si>
  <si>
    <t>9540</t>
  </si>
  <si>
    <t>9.082322120666504</t>
  </si>
  <si>
    <t>289.41046142578125</t>
  </si>
  <si>
    <t>0.02914169846573955</t>
  </si>
  <si>
    <t>10020</t>
  </si>
  <si>
    <t>9.619174003601074</t>
  </si>
  <si>
    <t>329.0359802246094</t>
  </si>
  <si>
    <t>0.049089610196523026</t>
  </si>
  <si>
    <t>10950</t>
  </si>
  <si>
    <t>9.354340553283691</t>
  </si>
  <si>
    <t>359.21563720703125</t>
  </si>
  <si>
    <t>0.08875636060579062</t>
  </si>
  <si>
    <t>11536</t>
  </si>
  <si>
    <t>9.153225898742676</t>
  </si>
  <si>
    <t>365.12677001953125</t>
  </si>
  <si>
    <t>0.05213312428008443</t>
  </si>
  <si>
    <t>12035</t>
  </si>
  <si>
    <t>9.421133995056152</t>
  </si>
  <si>
    <t>306.68426513671875</t>
  </si>
  <si>
    <t>0.04234649069244156</t>
  </si>
  <si>
    <t>12520</t>
  </si>
  <si>
    <t>9.145064353942871</t>
  </si>
  <si>
    <t>325.8348388671875</t>
  </si>
  <si>
    <t>0.03950829443691717</t>
  </si>
  <si>
    <t>13829</t>
  </si>
  <si>
    <t>9.581212043762207</t>
  </si>
  <si>
    <t>330.0612487792969</t>
  </si>
  <si>
    <t>0.09944047081056873</t>
  </si>
  <si>
    <t>14225</t>
  </si>
  <si>
    <t>9.481807708740234</t>
  </si>
  <si>
    <t>375.81005859375</t>
  </si>
  <si>
    <t>0.028233143529872606</t>
  </si>
  <si>
    <t>427</t>
  </si>
  <si>
    <t>2.3226840496063232</t>
  </si>
  <si>
    <t>379.4958801269531</t>
  </si>
  <si>
    <t>1950.140380859375</t>
  </si>
  <si>
    <t>Qinghai</t>
  </si>
  <si>
    <t>2.2432570457458496</t>
  </si>
  <si>
    <t>328.4007568359375</t>
  </si>
  <si>
    <t>0.07132190069981359</t>
  </si>
  <si>
    <t>1.6181668043136597</t>
  </si>
  <si>
    <t>442.6402587890625</t>
  </si>
  <si>
    <t>0.1165486199953758</t>
  </si>
  <si>
    <t>2.2477333545684814</t>
  </si>
  <si>
    <t>436.13427734375</t>
  </si>
  <si>
    <t>0.06749856276604849</t>
  </si>
  <si>
    <t>2.2484288215637207</t>
  </si>
  <si>
    <t>411.0785217285156</t>
  </si>
  <si>
    <t>0.05917471580630629</t>
  </si>
  <si>
    <t>1.759708285331726</t>
  </si>
  <si>
    <t>392.7039794921875</t>
  </si>
  <si>
    <t>0.037589846980789154</t>
  </si>
  <si>
    <t>1.8716784715652466</t>
  </si>
  <si>
    <t>431.5447998046875</t>
  </si>
  <si>
    <t>0.003905165353426554</t>
  </si>
  <si>
    <t>1.6810859441757202</t>
  </si>
  <si>
    <t>384.6985778808594</t>
  </si>
  <si>
    <t>0.042513213936222094</t>
  </si>
  <si>
    <t>2.9045019149780273</t>
  </si>
  <si>
    <t>448.18133544921875</t>
  </si>
  <si>
    <t>0.06005945492017073</t>
  </si>
  <si>
    <t>2.5736641883850098</t>
  </si>
  <si>
    <t>440.1324157714844</t>
  </si>
  <si>
    <t>0.06704793274299714</t>
  </si>
  <si>
    <t>2244</t>
  </si>
  <si>
    <t>1.9144855737686157</t>
  </si>
  <si>
    <t>407.2097473144531</t>
  </si>
  <si>
    <t>0.05307741618105144</t>
  </si>
  <si>
    <t>2483</t>
  </si>
  <si>
    <t>2.389694929122925</t>
  </si>
  <si>
    <t>385.3643798828125</t>
  </si>
  <si>
    <t>0.10120751886557944</t>
  </si>
  <si>
    <t>2.628986120223999</t>
  </si>
  <si>
    <t>386.43182373046875</t>
  </si>
  <si>
    <t>0.0944677352001726</t>
  </si>
  <si>
    <t>2927</t>
  </si>
  <si>
    <t>2.553304433822632</t>
  </si>
  <si>
    <t>476.3265075683594</t>
  </si>
  <si>
    <t>0.07004276598354675</t>
  </si>
  <si>
    <t>3110</t>
  </si>
  <si>
    <t>2.38464093208313</t>
  </si>
  <si>
    <t>416.3082580566406</t>
  </si>
  <si>
    <t>0.0606447184813943</t>
  </si>
  <si>
    <t>3319</t>
  </si>
  <si>
    <t>2.4322891235351562</t>
  </si>
  <si>
    <t>465.8554382324219</t>
  </si>
  <si>
    <t>0.06504080654669409</t>
  </si>
  <si>
    <t>3727</t>
  </si>
  <si>
    <t>2.644455909729004</t>
  </si>
  <si>
    <t>409.6558837890625</t>
  </si>
  <si>
    <t>0.11594008775928444</t>
  </si>
  <si>
    <t>4258</t>
  </si>
  <si>
    <t>2.5282163619995117</t>
  </si>
  <si>
    <t>482.12811279296875</t>
  </si>
  <si>
    <t>0.13319594597416717</t>
  </si>
  <si>
    <t>2.071969509124756</t>
  </si>
  <si>
    <t>414.9757080078125</t>
  </si>
  <si>
    <t>0.14145552654603755</t>
  </si>
  <si>
    <t>2.8333547115325928</t>
  </si>
  <si>
    <t>418.5503845214844</t>
  </si>
  <si>
    <t>0.04640880567036554</t>
  </si>
  <si>
    <t>5821</t>
  </si>
  <si>
    <t>2.4245879650115967</t>
  </si>
  <si>
    <t>429.61773681640625</t>
  </si>
  <si>
    <t>0.12480816960190744</t>
  </si>
  <si>
    <t>6421</t>
  </si>
  <si>
    <t>2.4964187145233154</t>
  </si>
  <si>
    <t>446.1131896972656</t>
  </si>
  <si>
    <t>0.0981018005223131</t>
  </si>
  <si>
    <t>6959</t>
  </si>
  <si>
    <t>1.8945780992507935</t>
  </si>
  <si>
    <t>491.0438232421875</t>
  </si>
  <si>
    <t>0.08046191705080119</t>
  </si>
  <si>
    <t>2.7949817180633545</t>
  </si>
  <si>
    <t>401.7818298339844</t>
  </si>
  <si>
    <t>0.09047808219369813</t>
  </si>
  <si>
    <t>8109</t>
  </si>
  <si>
    <t>2.164757013320923</t>
  </si>
  <si>
    <t>466.5994873046875</t>
  </si>
  <si>
    <t>0.06246068790600923</t>
  </si>
  <si>
    <t>2.328692674636841</t>
  </si>
  <si>
    <t>419.64215087890625</t>
  </si>
  <si>
    <t>0.08018498959116727</t>
  </si>
  <si>
    <t>2.9266738891601562</t>
  </si>
  <si>
    <t>405.1368408203125</t>
  </si>
  <si>
    <t>0.09690235573489758</t>
  </si>
  <si>
    <t>2.694859504699707</t>
  </si>
  <si>
    <t>490.8382873535156</t>
  </si>
  <si>
    <t>0.043463131743894934</t>
  </si>
  <si>
    <t>2.34126615524292</t>
  </si>
  <si>
    <t>547.860595703125</t>
  </si>
  <si>
    <t>0.07468714592910253</t>
  </si>
  <si>
    <t>11449</t>
  </si>
  <si>
    <t>2.309497117996216</t>
  </si>
  <si>
    <t>516.2877197265625</t>
  </si>
  <si>
    <t>0.04969021098019155</t>
  </si>
  <si>
    <t>2.326575994491577</t>
  </si>
  <si>
    <t>408.8722229003906</t>
  </si>
  <si>
    <t>0.010513151263911169</t>
  </si>
  <si>
    <t>12429</t>
  </si>
  <si>
    <t>2.5218513011932373</t>
  </si>
  <si>
    <t>460.3511047363281</t>
  </si>
  <si>
    <t>0.07161691055778796</t>
  </si>
  <si>
    <t>12784</t>
  </si>
  <si>
    <t>2.667548894882202</t>
  </si>
  <si>
    <t>447.9499206542969</t>
  </si>
  <si>
    <t>0.0281619372605455</t>
  </si>
  <si>
    <t>428</t>
  </si>
  <si>
    <t>12.567546844482422</t>
  </si>
  <si>
    <t>694.567138671875</t>
  </si>
  <si>
    <t>14257.560546875</t>
  </si>
  <si>
    <t>Shaanxi</t>
  </si>
  <si>
    <t>12.100074768066406</t>
  </si>
  <si>
    <t>570.1526489257812</t>
  </si>
  <si>
    <t>0.07092523923800531</t>
  </si>
  <si>
    <t>1247</t>
  </si>
  <si>
    <t>11.788795471191406</t>
  </si>
  <si>
    <t>683.2355346679688</t>
  </si>
  <si>
    <t>0.11638065137365672</t>
  </si>
  <si>
    <t>11.934739112854004</t>
  </si>
  <si>
    <t>617.8361206054688</t>
  </si>
  <si>
    <t>0.08747905697142944</t>
  </si>
  <si>
    <t>12.70782470703125</t>
  </si>
  <si>
    <t>629.5803833007812</t>
  </si>
  <si>
    <t>0.04173267450857665</t>
  </si>
  <si>
    <t>1510</t>
  </si>
  <si>
    <t>12.499794006347656</t>
  </si>
  <si>
    <t>527.4404296875</t>
  </si>
  <si>
    <t>0.062157252648927575</t>
  </si>
  <si>
    <t>12.04232120513916</t>
  </si>
  <si>
    <t>728.8075561523438</t>
  </si>
  <si>
    <t>0.075856678793075</t>
  </si>
  <si>
    <t>12.81018352508545</t>
  </si>
  <si>
    <t>455.5944519042969</t>
  </si>
  <si>
    <t>0.06764143691797564</t>
  </si>
  <si>
    <t>1830</t>
  </si>
  <si>
    <t>13.618762016296387</t>
  </si>
  <si>
    <t>698.5552368164062</t>
  </si>
  <si>
    <t>0.04870820031544554</t>
  </si>
  <si>
    <t>12.947644233703613</t>
  </si>
  <si>
    <t>565.381591796875</t>
  </si>
  <si>
    <t>0.08230999671635075</t>
  </si>
  <si>
    <t>12.885087013244629</t>
  </si>
  <si>
    <t>646.4057006835938</t>
  </si>
  <si>
    <t>0.0881012039826885</t>
  </si>
  <si>
    <t>2370</t>
  </si>
  <si>
    <t>13.325087547302246</t>
  </si>
  <si>
    <t>568.556640625</t>
  </si>
  <si>
    <t>0.08816278759467089</t>
  </si>
  <si>
    <t>2595</t>
  </si>
  <si>
    <t>13.080708503723145</t>
  </si>
  <si>
    <t>615.1451416015625</t>
  </si>
  <si>
    <t>2850</t>
  </si>
  <si>
    <t>12.641407012939453</t>
  </si>
  <si>
    <t>908.1403198242188</t>
  </si>
  <si>
    <t>0.09373247766270687</t>
  </si>
  <si>
    <t>3211</t>
  </si>
  <si>
    <t>12.99279499053955</t>
  </si>
  <si>
    <t>607.3279418945312</t>
  </si>
  <si>
    <t>0.11926342082681884</t>
  </si>
  <si>
    <t>3723</t>
  </si>
  <si>
    <t>12.96958065032959</t>
  </si>
  <si>
    <t>664.3197021484375</t>
  </si>
  <si>
    <t>0.1479473797832025</t>
  </si>
  <si>
    <t>4322</t>
  </si>
  <si>
    <t>13.694236755371094</t>
  </si>
  <si>
    <t>601.9495849609375</t>
  </si>
  <si>
    <t>0.14918846319411472</t>
  </si>
  <si>
    <t>4987</t>
  </si>
  <si>
    <t>13.236006736755371</t>
  </si>
  <si>
    <t>697.586181640625</t>
  </si>
  <si>
    <t>0.14311626847929126</t>
  </si>
  <si>
    <t>5846</t>
  </si>
  <si>
    <t>13.062259674072266</t>
  </si>
  <si>
    <t>591.5206909179688</t>
  </si>
  <si>
    <t>0.15892314012506858</t>
  </si>
  <si>
    <t>6530</t>
  </si>
  <si>
    <t>13.246060371398926</t>
  </si>
  <si>
    <t>672.8238525390625</t>
  </si>
  <si>
    <t>0.11064927659928436</t>
  </si>
  <si>
    <t>7523</t>
  </si>
  <si>
    <t>12.66950511932373</t>
  </si>
  <si>
    <t>703.9876098632812</t>
  </si>
  <si>
    <t>0.14155805128974563</t>
  </si>
  <si>
    <t>8603</t>
  </si>
  <si>
    <t>12.831761360168457</t>
  </si>
  <si>
    <t>800.064453125</t>
  </si>
  <si>
    <t>0.13414598506112618</t>
  </si>
  <si>
    <t>12.669222831726074</t>
  </si>
  <si>
    <t>559.6069946289062</t>
  </si>
  <si>
    <t>0.1211482839730067</t>
  </si>
  <si>
    <t>10640</t>
  </si>
  <si>
    <t>13.602272987365723</t>
  </si>
  <si>
    <t>678.6337890625</t>
  </si>
  <si>
    <t>0.09136122030128035</t>
  </si>
  <si>
    <t>11480</t>
  </si>
  <si>
    <t>12.943270683288574</t>
  </si>
  <si>
    <t>712.074462890625</t>
  </si>
  <si>
    <t>0.07598590697792318</t>
  </si>
  <si>
    <t>11751</t>
  </si>
  <si>
    <t>12.781449317932129</t>
  </si>
  <si>
    <t>621.2286987304688</t>
  </si>
  <si>
    <t>0.02333195246038322</t>
  </si>
  <si>
    <t>12256</t>
  </si>
  <si>
    <t>13.376873016357422</t>
  </si>
  <si>
    <t>605.9380493164062</t>
  </si>
  <si>
    <t>0.04207726964643044</t>
  </si>
  <si>
    <t>13225</t>
  </si>
  <si>
    <t>13.108757972717285</t>
  </si>
  <si>
    <t>763.4070434570312</t>
  </si>
  <si>
    <t>0.0760933647461286</t>
  </si>
  <si>
    <t>14210</t>
  </si>
  <si>
    <t>13.14117431640625</t>
  </si>
  <si>
    <t>618.9232177734375</t>
  </si>
  <si>
    <t>0.07183696436464615</t>
  </si>
  <si>
    <t>15006</t>
  </si>
  <si>
    <t>13.235336303710938</t>
  </si>
  <si>
    <t>737.1439208984375</t>
  </si>
  <si>
    <t>0.05450417901452731</t>
  </si>
  <si>
    <t>14988</t>
  </si>
  <si>
    <t>12.990788459777832</t>
  </si>
  <si>
    <t>697.7686767578125</t>
  </si>
  <si>
    <t>-0.0012002401920963024</t>
  </si>
  <si>
    <t>16599</t>
  </si>
  <si>
    <t>13.488243103027344</t>
  </si>
  <si>
    <t>883.7312622070312</t>
  </si>
  <si>
    <t>0.1020925716526424</t>
  </si>
  <si>
    <t>17074</t>
  </si>
  <si>
    <t>13.364563941955566</t>
  </si>
  <si>
    <t>681.7457885742188</t>
  </si>
  <si>
    <t>0.028214386004032477</t>
  </si>
  <si>
    <t>429</t>
  </si>
  <si>
    <t>14.088797569274902</t>
  </si>
  <si>
    <t>937.5588989257812</t>
  </si>
  <si>
    <t>37811.5625</t>
  </si>
  <si>
    <t>Shandong</t>
  </si>
  <si>
    <t>1806</t>
  </si>
  <si>
    <t>13.185566902160645</t>
  </si>
  <si>
    <t>675.1541137695312</t>
  </si>
  <si>
    <t>0.07053653978612484</t>
  </si>
  <si>
    <t>13.21125316619873</t>
  </si>
  <si>
    <t>533.4617919921875</t>
  </si>
  <si>
    <t>0.11692133805890226</t>
  </si>
  <si>
    <t>13.386772155761719</t>
  </si>
  <si>
    <t>707.2909545898438</t>
  </si>
  <si>
    <t>0.08314512777761429</t>
  </si>
  <si>
    <t>2601</t>
  </si>
  <si>
    <t>14.247435569763184</t>
  </si>
  <si>
    <t>689.3685302734375</t>
  </si>
  <si>
    <t>0.1647150656352041</t>
  </si>
  <si>
    <t>2904</t>
  </si>
  <si>
    <t>13.609977722167969</t>
  </si>
  <si>
    <t>739.16943359375</t>
  </si>
  <si>
    <t>0.1101931104960352</t>
  </si>
  <si>
    <t>3189</t>
  </si>
  <si>
    <t>13.221396446228027</t>
  </si>
  <si>
    <t>711.5850830078125</t>
  </si>
  <si>
    <t>0.09361829106537023</t>
  </si>
  <si>
    <t>3392</t>
  </si>
  <si>
    <t>14.004971504211426</t>
  </si>
  <si>
    <t>540.645751953125</t>
  </si>
  <si>
    <t>0.06171232990173614</t>
  </si>
  <si>
    <t>3583</t>
  </si>
  <si>
    <t>14.575213432312012</t>
  </si>
  <si>
    <t>792.0942993164062</t>
  </si>
  <si>
    <t>0.054780720393161175</t>
  </si>
  <si>
    <t>13.78784465789795</t>
  </si>
  <si>
    <t>552.4053955078125</t>
  </si>
  <si>
    <t>0.06352628698073914</t>
  </si>
  <si>
    <t>13.878525733947754</t>
  </si>
  <si>
    <t>714.539794921875</t>
  </si>
  <si>
    <t>0.05750757585466815</t>
  </si>
  <si>
    <t>4327</t>
  </si>
  <si>
    <t>14.234702110290527</t>
  </si>
  <si>
    <t>576.330810546875</t>
  </si>
  <si>
    <t>0.06764016008452245</t>
  </si>
  <si>
    <t>4685</t>
  </si>
  <si>
    <t>14.01941967010498</t>
  </si>
  <si>
    <t>472.0394287109375</t>
  </si>
  <si>
    <t>0.0794914544476395</t>
  </si>
  <si>
    <t>13.624207496643066</t>
  </si>
  <si>
    <t>923.4387817382812</t>
  </si>
  <si>
    <t>0.031722017062159935</t>
  </si>
  <si>
    <t>5464</t>
  </si>
  <si>
    <t>14.235466003417969</t>
  </si>
  <si>
    <t>740.5396728515625</t>
  </si>
  <si>
    <t>0.12209318951594206</t>
  </si>
  <si>
    <t>6222</t>
  </si>
  <si>
    <t>13.865344047546387</t>
  </si>
  <si>
    <t>765.9473876953125</t>
  </si>
  <si>
    <t>0.1299102762069566</t>
  </si>
  <si>
    <t>7103</t>
  </si>
  <si>
    <t>14.31933307647705</t>
  </si>
  <si>
    <t>599.7660522460938</t>
  </si>
  <si>
    <t>0.13242583154022824</t>
  </si>
  <si>
    <t>14.424891471862793</t>
  </si>
  <si>
    <t>841.6660766601562</t>
  </si>
  <si>
    <t>0.1073576752926968</t>
  </si>
  <si>
    <t>14.01624584197998</t>
  </si>
  <si>
    <t>748.4857788085938</t>
  </si>
  <si>
    <t>0.09854676287280384</t>
  </si>
  <si>
    <t>9507</t>
  </si>
  <si>
    <t>13.948543548583984</t>
  </si>
  <si>
    <t>715.0360717773438</t>
  </si>
  <si>
    <t>0.08560670119571867</t>
  </si>
  <si>
    <t>10149</t>
  </si>
  <si>
    <t>13.375732421875</t>
  </si>
  <si>
    <t>681.0707397460938</t>
  </si>
  <si>
    <t>0.06534680908978885</t>
  </si>
  <si>
    <t>13.597481727600098</t>
  </si>
  <si>
    <t>717.9812622070312</t>
  </si>
  <si>
    <t>0.057809606941708225</t>
  </si>
  <si>
    <t>11499</t>
  </si>
  <si>
    <t>13.284942626953125</t>
  </si>
  <si>
    <t>674.8638305664062</t>
  </si>
  <si>
    <t>0.06707528965813836</t>
  </si>
  <si>
    <t>12358</t>
  </si>
  <si>
    <t>14.154587745666504</t>
  </si>
  <si>
    <t>653.2115478515625</t>
  </si>
  <si>
    <t>0.07204355157226061</t>
  </si>
  <si>
    <t>14.454544067382812</t>
  </si>
  <si>
    <t>634.6240844726562</t>
  </si>
  <si>
    <t>0.05609240916462532</t>
  </si>
  <si>
    <t>14157</t>
  </si>
  <si>
    <t>14.058204650878906</t>
  </si>
  <si>
    <t>657.0809326171875</t>
  </si>
  <si>
    <t>0.07981316560894669</t>
  </si>
  <si>
    <t>14715</t>
  </si>
  <si>
    <t>14.787632942199707</t>
  </si>
  <si>
    <t>727.2211303710938</t>
  </si>
  <si>
    <t>0.038658180273076326</t>
  </si>
  <si>
    <t>15088</t>
  </si>
  <si>
    <t>14.610268592834473</t>
  </si>
  <si>
    <t>657.4148559570312</t>
  </si>
  <si>
    <t>0.02503234420566436</t>
  </si>
  <si>
    <t>15412</t>
  </si>
  <si>
    <t>14.572418212890625</t>
  </si>
  <si>
    <t>764.3347778320312</t>
  </si>
  <si>
    <t>0.02124670087281011</t>
  </si>
  <si>
    <t>16013</t>
  </si>
  <si>
    <t>14.789938926696777</t>
  </si>
  <si>
    <t>645.9848022460938</t>
  </si>
  <si>
    <t>0.03825446557642742</t>
  </si>
  <si>
    <t>16344</t>
  </si>
  <si>
    <t>14.370039939880371</t>
  </si>
  <si>
    <t>813.6815795898438</t>
  </si>
  <si>
    <t>0.020459965174982386</t>
  </si>
  <si>
    <t>17762</t>
  </si>
  <si>
    <t>14.852992057800293</t>
  </si>
  <si>
    <t>923.1049194335938</t>
  </si>
  <si>
    <t>0.08320048632099031</t>
  </si>
  <si>
    <t>18270</t>
  </si>
  <si>
    <t>14.56219482421875</t>
  </si>
  <si>
    <t>781.4846801757812</t>
  </si>
  <si>
    <t>0.02819902655360451</t>
  </si>
  <si>
    <t>430</t>
  </si>
  <si>
    <t>16.903940200805664</t>
  </si>
  <si>
    <t>1265.365478515625</t>
  </si>
  <si>
    <t>8922.544921875</t>
  </si>
  <si>
    <t>Shanghai</t>
  </si>
  <si>
    <t>5798</t>
  </si>
  <si>
    <t>15.837115287780762</t>
  </si>
  <si>
    <t>1416.5059814453125</t>
  </si>
  <si>
    <t>0.07074377512904029</t>
  </si>
  <si>
    <t>6515</t>
  </si>
  <si>
    <t>15.780967712402344</t>
  </si>
  <si>
    <t>1127.9853515625</t>
  </si>
  <si>
    <t>0.11659418007734423</t>
  </si>
  <si>
    <t>7597</t>
  </si>
  <si>
    <t>15.868427276611328</t>
  </si>
  <si>
    <t>1434.036865234375</t>
  </si>
  <si>
    <t>0.15364622194427646</t>
  </si>
  <si>
    <t>8390</t>
  </si>
  <si>
    <t>16.72713279724121</t>
  </si>
  <si>
    <t>1076.0989990234375</t>
  </si>
  <si>
    <t>0.09928708795803054</t>
  </si>
  <si>
    <t>9122</t>
  </si>
  <si>
    <t>16.254758834838867</t>
  </si>
  <si>
    <t>1111.7930908203125</t>
  </si>
  <si>
    <t>0.0836485578103936</t>
  </si>
  <si>
    <t>15.9093017578125</t>
  </si>
  <si>
    <t>1066.572509765625</t>
  </si>
  <si>
    <t>0.07525837355151488</t>
  </si>
  <si>
    <t>16.49911117553711</t>
  </si>
  <si>
    <t>1204.921142578125</t>
  </si>
  <si>
    <t>0.08597711923163587</t>
  </si>
  <si>
    <t>17.365358352661133</t>
  </si>
  <si>
    <t>1079.39453125</t>
  </si>
  <si>
    <t>0.06370429567915181</t>
  </si>
  <si>
    <t>12285</t>
  </si>
  <si>
    <t>16.372657775878906</t>
  </si>
  <si>
    <t>1272.5240478515625</t>
  </si>
  <si>
    <t>0.07275013922133233</t>
  </si>
  <si>
    <t>16.74761390686035</t>
  </si>
  <si>
    <t>1282.6884765625</t>
  </si>
  <si>
    <t>0.07448582970592099</t>
  </si>
  <si>
    <t>13797</t>
  </si>
  <si>
    <t>16.90723419189453</t>
  </si>
  <si>
    <t>1175.350341796875</t>
  </si>
  <si>
    <t>0.04158634154683227</t>
  </si>
  <si>
    <t>14440</t>
  </si>
  <si>
    <t>16.887081146240234</t>
  </si>
  <si>
    <t>1377.135498046875</t>
  </si>
  <si>
    <t>0.04555095623878458</t>
  </si>
  <si>
    <t>15796</t>
  </si>
  <si>
    <t>16.564218521118164</t>
  </si>
  <si>
    <t>909.8275146484375</t>
  </si>
  <si>
    <t>0.08975460995972107</t>
  </si>
  <si>
    <t>16911</t>
  </si>
  <si>
    <t>17.002634048461914</t>
  </si>
  <si>
    <t>1000.4811401367188</t>
  </si>
  <si>
    <t>0.06820755434314485</t>
  </si>
  <si>
    <t>17751</t>
  </si>
  <si>
    <t>16.816938400268555</t>
  </si>
  <si>
    <t>1054.8687744140625</t>
  </si>
  <si>
    <t>0.048477554595120154</t>
  </si>
  <si>
    <t>19107</t>
  </si>
  <si>
    <t>17.25251579284668</t>
  </si>
  <si>
    <t>1008.066650390625</t>
  </si>
  <si>
    <t>0.0736129076946721</t>
  </si>
  <si>
    <t>20787</t>
  </si>
  <si>
    <t>17.317581176757812</t>
  </si>
  <si>
    <t>1142.587890625</t>
  </si>
  <si>
    <t>0.08427303125601426</t>
  </si>
  <si>
    <t>20911</t>
  </si>
  <si>
    <t>16.854211807250977</t>
  </si>
  <si>
    <t>1069.5181884765625</t>
  </si>
  <si>
    <t>0.005947544991309783</t>
  </si>
  <si>
    <t>21992</t>
  </si>
  <si>
    <t>16.9393367767334</t>
  </si>
  <si>
    <t>1304.424072265625</t>
  </si>
  <si>
    <t>0.05040341455828212</t>
  </si>
  <si>
    <t>22635</t>
  </si>
  <si>
    <t>16.20284080505371</t>
  </si>
  <si>
    <t>1207.23583984375</t>
  </si>
  <si>
    <t>0.02881863002497731</t>
  </si>
  <si>
    <t>22760</t>
  </si>
  <si>
    <t>16.44601821899414</t>
  </si>
  <si>
    <t>1054.39599609375</t>
  </si>
  <si>
    <t>0.005507228370207784</t>
  </si>
  <si>
    <t>23236</t>
  </si>
  <si>
    <t>16.254642486572266</t>
  </si>
  <si>
    <t>1264.289794921875</t>
  </si>
  <si>
    <t>0.020698190872154854</t>
  </si>
  <si>
    <t>24310</t>
  </si>
  <si>
    <t>17.113943099975586</t>
  </si>
  <si>
    <t>996.6298828125</t>
  </si>
  <si>
    <t>0.045184988197746634</t>
  </si>
  <si>
    <t>25881</t>
  </si>
  <si>
    <t>16.75647735595703</t>
  </si>
  <si>
    <t>1305.502685546875</t>
  </si>
  <si>
    <t>0.06262132043451984</t>
  </si>
  <si>
    <t>27502</t>
  </si>
  <si>
    <t>16.50714874267578</t>
  </si>
  <si>
    <t>1366.0894775390625</t>
  </si>
  <si>
    <t>0.060749620538201654</t>
  </si>
  <si>
    <t>30148</t>
  </si>
  <si>
    <t>17.272449493408203</t>
  </si>
  <si>
    <t>1249.5015869140625</t>
  </si>
  <si>
    <t>0.09185985668047003</t>
  </si>
  <si>
    <t>31973</t>
  </si>
  <si>
    <t>16.988000869750977</t>
  </si>
  <si>
    <t>1312.6322021484375</t>
  </si>
  <si>
    <t>0.05877321066111918</t>
  </si>
  <si>
    <t>33893</t>
  </si>
  <si>
    <t>17.152807235717773</t>
  </si>
  <si>
    <t>1192.257568359375</t>
  </si>
  <si>
    <t>0.05831670674661815</t>
  </si>
  <si>
    <t>35118</t>
  </si>
  <si>
    <t>17.212846755981445</t>
  </si>
  <si>
    <t>1310.1771240234375</t>
  </si>
  <si>
    <t>0.03550531614817842</t>
  </si>
  <si>
    <t>35680</t>
  </si>
  <si>
    <t>17.07212257385254</t>
  </si>
  <si>
    <t>1313.2410888671875</t>
  </si>
  <si>
    <t>0.015876488174669134</t>
  </si>
  <si>
    <t>38226</t>
  </si>
  <si>
    <t>17.5054874420166</t>
  </si>
  <si>
    <t>1480.1090087890625</t>
  </si>
  <si>
    <t>0.06892560465059816</t>
  </si>
  <si>
    <t>39320</t>
  </si>
  <si>
    <t>17.345762252807617</t>
  </si>
  <si>
    <t>1023.4677734375</t>
  </si>
  <si>
    <t>0.02821738291655862</t>
  </si>
  <si>
    <t>431</t>
  </si>
  <si>
    <t>9.537018775939941</t>
  </si>
  <si>
    <t>619.9266357421875</t>
  </si>
  <si>
    <t>12874.587890625</t>
  </si>
  <si>
    <t>Shanxi</t>
  </si>
  <si>
    <t>1315</t>
  </si>
  <si>
    <t>9.020159721374512</t>
  </si>
  <si>
    <t>493.4938659667969</t>
  </si>
  <si>
    <t>0.0708958216330382</t>
  </si>
  <si>
    <t>8.888140678405762</t>
  </si>
  <si>
    <t>499.81304931640625</t>
  </si>
  <si>
    <t>0.11685315689628162</t>
  </si>
  <si>
    <t>9.064330101013184</t>
  </si>
  <si>
    <t>481.0690612792969</t>
  </si>
  <si>
    <t>0.053995998735436146</t>
  </si>
  <si>
    <t>9.909915924072266</t>
  </si>
  <si>
    <t>558.606201171875</t>
  </si>
  <si>
    <t>0.024067026082637</t>
  </si>
  <si>
    <t>9.4649019241333</t>
  </si>
  <si>
    <t>542.2327880859375</t>
  </si>
  <si>
    <t>0.11346277250858083</t>
  </si>
  <si>
    <t>1975</t>
  </si>
  <si>
    <t>9.034594535827637</t>
  </si>
  <si>
    <t>602.2213745117188</t>
  </si>
  <si>
    <t>0.09835277850042168</t>
  </si>
  <si>
    <t>9.930551528930664</t>
  </si>
  <si>
    <t>366.2195129394531</t>
  </si>
  <si>
    <t>0.08396877829353322</t>
  </si>
  <si>
    <t>10.646085739135742</t>
  </si>
  <si>
    <t>527.0780639648438</t>
  </si>
  <si>
    <t>0.06619566686589007</t>
  </si>
  <si>
    <t>9.930883407592773</t>
  </si>
  <si>
    <t>410.1121826171875</t>
  </si>
  <si>
    <t>0.02538316532557605</t>
  </si>
  <si>
    <t>2499</t>
  </si>
  <si>
    <t>9.89681625366211</t>
  </si>
  <si>
    <t>511.802001953125</t>
  </si>
  <si>
    <t>0.059774643014730344</t>
  </si>
  <si>
    <t>10.312176704406738</t>
  </si>
  <si>
    <t>401.1294860839844</t>
  </si>
  <si>
    <t>0.06880611268540004</t>
  </si>
  <si>
    <t>10.014050483703613</t>
  </si>
  <si>
    <t>479.1725769042969</t>
  </si>
  <si>
    <t>0.10823274099439573</t>
  </si>
  <si>
    <t>9.385164260864258</t>
  </si>
  <si>
    <t>705.6692504882812</t>
  </si>
  <si>
    <t>0.15639900051412248</t>
  </si>
  <si>
    <t>9.984070777893066</t>
  </si>
  <si>
    <t>534.459716796875</t>
  </si>
  <si>
    <t>0.12489327383888771</t>
  </si>
  <si>
    <t>4384</t>
  </si>
  <si>
    <t>9.895657539367676</t>
  </si>
  <si>
    <t>470.00347900390625</t>
  </si>
  <si>
    <t>0.10373976976009303</t>
  </si>
  <si>
    <t>4867</t>
  </si>
  <si>
    <t>10.620621681213379</t>
  </si>
  <si>
    <t>469.6166687011719</t>
  </si>
  <si>
    <t>0.10451618120560369</t>
  </si>
  <si>
    <t>5702</t>
  </si>
  <si>
    <t>10.354172706604004</t>
  </si>
  <si>
    <t>577.8167724609375</t>
  </si>
  <si>
    <t>0.1583392596391633</t>
  </si>
  <si>
    <t>9.948609352111816</t>
  </si>
  <si>
    <t>509.9572448730469</t>
  </si>
  <si>
    <t>0.118756878321431</t>
  </si>
  <si>
    <t>6354</t>
  </si>
  <si>
    <t>10.0269136428833</t>
  </si>
  <si>
    <t>555.1296997070312</t>
  </si>
  <si>
    <t>-0.010489332964587206</t>
  </si>
  <si>
    <t>7251</t>
  </si>
  <si>
    <t>9.574745178222656</t>
  </si>
  <si>
    <t>526.3132934570312</t>
  </si>
  <si>
    <t>0.1320548545421314</t>
  </si>
  <si>
    <t>8091</t>
  </si>
  <si>
    <t>9.773661613464355</t>
  </si>
  <si>
    <t>580.4635620117188</t>
  </si>
  <si>
    <t>0.10961294243624664</t>
  </si>
  <si>
    <t>8521</t>
  </si>
  <si>
    <t>9.468880653381348</t>
  </si>
  <si>
    <t>547.43701171875</t>
  </si>
  <si>
    <t>0.05178137202011612</t>
  </si>
  <si>
    <t>8594</t>
  </si>
  <si>
    <t>10.2915678024292</t>
  </si>
  <si>
    <t>581.9627685546875</t>
  </si>
  <si>
    <t>0.008530580506985075</t>
  </si>
  <si>
    <t>10.214312553405762</t>
  </si>
  <si>
    <t>556.8952026367188</t>
  </si>
  <si>
    <t>0.0030207993227975294</t>
  </si>
  <si>
    <t>8461</t>
  </si>
  <si>
    <t>9.831952095031738</t>
  </si>
  <si>
    <t>499.0065612792969</t>
  </si>
  <si>
    <t>-0.0186177147332387</t>
  </si>
  <si>
    <t>8439</t>
  </si>
  <si>
    <t>10.470044136047363</t>
  </si>
  <si>
    <t>631.224609375</t>
  </si>
  <si>
    <t>-0.002603551766533485</t>
  </si>
  <si>
    <t>9878</t>
  </si>
  <si>
    <t>10.40457820892334</t>
  </si>
  <si>
    <t>574.7755126953125</t>
  </si>
  <si>
    <t>0.1574462439426032</t>
  </si>
  <si>
    <t>10583</t>
  </si>
  <si>
    <t>10.344075202941895</t>
  </si>
  <si>
    <t>510.880126953125</t>
  </si>
  <si>
    <t>0.06893887799315479</t>
  </si>
  <si>
    <t>10.507401466369629</t>
  </si>
  <si>
    <t>566.0108642578125</t>
  </si>
  <si>
    <t>0.047966401960541916</t>
  </si>
  <si>
    <t>10.125382423400879</t>
  </si>
  <si>
    <t>602.9541625976562</t>
  </si>
  <si>
    <t>0.04516811601031101</t>
  </si>
  <si>
    <t>14301</t>
  </si>
  <si>
    <t>10.65325927734375</t>
  </si>
  <si>
    <t>591.2517700195312</t>
  </si>
  <si>
    <t>0.20794600680835806</t>
  </si>
  <si>
    <t>14710</t>
  </si>
  <si>
    <t>10.412583351135254</t>
  </si>
  <si>
    <t>534.1942749023438</t>
  </si>
  <si>
    <t>0.02819806972254746</t>
  </si>
  <si>
    <t>432</t>
  </si>
  <si>
    <t>972</t>
  </si>
  <si>
    <t>16.294055938720703</t>
  </si>
  <si>
    <t>1098.82861328125</t>
  </si>
  <si>
    <t>31205.44921875</t>
  </si>
  <si>
    <t>Sichuan</t>
  </si>
  <si>
    <t>16.045482635498047</t>
  </si>
  <si>
    <t>953.55859375</t>
  </si>
  <si>
    <t>0.07050065054033361</t>
  </si>
  <si>
    <t>1172</t>
  </si>
  <si>
    <t>15.722705841064453</t>
  </si>
  <si>
    <t>1050.6685791015625</t>
  </si>
  <si>
    <t>0.11661051513618492</t>
  </si>
  <si>
    <t>16.110944747924805</t>
  </si>
  <si>
    <t>1121.392822265625</t>
  </si>
  <si>
    <t>0.0826646284204493</t>
  </si>
  <si>
    <t>1369</t>
  </si>
  <si>
    <t>16.423429489135742</t>
  </si>
  <si>
    <t>947.7806396484375</t>
  </si>
  <si>
    <t>0.07270422673104182</t>
  </si>
  <si>
    <t>16.223115921020508</t>
  </si>
  <si>
    <t>998.1304931640625</t>
  </si>
  <si>
    <t>0.12417438462484398</t>
  </si>
  <si>
    <t>15.97004222869873</t>
  </si>
  <si>
    <t>945.6253051757812</t>
  </si>
  <si>
    <t>0.0793476771138586</t>
  </si>
  <si>
    <t>16.154052734375</t>
  </si>
  <si>
    <t>863.8006591796875</t>
  </si>
  <si>
    <t>0.08835136081255346</t>
  </si>
  <si>
    <t>17.056476593017578</t>
  </si>
  <si>
    <t>1148.013671875</t>
  </si>
  <si>
    <t>0.052084034588809835</t>
  </si>
  <si>
    <t>16.506898880004883</t>
  </si>
  <si>
    <t>1059.16455078125</t>
  </si>
  <si>
    <t>0.056870668895080634</t>
  </si>
  <si>
    <t>16.21973991394043</t>
  </si>
  <si>
    <t>1018.9922485351562</t>
  </si>
  <si>
    <t>0.05704968864277671</t>
  </si>
  <si>
    <t>16.59305763244629</t>
  </si>
  <si>
    <t>951.5632934570312</t>
  </si>
  <si>
    <t>0.06572197030800897</t>
  </si>
  <si>
    <t>2481</t>
  </si>
  <si>
    <t>16.773696899414062</t>
  </si>
  <si>
    <t>944.5796508789062</t>
  </si>
  <si>
    <t>0.07098137341742028</t>
  </si>
  <si>
    <t>16.809043884277344</t>
  </si>
  <si>
    <t>1032.869873046875</t>
  </si>
  <si>
    <t>0.06627522259722429</t>
  </si>
  <si>
    <t>16.1685733795166</t>
  </si>
  <si>
    <t>1031.548828125</t>
  </si>
  <si>
    <t>0.09424655067040888</t>
  </si>
  <si>
    <t>3174</t>
  </si>
  <si>
    <t>16.4538516998291</t>
  </si>
  <si>
    <t>1061.046630859375</t>
  </si>
  <si>
    <t>0.08580914412691953</t>
  </si>
  <si>
    <t>3603</t>
  </si>
  <si>
    <t>16.693166732788086</t>
  </si>
  <si>
    <t>825.1973266601562</t>
  </si>
  <si>
    <t>0.1267742096617397</t>
  </si>
  <si>
    <t>16.522106170654297</t>
  </si>
  <si>
    <t>1095.6429443359375</t>
  </si>
  <si>
    <t>0.1566454836160407</t>
  </si>
  <si>
    <t>4743</t>
  </si>
  <si>
    <t>16.200761795043945</t>
  </si>
  <si>
    <t>1090.57568359375</t>
  </si>
  <si>
    <t>0.1182575315134482</t>
  </si>
  <si>
    <t>5284</t>
  </si>
  <si>
    <t>16.909820556640625</t>
  </si>
  <si>
    <t>939.738037109375</t>
  </si>
  <si>
    <t>0.10801353976463268</t>
  </si>
  <si>
    <t>16.264020919799805</t>
  </si>
  <si>
    <t>1117.0369873046875</t>
  </si>
  <si>
    <t>0.13587063024947277</t>
  </si>
  <si>
    <t>6925</t>
  </si>
  <si>
    <t>16.334609985351562</t>
  </si>
  <si>
    <t>963.063720703125</t>
  </si>
  <si>
    <t>0.13458403516385076</t>
  </si>
  <si>
    <t>7682</t>
  </si>
  <si>
    <t>16.241792678833008</t>
  </si>
  <si>
    <t>1074.7354736328125</t>
  </si>
  <si>
    <t>0.10374187785031097</t>
  </si>
  <si>
    <t>16.895925521850586</t>
  </si>
  <si>
    <t>1118.73828125</t>
  </si>
  <si>
    <t>0.0791811827211788</t>
  </si>
  <si>
    <t>8951</t>
  </si>
  <si>
    <t>16.538589477539062</t>
  </si>
  <si>
    <t>1212.1553955078125</t>
  </si>
  <si>
    <t>0.07370414524391045</t>
  </si>
  <si>
    <t>16.719106674194336</t>
  </si>
  <si>
    <t>1200.282958984375</t>
  </si>
  <si>
    <t>0.04435946840497351</t>
  </si>
  <si>
    <t>17.06281089782715</t>
  </si>
  <si>
    <t>1056.976318359375</t>
  </si>
  <si>
    <t>0.06745986703335305</t>
  </si>
  <si>
    <t>16.57470703125</t>
  </si>
  <si>
    <t>1161.6865234375</t>
  </si>
  <si>
    <t>0.09230867680056853</t>
  </si>
  <si>
    <t>12011</t>
  </si>
  <si>
    <t>16.720903396606445</t>
  </si>
  <si>
    <t>1092.7569580078125</t>
  </si>
  <si>
    <t>0.08992962644465585</t>
  </si>
  <si>
    <t>12741</t>
  </si>
  <si>
    <t>16.786842346191406</t>
  </si>
  <si>
    <t>1141.3426513671875</t>
  </si>
  <si>
    <t>0.059002243426890644</t>
  </si>
  <si>
    <t>13200</t>
  </si>
  <si>
    <t>16.689271926879883</t>
  </si>
  <si>
    <t>1156.0501708984375</t>
  </si>
  <si>
    <t>0.03539168959308192</t>
  </si>
  <si>
    <t>14079</t>
  </si>
  <si>
    <t>17.118730545043945</t>
  </si>
  <si>
    <t>1262.61572265625</t>
  </si>
  <si>
    <t>0.06446749588806533</t>
  </si>
  <si>
    <t>14482</t>
  </si>
  <si>
    <t>16.971797943115234</t>
  </si>
  <si>
    <t>1030.309326171875</t>
  </si>
  <si>
    <t>0.028222173486238233</t>
  </si>
  <si>
    <t>433</t>
  </si>
  <si>
    <t>2949</t>
  </si>
  <si>
    <t>13.431365013122559</t>
  </si>
  <si>
    <t>664.408447265625</t>
  </si>
  <si>
    <t>4396.04736328125</t>
  </si>
  <si>
    <t>Tianjin</t>
  </si>
  <si>
    <t>12.834040641784668</t>
  </si>
  <si>
    <t>632.7163696289062</t>
  </si>
  <si>
    <t>0.07068692576299984</t>
  </si>
  <si>
    <t>12.808991432189941</t>
  </si>
  <si>
    <t>466.8863525390625</t>
  </si>
  <si>
    <t>0.11676443737017905</t>
  </si>
  <si>
    <t>3983</t>
  </si>
  <si>
    <t>13.00717830657959</t>
  </si>
  <si>
    <t>420.3022155761719</t>
  </si>
  <si>
    <t>0.11311781123318809</t>
  </si>
  <si>
    <t>13.806410789489746</t>
  </si>
  <si>
    <t>691.1170043945312</t>
  </si>
  <si>
    <t>0.1306714192748224</t>
  </si>
  <si>
    <t>4975</t>
  </si>
  <si>
    <t>13.196876525878906</t>
  </si>
  <si>
    <t>691.4916381835938</t>
  </si>
  <si>
    <t>0.09171864713622746</t>
  </si>
  <si>
    <t>5546</t>
  </si>
  <si>
    <t>12.730708122253418</t>
  </si>
  <si>
    <t>562.8495483398438</t>
  </si>
  <si>
    <t>0.10865157658303026</t>
  </si>
  <si>
    <t>5975</t>
  </si>
  <si>
    <t>13.603118896484375</t>
  </si>
  <si>
    <t>411.7239074707031</t>
  </si>
  <si>
    <t>0.0745071506239885</t>
  </si>
  <si>
    <t>6334</t>
  </si>
  <si>
    <t>14.233833312988281</t>
  </si>
  <si>
    <t>605.0255737304688</t>
  </si>
  <si>
    <t>0.05834785029887257</t>
  </si>
  <si>
    <t>6745</t>
  </si>
  <si>
    <t>13.300259590148926</t>
  </si>
  <si>
    <t>360.5246887207031</t>
  </si>
  <si>
    <t>0.06286954154327162</t>
  </si>
  <si>
    <t>7090</t>
  </si>
  <si>
    <t>13.376200675964355</t>
  </si>
  <si>
    <t>426.91815185546875</t>
  </si>
  <si>
    <t>0.04988385088431713</t>
  </si>
  <si>
    <t>13.7820405960083</t>
  </si>
  <si>
    <t>391.54132080078125</t>
  </si>
  <si>
    <t>0.0607407687258128</t>
  </si>
  <si>
    <t>8072</t>
  </si>
  <si>
    <t>13.69950008392334</t>
  </si>
  <si>
    <t>370.3000793457031</t>
  </si>
  <si>
    <t>0.06897517378145857</t>
  </si>
  <si>
    <t>9034</t>
  </si>
  <si>
    <t>13.39417552947998</t>
  </si>
  <si>
    <t>530.0911865234375</t>
  </si>
  <si>
    <t>0.1125939541811043</t>
  </si>
  <si>
    <t>13.914162635803223</t>
  </si>
  <si>
    <t>563.9242553710938</t>
  </si>
  <si>
    <t>0.06927325428508979</t>
  </si>
  <si>
    <t>10989</t>
  </si>
  <si>
    <t>13.333137512207031</t>
  </si>
  <si>
    <t>540.1307983398438</t>
  </si>
  <si>
    <t>0.1266262809472849</t>
  </si>
  <si>
    <t>11608</t>
  </si>
  <si>
    <t>13.885391235351562</t>
  </si>
  <si>
    <t>399.6978454589844</t>
  </si>
  <si>
    <t>0.05479974311709945</t>
  </si>
  <si>
    <t>13.999541282653809</t>
  </si>
  <si>
    <t>539.7412719726562</t>
  </si>
  <si>
    <t>0.06147559947897285</t>
  </si>
  <si>
    <t>13681</t>
  </si>
  <si>
    <t>13.843247413635254</t>
  </si>
  <si>
    <t>562.5503540039062</t>
  </si>
  <si>
    <t>0.10283789387711728</t>
  </si>
  <si>
    <t>14435</t>
  </si>
  <si>
    <t>13.32031536102295</t>
  </si>
  <si>
    <t>504.6312255859375</t>
  </si>
  <si>
    <t>0.053647804176922165</t>
  </si>
  <si>
    <t>12.8194580078125</t>
  </si>
  <si>
    <t>491.3109130859375</t>
  </si>
  <si>
    <t>0.06536083621712585</t>
  </si>
  <si>
    <t>16284</t>
  </si>
  <si>
    <t>13.189716339111328</t>
  </si>
  <si>
    <t>592.7116088867188</t>
  </si>
  <si>
    <t>0.05516638130870888</t>
  </si>
  <si>
    <t>17247</t>
  </si>
  <si>
    <t>12.765727996826172</t>
  </si>
  <si>
    <t>704.4833984375</t>
  </si>
  <si>
    <t>0.05745518466853028</t>
  </si>
  <si>
    <t>18115</t>
  </si>
  <si>
    <t>13.426200866699219</t>
  </si>
  <si>
    <t>520.3729858398438</t>
  </si>
  <si>
    <t>0.04910210903777745</t>
  </si>
  <si>
    <t>18867</t>
  </si>
  <si>
    <t>14.209327697753906</t>
  </si>
  <si>
    <t>472.37005615234375</t>
  </si>
  <si>
    <t>0.04067403988243434</t>
  </si>
  <si>
    <t>19110</t>
  </si>
  <si>
    <t>13.785277366638184</t>
  </si>
  <si>
    <t>517.3350219726562</t>
  </si>
  <si>
    <t>0.012797394022706854</t>
  </si>
  <si>
    <t>19784</t>
  </si>
  <si>
    <t>14.369688987731934</t>
  </si>
  <si>
    <t>767.4705200195312</t>
  </si>
  <si>
    <t>0.034661771966932875</t>
  </si>
  <si>
    <t>14.256243705749512</t>
  </si>
  <si>
    <t>533.4170532226562</t>
  </si>
  <si>
    <t>0.05511483458941413</t>
  </si>
  <si>
    <t>22249</t>
  </si>
  <si>
    <t>14.245377540588379</t>
  </si>
  <si>
    <t>626.0870971679688</t>
  </si>
  <si>
    <t>0.06230869897349223</t>
  </si>
  <si>
    <t>14.421717643737793</t>
  </si>
  <si>
    <t>524.7693481445312</t>
  </si>
  <si>
    <t>0.04465302151459127</t>
  </si>
  <si>
    <t>22998</t>
  </si>
  <si>
    <t>14.134245872497559</t>
  </si>
  <si>
    <t>545.9506225585938</t>
  </si>
  <si>
    <t>-0.011542829670139199</t>
  </si>
  <si>
    <t>24768</t>
  </si>
  <si>
    <t>14.493927955627441</t>
  </si>
  <si>
    <t>742.9946899414062</t>
  </si>
  <si>
    <t>0.07414524178084392</t>
  </si>
  <si>
    <t>25477</t>
  </si>
  <si>
    <t>14.105252265930176</t>
  </si>
  <si>
    <t>590.2047729492188</t>
  </si>
  <si>
    <t>0.028223586961363623</t>
  </si>
  <si>
    <t>434</t>
  </si>
  <si>
    <t>9.310956954956055</t>
  </si>
  <si>
    <t>167.07144165039062</t>
  </si>
  <si>
    <t>8086.51806640625</t>
  </si>
  <si>
    <t>Xinjiang Uygur</t>
  </si>
  <si>
    <t>8.994192123413086</t>
  </si>
  <si>
    <t>136.53744506835938</t>
  </si>
  <si>
    <t>0.07103577311675124</t>
  </si>
  <si>
    <t>8.409161567687988</t>
  </si>
  <si>
    <t>195.647216796875</t>
  </si>
  <si>
    <t>0.11638523378955234</t>
  </si>
  <si>
    <t>8.093871116638184</t>
  </si>
  <si>
    <t>210.55746459960938</t>
  </si>
  <si>
    <t>0.03498607696330147</t>
  </si>
  <si>
    <t>2277</t>
  </si>
  <si>
    <t>8.681199073791504</t>
  </si>
  <si>
    <t>163.21510314941406</t>
  </si>
  <si>
    <t>0.11187168839332617</t>
  </si>
  <si>
    <t>8.903233528137207</t>
  </si>
  <si>
    <t>134.19390869140625</t>
  </si>
  <si>
    <t>0.05010682005417877</t>
  </si>
  <si>
    <t>8.608283042907715</t>
  </si>
  <si>
    <t>181.04331970214844</t>
  </si>
  <si>
    <t>0.007075992063252379</t>
  </si>
  <si>
    <t>9.489033699035645</t>
  </si>
  <si>
    <t>117.88301086425781</t>
  </si>
  <si>
    <t>0.09790851306184933</t>
  </si>
  <si>
    <t>2776</t>
  </si>
  <si>
    <t>9.547466278076172</t>
  </si>
  <si>
    <t>213.1802215576172</t>
  </si>
  <si>
    <t>0.04306093038367553</t>
  </si>
  <si>
    <t>9.699061393737793</t>
  </si>
  <si>
    <t>183.60179138183594</t>
  </si>
  <si>
    <t>0.04369969434787002</t>
  </si>
  <si>
    <t>9.152257919311523</t>
  </si>
  <si>
    <t>159.11268615722656</t>
  </si>
  <si>
    <t>0.1043600153242421</t>
  </si>
  <si>
    <t>9.752054214477539</t>
  </si>
  <si>
    <t>156.0885772705078</t>
  </si>
  <si>
    <t>0.059399523609652505</t>
  </si>
  <si>
    <t>3563</t>
  </si>
  <si>
    <t>9.74012279510498</t>
  </si>
  <si>
    <t>199.3687744140625</t>
  </si>
  <si>
    <t>0.04213261069737584</t>
  </si>
  <si>
    <t>8.716626167297363</t>
  </si>
  <si>
    <t>217.50926208496094</t>
  </si>
  <si>
    <t>0.10917025750592657</t>
  </si>
  <si>
    <t>4186</t>
  </si>
  <si>
    <t>9.738770484924316</t>
  </si>
  <si>
    <t>169.3446044921875</t>
  </si>
  <si>
    <t>0.0519724798941823</t>
  </si>
  <si>
    <t>4561</t>
  </si>
  <si>
    <t>9.0346040725708</t>
  </si>
  <si>
    <t>199.07643127441406</t>
  </si>
  <si>
    <t>0.08579627370575515</t>
  </si>
  <si>
    <t>10.253199577331543</t>
  </si>
  <si>
    <t>136.77117919921875</t>
  </si>
  <si>
    <t>0.10402219450237737</t>
  </si>
  <si>
    <t>9.604971885681152</t>
  </si>
  <si>
    <t>171.6459503173828</t>
  </si>
  <si>
    <t>0.08118199733581122</t>
  </si>
  <si>
    <t>10.302788734436035</t>
  </si>
  <si>
    <t>127.64337921142578</t>
  </si>
  <si>
    <t>0.07694079842603507</t>
  </si>
  <si>
    <t>9.551319122314453</t>
  </si>
  <si>
    <t>161.75149536132812</t>
  </si>
  <si>
    <t>7042</t>
  </si>
  <si>
    <t>8.77405834197998</t>
  </si>
  <si>
    <t>188.2439727783203</t>
  </si>
  <si>
    <t>0.15946630696164377</t>
  </si>
  <si>
    <t>7849</t>
  </si>
  <si>
    <t>9.150073051452637</t>
  </si>
  <si>
    <t>186.6212921142578</t>
  </si>
  <si>
    <t>0.10849391441181666</t>
  </si>
  <si>
    <t>8583</t>
  </si>
  <si>
    <t>9.031623840332031</t>
  </si>
  <si>
    <t>159.2582550048828</t>
  </si>
  <si>
    <t>0.08939736759140615</t>
  </si>
  <si>
    <t>9391</t>
  </si>
  <si>
    <t>10.086200714111328</t>
  </si>
  <si>
    <t>189.2100067138672</t>
  </si>
  <si>
    <t>0.08996828108639399</t>
  </si>
  <si>
    <t>9.012969017028809</t>
  </si>
  <si>
    <t>154.95037841796875</t>
  </si>
  <si>
    <t>0.0743665449852422</t>
  </si>
  <si>
    <t>10.172112464904785</t>
  </si>
  <si>
    <t>193.59288024902344</t>
  </si>
  <si>
    <t>-0.01614384837135674</t>
  </si>
  <si>
    <t>9941</t>
  </si>
  <si>
    <t>9.98915958404541</t>
  </si>
  <si>
    <t>226.48883056640625</t>
  </si>
  <si>
    <t>-0.0013068612063538154</t>
  </si>
  <si>
    <t>10892</t>
  </si>
  <si>
    <t>9.510113716125488</t>
  </si>
  <si>
    <t>176.50387573242188</t>
  </si>
  <si>
    <t>0.09136095558150537</t>
  </si>
  <si>
    <t>11914</t>
  </si>
  <si>
    <t>9.554614067077637</t>
  </si>
  <si>
    <t>176.68731689453125</t>
  </si>
  <si>
    <t>0.08968560439498141</t>
  </si>
  <si>
    <t>12265</t>
  </si>
  <si>
    <t>9.971983909606934</t>
  </si>
  <si>
    <t>168.77978515625</t>
  </si>
  <si>
    <t>0.029035498503956703</t>
  </si>
  <si>
    <t>9.607513427734375</t>
  </si>
  <si>
    <t>149.23167419433594</t>
  </si>
  <si>
    <t>-0.005477673836187691</t>
  </si>
  <si>
    <t>13727</t>
  </si>
  <si>
    <t>10.356095314025879</t>
  </si>
  <si>
    <t>154.19869995117188</t>
  </si>
  <si>
    <t>0.11809269239525833</t>
  </si>
  <si>
    <t>14119</t>
  </si>
  <si>
    <t>10.033209800720215</t>
  </si>
  <si>
    <t>158.45999145507812</t>
  </si>
  <si>
    <t>0.02815671175786605</t>
  </si>
  <si>
    <t>966</t>
  </si>
  <si>
    <t>0.18374817073345184</t>
  </si>
  <si>
    <t>444.0332946777344</t>
  </si>
  <si>
    <t>1008.7028198242188</t>
  </si>
  <si>
    <t>Xizang</t>
  </si>
  <si>
    <t>1037</t>
  </si>
  <si>
    <t>0.5224040150642395</t>
  </si>
  <si>
    <t>422.7190246582031</t>
  </si>
  <si>
    <t>0.07092337401700988</t>
  </si>
  <si>
    <t>1165</t>
  </si>
  <si>
    <t>0.01110541820526123</t>
  </si>
  <si>
    <t>329.9903259277344</t>
  </si>
  <si>
    <t>0.11638915777027314</t>
  </si>
  <si>
    <t>1115</t>
  </si>
  <si>
    <t>0.5652304887771606</t>
  </si>
  <si>
    <t>409.8202209472656</t>
  </si>
  <si>
    <t>-0.04386668210558131</t>
  </si>
  <si>
    <t>0.3659552037715912</t>
  </si>
  <si>
    <t>312.4070129394531</t>
  </si>
  <si>
    <t>0.03090753746307673</t>
  </si>
  <si>
    <t>0.7975910305976868</t>
  </si>
  <si>
    <t>390.7277526855469</t>
  </si>
  <si>
    <t>0.04339260072268747</t>
  </si>
  <si>
    <t>1270</t>
  </si>
  <si>
    <t>0.4552212953567505</t>
  </si>
  <si>
    <t>406.0532531738281</t>
  </si>
  <si>
    <t>0.05586235737265355</t>
  </si>
  <si>
    <t>-0.5380488038063049</t>
  </si>
  <si>
    <t>386.425048828125</t>
  </si>
  <si>
    <t>0.11795799847723032</t>
  </si>
  <si>
    <t>1648</t>
  </si>
  <si>
    <t>1.0302379131317139</t>
  </si>
  <si>
    <t>471.64697265625</t>
  </si>
  <si>
    <t>0.14258753253955003</t>
  </si>
  <si>
    <t>1.1357585191726685</t>
  </si>
  <si>
    <t>455.4175109863281</t>
  </si>
  <si>
    <t>0.1327726096759072</t>
  </si>
  <si>
    <t>0.4954034090042114</t>
  </si>
  <si>
    <t>467.2074890136719</t>
  </si>
  <si>
    <t>0.0593110132704906</t>
  </si>
  <si>
    <t>0.6640982031822205</t>
  </si>
  <si>
    <t>428.57037353515625</t>
  </si>
  <si>
    <t>0.13559486060696546</t>
  </si>
  <si>
    <t>0.7502700686454773</t>
  </si>
  <si>
    <t>405.8506164550781</t>
  </si>
  <si>
    <t>0.11549698684835974</t>
  </si>
  <si>
    <t>0.8512954115867615</t>
  </si>
  <si>
    <t>442.6363830566406</t>
  </si>
  <si>
    <t>0.07935324887136286</t>
  </si>
  <si>
    <t>0.8792868256568909</t>
  </si>
  <si>
    <t>449.49664306640625</t>
  </si>
  <si>
    <t>0.07184354835663154</t>
  </si>
  <si>
    <t>1.260197639465332</t>
  </si>
  <si>
    <t>408.28057861328125</t>
  </si>
  <si>
    <t>0.05028810080316504</t>
  </si>
  <si>
    <t>3513</t>
  </si>
  <si>
    <t>1.3254692554473877</t>
  </si>
  <si>
    <t>363.0308532714844</t>
  </si>
  <si>
    <t>0.11224757336352731</t>
  </si>
  <si>
    <t>3898</t>
  </si>
  <si>
    <t>1.3343867063522339</t>
  </si>
  <si>
    <t>391.7510986328125</t>
  </si>
  <si>
    <t>0.10399322780167886</t>
  </si>
  <si>
    <t>0.8041017055511475</t>
  </si>
  <si>
    <t>457.38055419921875</t>
  </si>
  <si>
    <t>0.0611979038718129</t>
  </si>
  <si>
    <t>4606</t>
  </si>
  <si>
    <t>1.5760550498962402</t>
  </si>
  <si>
    <t>341.075927734375</t>
  </si>
  <si>
    <t>0.1056982964413109</t>
  </si>
  <si>
    <t>4906</t>
  </si>
  <si>
    <t>1.549554467201233</t>
  </si>
  <si>
    <t>404.69091796875</t>
  </si>
  <si>
    <t>0.06309914443780507</t>
  </si>
  <si>
    <t>5321</t>
  </si>
  <si>
    <t>0.8397607207298279</t>
  </si>
  <si>
    <t>426.3253173828125</t>
  </si>
  <si>
    <t>0.08120230977793419</t>
  </si>
  <si>
    <t>5902</t>
  </si>
  <si>
    <t>0.929528534412384</t>
  </si>
  <si>
    <t>375.5480041503906</t>
  </si>
  <si>
    <t>0.1036300209065164</t>
  </si>
  <si>
    <t>6655</t>
  </si>
  <si>
    <t>0.9611842036247253</t>
  </si>
  <si>
    <t>433.8814392089844</t>
  </si>
  <si>
    <t>0.12007717532632611</t>
  </si>
  <si>
    <t>7368</t>
  </si>
  <si>
    <t>0.9501994252204895</t>
  </si>
  <si>
    <t>405.5719909667969</t>
  </si>
  <si>
    <t>0.10177784710593052</t>
  </si>
  <si>
    <t>0.9263303279876709</t>
  </si>
  <si>
    <t>346.72711181640625</t>
  </si>
  <si>
    <t>0.08504146839485571</t>
  </si>
  <si>
    <t>8698</t>
  </si>
  <si>
    <t>1.501869559288025</t>
  </si>
  <si>
    <t>410.2553405761719</t>
  </si>
  <si>
    <t>0.08090534682758665</t>
  </si>
  <si>
    <t>1.4378610849380493</t>
  </si>
  <si>
    <t>423.76092529296875</t>
  </si>
  <si>
    <t>0.07538003335135457</t>
  </si>
  <si>
    <t>10243</t>
  </si>
  <si>
    <t>0.984338104724884</t>
  </si>
  <si>
    <t>425.8561706542969</t>
  </si>
  <si>
    <t>0.08812139792759588</t>
  </si>
  <si>
    <t>10879</t>
  </si>
  <si>
    <t>1.004876732826233</t>
  </si>
  <si>
    <t>415.89727783203125</t>
  </si>
  <si>
    <t>0.060239779984547326</t>
  </si>
  <si>
    <t>11896</t>
  </si>
  <si>
    <t>1.1536061763763428</t>
  </si>
  <si>
    <t>385.93084716796875</t>
  </si>
  <si>
    <t>0.08936788371890891</t>
  </si>
  <si>
    <t>12384</t>
  </si>
  <si>
    <t>1.2236679792404175</t>
  </si>
  <si>
    <t>389.15576171875</t>
  </si>
  <si>
    <t>0.040203107689517736</t>
  </si>
  <si>
    <t>12739</t>
  </si>
  <si>
    <t>1.3240255117416382</t>
  </si>
  <si>
    <t>364.3153381347656</t>
  </si>
  <si>
    <t>0.028262837280278674</t>
  </si>
  <si>
    <t>436</t>
  </si>
  <si>
    <t>1069</t>
  </si>
  <si>
    <t>15.56678295135498</t>
  </si>
  <si>
    <t>1189.2564697265625</t>
  </si>
  <si>
    <t>14976.572265625</t>
  </si>
  <si>
    <t>Yunnan</t>
  </si>
  <si>
    <t>1148</t>
  </si>
  <si>
    <t>15.57524585723877</t>
  </si>
  <si>
    <t>1169.44140625</t>
  </si>
  <si>
    <t>0.07129766585446617</t>
  </si>
  <si>
    <t>15.186885833740234</t>
  </si>
  <si>
    <t>907.388427734375</t>
  </si>
  <si>
    <t>0.11662092047620654</t>
  </si>
  <si>
    <t>15.71042251586914</t>
  </si>
  <si>
    <t>1011.8743286132812</t>
  </si>
  <si>
    <t>0.07753509396475167</t>
  </si>
  <si>
    <t>1473</t>
  </si>
  <si>
    <t>15.870192527770996</t>
  </si>
  <si>
    <t>1156.845458984375</t>
  </si>
  <si>
    <t>0.055123825142160854</t>
  </si>
  <si>
    <t>15.728732109069824</t>
  </si>
  <si>
    <t>1137.853515625</t>
  </si>
  <si>
    <t>0.06377448187972323</t>
  </si>
  <si>
    <t>15.616509437561035</t>
  </si>
  <si>
    <t>1103.1595458984375</t>
  </si>
  <si>
    <t>0.1289028630940905</t>
  </si>
  <si>
    <t>15.62453556060791</t>
  </si>
  <si>
    <t>1235.248046875</t>
  </si>
  <si>
    <t>0.048096701361923344</t>
  </si>
  <si>
    <t>16.45387840270996</t>
  </si>
  <si>
    <t>1066.51416015625</t>
  </si>
  <si>
    <t>0.06457187170203227</t>
  </si>
  <si>
    <t>16.12267303466797</t>
  </si>
  <si>
    <t>1263.46240234375</t>
  </si>
  <si>
    <t>0.026167871790260477</t>
  </si>
  <si>
    <t>15.73960018157959</t>
  </si>
  <si>
    <t>1101.58984375</t>
  </si>
  <si>
    <t>0.02407434514623663</t>
  </si>
  <si>
    <t>16.034339904785156</t>
  </si>
  <si>
    <t>1284.81396484375</t>
  </si>
  <si>
    <t>0.03505850979765057</t>
  </si>
  <si>
    <t>2305</t>
  </si>
  <si>
    <t>16.155187606811523</t>
  </si>
  <si>
    <t>1133.7452392578125</t>
  </si>
  <si>
    <t>0.05713289419620171</t>
  </si>
  <si>
    <t>16.353052139282227</t>
  </si>
  <si>
    <t>893.2261352539062</t>
  </si>
  <si>
    <t>0.05773669923990088</t>
  </si>
  <si>
    <t>2682</t>
  </si>
  <si>
    <t>15.757586479187012</t>
  </si>
  <si>
    <t>1050.5123291015625</t>
  </si>
  <si>
    <t>0.09374540917097374</t>
  </si>
  <si>
    <t>2836</t>
  </si>
  <si>
    <t>16.43712043762207</t>
  </si>
  <si>
    <t>1002.7843017578125</t>
  </si>
  <si>
    <t>0.05583182381039453</t>
  </si>
  <si>
    <t>3182</t>
  </si>
  <si>
    <t>16.353355407714844</t>
  </si>
  <si>
    <t>1045.5413818359375</t>
  </si>
  <si>
    <t>0.11511532124571477</t>
  </si>
  <si>
    <t>3669</t>
  </si>
  <si>
    <t>16.084402084350586</t>
  </si>
  <si>
    <t>1160.8026123046875</t>
  </si>
  <si>
    <t>0.14240921545754937</t>
  </si>
  <si>
    <t>4018</t>
  </si>
  <si>
    <t>15.610793113708496</t>
  </si>
  <si>
    <t>1152.29443359375</t>
  </si>
  <si>
    <t>0.09086512101959698</t>
  </si>
  <si>
    <t>4385</t>
  </si>
  <si>
    <t>16.674558639526367</t>
  </si>
  <si>
    <t>876.641845703125</t>
  </si>
  <si>
    <t>0.08740535943140415</t>
  </si>
  <si>
    <t>16.296606063842773</t>
  </si>
  <si>
    <t>1029.8756103515625</t>
  </si>
  <si>
    <t>0.09209157140876023</t>
  </si>
  <si>
    <t>5472</t>
  </si>
  <si>
    <t>15.930258750915527</t>
  </si>
  <si>
    <t>818.3790893554688</t>
  </si>
  <si>
    <t>0.1293629830873435</t>
  </si>
  <si>
    <t>6221</t>
  </si>
  <si>
    <t>16.296236038208008</t>
  </si>
  <si>
    <t>914.9818725585938</t>
  </si>
  <si>
    <t>0.12828648521263197</t>
  </si>
  <si>
    <t>16.23122787475586</t>
  </si>
  <si>
    <t>990.2665405273438</t>
  </si>
  <si>
    <t>0.12140219079993386</t>
  </si>
  <si>
    <t>7605</t>
  </si>
  <si>
    <t>16.393592834472656</t>
  </si>
  <si>
    <t>1119.21435546875</t>
  </si>
  <si>
    <t>0.0794730693784409</t>
  </si>
  <si>
    <t>8090</t>
  </si>
  <si>
    <t>16.35499382019043</t>
  </si>
  <si>
    <t>1150.3740234375</t>
  </si>
  <si>
    <t>0.061822805359144084</t>
  </si>
  <si>
    <t>8707</t>
  </si>
  <si>
    <t>16.44135284423828</t>
  </si>
  <si>
    <t>1141.1512451171875</t>
  </si>
  <si>
    <t>0.07349856877607763</t>
  </si>
  <si>
    <t>9451</t>
  </si>
  <si>
    <t>15.990399360656738</t>
  </si>
  <si>
    <t>1175.91845703125</t>
  </si>
  <si>
    <t>0.08199325616643982</t>
  </si>
  <si>
    <t>10334</t>
  </si>
  <si>
    <t>16.083112716674805</t>
  </si>
  <si>
    <t>1195.6553955078125</t>
  </si>
  <si>
    <t>0.08931887385207382</t>
  </si>
  <si>
    <t>16.72307014465332</t>
  </si>
  <si>
    <t>885.1069946289062</t>
  </si>
  <si>
    <t>0.08927479636211721</t>
  </si>
  <si>
    <t>11843</t>
  </si>
  <si>
    <t>16.313743591308594</t>
  </si>
  <si>
    <t>1020.36474609375</t>
  </si>
  <si>
    <t>0.04702274951224794</t>
  </si>
  <si>
    <t>12577</t>
  </si>
  <si>
    <t>16.75791358947754</t>
  </si>
  <si>
    <t>1108.718505859375</t>
  </si>
  <si>
    <t>0.06013277332566069</t>
  </si>
  <si>
    <t>12937</t>
  </si>
  <si>
    <t>16.13780403137207</t>
  </si>
  <si>
    <t>1022.5919189453125</t>
  </si>
  <si>
    <t>0.028221673870746145</t>
  </si>
  <si>
    <t>437</t>
  </si>
  <si>
    <t>17.42131996154785</t>
  </si>
  <si>
    <t>1643.412353515625</t>
  </si>
  <si>
    <t>21302.47265625</t>
  </si>
  <si>
    <t>Zhejiang</t>
  </si>
  <si>
    <t>2267</t>
  </si>
  <si>
    <t>16.721702575683594</t>
  </si>
  <si>
    <t>1410.4921875</t>
  </si>
  <si>
    <t>0.07082200568137687</t>
  </si>
  <si>
    <t>16.432146072387695</t>
  </si>
  <si>
    <t>1614.420654296875</t>
  </si>
  <si>
    <t>0.11645882447192779</t>
  </si>
  <si>
    <t>3062</t>
  </si>
  <si>
    <t>16.66886329650879</t>
  </si>
  <si>
    <t>1634.6207275390625</t>
  </si>
  <si>
    <t>0.18415210123817172</t>
  </si>
  <si>
    <t>3621</t>
  </si>
  <si>
    <t>17.29326820373535</t>
  </si>
  <si>
    <t>1485.2257080078125</t>
  </si>
  <si>
    <t>0.1676819335480122</t>
  </si>
  <si>
    <t>4148</t>
  </si>
  <si>
    <t>16.807395935058594</t>
  </si>
  <si>
    <t>1471.2122802734375</t>
  </si>
  <si>
    <t>0.13587605958377758</t>
  </si>
  <si>
    <t>4506</t>
  </si>
  <si>
    <t>16.61649513244629</t>
  </si>
  <si>
    <t>1321.2904052734375</t>
  </si>
  <si>
    <t>0.08278355164277151</t>
  </si>
  <si>
    <t>4826</t>
  </si>
  <si>
    <t>17.0602970123291</t>
  </si>
  <si>
    <t>1618.89453125</t>
  </si>
  <si>
    <t>0.06860812519278703</t>
  </si>
  <si>
    <t>18.040300369262695</t>
  </si>
  <si>
    <t>1468.8126220703125</t>
  </si>
  <si>
    <t>0.05991741683164875</t>
  </si>
  <si>
    <t>5505</t>
  </si>
  <si>
    <t>17.107574462890625</t>
  </si>
  <si>
    <t>1589.2498779296875</t>
  </si>
  <si>
    <t>0.07172138614015466</t>
  </si>
  <si>
    <t>5881</t>
  </si>
  <si>
    <t>17.347475051879883</t>
  </si>
  <si>
    <t>1600.0257568359375</t>
  </si>
  <si>
    <t>0.06607004530317617</t>
  </si>
  <si>
    <t>6332</t>
  </si>
  <si>
    <t>17.469118118286133</t>
  </si>
  <si>
    <t>1474.6993408203125</t>
  </si>
  <si>
    <t>0.0738893265409466</t>
  </si>
  <si>
    <t>7127</t>
  </si>
  <si>
    <t>17.492876052856445</t>
  </si>
  <si>
    <t>1751.459716796875</t>
  </si>
  <si>
    <t>0.11827424650096852</t>
  </si>
  <si>
    <t>8177</t>
  </si>
  <si>
    <t>17.367765426635742</t>
  </si>
  <si>
    <t>1097.1265869140625</t>
  </si>
  <si>
    <t>0.1374349466601057</t>
  </si>
  <si>
    <t>8823</t>
  </si>
  <si>
    <t>17.460128784179688</t>
  </si>
  <si>
    <t>1332.90869140625</t>
  </si>
  <si>
    <t>0.07603661306012732</t>
  </si>
  <si>
    <t>9447</t>
  </si>
  <si>
    <t>17.435882568359375</t>
  </si>
  <si>
    <t>1477.3681640625</t>
  </si>
  <si>
    <t>0.06833528254703047</t>
  </si>
  <si>
    <t>10567</t>
  </si>
  <si>
    <t>17.742431640625</t>
  </si>
  <si>
    <t>1346.4791259765625</t>
  </si>
  <si>
    <t>0.1120387066718962</t>
  </si>
  <si>
    <t>17.881269454956055</t>
  </si>
  <si>
    <t>1434.4173583984375</t>
  </si>
  <si>
    <t>0.11450753837570815</t>
  </si>
  <si>
    <t>12416</t>
  </si>
  <si>
    <t>17.369117736816406</t>
  </si>
  <si>
    <t>1347.9342041015625</t>
  </si>
  <si>
    <t>0.04674248760626121</t>
  </si>
  <si>
    <t>17.642641067504883</t>
  </si>
  <si>
    <t>1541.8414306640625</t>
  </si>
  <si>
    <t>0.06372774635004852</t>
  </si>
  <si>
    <t>16.824378967285156</t>
  </si>
  <si>
    <t>1780.2872314453125</t>
  </si>
  <si>
    <t>0.09631954224080452</t>
  </si>
  <si>
    <t>15323</t>
  </si>
  <si>
    <t>17.120302200317383</t>
  </si>
  <si>
    <t>1329.4644775390625</t>
  </si>
  <si>
    <t>0.050321715564322744</t>
  </si>
  <si>
    <t>15842</t>
  </si>
  <si>
    <t>17.007776260375977</t>
  </si>
  <si>
    <t>1799.0771484375</t>
  </si>
  <si>
    <t>0.033309673446048293</t>
  </si>
  <si>
    <t>16530</t>
  </si>
  <si>
    <t>17.703367233276367</t>
  </si>
  <si>
    <t>1367.6820068359375</t>
  </si>
  <si>
    <t>0.0425122707908443</t>
  </si>
  <si>
    <t>17258</t>
  </si>
  <si>
    <t>17.514997482299805</t>
  </si>
  <si>
    <t>1676.2982177734375</t>
  </si>
  <si>
    <t>0.04309889225318386</t>
  </si>
  <si>
    <t>18457</t>
  </si>
  <si>
    <t>17.416963577270508</t>
  </si>
  <si>
    <t>1816.4388427734375</t>
  </si>
  <si>
    <t>0.06716789823903824</t>
  </si>
  <si>
    <t>19471</t>
  </si>
  <si>
    <t>18.127635955810547</t>
  </si>
  <si>
    <t>1530.857177734375</t>
  </si>
  <si>
    <t>0.053482476808330404</t>
  </si>
  <si>
    <t>20506</t>
  </si>
  <si>
    <t>17.733043670654297</t>
  </si>
  <si>
    <t>1502.102294921875</t>
  </si>
  <si>
    <t>0.05179134711441513</t>
  </si>
  <si>
    <t>21678</t>
  </si>
  <si>
    <t>17.90482521057129</t>
  </si>
  <si>
    <t>1421.28173828125</t>
  </si>
  <si>
    <t>0.05558039514565927</t>
  </si>
  <si>
    <t>22626</t>
  </si>
  <si>
    <t>18.059846878051758</t>
  </si>
  <si>
    <t>1711.4293212890625</t>
  </si>
  <si>
    <t>0.042801766110716954</t>
  </si>
  <si>
    <t>22923</t>
  </si>
  <si>
    <t>17.942201614379883</t>
  </si>
  <si>
    <t>1421.8746337890625</t>
  </si>
  <si>
    <t>0.01304108582926311</t>
  </si>
  <si>
    <t>24807</t>
  </si>
  <si>
    <t>18.44037437438965</t>
  </si>
  <si>
    <t>1880.5426025390625</t>
  </si>
  <si>
    <t>0.0789850980746003</t>
  </si>
  <si>
    <t>25517</t>
  </si>
  <si>
    <t>18.098709106445312</t>
  </si>
  <si>
    <t>1402.6905517578125</t>
  </si>
  <si>
    <t>0.02821902529940168</t>
  </si>
  <si>
    <t>438</t>
  </si>
  <si>
    <t>COL</t>
  </si>
  <si>
    <t>9427</t>
  </si>
  <si>
    <t>21.05495262145996</t>
  </si>
  <si>
    <t>2359.222900390625</t>
  </si>
  <si>
    <t>1628.173828125</t>
  </si>
  <si>
    <t>Antioquia</t>
  </si>
  <si>
    <t>Colombia</t>
  </si>
  <si>
    <t>9285</t>
  </si>
  <si>
    <t>21.124052047729492</t>
  </si>
  <si>
    <t>2106.3173828125</t>
  </si>
  <si>
    <t>-0.015177717609343944</t>
  </si>
  <si>
    <t>9518</t>
  </si>
  <si>
    <t>21.10735511779785</t>
  </si>
  <si>
    <t>1802.992431640625</t>
  </si>
  <si>
    <t>0.024784547894249442</t>
  </si>
  <si>
    <t>9588</t>
  </si>
  <si>
    <t>21.039636611938477</t>
  </si>
  <si>
    <t>2271.484619140625</t>
  </si>
  <si>
    <t>0.007327573873219251</t>
  </si>
  <si>
    <t>10048</t>
  </si>
  <si>
    <t>21.095991134643555</t>
  </si>
  <si>
    <t>2184.8583984375</t>
  </si>
  <si>
    <t>0.046861293153705574</t>
  </si>
  <si>
    <t>21.205961227416992</t>
  </si>
  <si>
    <t>2708.62841796875</t>
  </si>
  <si>
    <t>-0.0033894958180891166</t>
  </si>
  <si>
    <t>10871</t>
  </si>
  <si>
    <t>20.98999786376953</t>
  </si>
  <si>
    <t>2799.1787109375</t>
  </si>
  <si>
    <t>0.08211457931411026</t>
  </si>
  <si>
    <t>21.518251419067383</t>
  </si>
  <si>
    <t>1747.5506591796875</t>
  </si>
  <si>
    <t>0.0331132117039008</t>
  </si>
  <si>
    <t>10713</t>
  </si>
  <si>
    <t>21.438810348510742</t>
  </si>
  <si>
    <t>2932.4482421875</t>
  </si>
  <si>
    <t>-0.047753947645343686</t>
  </si>
  <si>
    <t>20.62711524963379</t>
  </si>
  <si>
    <t>3054.690673828125</t>
  </si>
  <si>
    <t>-0.05793292424804086</t>
  </si>
  <si>
    <t>10255</t>
  </si>
  <si>
    <t>20.714954376220703</t>
  </si>
  <si>
    <t>2848.541748046875</t>
  </si>
  <si>
    <t>0.014240358491964145</t>
  </si>
  <si>
    <t>21.245197296142578</t>
  </si>
  <si>
    <t>2154.885498046875</t>
  </si>
  <si>
    <t>-0.019695368299728955</t>
  </si>
  <si>
    <t>10438</t>
  </si>
  <si>
    <t>21.35541343688965</t>
  </si>
  <si>
    <t>2246.662109375</t>
  </si>
  <si>
    <t>0.03738296999660662</t>
  </si>
  <si>
    <t>21.345537185668945</t>
  </si>
  <si>
    <t>2364.040283203125</t>
  </si>
  <si>
    <t>0.02935973376970402</t>
  </si>
  <si>
    <t>11118</t>
  </si>
  <si>
    <t>21.12906837463379</t>
  </si>
  <si>
    <t>2390.589111328125</t>
  </si>
  <si>
    <t>0.03375268954035171</t>
  </si>
  <si>
    <t>11680</t>
  </si>
  <si>
    <t>21.269794464111328</t>
  </si>
  <si>
    <t>2573.305419921875</t>
  </si>
  <si>
    <t>0.049312560868802535</t>
  </si>
  <si>
    <t>12234</t>
  </si>
  <si>
    <t>21.12651252746582</t>
  </si>
  <si>
    <t>2635.734130859375</t>
  </si>
  <si>
    <t>0.04634098342029347</t>
  </si>
  <si>
    <t>12909</t>
  </si>
  <si>
    <t>21.03573989868164</t>
  </si>
  <si>
    <t>2661.939697265625</t>
  </si>
  <si>
    <t>0.05370578170419904</t>
  </si>
  <si>
    <t>12536</t>
  </si>
  <si>
    <t>20.72194480895996</t>
  </si>
  <si>
    <t>3063.040771484375</t>
  </si>
  <si>
    <t>-0.029320237470853883</t>
  </si>
  <si>
    <t>12391</t>
  </si>
  <si>
    <t>21.31290626525879</t>
  </si>
  <si>
    <t>2189.41943359375</t>
  </si>
  <si>
    <t>-0.01163410241936269</t>
  </si>
  <si>
    <t>12564</t>
  </si>
  <si>
    <t>21.35697364807129</t>
  </si>
  <si>
    <t>2995.5849609375</t>
  </si>
  <si>
    <t>0.013865179042044318</t>
  </si>
  <si>
    <t>13144</t>
  </si>
  <si>
    <t>21.05942726135254</t>
  </si>
  <si>
    <t>3326.418701171875</t>
  </si>
  <si>
    <t>0.04512979905856618</t>
  </si>
  <si>
    <t>13521</t>
  </si>
  <si>
    <t>21.587453842163086</t>
  </si>
  <si>
    <t>2137.213134765625</t>
  </si>
  <si>
    <t>0.028278651641654662</t>
  </si>
  <si>
    <t>14004</t>
  </si>
  <si>
    <t>21.7314510345459</t>
  </si>
  <si>
    <t>2507.571533203125</t>
  </si>
  <si>
    <t>0.03509897071579715</t>
  </si>
  <si>
    <t>14656</t>
  </si>
  <si>
    <t>21.913108825683594</t>
  </si>
  <si>
    <t>2188.25927734375</t>
  </si>
  <si>
    <t>0.04550680483935565</t>
  </si>
  <si>
    <t>15255</t>
  </si>
  <si>
    <t>22.15349769592285</t>
  </si>
  <si>
    <t>1673.4217529296875</t>
  </si>
  <si>
    <t>0.04005751023685811</t>
  </si>
  <si>
    <t>15631</t>
  </si>
  <si>
    <t>21.956361770629883</t>
  </si>
  <si>
    <t>2319.907470703125</t>
  </si>
  <si>
    <t>0.02434880374470083</t>
  </si>
  <si>
    <t>15374</t>
  </si>
  <si>
    <t>21.29682159423828</t>
  </si>
  <si>
    <t>2764.83740234375</t>
  </si>
  <si>
    <t>-0.01657835098639282</t>
  </si>
  <si>
    <t>21.22686767578125</t>
  </si>
  <si>
    <t>2452.457275390625</t>
  </si>
  <si>
    <t>0.004154231600722369</t>
  </si>
  <si>
    <t>15787</t>
  </si>
  <si>
    <t>21.655656814575195</t>
  </si>
  <si>
    <t>2375.35302734375</t>
  </si>
  <si>
    <t>0.022354814021927183</t>
  </si>
  <si>
    <t>21.441118240356445</t>
  </si>
  <si>
    <t>2455.747802734375</t>
  </si>
  <si>
    <t>-0.05775849175626746</t>
  </si>
  <si>
    <t>16365</t>
  </si>
  <si>
    <t>21.041044235229492</t>
  </si>
  <si>
    <t>2816.567626953125</t>
  </si>
  <si>
    <t>0.09371658315982145</t>
  </si>
  <si>
    <t>17443</t>
  </si>
  <si>
    <t>20.72414779663086</t>
  </si>
  <si>
    <t>3201.123779296875</t>
  </si>
  <si>
    <t>0.06379351408285316</t>
  </si>
  <si>
    <t>439</t>
  </si>
  <si>
    <t>6998</t>
  </si>
  <si>
    <t>28.231779098510742</t>
  </si>
  <si>
    <t>960.5319213867188</t>
  </si>
  <si>
    <t>861.6947021484375</t>
  </si>
  <si>
    <t>Atlantico</t>
  </si>
  <si>
    <t>6954</t>
  </si>
  <si>
    <t>28.048444747924805</t>
  </si>
  <si>
    <t>492.88787841796875</t>
  </si>
  <si>
    <t>-0.00630736035982693</t>
  </si>
  <si>
    <t>7263</t>
  </si>
  <si>
    <t>28.042924880981445</t>
  </si>
  <si>
    <t>883.7560424804688</t>
  </si>
  <si>
    <t>0.04347593303836028</t>
  </si>
  <si>
    <t>7434</t>
  </si>
  <si>
    <t>28.126205444335938</t>
  </si>
  <si>
    <t>742.8950805664062</t>
  </si>
  <si>
    <t>0.023271105251030377</t>
  </si>
  <si>
    <t>6658</t>
  </si>
  <si>
    <t>28.251256942749023</t>
  </si>
  <si>
    <t>755.3700561523438</t>
  </si>
  <si>
    <t>-0.11024493272222813</t>
  </si>
  <si>
    <t>7118</t>
  </si>
  <si>
    <t>28.301206588745117</t>
  </si>
  <si>
    <t>1319.548583984375</t>
  </si>
  <si>
    <t>0.06680764793516758</t>
  </si>
  <si>
    <t>8725</t>
  </si>
  <si>
    <t>28.10683250427246</t>
  </si>
  <si>
    <t>1026.64794921875</t>
  </si>
  <si>
    <t>0.20356568100049088</t>
  </si>
  <si>
    <t>9055</t>
  </si>
  <si>
    <t>28.57344627380371</t>
  </si>
  <si>
    <t>772.4403686523438</t>
  </si>
  <si>
    <t>0.03712462324688559</t>
  </si>
  <si>
    <t>8907</t>
  </si>
  <si>
    <t>28.551259994506836</t>
  </si>
  <si>
    <t>1158.84912109375</t>
  </si>
  <si>
    <t>-0.016479606885644316</t>
  </si>
  <si>
    <t>8302</t>
  </si>
  <si>
    <t>27.873443603515625</t>
  </si>
  <si>
    <t>1461.80712890625</t>
  </si>
  <si>
    <t>-0.07034103481888465</t>
  </si>
  <si>
    <t>27.884592056274414</t>
  </si>
  <si>
    <t>774.3038330078125</t>
  </si>
  <si>
    <t>-0.0025327155792851386</t>
  </si>
  <si>
    <t>8300</t>
  </si>
  <si>
    <t>28.415163040161133</t>
  </si>
  <si>
    <t>852.3035888671875</t>
  </si>
  <si>
    <t>0.0022917807509905685</t>
  </si>
  <si>
    <t>28.46240234375</t>
  </si>
  <si>
    <t>832.7265014648438</t>
  </si>
  <si>
    <t>-0.0001204891862425228</t>
  </si>
  <si>
    <t>8691</t>
  </si>
  <si>
    <t>28.542922973632812</t>
  </si>
  <si>
    <t>1042.03759765625</t>
  </si>
  <si>
    <t>0.04615298183901295</t>
  </si>
  <si>
    <t>28.204017639160156</t>
  </si>
  <si>
    <t>1274.476318359375</t>
  </si>
  <si>
    <t>0.06869366667902987</t>
  </si>
  <si>
    <t>28.470735549926758</t>
  </si>
  <si>
    <t>1171.1015625</t>
  </si>
  <si>
    <t>-0.15279091435617076</t>
  </si>
  <si>
    <t>8495</t>
  </si>
  <si>
    <t>28.456830978393555</t>
  </si>
  <si>
    <t>885.5946655273438</t>
  </si>
  <si>
    <t>0.06128699534571247</t>
  </si>
  <si>
    <t>28.315114974975586</t>
  </si>
  <si>
    <t>1465.6463623046875</t>
  </si>
  <si>
    <t>0.08978367345130778</t>
  </si>
  <si>
    <t>9189</t>
  </si>
  <si>
    <t>28.098501205444336</t>
  </si>
  <si>
    <t>1145.697509765625</t>
  </si>
  <si>
    <t>-0.011254312056454552</t>
  </si>
  <si>
    <t>9279</t>
  </si>
  <si>
    <t>28.6541748046875</t>
  </si>
  <si>
    <t>719.5154418945312</t>
  </si>
  <si>
    <t>0.009746665852294</t>
  </si>
  <si>
    <t>28.623552322387695</t>
  </si>
  <si>
    <t>1418.8931884765625</t>
  </si>
  <si>
    <t>-0.02024889562726706</t>
  </si>
  <si>
    <t>28.329124450683594</t>
  </si>
  <si>
    <t>1669.1717529296875</t>
  </si>
  <si>
    <t>0.01970989922549471</t>
  </si>
  <si>
    <t>9929</t>
  </si>
  <si>
    <t>28.68459129333496</t>
  </si>
  <si>
    <t>902.6946411132812</t>
  </si>
  <si>
    <t>0.06824498208218799</t>
  </si>
  <si>
    <t>10601</t>
  </si>
  <si>
    <t>28.77068519592285</t>
  </si>
  <si>
    <t>873.4950561523438</t>
  </si>
  <si>
    <t>0.06548856823950189</t>
  </si>
  <si>
    <t>11387</t>
  </si>
  <si>
    <t>28.887351989746094</t>
  </si>
  <si>
    <t>705.2528076171875</t>
  </si>
  <si>
    <t>0.07152401753750759</t>
  </si>
  <si>
    <t>12096</t>
  </si>
  <si>
    <t>29.15677833557129</t>
  </si>
  <si>
    <t>495.660400390625</t>
  </si>
  <si>
    <t>0.06040246560871054</t>
  </si>
  <si>
    <t>28.97907066345215</t>
  </si>
  <si>
    <t>1024.1103515625</t>
  </si>
  <si>
    <t>0.012242870966952424</t>
  </si>
  <si>
    <t>28.65407371520996</t>
  </si>
  <si>
    <t>1141.24072265625</t>
  </si>
  <si>
    <t>-0.011003559865216062</t>
  </si>
  <si>
    <t>11942</t>
  </si>
  <si>
    <t>28.4901123046875</t>
  </si>
  <si>
    <t>837.8984375</t>
  </si>
  <si>
    <t>-0.014052532414114083</t>
  </si>
  <si>
    <t>28.85401725769043</t>
  </si>
  <si>
    <t>671.9697875976562</t>
  </si>
  <si>
    <t>-0.0013407074238855898</t>
  </si>
  <si>
    <t>10972</t>
  </si>
  <si>
    <t>28.790109634399414</t>
  </si>
  <si>
    <t>755.731689453125</t>
  </si>
  <si>
    <t>-0.08337431762555703</t>
  </si>
  <si>
    <t>12050</t>
  </si>
  <si>
    <t>28.545686721801758</t>
  </si>
  <si>
    <t>487.0177917480469</t>
  </si>
  <si>
    <t>0.09371808686130656</t>
  </si>
  <si>
    <t>12844</t>
  </si>
  <si>
    <t>28.27344512939453</t>
  </si>
  <si>
    <t>1417.058349609375</t>
  </si>
  <si>
    <t>0.06381211629060424</t>
  </si>
  <si>
    <t>441</t>
  </si>
  <si>
    <t>27.88543128967285</t>
  </si>
  <si>
    <t>1420.155029296875</t>
  </si>
  <si>
    <t>346.81964111328125</t>
  </si>
  <si>
    <t>Bolivar</t>
  </si>
  <si>
    <t>6008</t>
  </si>
  <si>
    <t>27.730836868286133</t>
  </si>
  <si>
    <t>841.6646118164062</t>
  </si>
  <si>
    <t>0.051924231349840255</t>
  </si>
  <si>
    <t>7082</t>
  </si>
  <si>
    <t>27.73443031311035</t>
  </si>
  <si>
    <t>1368.6361083984375</t>
  </si>
  <si>
    <t>0.1644644392278778</t>
  </si>
  <si>
    <t>27.765958786010742</t>
  </si>
  <si>
    <t>1201.2608642578125</t>
  </si>
  <si>
    <t>-0.09844981100204642</t>
  </si>
  <si>
    <t>5910</t>
  </si>
  <si>
    <t>27.900548934936523</t>
  </si>
  <si>
    <t>1218.3919677734375</t>
  </si>
  <si>
    <t>-0.08246071126965937</t>
  </si>
  <si>
    <t>6536</t>
  </si>
  <si>
    <t>27.975950241088867</t>
  </si>
  <si>
    <t>1950.193359375</t>
  </si>
  <si>
    <t>0.10067952613969489</t>
  </si>
  <si>
    <t>7135</t>
  </si>
  <si>
    <t>27.761343002319336</t>
  </si>
  <si>
    <t>1722.0408935546875</t>
  </si>
  <si>
    <t>0.0876868933710977</t>
  </si>
  <si>
    <t>28.22229766845703</t>
  </si>
  <si>
    <t>1106.0849609375</t>
  </si>
  <si>
    <t>-0.01910210187348582</t>
  </si>
  <si>
    <t>28.221946716308594</t>
  </si>
  <si>
    <t>1690.564453125</t>
  </si>
  <si>
    <t>0.06136384432246089</t>
  </si>
  <si>
    <t>7049</t>
  </si>
  <si>
    <t>27.49177360534668</t>
  </si>
  <si>
    <t>2050.8486328125</t>
  </si>
  <si>
    <t>-0.054388230586035036</t>
  </si>
  <si>
    <t>27.51630401611328</t>
  </si>
  <si>
    <t>1313.7288818359375</t>
  </si>
  <si>
    <t>0.05169752534367156</t>
  </si>
  <si>
    <t>28.05712127685547</t>
  </si>
  <si>
    <t>1222.680419921875</t>
  </si>
  <si>
    <t>0.022511773172215754</t>
  </si>
  <si>
    <t>8117</t>
  </si>
  <si>
    <t>28.1141414642334</t>
  </si>
  <si>
    <t>1311.819091796875</t>
  </si>
  <si>
    <t>0.06686556647141195</t>
  </si>
  <si>
    <t>8440</t>
  </si>
  <si>
    <t>28.1962890625</t>
  </si>
  <si>
    <t>1677.301513671875</t>
  </si>
  <si>
    <t>0.039021680828827954</t>
  </si>
  <si>
    <t>9214</t>
  </si>
  <si>
    <t>27.8503475189209</t>
  </si>
  <si>
    <t>1901.076904296875</t>
  </si>
  <si>
    <t>0.08774175790585836</t>
  </si>
  <si>
    <t>28.114145278930664</t>
  </si>
  <si>
    <t>1722.084228515625</t>
  </si>
  <si>
    <t>-0.17174173231859768</t>
  </si>
  <si>
    <t>28.057661056518555</t>
  </si>
  <si>
    <t>1410.8438720703125</t>
  </si>
  <si>
    <t>0.06931927869142385</t>
  </si>
  <si>
    <t>27.948623657226562</t>
  </si>
  <si>
    <t>2254.01953125</t>
  </si>
  <si>
    <t>0.06876038885195612</t>
  </si>
  <si>
    <t>8914</t>
  </si>
  <si>
    <t>27.74953269958496</t>
  </si>
  <si>
    <t>1732.572021484375</t>
  </si>
  <si>
    <t>0.0005610727858567088</t>
  </si>
  <si>
    <t>8666</t>
  </si>
  <si>
    <t>28.31206703186035</t>
  </si>
  <si>
    <t>1167.097412109375</t>
  </si>
  <si>
    <t>-0.028215751206646544</t>
  </si>
  <si>
    <t>9230</t>
  </si>
  <si>
    <t>28.29133415222168</t>
  </si>
  <si>
    <t>2324.476806640625</t>
  </si>
  <si>
    <t>0.0630517251970435</t>
  </si>
  <si>
    <t>27.970670700073242</t>
  </si>
  <si>
    <t>2539.106201171875</t>
  </si>
  <si>
    <t>0.08561097470985501</t>
  </si>
  <si>
    <t>28.376863479614258</t>
  </si>
  <si>
    <t>1488.21875</t>
  </si>
  <si>
    <t>0.02591683290896185</t>
  </si>
  <si>
    <t>11241</t>
  </si>
  <si>
    <t>28.451698303222656</t>
  </si>
  <si>
    <t>1323.052978515625</t>
  </si>
  <si>
    <t>0.0855809523460831</t>
  </si>
  <si>
    <t>11206</t>
  </si>
  <si>
    <t>28.58192253112793</t>
  </si>
  <si>
    <t>1041.7999267578125</t>
  </si>
  <si>
    <t>-0.003118459336567625</t>
  </si>
  <si>
    <t>28.883581161499023</t>
  </si>
  <si>
    <t>823.85400390625</t>
  </si>
  <si>
    <t>0.019529627021483975</t>
  </si>
  <si>
    <t>11833</t>
  </si>
  <si>
    <t>28.67076873779297</t>
  </si>
  <si>
    <t>1438.4671630859375</t>
  </si>
  <si>
    <t>0.03491326223784519</t>
  </si>
  <si>
    <t>11997</t>
  </si>
  <si>
    <t>28.28399085998535</t>
  </si>
  <si>
    <t>1694.4091796875</t>
  </si>
  <si>
    <t>0.013764380130368181</t>
  </si>
  <si>
    <t>28.12938690185547</t>
  </si>
  <si>
    <t>1387.37255859375</t>
  </si>
  <si>
    <t>-0.004595020407990091</t>
  </si>
  <si>
    <t>28.520645141601562</t>
  </si>
  <si>
    <t>1108.222412109375</t>
  </si>
  <si>
    <t>0.01677362252847381</t>
  </si>
  <si>
    <t>10517</t>
  </si>
  <si>
    <t>28.420190811157227</t>
  </si>
  <si>
    <t>1210.6766357421875</t>
  </si>
  <si>
    <t>-0.14384222511538347</t>
  </si>
  <si>
    <t>28.107622146606445</t>
  </si>
  <si>
    <t>1054.625</t>
  </si>
  <si>
    <t>0.09377901776865194</t>
  </si>
  <si>
    <t>12312</t>
  </si>
  <si>
    <t>27.80803680419922</t>
  </si>
  <si>
    <t>1942.66748046875</t>
  </si>
  <si>
    <t>0.06380238323003518</t>
  </si>
  <si>
    <t>442</t>
  </si>
  <si>
    <t>6627</t>
  </si>
  <si>
    <t>15.535637855529785</t>
  </si>
  <si>
    <t>1340.1234130859375</t>
  </si>
  <si>
    <t>338.8887939453125</t>
  </si>
  <si>
    <t>Boyaca</t>
  </si>
  <si>
    <t>15.602789878845215</t>
  </si>
  <si>
    <t>1157.0357666015625</t>
  </si>
  <si>
    <t>0.03324241391467275</t>
  </si>
  <si>
    <t>15.778717041015625</t>
  </si>
  <si>
    <t>978.884521484375</t>
  </si>
  <si>
    <t>-0.07216741102561741</t>
  </si>
  <si>
    <t>7350</t>
  </si>
  <si>
    <t>15.655590057373047</t>
  </si>
  <si>
    <t>1148.25439453125</t>
  </si>
  <si>
    <t>0.1424730972296011</t>
  </si>
  <si>
    <t>6467</t>
  </si>
  <si>
    <t>15.596808433532715</t>
  </si>
  <si>
    <t>1261.1993408203125</t>
  </si>
  <si>
    <t>-0.127987990760289</t>
  </si>
  <si>
    <t>7273</t>
  </si>
  <si>
    <t>15.588920593261719</t>
  </si>
  <si>
    <t>1451.04638671875</t>
  </si>
  <si>
    <t>0.11745653870794648</t>
  </si>
  <si>
    <t>7296</t>
  </si>
  <si>
    <t>15.213364601135254</t>
  </si>
  <si>
    <t>1518.028564453125</t>
  </si>
  <si>
    <t>0.003157391599627246</t>
  </si>
  <si>
    <t>15.816662788391113</t>
  </si>
  <si>
    <t>942.6698608398438</t>
  </si>
  <si>
    <t>0.029175489133931976</t>
  </si>
  <si>
    <t>15.90680980682373</t>
  </si>
  <si>
    <t>1581.6881103515625</t>
  </si>
  <si>
    <t>-0.040200959145639814</t>
  </si>
  <si>
    <t>7014</t>
  </si>
  <si>
    <t>15.116942405700684</t>
  </si>
  <si>
    <t>1595.2542724609375</t>
  </si>
  <si>
    <t>-0.028392631042335026</t>
  </si>
  <si>
    <t>15.099876403808594</t>
  </si>
  <si>
    <t>1430.0670166015625</t>
  </si>
  <si>
    <t>0.03254144075489762</t>
  </si>
  <si>
    <t>7486</t>
  </si>
  <si>
    <t>15.652752876281738</t>
  </si>
  <si>
    <t>1163.8140869140625</t>
  </si>
  <si>
    <t>0.03258501700935312</t>
  </si>
  <si>
    <t>7465</t>
  </si>
  <si>
    <t>15.805581092834473</t>
  </si>
  <si>
    <t>1446.5159912109375</t>
  </si>
  <si>
    <t>-0.0028091784910841966</t>
  </si>
  <si>
    <t>8102</t>
  </si>
  <si>
    <t>15.75625228881836</t>
  </si>
  <si>
    <t>1445.06103515625</t>
  </si>
  <si>
    <t>0.08188551378934505</t>
  </si>
  <si>
    <t>8050</t>
  </si>
  <si>
    <t>15.515945434570312</t>
  </si>
  <si>
    <t>1593.59912109375</t>
  </si>
  <si>
    <t>-0.006438853350026363</t>
  </si>
  <si>
    <t>9018</t>
  </si>
  <si>
    <t>15.674732208251953</t>
  </si>
  <si>
    <t>1613.6407470703125</t>
  </si>
  <si>
    <t>0.11355048856841954</t>
  </si>
  <si>
    <t>9500</t>
  </si>
  <si>
    <t>15.56075382232666</t>
  </si>
  <si>
    <t>1482.6724853515625</t>
  </si>
  <si>
    <t>0.05206921860760261</t>
  </si>
  <si>
    <t>15.399883270263672</t>
  </si>
  <si>
    <t>1404.0208740234375</t>
  </si>
  <si>
    <t>0.1154880064295476</t>
  </si>
  <si>
    <t>11473</t>
  </si>
  <si>
    <t>15.186884880065918</t>
  </si>
  <si>
    <t>1774.6630859375</t>
  </si>
  <si>
    <t>0.07321664378096315</t>
  </si>
  <si>
    <t>11385</t>
  </si>
  <si>
    <t>15.836788177490234</t>
  </si>
  <si>
    <t>1306.345703125</t>
  </si>
  <si>
    <t>-0.007699749301302461</t>
  </si>
  <si>
    <t>11913</t>
  </si>
  <si>
    <t>15.875992774963379</t>
  </si>
  <si>
    <t>1845.92333984375</t>
  </si>
  <si>
    <t>0.04533354130152034</t>
  </si>
  <si>
    <t>15.56375789642334</t>
  </si>
  <si>
    <t>2010.2210693359375</t>
  </si>
  <si>
    <t>0.10945687362197276</t>
  </si>
  <si>
    <t>15.89548397064209</t>
  </si>
  <si>
    <t>1334.9947509765625</t>
  </si>
  <si>
    <t>0.01833956276445292</t>
  </si>
  <si>
    <t>13983</t>
  </si>
  <si>
    <t>16.07195281982422</t>
  </si>
  <si>
    <t>1352.7320556640625</t>
  </si>
  <si>
    <t>0.03241562885506433</t>
  </si>
  <si>
    <t>14610</t>
  </si>
  <si>
    <t>16.249792098999023</t>
  </si>
  <si>
    <t>1141.09521484375</t>
  </si>
  <si>
    <t>0.04386391970389525</t>
  </si>
  <si>
    <t>15059</t>
  </si>
  <si>
    <t>16.567005157470703</t>
  </si>
  <si>
    <t>961.48486328125</t>
  </si>
  <si>
    <t>0.030269593342074685</t>
  </si>
  <si>
    <t>15198</t>
  </si>
  <si>
    <t>16.33701515197754</t>
  </si>
  <si>
    <t>1195.9393310546875</t>
  </si>
  <si>
    <t>0.00918802114290962</t>
  </si>
  <si>
    <t>15008</t>
  </si>
  <si>
    <t>15.849227905273438</t>
  </si>
  <si>
    <t>1380.2252197265625</t>
  </si>
  <si>
    <t>-0.012580447983724596</t>
  </si>
  <si>
    <t>15417</t>
  </si>
  <si>
    <t>15.745400428771973</t>
  </si>
  <si>
    <t>1367.37548828125</t>
  </si>
  <si>
    <t>0.02688740441433346</t>
  </si>
  <si>
    <t>15718</t>
  </si>
  <si>
    <t>16.188417434692383</t>
  </si>
  <si>
    <t>1330.3096923828125</t>
  </si>
  <si>
    <t>0.01933575576578228</t>
  </si>
  <si>
    <t>14559</t>
  </si>
  <si>
    <t>16.028926849365234</t>
  </si>
  <si>
    <t>1310.306640625</t>
  </si>
  <si>
    <t>-0.07659719335279469</t>
  </si>
  <si>
    <t>15990</t>
  </si>
  <si>
    <t>15.696017265319824</t>
  </si>
  <si>
    <t>1317.930419921875</t>
  </si>
  <si>
    <t>0.09375416775467293</t>
  </si>
  <si>
    <t>17043</t>
  </si>
  <si>
    <t>15.336254119873047</t>
  </si>
  <si>
    <t>1588.1593017578125</t>
  </si>
  <si>
    <t>0.06377603539723786</t>
  </si>
  <si>
    <t>443</t>
  </si>
  <si>
    <t>15.324999809265137</t>
  </si>
  <si>
    <t>2468.7998046875</t>
  </si>
  <si>
    <t>112.73155975341797</t>
  </si>
  <si>
    <t>Caldas</t>
  </si>
  <si>
    <t>2119.60009765625</t>
  </si>
  <si>
    <t>0.06718068072115635</t>
  </si>
  <si>
    <t>7130</t>
  </si>
  <si>
    <t>15.216667175292969</t>
  </si>
  <si>
    <t>1828.9000244140625</t>
  </si>
  <si>
    <t>0.011425471634465723</t>
  </si>
  <si>
    <t>15.008334159851074</t>
  </si>
  <si>
    <t>2396.5</t>
  </si>
  <si>
    <t>0.11600492466429202</t>
  </si>
  <si>
    <t>7859</t>
  </si>
  <si>
    <t>15.033332824707031</t>
  </si>
  <si>
    <t>2362.10009765625</t>
  </si>
  <si>
    <t>-0.018656787206458247</t>
  </si>
  <si>
    <t>15.133332252502441</t>
  </si>
  <si>
    <t>2629.300048828125</t>
  </si>
  <si>
    <t>0.11343320059473072</t>
  </si>
  <si>
    <t>7790</t>
  </si>
  <si>
    <t>14.65000057220459</t>
  </si>
  <si>
    <t>2811.39990234375</t>
  </si>
  <si>
    <t>-0.12225171259611223</t>
  </si>
  <si>
    <t>15.416666984558105</t>
  </si>
  <si>
    <t>1691.7000732421875</t>
  </si>
  <si>
    <t>0.0744380112113383</t>
  </si>
  <si>
    <t>8446</t>
  </si>
  <si>
    <t>15.333332061767578</t>
  </si>
  <si>
    <t>3026.100341796875</t>
  </si>
  <si>
    <t>0.006414085417755899</t>
  </si>
  <si>
    <t>3169.000244140625</t>
  </si>
  <si>
    <t>-0.09585496468699084</t>
  </si>
  <si>
    <t>7974</t>
  </si>
  <si>
    <t>14.458333015441895</t>
  </si>
  <si>
    <t>2844.300048828125</t>
  </si>
  <si>
    <t>0.038348257134403596</t>
  </si>
  <si>
    <t>15.016667366027832</t>
  </si>
  <si>
    <t>2226.2998046875</t>
  </si>
  <si>
    <t>0.021954370153157043</t>
  </si>
  <si>
    <t>8933</t>
  </si>
  <si>
    <t>15.191668510437012</t>
  </si>
  <si>
    <t>2302.2001953125</t>
  </si>
  <si>
    <t>0.0916116656073811</t>
  </si>
  <si>
    <t>15.02500057220459</t>
  </si>
  <si>
    <t>2364.10009765625</t>
  </si>
  <si>
    <t>0.03281510028831214</t>
  </si>
  <si>
    <t>14.958333015441895</t>
  </si>
  <si>
    <t>2429.10009765625</t>
  </si>
  <si>
    <t>0.05058889729521887</t>
  </si>
  <si>
    <t>7549</t>
  </si>
  <si>
    <t>15.058334350585938</t>
  </si>
  <si>
    <t>2700.89990234375</t>
  </si>
  <si>
    <t>-0.25174117814574615</t>
  </si>
  <si>
    <t>8187</t>
  </si>
  <si>
    <t>15.041666984558105</t>
  </si>
  <si>
    <t>2809.100341796875</t>
  </si>
  <si>
    <t>0.08113242623682382</t>
  </si>
  <si>
    <t>8602</t>
  </si>
  <si>
    <t>14.808333396911621</t>
  </si>
  <si>
    <t>2694.300048828125</t>
  </si>
  <si>
    <t>0.04944720396723312</t>
  </si>
  <si>
    <t>8592</t>
  </si>
  <si>
    <t>14.57500171661377</t>
  </si>
  <si>
    <t>3195.900146484375</t>
  </si>
  <si>
    <t>-0.0011631965950353873</t>
  </si>
  <si>
    <t>15.383334159851074</t>
  </si>
  <si>
    <t>2227.199951171875</t>
  </si>
  <si>
    <t>-0.016783446595800555</t>
  </si>
  <si>
    <t>15.116667747497559</t>
  </si>
  <si>
    <t>3138.10009765625</t>
  </si>
  <si>
    <t>0.017248887609556007</t>
  </si>
  <si>
    <t>8563</t>
  </si>
  <si>
    <t>14.925000190734863</t>
  </si>
  <si>
    <t>3463.199951171875</t>
  </si>
  <si>
    <t>-0.003846382736208298</t>
  </si>
  <si>
    <t>15.433333396911621</t>
  </si>
  <si>
    <t>2132.7998046875</t>
  </si>
  <si>
    <t>0.006866480280887544</t>
  </si>
  <si>
    <t>9108</t>
  </si>
  <si>
    <t>15.625</t>
  </si>
  <si>
    <t>2525.800048828125</t>
  </si>
  <si>
    <t>0.05483607187654904</t>
  </si>
  <si>
    <t>9754</t>
  </si>
  <si>
    <t>15.866667747497559</t>
  </si>
  <si>
    <t>2367.10009765625</t>
  </si>
  <si>
    <t>0.06852430908636897</t>
  </si>
  <si>
    <t>16.016666412353516</t>
  </si>
  <si>
    <t>1669.699951171875</t>
  </si>
  <si>
    <t>0.055048792618171305</t>
  </si>
  <si>
    <t>15.583332061767578</t>
  </si>
  <si>
    <t>2372.89990234375</t>
  </si>
  <si>
    <t>0.043852522996338905</t>
  </si>
  <si>
    <t>15.199999809265137</t>
  </si>
  <si>
    <t>2668.19970703125</t>
  </si>
  <si>
    <t>0.01053127516136243</t>
  </si>
  <si>
    <t>10987</t>
  </si>
  <si>
    <t>15.149998664855957</t>
  </si>
  <si>
    <t>2289.10009765625</t>
  </si>
  <si>
    <t>0.009602707655009368</t>
  </si>
  <si>
    <t>11384</t>
  </si>
  <si>
    <t>15.616668701171875</t>
  </si>
  <si>
    <t>2504.000244140625</t>
  </si>
  <si>
    <t>0.03549610506880718</t>
  </si>
  <si>
    <t>11120</t>
  </si>
  <si>
    <t>15.400001525878906</t>
  </si>
  <si>
    <t>2337.699951171875</t>
  </si>
  <si>
    <t>-0.023463571965114838</t>
  </si>
  <si>
    <t>12213</t>
  </si>
  <si>
    <t>14.824999809265137</t>
  </si>
  <si>
    <t>2863.199951171875</t>
  </si>
  <si>
    <t>0.0937556693665158</t>
  </si>
  <si>
    <t>13018</t>
  </si>
  <si>
    <t>14.516666412353516</t>
  </si>
  <si>
    <t>3373.400390625</t>
  </si>
  <si>
    <t>0.06383205696124428</t>
  </si>
  <si>
    <t>444</t>
  </si>
  <si>
    <t>5198</t>
  </si>
  <si>
    <t>23.27691078186035</t>
  </si>
  <si>
    <t>2160.26513671875</t>
  </si>
  <si>
    <t>142.50485229492188</t>
  </si>
  <si>
    <t>Caqueta</t>
  </si>
  <si>
    <t>4884</t>
  </si>
  <si>
    <t>23.17961883544922</t>
  </si>
  <si>
    <t>2395.21240234375</t>
  </si>
  <si>
    <t>-0.062309379970841405</t>
  </si>
  <si>
    <t>23.306013107299805</t>
  </si>
  <si>
    <t>1956.85546875</t>
  </si>
  <si>
    <t>-0.08947140283049215</t>
  </si>
  <si>
    <t>4607</t>
  </si>
  <si>
    <t>23.133249282836914</t>
  </si>
  <si>
    <t>2274.41796875</t>
  </si>
  <si>
    <t>0.03108373253581398</t>
  </si>
  <si>
    <t>4499</t>
  </si>
  <si>
    <t>23.135351181030273</t>
  </si>
  <si>
    <t>2319.778076171875</t>
  </si>
  <si>
    <t>-0.023721736094744372</t>
  </si>
  <si>
    <t>5314</t>
  </si>
  <si>
    <t>23.248275756835938</t>
  </si>
  <si>
    <t>2520.97216796875</t>
  </si>
  <si>
    <t>0.16648969747858722</t>
  </si>
  <si>
    <t>6014</t>
  </si>
  <si>
    <t>22.739248275756836</t>
  </si>
  <si>
    <t>2700.4853515625</t>
  </si>
  <si>
    <t>0.12374523722871444</t>
  </si>
  <si>
    <t>6555</t>
  </si>
  <si>
    <t>23.557958602905273</t>
  </si>
  <si>
    <t>2024.2095947265625</t>
  </si>
  <si>
    <t>0.08613803264932685</t>
  </si>
  <si>
    <t>7921</t>
  </si>
  <si>
    <t>23.55657958984375</t>
  </si>
  <si>
    <t>2765.8984375</t>
  </si>
  <si>
    <t>0.18928934326647884</t>
  </si>
  <si>
    <t>6339</t>
  </si>
  <si>
    <t>22.580068588256836</t>
  </si>
  <si>
    <t>2775.746826171875</t>
  </si>
  <si>
    <t>-0.22279643318011288</t>
  </si>
  <si>
    <t>22.60600471496582</t>
  </si>
  <si>
    <t>2617.747314453125</t>
  </si>
  <si>
    <t>0.11407773424703471</t>
  </si>
  <si>
    <t>6376</t>
  </si>
  <si>
    <t>23.084360122680664</t>
  </si>
  <si>
    <t>2167.067138671875</t>
  </si>
  <si>
    <t>-0.1082578200611497</t>
  </si>
  <si>
    <t>23.238492965698242</t>
  </si>
  <si>
    <t>2530.07568359375</t>
  </si>
  <si>
    <t>-0.0758951100699079</t>
  </si>
  <si>
    <t>23.189346313476562</t>
  </si>
  <si>
    <t>2386.239013671875</t>
  </si>
  <si>
    <t>0.05031989354466759</t>
  </si>
  <si>
    <t>6343</t>
  </si>
  <si>
    <t>23.13865089416504</t>
  </si>
  <si>
    <t>2246.90673828125</t>
  </si>
  <si>
    <t>0.02038611768908538</t>
  </si>
  <si>
    <t>23.157129287719727</t>
  </si>
  <si>
    <t>2506.106689453125</t>
  </si>
  <si>
    <t>-0.42786451417610394</t>
  </si>
  <si>
    <t>23.051145553588867</t>
  </si>
  <si>
    <t>2676.13427734375</t>
  </si>
  <si>
    <t>0.020584738324705754</t>
  </si>
  <si>
    <t>4546</t>
  </si>
  <si>
    <t>22.750211715698242</t>
  </si>
  <si>
    <t>2635.56201171875</t>
  </si>
  <si>
    <t>0.07417565862998998</t>
  </si>
  <si>
    <t>22.630224227905273</t>
  </si>
  <si>
    <t>3384.998291015625</t>
  </si>
  <si>
    <t>0.030758326844360084</t>
  </si>
  <si>
    <t>23.413301467895508</t>
  </si>
  <si>
    <t>2153.521484375</t>
  </si>
  <si>
    <t>0.040344064630298604</t>
  </si>
  <si>
    <t>4842</t>
  </si>
  <si>
    <t>23.175832748413086</t>
  </si>
  <si>
    <t>3021.630615234375</t>
  </si>
  <si>
    <t>-0.008022258389143389</t>
  </si>
  <si>
    <t>4973</t>
  </si>
  <si>
    <t>22.921152114868164</t>
  </si>
  <si>
    <t>3107.65869140625</t>
  </si>
  <si>
    <t>0.026695421216734516</t>
  </si>
  <si>
    <t>23.29082489013672</t>
  </si>
  <si>
    <t>1993.2225341796875</t>
  </si>
  <si>
    <t>0.12426376653987958</t>
  </si>
  <si>
    <t>23.35135841369629</t>
  </si>
  <si>
    <t>2236.1904296875</t>
  </si>
  <si>
    <t>0.080984848040206</t>
  </si>
  <si>
    <t>6651</t>
  </si>
  <si>
    <t>23.64995574951172</t>
  </si>
  <si>
    <t>2241.396484375</t>
  </si>
  <si>
    <t>0.08549532498959778</t>
  </si>
  <si>
    <t>6811</t>
  </si>
  <si>
    <t>24.040483474731445</t>
  </si>
  <si>
    <t>1684.81103515625</t>
  </si>
  <si>
    <t>0.02377173295689694</t>
  </si>
  <si>
    <t>7060</t>
  </si>
  <si>
    <t>23.66351890563965</t>
  </si>
  <si>
    <t>2324.55078125</t>
  </si>
  <si>
    <t>0.03590609924596855</t>
  </si>
  <si>
    <t>7050</t>
  </si>
  <si>
    <t>23.299530029296875</t>
  </si>
  <si>
    <t>2766.347412109375</t>
  </si>
  <si>
    <t>-0.0014174346809721072</t>
  </si>
  <si>
    <t>23.38872528076172</t>
  </si>
  <si>
    <t>2271.53515625</t>
  </si>
  <si>
    <t>0.00325710122967493</t>
  </si>
  <si>
    <t>7139</t>
  </si>
  <si>
    <t>23.793012619018555</t>
  </si>
  <si>
    <t>2247.9677734375</t>
  </si>
  <si>
    <t>0.009287992466470385</t>
  </si>
  <si>
    <t>23.59026527404785</t>
  </si>
  <si>
    <t>2528.04541015625</t>
  </si>
  <si>
    <t>-0.05277624624943478</t>
  </si>
  <si>
    <t>23.091264724731445</t>
  </si>
  <si>
    <t>3065.746826171875</t>
  </si>
  <si>
    <t>0.09367107745027425</t>
  </si>
  <si>
    <t>7927</t>
  </si>
  <si>
    <t>22.836654663085938</t>
  </si>
  <si>
    <t>3165.483642578125</t>
  </si>
  <si>
    <t>0.06380711213385659</t>
  </si>
  <si>
    <t>445</t>
  </si>
  <si>
    <t>18.610506057739258</t>
  </si>
  <si>
    <t>1803.76708984375</t>
  </si>
  <si>
    <t>543.3882446289062</t>
  </si>
  <si>
    <t>Cauca</t>
  </si>
  <si>
    <t>5006</t>
  </si>
  <si>
    <t>18.492294311523438</t>
  </si>
  <si>
    <t>1786.7991943359375</t>
  </si>
  <si>
    <t>-0.047400389260580766</t>
  </si>
  <si>
    <t>18.55372428894043</t>
  </si>
  <si>
    <t>1575.4688720703125</t>
  </si>
  <si>
    <t>0.04492065503807119</t>
  </si>
  <si>
    <t>18.400806427001953</t>
  </si>
  <si>
    <t>2070.2724609375</t>
  </si>
  <si>
    <t>-0.03577364355940915</t>
  </si>
  <si>
    <t>18.349618911743164</t>
  </si>
  <si>
    <t>1903.8995361328125</t>
  </si>
  <si>
    <t>-0.05785727472519575</t>
  </si>
  <si>
    <t>4706</t>
  </si>
  <si>
    <t>18.56768226623535</t>
  </si>
  <si>
    <t>1946.6214599609375</t>
  </si>
  <si>
    <t>-0.013088639457876639</t>
  </si>
  <si>
    <t>4371</t>
  </si>
  <si>
    <t>18.04793930053711</t>
  </si>
  <si>
    <t>2244.55322265625</t>
  </si>
  <si>
    <t>-0.07384647442399483</t>
  </si>
  <si>
    <t>4401</t>
  </si>
  <si>
    <t>18.880918502807617</t>
  </si>
  <si>
    <t>1453.740478515625</t>
  </si>
  <si>
    <t>0.006839971947776746</t>
  </si>
  <si>
    <t>4622</t>
  </si>
  <si>
    <t>18.809253692626953</t>
  </si>
  <si>
    <t>2218.62646484375</t>
  </si>
  <si>
    <t>0.04899572402323571</t>
  </si>
  <si>
    <t>4676</t>
  </si>
  <si>
    <t>17.78786849975586</t>
  </si>
  <si>
    <t>2408.770751953125</t>
  </si>
  <si>
    <t>0.011615531757632525</t>
  </si>
  <si>
    <t>17.828886032104492</t>
  </si>
  <si>
    <t>2042.6737060546875</t>
  </si>
  <si>
    <t>0.06679484882161191</t>
  </si>
  <si>
    <t>5037</t>
  </si>
  <si>
    <t>18.32895851135254</t>
  </si>
  <si>
    <t>1716.8900146484375</t>
  </si>
  <si>
    <t>0.007572774332079035</t>
  </si>
  <si>
    <t>5274</t>
  </si>
  <si>
    <t>18.496187210083008</t>
  </si>
  <si>
    <t>1850.6864013671875</t>
  </si>
  <si>
    <t>0.04597842116758244</t>
  </si>
  <si>
    <t>5617</t>
  </si>
  <si>
    <t>18.341848373413086</t>
  </si>
  <si>
    <t>1923.5565185546875</t>
  </si>
  <si>
    <t>0.06300862561920084</t>
  </si>
  <si>
    <t>5676</t>
  </si>
  <si>
    <t>18.34627342224121</t>
  </si>
  <si>
    <t>1870.11279296875</t>
  </si>
  <si>
    <t>0.010449045747499497</t>
  </si>
  <si>
    <t>4938</t>
  </si>
  <si>
    <t>18.372411727905273</t>
  </si>
  <si>
    <t>2171.247314453125</t>
  </si>
  <si>
    <t>-0.13928636837480823</t>
  </si>
  <si>
    <t>18.33818244934082</t>
  </si>
  <si>
    <t>2184.293212890625</t>
  </si>
  <si>
    <t>0.05381138500409044</t>
  </si>
  <si>
    <t>5366</t>
  </si>
  <si>
    <t>17.983322143554688</t>
  </si>
  <si>
    <t>2185.248291015625</t>
  </si>
  <si>
    <t>0.029310976076354578</t>
  </si>
  <si>
    <t>5548</t>
  </si>
  <si>
    <t>17.8570613861084</t>
  </si>
  <si>
    <t>2735.37158203125</t>
  </si>
  <si>
    <t>0.033354750449152704</t>
  </si>
  <si>
    <t>18.73265266418457</t>
  </si>
  <si>
    <t>1701.7318115234375</t>
  </si>
  <si>
    <t>0.024745365872076874</t>
  </si>
  <si>
    <t>6028</t>
  </si>
  <si>
    <t>18.340866088867188</t>
  </si>
  <si>
    <t>2411.607177734375</t>
  </si>
  <si>
    <t>0.05823241243958677</t>
  </si>
  <si>
    <t>6127</t>
  </si>
  <si>
    <t>18.155637741088867</t>
  </si>
  <si>
    <t>2740.781982421875</t>
  </si>
  <si>
    <t>0.016289952979269273</t>
  </si>
  <si>
    <t>18.585264205932617</t>
  </si>
  <si>
    <t>1725.0810546875</t>
  </si>
  <si>
    <t>0.06431407943536094</t>
  </si>
  <si>
    <t>18.633455276489258</t>
  </si>
  <si>
    <t>1983.1456298828125</t>
  </si>
  <si>
    <t>0.08476418503272498</t>
  </si>
  <si>
    <t>19.017732620239258</t>
  </si>
  <si>
    <t>1895.3306884765625</t>
  </si>
  <si>
    <t>0.0850057111929825</t>
  </si>
  <si>
    <t>19.401216506958008</t>
  </si>
  <si>
    <t>1306.763916015625</t>
  </si>
  <si>
    <t>0.07499317276477413</t>
  </si>
  <si>
    <t>8631</t>
  </si>
  <si>
    <t>18.970781326293945</t>
  </si>
  <si>
    <t>1944.9029541015625</t>
  </si>
  <si>
    <t>0.03357799106816017</t>
  </si>
  <si>
    <t>8450</t>
  </si>
  <si>
    <t>18.592409133911133</t>
  </si>
  <si>
    <t>2317.951416015625</t>
  </si>
  <si>
    <t>-0.021193931868438654</t>
  </si>
  <si>
    <t>18.68146324157715</t>
  </si>
  <si>
    <t>1769.8212890625</t>
  </si>
  <si>
    <t>-0.014062917970356636</t>
  </si>
  <si>
    <t>19.096593856811523</t>
  </si>
  <si>
    <t>1880.9462890625</t>
  </si>
  <si>
    <t>0.027347072645330428</t>
  </si>
  <si>
    <t>18.868684768676758</t>
  </si>
  <si>
    <t>1804.679443359375</t>
  </si>
  <si>
    <t>-0.05188967248433585</t>
  </si>
  <si>
    <t>18.288747787475586</t>
  </si>
  <si>
    <t>2383.014892578125</t>
  </si>
  <si>
    <t>0.09374348297535917</t>
  </si>
  <si>
    <t>9517</t>
  </si>
  <si>
    <t>18.04313850402832</t>
  </si>
  <si>
    <t>2625.296875</t>
  </si>
  <si>
    <t>0.06377526655512789</t>
  </si>
  <si>
    <t>446</t>
  </si>
  <si>
    <t>26.274246215820312</t>
  </si>
  <si>
    <t>1913.01708984375</t>
  </si>
  <si>
    <t>307.22735595703125</t>
  </si>
  <si>
    <t>Cesar</t>
  </si>
  <si>
    <t>26.180768966674805</t>
  </si>
  <si>
    <t>1125.6629638671875</t>
  </si>
  <si>
    <t>0.0022654013347924717</t>
  </si>
  <si>
    <t>5467</t>
  </si>
  <si>
    <t>26.167375564575195</t>
  </si>
  <si>
    <t>1577.138671875</t>
  </si>
  <si>
    <t>-0.04959989138785659</t>
  </si>
  <si>
    <t>26.14056396484375</t>
  </si>
  <si>
    <t>1530.3082275390625</t>
  </si>
  <si>
    <t>0.012361546247738886</t>
  </si>
  <si>
    <t>5647</t>
  </si>
  <si>
    <t>26.378013610839844</t>
  </si>
  <si>
    <t>1676.1158447265625</t>
  </si>
  <si>
    <t>0.02003286453009956</t>
  </si>
  <si>
    <t>6839</t>
  </si>
  <si>
    <t>26.43170166015625</t>
  </si>
  <si>
    <t>2133.195556640625</t>
  </si>
  <si>
    <t>0.19151709142525952</t>
  </si>
  <si>
    <t>26.221590042114258</t>
  </si>
  <si>
    <t>2068.60205078125</t>
  </si>
  <si>
    <t>0.027829638266915424</t>
  </si>
  <si>
    <t>6864</t>
  </si>
  <si>
    <t>26.72627067565918</t>
  </si>
  <si>
    <t>1307.2603759765625</t>
  </si>
  <si>
    <t>-0.024180798197214415</t>
  </si>
  <si>
    <t>6980</t>
  </si>
  <si>
    <t>26.71599006652832</t>
  </si>
  <si>
    <t>2021.9952392578125</t>
  </si>
  <si>
    <t>0.016758554588619745</t>
  </si>
  <si>
    <t>6810</t>
  </si>
  <si>
    <t>25.921064376831055</t>
  </si>
  <si>
    <t>2433.90185546875</t>
  </si>
  <si>
    <t>-0.024656796612859466</t>
  </si>
  <si>
    <t>6717</t>
  </si>
  <si>
    <t>25.979127883911133</t>
  </si>
  <si>
    <t>1618.2364501953125</t>
  </si>
  <si>
    <t>-0.013750493876694136</t>
  </si>
  <si>
    <t>7470</t>
  </si>
  <si>
    <t>26.55205535888672</t>
  </si>
  <si>
    <t>1517.3177490234375</t>
  </si>
  <si>
    <t>0.10625337285999947</t>
  </si>
  <si>
    <t>26.56536293029785</t>
  </si>
  <si>
    <t>1639.1702880859375</t>
  </si>
  <si>
    <t>-0.021104679417536687</t>
  </si>
  <si>
    <t>26.697601318359375</t>
  </si>
  <si>
    <t>1940.4483642578125</t>
  </si>
  <si>
    <t>0.13306984232016816</t>
  </si>
  <si>
    <t>8704</t>
  </si>
  <si>
    <t>26.31862449645996</t>
  </si>
  <si>
    <t>2483.682861328125</t>
  </si>
  <si>
    <t>0.04092252806622909</t>
  </si>
  <si>
    <t>26.53557777404785</t>
  </si>
  <si>
    <t>2278.9501953125</t>
  </si>
  <si>
    <t>-0.021718523954643132</t>
  </si>
  <si>
    <t>26.44535255432129</t>
  </si>
  <si>
    <t>1803.172119140625</t>
  </si>
  <si>
    <t>0.06312858082645256</t>
  </si>
  <si>
    <t>26.35233497619629</t>
  </si>
  <si>
    <t>2325.18505859375</t>
  </si>
  <si>
    <t>0.005386700212625328</t>
  </si>
  <si>
    <t>2204.80517578125</t>
  </si>
  <si>
    <t>0.11308197139794096</t>
  </si>
  <si>
    <t>10185</t>
  </si>
  <si>
    <t>26.716934204101562</t>
  </si>
  <si>
    <t>1554.7374267578125</t>
  </si>
  <si>
    <t>-0.002745368917192792</t>
  </si>
  <si>
    <t>26.731821060180664</t>
  </si>
  <si>
    <t>2806.469482421875</t>
  </si>
  <si>
    <t>-0.0014738396183009428</t>
  </si>
  <si>
    <t>11441</t>
  </si>
  <si>
    <t>26.35443878173828</t>
  </si>
  <si>
    <t>2903.98388671875</t>
  </si>
  <si>
    <t>0.11776118465833818</t>
  </si>
  <si>
    <t>11455</t>
  </si>
  <si>
    <t>26.75822639465332</t>
  </si>
  <si>
    <t>1959.2322998046875</t>
  </si>
  <si>
    <t>0.0012229211866525702</t>
  </si>
  <si>
    <t>26.88621711730957</t>
  </si>
  <si>
    <t>1571.6490478515625</t>
  </si>
  <si>
    <t>-0.07908288909280436</t>
  </si>
  <si>
    <t>27.047086715698242</t>
  </si>
  <si>
    <t>1287.031005859375</t>
  </si>
  <si>
    <t>-0.02032997720505847</t>
  </si>
  <si>
    <t>27.393068313598633</t>
  </si>
  <si>
    <t>1151.5318603515625</t>
  </si>
  <si>
    <t>0.021934886683363075</t>
  </si>
  <si>
    <t>11520</t>
  </si>
  <si>
    <t>27.17517852783203</t>
  </si>
  <si>
    <t>1618.233154296875</t>
  </si>
  <si>
    <t>0.08313631897678597</t>
  </si>
  <si>
    <t>12300</t>
  </si>
  <si>
    <t>26.694129943847656</t>
  </si>
  <si>
    <t>1977.2349853515625</t>
  </si>
  <si>
    <t>0.06551460711062518</t>
  </si>
  <si>
    <t>12364</t>
  </si>
  <si>
    <t>26.464630126953125</t>
  </si>
  <si>
    <t>1673.2669677734375</t>
  </si>
  <si>
    <t>0.00518976189149889</t>
  </si>
  <si>
    <t>11195</t>
  </si>
  <si>
    <t>26.884742736816406</t>
  </si>
  <si>
    <t>1334.3983154296875</t>
  </si>
  <si>
    <t>-0.09932177421915078</t>
  </si>
  <si>
    <t>26.78706169128418</t>
  </si>
  <si>
    <t>1381.534423828125</t>
  </si>
  <si>
    <t>-0.26033862652454864</t>
  </si>
  <si>
    <t>26.51939582824707</t>
  </si>
  <si>
    <t>959.307861328125</t>
  </si>
  <si>
    <t>0.0937391869618871</t>
  </si>
  <si>
    <t>26.19858741760254</t>
  </si>
  <si>
    <t>2079.134765625</t>
  </si>
  <si>
    <t>0.06376661835899</t>
  </si>
  <si>
    <t>447</t>
  </si>
  <si>
    <t>4357</t>
  </si>
  <si>
    <t>25.57318115234375</t>
  </si>
  <si>
    <t>5225.39306640625</t>
  </si>
  <si>
    <t>154.63650512695312</t>
  </si>
  <si>
    <t>Choco</t>
  </si>
  <si>
    <t>3549</t>
  </si>
  <si>
    <t>25.396982192993164</t>
  </si>
  <si>
    <t>4817.6513671875</t>
  </si>
  <si>
    <t>-0.2051178734709449</t>
  </si>
  <si>
    <t>3279</t>
  </si>
  <si>
    <t>25.520164489746094</t>
  </si>
  <si>
    <t>4224.00439453125</t>
  </si>
  <si>
    <t>-0.07912737580184803</t>
  </si>
  <si>
    <t>3125</t>
  </si>
  <si>
    <t>25.37555694580078</t>
  </si>
  <si>
    <t>5070.310546875</t>
  </si>
  <si>
    <t>-0.04810421467414727</t>
  </si>
  <si>
    <t>25.34334373474121</t>
  </si>
  <si>
    <t>4683.8330078125</t>
  </si>
  <si>
    <t>-0.00320513094894892</t>
  </si>
  <si>
    <t>25.470291137695312</t>
  </si>
  <si>
    <t>5772.31298828125</t>
  </si>
  <si>
    <t>0.00990265239667032</t>
  </si>
  <si>
    <t>24.966543197631836</t>
  </si>
  <si>
    <t>6127.5517578125</t>
  </si>
  <si>
    <t>0.17215134586726144</t>
  </si>
  <si>
    <t>25.682016372680664</t>
  </si>
  <si>
    <t>3825.127197265625</t>
  </si>
  <si>
    <t>-0.001070950570900564</t>
  </si>
  <si>
    <t>3874</t>
  </si>
  <si>
    <t>25.629186630249023</t>
  </si>
  <si>
    <t>6217.20458984375</t>
  </si>
  <si>
    <t>0.03707536505235787</t>
  </si>
  <si>
    <t>24.70924949645996</t>
  </si>
  <si>
    <t>6693.94775390625</t>
  </si>
  <si>
    <t>-0.06947237281476859</t>
  </si>
  <si>
    <t>3596</t>
  </si>
  <si>
    <t>24.721158981323242</t>
  </si>
  <si>
    <t>6288.43408203125</t>
  </si>
  <si>
    <t>-0.004993075560662419</t>
  </si>
  <si>
    <t>25.307096481323242</t>
  </si>
  <si>
    <t>4861.0234375</t>
  </si>
  <si>
    <t>-0.02791665852813452</t>
  </si>
  <si>
    <t>25.47785186767578</t>
  </si>
  <si>
    <t>4922.15185546875</t>
  </si>
  <si>
    <t>0.018135946214401955</t>
  </si>
  <si>
    <t>25.3131103515625</t>
  </si>
  <si>
    <t>5208.72900390625</t>
  </si>
  <si>
    <t>-0.013286414530735868</t>
  </si>
  <si>
    <t>4019</t>
  </si>
  <si>
    <t>25.24847412109375</t>
  </si>
  <si>
    <t>4845.88916015625</t>
  </si>
  <si>
    <t>0.13427812570215814</t>
  </si>
  <si>
    <t>3827</t>
  </si>
  <si>
    <t>25.3470401763916</t>
  </si>
  <si>
    <t>5611.93798828125</t>
  </si>
  <si>
    <t>-0.048951909023498885</t>
  </si>
  <si>
    <t>3913</t>
  </si>
  <si>
    <t>25.34160804748535</t>
  </si>
  <si>
    <t>5900.18017578125</t>
  </si>
  <si>
    <t>0.022223136784710107</t>
  </si>
  <si>
    <t>3916</t>
  </si>
  <si>
    <t>25.10936737060547</t>
  </si>
  <si>
    <t>6070.49755859375</t>
  </si>
  <si>
    <t>0.0007663814399894164</t>
  </si>
  <si>
    <t>3966</t>
  </si>
  <si>
    <t>24.854013442993164</t>
  </si>
  <si>
    <t>7086.3701171875</t>
  </si>
  <si>
    <t>0.012687305429340157</t>
  </si>
  <si>
    <t>25.61170196533203</t>
  </si>
  <si>
    <t>4631.18603515625</t>
  </si>
  <si>
    <t>0.16340104158320123</t>
  </si>
  <si>
    <t>6059</t>
  </si>
  <si>
    <t>25.364530563354492</t>
  </si>
  <si>
    <t>6327.3583984375</t>
  </si>
  <si>
    <t>0.2603856982820467</t>
  </si>
  <si>
    <t>7004</t>
  </si>
  <si>
    <t>25.14569854736328</t>
  </si>
  <si>
    <t>7155.20751953125</t>
  </si>
  <si>
    <t>0.14493664446075272</t>
  </si>
  <si>
    <t>6434</t>
  </si>
  <si>
    <t>25.605613708496094</t>
  </si>
  <si>
    <t>4558.2802734375</t>
  </si>
  <si>
    <t>-0.08488498560677016</t>
  </si>
  <si>
    <t>5356</t>
  </si>
  <si>
    <t>25.6815242767334</t>
  </si>
  <si>
    <t>5360.0419921875</t>
  </si>
  <si>
    <t>-0.18337900098790882</t>
  </si>
  <si>
    <t>25.955900192260742</t>
  </si>
  <si>
    <t>5033.18603515625</t>
  </si>
  <si>
    <t>-0.022659579781272754</t>
  </si>
  <si>
    <t>5684</t>
  </si>
  <si>
    <t>26.203882217407227</t>
  </si>
  <si>
    <t>3670.255615234375</t>
  </si>
  <si>
    <t>0.08209736218720032</t>
  </si>
  <si>
    <t>6276</t>
  </si>
  <si>
    <t>25.876646041870117</t>
  </si>
  <si>
    <t>5053.0361328125</t>
  </si>
  <si>
    <t>0.0990776246359335</t>
  </si>
  <si>
    <t>5493</t>
  </si>
  <si>
    <t>25.517221450805664</t>
  </si>
  <si>
    <t>6107.81005859375</t>
  </si>
  <si>
    <t>-0.13325828051030442</t>
  </si>
  <si>
    <t>25.539304733276367</t>
  </si>
  <si>
    <t>5109.9921875</t>
  </si>
  <si>
    <t>-0.10793274711849321</t>
  </si>
  <si>
    <t>5225</t>
  </si>
  <si>
    <t>25.9658145904541</t>
  </si>
  <si>
    <t>5130.94384765625</t>
  </si>
  <si>
    <t>0.05791299060888555</t>
  </si>
  <si>
    <t>5524</t>
  </si>
  <si>
    <t>25.743005752563477</t>
  </si>
  <si>
    <t>5504.025390625</t>
  </si>
  <si>
    <t>0.05564743769617131</t>
  </si>
  <si>
    <t>6066</t>
  </si>
  <si>
    <t>25.235029220581055</t>
  </si>
  <si>
    <t>6335.06396484375</t>
  </si>
  <si>
    <t>0.09359717371934373</t>
  </si>
  <si>
    <t>6466</t>
  </si>
  <si>
    <t>24.94342041015625</t>
  </si>
  <si>
    <t>7111.52978515625</t>
  </si>
  <si>
    <t>0.0638582700368513</t>
  </si>
  <si>
    <t>448</t>
  </si>
  <si>
    <t>27.4350643157959</t>
  </si>
  <si>
    <t>1601.9185791015625</t>
  </si>
  <si>
    <t>455.64776611328125</t>
  </si>
  <si>
    <t>Cordoba</t>
  </si>
  <si>
    <t>5391</t>
  </si>
  <si>
    <t>27.2917537689209</t>
  </si>
  <si>
    <t>1304.6051025390625</t>
  </si>
  <si>
    <t>0.019290793920145433</t>
  </si>
  <si>
    <t>27.404136657714844</t>
  </si>
  <si>
    <t>1579.451416015625</t>
  </si>
  <si>
    <t>-0.008943603493897001</t>
  </si>
  <si>
    <t>5280</t>
  </si>
  <si>
    <t>27.3621883392334</t>
  </si>
  <si>
    <t>1539.831298828125</t>
  </si>
  <si>
    <t>-0.011861195257464985</t>
  </si>
  <si>
    <t>27.426790237426758</t>
  </si>
  <si>
    <t>1493.495849609375</t>
  </si>
  <si>
    <t>-0.005888515448006615</t>
  </si>
  <si>
    <t>4718</t>
  </si>
  <si>
    <t>27.50034523010254</t>
  </si>
  <si>
    <t>2078.172607421875</t>
  </si>
  <si>
    <t>-0.10665260128467935</t>
  </si>
  <si>
    <t>5437</t>
  </si>
  <si>
    <t>27.199251174926758</t>
  </si>
  <si>
    <t>1881.431884765625</t>
  </si>
  <si>
    <t>0.14184245717830102</t>
  </si>
  <si>
    <t>27.7192440032959</t>
  </si>
  <si>
    <t>1415.398681640625</t>
  </si>
  <si>
    <t>0.03505960810869624</t>
  </si>
  <si>
    <t>27.719093322753906</t>
  </si>
  <si>
    <t>1994.8563232421875</t>
  </si>
  <si>
    <t>0.09464804042402442</t>
  </si>
  <si>
    <t>26.97254753112793</t>
  </si>
  <si>
    <t>2094.534423828125</t>
  </si>
  <si>
    <t>-0.06749388014256219</t>
  </si>
  <si>
    <t>5782</t>
  </si>
  <si>
    <t>27.027877807617188</t>
  </si>
  <si>
    <t>1707.450927734375</t>
  </si>
  <si>
    <t>-0.0006915629597887829</t>
  </si>
  <si>
    <t>5460</t>
  </si>
  <si>
    <t>27.538461685180664</t>
  </si>
  <si>
    <t>1483.794677734375</t>
  </si>
  <si>
    <t>-0.05730085383734007</t>
  </si>
  <si>
    <t>27.644996643066406</t>
  </si>
  <si>
    <t>1631.345703125</t>
  </si>
  <si>
    <t>0.0437188933551802</t>
  </si>
  <si>
    <t>27.65790557861328</t>
  </si>
  <si>
    <t>1863.5819091796875</t>
  </si>
  <si>
    <t>0.10838888484227738</t>
  </si>
  <si>
    <t>7068</t>
  </si>
  <si>
    <t>27.39076805114746</t>
  </si>
  <si>
    <t>1945.184326171875</t>
  </si>
  <si>
    <t>0.1060209865031787</t>
  </si>
  <si>
    <t>4893</t>
  </si>
  <si>
    <t>27.596399307250977</t>
  </si>
  <si>
    <t>1833.124267578125</t>
  </si>
  <si>
    <t>-0.3677719421504637</t>
  </si>
  <si>
    <t>5150</t>
  </si>
  <si>
    <t>27.547719955444336</t>
  </si>
  <si>
    <t>1634.9874267578125</t>
  </si>
  <si>
    <t>0.05119110236865865</t>
  </si>
  <si>
    <t>27.41497230529785</t>
  </si>
  <si>
    <t>2324.124267578125</t>
  </si>
  <si>
    <t>0.12023956284684978</t>
  </si>
  <si>
    <t>27.16710662841797</t>
  </si>
  <si>
    <t>1894.290283203125</t>
  </si>
  <si>
    <t>-0.08757502190826294</t>
  </si>
  <si>
    <t>27.7224178314209</t>
  </si>
  <si>
    <t>1442.758056640625</t>
  </si>
  <si>
    <t>-0.020313940102921535</t>
  </si>
  <si>
    <t>5278</t>
  </si>
  <si>
    <t>27.6401424407959</t>
  </si>
  <si>
    <t>2270.30078125</t>
  </si>
  <si>
    <t>0.012199922569822164</t>
  </si>
  <si>
    <t>5312</t>
  </si>
  <si>
    <t>27.39357566833496</t>
  </si>
  <si>
    <t>2363.409912109375</t>
  </si>
  <si>
    <t>0.006421174093000914</t>
  </si>
  <si>
    <t>5598</t>
  </si>
  <si>
    <t>27.862279891967773</t>
  </si>
  <si>
    <t>1601.6640625</t>
  </si>
  <si>
    <t>0.0524409789191278</t>
  </si>
  <si>
    <t>5895</t>
  </si>
  <si>
    <t>27.959348678588867</t>
  </si>
  <si>
    <t>1618.2308349609375</t>
  </si>
  <si>
    <t>0.051695142896072355</t>
  </si>
  <si>
    <t>6289</t>
  </si>
  <si>
    <t>28.104774475097656</t>
  </si>
  <si>
    <t>1421.648193359375</t>
  </si>
  <si>
    <t>0.06469754157203234</t>
  </si>
  <si>
    <t>6413</t>
  </si>
  <si>
    <t>28.37073516845703</t>
  </si>
  <si>
    <t>1201.5517578125</t>
  </si>
  <si>
    <t>0.01952510460536061</t>
  </si>
  <si>
    <t>6476</t>
  </si>
  <si>
    <t>28.164947509765625</t>
  </si>
  <si>
    <t>1631.8265380859375</t>
  </si>
  <si>
    <t>0.009775855648662457</t>
  </si>
  <si>
    <t>27.726242065429688</t>
  </si>
  <si>
    <t>1952.3140869140625</t>
  </si>
  <si>
    <t>0.011514673934350128</t>
  </si>
  <si>
    <t>6572</t>
  </si>
  <si>
    <t>27.62023162841797</t>
  </si>
  <si>
    <t>1743.5059814453125</t>
  </si>
  <si>
    <t>0.003200490425282254</t>
  </si>
  <si>
    <t>6820</t>
  </si>
  <si>
    <t>28.007795333862305</t>
  </si>
  <si>
    <t>1412.1846923828125</t>
  </si>
  <si>
    <t>0.03704127168034965</t>
  </si>
  <si>
    <t>6603</t>
  </si>
  <si>
    <t>27.863622665405273</t>
  </si>
  <si>
    <t>1468.6763916015625</t>
  </si>
  <si>
    <t>-0.032335380642937395</t>
  </si>
  <si>
    <t>7252</t>
  </si>
  <si>
    <t>27.511627197265625</t>
  </si>
  <si>
    <t>1395.7630615234375</t>
  </si>
  <si>
    <t>0.09375320168017076</t>
  </si>
  <si>
    <t>7730</t>
  </si>
  <si>
    <t>27.21211051940918</t>
  </si>
  <si>
    <t>1976.9000244140625</t>
  </si>
  <si>
    <t>0.06383156970672665</t>
  </si>
  <si>
    <t>449</t>
  </si>
  <si>
    <t>11352</t>
  </si>
  <si>
    <t>14.410457611083984</t>
  </si>
  <si>
    <t>1188.134521484375</t>
  </si>
  <si>
    <t>2192.014892578125</t>
  </si>
  <si>
    <t>Cundinamarca</t>
  </si>
  <si>
    <t>11248</t>
  </si>
  <si>
    <t>14.284127235412598</t>
  </si>
  <si>
    <t>1071.7410888671875</t>
  </si>
  <si>
    <t>-0.009203604789432163</t>
  </si>
  <si>
    <t>11667</t>
  </si>
  <si>
    <t>14.16054916381836</t>
  </si>
  <si>
    <t>779.879638671875</t>
  </si>
  <si>
    <t>0.0365740087734121</t>
  </si>
  <si>
    <t>12551</t>
  </si>
  <si>
    <t>14.104362487792969</t>
  </si>
  <si>
    <t>1055.291015625</t>
  </si>
  <si>
    <t>0.0730359998365877</t>
  </si>
  <si>
    <t>14.181304931640625</t>
  </si>
  <si>
    <t>1077.502685546875</t>
  </si>
  <si>
    <t>0.09261934478392675</t>
  </si>
  <si>
    <t>14.103321075439453</t>
  </si>
  <si>
    <t>1277.4105224609375</t>
  </si>
  <si>
    <t>0.09373094867384246</t>
  </si>
  <si>
    <t>13.918776512145996</t>
  </si>
  <si>
    <t>1314.334228515625</t>
  </si>
  <si>
    <t>-0.4610765268130841</t>
  </si>
  <si>
    <t>14.436697959899902</t>
  </si>
  <si>
    <t>834.1689453125</t>
  </si>
  <si>
    <t>0.017773164407095976</t>
  </si>
  <si>
    <t>14.525757789611816</t>
  </si>
  <si>
    <t>1405.150146484375</t>
  </si>
  <si>
    <t>-0.03309549090761266</t>
  </si>
  <si>
    <t>13.767125129699707</t>
  </si>
  <si>
    <t>1447.458984375</t>
  </si>
  <si>
    <t>-0.0733301156413031</t>
  </si>
  <si>
    <t>8977</t>
  </si>
  <si>
    <t>13.763710021972656</t>
  </si>
  <si>
    <t>1300.380615234375</t>
  </si>
  <si>
    <t>0.028244082593378295</t>
  </si>
  <si>
    <t>14.231095314025879</t>
  </si>
  <si>
    <t>1037.062255859375</t>
  </si>
  <si>
    <t>0.09523928906211943</t>
  </si>
  <si>
    <t>9744</t>
  </si>
  <si>
    <t>14.405014038085938</t>
  </si>
  <si>
    <t>1169.1337890625</t>
  </si>
  <si>
    <t>-0.013253328869129888</t>
  </si>
  <si>
    <t>9854</t>
  </si>
  <si>
    <t>14.282570838928223</t>
  </si>
  <si>
    <t>1150.3984375</t>
  </si>
  <si>
    <t>0.011225753154230134</t>
  </si>
  <si>
    <t>9750</t>
  </si>
  <si>
    <t>14.087260246276855</t>
  </si>
  <si>
    <t>1217.168212890625</t>
  </si>
  <si>
    <t>-0.010610179112015672</t>
  </si>
  <si>
    <t>14.228331565856934</t>
  </si>
  <si>
    <t>1309.89892578125</t>
  </si>
  <si>
    <t>0.2753758918393814</t>
  </si>
  <si>
    <t>14.19241714477539</t>
  </si>
  <si>
    <t>1351.982421875</t>
  </si>
  <si>
    <t>0.015531742121872583</t>
  </si>
  <si>
    <t>13726</t>
  </si>
  <si>
    <t>14.002399444580078</t>
  </si>
  <si>
    <t>1285.2667236328125</t>
  </si>
  <si>
    <t>0.051116925515433564</t>
  </si>
  <si>
    <t>14053</t>
  </si>
  <si>
    <t>13.762944221496582</t>
  </si>
  <si>
    <t>1586.8487548828125</t>
  </si>
  <si>
    <t>0.023544051632164553</t>
  </si>
  <si>
    <t>14.498024940490723</t>
  </si>
  <si>
    <t>1079.1871337890625</t>
  </si>
  <si>
    <t>0.0018484293617824221</t>
  </si>
  <si>
    <t>14231</t>
  </si>
  <si>
    <t>14.611838340759277</t>
  </si>
  <si>
    <t>1541.8292236328125</t>
  </si>
  <si>
    <t>0.010738358221132671</t>
  </si>
  <si>
    <t>14.364583015441895</t>
  </si>
  <si>
    <t>1711.3170166015625</t>
  </si>
  <si>
    <t>0.019966575161125988</t>
  </si>
  <si>
    <t>14596</t>
  </si>
  <si>
    <t>14.543778419494629</t>
  </si>
  <si>
    <t>1018.7792358398438</t>
  </si>
  <si>
    <t>0.005358259711551128</t>
  </si>
  <si>
    <t>14735</t>
  </si>
  <si>
    <t>14.711479187011719</t>
  </si>
  <si>
    <t>1222.1524658203125</t>
  </si>
  <si>
    <t>0.00947809761545848</t>
  </si>
  <si>
    <t>14890</t>
  </si>
  <si>
    <t>14.81575870513916</t>
  </si>
  <si>
    <t>1099.8282470703125</t>
  </si>
  <si>
    <t>0.010464230506258332</t>
  </si>
  <si>
    <t>15.159148216247559</t>
  </si>
  <si>
    <t>798.8234252929688</t>
  </si>
  <si>
    <t>0.028338760791484674</t>
  </si>
  <si>
    <t>15546</t>
  </si>
  <si>
    <t>14.95627498626709</t>
  </si>
  <si>
    <t>1101.9815673828125</t>
  </si>
  <si>
    <t>0.01477476332062544</t>
  </si>
  <si>
    <t>14.41478443145752</t>
  </si>
  <si>
    <t>1306.966552734375</t>
  </si>
  <si>
    <t>-0.05615997948348017</t>
  </si>
  <si>
    <t>14131</t>
  </si>
  <si>
    <t>14.33585262298584</t>
  </si>
  <si>
    <t>1143.1578369140625</t>
  </si>
  <si>
    <t>-0.0392724257239383</t>
  </si>
  <si>
    <t>13859</t>
  </si>
  <si>
    <t>14.79900074005127</t>
  </si>
  <si>
    <t>1184.2056884765625</t>
  </si>
  <si>
    <t>-0.019436124513942943</t>
  </si>
  <si>
    <t>12638</t>
  </si>
  <si>
    <t>14.551872253417969</t>
  </si>
  <si>
    <t>1171.7529296875</t>
  </si>
  <si>
    <t>-0.09222669273540163</t>
  </si>
  <si>
    <t>13880</t>
  </si>
  <si>
    <t>14.139039039611816</t>
  </si>
  <si>
    <t>1386.5806884765625</t>
  </si>
  <si>
    <t>0.0937408067273946</t>
  </si>
  <si>
    <t>14794</t>
  </si>
  <si>
    <t>13.793957710266113</t>
  </si>
  <si>
    <t>1617.920166015625</t>
  </si>
  <si>
    <t>0.06377273808701744</t>
  </si>
  <si>
    <t>450</t>
  </si>
  <si>
    <t>7208</t>
  </si>
  <si>
    <t>20.363168716430664</t>
  </si>
  <si>
    <t>1373.5159912109375</t>
  </si>
  <si>
    <t>278.758056640625</t>
  </si>
  <si>
    <t>Huila</t>
  </si>
  <si>
    <t>7542</t>
  </si>
  <si>
    <t>20.21788215637207</t>
  </si>
  <si>
    <t>1388.8975830078125</t>
  </si>
  <si>
    <t>0.045295878530128064</t>
  </si>
  <si>
    <t>7289</t>
  </si>
  <si>
    <t>20.27782440185547</t>
  </si>
  <si>
    <t>1168.0845947265625</t>
  </si>
  <si>
    <t>-0.03412103643608866</t>
  </si>
  <si>
    <t>7030</t>
  </si>
  <si>
    <t>20.172286987304688</t>
  </si>
  <si>
    <t>1521.5723876953125</t>
  </si>
  <si>
    <t>-0.03617965657750233</t>
  </si>
  <si>
    <t>7395</t>
  </si>
  <si>
    <t>20.150423049926758</t>
  </si>
  <si>
    <t>1454.003662109375</t>
  </si>
  <si>
    <t>0.050617390340189417</t>
  </si>
  <si>
    <t>20.320608139038086</t>
  </si>
  <si>
    <t>1531.146240234375</t>
  </si>
  <si>
    <t>0.013432035391797825</t>
  </si>
  <si>
    <t>19.847450256347656</t>
  </si>
  <si>
    <t>1728.900146484375</t>
  </si>
  <si>
    <t>0.011540885539581325</t>
  </si>
  <si>
    <t>7359</t>
  </si>
  <si>
    <t>20.627490997314453</t>
  </si>
  <si>
    <t>1113.462158203125</t>
  </si>
  <si>
    <t>6847</t>
  </si>
  <si>
    <t>20.596580505371094</t>
  </si>
  <si>
    <t>1778.855224609375</t>
  </si>
  <si>
    <t>-0.07211345380553524</t>
  </si>
  <si>
    <t>6819</t>
  </si>
  <si>
    <t>19.627538681030273</t>
  </si>
  <si>
    <t>1884.93994140625</t>
  </si>
  <si>
    <t>-0.004097766600409614</t>
  </si>
  <si>
    <t>7451</t>
  </si>
  <si>
    <t>19.64508819580078</t>
  </si>
  <si>
    <t>1656.7086181640625</t>
  </si>
  <si>
    <t>0.08863541803307307</t>
  </si>
  <si>
    <t>7174</t>
  </si>
  <si>
    <t>20.1468505859375</t>
  </si>
  <si>
    <t>1343.51611328125</t>
  </si>
  <si>
    <t>-0.03788487246149863</t>
  </si>
  <si>
    <t>20.28829002380371</t>
  </si>
  <si>
    <t>1469.8768310546875</t>
  </si>
  <si>
    <t>-0.04869956331144998</t>
  </si>
  <si>
    <t>7249</t>
  </si>
  <si>
    <t>20.211105346679688</t>
  </si>
  <si>
    <t>1526.0322265625</t>
  </si>
  <si>
    <t>0.0590997125200996</t>
  </si>
  <si>
    <t>7726</t>
  </si>
  <si>
    <t>20.168479919433594</t>
  </si>
  <si>
    <t>1456.5264892578125</t>
  </si>
  <si>
    <t>0.0637277359253492</t>
  </si>
  <si>
    <t>8068</t>
  </si>
  <si>
    <t>20.18995475769043</t>
  </si>
  <si>
    <t>1673.219970703125</t>
  </si>
  <si>
    <t>0.04331435584787613</t>
  </si>
  <si>
    <t>20.100610733032227</t>
  </si>
  <si>
    <t>1756.1478271484375</t>
  </si>
  <si>
    <t>0.009007402499873862</t>
  </si>
  <si>
    <t>19.824777603149414</t>
  </si>
  <si>
    <t>1699.1468505859375</t>
  </si>
  <si>
    <t>0.023310512808230044</t>
  </si>
  <si>
    <t>19.663705825805664</t>
  </si>
  <si>
    <t>2117.447021484375</t>
  </si>
  <si>
    <t>0.07822251785283107</t>
  </si>
  <si>
    <t>8643</t>
  </si>
  <si>
    <t>20.51799201965332</t>
  </si>
  <si>
    <t>1292.986328125</t>
  </si>
  <si>
    <t>-0.04169630848240047</t>
  </si>
  <si>
    <t>9158</t>
  </si>
  <si>
    <t>20.2348575592041</t>
  </si>
  <si>
    <t>1951.8359375</t>
  </si>
  <si>
    <t>0.05787806946440277</t>
  </si>
  <si>
    <t>10018</t>
  </si>
  <si>
    <t>19.947519302368164</t>
  </si>
  <si>
    <t>2141.7607421875</t>
  </si>
  <si>
    <t>0.0897556607005221</t>
  </si>
  <si>
    <t>20.368694305419922</t>
  </si>
  <si>
    <t>1285.9285888671875</t>
  </si>
  <si>
    <t>-0.010738223510854183</t>
  </si>
  <si>
    <t>20.45187759399414</t>
  </si>
  <si>
    <t>1474.6064453125</t>
  </si>
  <si>
    <t>0.02903654326859595</t>
  </si>
  <si>
    <t>10617</t>
  </si>
  <si>
    <t>20.77419090270996</t>
  </si>
  <si>
    <t>1474.307861328125</t>
  </si>
  <si>
    <t>0.03977469533826827</t>
  </si>
  <si>
    <t>10544</t>
  </si>
  <si>
    <t>21.140283584594727</t>
  </si>
  <si>
    <t>1001.8692626953125</t>
  </si>
  <si>
    <t>-0.006899512271283825</t>
  </si>
  <si>
    <t>10541</t>
  </si>
  <si>
    <t>20.72626495361328</t>
  </si>
  <si>
    <t>1479.3306884765625</t>
  </si>
  <si>
    <t>-0.00028456248709929355</t>
  </si>
  <si>
    <t>10245</t>
  </si>
  <si>
    <t>20.35051155090332</t>
  </si>
  <si>
    <t>1750.0911865234375</t>
  </si>
  <si>
    <t>-0.02848263358218972</t>
  </si>
  <si>
    <t>20.434446334838867</t>
  </si>
  <si>
    <t>1355.3929443359375</t>
  </si>
  <si>
    <t>-0.009808808413085401</t>
  </si>
  <si>
    <t>10525</t>
  </si>
  <si>
    <t>20.860273361206055</t>
  </si>
  <si>
    <t>1437.0894775390625</t>
  </si>
  <si>
    <t>0.0367724062906678</t>
  </si>
  <si>
    <t>20.637407302856445</t>
  </si>
  <si>
    <t>1457.146240234375</t>
  </si>
  <si>
    <t>-0.05567844205228489</t>
  </si>
  <si>
    <t>20.05451202392578</t>
  </si>
  <si>
    <t>1840.96728515625</t>
  </si>
  <si>
    <t>0.09371080093618822</t>
  </si>
  <si>
    <t>11654</t>
  </si>
  <si>
    <t>19.79012107849121</t>
  </si>
  <si>
    <t>2053.44482421875</t>
  </si>
  <si>
    <t>0.0638637302685332</t>
  </si>
  <si>
    <t>451</t>
  </si>
  <si>
    <t>13834</t>
  </si>
  <si>
    <t>27.316892623901367</t>
  </si>
  <si>
    <t>1091.4339599609375</t>
  </si>
  <si>
    <t>196.70046997070312</t>
  </si>
  <si>
    <t>La Guajira</t>
  </si>
  <si>
    <t>14097</t>
  </si>
  <si>
    <t>27.099092483520508</t>
  </si>
  <si>
    <t>674.8839721679688</t>
  </si>
  <si>
    <t>0.01883267861039606</t>
  </si>
  <si>
    <t>12269</t>
  </si>
  <si>
    <t>27.157724380493164</t>
  </si>
  <si>
    <t>897.302978515625</t>
  </si>
  <si>
    <t>-0.13888625297974322</t>
  </si>
  <si>
    <t>10990</t>
  </si>
  <si>
    <t>27.068952560424805</t>
  </si>
  <si>
    <t>884.26708984375</t>
  </si>
  <si>
    <t>-0.11008998739351661</t>
  </si>
  <si>
    <t>10627</t>
  </si>
  <si>
    <t>27.42095375061035</t>
  </si>
  <si>
    <t>921.247314453125</t>
  </si>
  <si>
    <t>-0.03358783602497084</t>
  </si>
  <si>
    <t>11219</t>
  </si>
  <si>
    <t>27.39818000793457</t>
  </si>
  <si>
    <t>1072.0264892578125</t>
  </si>
  <si>
    <t>0.05421083717226871</t>
  </si>
  <si>
    <t>27.206384658813477</t>
  </si>
  <si>
    <t>1083.126708984375</t>
  </si>
  <si>
    <t>-0.27507506471700793</t>
  </si>
  <si>
    <t>27.804397583007812</t>
  </si>
  <si>
    <t>767.1666259765625</t>
  </si>
  <si>
    <t>0.0017588091536335781</t>
  </si>
  <si>
    <t>27.760046005249023</t>
  </si>
  <si>
    <t>1092.195556640625</t>
  </si>
  <si>
    <t>-0.04455826905185489</t>
  </si>
  <si>
    <t>7566</t>
  </si>
  <si>
    <t>26.992490768432617</t>
  </si>
  <si>
    <t>1469.3101806640625</t>
  </si>
  <si>
    <t>-0.07606971873675938</t>
  </si>
  <si>
    <t>7479</t>
  </si>
  <si>
    <t>27.01715660095215</t>
  </si>
  <si>
    <t>858.6949462890625</t>
  </si>
  <si>
    <t>-0.011565433001308634</t>
  </si>
  <si>
    <t>8337</t>
  </si>
  <si>
    <t>27.600004196166992</t>
  </si>
  <si>
    <t>973.3028564453125</t>
  </si>
  <si>
    <t>0.10860434621894655</t>
  </si>
  <si>
    <t>7064</t>
  </si>
  <si>
    <t>27.62290382385254</t>
  </si>
  <si>
    <t>874.7872314453125</t>
  </si>
  <si>
    <t>-0.1656919761268174</t>
  </si>
  <si>
    <t>7896</t>
  </si>
  <si>
    <t>27.72068977355957</t>
  </si>
  <si>
    <t>1042.3406982421875</t>
  </si>
  <si>
    <t>0.11134483882952217</t>
  </si>
  <si>
    <t>7991</t>
  </si>
  <si>
    <t>27.308359146118164</t>
  </si>
  <si>
    <t>1534.8994140625</t>
  </si>
  <si>
    <t>0.011959606261145339</t>
  </si>
  <si>
    <t>8132</t>
  </si>
  <si>
    <t>27.440908432006836</t>
  </si>
  <si>
    <t>1474.71337890625</t>
  </si>
  <si>
    <t>0.017490987373774303</t>
  </si>
  <si>
    <t>8505</t>
  </si>
  <si>
    <t>27.481523513793945</t>
  </si>
  <si>
    <t>1198.024169921875</t>
  </si>
  <si>
    <t>0.04484733008172448</t>
  </si>
  <si>
    <t>27.332612991333008</t>
  </si>
  <si>
    <t>1269.0543212890625</t>
  </si>
  <si>
    <t>-0.03384073737213811</t>
  </si>
  <si>
    <t>27.069604873657227</t>
  </si>
  <si>
    <t>1268.607666015625</t>
  </si>
  <si>
    <t>0.16932495450337548</t>
  </si>
  <si>
    <t>9568</t>
  </si>
  <si>
    <t>27.761262893676758</t>
  </si>
  <si>
    <t>784.7738037109375</t>
  </si>
  <si>
    <t>-0.01771424577078662</t>
  </si>
  <si>
    <t>9196</t>
  </si>
  <si>
    <t>27.68379783630371</t>
  </si>
  <si>
    <t>1636.2255859375</t>
  </si>
  <si>
    <t>-0.03965559030734056</t>
  </si>
  <si>
    <t>27.35118293762207</t>
  </si>
  <si>
    <t>1750.43701171875</t>
  </si>
  <si>
    <t>0.06961613669196964</t>
  </si>
  <si>
    <t>9762</t>
  </si>
  <si>
    <t>27.711755752563477</t>
  </si>
  <si>
    <t>1069.02685546875</t>
  </si>
  <si>
    <t>-0.009887446127949673</t>
  </si>
  <si>
    <t>27.86844825744629</t>
  </si>
  <si>
    <t>808.2276000976562</t>
  </si>
  <si>
    <t>-0.07484895233093347</t>
  </si>
  <si>
    <t>28.007944107055664</t>
  </si>
  <si>
    <t>831.5503540039062</t>
  </si>
  <si>
    <t>-0.023569926632772464</t>
  </si>
  <si>
    <t>8747</t>
  </si>
  <si>
    <t>28.365339279174805</t>
  </si>
  <si>
    <t>756.09912109375</t>
  </si>
  <si>
    <t>-0.01136763406353225</t>
  </si>
  <si>
    <t>8842</t>
  </si>
  <si>
    <t>28.144800186157227</t>
  </si>
  <si>
    <t>1056.4442138671875</t>
  </si>
  <si>
    <t>0.01080231096633355</t>
  </si>
  <si>
    <t>27.758384704589844</t>
  </si>
  <si>
    <t>1140.3538818359375</t>
  </si>
  <si>
    <t>0.05297136991050522</t>
  </si>
  <si>
    <t>27.493825912475586</t>
  </si>
  <si>
    <t>1034.094482421875</t>
  </si>
  <si>
    <t>0.010350623273716053</t>
  </si>
  <si>
    <t>27.847326278686523</t>
  </si>
  <si>
    <t>763.3743286132812</t>
  </si>
  <si>
    <t>-0.15060072510968325</t>
  </si>
  <si>
    <t>5572</t>
  </si>
  <si>
    <t>27.774383544921875</t>
  </si>
  <si>
    <t>816.757568359375</t>
  </si>
  <si>
    <t>-0.37448030756102924</t>
  </si>
  <si>
    <t>6119</t>
  </si>
  <si>
    <t>27.49102783203125</t>
  </si>
  <si>
    <t>590.700439453125</t>
  </si>
  <si>
    <t>0.09364462856284383</t>
  </si>
  <si>
    <t>6522</t>
  </si>
  <si>
    <t>27.23723030090332</t>
  </si>
  <si>
    <t>1444.4166259765625</t>
  </si>
  <si>
    <t>0.06378239288672383</t>
  </si>
  <si>
    <t>452</t>
  </si>
  <si>
    <t>4596</t>
  </si>
  <si>
    <t>25.16973304748535</t>
  </si>
  <si>
    <t>1477.630859375</t>
  </si>
  <si>
    <t>396.5859375</t>
  </si>
  <si>
    <t>Magdalena</t>
  </si>
  <si>
    <t>4425</t>
  </si>
  <si>
    <t>24.990684509277344</t>
  </si>
  <si>
    <t>800.2944946289062</t>
  </si>
  <si>
    <t>-0.03791608152661574</t>
  </si>
  <si>
    <t>25.003400802612305</t>
  </si>
  <si>
    <t>1344.5308837890625</t>
  </si>
  <si>
    <t>0.10196492665668799</t>
  </si>
  <si>
    <t>4734</t>
  </si>
  <si>
    <t>25.038259506225586</t>
  </si>
  <si>
    <t>1170.912353515625</t>
  </si>
  <si>
    <t>-0.034464694024789466</t>
  </si>
  <si>
    <t>5381</t>
  </si>
  <si>
    <t>25.21306037902832</t>
  </si>
  <si>
    <t>1214.9488525390625</t>
  </si>
  <si>
    <t>0.12810371941549015</t>
  </si>
  <si>
    <t>5291</t>
  </si>
  <si>
    <t>25.25594139099121</t>
  </si>
  <si>
    <t>1936.8931884765625</t>
  </si>
  <si>
    <t>-0.016866966585288523</t>
  </si>
  <si>
    <t>5502</t>
  </si>
  <si>
    <t>25.056001663208008</t>
  </si>
  <si>
    <t>1642.945556640625</t>
  </si>
  <si>
    <t>0.03910439858038828</t>
  </si>
  <si>
    <t>5539</t>
  </si>
  <si>
    <t>25.52665138244629</t>
  </si>
  <si>
    <t>1146.4029541015625</t>
  </si>
  <si>
    <t>0.00670231654858533</t>
  </si>
  <si>
    <t>5669</t>
  </si>
  <si>
    <t>25.53852653503418</t>
  </si>
  <si>
    <t>1630.6806640625</t>
  </si>
  <si>
    <t>0.023198756291199274</t>
  </si>
  <si>
    <t>5338</t>
  </si>
  <si>
    <t>24.85170555114746</t>
  </si>
  <si>
    <t>2214.268310546875</t>
  </si>
  <si>
    <t>-0.0601616843598336</t>
  </si>
  <si>
    <t>24.86275291442871</t>
  </si>
  <si>
    <t>1179.9871826171875</t>
  </si>
  <si>
    <t>-0.044238903316825784</t>
  </si>
  <si>
    <t>5161</t>
  </si>
  <si>
    <t>25.373815536499023</t>
  </si>
  <si>
    <t>1243.4639892578125</t>
  </si>
  <si>
    <t>0.010518211501082675</t>
  </si>
  <si>
    <t>5185</t>
  </si>
  <si>
    <t>25.43202018737793</t>
  </si>
  <si>
    <t>1258.3896484375</t>
  </si>
  <si>
    <t>0.004639482514900095</t>
  </si>
  <si>
    <t>5282</t>
  </si>
  <si>
    <t>25.50702667236328</t>
  </si>
  <si>
    <t>1513.689208984375</t>
  </si>
  <si>
    <t>0.018534972193450017</t>
  </si>
  <si>
    <t>5415</t>
  </si>
  <si>
    <t>25.172378540039062</t>
  </si>
  <si>
    <t>2069.29248046875</t>
  </si>
  <si>
    <t>0.02486806657801388</t>
  </si>
  <si>
    <t>4925</t>
  </si>
  <si>
    <t>25.42754364013672</t>
  </si>
  <si>
    <t>1841.79150390625</t>
  </si>
  <si>
    <t>-0.09484860582890242</t>
  </si>
  <si>
    <t>4963</t>
  </si>
  <si>
    <t>25.410783767700195</t>
  </si>
  <si>
    <t>1461.80859375</t>
  </si>
  <si>
    <t>0.007686121981251404</t>
  </si>
  <si>
    <t>5172</t>
  </si>
  <si>
    <t>25.280820846557617</t>
  </si>
  <si>
    <t>2192.633544921875</t>
  </si>
  <si>
    <t>0.04124906430430819</t>
  </si>
  <si>
    <t>5491</t>
  </si>
  <si>
    <t>25.073760986328125</t>
  </si>
  <si>
    <t>1782.923828125</t>
  </si>
  <si>
    <t>0.059850927387124386</t>
  </si>
  <si>
    <t>5834</t>
  </si>
  <si>
    <t>25.671560287475586</t>
  </si>
  <si>
    <t>1196.3951416015625</t>
  </si>
  <si>
    <t>0.06059248314879362</t>
  </si>
  <si>
    <t>5868</t>
  </si>
  <si>
    <t>25.614404678344727</t>
  </si>
  <si>
    <t>2260.595703125</t>
  </si>
  <si>
    <t>0.005810988835206032</t>
  </si>
  <si>
    <t>5806</t>
  </si>
  <si>
    <t>25.282058715820312</t>
  </si>
  <si>
    <t>2621.71923828125</t>
  </si>
  <si>
    <t>-0.010621994678297497</t>
  </si>
  <si>
    <t>6036</t>
  </si>
  <si>
    <t>25.631452560424805</t>
  </si>
  <si>
    <t>1540.23779296875</t>
  </si>
  <si>
    <t>0.0388496753031653</t>
  </si>
  <si>
    <t>6420</t>
  </si>
  <si>
    <t>25.730405807495117</t>
  </si>
  <si>
    <t>1275.7305908203125</t>
  </si>
  <si>
    <t>0.06167657679626615</t>
  </si>
  <si>
    <t>25.857263565063477</t>
  </si>
  <si>
    <t>1010.1138305664062</t>
  </si>
  <si>
    <t>-0.01206627505010971</t>
  </si>
  <si>
    <t>26.164106369018555</t>
  </si>
  <si>
    <t>833.5082397460938</t>
  </si>
  <si>
    <t>0.05728978363296733</t>
  </si>
  <si>
    <t>6997</t>
  </si>
  <si>
    <t>25.964269638061523</t>
  </si>
  <si>
    <t>1502.46728515625</t>
  </si>
  <si>
    <t>0.04083985947903379</t>
  </si>
  <si>
    <t>6939</t>
  </si>
  <si>
    <t>25.606748580932617</t>
  </si>
  <si>
    <t>1693.8907470703125</t>
  </si>
  <si>
    <t>-0.008323813846349282</t>
  </si>
  <si>
    <t>6886</t>
  </si>
  <si>
    <t>25.4176082611084</t>
  </si>
  <si>
    <t>1122.4031982421875</t>
  </si>
  <si>
    <t>-0.007667307001078427</t>
  </si>
  <si>
    <t>6885</t>
  </si>
  <si>
    <t>25.80998992919922</t>
  </si>
  <si>
    <t>1003.334716796875</t>
  </si>
  <si>
    <t>-0.00014523273571498407</t>
  </si>
  <si>
    <t>6411</t>
  </si>
  <si>
    <t>25.73931884765625</t>
  </si>
  <si>
    <t>1337.705322265625</t>
  </si>
  <si>
    <t>-0.07132986717549805</t>
  </si>
  <si>
    <t>7041</t>
  </si>
  <si>
    <t>25.47540283203125</t>
  </si>
  <si>
    <t>1070.43505859375</t>
  </si>
  <si>
    <t>0.09373494053187592</t>
  </si>
  <si>
    <t>25.18784523010254</t>
  </si>
  <si>
    <t>2174.732421875</t>
  </si>
  <si>
    <t>0.06381925954842949</t>
  </si>
  <si>
    <t>453</t>
  </si>
  <si>
    <t>9365</t>
  </si>
  <si>
    <t>17.23414421081543</t>
  </si>
  <si>
    <t>2061.537353515625</t>
  </si>
  <si>
    <t>558.855224609375</t>
  </si>
  <si>
    <t>Meta</t>
  </si>
  <si>
    <t>17.19951820373535</t>
  </si>
  <si>
    <t>2111.774658203125</t>
  </si>
  <si>
    <t>0.060492707711171434</t>
  </si>
  <si>
    <t>17.261903762817383</t>
  </si>
  <si>
    <t>1622.11865234375</t>
  </si>
  <si>
    <t>-0.0491319654655733</t>
  </si>
  <si>
    <t>17.103818893432617</t>
  </si>
  <si>
    <t>1862.7078857421875</t>
  </si>
  <si>
    <t>0.009352245961659733</t>
  </si>
  <si>
    <t>9342</t>
  </si>
  <si>
    <t>17.094865798950195</t>
  </si>
  <si>
    <t>2024.376220703125</t>
  </si>
  <si>
    <t>-0.02317196202339389</t>
  </si>
  <si>
    <t>17.08005714416504</t>
  </si>
  <si>
    <t>2419.2421875</t>
  </si>
  <si>
    <t>0.05386438151298911</t>
  </si>
  <si>
    <t>10982</t>
  </si>
  <si>
    <t>16.69529914855957</t>
  </si>
  <si>
    <t>2504.185302734375</t>
  </si>
  <si>
    <t>0.10787282526377595</t>
  </si>
  <si>
    <t>17.34132957458496</t>
  </si>
  <si>
    <t>1777.453369140625</t>
  </si>
  <si>
    <t>0.01095777321544844</t>
  </si>
  <si>
    <t>17.4210147857666</t>
  </si>
  <si>
    <t>2663.562255859375</t>
  </si>
  <si>
    <t>-0.0739070764352423</t>
  </si>
  <si>
    <t>16.5918025970459</t>
  </si>
  <si>
    <t>2543.15234375</t>
  </si>
  <si>
    <t>0.004354353969855396</t>
  </si>
  <si>
    <t>10883</t>
  </si>
  <si>
    <t>16.575841903686523</t>
  </si>
  <si>
    <t>2326.176025390625</t>
  </si>
  <si>
    <t>0.04953931910718268</t>
  </si>
  <si>
    <t>10082</t>
  </si>
  <si>
    <t>17.088682174682617</t>
  </si>
  <si>
    <t>1952.4976806640625</t>
  </si>
  <si>
    <t>-0.07645028305348589</t>
  </si>
  <si>
    <t>10182</t>
  </si>
  <si>
    <t>17.277063369750977</t>
  </si>
  <si>
    <t>2341.273193359375</t>
  </si>
  <si>
    <t>0.009869799819705705</t>
  </si>
  <si>
    <t>10228</t>
  </si>
  <si>
    <t>17.100866317749023</t>
  </si>
  <si>
    <t>2139.72900390625</t>
  </si>
  <si>
    <t>0.00450760194879507</t>
  </si>
  <si>
    <t>10456</t>
  </si>
  <si>
    <t>16.982175827026367</t>
  </si>
  <si>
    <t>2226.95947265625</t>
  </si>
  <si>
    <t>0.022046918892980827</t>
  </si>
  <si>
    <t>12526</t>
  </si>
  <si>
    <t>17.07521629333496</t>
  </si>
  <si>
    <t>2370.827880859375</t>
  </si>
  <si>
    <t>0.1806305077813004</t>
  </si>
  <si>
    <t>13985</t>
  </si>
  <si>
    <t>17.045808792114258</t>
  </si>
  <si>
    <t>2462.117431640625</t>
  </si>
  <si>
    <t>0.11017884255070243</t>
  </si>
  <si>
    <t>14227</t>
  </si>
  <si>
    <t>16.82315444946289</t>
  </si>
  <si>
    <t>2419.114501953125</t>
  </si>
  <si>
    <t>0.017156241015106488</t>
  </si>
  <si>
    <t>16.593517303466797</t>
  </si>
  <si>
    <t>3056.63232421875</t>
  </si>
  <si>
    <t>0.261331024899329</t>
  </si>
  <si>
    <t>19130</t>
  </si>
  <si>
    <t>17.35687828063965</t>
  </si>
  <si>
    <t>2041.2125244140625</t>
  </si>
  <si>
    <t>0.034785190883802386</t>
  </si>
  <si>
    <t>25269</t>
  </si>
  <si>
    <t>17.286911010742188</t>
  </si>
  <si>
    <t>2911.20703125</t>
  </si>
  <si>
    <t>0.2783205645491744</t>
  </si>
  <si>
    <t>35201</t>
  </si>
  <si>
    <t>17.043636322021484</t>
  </si>
  <si>
    <t>3084.153564453125</t>
  </si>
  <si>
    <t>0.331496143290094</t>
  </si>
  <si>
    <t>36736</t>
  </si>
  <si>
    <t>17.2866268157959</t>
  </si>
  <si>
    <t>1762.403076171875</t>
  </si>
  <si>
    <t>0.042682709405671204</t>
  </si>
  <si>
    <t>37800</t>
  </si>
  <si>
    <t>17.432409286499023</t>
  </si>
  <si>
    <t>1965.467041015625</t>
  </si>
  <si>
    <t>0.02855190192844148</t>
  </si>
  <si>
    <t>17.640029907226562</t>
  </si>
  <si>
    <t>1875.0029296875</t>
  </si>
  <si>
    <t>-0.16448163866562382</t>
  </si>
  <si>
    <t>17.96306800842285</t>
  </si>
  <si>
    <t>1496.5615234375</t>
  </si>
  <si>
    <t>-0.2402297852798494</t>
  </si>
  <si>
    <t>20195</t>
  </si>
  <si>
    <t>17.68728256225586</t>
  </si>
  <si>
    <t>2042.115478515625</t>
  </si>
  <si>
    <t>-0.2221626296646928</t>
  </si>
  <si>
    <t>21640</t>
  </si>
  <si>
    <t>17.276945114135742</t>
  </si>
  <si>
    <t>2354.185791015625</t>
  </si>
  <si>
    <t>0.06910840496290405</t>
  </si>
  <si>
    <t>23723</t>
  </si>
  <si>
    <t>17.276268005371094</t>
  </si>
  <si>
    <t>2150.100830078125</t>
  </si>
  <si>
    <t>0.09190158770194756</t>
  </si>
  <si>
    <t>24525</t>
  </si>
  <si>
    <t>17.68303871154785</t>
  </si>
  <si>
    <t>2136.033203125</t>
  </si>
  <si>
    <t>0.033247963771199096</t>
  </si>
  <si>
    <t>19607</t>
  </si>
  <si>
    <t>17.499237060546875</t>
  </si>
  <si>
    <t>2324.899169921875</t>
  </si>
  <si>
    <t>-0.22380636011814303</t>
  </si>
  <si>
    <t>17.05623435974121</t>
  </si>
  <si>
    <t>2735.48486328125</t>
  </si>
  <si>
    <t>0.09374643606024158</t>
  </si>
  <si>
    <t>22952</t>
  </si>
  <si>
    <t>16.71693992614746</t>
  </si>
  <si>
    <t>2994.765380859375</t>
  </si>
  <si>
    <t>0.06377199728553684</t>
  </si>
  <si>
    <t>454</t>
  </si>
  <si>
    <t>3823</t>
  </si>
  <si>
    <t>18.27346420288086</t>
  </si>
  <si>
    <t>1768.3958740234375</t>
  </si>
  <si>
    <t>364.1874084472656</t>
  </si>
  <si>
    <t>Narino</t>
  </si>
  <si>
    <t>3743</t>
  </si>
  <si>
    <t>18.21818733215332</t>
  </si>
  <si>
    <t>1836.625</t>
  </si>
  <si>
    <t>-0.021148025791983827</t>
  </si>
  <si>
    <t>18.34551429748535</t>
  </si>
  <si>
    <t>1976.3602294921875</t>
  </si>
  <si>
    <t>-0.06855405323651986</t>
  </si>
  <si>
    <t>3928</t>
  </si>
  <si>
    <t>18.20267105102539</t>
  </si>
  <si>
    <t>1969.029296875</t>
  </si>
  <si>
    <t>0.11679701480644589</t>
  </si>
  <si>
    <t>18.08492088317871</t>
  </si>
  <si>
    <t>1963.963623046875</t>
  </si>
  <si>
    <t>-0.036820337705087525</t>
  </si>
  <si>
    <t>3801</t>
  </si>
  <si>
    <t>18.144800186157227</t>
  </si>
  <si>
    <t>1884.121337890625</t>
  </si>
  <si>
    <t>0.003954137219981391</t>
  </si>
  <si>
    <t>17.594341278076172</t>
  </si>
  <si>
    <t>1965.81982421875</t>
  </si>
  <si>
    <t>0.12265291478574625</t>
  </si>
  <si>
    <t>4268</t>
  </si>
  <si>
    <t>18.627761840820312</t>
  </si>
  <si>
    <t>1866.5872802734375</t>
  </si>
  <si>
    <t>-0.006771771353351497</t>
  </si>
  <si>
    <t>18.567760467529297</t>
  </si>
  <si>
    <t>2378.58984375</t>
  </si>
  <si>
    <t>0.03793122232340984</t>
  </si>
  <si>
    <t>4227</t>
  </si>
  <si>
    <t>17.491134643554688</t>
  </si>
  <si>
    <t>2244.1171875</t>
  </si>
  <si>
    <t>-0.04758403417826429</t>
  </si>
  <si>
    <t>4140</t>
  </si>
  <si>
    <t>17.552515029907227</t>
  </si>
  <si>
    <t>2021.953125</t>
  </si>
  <si>
    <t>-0.02079673374742974</t>
  </si>
  <si>
    <t>17.86457633972168</t>
  </si>
  <si>
    <t>1765.091552734375</t>
  </si>
  <si>
    <t>0.056809453336052584</t>
  </si>
  <si>
    <t>4673</t>
  </si>
  <si>
    <t>18.2703857421875</t>
  </si>
  <si>
    <t>2087.09912109375</t>
  </si>
  <si>
    <t>0.06429602254501354</t>
  </si>
  <si>
    <t>4752</t>
  </si>
  <si>
    <t>18.034006118774414</t>
  </si>
  <si>
    <t>2081.7158203125</t>
  </si>
  <si>
    <t>0.016764318342055162</t>
  </si>
  <si>
    <t>4863</t>
  </si>
  <si>
    <t>18.069425582885742</t>
  </si>
  <si>
    <t>1800.728759765625</t>
  </si>
  <si>
    <t>0.023089949361304818</t>
  </si>
  <si>
    <t>4280</t>
  </si>
  <si>
    <t>17.991281509399414</t>
  </si>
  <si>
    <t>1883.85009765625</t>
  </si>
  <si>
    <t>-0.12770252182794373</t>
  </si>
  <si>
    <t>4636</t>
  </si>
  <si>
    <t>18.069448471069336</t>
  </si>
  <si>
    <t>2006.2567138671875</t>
  </si>
  <si>
    <t>0.07989891588379905</t>
  </si>
  <si>
    <t>17.53635597229004</t>
  </si>
  <si>
    <t>2065.166015625</t>
  </si>
  <si>
    <t>0.022817921417940923</t>
  </si>
  <si>
    <t>17.608118057250977</t>
  </si>
  <si>
    <t>2389.6181640625</t>
  </si>
  <si>
    <t>-0.02432898484631174</t>
  </si>
  <si>
    <t>4736</t>
  </si>
  <si>
    <t>18.381622314453125</t>
  </si>
  <si>
    <t>1688.6624755859375</t>
  </si>
  <si>
    <t>0.02285203553257098</t>
  </si>
  <si>
    <t>17.95783805847168</t>
  </si>
  <si>
    <t>2315.99951171875</t>
  </si>
  <si>
    <t>-0.005929708183673554</t>
  </si>
  <si>
    <t>17.873029708862305</t>
  </si>
  <si>
    <t>2222.13916015625</t>
  </si>
  <si>
    <t>0.036701366850426353</t>
  </si>
  <si>
    <t>5118</t>
  </si>
  <si>
    <t>18.29127311706543</t>
  </si>
  <si>
    <t>1872.58056640625</t>
  </si>
  <si>
    <t>0.046799181489140196</t>
  </si>
  <si>
    <t>5427</t>
  </si>
  <si>
    <t>18.186906814575195</t>
  </si>
  <si>
    <t>1880.2255859375</t>
  </si>
  <si>
    <t>0.05862275734367017</t>
  </si>
  <si>
    <t>18.60979652404785</t>
  </si>
  <si>
    <t>1983.17919921875</t>
  </si>
  <si>
    <t>0.05135778466105734</t>
  </si>
  <si>
    <t>19.069257736206055</t>
  </si>
  <si>
    <t>2024.237548828125</t>
  </si>
  <si>
    <t>0.075819392237781</t>
  </si>
  <si>
    <t>6624</t>
  </si>
  <si>
    <t>18.677623748779297</t>
  </si>
  <si>
    <t>1938.0740966796875</t>
  </si>
  <si>
    <t>0.0721357451028517</t>
  </si>
  <si>
    <t>6341</t>
  </si>
  <si>
    <t>18.33281135559082</t>
  </si>
  <si>
    <t>2257.186767578125</t>
  </si>
  <si>
    <t>-0.0436629323650628</t>
  </si>
  <si>
    <t>6352</t>
  </si>
  <si>
    <t>18.417390823364258</t>
  </si>
  <si>
    <t>1823.898681640625</t>
  </si>
  <si>
    <t>0.001733239226940242</t>
  </si>
  <si>
    <t>6621</t>
  </si>
  <si>
    <t>18.807872772216797</t>
  </si>
  <si>
    <t>2027.083740234375</t>
  </si>
  <si>
    <t>0.041476691997873516</t>
  </si>
  <si>
    <t>18.58279800415039</t>
  </si>
  <si>
    <t>1985.8436279296875</t>
  </si>
  <si>
    <t>-0.023070307429899017</t>
  </si>
  <si>
    <t>18.05661964416504</t>
  </si>
  <si>
    <t>2260.11376953125</t>
  </si>
  <si>
    <t>0.09362265303625428</t>
  </si>
  <si>
    <t>17.71487045288086</t>
  </si>
  <si>
    <t>2288.078369140625</t>
  </si>
  <si>
    <t>0.06379052858262213</t>
  </si>
  <si>
    <t>455</t>
  </si>
  <si>
    <t>20.715723037719727</t>
  </si>
  <si>
    <t>1687.8795166015625</t>
  </si>
  <si>
    <t>292.0941162109375</t>
  </si>
  <si>
    <t>Norte de Santander</t>
  </si>
  <si>
    <t>20.783447265625</t>
  </si>
  <si>
    <t>1049.9808349609375</t>
  </si>
  <si>
    <t>-0.02156315815751242</t>
  </si>
  <si>
    <t>4972</t>
  </si>
  <si>
    <t>20.702062606811523</t>
  </si>
  <si>
    <t>1261.0889892578125</t>
  </si>
  <si>
    <t>-0.05058910442836684</t>
  </si>
  <si>
    <t>5169</t>
  </si>
  <si>
    <t>20.60530662536621</t>
  </si>
  <si>
    <t>1413.4173583984375</t>
  </si>
  <si>
    <t>0.03885707256543647</t>
  </si>
  <si>
    <t>4926</t>
  </si>
  <si>
    <t>20.898109436035156</t>
  </si>
  <si>
    <t>1479.49462890625</t>
  </si>
  <si>
    <t>-0.048151946515554656</t>
  </si>
  <si>
    <t>5008</t>
  </si>
  <si>
    <t>20.967561721801758</t>
  </si>
  <si>
    <t>1557.4783935546875</t>
  </si>
  <si>
    <t>0.016509334099449546</t>
  </si>
  <si>
    <t>20.788970947265625</t>
  </si>
  <si>
    <t>1676.7547607421875</t>
  </si>
  <si>
    <t>0.10185998700453425</t>
  </si>
  <si>
    <t>5627</t>
  </si>
  <si>
    <t>21.297426223754883</t>
  </si>
  <si>
    <t>909.5572509765625</t>
  </si>
  <si>
    <t>0.014679819648810266</t>
  </si>
  <si>
    <t>5672</t>
  </si>
  <si>
    <t>21.25834083557129</t>
  </si>
  <si>
    <t>1712.4498291015625</t>
  </si>
  <si>
    <t>0.0079653487786846</t>
  </si>
  <si>
    <t>20.35850715637207</t>
  </si>
  <si>
    <t>1952.5667724609375</t>
  </si>
  <si>
    <t>-0.0005290538876590034</t>
  </si>
  <si>
    <t>20.454221725463867</t>
  </si>
  <si>
    <t>1507.8001708984375</t>
  </si>
  <si>
    <t>-0.002826357649013289</t>
  </si>
  <si>
    <t>6023</t>
  </si>
  <si>
    <t>21.09320640563965</t>
  </si>
  <si>
    <t>1228.3470458984375</t>
  </si>
  <si>
    <t>0.06339909636843011</t>
  </si>
  <si>
    <t>21.069643020629883</t>
  </si>
  <si>
    <t>1409.2606201171875</t>
  </si>
  <si>
    <t>-0.010179478805703468</t>
  </si>
  <si>
    <t>21.28720474243164</t>
  </si>
  <si>
    <t>1731.814697265625</t>
  </si>
  <si>
    <t>-0.026514129653442353</t>
  </si>
  <si>
    <t>5870</t>
  </si>
  <si>
    <t>20.847206115722656</t>
  </si>
  <si>
    <t>2219.333740234375</t>
  </si>
  <si>
    <t>0.010962768237567033</t>
  </si>
  <si>
    <t>21.044736862182617</t>
  </si>
  <si>
    <t>2086.556884765625</t>
  </si>
  <si>
    <t>-0.17796988065349417</t>
  </si>
  <si>
    <t>20.853429794311523</t>
  </si>
  <si>
    <t>1683.4503173828125</t>
  </si>
  <si>
    <t>0.09210389051188628</t>
  </si>
  <si>
    <t>20.815092086791992</t>
  </si>
  <si>
    <t>1617.028564453125</t>
  </si>
  <si>
    <t>0.05700370847600489</t>
  </si>
  <si>
    <t>20.60749626159668</t>
  </si>
  <si>
    <t>1939.0980224609375</t>
  </si>
  <si>
    <t>0.04608952750254147</t>
  </si>
  <si>
    <t>21.184186935424805</t>
  </si>
  <si>
    <t>1343.9185791015625</t>
  </si>
  <si>
    <t>0.023499343791700156</t>
  </si>
  <si>
    <t>21.28706932067871</t>
  </si>
  <si>
    <t>2370.037841796875</t>
  </si>
  <si>
    <t>0.00032706459817255507</t>
  </si>
  <si>
    <t>6172</t>
  </si>
  <si>
    <t>20.850976943969727</t>
  </si>
  <si>
    <t>2431.942138671875</t>
  </si>
  <si>
    <t>0.00911464643409765</t>
  </si>
  <si>
    <t>21.272802352905273</t>
  </si>
  <si>
    <t>1605.50048828125</t>
  </si>
  <si>
    <t>0.007425377135648503</t>
  </si>
  <si>
    <t>21.409971237182617</t>
  </si>
  <si>
    <t>1280.9520263671875</t>
  </si>
  <si>
    <t>0.056434446467298116</t>
  </si>
  <si>
    <t>6917</t>
  </si>
  <si>
    <t>21.630332946777344</t>
  </si>
  <si>
    <t>1073.6507568359375</t>
  </si>
  <si>
    <t>0.05009939151458731</t>
  </si>
  <si>
    <t>7207</t>
  </si>
  <si>
    <t>21.991775512695312</t>
  </si>
  <si>
    <t>1029.936279296875</t>
  </si>
  <si>
    <t>0.041070626323856274</t>
  </si>
  <si>
    <t>21.765777587890625</t>
  </si>
  <si>
    <t>1340.585693359375</t>
  </si>
  <si>
    <t>0.03557444973717239</t>
  </si>
  <si>
    <t>7302</t>
  </si>
  <si>
    <t>21.131418228149414</t>
  </si>
  <si>
    <t>1589.474609375</t>
  </si>
  <si>
    <t>-0.02247894244603188</t>
  </si>
  <si>
    <t>7227</t>
  </si>
  <si>
    <t>20.877214431762695</t>
  </si>
  <si>
    <t>1517.2406005859375</t>
  </si>
  <si>
    <t>-0.010324270932599688</t>
  </si>
  <si>
    <t>7038</t>
  </si>
  <si>
    <t>21.319875717163086</t>
  </si>
  <si>
    <t>1318.506103515625</t>
  </si>
  <si>
    <t>-0.02649997340145127</t>
  </si>
  <si>
    <t>6482</t>
  </si>
  <si>
    <t>21.184814453125</t>
  </si>
  <si>
    <t>1281.6961669921875</t>
  </si>
  <si>
    <t>-0.08229493418003742</t>
  </si>
  <si>
    <t>7119</t>
  </si>
  <si>
    <t>20.863006591796875</t>
  </si>
  <si>
    <t>965.8958740234375</t>
  </si>
  <si>
    <t>0.09373816140237956</t>
  </si>
  <si>
    <t>7588</t>
  </si>
  <si>
    <t>20.523027420043945</t>
  </si>
  <si>
    <t>1510.608154296875</t>
  </si>
  <si>
    <t>0.06380078595103278</t>
  </si>
  <si>
    <t>456</t>
  </si>
  <si>
    <t>9855</t>
  </si>
  <si>
    <t>25.002721786499023</t>
  </si>
  <si>
    <t>2313.814697265625</t>
  </si>
  <si>
    <t>264.50250244140625</t>
  </si>
  <si>
    <t>Nuevos Departamentos</t>
  </si>
  <si>
    <t>11295</t>
  </si>
  <si>
    <t>24.965063095092773</t>
  </si>
  <si>
    <t>2278.318603515625</t>
  </si>
  <si>
    <t>0.1363812093152834</t>
  </si>
  <si>
    <t>10432</t>
  </si>
  <si>
    <t>25.014625549316406</t>
  </si>
  <si>
    <t>2193.262451171875</t>
  </si>
  <si>
    <t>-0.07948214473566928</t>
  </si>
  <si>
    <t>10513</t>
  </si>
  <si>
    <t>24.84944725036621</t>
  </si>
  <si>
    <t>2316.736083984375</t>
  </si>
  <si>
    <t>0.007734581409396313</t>
  </si>
  <si>
    <t>9866</t>
  </si>
  <si>
    <t>24.97040367126465</t>
  </si>
  <si>
    <t>2515.654296875</t>
  </si>
  <si>
    <t>-0.06351808378214585</t>
  </si>
  <si>
    <t>25.075164794921875</t>
  </si>
  <si>
    <t>2591.50390625</t>
  </si>
  <si>
    <t>0.21822574181335241</t>
  </si>
  <si>
    <t>16363</t>
  </si>
  <si>
    <t>24.80689239501953</t>
  </si>
  <si>
    <t>2708.242431640625</t>
  </si>
  <si>
    <t>0.2877024438218587</t>
  </si>
  <si>
    <t>15458</t>
  </si>
  <si>
    <t>25.33466911315918</t>
  </si>
  <si>
    <t>2196.346435546875</t>
  </si>
  <si>
    <t>-0.056896019762078254</t>
  </si>
  <si>
    <t>25.39920997619629</t>
  </si>
  <si>
    <t>2757.09814453125</t>
  </si>
  <si>
    <t>-0.06191119110248877</t>
  </si>
  <si>
    <t>19170</t>
  </si>
  <si>
    <t>24.60795021057129</t>
  </si>
  <si>
    <t>2772.759521484375</t>
  </si>
  <si>
    <t>0.2771310794753621</t>
  </si>
  <si>
    <t>21957</t>
  </si>
  <si>
    <t>24.68049430847168</t>
  </si>
  <si>
    <t>2675.528076171875</t>
  </si>
  <si>
    <t>0.13573943822964551</t>
  </si>
  <si>
    <t>25.125791549682617</t>
  </si>
  <si>
    <t>2348.523193359375</t>
  </si>
  <si>
    <t>-0.24702951433725495</t>
  </si>
  <si>
    <t>16749</t>
  </si>
  <si>
    <t>25.28412628173828</t>
  </si>
  <si>
    <t>2809.0810546875</t>
  </si>
  <si>
    <t>-0.02371792595361022</t>
  </si>
  <si>
    <t>16984</t>
  </si>
  <si>
    <t>25.26616859436035</t>
  </si>
  <si>
    <t>2719.37841796875</t>
  </si>
  <si>
    <t>0.013933169404621637</t>
  </si>
  <si>
    <t>25.083703994750977</t>
  </si>
  <si>
    <t>2701.3310546875</t>
  </si>
  <si>
    <t>0.014670475567873709</t>
  </si>
  <si>
    <t>14991</t>
  </si>
  <si>
    <t>25.165733337402344</t>
  </si>
  <si>
    <t>2768.274169921875</t>
  </si>
  <si>
    <t>-0.13949217893865118</t>
  </si>
  <si>
    <t>15221</t>
  </si>
  <si>
    <t>25.08708381652832</t>
  </si>
  <si>
    <t>2640.98876953125</t>
  </si>
  <si>
    <t>0.015226032267351641</t>
  </si>
  <si>
    <t>14760</t>
  </si>
  <si>
    <t>24.924699783325195</t>
  </si>
  <si>
    <t>2651.916259765625</t>
  </si>
  <si>
    <t>-0.030755234125203756</t>
  </si>
  <si>
    <t>16699</t>
  </si>
  <si>
    <t>24.752893447875977</t>
  </si>
  <si>
    <t>3105.1962890625</t>
  </si>
  <si>
    <t>0.12342801821796989</t>
  </si>
  <si>
    <t>14949</t>
  </si>
  <si>
    <t>25.359710693359375</t>
  </si>
  <si>
    <t>2395.484375</t>
  </si>
  <si>
    <t>-0.1107044294229187</t>
  </si>
  <si>
    <t>15792</t>
  </si>
  <si>
    <t>25.34404754638672</t>
  </si>
  <si>
    <t>3071.13720703125</t>
  </si>
  <si>
    <t>0.0548590747237494</t>
  </si>
  <si>
    <t>18627</t>
  </si>
  <si>
    <t>25.020307540893555</t>
  </si>
  <si>
    <t>3103.314697265625</t>
  </si>
  <si>
    <t>0.16510865835973831</t>
  </si>
  <si>
    <t>18620</t>
  </si>
  <si>
    <t>25.275373458862305</t>
  </si>
  <si>
    <t>2390.409912109375</t>
  </si>
  <si>
    <t>-0.00037586920194421225</t>
  </si>
  <si>
    <t>25.39630699157715</t>
  </si>
  <si>
    <t>2410.2880859375</t>
  </si>
  <si>
    <t>0.027021511603241066</t>
  </si>
  <si>
    <t>18082</t>
  </si>
  <si>
    <t>25.568939208984375</t>
  </si>
  <si>
    <t>2306.251953125</t>
  </si>
  <si>
    <t>-0.05634081513698774</t>
  </si>
  <si>
    <t>14754</t>
  </si>
  <si>
    <t>25.928842544555664</t>
  </si>
  <si>
    <t>2077.705078125</t>
  </si>
  <si>
    <t>-0.20340273585306257</t>
  </si>
  <si>
    <t>12775</t>
  </si>
  <si>
    <t>25.665199279785156</t>
  </si>
  <si>
    <t>2335.306640625</t>
  </si>
  <si>
    <t>-0.14402409637234292</t>
  </si>
  <si>
    <t>13040</t>
  </si>
  <si>
    <t>25.207693099975586</t>
  </si>
  <si>
    <t>2585.440673828125</t>
  </si>
  <si>
    <t>0.02053142040873901</t>
  </si>
  <si>
    <t>25.11473274230957</t>
  </si>
  <si>
    <t>2492.123046875</t>
  </si>
  <si>
    <t>0.06458644943684355</t>
  </si>
  <si>
    <t>13876</t>
  </si>
  <si>
    <t>25.504241943359375</t>
  </si>
  <si>
    <t>2439.3828125</t>
  </si>
  <si>
    <t>-0.002447276827847844</t>
  </si>
  <si>
    <t>11224</t>
  </si>
  <si>
    <t>25.345972061157227</t>
  </si>
  <si>
    <t>2550.9658203125</t>
  </si>
  <si>
    <t>-0.2121063863073438</t>
  </si>
  <si>
    <t>12327</t>
  </si>
  <si>
    <t>25.003372192382812</t>
  </si>
  <si>
    <t>2546.98486328125</t>
  </si>
  <si>
    <t>0.093737635769223</t>
  </si>
  <si>
    <t>24.71329689025879</t>
  </si>
  <si>
    <t>2700.242431640625</t>
  </si>
  <si>
    <t>0.06379292809030268</t>
  </si>
  <si>
    <t>457</t>
  </si>
  <si>
    <t>9584</t>
  </si>
  <si>
    <t>16.183332443237305</t>
  </si>
  <si>
    <t>1770.5</t>
  </si>
  <si>
    <t>125.37226104736328</t>
  </si>
  <si>
    <t>Quindio</t>
  </si>
  <si>
    <t>16.041667938232422</t>
  </si>
  <si>
    <t>1743.699951171875</t>
  </si>
  <si>
    <t>0.13342704661305405</t>
  </si>
  <si>
    <t>10872</t>
  </si>
  <si>
    <t>16.20833396911621</t>
  </si>
  <si>
    <t>1480.4000244140625</t>
  </si>
  <si>
    <t>-0.0073314111373044</t>
  </si>
  <si>
    <t>9921</t>
  </si>
  <si>
    <t>15.999999046325684</t>
  </si>
  <si>
    <t>1951.4998779296875</t>
  </si>
  <si>
    <t>-0.09153695418107688</t>
  </si>
  <si>
    <t>9767</t>
  </si>
  <si>
    <t>16.00833511352539</t>
  </si>
  <si>
    <t>1812.5</t>
  </si>
  <si>
    <t>-0.01564436620242482</t>
  </si>
  <si>
    <t>1913.4000244140625</t>
  </si>
  <si>
    <t>0.029060666759274767</t>
  </si>
  <si>
    <t>7320</t>
  </si>
  <si>
    <t>2242.800048828125</t>
  </si>
  <si>
    <t>-0.3174596952513955</t>
  </si>
  <si>
    <t>16.416667938232422</t>
  </si>
  <si>
    <t>1432.5</t>
  </si>
  <si>
    <t>0.1250425956691874</t>
  </si>
  <si>
    <t>7963</t>
  </si>
  <si>
    <t>16.33333396911621</t>
  </si>
  <si>
    <t>2243.599853515625</t>
  </si>
  <si>
    <t>-0.04084711036709976</t>
  </si>
  <si>
    <t>7278</t>
  </si>
  <si>
    <t>15.366665840148926</t>
  </si>
  <si>
    <t>2414.0</t>
  </si>
  <si>
    <t>-0.08994971408533914</t>
  </si>
  <si>
    <t>15.408332824707031</t>
  </si>
  <si>
    <t>2074.400146484375</t>
  </si>
  <si>
    <t>-0.06499662733459743</t>
  </si>
  <si>
    <t>6607</t>
  </si>
  <si>
    <t>15.958335876464844</t>
  </si>
  <si>
    <t>1713.800048828125</t>
  </si>
  <si>
    <t>-0.03172977880762318</t>
  </si>
  <si>
    <t>6892</t>
  </si>
  <si>
    <t>16.14166831970215</t>
  </si>
  <si>
    <t>1786.0999755859375</t>
  </si>
  <si>
    <t>0.042231625617935364</t>
  </si>
  <si>
    <t>6489</t>
  </si>
  <si>
    <t>15.924999237060547</t>
  </si>
  <si>
    <t>1849.800048828125</t>
  </si>
  <si>
    <t>-0.060252883026651105</t>
  </si>
  <si>
    <t>6285</t>
  </si>
  <si>
    <t>1834.10009765625</t>
  </si>
  <si>
    <t>-0.03194259359682228</t>
  </si>
  <si>
    <t>2086.5</t>
  </si>
  <si>
    <t>0.06796343700125895</t>
  </si>
  <si>
    <t>7498</t>
  </si>
  <si>
    <t>15.9833345413208</t>
  </si>
  <si>
    <t>0.10850703927025052</t>
  </si>
  <si>
    <t>7735</t>
  </si>
  <si>
    <t>15.699999809265137</t>
  </si>
  <si>
    <t>2108.500244140625</t>
  </si>
  <si>
    <t>0.031119165711309904</t>
  </si>
  <si>
    <t>7727</t>
  </si>
  <si>
    <t>15.458332061767578</t>
  </si>
  <si>
    <t>2553.300048828125</t>
  </si>
  <si>
    <t>-0.0010347950735827283</t>
  </si>
  <si>
    <t>7758</t>
  </si>
  <si>
    <t>16.34166717529297</t>
  </si>
  <si>
    <t>1669.9000244140625</t>
  </si>
  <si>
    <t>0.004003880066328236</t>
  </si>
  <si>
    <t>7936</t>
  </si>
  <si>
    <t>16.024999618530273</t>
  </si>
  <si>
    <t>2444.2998046875</t>
  </si>
  <si>
    <t>0.022684800964796636</t>
  </si>
  <si>
    <t>8279</t>
  </si>
  <si>
    <t>15.7666654586792</t>
  </si>
  <si>
    <t>2654.700439453125</t>
  </si>
  <si>
    <t>0.042312818174098155</t>
  </si>
  <si>
    <t>8753</t>
  </si>
  <si>
    <t>16.308334350585938</t>
  </si>
  <si>
    <t>1623.5999755859375</t>
  </si>
  <si>
    <t>0.055674310593630594</t>
  </si>
  <si>
    <t>1873.300048828125</t>
  </si>
  <si>
    <t>0.01833875256480333</t>
  </si>
  <si>
    <t>16.700002670288086</t>
  </si>
  <si>
    <t>1843.89990234375</t>
  </si>
  <si>
    <t>0.01910956939810582</t>
  </si>
  <si>
    <t>9825</t>
  </si>
  <si>
    <t>16.975000381469727</t>
  </si>
  <si>
    <t>1263.7999267578125</t>
  </si>
  <si>
    <t>0.07808533704211484</t>
  </si>
  <si>
    <t>16.566667556762695</t>
  </si>
  <si>
    <t>1796.7998046875</t>
  </si>
  <si>
    <t>0.05408329185227245</t>
  </si>
  <si>
    <t>10455</t>
  </si>
  <si>
    <t>16.21666717529297</t>
  </si>
  <si>
    <t>2200.599853515625</t>
  </si>
  <si>
    <t>0.008066883273000869</t>
  </si>
  <si>
    <t>-0.016880072853577843</t>
  </si>
  <si>
    <t>10551</t>
  </si>
  <si>
    <t>16.67500114440918</t>
  </si>
  <si>
    <t>1848.7001953125</t>
  </si>
  <si>
    <t>0.026020382132935893</t>
  </si>
  <si>
    <t>9939</t>
  </si>
  <si>
    <t>16.450002670288086</t>
  </si>
  <si>
    <t>1821.6998291015625</t>
  </si>
  <si>
    <t>-0.05975423017408765</t>
  </si>
  <si>
    <t>15.84999942779541</t>
  </si>
  <si>
    <t>2245.7001953125</t>
  </si>
  <si>
    <t>0.09376319086022455</t>
  </si>
  <si>
    <t>11635</t>
  </si>
  <si>
    <t>15.541666984558105</t>
  </si>
  <si>
    <t>2553.60009765625</t>
  </si>
  <si>
    <t>0.06378819390816304</t>
  </si>
  <si>
    <t>458</t>
  </si>
  <si>
    <t>9506</t>
  </si>
  <si>
    <t>21.187053680419922</t>
  </si>
  <si>
    <t>2194.1220703125</t>
  </si>
  <si>
    <t>536.0820922851562</t>
  </si>
  <si>
    <t>Risaralda</t>
  </si>
  <si>
    <t>9519</t>
  </si>
  <si>
    <t>20.97064781188965</t>
  </si>
  <si>
    <t>2038.0523681640625</t>
  </si>
  <si>
    <t>0.0013666230773505816</t>
  </si>
  <si>
    <t>9875</t>
  </si>
  <si>
    <t>21.111141204833984</t>
  </si>
  <si>
    <t>1660.7071533203125</t>
  </si>
  <si>
    <t>0.036716509518017304</t>
  </si>
  <si>
    <t>9815</t>
  </si>
  <si>
    <t>20.993295669555664</t>
  </si>
  <si>
    <t>2192.822998046875</t>
  </si>
  <si>
    <t>-0.006094483058761924</t>
  </si>
  <si>
    <t>9303</t>
  </si>
  <si>
    <t>2080.787841796875</t>
  </si>
  <si>
    <t>-0.053574898942002847</t>
  </si>
  <si>
    <t>21.164281845092773</t>
  </si>
  <si>
    <t>2378.52099609375</t>
  </si>
  <si>
    <t>-0.0642590804470391</t>
  </si>
  <si>
    <t>7810</t>
  </si>
  <si>
    <t>20.6326847076416</t>
  </si>
  <si>
    <t>2578.66455078125</t>
  </si>
  <si>
    <t>-0.11067288448778712</t>
  </si>
  <si>
    <t>8153</t>
  </si>
  <si>
    <t>21.448198318481445</t>
  </si>
  <si>
    <t>1614.6248779296875</t>
  </si>
  <si>
    <t>0.04298099382917897</t>
  </si>
  <si>
    <t>8208</t>
  </si>
  <si>
    <t>21.339866638183594</t>
  </si>
  <si>
    <t>2662.31396484375</t>
  </si>
  <si>
    <t>0.006723330747639977</t>
  </si>
  <si>
    <t>7319</t>
  </si>
  <si>
    <t>20.379220962524414</t>
  </si>
  <si>
    <t>2835.6611328125</t>
  </si>
  <si>
    <t>-0.1146355818093241</t>
  </si>
  <si>
    <t>6982</t>
  </si>
  <si>
    <t>20.316328048706055</t>
  </si>
  <si>
    <t>2552.276611328125</t>
  </si>
  <si>
    <t>-0.04713829793624491</t>
  </si>
  <si>
    <t>7008</t>
  </si>
  <si>
    <t>20.9633846282959</t>
  </si>
  <si>
    <t>1996.5003662109375</t>
  </si>
  <si>
    <t>0.0037169449512450825</t>
  </si>
  <si>
    <t>21.146718978881836</t>
  </si>
  <si>
    <t>2093.465576171875</t>
  </si>
  <si>
    <t>0.04723971300404983</t>
  </si>
  <si>
    <t>7384</t>
  </si>
  <si>
    <t>20.977474212646484</t>
  </si>
  <si>
    <t>2148.063720703125</t>
  </si>
  <si>
    <t>0.005023430562411946</t>
  </si>
  <si>
    <t>20.92230224609375</t>
  </si>
  <si>
    <t>2114.469970703125</t>
  </si>
  <si>
    <t>0.06994943802772369</t>
  </si>
  <si>
    <t>7850</t>
  </si>
  <si>
    <t>21.05851936340332</t>
  </si>
  <si>
    <t>2416.287353515625</t>
  </si>
  <si>
    <t>-0.008751403433958416</t>
  </si>
  <si>
    <t>8470</t>
  </si>
  <si>
    <t>21.01625633239746</t>
  </si>
  <si>
    <t>2526.068359375</t>
  </si>
  <si>
    <t>0.0760169768696457</t>
  </si>
  <si>
    <t>20.778066635131836</t>
  </si>
  <si>
    <t>2470.95458984375</t>
  </si>
  <si>
    <t>0.018250389561687896</t>
  </si>
  <si>
    <t>8633</t>
  </si>
  <si>
    <t>20.539262771606445</t>
  </si>
  <si>
    <t>2986.497314453125</t>
  </si>
  <si>
    <t>0.0008111710277347584</t>
  </si>
  <si>
    <t>8836</t>
  </si>
  <si>
    <t>21.363374710083008</t>
  </si>
  <si>
    <t>1965.8001708984375</t>
  </si>
  <si>
    <t>0.023242216304485197</t>
  </si>
  <si>
    <t>8943</t>
  </si>
  <si>
    <t>21.069721221923828</t>
  </si>
  <si>
    <t>2802.697021484375</t>
  </si>
  <si>
    <t>0.012036817806173161</t>
  </si>
  <si>
    <t>20.814010620117188</t>
  </si>
  <si>
    <t>3138.387451171875</t>
  </si>
  <si>
    <t>-0.0031358520489401798</t>
  </si>
  <si>
    <t>9178</t>
  </si>
  <si>
    <t>21.318891525268555</t>
  </si>
  <si>
    <t>1974.8143310546875</t>
  </si>
  <si>
    <t>0.02907406465753759</t>
  </si>
  <si>
    <t>9884</t>
  </si>
  <si>
    <t>21.35517692565918</t>
  </si>
  <si>
    <t>2319.16015625</t>
  </si>
  <si>
    <t>0.07410797215372256</t>
  </si>
  <si>
    <t>21.697118759155273</t>
  </si>
  <si>
    <t>2121.0087890625</t>
  </si>
  <si>
    <t>0.07210417367151223</t>
  </si>
  <si>
    <t>21.93807029724121</t>
  </si>
  <si>
    <t>1558.5955810546875</t>
  </si>
  <si>
    <t>0.04491414680399508</t>
  </si>
  <si>
    <t>11519</t>
  </si>
  <si>
    <t>21.5507755279541</t>
  </si>
  <si>
    <t>2125.84716796875</t>
  </si>
  <si>
    <t>0.036062237342498804</t>
  </si>
  <si>
    <t>11671</t>
  </si>
  <si>
    <t>2549.84033203125</t>
  </si>
  <si>
    <t>0.013109286485846638</t>
  </si>
  <si>
    <t>21.191862106323242</t>
  </si>
  <si>
    <t>2166.04345703125</t>
  </si>
  <si>
    <t>0.006660998155219033</t>
  </si>
  <si>
    <t>12122</t>
  </si>
  <si>
    <t>21.644441604614258</t>
  </si>
  <si>
    <t>2251.1318359375</t>
  </si>
  <si>
    <t>0.031253852943658345</t>
  </si>
  <si>
    <t>11487</t>
  </si>
  <si>
    <t>21.41657257080078</t>
  </si>
  <si>
    <t>2188.882568359375</t>
  </si>
  <si>
    <t>-0.05380602236582632</t>
  </si>
  <si>
    <t>20.84244728088379</t>
  </si>
  <si>
    <t>2660.79443359375</t>
  </si>
  <si>
    <t>0.09374988849747012</t>
  </si>
  <si>
    <t>13447</t>
  </si>
  <si>
    <t>20.526071548461914</t>
  </si>
  <si>
    <t>3090.35498046875</t>
  </si>
  <si>
    <t>0.06379018318099483</t>
  </si>
  <si>
    <t>22.928789138793945</t>
  </si>
  <si>
    <t>2022.4232177734375</t>
  </si>
  <si>
    <t>603.39501953125</t>
  </si>
  <si>
    <t>Santander</t>
  </si>
  <si>
    <t>9277</t>
  </si>
  <si>
    <t>22.940561294555664</t>
  </si>
  <si>
    <t>1506.7232666015625</t>
  </si>
  <si>
    <t>-0.014765943437980766</t>
  </si>
  <si>
    <t>22.90135955810547</t>
  </si>
  <si>
    <t>1460.919189453125</t>
  </si>
  <si>
    <t>0.013065081967029712</t>
  </si>
  <si>
    <t>9095</t>
  </si>
  <si>
    <t>22.811058044433594</t>
  </si>
  <si>
    <t>1812.6593017578125</t>
  </si>
  <si>
    <t>-0.03287848866807863</t>
  </si>
  <si>
    <t>9444</t>
  </si>
  <si>
    <t>23.022573471069336</t>
  </si>
  <si>
    <t>1820.34130859375</t>
  </si>
  <si>
    <t>0.03765480725317971</t>
  </si>
  <si>
    <t>8939</t>
  </si>
  <si>
    <t>23.061994552612305</t>
  </si>
  <si>
    <t>1985.9742431640625</t>
  </si>
  <si>
    <t>-0.05495589311755111</t>
  </si>
  <si>
    <t>11235</t>
  </si>
  <si>
    <t>22.82660484313965</t>
  </si>
  <si>
    <t>2184.8544921875</t>
  </si>
  <si>
    <t>0.22861017953157692</t>
  </si>
  <si>
    <t>11304</t>
  </si>
  <si>
    <t>23.35137939453125</t>
  </si>
  <si>
    <t>1182.4310302734375</t>
  </si>
  <si>
    <t>0.006122739744935046</t>
  </si>
  <si>
    <t>11152</t>
  </si>
  <si>
    <t>23.35960578918457</t>
  </si>
  <si>
    <t>2237.388916015625</t>
  </si>
  <si>
    <t>-0.013537791364058194</t>
  </si>
  <si>
    <t>11239</t>
  </si>
  <si>
    <t>22.487518310546875</t>
  </si>
  <si>
    <t>2277.517822265625</t>
  </si>
  <si>
    <t>0.007771018517962247</t>
  </si>
  <si>
    <t>11492</t>
  </si>
  <si>
    <t>22.563520431518555</t>
  </si>
  <si>
    <t>1971.919189453125</t>
  </si>
  <si>
    <t>0.022261268580912486</t>
  </si>
  <si>
    <t>23.18115997314453</t>
  </si>
  <si>
    <t>1539.8990478515625</t>
  </si>
  <si>
    <t>0.029241097285378714</t>
  </si>
  <si>
    <t>11633</t>
  </si>
  <si>
    <t>23.200927734375</t>
  </si>
  <si>
    <t>1894.5855712890625</t>
  </si>
  <si>
    <t>-0.01704635156779233</t>
  </si>
  <si>
    <t>12424</t>
  </si>
  <si>
    <t>23.324012756347656</t>
  </si>
  <si>
    <t>2150.0048828125</t>
  </si>
  <si>
    <t>0.06578419901175536</t>
  </si>
  <si>
    <t>13012</t>
  </si>
  <si>
    <t>22.959274291992188</t>
  </si>
  <si>
    <t>2442.767333984375</t>
  </si>
  <si>
    <t>0.046241922764719945</t>
  </si>
  <si>
    <t>12444</t>
  </si>
  <si>
    <t>23.151323318481445</t>
  </si>
  <si>
    <t>2368.188232421875</t>
  </si>
  <si>
    <t>-0.0446334295757147</t>
  </si>
  <si>
    <t>23.001708984375</t>
  </si>
  <si>
    <t>2021.178466796875</t>
  </si>
  <si>
    <t>0.07117627846789532</t>
  </si>
  <si>
    <t>14289</t>
  </si>
  <si>
    <t>22.91050910949707</t>
  </si>
  <si>
    <t>1890.3035888671875</t>
  </si>
  <si>
    <t>0.06707515298354672</t>
  </si>
  <si>
    <t>22.720808029174805</t>
  </si>
  <si>
    <t>2314.180419921875</t>
  </si>
  <si>
    <t>0.054409715404268866</t>
  </si>
  <si>
    <t>23.28204917907715</t>
  </si>
  <si>
    <t>1822.876708984375</t>
  </si>
  <si>
    <t>-0.04854827932200578</t>
  </si>
  <si>
    <t>15722</t>
  </si>
  <si>
    <t>23.371000289916992</t>
  </si>
  <si>
    <t>2528.971923828125</t>
  </si>
  <si>
    <t>0.08970955880247011</t>
  </si>
  <si>
    <t>16881</t>
  </si>
  <si>
    <t>22.983095169067383</t>
  </si>
  <si>
    <t>2791.345947265625</t>
  </si>
  <si>
    <t>0.07112772374768639</t>
  </si>
  <si>
    <t>17182</t>
  </si>
  <si>
    <t>23.39984130859375</t>
  </si>
  <si>
    <t>1824.651123046875</t>
  </si>
  <si>
    <t>0.01767359509661226</t>
  </si>
  <si>
    <t>17983</t>
  </si>
  <si>
    <t>23.538217544555664</t>
  </si>
  <si>
    <t>1715.65185546875</t>
  </si>
  <si>
    <t>0.045564542967195365</t>
  </si>
  <si>
    <t>20378</t>
  </si>
  <si>
    <t>23.746854782104492</t>
  </si>
  <si>
    <t>1444.7056884765625</t>
  </si>
  <si>
    <t>0.12502902036903407</t>
  </si>
  <si>
    <t>20102</t>
  </si>
  <si>
    <t>24.07444953918457</t>
  </si>
  <si>
    <t>1418.11572265625</t>
  </si>
  <si>
    <t>-0.013636574949545732</t>
  </si>
  <si>
    <t>20053</t>
  </si>
  <si>
    <t>23.873132705688477</t>
  </si>
  <si>
    <t>1704.1468505859375</t>
  </si>
  <si>
    <t>-0.0024405441076513767</t>
  </si>
  <si>
    <t>20260</t>
  </si>
  <si>
    <t>23.24365234375</t>
  </si>
  <si>
    <t>1953.9705810546875</t>
  </si>
  <si>
    <t>0.010269730325640936</t>
  </si>
  <si>
    <t>20379</t>
  </si>
  <si>
    <t>23.058046340942383</t>
  </si>
  <si>
    <t>1987.8726806640625</t>
  </si>
  <si>
    <t>0.005856460056737234</t>
  </si>
  <si>
    <t>20866</t>
  </si>
  <si>
    <t>23.49321937561035</t>
  </si>
  <si>
    <t>1986.5640869140625</t>
  </si>
  <si>
    <t>0.023616081168503555</t>
  </si>
  <si>
    <t>18238</t>
  </si>
  <si>
    <t>23.339248657226562</t>
  </si>
  <si>
    <t>1912.8128662109375</t>
  </si>
  <si>
    <t>-0.13461371053430504</t>
  </si>
  <si>
    <t>20030</t>
  </si>
  <si>
    <t>23.018396377563477</t>
  </si>
  <si>
    <t>1959.6962890625</t>
  </si>
  <si>
    <t>0.0937238201662538</t>
  </si>
  <si>
    <t>21350</t>
  </si>
  <si>
    <t>22.662763595581055</t>
  </si>
  <si>
    <t>2276.888427734375</t>
  </si>
  <si>
    <t>0.06382058999690621</t>
  </si>
  <si>
    <t>460</t>
  </si>
  <si>
    <t>3859</t>
  </si>
  <si>
    <t>27.951478958129883</t>
  </si>
  <si>
    <t>1269.627685546875</t>
  </si>
  <si>
    <t>214.75917053222656</t>
  </si>
  <si>
    <t>Sucre</t>
  </si>
  <si>
    <t>27.769441604614258</t>
  </si>
  <si>
    <t>880.3475341796875</t>
  </si>
  <si>
    <t>-0.09081137448154841</t>
  </si>
  <si>
    <t>3852</t>
  </si>
  <si>
    <t>27.751745223999023</t>
  </si>
  <si>
    <t>1298.3858642578125</t>
  </si>
  <si>
    <t>0.08899578586194501</t>
  </si>
  <si>
    <t>3881</t>
  </si>
  <si>
    <t>27.79766082763672</t>
  </si>
  <si>
    <t>1184.2432861328125</t>
  </si>
  <si>
    <t>0.007500358450890587</t>
  </si>
  <si>
    <t>3842</t>
  </si>
  <si>
    <t>27.92536735534668</t>
  </si>
  <si>
    <t>1137.157958984375</t>
  </si>
  <si>
    <t>-0.010099788040404789</t>
  </si>
  <si>
    <t>27.998693466186523</t>
  </si>
  <si>
    <t>1859.0767822265625</t>
  </si>
  <si>
    <t>-0.014154889022533368</t>
  </si>
  <si>
    <t>4369</t>
  </si>
  <si>
    <t>27.824167251586914</t>
  </si>
  <si>
    <t>1715.742919921875</t>
  </si>
  <si>
    <t>0.14269597464546813</t>
  </si>
  <si>
    <t>4485</t>
  </si>
  <si>
    <t>28.259902954101562</t>
  </si>
  <si>
    <t>1099.9071044921875</t>
  </si>
  <si>
    <t>0.026204345541460228</t>
  </si>
  <si>
    <t>28.286108016967773</t>
  </si>
  <si>
    <t>1527.0794677734375</t>
  </si>
  <si>
    <t>0.037418214918377046</t>
  </si>
  <si>
    <t>27.55445098876953</t>
  </si>
  <si>
    <t>1842.6375732421875</t>
  </si>
  <si>
    <t>-0.07420710474364256</t>
  </si>
  <si>
    <t>27.56110954284668</t>
  </si>
  <si>
    <t>1349.8702392578125</t>
  </si>
  <si>
    <t>-0.05442711844639625</t>
  </si>
  <si>
    <t>28.067766189575195</t>
  </si>
  <si>
    <t>1109.6151123046875</t>
  </si>
  <si>
    <t>-0.05523492225429294</t>
  </si>
  <si>
    <t>28.163511276245117</t>
  </si>
  <si>
    <t>1222.5911865234375</t>
  </si>
  <si>
    <t>0.01892155658643091</t>
  </si>
  <si>
    <t>3968</t>
  </si>
  <si>
    <t>28.224897384643555</t>
  </si>
  <si>
    <t>1509.01953125</t>
  </si>
  <si>
    <t>0.00505306785139048</t>
  </si>
  <si>
    <t>4127</t>
  </si>
  <si>
    <t>27.873998641967773</t>
  </si>
  <si>
    <t>1713.6220703125</t>
  </si>
  <si>
    <t>0.039288561347818884</t>
  </si>
  <si>
    <t>3809</t>
  </si>
  <si>
    <t>28.173994064331055</t>
  </si>
  <si>
    <t>1547.643798828125</t>
  </si>
  <si>
    <t>-0.0801840632739772</t>
  </si>
  <si>
    <t>4110</t>
  </si>
  <si>
    <t>28.116561889648438</t>
  </si>
  <si>
    <t>1337.24267578125</t>
  </si>
  <si>
    <t>0.07605634101167524</t>
  </si>
  <si>
    <t>4419</t>
  </si>
  <si>
    <t>28.01703643798828</t>
  </si>
  <si>
    <t>2225.111328125</t>
  </si>
  <si>
    <t>0.07249039764045939</t>
  </si>
  <si>
    <t>27.827774047851562</t>
  </si>
  <si>
    <t>1554.2427978515625</t>
  </si>
  <si>
    <t>0.010803616221378931</t>
  </si>
  <si>
    <t>4722</t>
  </si>
  <si>
    <t>28.364545822143555</t>
  </si>
  <si>
    <t>1088.5928955078125</t>
  </si>
  <si>
    <t>0.055515396293339236</t>
  </si>
  <si>
    <t>28.38263511657715</t>
  </si>
  <si>
    <t>2179.321533203125</t>
  </si>
  <si>
    <t>-0.014075728234184126</t>
  </si>
  <si>
    <t>4830</t>
  </si>
  <si>
    <t>28.069272994995117</t>
  </si>
  <si>
    <t>2432.4716796875</t>
  </si>
  <si>
    <t>0.03668975723534551</t>
  </si>
  <si>
    <t>5151</t>
  </si>
  <si>
    <t>28.453720092773438</t>
  </si>
  <si>
    <t>1373.9205322265625</t>
  </si>
  <si>
    <t>0.06434440291896593</t>
  </si>
  <si>
    <t>5490</t>
  </si>
  <si>
    <t>28.5173397064209</t>
  </si>
  <si>
    <t>1272.0645751953125</t>
  </si>
  <si>
    <t>0.06373738493799053</t>
  </si>
  <si>
    <t>5897</t>
  </si>
  <si>
    <t>28.617807388305664</t>
  </si>
  <si>
    <t>975.643310546875</t>
  </si>
  <si>
    <t>0.07151549149692826</t>
  </si>
  <si>
    <t>28.93761444091797</t>
  </si>
  <si>
    <t>875.2613525390625</t>
  </si>
  <si>
    <t>0.041194995999632056</t>
  </si>
  <si>
    <t>6311</t>
  </si>
  <si>
    <t>28.738561630249023</t>
  </si>
  <si>
    <t>1311.5447998046875</t>
  </si>
  <si>
    <t>0.026655399584104345</t>
  </si>
  <si>
    <t>28.321714401245117</t>
  </si>
  <si>
    <t>1529.1890869140625</t>
  </si>
  <si>
    <t>0.004426884699926248</t>
  </si>
  <si>
    <t>28.177339553833008</t>
  </si>
  <si>
    <t>1277.1885986328125</t>
  </si>
  <si>
    <t>-0.011263702808255616</t>
  </si>
  <si>
    <t>6340</t>
  </si>
  <si>
    <t>28.59336280822754</t>
  </si>
  <si>
    <t>1070.554443359375</t>
  </si>
  <si>
    <t>0.01142144395536171</t>
  </si>
  <si>
    <t>5915</t>
  </si>
  <si>
    <t>28.45612144470215</t>
  </si>
  <si>
    <t>1256.021484375</t>
  </si>
  <si>
    <t>-0.06938727101878506</t>
  </si>
  <si>
    <t>6496</t>
  </si>
  <si>
    <t>28.128374099731445</t>
  </si>
  <si>
    <t>1212.859130859375</t>
  </si>
  <si>
    <t>0.09369510542902582</t>
  </si>
  <si>
    <t>6924</t>
  </si>
  <si>
    <t>27.846580505371094</t>
  </si>
  <si>
    <t>1835.6756591796875</t>
  </si>
  <si>
    <t>0.06380703445458735</t>
  </si>
  <si>
    <t>461</t>
  </si>
  <si>
    <t>7345</t>
  </si>
  <si>
    <t>20.63453483581543</t>
  </si>
  <si>
    <t>1745.3509521484375</t>
  </si>
  <si>
    <t>516.6207275390625</t>
  </si>
  <si>
    <t>Tolima</t>
  </si>
  <si>
    <t>20.533754348754883</t>
  </si>
  <si>
    <t>1646.191162109375</t>
  </si>
  <si>
    <t>0.023546328335907418</t>
  </si>
  <si>
    <t>7842</t>
  </si>
  <si>
    <t>20.6378231048584</t>
  </si>
  <si>
    <t>1304.6849365234375</t>
  </si>
  <si>
    <t>0.04192776590839031</t>
  </si>
  <si>
    <t>20.497629165649414</t>
  </si>
  <si>
    <t>1774.7265625</t>
  </si>
  <si>
    <t>0.006862398261041847</t>
  </si>
  <si>
    <t>8127</t>
  </si>
  <si>
    <t>20.408329010009766</t>
  </si>
  <si>
    <t>1714.600830078125</t>
  </si>
  <si>
    <t>0.028835549639886437</t>
  </si>
  <si>
    <t>8004</t>
  </si>
  <si>
    <t>20.439083099365234</t>
  </si>
  <si>
    <t>1872.3983154296875</t>
  </si>
  <si>
    <t>-0.015250435049580346</t>
  </si>
  <si>
    <t>7870</t>
  </si>
  <si>
    <t>20.000244140625</t>
  </si>
  <si>
    <t>2031.014404296875</t>
  </si>
  <si>
    <t>-0.016883354292176023</t>
  </si>
  <si>
    <t>20.75484275817871</t>
  </si>
  <si>
    <t>1301.1319580078125</t>
  </si>
  <si>
    <t>0.09253400682407431</t>
  </si>
  <si>
    <t>8479</t>
  </si>
  <si>
    <t>20.790761947631836</t>
  </si>
  <si>
    <t>2122.43505859375</t>
  </si>
  <si>
    <t>-0.017999550931518726</t>
  </si>
  <si>
    <t>19.92502212524414</t>
  </si>
  <si>
    <t>2260.02197265625</t>
  </si>
  <si>
    <t>-0.09871258839815411</t>
  </si>
  <si>
    <t>7508</t>
  </si>
  <si>
    <t>19.836345672607422</t>
  </si>
  <si>
    <t>1953.15087890625</t>
  </si>
  <si>
    <t>-0.022910811199450265</t>
  </si>
  <si>
    <t>20.31869888305664</t>
  </si>
  <si>
    <t>1594.0062255859375</t>
  </si>
  <si>
    <t>-0.014759425314000651</t>
  </si>
  <si>
    <t>20.51399040222168</t>
  </si>
  <si>
    <t>1706.4547119140625</t>
  </si>
  <si>
    <t>-0.003385014402748965</t>
  </si>
  <si>
    <t>6895</t>
  </si>
  <si>
    <t>20.31257438659668</t>
  </si>
  <si>
    <t>1736.7510986328125</t>
  </si>
  <si>
    <t>-0.06702816776224729</t>
  </si>
  <si>
    <t>7286</t>
  </si>
  <si>
    <t>20.22327995300293</t>
  </si>
  <si>
    <t>1776.7586669921875</t>
  </si>
  <si>
    <t>0.05515818734110667</t>
  </si>
  <si>
    <t>7385</t>
  </si>
  <si>
    <t>20.330366134643555</t>
  </si>
  <si>
    <t>1969.497802734375</t>
  </si>
  <si>
    <t>0.013496217396971488</t>
  </si>
  <si>
    <t>20.269187927246094</t>
  </si>
  <si>
    <t>2058.657958984375</t>
  </si>
  <si>
    <t>0.07006654449879868</t>
  </si>
  <si>
    <t>20.022602081298828</t>
  </si>
  <si>
    <t>1963.962890625</t>
  </si>
  <si>
    <t>0.08224474277731986</t>
  </si>
  <si>
    <t>8987</t>
  </si>
  <si>
    <t>19.836122512817383</t>
  </si>
  <si>
    <t>2364.66943359375</t>
  </si>
  <si>
    <t>0.04401688541677373</t>
  </si>
  <si>
    <t>20.68291473388672</t>
  </si>
  <si>
    <t>1591.9134521484375</t>
  </si>
  <si>
    <t>-0.034411997597727506</t>
  </si>
  <si>
    <t>8742</t>
  </si>
  <si>
    <t>20.606204986572266</t>
  </si>
  <si>
    <t>2299.009521484375</t>
  </si>
  <si>
    <t>0.00677190536261385</t>
  </si>
  <si>
    <t>9270</t>
  </si>
  <si>
    <t>20.32794761657715</t>
  </si>
  <si>
    <t>2523.505615234375</t>
  </si>
  <si>
    <t>0.058644383136641665</t>
  </si>
  <si>
    <t>20.684354782104492</t>
  </si>
  <si>
    <t>1539.0240478515625</t>
  </si>
  <si>
    <t>0.0249293830425259</t>
  </si>
  <si>
    <t>20.821718215942383</t>
  </si>
  <si>
    <t>1769.1923828125</t>
  </si>
  <si>
    <t>0.039204525506074006</t>
  </si>
  <si>
    <t>10450</t>
  </si>
  <si>
    <t>21.046998977661133</t>
  </si>
  <si>
    <t>1714.7908935546875</t>
  </si>
  <si>
    <t>0.05568469028445655</t>
  </si>
  <si>
    <t>10668</t>
  </si>
  <si>
    <t>21.331205368041992</t>
  </si>
  <si>
    <t>1213.5433349609375</t>
  </si>
  <si>
    <t>0.020646627908947224</t>
  </si>
  <si>
    <t>21.043212890625</t>
  </si>
  <si>
    <t>1698.7625732421875</t>
  </si>
  <si>
    <t>0.028917900295809318</t>
  </si>
  <si>
    <t>11022</t>
  </si>
  <si>
    <t>20.606962203979492</t>
  </si>
  <si>
    <t>2034.115966796875</t>
  </si>
  <si>
    <t>0.0037267688454676318</t>
  </si>
  <si>
    <t>20.620946884155273</t>
  </si>
  <si>
    <t>1665.242431640625</t>
  </si>
  <si>
    <t>21.05390739440918</t>
  </si>
  <si>
    <t>1781.15478515625</t>
  </si>
  <si>
    <t>0.02614762145991989</t>
  </si>
  <si>
    <t>10727</t>
  </si>
  <si>
    <t>20.830656051635742</t>
  </si>
  <si>
    <t>1696.353271484375</t>
  </si>
  <si>
    <t>-0.053276969305672495</t>
  </si>
  <si>
    <t>20.375694274902344</t>
  </si>
  <si>
    <t>2085.240966796875</t>
  </si>
  <si>
    <t>0.0938090154842044</t>
  </si>
  <si>
    <t>12558</t>
  </si>
  <si>
    <t>20.039396286010742</t>
  </si>
  <si>
    <t>2395.483154296875</t>
  </si>
  <si>
    <t>0.06378496959242064</t>
  </si>
  <si>
    <t>462</t>
  </si>
  <si>
    <t>9575</t>
  </si>
  <si>
    <t>21.90570068359375</t>
  </si>
  <si>
    <t>2168.73876953125</t>
  </si>
  <si>
    <t>932.5982055664062</t>
  </si>
  <si>
    <t>Valle del Cauca</t>
  </si>
  <si>
    <t>21.82628631591797</t>
  </si>
  <si>
    <t>2089.238525390625</t>
  </si>
  <si>
    <t>0.004584774103767231</t>
  </si>
  <si>
    <t>21.92720603942871</t>
  </si>
  <si>
    <t>1757.2474365234375</t>
  </si>
  <si>
    <t>0.039644463994132906</t>
  </si>
  <si>
    <t>10487</t>
  </si>
  <si>
    <t>21.747102737426758</t>
  </si>
  <si>
    <t>2222.998779296875</t>
  </si>
  <si>
    <t>0.04675162168765823</t>
  </si>
  <si>
    <t>21.685640335083008</t>
  </si>
  <si>
    <t>2105.659912109375</t>
  </si>
  <si>
    <t>0.08689217469126831</t>
  </si>
  <si>
    <t>21.82111930847168</t>
  </si>
  <si>
    <t>2324.59228515625</t>
  </si>
  <si>
    <t>0.07525002704031358</t>
  </si>
  <si>
    <t>21.284631729125977</t>
  </si>
  <si>
    <t>2653.195068359375</t>
  </si>
  <si>
    <t>-0.04121735361790435</t>
  </si>
  <si>
    <t>11763</t>
  </si>
  <si>
    <t>22.082979202270508</t>
  </si>
  <si>
    <t>1671.2486572265625</t>
  </si>
  <si>
    <t>-0.0061022309876417324</t>
  </si>
  <si>
    <t>11739</t>
  </si>
  <si>
    <t>22.01953125</t>
  </si>
  <si>
    <t>2822.67431640625</t>
  </si>
  <si>
    <t>-0.0020423800819191484</t>
  </si>
  <si>
    <t>11013</t>
  </si>
  <si>
    <t>21.016172409057617</t>
  </si>
  <si>
    <t>2941.234375</t>
  </si>
  <si>
    <t>-0.06384023871357947</t>
  </si>
  <si>
    <t>10686</t>
  </si>
  <si>
    <t>21.048322677612305</t>
  </si>
  <si>
    <t>2581.5869140625</t>
  </si>
  <si>
    <t>-0.030141919647226345</t>
  </si>
  <si>
    <t>21.615211486816406</t>
  </si>
  <si>
    <t>2077.605224609375</t>
  </si>
  <si>
    <t>0.02977864655268725</t>
  </si>
  <si>
    <t>10822</t>
  </si>
  <si>
    <t>21.741579055786133</t>
  </si>
  <si>
    <t>2221.94091796875</t>
  </si>
  <si>
    <t>-0.017132020867723696</t>
  </si>
  <si>
    <t>10700</t>
  </si>
  <si>
    <t>21.591276168823242</t>
  </si>
  <si>
    <t>2337.83251953125</t>
  </si>
  <si>
    <t>-0.01133735775268363</t>
  </si>
  <si>
    <t>21.556169509887695</t>
  </si>
  <si>
    <t>2142.809326171875</t>
  </si>
  <si>
    <t>0.027651531330510792</t>
  </si>
  <si>
    <t>10297</t>
  </si>
  <si>
    <t>21.6239070892334</t>
  </si>
  <si>
    <t>2569.35302734375</t>
  </si>
  <si>
    <t>-0.06604268212375608</t>
  </si>
  <si>
    <t>11055</t>
  </si>
  <si>
    <t>21.573896408081055</t>
  </si>
  <si>
    <t>2709.90869140625</t>
  </si>
  <si>
    <t>0.07103022363479461</t>
  </si>
  <si>
    <t>21.284767150878906</t>
  </si>
  <si>
    <t>2640.05859375</t>
  </si>
  <si>
    <t>0.06800942409301314</t>
  </si>
  <si>
    <t>11699</t>
  </si>
  <si>
    <t>21.076505661010742</t>
  </si>
  <si>
    <t>3203.578369140625</t>
  </si>
  <si>
    <t>-0.011388870336958234</t>
  </si>
  <si>
    <t>11941</t>
  </si>
  <si>
    <t>21.936660766601562</t>
  </si>
  <si>
    <t>1922.660400390625</t>
  </si>
  <si>
    <t>0.020474488485783482</t>
  </si>
  <si>
    <t>21.62969970703125</t>
  </si>
  <si>
    <t>2962.7236328125</t>
  </si>
  <si>
    <t>0.007009959440576807</t>
  </si>
  <si>
    <t>12134</t>
  </si>
  <si>
    <t>21.43821144104004</t>
  </si>
  <si>
    <t>3190.78955078125</t>
  </si>
  <si>
    <t>0.009023613528281516</t>
  </si>
  <si>
    <t>21.877838134765625</t>
  </si>
  <si>
    <t>1936.58447265625</t>
  </si>
  <si>
    <t>0.02763504858382504</t>
  </si>
  <si>
    <t>21.979448318481445</t>
  </si>
  <si>
    <t>2424.536376953125</t>
  </si>
  <si>
    <t>0.04230237969068895</t>
  </si>
  <si>
    <t>13725</t>
  </si>
  <si>
    <t>22.31276512145996</t>
  </si>
  <si>
    <t>2261.625732421875</t>
  </si>
  <si>
    <t>0.05327012960097477</t>
  </si>
  <si>
    <t>14394</t>
  </si>
  <si>
    <t>22.650144577026367</t>
  </si>
  <si>
    <t>1535.6396484375</t>
  </si>
  <si>
    <t>0.04759246569001796</t>
  </si>
  <si>
    <t>14852</t>
  </si>
  <si>
    <t>22.291685104370117</t>
  </si>
  <si>
    <t>2322.609619140625</t>
  </si>
  <si>
    <t>0.03132308322922128</t>
  </si>
  <si>
    <t>21.887550354003906</t>
  </si>
  <si>
    <t>2672.99951171875</t>
  </si>
  <si>
    <t>-0.002764388369998372</t>
  </si>
  <si>
    <t>14957</t>
  </si>
  <si>
    <t>21.97281837463379</t>
  </si>
  <si>
    <t>2176.48828125</t>
  </si>
  <si>
    <t>0.009809269732354409</t>
  </si>
  <si>
    <t>15423</t>
  </si>
  <si>
    <t>22.406692504882812</t>
  </si>
  <si>
    <t>2266.53369140625</t>
  </si>
  <si>
    <t>0.030680484064287583</t>
  </si>
  <si>
    <t>14694</t>
  </si>
  <si>
    <t>22.174545288085938</t>
  </si>
  <si>
    <t>2194.338623046875</t>
  </si>
  <si>
    <t>-0.04842065454339206</t>
  </si>
  <si>
    <t>16138</t>
  </si>
  <si>
    <t>21.602571487426758</t>
  </si>
  <si>
    <t>2730.89453125</t>
  </si>
  <si>
    <t>0.0937374922282288</t>
  </si>
  <si>
    <t>17201</t>
  </si>
  <si>
    <t>21.33791160583496</t>
  </si>
  <si>
    <t>3136.83740234375</t>
  </si>
  <si>
    <t>0.06379078223793933</t>
  </si>
  <si>
    <t>463</t>
  </si>
  <si>
    <t>CUB</t>
  </si>
  <si>
    <t>4970</t>
  </si>
  <si>
    <t>24.173303604125977</t>
  </si>
  <si>
    <t>1199.116455078125</t>
  </si>
  <si>
    <t>366.716796875</t>
  </si>
  <si>
    <t>Camagüey</t>
  </si>
  <si>
    <t>Cuba</t>
  </si>
  <si>
    <t>23.889930725097656</t>
  </si>
  <si>
    <t>1111.1463623046875</t>
  </si>
  <si>
    <t>-0.029609105317588202</t>
  </si>
  <si>
    <t>23.74285316467285</t>
  </si>
  <si>
    <t>975.2697143554688</t>
  </si>
  <si>
    <t>-0.430543805582408</t>
  </si>
  <si>
    <t>23.605926513671875</t>
  </si>
  <si>
    <t>1139.3369140625</t>
  </si>
  <si>
    <t>-0.543332130370775</t>
  </si>
  <si>
    <t>24.077070236206055</t>
  </si>
  <si>
    <t>1065.51904296875</t>
  </si>
  <si>
    <t>-0.6314254659291372</t>
  </si>
  <si>
    <t>552</t>
  </si>
  <si>
    <t>23.730987548828125</t>
  </si>
  <si>
    <t>1399.8018798828125</t>
  </si>
  <si>
    <t>-0.5627165656136714</t>
  </si>
  <si>
    <t>560</t>
  </si>
  <si>
    <t>23.348833084106445</t>
  </si>
  <si>
    <t>1290.8690185546875</t>
  </si>
  <si>
    <t>0.014388737452099676</t>
  </si>
  <si>
    <t>696</t>
  </si>
  <si>
    <t>23.867887496948242</t>
  </si>
  <si>
    <t>1064.4248046875</t>
  </si>
  <si>
    <t>0.21741287660522524</t>
  </si>
  <si>
    <t>24.0140438079834</t>
  </si>
  <si>
    <t>958.0714111328125</t>
  </si>
  <si>
    <t>0.3247037514637059</t>
  </si>
  <si>
    <t>23.528223037719727</t>
  </si>
  <si>
    <t>1217.650146484375</t>
  </si>
  <si>
    <t>0.19641355833883178</t>
  </si>
  <si>
    <t>23.427717208862305</t>
  </si>
  <si>
    <t>1061.679443359375</t>
  </si>
  <si>
    <t>23.914405822753906</t>
  </si>
  <si>
    <t>1218.883056640625</t>
  </si>
  <si>
    <t>0.16264690765634437</t>
  </si>
  <si>
    <t>23.74512481689453</t>
  </si>
  <si>
    <t>1185.014892578125</t>
  </si>
  <si>
    <t>0.1404868427331074</t>
  </si>
  <si>
    <t>24.0485782623291</t>
  </si>
  <si>
    <t>1133.706787109375</t>
  </si>
  <si>
    <t>0.23230123934875646</t>
  </si>
  <si>
    <t>23.767656326293945</t>
  </si>
  <si>
    <t>894.1985473632812</t>
  </si>
  <si>
    <t>0.034367643504207734</t>
  </si>
  <si>
    <t>23.689599990844727</t>
  </si>
  <si>
    <t>1315.5830078125</t>
  </si>
  <si>
    <t>0.15442642779536442</t>
  </si>
  <si>
    <t>23.896095275878906</t>
  </si>
  <si>
    <t>1107.8297119140625</t>
  </si>
  <si>
    <t>0.13446148104996514</t>
  </si>
  <si>
    <t>7614</t>
  </si>
  <si>
    <t>23.8704776763916</t>
  </si>
  <si>
    <t>1610.4697265625</t>
  </si>
  <si>
    <t>1.0125864247177399</t>
  </si>
  <si>
    <t>6581</t>
  </si>
  <si>
    <t>23.637062072753906</t>
  </si>
  <si>
    <t>1305.4033203125</t>
  </si>
  <si>
    <t>-0.14580194848632466</t>
  </si>
  <si>
    <t>6725</t>
  </si>
  <si>
    <t>23.70061683654785</t>
  </si>
  <si>
    <t>1162.186279296875</t>
  </si>
  <si>
    <t>0.021645216013920887</t>
  </si>
  <si>
    <t>7078</t>
  </si>
  <si>
    <t>23.195600509643555</t>
  </si>
  <si>
    <t>1474.7188720703125</t>
  </si>
  <si>
    <t>0.05115945643536968</t>
  </si>
  <si>
    <t>7324</t>
  </si>
  <si>
    <t>23.982023239135742</t>
  </si>
  <si>
    <t>1398.8218994140625</t>
  </si>
  <si>
    <t>0.03416524488899242</t>
  </si>
  <si>
    <t>7570</t>
  </si>
  <si>
    <t>23.878164291381836</t>
  </si>
  <si>
    <t>1222.519287109375</t>
  </si>
  <si>
    <t>0.03303644063709399</t>
  </si>
  <si>
    <t>23.756376266479492</t>
  </si>
  <si>
    <t>1102.1251220703125</t>
  </si>
  <si>
    <t>0.032107781788834444</t>
  </si>
  <si>
    <t>8063</t>
  </si>
  <si>
    <t>24.054771423339844</t>
  </si>
  <si>
    <t>1161.743408203125</t>
  </si>
  <si>
    <t>0.03098484646469224</t>
  </si>
  <si>
    <t>8310</t>
  </si>
  <si>
    <t>24.50623893737793</t>
  </si>
  <si>
    <t>1037.4285888671875</t>
  </si>
  <si>
    <t>0.0301739131644716</t>
  </si>
  <si>
    <t>8548</t>
  </si>
  <si>
    <t>24.288297653198242</t>
  </si>
  <si>
    <t>1132.644287109375</t>
  </si>
  <si>
    <t>0.028237728589544986</t>
  </si>
  <si>
    <t>24.1773681640625</t>
  </si>
  <si>
    <t>1528.4161376953125</t>
  </si>
  <si>
    <t>-0.009993616768932512</t>
  </si>
  <si>
    <t>8522</t>
  </si>
  <si>
    <t>24.146568298339844</t>
  </si>
  <si>
    <t>1031.3623046875</t>
  </si>
  <si>
    <t>0.006947334389751703</t>
  </si>
  <si>
    <t>24.60529327392578</t>
  </si>
  <si>
    <t>1218.590576171875</t>
  </si>
  <si>
    <t>0.0189463446153475</t>
  </si>
  <si>
    <t>24.450607299804688</t>
  </si>
  <si>
    <t>1238.8631591796875</t>
  </si>
  <si>
    <t>-0.06186315474547044</t>
  </si>
  <si>
    <t>8667</t>
  </si>
  <si>
    <t>24.20014190673828</t>
  </si>
  <si>
    <t>1138.556396484375</t>
  </si>
  <si>
    <t>0.05978846520461012</t>
  </si>
  <si>
    <t>24.4263858795166</t>
  </si>
  <si>
    <t>1106.42919921875</t>
  </si>
  <si>
    <t>0.05259047967776276</t>
  </si>
  <si>
    <t>464</t>
  </si>
  <si>
    <t>26.26081657409668</t>
  </si>
  <si>
    <t>1362.8416748046875</t>
  </si>
  <si>
    <t>179.5495147705078</t>
  </si>
  <si>
    <t>Ciego de Ávila</t>
  </si>
  <si>
    <t>25.735830307006836</t>
  </si>
  <si>
    <t>1297.8291015625</t>
  </si>
  <si>
    <t>-0.029582206770747632</t>
  </si>
  <si>
    <t>25.682374954223633</t>
  </si>
  <si>
    <t>1223.499755859375</t>
  </si>
  <si>
    <t>-0.4307660582295245</t>
  </si>
  <si>
    <t>25.40773582458496</t>
  </si>
  <si>
    <t>1091.3704833984375</t>
  </si>
  <si>
    <t>-0.5431472861699476</t>
  </si>
  <si>
    <t>26.006803512573242</t>
  </si>
  <si>
    <t>1121.460205078125</t>
  </si>
  <si>
    <t>-0.6318058718537998</t>
  </si>
  <si>
    <t>522</t>
  </si>
  <si>
    <t>25.670061111450195</t>
  </si>
  <si>
    <t>1522.1854248046875</t>
  </si>
  <si>
    <t>-0.5623487767914908</t>
  </si>
  <si>
    <t>529</t>
  </si>
  <si>
    <t>25.265457153320312</t>
  </si>
  <si>
    <t>1492.104736328125</t>
  </si>
  <si>
    <t>0.013320843975660246</t>
  </si>
  <si>
    <t>658</t>
  </si>
  <si>
    <t>25.8851318359375</t>
  </si>
  <si>
    <t>1215.3145751953125</t>
  </si>
  <si>
    <t>0.21821649946701793</t>
  </si>
  <si>
    <t>910</t>
  </si>
  <si>
    <t>26.142709732055664</t>
  </si>
  <si>
    <t>1247.3802490234375</t>
  </si>
  <si>
    <t>0.32423966818557837</t>
  </si>
  <si>
    <t>25.519506454467773</t>
  </si>
  <si>
    <t>1315.0279541015625</t>
  </si>
  <si>
    <t>0.19686726779633368</t>
  </si>
  <si>
    <t>25.334840774536133</t>
  </si>
  <si>
    <t>1270.574951171875</t>
  </si>
  <si>
    <t>1304</t>
  </si>
  <si>
    <t>25.888822555541992</t>
  </si>
  <si>
    <t>1324.487060546875</t>
  </si>
  <si>
    <t>0.1628798751793692</t>
  </si>
  <si>
    <t>25.705345153808594</t>
  </si>
  <si>
    <t>1334.041015625</t>
  </si>
  <si>
    <t>0.1400286446037029</t>
  </si>
  <si>
    <t>26.031938552856445</t>
  </si>
  <si>
    <t>1281.9544677734375</t>
  </si>
  <si>
    <t>0.23269776411902132</t>
  </si>
  <si>
    <t>1959</t>
  </si>
  <si>
    <t>25.734495162963867</t>
  </si>
  <si>
    <t>1219.6077880859375</t>
  </si>
  <si>
    <t>0.0342712667352183</t>
  </si>
  <si>
    <t>25.67041778564453</t>
  </si>
  <si>
    <t>1295.3681640625</t>
  </si>
  <si>
    <t>0.15480677607823967</t>
  </si>
  <si>
    <t>25.865982055664062</t>
  </si>
  <si>
    <t>1294.0792236328125</t>
  </si>
  <si>
    <t>0.13440551855430893</t>
  </si>
  <si>
    <t>25.929643630981445</t>
  </si>
  <si>
    <t>1340.65234375</t>
  </si>
  <si>
    <t>1.0122956938922139</t>
  </si>
  <si>
    <t>25.71418571472168</t>
  </si>
  <si>
    <t>1273.5042724609375</t>
  </si>
  <si>
    <t>-0.1456900219000854</t>
  </si>
  <si>
    <t>6359</t>
  </si>
  <si>
    <t>25.762161254882812</t>
  </si>
  <si>
    <t>1295.20751953125</t>
  </si>
  <si>
    <t>0.021619026698189714</t>
  </si>
  <si>
    <t>6693</t>
  </si>
  <si>
    <t>25.12500762939453</t>
  </si>
  <si>
    <t>1316.6123046875</t>
  </si>
  <si>
    <t>0.05119107183323379</t>
  </si>
  <si>
    <t>26.162330627441406</t>
  </si>
  <si>
    <t>1297.711669921875</t>
  </si>
  <si>
    <t>0.03407584795489704</t>
  </si>
  <si>
    <t>7158</t>
  </si>
  <si>
    <t>26.014053344726562</t>
  </si>
  <si>
    <t>1315.6160888671875</t>
  </si>
  <si>
    <t>0.033092560270432614</t>
  </si>
  <si>
    <t>7391</t>
  </si>
  <si>
    <t>25.874483108520508</t>
  </si>
  <si>
    <t>1316.5311279296875</t>
  </si>
  <si>
    <t>0.03203243145891577</t>
  </si>
  <si>
    <t>7624</t>
  </si>
  <si>
    <t>25.97356414794922</t>
  </si>
  <si>
    <t>1292.045654296875</t>
  </si>
  <si>
    <t>0.031038122549151836</t>
  </si>
  <si>
    <t>26.480506896972656</t>
  </si>
  <si>
    <t>1289.1927490234375</t>
  </si>
  <si>
    <t>0.03023095478436666</t>
  </si>
  <si>
    <t>8083</t>
  </si>
  <si>
    <t>26.319440841674805</t>
  </si>
  <si>
    <t>1312.7662353515625</t>
  </si>
  <si>
    <t>0.02823096961543925</t>
  </si>
  <si>
    <t>8003</t>
  </si>
  <si>
    <t>26.213178634643555</t>
  </si>
  <si>
    <t>1307.3463134765625</t>
  </si>
  <si>
    <t>-0.00994661936679897</t>
  </si>
  <si>
    <t>8058</t>
  </si>
  <si>
    <t>26.11597442626953</t>
  </si>
  <si>
    <t>1299.991943359375</t>
  </si>
  <si>
    <t>0.006848915384246368</t>
  </si>
  <si>
    <t>8212</t>
  </si>
  <si>
    <t>26.76045036315918</t>
  </si>
  <si>
    <t>1317.198486328125</t>
  </si>
  <si>
    <t>0.018931112387532423</t>
  </si>
  <si>
    <t>7720</t>
  </si>
  <si>
    <t>26.537931442260742</t>
  </si>
  <si>
    <t>1392.112060546875</t>
  </si>
  <si>
    <t>-0.06178213512000319</t>
  </si>
  <si>
    <t>8195</t>
  </si>
  <si>
    <t>26.279136657714844</t>
  </si>
  <si>
    <t>1290.115234375</t>
  </si>
  <si>
    <t>0.05970984815910896</t>
  </si>
  <si>
    <t>26.57982063293457</t>
  </si>
  <si>
    <t>1332.8096923828125</t>
  </si>
  <si>
    <t>0.05264686234271565</t>
  </si>
  <si>
    <t>465</t>
  </si>
  <si>
    <t>25.82261848449707</t>
  </si>
  <si>
    <t>1370.410400390625</t>
  </si>
  <si>
    <t>193.22805786132812</t>
  </si>
  <si>
    <t>Cienfuegos</t>
  </si>
  <si>
    <t>25.37211036682129</t>
  </si>
  <si>
    <t>1482.8392333984375</t>
  </si>
  <si>
    <t>-0.02948348226611408</t>
  </si>
  <si>
    <t>1760</t>
  </si>
  <si>
    <t>25.12873649597168</t>
  </si>
  <si>
    <t>1396.7740478515625</t>
  </si>
  <si>
    <t>-0.43052720158210356</t>
  </si>
  <si>
    <t>24.844221115112305</t>
  </si>
  <si>
    <t>1160.250732421875</t>
  </si>
  <si>
    <t>-0.5435523172685475</t>
  </si>
  <si>
    <t>544</t>
  </si>
  <si>
    <t>1466.9095458984375</t>
  </si>
  <si>
    <t>-0.6305675239077075</t>
  </si>
  <si>
    <t>310</t>
  </si>
  <si>
    <t>25.228059768676758</t>
  </si>
  <si>
    <t>1583.025634765625</t>
  </si>
  <si>
    <t>-0.5623769493767501</t>
  </si>
  <si>
    <t>24.860885620117188</t>
  </si>
  <si>
    <t>1549.5372314453125</t>
  </si>
  <si>
    <t>0.012820688429060922</t>
  </si>
  <si>
    <t>390</t>
  </si>
  <si>
    <t>25.38384246826172</t>
  </si>
  <si>
    <t>1347.254638671875</t>
  </si>
  <si>
    <t>0.2167537532154391</t>
  </si>
  <si>
    <t>540</t>
  </si>
  <si>
    <t>25.600675582885742</t>
  </si>
  <si>
    <t>1311.463134765625</t>
  </si>
  <si>
    <t>0.3254224004346282</t>
  </si>
  <si>
    <t>24.96649742126465</t>
  </si>
  <si>
    <t>1456.33154296875</t>
  </si>
  <si>
    <t>0.19611487892628965</t>
  </si>
  <si>
    <t>24.702722549438477</t>
  </si>
  <si>
    <t>1331.4241943359375</t>
  </si>
  <si>
    <t>774</t>
  </si>
  <si>
    <t>25.34727668762207</t>
  </si>
  <si>
    <t>1627.988525390625</t>
  </si>
  <si>
    <t>0.16388785510511727</t>
  </si>
  <si>
    <t>25.094388961791992</t>
  </si>
  <si>
    <t>1425.811279296875</t>
  </si>
  <si>
    <t>0.1396495891364582</t>
  </si>
  <si>
    <t>25.413606643676758</t>
  </si>
  <si>
    <t>1495.7435302734375</t>
  </si>
  <si>
    <t>0.23253749201225737</t>
  </si>
  <si>
    <t>25.161054611206055</t>
  </si>
  <si>
    <t>1271.7982177734375</t>
  </si>
  <si>
    <t>0.03413898267341331</t>
  </si>
  <si>
    <t>25.036224365234375</t>
  </si>
  <si>
    <t>1651.45947265625</t>
  </si>
  <si>
    <t>0.15513372242301315</t>
  </si>
  <si>
    <t>25.339113235473633</t>
  </si>
  <si>
    <t>1351.3858642578125</t>
  </si>
  <si>
    <t>0.13426804090829503</t>
  </si>
  <si>
    <t>25.45799446105957</t>
  </si>
  <si>
    <t>1536.7197265625</t>
  </si>
  <si>
    <t>1.012303570098302</t>
  </si>
  <si>
    <t>3692</t>
  </si>
  <si>
    <t>25.122617721557617</t>
  </si>
  <si>
    <t>1562.3214111328125</t>
  </si>
  <si>
    <t>-0.14567967521872305</t>
  </si>
  <si>
    <t>25.219894409179688</t>
  </si>
  <si>
    <t>1275.5345458984375</t>
  </si>
  <si>
    <t>0.021702124341567597</t>
  </si>
  <si>
    <t>24.36700439453125</t>
  </si>
  <si>
    <t>1456.661376953125</t>
  </si>
  <si>
    <t>0.05089565371692473</t>
  </si>
  <si>
    <t>4108</t>
  </si>
  <si>
    <t>25.75782585144043</t>
  </si>
  <si>
    <t>1302.5784912109375</t>
  </si>
  <si>
    <t>0.03417019736721372</t>
  </si>
  <si>
    <t>25.577720642089844</t>
  </si>
  <si>
    <t>1565.3594970703125</t>
  </si>
  <si>
    <t>0.03304107121475219</t>
  </si>
  <si>
    <t>25.29166603088379</t>
  </si>
  <si>
    <t>1659.943603515625</t>
  </si>
  <si>
    <t>0.03221226254308185</t>
  </si>
  <si>
    <t>25.361055374145508</t>
  </si>
  <si>
    <t>1277.8929443359375</t>
  </si>
  <si>
    <t>0.030985864671560392</t>
  </si>
  <si>
    <t>26.130781173706055</t>
  </si>
  <si>
    <t>1315.700927734375</t>
  </si>
  <si>
    <t>25.955612182617188</t>
  </si>
  <si>
    <t>1338.1260986328125</t>
  </si>
  <si>
    <t>0.028343690944797828</t>
  </si>
  <si>
    <t>4748</t>
  </si>
  <si>
    <t>25.719894409179688</t>
  </si>
  <si>
    <t>1494.320556640625</t>
  </si>
  <si>
    <t>-0.009850231587980929</t>
  </si>
  <si>
    <t>4780</t>
  </si>
  <si>
    <t>25.610715866088867</t>
  </si>
  <si>
    <t>1336.426513671875</t>
  </si>
  <si>
    <t>0.006717069755943328</t>
  </si>
  <si>
    <t>4872</t>
  </si>
  <si>
    <t>26.319557189941406</t>
  </si>
  <si>
    <t>1362.267333984375</t>
  </si>
  <si>
    <t>0.019063983904231918</t>
  </si>
  <si>
    <t>4580</t>
  </si>
  <si>
    <t>26.133161544799805</t>
  </si>
  <si>
    <t>1628.3363037109375</t>
  </si>
  <si>
    <t>-0.061805532281502096</t>
  </si>
  <si>
    <t>25.894556045532227</t>
  </si>
  <si>
    <t>1242.4410400390625</t>
  </si>
  <si>
    <t>0.05975087776783816</t>
  </si>
  <si>
    <t>26.178903579711914</t>
  </si>
  <si>
    <t>1303.3634033203125</t>
  </si>
  <si>
    <t>0.05248550814055619</t>
  </si>
  <si>
    <t>466</t>
  </si>
  <si>
    <t>16308</t>
  </si>
  <si>
    <t>1365.5999755859375</t>
  </si>
  <si>
    <t>2144.366455078125</t>
  </si>
  <si>
    <t>Ciudad de la Habana</t>
  </si>
  <si>
    <t>15833</t>
  </si>
  <si>
    <t>1545.0999755859375</t>
  </si>
  <si>
    <t>-0.0295594154377099</t>
  </si>
  <si>
    <t>24.958335876464844</t>
  </si>
  <si>
    <t>1498.300048828125</t>
  </si>
  <si>
    <t>-0.43063231697487403</t>
  </si>
  <si>
    <t>5979</t>
  </si>
  <si>
    <t>24.783334732055664</t>
  </si>
  <si>
    <t>1273.9000244140625</t>
  </si>
  <si>
    <t>-0.5432107226456555</t>
  </si>
  <si>
    <t>3180</t>
  </si>
  <si>
    <t>1601.9000244140625</t>
  </si>
  <si>
    <t>-0.6313721331066819</t>
  </si>
  <si>
    <t>25.14166831970215</t>
  </si>
  <si>
    <t>1784.10009765625</t>
  </si>
  <si>
    <t>-0.5624499891712977</t>
  </si>
  <si>
    <t>24.816665649414062</t>
  </si>
  <si>
    <t>1384.4000244140625</t>
  </si>
  <si>
    <t>0.013702598612201022</t>
  </si>
  <si>
    <t>2283</t>
  </si>
  <si>
    <t>25.233335494995117</t>
  </si>
  <si>
    <t>1465.4000244140625</t>
  </si>
  <si>
    <t>0.21735656131466996</t>
  </si>
  <si>
    <t>25.4666690826416</t>
  </si>
  <si>
    <t>1551.900146484375</t>
  </si>
  <si>
    <t>0.32476515427229025</t>
  </si>
  <si>
    <t>3846</t>
  </si>
  <si>
    <t>1442.9000244140625</t>
  </si>
  <si>
    <t>0.19677812534663985</t>
  </si>
  <si>
    <t>3845</t>
  </si>
  <si>
    <t>24.641664505004883</t>
  </si>
  <si>
    <t>-0.00026004420898040337</t>
  </si>
  <si>
    <t>25.275001525878906</t>
  </si>
  <si>
    <t>1853.699951171875</t>
  </si>
  <si>
    <t>0.16284397419428132</t>
  </si>
  <si>
    <t>5207</t>
  </si>
  <si>
    <t>25.058334350585938</t>
  </si>
  <si>
    <t>1492.5999755859375</t>
  </si>
  <si>
    <t>0.14038629702887206</t>
  </si>
  <si>
    <t>6568</t>
  </si>
  <si>
    <t>25.333335876464844</t>
  </si>
  <si>
    <t>1828.300048828125</t>
  </si>
  <si>
    <t>0.23220549796936574</t>
  </si>
  <si>
    <t>25.108335494995117</t>
  </si>
  <si>
    <t>1495.9000244140625</t>
  </si>
  <si>
    <t>0.03441907912379705</t>
  </si>
  <si>
    <t>7935</t>
  </si>
  <si>
    <t>1871.1998291015625</t>
  </si>
  <si>
    <t>0.15465490270444882</t>
  </si>
  <si>
    <t>9076</t>
  </si>
  <si>
    <t>1317.9000244140625</t>
  </si>
  <si>
    <t>0.1343502129392231</t>
  </si>
  <si>
    <t>24981</t>
  </si>
  <si>
    <t>1325.5999755859375</t>
  </si>
  <si>
    <t>1.0124819690041953</t>
  </si>
  <si>
    <t>21593</t>
  </si>
  <si>
    <t>25.04166603088379</t>
  </si>
  <si>
    <t>1732.5999755859375</t>
  </si>
  <si>
    <t>-0.14574634782909612</t>
  </si>
  <si>
    <t>22066</t>
  </si>
  <si>
    <t>1218.5001220703125</t>
  </si>
  <si>
    <t>0.021668774245419797</t>
  </si>
  <si>
    <t>23223</t>
  </si>
  <si>
    <t>1445.900146484375</t>
  </si>
  <si>
    <t>0.05110520455257195</t>
  </si>
  <si>
    <t>24031</t>
  </si>
  <si>
    <t>0.034201496640180906</t>
  </si>
  <si>
    <t>24839</t>
  </si>
  <si>
    <t>1730.89990234375</t>
  </si>
  <si>
    <t>0.033070335075096935</t>
  </si>
  <si>
    <t>25647</t>
  </si>
  <si>
    <t>25.20833396911621</t>
  </si>
  <si>
    <t>1953.900146484375</t>
  </si>
  <si>
    <t>0.03201160710624151</t>
  </si>
  <si>
    <t>26456</t>
  </si>
  <si>
    <t>25.258333206176758</t>
  </si>
  <si>
    <t>1457.800048828125</t>
  </si>
  <si>
    <t>0.03105636996728478</t>
  </si>
  <si>
    <t>27266</t>
  </si>
  <si>
    <t>26.016664505004883</t>
  </si>
  <si>
    <t>1361.9000244140625</t>
  </si>
  <si>
    <t>0.030157529084446466</t>
  </si>
  <si>
    <t>28048</t>
  </si>
  <si>
    <t>25.883331298828125</t>
  </si>
  <si>
    <t>1382.60009765625</t>
  </si>
  <si>
    <t>0.028276823414941532</t>
  </si>
  <si>
    <t>27769</t>
  </si>
  <si>
    <t>1621.699951171875</t>
  </si>
  <si>
    <t>-0.009997037591372049</t>
  </si>
  <si>
    <t>27962</t>
  </si>
  <si>
    <t>25.558334350585938</t>
  </si>
  <si>
    <t>1571.2000732421875</t>
  </si>
  <si>
    <t>0.00692615497812632</t>
  </si>
  <si>
    <t>28496</t>
  </si>
  <si>
    <t>26.2166690826416</t>
  </si>
  <si>
    <t>1360.2000732421875</t>
  </si>
  <si>
    <t>0.01891728098167178</t>
  </si>
  <si>
    <t>26787</t>
  </si>
  <si>
    <t>1964.60009765625</t>
  </si>
  <si>
    <t>-0.06184703134411507</t>
  </si>
  <si>
    <t>28437</t>
  </si>
  <si>
    <t>1300.800048828125</t>
  </si>
  <si>
    <t>0.0597744189358238</t>
  </si>
  <si>
    <t>29974</t>
  </si>
  <si>
    <t>1371.10009765625</t>
  </si>
  <si>
    <t>0.05263922508379082</t>
  </si>
  <si>
    <t>467</t>
  </si>
  <si>
    <t>3022</t>
  </si>
  <si>
    <t>26.227277755737305</t>
  </si>
  <si>
    <t>1198.0216064453125</t>
  </si>
  <si>
    <t>247.19894409179688</t>
  </si>
  <si>
    <t>Granma</t>
  </si>
  <si>
    <t>2934</t>
  </si>
  <si>
    <t>26.016557693481445</t>
  </si>
  <si>
    <t>1027.0155029296875</t>
  </si>
  <si>
    <t>-0.029552184129757464</t>
  </si>
  <si>
    <t>25.826696395874023</t>
  </si>
  <si>
    <t>974.4026489257812</t>
  </si>
  <si>
    <t>-0.4303111066946954</t>
  </si>
  <si>
    <t>25.717988967895508</t>
  </si>
  <si>
    <t>1296.0511474609375</t>
  </si>
  <si>
    <t>-0.5434989847010021</t>
  </si>
  <si>
    <t>589</t>
  </si>
  <si>
    <t>26.190391540527344</t>
  </si>
  <si>
    <t>983.119384765625</t>
  </si>
  <si>
    <t>-0.6318856836556428</t>
  </si>
  <si>
    <t>25.82335090637207</t>
  </si>
  <si>
    <t>1434.271240234375</t>
  </si>
  <si>
    <t>-0.5613150236883824</t>
  </si>
  <si>
    <t>25.365018844604492</t>
  </si>
  <si>
    <t>1307.8359375</t>
  </si>
  <si>
    <t>0.014771317320312782</t>
  </si>
  <si>
    <t>25.98407554626465</t>
  </si>
  <si>
    <t>1021.2783813476562</t>
  </si>
  <si>
    <t>0.2154897017627606</t>
  </si>
  <si>
    <t>585</t>
  </si>
  <si>
    <t>26.061674118041992</t>
  </si>
  <si>
    <t>1158.21923828125</t>
  </si>
  <si>
    <t>0.32423966818557926</t>
  </si>
  <si>
    <t>713</t>
  </si>
  <si>
    <t>25.628339767456055</t>
  </si>
  <si>
    <t>1184.5780029296875</t>
  </si>
  <si>
    <t>0.19786957318243914</t>
  </si>
  <si>
    <t>25.55095100402832</t>
  </si>
  <si>
    <t>1105.2203369140625</t>
  </si>
  <si>
    <t>25.936674118041992</t>
  </si>
  <si>
    <t>1252.39306640625</t>
  </si>
  <si>
    <t>0.16272928605290993</t>
  </si>
  <si>
    <t>25.876747131347656</t>
  </si>
  <si>
    <t>1180.5809326171875</t>
  </si>
  <si>
    <t>0.13991739487178023</t>
  </si>
  <si>
    <t>26.041025161743164</t>
  </si>
  <si>
    <t>1264.4027099609375</t>
  </si>
  <si>
    <t>0.2320159916485407</t>
  </si>
  <si>
    <t>25.822181701660156</t>
  </si>
  <si>
    <t>1053.0120849609375</t>
  </si>
  <si>
    <t>0.03472290695799707</t>
  </si>
  <si>
    <t>25.681312561035156</t>
  </si>
  <si>
    <t>1535.529052734375</t>
  </si>
  <si>
    <t>0.15483072065591408</t>
  </si>
  <si>
    <t>25.90668296813965</t>
  </si>
  <si>
    <t>1127.1446533203125</t>
  </si>
  <si>
    <t>0.13404111993145573</t>
  </si>
  <si>
    <t>4630</t>
  </si>
  <si>
    <t>25.8362979888916</t>
  </si>
  <si>
    <t>1711.9532470703125</t>
  </si>
  <si>
    <t>1.0125733065473854</t>
  </si>
  <si>
    <t>4002</t>
  </si>
  <si>
    <t>25.587892532348633</t>
  </si>
  <si>
    <t>1341.463134765625</t>
  </si>
  <si>
    <t>-0.14576263193660033</t>
  </si>
  <si>
    <t>25.631311416625977</t>
  </si>
  <si>
    <t>1102.90966796875</t>
  </si>
  <si>
    <t>0.021750733893169283</t>
  </si>
  <si>
    <t>4304</t>
  </si>
  <si>
    <t>25.190439224243164</t>
  </si>
  <si>
    <t>1702.22119140625</t>
  </si>
  <si>
    <t>0.050999852804771706</t>
  </si>
  <si>
    <t>25.870851516723633</t>
  </si>
  <si>
    <t>1589.50830078125</t>
  </si>
  <si>
    <t>0.034257745975693865</t>
  </si>
  <si>
    <t>4603</t>
  </si>
  <si>
    <t>25.792245864868164</t>
  </si>
  <si>
    <t>1333.1357421875</t>
  </si>
  <si>
    <t>0.03290569599992743</t>
  </si>
  <si>
    <t>25.7775936126709</t>
  </si>
  <si>
    <t>1104.4144287109375</t>
  </si>
  <si>
    <t>0.032067732796768667</t>
  </si>
  <si>
    <t>4903</t>
  </si>
  <si>
    <t>26.046968460083008</t>
  </si>
  <si>
    <t>1237.8870849609375</t>
  </si>
  <si>
    <t>0.031071265037223128</t>
  </si>
  <si>
    <t>26.482057571411133</t>
  </si>
  <si>
    <t>989.7706298828125</t>
  </si>
  <si>
    <t>0.030134863640675746</t>
  </si>
  <si>
    <t>26.299942016601562</t>
  </si>
  <si>
    <t>1170.6224365234375</t>
  </si>
  <si>
    <t>0.028291809909527288</t>
  </si>
  <si>
    <t>5147</t>
  </si>
  <si>
    <t>26.143415451049805</t>
  </si>
  <si>
    <t>1621.160888671875</t>
  </si>
  <si>
    <t>-0.009859915548680931</t>
  </si>
  <si>
    <t>26.147977828979492</t>
  </si>
  <si>
    <t>1058.9344482421875</t>
  </si>
  <si>
    <t>0.0067770614693003495</t>
  </si>
  <si>
    <t>26.53550148010254</t>
  </si>
  <si>
    <t>1262.6212158203125</t>
  </si>
  <si>
    <t>0.018924391584878464</t>
  </si>
  <si>
    <t>26.430513381958008</t>
  </si>
  <si>
    <t>1329.4810791015625</t>
  </si>
  <si>
    <t>-0.06170217622766039</t>
  </si>
  <si>
    <t>5270</t>
  </si>
  <si>
    <t>26.24500846862793</t>
  </si>
  <si>
    <t>1231.2178955078125</t>
  </si>
  <si>
    <t>0.059617065056134066</t>
  </si>
  <si>
    <t>5555</t>
  </si>
  <si>
    <t>26.35493278503418</t>
  </si>
  <si>
    <t>1087.6578369140625</t>
  </si>
  <si>
    <t>0.0526680605383234</t>
  </si>
  <si>
    <t>468</t>
  </si>
  <si>
    <t>2726</t>
  </si>
  <si>
    <t>25.624963760375977</t>
  </si>
  <si>
    <t>1185.4342041015625</t>
  </si>
  <si>
    <t>234.82864379882812</t>
  </si>
  <si>
    <t>Guantánamo</t>
  </si>
  <si>
    <t>2646</t>
  </si>
  <si>
    <t>25.43291473388672</t>
  </si>
  <si>
    <t>943.4744873046875</t>
  </si>
  <si>
    <t>-0.029786267581576098</t>
  </si>
  <si>
    <t>25.332595825195312</t>
  </si>
  <si>
    <t>888.1337890625</t>
  </si>
  <si>
    <t>-0.4307247748674028</t>
  </si>
  <si>
    <t>25.105226516723633</t>
  </si>
  <si>
    <t>1266.3382568359375</t>
  </si>
  <si>
    <t>-0.5433247911589447</t>
  </si>
  <si>
    <t>532</t>
  </si>
  <si>
    <t>25.552963256835938</t>
  </si>
  <si>
    <t>898.6492309570312</t>
  </si>
  <si>
    <t>-0.6301112893069094</t>
  </si>
  <si>
    <t>25.236326217651367</t>
  </si>
  <si>
    <t>1393.58251953125</t>
  </si>
  <si>
    <t>-0.5629106838322757</t>
  </si>
  <si>
    <t>24.74266242980957</t>
  </si>
  <si>
    <t>1256.4180908203125</t>
  </si>
  <si>
    <t>0.01311494207782804</t>
  </si>
  <si>
    <t>25.422929763793945</t>
  </si>
  <si>
    <t>1023.1357421875</t>
  </si>
  <si>
    <t>0.21857286101937845</t>
  </si>
  <si>
    <t>528</t>
  </si>
  <si>
    <t>25.47071075439453</t>
  </si>
  <si>
    <t>1170.7900390625</t>
  </si>
  <si>
    <t>0.3236756750996861</t>
  </si>
  <si>
    <t>643</t>
  </si>
  <si>
    <t>24.9912109375</t>
  </si>
  <si>
    <t>991.352294921875</t>
  </si>
  <si>
    <t>0.19704844053135773</t>
  </si>
  <si>
    <t>25.03809356689453</t>
  </si>
  <si>
    <t>1064.9188232421875</t>
  </si>
  <si>
    <t>25.285917282104492</t>
  </si>
  <si>
    <t>1265.2119140625</t>
  </si>
  <si>
    <t>0.16189665194191427</t>
  </si>
  <si>
    <t>25.35234260559082</t>
  </si>
  <si>
    <t>1119.569580078125</t>
  </si>
  <si>
    <t>0.14045183546909623</t>
  </si>
  <si>
    <t>25.45009422302246</t>
  </si>
  <si>
    <t>1337.740966796875</t>
  </si>
  <si>
    <t>0.23275241042084627</t>
  </si>
  <si>
    <t>1136</t>
  </si>
  <si>
    <t>25.226707458496094</t>
  </si>
  <si>
    <t>1059.1734619140625</t>
  </si>
  <si>
    <t>0.034022977211621175</t>
  </si>
  <si>
    <t>25.14019203186035</t>
  </si>
  <si>
    <t>1607.3963623046875</t>
  </si>
  <si>
    <t>0.15465357146471082</t>
  </si>
  <si>
    <t>25.245595932006836</t>
  </si>
  <si>
    <t>1073.2401123046875</t>
  </si>
  <si>
    <t>0.134567808602724</t>
  </si>
  <si>
    <t>4175</t>
  </si>
  <si>
    <t>25.04608154296875</t>
  </si>
  <si>
    <t>1665.7415771484375</t>
  </si>
  <si>
    <t>1.0123796579364237</t>
  </si>
  <si>
    <t>24.85308837890625</t>
  </si>
  <si>
    <t>1199.9412841796875</t>
  </si>
  <si>
    <t>-0.14568363264216622</t>
  </si>
  <si>
    <t>25.056550979614258</t>
  </si>
  <si>
    <t>1022.9364624023438</t>
  </si>
  <si>
    <t>0.021653580033694553</t>
  </si>
  <si>
    <t>3882</t>
  </si>
  <si>
    <t>24.7852840423584</t>
  </si>
  <si>
    <t>1580.836669921875</t>
  </si>
  <si>
    <t>0.05126617905247244</t>
  </si>
  <si>
    <t>24.941747665405273</t>
  </si>
  <si>
    <t>1339.093017578125</t>
  </si>
  <si>
    <t>0.034184870630326714</t>
  </si>
  <si>
    <t>4152</t>
  </si>
  <si>
    <t>25.065088272094727</t>
  </si>
  <si>
    <t>1286.12109375</t>
  </si>
  <si>
    <t>0.033054790486440666</t>
  </si>
  <si>
    <t>4287</t>
  </si>
  <si>
    <t>25.06340217590332</t>
  </si>
  <si>
    <t>980.2109985351562</t>
  </si>
  <si>
    <t>0.03199704175225371</t>
  </si>
  <si>
    <t>25.552169799804688</t>
  </si>
  <si>
    <t>1203.5880126953125</t>
  </si>
  <si>
    <t>0.031004894819414375</t>
  </si>
  <si>
    <t>25.936708450317383</t>
  </si>
  <si>
    <t>982.9061889648438</t>
  </si>
  <si>
    <t>0.03007242984649139</t>
  </si>
  <si>
    <t>25.692337036132812</t>
  </si>
  <si>
    <t>1156.036376953125</t>
  </si>
  <si>
    <t>0.02834153999296518</t>
  </si>
  <si>
    <t>4641</t>
  </si>
  <si>
    <t>25.502775192260742</t>
  </si>
  <si>
    <t>1493.8544921875</t>
  </si>
  <si>
    <t>-0.010076192015672447</t>
  </si>
  <si>
    <t>4674</t>
  </si>
  <si>
    <t>25.53900909423828</t>
  </si>
  <si>
    <t>1041.6229248046875</t>
  </si>
  <si>
    <t>0.007085375857627696</t>
  </si>
  <si>
    <t>4763</t>
  </si>
  <si>
    <t>25.813268661499023</t>
  </si>
  <si>
    <t>1186.76806640625</t>
  </si>
  <si>
    <t>0.01886248570205673</t>
  </si>
  <si>
    <t>25.76784324645996</t>
  </si>
  <si>
    <t>1344.7900390625</t>
  </si>
  <si>
    <t>-0.0619245425598951</t>
  </si>
  <si>
    <t>25.524377822875977</t>
  </si>
  <si>
    <t>1116.058837890625</t>
  </si>
  <si>
    <t>0.059822818373044484</t>
  </si>
  <si>
    <t>5010</t>
  </si>
  <si>
    <t>25.61136817932129</t>
  </si>
  <si>
    <t>1000.5589599609375</t>
  </si>
  <si>
    <t>0.05265991746490073</t>
  </si>
  <si>
    <t>469</t>
  </si>
  <si>
    <t>4390</t>
  </si>
  <si>
    <t>26.73529052734375</t>
  </si>
  <si>
    <t>1073.1627197265625</t>
  </si>
  <si>
    <t>359.246826171875</t>
  </si>
  <si>
    <t>Holguín</t>
  </si>
  <si>
    <t>4262</t>
  </si>
  <si>
    <t>26.53929328918457</t>
  </si>
  <si>
    <t>1031.3883056640625</t>
  </si>
  <si>
    <t>-0.029590693410654012</t>
  </si>
  <si>
    <t>2771</t>
  </si>
  <si>
    <t>26.276304244995117</t>
  </si>
  <si>
    <t>883.8378295898438</t>
  </si>
  <si>
    <t>-0.430530267795584</t>
  </si>
  <si>
    <t>26.06695556640625</t>
  </si>
  <si>
    <t>1171.8575439453125</t>
  </si>
  <si>
    <t>-0.5429740868844695</t>
  </si>
  <si>
    <t>856</t>
  </si>
  <si>
    <t>26.622285842895508</t>
  </si>
  <si>
    <t>881.8267822265625</t>
  </si>
  <si>
    <t>-0.6317190818367671</t>
  </si>
  <si>
    <t>488</t>
  </si>
  <si>
    <t>26.175949096679688</t>
  </si>
  <si>
    <t>1339.217529296875</t>
  </si>
  <si>
    <t>-0.5619549702885944</t>
  </si>
  <si>
    <t>495</t>
  </si>
  <si>
    <t>25.704267501831055</t>
  </si>
  <si>
    <t>1196.0574951171875</t>
  </si>
  <si>
    <t>0.014242356715542748</t>
  </si>
  <si>
    <t>26.29396629333496</t>
  </si>
  <si>
    <t>980.7967529296875</t>
  </si>
  <si>
    <t>0.21706450523782728</t>
  </si>
  <si>
    <t>26.30060386657715</t>
  </si>
  <si>
    <t>1095.1727294921875</t>
  </si>
  <si>
    <t>0.323614081677845</t>
  </si>
  <si>
    <t>25.87328338623047</t>
  </si>
  <si>
    <t>1136.6845703125</t>
  </si>
  <si>
    <t>0.19692035621510673</t>
  </si>
  <si>
    <t>25.80997657775879</t>
  </si>
  <si>
    <t>1049.14208984375</t>
  </si>
  <si>
    <t>1218</t>
  </si>
  <si>
    <t>26.171903610229492</t>
  </si>
  <si>
    <t>1079.658935546875</t>
  </si>
  <si>
    <t>0.16280874257037325</t>
  </si>
  <si>
    <t>26.111600875854492</t>
  </si>
  <si>
    <t>1123.600830078125</t>
  </si>
  <si>
    <t>0.14068961932469293</t>
  </si>
  <si>
    <t>26.324951171875</t>
  </si>
  <si>
    <t>1158.6759033203125</t>
  </si>
  <si>
    <t>0.23194917560305317</t>
  </si>
  <si>
    <t>26.07660484313965</t>
  </si>
  <si>
    <t>1040.174072265625</t>
  </si>
  <si>
    <t>0.03446700263787772</t>
  </si>
  <si>
    <t>25.924596786499023</t>
  </si>
  <si>
    <t>1287.2994384765625</t>
  </si>
  <si>
    <t>0.15461895424461947</t>
  </si>
  <si>
    <t>2443</t>
  </si>
  <si>
    <t>26.233583450317383</t>
  </si>
  <si>
    <t>1034.11865234375</t>
  </si>
  <si>
    <t>0.13429187117765462</t>
  </si>
  <si>
    <t>25.99925422668457</t>
  </si>
  <si>
    <t>1264.333251953125</t>
  </si>
  <si>
    <t>1.0126051332122987</t>
  </si>
  <si>
    <t>25.722246170043945</t>
  </si>
  <si>
    <t>1143.1500244140625</t>
  </si>
  <si>
    <t>-0.145735136768689</t>
  </si>
  <si>
    <t>5940</t>
  </si>
  <si>
    <t>25.901601791381836</t>
  </si>
  <si>
    <t>1010.1934814453125</t>
  </si>
  <si>
    <t>0.02161234465534001</t>
  </si>
  <si>
    <t>6252</t>
  </si>
  <si>
    <t>25.42729949951172</t>
  </si>
  <si>
    <t>1397.1011962890625</t>
  </si>
  <si>
    <t>0.0511922791846775</t>
  </si>
  <si>
    <t>6469</t>
  </si>
  <si>
    <t>25.947904586791992</t>
  </si>
  <si>
    <t>1240.13916015625</t>
  </si>
  <si>
    <t>0.0341201245026177</t>
  </si>
  <si>
    <t>25.99127769470215</t>
  </si>
  <si>
    <t>1108.389404296875</t>
  </si>
  <si>
    <t>0.03299425093605812</t>
  </si>
  <si>
    <t>6904</t>
  </si>
  <si>
    <t>25.862611770629883</t>
  </si>
  <si>
    <t>1087.505126953125</t>
  </si>
  <si>
    <t>0.032085165783220404</t>
  </si>
  <si>
    <t>26.364967346191406</t>
  </si>
  <si>
    <t>1044.8543701171875</t>
  </si>
  <si>
    <t>0.031087631074459665</t>
  </si>
  <si>
    <t>26.917272567749023</t>
  </si>
  <si>
    <t>936.5668334960938</t>
  </si>
  <si>
    <t>0.03015025777083835</t>
  </si>
  <si>
    <t>7550</t>
  </si>
  <si>
    <t>26.635948181152344</t>
  </si>
  <si>
    <t>1030.255126953125</t>
  </si>
  <si>
    <t>0.028208720634507856</t>
  </si>
  <si>
    <t>7475</t>
  </si>
  <si>
    <t>26.41059684753418</t>
  </si>
  <si>
    <t>1363.2708740234375</t>
  </si>
  <si>
    <t>-0.009983443984182827</t>
  </si>
  <si>
    <t>7527</t>
  </si>
  <si>
    <t>26.412599563598633</t>
  </si>
  <si>
    <t>1013.395263671875</t>
  </si>
  <si>
    <t>0.006932436775645812</t>
  </si>
  <si>
    <t>7671</t>
  </si>
  <si>
    <t>26.729585647583008</t>
  </si>
  <si>
    <t>1019.6459350585938</t>
  </si>
  <si>
    <t>0.018950428924764395</t>
  </si>
  <si>
    <t>26.714921951293945</t>
  </si>
  <si>
    <t>1277.8751220703125</t>
  </si>
  <si>
    <t>-0.061839347042537796</t>
  </si>
  <si>
    <t>7655</t>
  </si>
  <si>
    <t>26.516931533813477</t>
  </si>
  <si>
    <t>1120.2183837890625</t>
  </si>
  <si>
    <t>0.05975139117502515</t>
  </si>
  <si>
    <t>26.60724639892578</t>
  </si>
  <si>
    <t>1052.283203125</t>
  </si>
  <si>
    <t>0.05267052975672115</t>
  </si>
  <si>
    <t>470</t>
  </si>
  <si>
    <t>4971</t>
  </si>
  <si>
    <t>12.190178871154785</t>
  </si>
  <si>
    <t>578.1649780273438</t>
  </si>
  <si>
    <t>77.032958984375</t>
  </si>
  <si>
    <t>Isla de la Juventud</t>
  </si>
  <si>
    <t>12.006926536560059</t>
  </si>
  <si>
    <t>690.1329345703125</t>
  </si>
  <si>
    <t>-0.029603059909696583</t>
  </si>
  <si>
    <t>3138</t>
  </si>
  <si>
    <t>11.850396156311035</t>
  </si>
  <si>
    <t>729.6698608398438</t>
  </si>
  <si>
    <t>-0.43043231289199824</t>
  </si>
  <si>
    <t>11.766406059265137</t>
  </si>
  <si>
    <t>567.8111572265625</t>
  </si>
  <si>
    <t>-0.5431021586143157</t>
  </si>
  <si>
    <t>12.11764144897461</t>
  </si>
  <si>
    <t>675.7017211914062</t>
  </si>
  <si>
    <t>-0.6319741627878965</t>
  </si>
  <si>
    <t>11.919116973876953</t>
  </si>
  <si>
    <t>765.63330078125</t>
  </si>
  <si>
    <t>11.77785873413086</t>
  </si>
  <si>
    <t>656.7349243164062</t>
  </si>
  <si>
    <t>11.980201721191406</t>
  </si>
  <si>
    <t>630.3922119140625</t>
  </si>
  <si>
    <t>12.052739143371582</t>
  </si>
  <si>
    <t>659.3004760742188</t>
  </si>
  <si>
    <t>11.838943481445312</t>
  </si>
  <si>
    <t>597.4065551757812</t>
  </si>
  <si>
    <t>11.716773986816406</t>
  </si>
  <si>
    <t>623.0162963867188</t>
  </si>
  <si>
    <t>12.010743141174316</t>
  </si>
  <si>
    <t>690.5910034179688</t>
  </si>
  <si>
    <t>11.934388160705566</t>
  </si>
  <si>
    <t>841.68359375</t>
  </si>
  <si>
    <t>12.064192771911621</t>
  </si>
  <si>
    <t>664.2941284179688</t>
  </si>
  <si>
    <t>572.3008422851562</t>
  </si>
  <si>
    <t>2419</t>
  </si>
  <si>
    <t>11.90384578704834</t>
  </si>
  <si>
    <t>810.3013916015625</t>
  </si>
  <si>
    <t>0.1548399072306541</t>
  </si>
  <si>
    <t>2767</t>
  </si>
  <si>
    <t>11.984017372131348</t>
  </si>
  <si>
    <t>686.651123046875</t>
  </si>
  <si>
    <t>0.134409469176898</t>
  </si>
  <si>
    <t>7615</t>
  </si>
  <si>
    <t>12.068009376525879</t>
  </si>
  <si>
    <t>653.61962890625</t>
  </si>
  <si>
    <t>1.012356285542337</t>
  </si>
  <si>
    <t>6582</t>
  </si>
  <si>
    <t>11.942023277282715</t>
  </si>
  <si>
    <t>623.0162353515625</t>
  </si>
  <si>
    <t>-0.14578133582597808</t>
  </si>
  <si>
    <t>6726</t>
  </si>
  <si>
    <t>11.987835884094238</t>
  </si>
  <si>
    <t>549.3942260742188</t>
  </si>
  <si>
    <t>0.02164196279693087</t>
  </si>
  <si>
    <t>7079</t>
  </si>
  <si>
    <t>11.602241516113281</t>
  </si>
  <si>
    <t>653.6654663085938</t>
  </si>
  <si>
    <t>0.05115204147397456</t>
  </si>
  <si>
    <t>7325</t>
  </si>
  <si>
    <t>12.22453784942627</t>
  </si>
  <si>
    <t>582.5172119140625</t>
  </si>
  <si>
    <t>0.03416050011107785</t>
  </si>
  <si>
    <t>12.159636497497559</t>
  </si>
  <si>
    <t>767.878173828125</t>
  </si>
  <si>
    <t>0.033164078443945755</t>
  </si>
  <si>
    <t>12.037467956542969</t>
  </si>
  <si>
    <t>848.5556030273438</t>
  </si>
  <si>
    <t>0.03197153402368613</t>
  </si>
  <si>
    <t>8065</t>
  </si>
  <si>
    <t>650.7333984375</t>
  </si>
  <si>
    <t>0.031104944206409968</t>
  </si>
  <si>
    <t>8312</t>
  </si>
  <si>
    <t>12.335254669189453</t>
  </si>
  <si>
    <t>654.3984375</t>
  </si>
  <si>
    <t>0.030166542219753012</t>
  </si>
  <si>
    <t>8550</t>
  </si>
  <si>
    <t>12.27798843383789</t>
  </si>
  <si>
    <t>560.8017578125</t>
  </si>
  <si>
    <t>0.028231029151744025</t>
  </si>
  <si>
    <t>12.129094123840332</t>
  </si>
  <si>
    <t>655.5437622070312</t>
  </si>
  <si>
    <t>-0.0099912673635707</t>
  </si>
  <si>
    <t>8524</t>
  </si>
  <si>
    <t>12.106188774108887</t>
  </si>
  <si>
    <t>719.5451049804688</t>
  </si>
  <si>
    <t>0.006945698651271925</t>
  </si>
  <si>
    <t>8686</t>
  </si>
  <si>
    <t>12.396340370178223</t>
  </si>
  <si>
    <t>560.6184692382812</t>
  </si>
  <si>
    <t>0.018826819876260004</t>
  </si>
  <si>
    <t>8166</t>
  </si>
  <si>
    <t>12.361979484558105</t>
  </si>
  <si>
    <t>797.382080078125</t>
  </si>
  <si>
    <t>-0.06173334121524654</t>
  </si>
  <si>
    <t>8668</t>
  </si>
  <si>
    <t>12.24362850189209</t>
  </si>
  <si>
    <t>561.1223754882812</t>
  </si>
  <si>
    <t>0.0596588907767277</t>
  </si>
  <si>
    <t>9137</t>
  </si>
  <si>
    <t>12.262715339660645</t>
  </si>
  <si>
    <t>648.1220092773438</t>
  </si>
  <si>
    <t>0.05269402034237203</t>
  </si>
  <si>
    <t>471</t>
  </si>
  <si>
    <t>25.741666793823242</t>
  </si>
  <si>
    <t>1397.0999755859375</t>
  </si>
  <si>
    <t>137.47726440429688</t>
  </si>
  <si>
    <t>La Habana</t>
  </si>
  <si>
    <t>1625.7000732421875</t>
  </si>
  <si>
    <t>24.96666717529297</t>
  </si>
  <si>
    <t>1607.5</t>
  </si>
  <si>
    <t>24.733335494995117</t>
  </si>
  <si>
    <t>1184.4000244140625</t>
  </si>
  <si>
    <t>25.533334732055664</t>
  </si>
  <si>
    <t>1625.300048828125</t>
  </si>
  <si>
    <t>25.125</t>
  </si>
  <si>
    <t>1735.10009765625</t>
  </si>
  <si>
    <t>1569.0</t>
  </si>
  <si>
    <t>1524.7999267578125</t>
  </si>
  <si>
    <t>25.391664505004883</t>
  </si>
  <si>
    <t>1564.400146484375</t>
  </si>
  <si>
    <t>24.866666793823242</t>
  </si>
  <si>
    <t>24.608335494995117</t>
  </si>
  <si>
    <t>1373.0</t>
  </si>
  <si>
    <t>1637.0999755859375</t>
  </si>
  <si>
    <t>1982.900146484375</t>
  </si>
  <si>
    <t>25.366666793823242</t>
  </si>
  <si>
    <t>1695.89990234375</t>
  </si>
  <si>
    <t>1369.5999755859375</t>
  </si>
  <si>
    <t>2006.999755859375</t>
  </si>
  <si>
    <t>25.25</t>
  </si>
  <si>
    <t>1527.699951171875</t>
  </si>
  <si>
    <t>25.383331298828125</t>
  </si>
  <si>
    <t>1427.300048828125</t>
  </si>
  <si>
    <t>1489.1998291015625</t>
  </si>
  <si>
    <t>25.208335876464844</t>
  </si>
  <si>
    <t>1237.89990234375</t>
  </si>
  <si>
    <t>1480.800048828125</t>
  </si>
  <si>
    <t>25.791669845581055</t>
  </si>
  <si>
    <t>1263.699951171875</t>
  </si>
  <si>
    <t>25.674997329711914</t>
  </si>
  <si>
    <t>1756.0999755859375</t>
  </si>
  <si>
    <t>2088.199951171875</t>
  </si>
  <si>
    <t>25.241668701171875</t>
  </si>
  <si>
    <t>1559.900146484375</t>
  </si>
  <si>
    <t>26.0</t>
  </si>
  <si>
    <t>1458.1002197265625</t>
  </si>
  <si>
    <t>1254.39990234375</t>
  </si>
  <si>
    <t>1516.800048828125</t>
  </si>
  <si>
    <t>1751.8997802734375</t>
  </si>
  <si>
    <t>1254.89990234375</t>
  </si>
  <si>
    <t>1945.0999755859375</t>
  </si>
  <si>
    <t>1204.7999267578125</t>
  </si>
  <si>
    <t>1416.5999755859375</t>
  </si>
  <si>
    <t>472</t>
  </si>
  <si>
    <t>1122</t>
  </si>
  <si>
    <t>26.986974716186523</t>
  </si>
  <si>
    <t>1165.071044921875</t>
  </si>
  <si>
    <t>270.7474365234375</t>
  </si>
  <si>
    <t>Las Tunas</t>
  </si>
  <si>
    <t>1089</t>
  </si>
  <si>
    <t>26.7288761138916</t>
  </si>
  <si>
    <t>1052.3800048828125</t>
  </si>
  <si>
    <t>26.503023147583008</t>
  </si>
  <si>
    <t>926.5701293945312</t>
  </si>
  <si>
    <t>-0.43057102923924084</t>
  </si>
  <si>
    <t>26.315683364868164</t>
  </si>
  <si>
    <t>1143.7293701171875</t>
  </si>
  <si>
    <t>-0.5438508791974854</t>
  </si>
  <si>
    <t>26.87253761291504</t>
  </si>
  <si>
    <t>963.9021606445312</t>
  </si>
  <si>
    <t>-0.6295214846797332</t>
  </si>
  <si>
    <t>125</t>
  </si>
  <si>
    <t>26.442556381225586</t>
  </si>
  <si>
    <t>1384.59228515625</t>
  </si>
  <si>
    <t>-0.5607579925141994</t>
  </si>
  <si>
    <t>126</t>
  </si>
  <si>
    <t>25.994691848754883</t>
  </si>
  <si>
    <t>1225.4007568359375</t>
  </si>
  <si>
    <t>0.00796816964917646</t>
  </si>
  <si>
    <t>26.57344627380371</t>
  </si>
  <si>
    <t>1033.96630859375</t>
  </si>
  <si>
    <t>0.21996389839682973</t>
  </si>
  <si>
    <t>26.633790969848633</t>
  </si>
  <si>
    <t>1050.44677734375</t>
  </si>
  <si>
    <t>0.323651548192152</t>
  </si>
  <si>
    <t>26.153478622436523</t>
  </si>
  <si>
    <t>1168.44873046875</t>
  </si>
  <si>
    <t>0.19605174960585625</t>
  </si>
  <si>
    <t>26.10804557800293</t>
  </si>
  <si>
    <t>1041.0565185546875</t>
  </si>
  <si>
    <t>26.581199645996094</t>
  </si>
  <si>
    <t>1152.5325927734375</t>
  </si>
  <si>
    <t>0.16384380903291795</t>
  </si>
  <si>
    <t>26.463640213012695</t>
  </si>
  <si>
    <t>1162.45703125</t>
  </si>
  <si>
    <t>0.1407400742214664</t>
  </si>
  <si>
    <t>26.70367431640625</t>
  </si>
  <si>
    <t>1184.653564453125</t>
  </si>
  <si>
    <t>0.2331491934315313</t>
  </si>
  <si>
    <t>26.43096923828125</t>
  </si>
  <si>
    <t>986.1090698242188</t>
  </si>
  <si>
    <t>0.034786116085415486</t>
  </si>
  <si>
    <t>546</t>
  </si>
  <si>
    <t>26.341325759887695</t>
  </si>
  <si>
    <t>1450.31201171875</t>
  </si>
  <si>
    <t>0.15415067982725805</t>
  </si>
  <si>
    <t>26.591535568237305</t>
  </si>
  <si>
    <t>1086.625732421875</t>
  </si>
  <si>
    <t>0.13353139262452274</t>
  </si>
  <si>
    <t>26.407392501831055</t>
  </si>
  <si>
    <t>1570.02685546875</t>
  </si>
  <si>
    <t>1.0127657341747724</t>
  </si>
  <si>
    <t>26.14508819580078</t>
  </si>
  <si>
    <t>1296.71728515625</t>
  </si>
  <si>
    <t>-0.14574605130740004</t>
  </si>
  <si>
    <t>26.271909713745117</t>
  </si>
  <si>
    <t>1061.0618896484375</t>
  </si>
  <si>
    <t>0.02197890671877456</t>
  </si>
  <si>
    <t>1597</t>
  </si>
  <si>
    <t>25.774423599243164</t>
  </si>
  <si>
    <t>1668.85009765625</t>
  </si>
  <si>
    <t>0.05073319025943768</t>
  </si>
  <si>
    <t>26.41400146484375</t>
  </si>
  <si>
    <t>1542.9278564453125</t>
  </si>
  <si>
    <t>0.03446494960601143</t>
  </si>
  <si>
    <t>26.37666893005371</t>
  </si>
  <si>
    <t>1222.739013671875</t>
  </si>
  <si>
    <t>0.03273127652749164</t>
  </si>
  <si>
    <t>1764</t>
  </si>
  <si>
    <t>26.237546920776367</t>
  </si>
  <si>
    <t>1052.4776611328125</t>
  </si>
  <si>
    <t>0.03226086221822122</t>
  </si>
  <si>
    <t>26.73015022277832</t>
  </si>
  <si>
    <t>1159.0208740234375</t>
  </si>
  <si>
    <t>0.03070294195138512</t>
  </si>
  <si>
    <t>27.26110076904297</t>
  </si>
  <si>
    <t>912.23681640625</t>
  </si>
  <si>
    <t>0.030321759886389188</t>
  </si>
  <si>
    <t>1929</t>
  </si>
  <si>
    <t>26.984914779663086</t>
  </si>
  <si>
    <t>1092.6700439453125</t>
  </si>
  <si>
    <t>0.028393074501217974</t>
  </si>
  <si>
    <t>26.793136596679688</t>
  </si>
  <si>
    <t>1540.42333984375</t>
  </si>
  <si>
    <t>-0.009898491865053316</t>
  </si>
  <si>
    <t>26.78010368347168</t>
  </si>
  <si>
    <t>963.71875</t>
  </si>
  <si>
    <t>0.006783224548104094</t>
  </si>
  <si>
    <t>27.166837692260742</t>
  </si>
  <si>
    <t>1138.53955078125</t>
  </si>
  <si>
    <t>0.01905800663578283</t>
  </si>
  <si>
    <t>27.075822830200195</t>
  </si>
  <si>
    <t>1273.6658935546875</t>
  </si>
  <si>
    <t>-0.06209253540931048</t>
  </si>
  <si>
    <t>1956</t>
  </si>
  <si>
    <t>26.832725524902344</t>
  </si>
  <si>
    <t>1188.3516845703125</t>
  </si>
  <si>
    <t>0.06004963377951</t>
  </si>
  <si>
    <t>27.02434730529785</t>
  </si>
  <si>
    <t>1053.2955322265625</t>
  </si>
  <si>
    <t>0.052289730295696835</t>
  </si>
  <si>
    <t>473</t>
  </si>
  <si>
    <t>5290</t>
  </si>
  <si>
    <t>25.385297775268555</t>
  </si>
  <si>
    <t>1342.4854736328125</t>
  </si>
  <si>
    <t>304.0880126953125</t>
  </si>
  <si>
    <t>Matanzas</t>
  </si>
  <si>
    <t>5136</t>
  </si>
  <si>
    <t>24.98054313659668</t>
  </si>
  <si>
    <t>1649.3538818359375</t>
  </si>
  <si>
    <t>-0.02954367948254699</t>
  </si>
  <si>
    <t>24.64067840576172</t>
  </si>
  <si>
    <t>1480.8673095703125</t>
  </si>
  <si>
    <t>-0.4306032054261433</t>
  </si>
  <si>
    <t>24.44977378845215</t>
  </si>
  <si>
    <t>1155.677978515625</t>
  </si>
  <si>
    <t>-0.54298338788628</t>
  </si>
  <si>
    <t>1032</t>
  </si>
  <si>
    <t>25.2037353515625</t>
  </si>
  <si>
    <t>1508.6378173828125</t>
  </si>
  <si>
    <t>-0.631189306015866</t>
  </si>
  <si>
    <t>588</t>
  </si>
  <si>
    <t>24.808748245239258</t>
  </si>
  <si>
    <t>1605.21630859375</t>
  </si>
  <si>
    <t>-0.5625269981428813</t>
  </si>
  <si>
    <t>596</t>
  </si>
  <si>
    <t>24.494985580444336</t>
  </si>
  <si>
    <t>1625.810546875</t>
  </si>
  <si>
    <t>741</t>
  </si>
  <si>
    <t>24.942949295043945</t>
  </si>
  <si>
    <t>1395.58935546875</t>
  </si>
  <si>
    <t>0.21775995823073657</t>
  </si>
  <si>
    <t>25.17311668395996</t>
  </si>
  <si>
    <t>1449.4923095703125</t>
  </si>
  <si>
    <t>0.3244472662764224</t>
  </si>
  <si>
    <t>24.57653045654297</t>
  </si>
  <si>
    <t>1505.245361328125</t>
  </si>
  <si>
    <t>0.19684965735686433</t>
  </si>
  <si>
    <t>24.30861473083496</t>
  </si>
  <si>
    <t>1337.2303466796875</t>
  </si>
  <si>
    <t>-0.0008016032493367575</t>
  </si>
  <si>
    <t>24.959930419921875</t>
  </si>
  <si>
    <t>1844.3450927734375</t>
  </si>
  <si>
    <t>0.16316026349442403</t>
  </si>
  <si>
    <t>24.709030151367188</t>
  </si>
  <si>
    <t>1527.5556640625</t>
  </si>
  <si>
    <t>0.14023570763333915</t>
  </si>
  <si>
    <t>25.037269592285156</t>
  </si>
  <si>
    <t>1748.620849609375</t>
  </si>
  <si>
    <t>0.2324547152908174</t>
  </si>
  <si>
    <t>24.79088020324707</t>
  </si>
  <si>
    <t>1400.8709716796875</t>
  </si>
  <si>
    <t>0.034136155782329425</t>
  </si>
  <si>
    <t>24.651853561401367</t>
  </si>
  <si>
    <t>1823.3126220703125</t>
  </si>
  <si>
    <t>0.15473360027512584</t>
  </si>
  <si>
    <t>24.931978225708008</t>
  </si>
  <si>
    <t>1376.48876953125</t>
  </si>
  <si>
    <t>0.1343080916926942</t>
  </si>
  <si>
    <t>8104</t>
  </si>
  <si>
    <t>25.091407775878906</t>
  </si>
  <si>
    <t>1443.8155517578125</t>
  </si>
  <si>
    <t>1.012588566079752</t>
  </si>
  <si>
    <t>7005</t>
  </si>
  <si>
    <t>24.697786331176758</t>
  </si>
  <si>
    <t>1680.4783935546875</t>
  </si>
  <si>
    <t>-0.14573358715741058</t>
  </si>
  <si>
    <t>24.806991577148438</t>
  </si>
  <si>
    <t>1269.9215087890625</t>
  </si>
  <si>
    <t>0.021606432554863275</t>
  </si>
  <si>
    <t>7533</t>
  </si>
  <si>
    <t>23.968427658081055</t>
  </si>
  <si>
    <t>1466.9635009765625</t>
  </si>
  <si>
    <t>0.05106275649972325</t>
  </si>
  <si>
    <t>7795</t>
  </si>
  <si>
    <t>25.398048400878906</t>
  </si>
  <si>
    <t>1256.0379638671875</t>
  </si>
  <si>
    <t>0.034189133666181704</t>
  </si>
  <si>
    <t>8057</t>
  </si>
  <si>
    <t>25.22791862487793</t>
  </si>
  <si>
    <t>1747.5816650390625</t>
  </si>
  <si>
    <t>0.03305877628531917</t>
  </si>
  <si>
    <t>8320</t>
  </si>
  <si>
    <t>24.901098251342773</t>
  </si>
  <si>
    <t>1936.7711181640625</t>
  </si>
  <si>
    <t>0.0321209760380583</t>
  </si>
  <si>
    <t>8582</t>
  </si>
  <si>
    <t>24.958654403686523</t>
  </si>
  <si>
    <t>1338.3740234375</t>
  </si>
  <si>
    <t>0.031004731736215874</t>
  </si>
  <si>
    <t>8845</t>
  </si>
  <si>
    <t>25.73113250732422</t>
  </si>
  <si>
    <t>1301.2420654296875</t>
  </si>
  <si>
    <t>0.03018534104241688</t>
  </si>
  <si>
    <t>9099</t>
  </si>
  <si>
    <t>25.576631546020508</t>
  </si>
  <si>
    <t>1389.5072021484375</t>
  </si>
  <si>
    <t>0.028312189762804252</t>
  </si>
  <si>
    <t>9008</t>
  </si>
  <si>
    <t>25.281776428222656</t>
  </si>
  <si>
    <t>1569.912109375</t>
  </si>
  <si>
    <t>-0.01005144597721852</t>
  </si>
  <si>
    <t>25.269088745117188</t>
  </si>
  <si>
    <t>1495.8194580078125</t>
  </si>
  <si>
    <t>0.006969440235472746</t>
  </si>
  <si>
    <t>25.932104110717773</t>
  </si>
  <si>
    <t>1351.9581298828125</t>
  </si>
  <si>
    <t>0.01889218077932675</t>
  </si>
  <si>
    <t>25.766677856445312</t>
  </si>
  <si>
    <t>1917.8740234375</t>
  </si>
  <si>
    <t>-0.061801753134833604</t>
  </si>
  <si>
    <t>9225</t>
  </si>
  <si>
    <t>25.487489700317383</t>
  </si>
  <si>
    <t>1257.6129150390625</t>
  </si>
  <si>
    <t>0.05974425064929001</t>
  </si>
  <si>
    <t>9723</t>
  </si>
  <si>
    <t>25.697126388549805</t>
  </si>
  <si>
    <t>1346.1759033203125</t>
  </si>
  <si>
    <t>0.05257702290092858</t>
  </si>
  <si>
    <t>25.588958740234375</t>
  </si>
  <si>
    <t>1395.145751953125</t>
  </si>
  <si>
    <t>384.1709289550781</t>
  </si>
  <si>
    <t>Mayabeque</t>
  </si>
  <si>
    <t>25.158781051635742</t>
  </si>
  <si>
    <t>1719.046630859375</t>
  </si>
  <si>
    <t>24.822294235229492</t>
  </si>
  <si>
    <t>1587.4312744140625</t>
  </si>
  <si>
    <t>24.590089797973633</t>
  </si>
  <si>
    <t>1185.336669921875</t>
  </si>
  <si>
    <t>25.38378143310547</t>
  </si>
  <si>
    <t>1580.527587890625</t>
  </si>
  <si>
    <t>24.975448608398438</t>
  </si>
  <si>
    <t>1850.321533203125</t>
  </si>
  <si>
    <t>24.668691635131836</t>
  </si>
  <si>
    <t>1597.9273681640625</t>
  </si>
  <si>
    <t>1510.064208984375</t>
  </si>
  <si>
    <t>1562.2593994140625</t>
  </si>
  <si>
    <t>24.740537643432617</t>
  </si>
  <si>
    <t>1383.9549560546875</t>
  </si>
  <si>
    <t>24.475446701049805</t>
  </si>
  <si>
    <t>1387.951171875</t>
  </si>
  <si>
    <t>25.16553497314453</t>
  </si>
  <si>
    <t>1784.8087158203125</t>
  </si>
  <si>
    <t>24.89887046813965</t>
  </si>
  <si>
    <t>1876.2705078125</t>
  </si>
  <si>
    <t>25.217111587524414</t>
  </si>
  <si>
    <t>1832.6591796875</t>
  </si>
  <si>
    <t>24.980627059936523</t>
  </si>
  <si>
    <t>1468.7862548828125</t>
  </si>
  <si>
    <t>24.84053611755371</t>
  </si>
  <si>
    <t>2074.767333984375</t>
  </si>
  <si>
    <t>25.102025985717773</t>
  </si>
  <si>
    <t>1496.83935546875</t>
  </si>
  <si>
    <t>25.253602981567383</t>
  </si>
  <si>
    <t>1467.4727783203125</t>
  </si>
  <si>
    <t>24.897293090820312</t>
  </si>
  <si>
    <t>1681.1737060546875</t>
  </si>
  <si>
    <t>25.048871994018555</t>
  </si>
  <si>
    <t>1268.3597412109375</t>
  </si>
  <si>
    <t>24.18378257751465</t>
  </si>
  <si>
    <t>1549.50048828125</t>
  </si>
  <si>
    <t>25.640535354614258</t>
  </si>
  <si>
    <t>1292.2945556640625</t>
  </si>
  <si>
    <t>25.472291946411133</t>
  </si>
  <si>
    <t>1847.539306640625</t>
  </si>
  <si>
    <t>25.13378143310547</t>
  </si>
  <si>
    <t>2128.022216796875</t>
  </si>
  <si>
    <t>1514.521484375</t>
  </si>
  <si>
    <t>25.85675811767578</t>
  </si>
  <si>
    <t>1337.74755859375</t>
  </si>
  <si>
    <t>25.7921142578125</t>
  </si>
  <si>
    <t>1381.3944091796875</t>
  </si>
  <si>
    <t>25.45359992980957</t>
  </si>
  <si>
    <t>1597.0047607421875</t>
  </si>
  <si>
    <t>25.420270919799805</t>
  </si>
  <si>
    <t>1735.417724609375</t>
  </si>
  <si>
    <t>26.08693504333496</t>
  </si>
  <si>
    <t>1313.1846923828125</t>
  </si>
  <si>
    <t>25.963960647583008</t>
  </si>
  <si>
    <t>2006.6806640625</t>
  </si>
  <si>
    <t>25.705625534057617</t>
  </si>
  <si>
    <t>1269.83349609375</t>
  </si>
  <si>
    <t>25.796846389770508</t>
  </si>
  <si>
    <t>1425.4013671875</t>
  </si>
  <si>
    <t>475</t>
  </si>
  <si>
    <t>4894</t>
  </si>
  <si>
    <t>26.00946617126465</t>
  </si>
  <si>
    <t>1302.9803466796875</t>
  </si>
  <si>
    <t>377.5488586425781</t>
  </si>
  <si>
    <t>Pinar del Río</t>
  </si>
  <si>
    <t>25.634063720703125</t>
  </si>
  <si>
    <t>1625.302734375</t>
  </si>
  <si>
    <t>-0.029444382960136295</t>
  </si>
  <si>
    <t>3089</t>
  </si>
  <si>
    <t>25.325536727905273</t>
  </si>
  <si>
    <t>1760.312744140625</t>
  </si>
  <si>
    <t>-0.4307181681238994</t>
  </si>
  <si>
    <t>25.129425048828125</t>
  </si>
  <si>
    <t>1425.4652099609375</t>
  </si>
  <si>
    <t>-0.5433996502998406</t>
  </si>
  <si>
    <t>954</t>
  </si>
  <si>
    <t>25.896690368652344</t>
  </si>
  <si>
    <t>1682.4044189453125</t>
  </si>
  <si>
    <t>-0.6315393711704544</t>
  </si>
  <si>
    <t>25.473716735839844</t>
  </si>
  <si>
    <t>1932.3338623046875</t>
  </si>
  <si>
    <t>-0.5617144245923447</t>
  </si>
  <si>
    <t>551</t>
  </si>
  <si>
    <t>25.16263771057129</t>
  </si>
  <si>
    <t>1462.2723388671875</t>
  </si>
  <si>
    <t>0.012785562296972586</t>
  </si>
  <si>
    <t>685</t>
  </si>
  <si>
    <t>25.578475952148438</t>
  </si>
  <si>
    <t>1532.021240234375</t>
  </si>
  <si>
    <t>0.21768402910931073</t>
  </si>
  <si>
    <t>25.783849716186523</t>
  </si>
  <si>
    <t>1569.9949951171875</t>
  </si>
  <si>
    <t>0.32493566399279583</t>
  </si>
  <si>
    <t>25.261947631835938</t>
  </si>
  <si>
    <t>1307.0201416015625</t>
  </si>
  <si>
    <t>0.1966349448130238</t>
  </si>
  <si>
    <t>25.010313034057617</t>
  </si>
  <si>
    <t>1519.486328125</t>
  </si>
  <si>
    <t>25.657920837402344</t>
  </si>
  <si>
    <t>1515.4310302734375</t>
  </si>
  <si>
    <t>0.16277886105059647</t>
  </si>
  <si>
    <t>25.47340202331543</t>
  </si>
  <si>
    <t>2238.34716796875</t>
  </si>
  <si>
    <t>0.14059402230283524</t>
  </si>
  <si>
    <t>25.73858642578125</t>
  </si>
  <si>
    <t>1492.41357421875</t>
  </si>
  <si>
    <t>0.23193397673124316</t>
  </si>
  <si>
    <t>25.511398315429688</t>
  </si>
  <si>
    <t>1212.5350341796875</t>
  </si>
  <si>
    <t>0.0344087796855419</t>
  </si>
  <si>
    <t>2382</t>
  </si>
  <si>
    <t>25.395170211791992</t>
  </si>
  <si>
    <t>1965.875732421875</t>
  </si>
  <si>
    <t>0.15499066307698328</t>
  </si>
  <si>
    <t>25.616714477539062</t>
  </si>
  <si>
    <t>1676.4384765625</t>
  </si>
  <si>
    <t>0.13416091735415758</t>
  </si>
  <si>
    <t>25.780359268188477</t>
  </si>
  <si>
    <t>1563.9906005859375</t>
  </si>
  <si>
    <t>1.0124015522336594</t>
  </si>
  <si>
    <t>25.479928970336914</t>
  </si>
  <si>
    <t>1278.8096923828125</t>
  </si>
  <si>
    <t>-0.14562812107534562</t>
  </si>
  <si>
    <t>6623</t>
  </si>
  <si>
    <t>25.599609375</t>
  </si>
  <si>
    <t>1265.0975341796875</t>
  </si>
  <si>
    <t>0.021673620057262255</t>
  </si>
  <si>
    <t>24.7447509765625</t>
  </si>
  <si>
    <t>1518.5068359375</t>
  </si>
  <si>
    <t>0.0510667852695903</t>
  </si>
  <si>
    <t>7212</t>
  </si>
  <si>
    <t>26.127538681030273</t>
  </si>
  <si>
    <t>1350.6424560546875</t>
  </si>
  <si>
    <t>0.03413108056863834</t>
  </si>
  <si>
    <t>7455</t>
  </si>
  <si>
    <t>26.006547927856445</t>
  </si>
  <si>
    <t>2001.8740234375</t>
  </si>
  <si>
    <t>0.033138642875631064</t>
  </si>
  <si>
    <t>7697</t>
  </si>
  <si>
    <t>25.682296752929688</t>
  </si>
  <si>
    <t>2103.250244140625</t>
  </si>
  <si>
    <t>0.031945694335478336</t>
  </si>
  <si>
    <t>25.634225845336914</t>
  </si>
  <si>
    <t>1573.052978515625</t>
  </si>
  <si>
    <t>0.031082632706864288</t>
  </si>
  <si>
    <t>26.36773109436035</t>
  </si>
  <si>
    <t>1617.803466796875</t>
  </si>
  <si>
    <t>0.030145556286200303</t>
  </si>
  <si>
    <t>8418</t>
  </si>
  <si>
    <t>26.294870376586914</t>
  </si>
  <si>
    <t>1204.511962890625</t>
  </si>
  <si>
    <t>0.02831343880313497</t>
  </si>
  <si>
    <t>8334</t>
  </si>
  <si>
    <t>25.983152389526367</t>
  </si>
  <si>
    <t>1574.7537841796875</t>
  </si>
  <si>
    <t>-0.010028737348116934</t>
  </si>
  <si>
    <t>25.87620735168457</t>
  </si>
  <si>
    <t>1797.274658203125</t>
  </si>
  <si>
    <t>0.006935338093732923</t>
  </si>
  <si>
    <t>8552</t>
  </si>
  <si>
    <t>26.54204559326172</t>
  </si>
  <si>
    <t>1251.33056640625</t>
  </si>
  <si>
    <t>0.018886302628748908</t>
  </si>
  <si>
    <t>8040</t>
  </si>
  <si>
    <t>26.442384719848633</t>
  </si>
  <si>
    <t>1913.4571533203125</t>
  </si>
  <si>
    <t>-0.06173609053186979</t>
  </si>
  <si>
    <t>8535</t>
  </si>
  <si>
    <t>26.1901798248291</t>
  </si>
  <si>
    <t>1276.014404296875</t>
  </si>
  <si>
    <t>0.05974627305552893</t>
  </si>
  <si>
    <t>26.309396743774414</t>
  </si>
  <si>
    <t>1597.9490966796875</t>
  </si>
  <si>
    <t>0.05260467785066503</t>
  </si>
  <si>
    <t>26.07950782775879</t>
  </si>
  <si>
    <t>1414.4488525390625</t>
  </si>
  <si>
    <t>220.665771484375</t>
  </si>
  <si>
    <t>Sancti Spíritus</t>
  </si>
  <si>
    <t>25.626657485961914</t>
  </si>
  <si>
    <t>1528.7559814453125</t>
  </si>
  <si>
    <t>-0.029558802241544058</t>
  </si>
  <si>
    <t>2795</t>
  </si>
  <si>
    <t>25.429128646850586</t>
  </si>
  <si>
    <t>1474.419189453125</t>
  </si>
  <si>
    <t>-0.4307829160924541</t>
  </si>
  <si>
    <t>25.103364944458008</t>
  </si>
  <si>
    <t>1101.01953125</t>
  </si>
  <si>
    <t>-0.5429398648675763</t>
  </si>
  <si>
    <t>25.851661682128906</t>
  </si>
  <si>
    <t>1319.1397705078125</t>
  </si>
  <si>
    <t>-0.6310747519175681</t>
  </si>
  <si>
    <t>492</t>
  </si>
  <si>
    <t>25.487457275390625</t>
  </si>
  <si>
    <t>1590.027099609375</t>
  </si>
  <si>
    <t>-0.5630940523117474</t>
  </si>
  <si>
    <t>25.12079429626465</t>
  </si>
  <si>
    <t>1769.00634765625</t>
  </si>
  <si>
    <t>0.014127379259210926</t>
  </si>
  <si>
    <t>620</t>
  </si>
  <si>
    <t>25.690750122070312</t>
  </si>
  <si>
    <t>1386.0828857421875</t>
  </si>
  <si>
    <t>0.21711338228761878</t>
  </si>
  <si>
    <t>25.856882095336914</t>
  </si>
  <si>
    <t>1399.926025390625</t>
  </si>
  <si>
    <t>0.3248846214488248</t>
  </si>
  <si>
    <t>25.2558650970459</t>
  </si>
  <si>
    <t>1467.779052734375</t>
  </si>
  <si>
    <t>0.19621066895462125</t>
  </si>
  <si>
    <t>25.029932022094727</t>
  </si>
  <si>
    <t>1418.040771484375</t>
  </si>
  <si>
    <t>1229</t>
  </si>
  <si>
    <t>25.63823699951172</t>
  </si>
  <si>
    <t>1472.6033935546875</t>
  </si>
  <si>
    <t>0.1631413411234508</t>
  </si>
  <si>
    <t>1414</t>
  </si>
  <si>
    <t>25.402877807617188</t>
  </si>
  <si>
    <t>1455.254638671875</t>
  </si>
  <si>
    <t>0.14022173689048323</t>
  </si>
  <si>
    <t>1784</t>
  </si>
  <si>
    <t>25.71784019470215</t>
  </si>
  <si>
    <t>1436.168212890625</t>
  </si>
  <si>
    <t>0.2324354666834374</t>
  </si>
  <si>
    <t>1846</t>
  </si>
  <si>
    <t>25.459091186523438</t>
  </si>
  <si>
    <t>1376.83984375</t>
  </si>
  <si>
    <t>0.03416310192284211</t>
  </si>
  <si>
    <t>2155</t>
  </si>
  <si>
    <t>25.361207962036133</t>
  </si>
  <si>
    <t>1472.1561279296875</t>
  </si>
  <si>
    <t>0.15476958747505076</t>
  </si>
  <si>
    <t>25.62196922302246</t>
  </si>
  <si>
    <t>1443.722412109375</t>
  </si>
  <si>
    <t>0.13440108393894246</t>
  </si>
  <si>
    <t>6784</t>
  </si>
  <si>
    <t>25.734643936157227</t>
  </si>
  <si>
    <t>1453.78173828125</t>
  </si>
  <si>
    <t>1.012375090994948</t>
  </si>
  <si>
    <t>5864</t>
  </si>
  <si>
    <t>25.46503257751465</t>
  </si>
  <si>
    <t>1433.246337890625</t>
  </si>
  <si>
    <t>-0.14573493390525094</t>
  </si>
  <si>
    <t>5993</t>
  </si>
  <si>
    <t>25.605722427368164</t>
  </si>
  <si>
    <t>1410.4189453125</t>
  </si>
  <si>
    <t>0.0217601568916983</t>
  </si>
  <si>
    <t>6307</t>
  </si>
  <si>
    <t>24.769163131713867</t>
  </si>
  <si>
    <t>1462.697265625</t>
  </si>
  <si>
    <t>0.051068006205465366</t>
  </si>
  <si>
    <t>6526</t>
  </si>
  <si>
    <t>26.062095642089844</t>
  </si>
  <si>
    <t>1420.5728759765625</t>
  </si>
  <si>
    <t>0.03413407048961403</t>
  </si>
  <si>
    <t>6746</t>
  </si>
  <si>
    <t>25.85228157043457</t>
  </si>
  <si>
    <t>1474.627197265625</t>
  </si>
  <si>
    <t>0.03315553846833019</t>
  </si>
  <si>
    <t>25.603273391723633</t>
  </si>
  <si>
    <t>1487.9571533203125</t>
  </si>
  <si>
    <t>0.03194787059230997</t>
  </si>
  <si>
    <t>25.663801193237305</t>
  </si>
  <si>
    <t>1410.33154296875</t>
  </si>
  <si>
    <t>0.0310979122992201</t>
  </si>
  <si>
    <t>7405</t>
  </si>
  <si>
    <t>26.403757095336914</t>
  </si>
  <si>
    <t>1414.314453125</t>
  </si>
  <si>
    <t>0.030159928188773222</t>
  </si>
  <si>
    <t>7617</t>
  </si>
  <si>
    <t>26.217397689819336</t>
  </si>
  <si>
    <t>1424.21044921875</t>
  </si>
  <si>
    <t>0.02822714367088963</t>
  </si>
  <si>
    <t>26.004127502441406</t>
  </si>
  <si>
    <t>1450.79296875</t>
  </si>
  <si>
    <t>-0.009895192554486343</t>
  </si>
  <si>
    <t>7594</t>
  </si>
  <si>
    <t>25.805803298950195</t>
  </si>
  <si>
    <t>1395.1162109375</t>
  </si>
  <si>
    <t>0.006871062973445419</t>
  </si>
  <si>
    <t>7739</t>
  </si>
  <si>
    <t>26.5516414642334</t>
  </si>
  <si>
    <t>1406.6533203125</t>
  </si>
  <si>
    <t>0.018914018478712435</t>
  </si>
  <si>
    <t>7275</t>
  </si>
  <si>
    <t>26.358678817749023</t>
  </si>
  <si>
    <t>1524.03955078125</t>
  </si>
  <si>
    <t>-0.061828667230766854</t>
  </si>
  <si>
    <t>7723</t>
  </si>
  <si>
    <t>26.140310287475586</t>
  </si>
  <si>
    <t>1418.8577880859375</t>
  </si>
  <si>
    <t>0.059759076529571686</t>
  </si>
  <si>
    <t>8140</t>
  </si>
  <si>
    <t>26.45735740661621</t>
  </si>
  <si>
    <t>1441.35498046875</t>
  </si>
  <si>
    <t>0.05258729042732213</t>
  </si>
  <si>
    <t>477</t>
  </si>
  <si>
    <t>3192</t>
  </si>
  <si>
    <t>26.059938430786133</t>
  </si>
  <si>
    <t>1306.0107421875</t>
  </si>
  <si>
    <t>277.52447509765625</t>
  </si>
  <si>
    <t>Santiago de Cuba</t>
  </si>
  <si>
    <t>25.864776611328125</t>
  </si>
  <si>
    <t>1211.6014404296875</t>
  </si>
  <si>
    <t>-0.029568200781950438</t>
  </si>
  <si>
    <t>25.61961555480957</t>
  </si>
  <si>
    <t>1064.64599609375</t>
  </si>
  <si>
    <t>-0.4309566845092414</t>
  </si>
  <si>
    <t>1170</t>
  </si>
  <si>
    <t>25.396766662597656</t>
  </si>
  <si>
    <t>1493.619873046875</t>
  </si>
  <si>
    <t>-0.543119045486705</t>
  </si>
  <si>
    <t>622</t>
  </si>
  <si>
    <t>25.9349422454834</t>
  </si>
  <si>
    <t>1022.8670043945312</t>
  </si>
  <si>
    <t>-0.6318189350526229</t>
  </si>
  <si>
    <t>25.49811363220215</t>
  </si>
  <si>
    <t>1683.52783203125</t>
  </si>
  <si>
    <t>-0.5608223032637634</t>
  </si>
  <si>
    <t>25.00994110107422</t>
  </si>
  <si>
    <t>1490.6241455078125</t>
  </si>
  <si>
    <t>0.013986241974739855</t>
  </si>
  <si>
    <t>25.623109817504883</t>
  </si>
  <si>
    <t>1162.2603759765625</t>
  </si>
  <si>
    <t>0.21645456316341338</t>
  </si>
  <si>
    <t>618</t>
  </si>
  <si>
    <t>1385.430908203125</t>
  </si>
  <si>
    <t>0.3239298628441212</t>
  </si>
  <si>
    <t>25.18977928161621</t>
  </si>
  <si>
    <t>1455.6214599609375</t>
  </si>
  <si>
    <t>0.1975767703422031</t>
  </si>
  <si>
    <t>752</t>
  </si>
  <si>
    <t>25.15079689025879</t>
  </si>
  <si>
    <t>1244.2884521484375</t>
  </si>
  <si>
    <t>-0.0013289038500534645</t>
  </si>
  <si>
    <t>886</t>
  </si>
  <si>
    <t>25.443273544311523</t>
  </si>
  <si>
    <t>1288.02783203125</t>
  </si>
  <si>
    <t>0.16398062665524105</t>
  </si>
  <si>
    <t>25.4362850189209</t>
  </si>
  <si>
    <t>1386.0267333984375</t>
  </si>
  <si>
    <t>0.13986008261764393</t>
  </si>
  <si>
    <t>1285</t>
  </si>
  <si>
    <t>25.634939193725586</t>
  </si>
  <si>
    <t>1534.0545654296875</t>
  </si>
  <si>
    <t>0.2319369641065956</t>
  </si>
  <si>
    <t>25.38843536376953</t>
  </si>
  <si>
    <t>1298.598388671875</t>
  </si>
  <si>
    <t>0.03442022388647903</t>
  </si>
  <si>
    <t>1553</t>
  </si>
  <si>
    <t>25.232254028320312</t>
  </si>
  <si>
    <t>1803.798828125</t>
  </si>
  <si>
    <t>0.15500960193288726</t>
  </si>
  <si>
    <t>25.51558494567871</t>
  </si>
  <si>
    <t>1216.067626953125</t>
  </si>
  <si>
    <t>0.13417510040342862</t>
  </si>
  <si>
    <t>25.2739200592041</t>
  </si>
  <si>
    <t>1732.6534423828125</t>
  </si>
  <si>
    <t>1.0126241390265305</t>
  </si>
  <si>
    <t>4226</t>
  </si>
  <si>
    <t>24.998918533325195</t>
  </si>
  <si>
    <t>1528.0850830078125</t>
  </si>
  <si>
    <t>-0.1457318644026433</t>
  </si>
  <si>
    <t>4319</t>
  </si>
  <si>
    <t>25.198110580444336</t>
  </si>
  <si>
    <t>1175.2442626953125</t>
  </si>
  <si>
    <t>0.02176797478469794</t>
  </si>
  <si>
    <t>4545</t>
  </si>
  <si>
    <t>24.79864501953125</t>
  </si>
  <si>
    <t>2080.26708984375</t>
  </si>
  <si>
    <t>0.051003833650877795</t>
  </si>
  <si>
    <t>4703</t>
  </si>
  <si>
    <t>25.185747146606445</t>
  </si>
  <si>
    <t>1722.140869140625</t>
  </si>
  <si>
    <t>0.03417287533346958</t>
  </si>
  <si>
    <t>4861</t>
  </si>
  <si>
    <t>25.268274307250977</t>
  </si>
  <si>
    <t>1479.3958740234375</t>
  </si>
  <si>
    <t>0.03304357510040745</t>
  </si>
  <si>
    <t>25.155099868774414</t>
  </si>
  <si>
    <t>1394.279541015625</t>
  </si>
  <si>
    <t>0.03198653260947815</t>
  </si>
  <si>
    <t>5178</t>
  </si>
  <si>
    <t>25.671768188476562</t>
  </si>
  <si>
    <t>1230.154296875</t>
  </si>
  <si>
    <t>0.031188170656548664</t>
  </si>
  <si>
    <t>5336</t>
  </si>
  <si>
    <t>26.194616317749023</t>
  </si>
  <si>
    <t>1006.9512939453125</t>
  </si>
  <si>
    <t>0.0300574272839782</t>
  </si>
  <si>
    <t>25.94112205505371</t>
  </si>
  <si>
    <t>1250.6566162109375</t>
  </si>
  <si>
    <t>0.028269780954428114</t>
  </si>
  <si>
    <t>25.698110580444336</t>
  </si>
  <si>
    <t>1864.2432861328125</t>
  </si>
  <si>
    <t>-0.009886568994579292</t>
  </si>
  <si>
    <t>25.721769332885742</t>
  </si>
  <si>
    <t>1196.0206298828125</t>
  </si>
  <si>
    <t>0.006784659747077981</t>
  </si>
  <si>
    <t>25.976608276367188</t>
  </si>
  <si>
    <t>1224.2528076171875</t>
  </si>
  <si>
    <t>0.019006817087166894</t>
  </si>
  <si>
    <t>5243</t>
  </si>
  <si>
    <t>25.987091064453125</t>
  </si>
  <si>
    <t>1600.8980712890625</t>
  </si>
  <si>
    <t>-0.06175714381702058</t>
  </si>
  <si>
    <t>25.783594131469727</t>
  </si>
  <si>
    <t>1445.137451171875</t>
  </si>
  <si>
    <t>0.05960313113711102</t>
  </si>
  <si>
    <t>5866</t>
  </si>
  <si>
    <t>25.871767044067383</t>
  </si>
  <si>
    <t>1297.469970703125</t>
  </si>
  <si>
    <t>0.05267598582775257</t>
  </si>
  <si>
    <t>478</t>
  </si>
  <si>
    <t>25.757232666015625</t>
  </si>
  <si>
    <t>1377.00146484375</t>
  </si>
  <si>
    <t>262.921630859375</t>
  </si>
  <si>
    <t>Villa Clara</t>
  </si>
  <si>
    <t>4458</t>
  </si>
  <si>
    <t>25.28035545349121</t>
  </si>
  <si>
    <t>1547.1982421875</t>
  </si>
  <si>
    <t>-0.029615424053588413</t>
  </si>
  <si>
    <t>25.07110595703125</t>
  </si>
  <si>
    <t>1455.11767578125</t>
  </si>
  <si>
    <t>-0.43067939106518605</t>
  </si>
  <si>
    <t>1684</t>
  </si>
  <si>
    <t>24.72844696044922</t>
  </si>
  <si>
    <t>1188.002685546875</t>
  </si>
  <si>
    <t>-0.5428489280783557</t>
  </si>
  <si>
    <t>895</t>
  </si>
  <si>
    <t>25.5164794921875</t>
  </si>
  <si>
    <t>1477.8607177734375</t>
  </si>
  <si>
    <t>-0.6321034765274165</t>
  </si>
  <si>
    <t>510</t>
  </si>
  <si>
    <t>25.14328956604004</t>
  </si>
  <si>
    <t>1576.7335205078125</t>
  </si>
  <si>
    <t>-0.5624129925564842</t>
  </si>
  <si>
    <t>517</t>
  </si>
  <si>
    <t>24.7664794921875</t>
  </si>
  <si>
    <t>1705.0953369140625</t>
  </si>
  <si>
    <t>0.013632148790057919</t>
  </si>
  <si>
    <t>25.3072566986084</t>
  </si>
  <si>
    <t>1408.22998046875</t>
  </si>
  <si>
    <t>0.21810184972919</t>
  </si>
  <si>
    <t>889</t>
  </si>
  <si>
    <t>25.538665771484375</t>
  </si>
  <si>
    <t>1373.616455078125</t>
  </si>
  <si>
    <t>0.32395251127628555</t>
  </si>
  <si>
    <t>24.866483688354492</t>
  </si>
  <si>
    <t>1497.5335693359375</t>
  </si>
  <si>
    <t>0.19739301148708588</t>
  </si>
  <si>
    <t>1082</t>
  </si>
  <si>
    <t>24.618406295776367</t>
  </si>
  <si>
    <t>1379.837158203125</t>
  </si>
  <si>
    <t>-0.0009237875945640184</t>
  </si>
  <si>
    <t>1274</t>
  </si>
  <si>
    <t>25.258150100708008</t>
  </si>
  <si>
    <t>1577.42431640625</t>
  </si>
  <si>
    <t>0.1633503767256821</t>
  </si>
  <si>
    <t>1466</t>
  </si>
  <si>
    <t>24.990488052368164</t>
  </si>
  <si>
    <t>1455.9656982421875</t>
  </si>
  <si>
    <t>0.14037604631448808</t>
  </si>
  <si>
    <t>25.30906105041504</t>
  </si>
  <si>
    <t>1480.98095703125</t>
  </si>
  <si>
    <t>0.2321073489405281</t>
  </si>
  <si>
    <t>1914</t>
  </si>
  <si>
    <t>25.071104049682617</t>
  </si>
  <si>
    <t>1277.48876953125</t>
  </si>
  <si>
    <t>0.034550340625775</t>
  </si>
  <si>
    <t>2234</t>
  </si>
  <si>
    <t>24.95633888244629</t>
  </si>
  <si>
    <t>1526.2578125</t>
  </si>
  <si>
    <t>0.15459840761624655</t>
  </si>
  <si>
    <t>2556</t>
  </si>
  <si>
    <t>25.267396926879883</t>
  </si>
  <si>
    <t>1406.317138671875</t>
  </si>
  <si>
    <t>0.13464983586827906</t>
  </si>
  <si>
    <t>7034</t>
  </si>
  <si>
    <t>25.356340408325195</t>
  </si>
  <si>
    <t>1491.999755859375</t>
  </si>
  <si>
    <t>1.0123119975365018</t>
  </si>
  <si>
    <t>6080</t>
  </si>
  <si>
    <t>25.036775588989258</t>
  </si>
  <si>
    <t>1470.446044921875</t>
  </si>
  <si>
    <t>-0.14575083807371492</t>
  </si>
  <si>
    <t>6213</t>
  </si>
  <si>
    <t>25.147018432617188</t>
  </si>
  <si>
    <t>1363.257080078125</t>
  </si>
  <si>
    <t>0.021639175103482344</t>
  </si>
  <si>
    <t>6539</t>
  </si>
  <si>
    <t>24.286880493164062</t>
  </si>
  <si>
    <t>1434.1085205078125</t>
  </si>
  <si>
    <t>0.051140377497581824</t>
  </si>
  <si>
    <t>25.63767433166504</t>
  </si>
  <si>
    <t>1333.030029296875</t>
  </si>
  <si>
    <t>0.03412582177937651</t>
  </si>
  <si>
    <t>25.470094680786133</t>
  </si>
  <si>
    <t>1565.3486328125</t>
  </si>
  <si>
    <t>0.033142568282668705</t>
  </si>
  <si>
    <t>25.191286087036133</t>
  </si>
  <si>
    <t>1613.197021484375</t>
  </si>
  <si>
    <t>0.03194080882786032</t>
  </si>
  <si>
    <t>25.277536392211914</t>
  </si>
  <si>
    <t>1325.5701904296875</t>
  </si>
  <si>
    <t>0.03108634772509511</t>
  </si>
  <si>
    <t>26.04328727722168</t>
  </si>
  <si>
    <t>1403.8621826171875</t>
  </si>
  <si>
    <t>0.030149050651621323</t>
  </si>
  <si>
    <t>7897</t>
  </si>
  <si>
    <t>25.85894012451172</t>
  </si>
  <si>
    <t>1376.086669921875</t>
  </si>
  <si>
    <t>0.028254094669682317</t>
  </si>
  <si>
    <t>7819</t>
  </si>
  <si>
    <t>25.65624237060547</t>
  </si>
  <si>
    <t>1484.4515380859375</t>
  </si>
  <si>
    <t>-0.009926271373066342</t>
  </si>
  <si>
    <t>7873</t>
  </si>
  <si>
    <t>25.500709533691406</t>
  </si>
  <si>
    <t>1370.1815185546875</t>
  </si>
  <si>
    <t>0.006882515059952965</t>
  </si>
  <si>
    <t>26.23204231262207</t>
  </si>
  <si>
    <t>1396.3953857421875</t>
  </si>
  <si>
    <t>0.018873232569188048</t>
  </si>
  <si>
    <t>26.012845993041992</t>
  </si>
  <si>
    <t>1635.84912109375</t>
  </si>
  <si>
    <t>-0.061825017935353443</t>
  </si>
  <si>
    <t>25.786760330200195</t>
  </si>
  <si>
    <t>1330.0169677734375</t>
  </si>
  <si>
    <t>0.059828760254331925</t>
  </si>
  <si>
    <t>26.13767433166504</t>
  </si>
  <si>
    <t>1398.028076171875</t>
  </si>
  <si>
    <t>0.052547659085332654</t>
  </si>
  <si>
    <t>479</t>
  </si>
  <si>
    <t>CZE</t>
  </si>
  <si>
    <t>22467</t>
  </si>
  <si>
    <t>8.232321739196777</t>
  </si>
  <si>
    <t>665.84765625</t>
  </si>
  <si>
    <t>271.3631286621094</t>
  </si>
  <si>
    <t>Jihoceck kraj</t>
  </si>
  <si>
    <t>Czech Republic</t>
  </si>
  <si>
    <t>19912</t>
  </si>
  <si>
    <t>7.177810192108154</t>
  </si>
  <si>
    <t>646.8153686523438</t>
  </si>
  <si>
    <t>-0.12072500087004912</t>
  </si>
  <si>
    <t>8.443368911743164</t>
  </si>
  <si>
    <t>666.1338500976562</t>
  </si>
  <si>
    <t>-0.0057921539958964985</t>
  </si>
  <si>
    <t>7.741649150848389</t>
  </si>
  <si>
    <t>715.5093383789062</t>
  </si>
  <si>
    <t>-0.00015154959489471764</t>
  </si>
  <si>
    <t>20482</t>
  </si>
  <si>
    <t>8.586993217468262</t>
  </si>
  <si>
    <t>677.2616577148438</t>
  </si>
  <si>
    <t>0.03416759017874682</t>
  </si>
  <si>
    <t>21951</t>
  </si>
  <si>
    <t>7.625580310821533</t>
  </si>
  <si>
    <t>760.0256958007812</t>
  </si>
  <si>
    <t>0.06926624491675604</t>
  </si>
  <si>
    <t>22900</t>
  </si>
  <si>
    <t>6.333915710449219</t>
  </si>
  <si>
    <t>748.5120239257812</t>
  </si>
  <si>
    <t>0.042324213990191595</t>
  </si>
  <si>
    <t>22830</t>
  </si>
  <si>
    <t>7.878512859344482</t>
  </si>
  <si>
    <t>762.537353515625</t>
  </si>
  <si>
    <t>-0.003061450018488898</t>
  </si>
  <si>
    <t>22903</t>
  </si>
  <si>
    <t>7.950418949127197</t>
  </si>
  <si>
    <t>739.6856689453125</t>
  </si>
  <si>
    <t>0.003192445804979016</t>
  </si>
  <si>
    <t>22825</t>
  </si>
  <si>
    <t>7.852260112762451</t>
  </si>
  <si>
    <t>717.6823120117188</t>
  </si>
  <si>
    <t>-0.003411479865651046</t>
  </si>
  <si>
    <t>23653</t>
  </si>
  <si>
    <t>8.987632751464844</t>
  </si>
  <si>
    <t>667.6077270507812</t>
  </si>
  <si>
    <t>0.035633530306434125</t>
  </si>
  <si>
    <t>7.828142166137695</t>
  </si>
  <si>
    <t>762.1199340820312</t>
  </si>
  <si>
    <t>0.010932287326429702</t>
  </si>
  <si>
    <t>24131</t>
  </si>
  <si>
    <t>8.441465377807617</t>
  </si>
  <si>
    <t>898.2825927734375</t>
  </si>
  <si>
    <t>0.009075076852488095</t>
  </si>
  <si>
    <t>25018</t>
  </si>
  <si>
    <t>8.097329139709473</t>
  </si>
  <si>
    <t>543.3981323242188</t>
  </si>
  <si>
    <t>0.036098244826165526</t>
  </si>
  <si>
    <t>25959</t>
  </si>
  <si>
    <t>7.884846210479736</t>
  </si>
  <si>
    <t>693.0098266601562</t>
  </si>
  <si>
    <t>0.03692280450016128</t>
  </si>
  <si>
    <t>27818</t>
  </si>
  <si>
    <t>7.16462516784668</t>
  </si>
  <si>
    <t>756.8069458007812</t>
  </si>
  <si>
    <t>0.06916492289222731</t>
  </si>
  <si>
    <t>29520</t>
  </si>
  <si>
    <t>8.833660125732422</t>
  </si>
  <si>
    <t>763.6067504882812</t>
  </si>
  <si>
    <t>0.0593847065473323</t>
  </si>
  <si>
    <t>29786</t>
  </si>
  <si>
    <t>8.730459213256836</t>
  </si>
  <si>
    <t>789.6649169921875</t>
  </si>
  <si>
    <t>0.008970484731404937</t>
  </si>
  <si>
    <t>29294</t>
  </si>
  <si>
    <t>8.265873908996582</t>
  </si>
  <si>
    <t>687.66943359375</t>
  </si>
  <si>
    <t>-0.016655767567561597</t>
  </si>
  <si>
    <t>28574</t>
  </si>
  <si>
    <t>8.298723220825195</t>
  </si>
  <si>
    <t>793.338623046875</t>
  </si>
  <si>
    <t>-0.024885503453148772</t>
  </si>
  <si>
    <t>28985</t>
  </si>
  <si>
    <t>7.4621734619140625</t>
  </si>
  <si>
    <t>817.5264282226562</t>
  </si>
  <si>
    <t>0.014281241348729878</t>
  </si>
  <si>
    <t>28583</t>
  </si>
  <si>
    <t>8.655783653259277</t>
  </si>
  <si>
    <t>674.6605834960938</t>
  </si>
  <si>
    <t>-0.013966319289336226</t>
  </si>
  <si>
    <t>8.370882987976074</t>
  </si>
  <si>
    <t>703.6051635742188</t>
  </si>
  <si>
    <t>0.006242935961829232</t>
  </si>
  <si>
    <t>8.209723472595215</t>
  </si>
  <si>
    <t>724.779296875</t>
  </si>
  <si>
    <t>0.004786523654198405</t>
  </si>
  <si>
    <t>28971</t>
  </si>
  <si>
    <t>9.328388214111328</t>
  </si>
  <si>
    <t>773.3628540039062</t>
  </si>
  <si>
    <t>0.0024537345345034822</t>
  </si>
  <si>
    <t>29943</t>
  </si>
  <si>
    <t>9.093184471130371</t>
  </si>
  <si>
    <t>600.333984375</t>
  </si>
  <si>
    <t>0.033000244719668004</t>
  </si>
  <si>
    <t>30557</t>
  </si>
  <si>
    <t>8.302656173706055</t>
  </si>
  <si>
    <t>771.9220581054688</t>
  </si>
  <si>
    <t>0.020298217567745525</t>
  </si>
  <si>
    <t>31602</t>
  </si>
  <si>
    <t>9.21480941772461</t>
  </si>
  <si>
    <t>771.3936157226562</t>
  </si>
  <si>
    <t>0.03362661778900389</t>
  </si>
  <si>
    <t>32369</t>
  </si>
  <si>
    <t>9.182764053344727</t>
  </si>
  <si>
    <t>650.078857421875</t>
  </si>
  <si>
    <t>0.023980764929675047</t>
  </si>
  <si>
    <t>33337</t>
  </si>
  <si>
    <t>9.617791175842285</t>
  </si>
  <si>
    <t>642.8285522460938</t>
  </si>
  <si>
    <t>0.029466716611441512</t>
  </si>
  <si>
    <t>32019</t>
  </si>
  <si>
    <t>9.118369102478027</t>
  </si>
  <si>
    <t>768.5528564453125</t>
  </si>
  <si>
    <t>-0.0403384146704866</t>
  </si>
  <si>
    <t>8.32352352142334</t>
  </si>
  <si>
    <t>729.1408081054688</t>
  </si>
  <si>
    <t>0.022665084339454467</t>
  </si>
  <si>
    <t>32965</t>
  </si>
  <si>
    <t>9.564131736755371</t>
  </si>
  <si>
    <t>601.8477783203125</t>
  </si>
  <si>
    <t>0.0064518316258705966</t>
  </si>
  <si>
    <t>480</t>
  </si>
  <si>
    <t>23709</t>
  </si>
  <si>
    <t>9.253691673278809</t>
  </si>
  <si>
    <t>530.82763671875</t>
  </si>
  <si>
    <t>337.1668395996094</t>
  </si>
  <si>
    <t>Jihomoravsk kraj</t>
  </si>
  <si>
    <t>21012</t>
  </si>
  <si>
    <t>8.175549507141113</t>
  </si>
  <si>
    <t>562.3636474609375</t>
  </si>
  <si>
    <t>-0.12076101979923237</t>
  </si>
  <si>
    <t>20891</t>
  </si>
  <si>
    <t>9.408883094787598</t>
  </si>
  <si>
    <t>504.5670471191406</t>
  </si>
  <si>
    <t>-0.005775258874804123</t>
  </si>
  <si>
    <t>20888</t>
  </si>
  <si>
    <t>8.812845230102539</t>
  </si>
  <si>
    <t>497.375244140625</t>
  </si>
  <si>
    <t>-0.00014361282008401588</t>
  </si>
  <si>
    <t>9.60751724243164</t>
  </si>
  <si>
    <t>488.3867492675781</t>
  </si>
  <si>
    <t>0.007440652471732534</t>
  </si>
  <si>
    <t>8.637707710266113</t>
  </si>
  <si>
    <t>635.2801513671875</t>
  </si>
  <si>
    <t>0.042197212701442055</t>
  </si>
  <si>
    <t>7.473363399505615</t>
  </si>
  <si>
    <t>612.4112548828125</t>
  </si>
  <si>
    <t>22634</t>
  </si>
  <si>
    <t>9.002598762512207</t>
  </si>
  <si>
    <t>570.5047607421875</t>
  </si>
  <si>
    <t>-0.011683710016443527</t>
  </si>
  <si>
    <t>22515</t>
  </si>
  <si>
    <t>9.022407531738281</t>
  </si>
  <si>
    <t>543.3408813476562</t>
  </si>
  <si>
    <t>-0.005271446790215961</t>
  </si>
  <si>
    <t>22444</t>
  </si>
  <si>
    <t>9.102326393127441</t>
  </si>
  <si>
    <t>585.1162719726562</t>
  </si>
  <si>
    <t>-0.00315843586480824</t>
  </si>
  <si>
    <t>23278</t>
  </si>
  <si>
    <t>10.23770809173584</t>
  </si>
  <si>
    <t>463.3802795410156</t>
  </si>
  <si>
    <t>0.036485390631058934</t>
  </si>
  <si>
    <t>24275</t>
  </si>
  <si>
    <t>8.945768356323242</t>
  </si>
  <si>
    <t>499.03271484375</t>
  </si>
  <si>
    <t>0.04193830565760415</t>
  </si>
  <si>
    <t>24486</t>
  </si>
  <si>
    <t>9.480740547180176</t>
  </si>
  <si>
    <t>644.9588012695312</t>
  </si>
  <si>
    <t>0.008654511474334825</t>
  </si>
  <si>
    <t>25540</t>
  </si>
  <si>
    <t>9.182244300842285</t>
  </si>
  <si>
    <t>432.1063537597656</t>
  </si>
  <si>
    <t>0.04214432495266962</t>
  </si>
  <si>
    <t>26300</t>
  </si>
  <si>
    <t>8.967080116271973</t>
  </si>
  <si>
    <t>522.9195556640625</t>
  </si>
  <si>
    <t>0.029323088579324974</t>
  </si>
  <si>
    <t>8.168855667114258</t>
  </si>
  <si>
    <t>594.01123046875</t>
  </si>
  <si>
    <t>0.056114354001220335</t>
  </si>
  <si>
    <t>29693</t>
  </si>
  <si>
    <t>9.864211082458496</t>
  </si>
  <si>
    <t>560.1522216796875</t>
  </si>
  <si>
    <t>0.06522803460871707</t>
  </si>
  <si>
    <t>9.807244300842285</t>
  </si>
  <si>
    <t>596.3785400390625</t>
  </si>
  <si>
    <t>0.059330154047421146</t>
  </si>
  <si>
    <t>32935</t>
  </si>
  <si>
    <t>9.496315002441406</t>
  </si>
  <si>
    <t>552.4620971679688</t>
  </si>
  <si>
    <t>0.044294440251579914</t>
  </si>
  <si>
    <t>31500</t>
  </si>
  <si>
    <t>9.512571334838867</t>
  </si>
  <si>
    <t>640.7490234375</t>
  </si>
  <si>
    <t>-0.04454837626106922</t>
  </si>
  <si>
    <t>31836</t>
  </si>
  <si>
    <t>8.662845611572266</t>
  </si>
  <si>
    <t>700.4522705078125</t>
  </si>
  <si>
    <t>0.010610179112015672</t>
  </si>
  <si>
    <t>32287</t>
  </si>
  <si>
    <t>9.755741119384766</t>
  </si>
  <si>
    <t>466.1507263183594</t>
  </si>
  <si>
    <t>0.014066947489304482</t>
  </si>
  <si>
    <t>32668</t>
  </si>
  <si>
    <t>9.556014060974121</t>
  </si>
  <si>
    <t>539.9063720703125</t>
  </si>
  <si>
    <t>0.011731333063121241</t>
  </si>
  <si>
    <t>33616</t>
  </si>
  <si>
    <t>9.326096534729004</t>
  </si>
  <si>
    <t>584.380126953125</t>
  </si>
  <si>
    <t>0.028606138606615872</t>
  </si>
  <si>
    <t>33982</t>
  </si>
  <si>
    <t>10.454102516174316</t>
  </si>
  <si>
    <t>611.3473510742188</t>
  </si>
  <si>
    <t>0.010828828560921266</t>
  </si>
  <si>
    <t>35698</t>
  </si>
  <si>
    <t>10.078692436218262</t>
  </si>
  <si>
    <t>430.11468505859375</t>
  </si>
  <si>
    <t>0.04926369214375015</t>
  </si>
  <si>
    <t>35801</t>
  </si>
  <si>
    <t>9.434155464172363</t>
  </si>
  <si>
    <t>626.5752563476562</t>
  </si>
  <si>
    <t>0.002881161170114055</t>
  </si>
  <si>
    <t>36763</t>
  </si>
  <si>
    <t>10.367217063903809</t>
  </si>
  <si>
    <t>585.9293823242188</t>
  </si>
  <si>
    <t>0.02651607862624239</t>
  </si>
  <si>
    <t>38069</t>
  </si>
  <si>
    <t>10.365440368652344</t>
  </si>
  <si>
    <t>479.9934997558594</t>
  </si>
  <si>
    <t>0.034908398043585365</t>
  </si>
  <si>
    <t>39220</t>
  </si>
  <si>
    <t>10.704375267028809</t>
  </si>
  <si>
    <t>505.4097595214844</t>
  </si>
  <si>
    <t>0.029786518120941352</t>
  </si>
  <si>
    <t>38035</t>
  </si>
  <si>
    <t>10.256150245666504</t>
  </si>
  <si>
    <t>643.3374633789062</t>
  </si>
  <si>
    <t>-0.030680032318935346</t>
  </si>
  <si>
    <t>40525</t>
  </si>
  <si>
    <t>9.429648399353027</t>
  </si>
  <si>
    <t>543.6015014648438</t>
  </si>
  <si>
    <t>0.06341227917247494</t>
  </si>
  <si>
    <t>40787</t>
  </si>
  <si>
    <t>10.62773609161377</t>
  </si>
  <si>
    <t>530.8014526367188</t>
  </si>
  <si>
    <t>0.00644433556488444</t>
  </si>
  <si>
    <t>481</t>
  </si>
  <si>
    <t>6.866666793823242</t>
  </si>
  <si>
    <t>683.2000732421875</t>
  </si>
  <si>
    <t>122.67589569091797</t>
  </si>
  <si>
    <t>Karlovarsk kraj</t>
  </si>
  <si>
    <t>19954</t>
  </si>
  <si>
    <t>5.791667461395264</t>
  </si>
  <si>
    <t>609.2999877929688</t>
  </si>
  <si>
    <t>-0.12075212926221823</t>
  </si>
  <si>
    <t>19839</t>
  </si>
  <si>
    <t>6.900001049041748</t>
  </si>
  <si>
    <t>812.5999755859375</t>
  </si>
  <si>
    <t>-0.005779927130680207</t>
  </si>
  <si>
    <t>19836</t>
  </si>
  <si>
    <t>6.233333587646484</t>
  </si>
  <si>
    <t>829.1000366210938</t>
  </si>
  <si>
    <t>-0.00015122873374906476</t>
  </si>
  <si>
    <t>20696</t>
  </si>
  <si>
    <t>7.075000762939453</t>
  </si>
  <si>
    <t>874.1000366210938</t>
  </si>
  <si>
    <t>0.042441976256840874</t>
  </si>
  <si>
    <t>22362</t>
  </si>
  <si>
    <t>6.125</t>
  </si>
  <si>
    <t>787.9999389648438</t>
  </si>
  <si>
    <t>0.07742264484144812</t>
  </si>
  <si>
    <t>22303</t>
  </si>
  <si>
    <t>4.700000286102295</t>
  </si>
  <si>
    <t>706.0000610351562</t>
  </si>
  <si>
    <t>-0.00264189115935487</t>
  </si>
  <si>
    <t>21464</t>
  </si>
  <si>
    <t>793.0999145507812</t>
  </si>
  <si>
    <t>-0.0383440854424979</t>
  </si>
  <si>
    <t>21157</t>
  </si>
  <si>
    <t>867.60009765625</t>
  </si>
  <si>
    <t>-0.0144062931221427</t>
  </si>
  <si>
    <t>21113</t>
  </si>
  <si>
    <t>6.6750006675720215</t>
  </si>
  <si>
    <t>775.300048828125</t>
  </si>
  <si>
    <t>-0.0020818554952342083</t>
  </si>
  <si>
    <t>22151</t>
  </si>
  <si>
    <t>7.508333683013916</t>
  </si>
  <si>
    <t>739.7000122070312</t>
  </si>
  <si>
    <t>0.047993677692977244</t>
  </si>
  <si>
    <t>21920</t>
  </si>
  <si>
    <t>847.2000122070312</t>
  </si>
  <si>
    <t>-0.010483180119107871</t>
  </si>
  <si>
    <t>6.89166784286499</t>
  </si>
  <si>
    <t>1014.8999633789062</t>
  </si>
  <si>
    <t>0.027670194062796583</t>
  </si>
  <si>
    <t>22934</t>
  </si>
  <si>
    <t>6.649999618530273</t>
  </si>
  <si>
    <t>588.0</t>
  </si>
  <si>
    <t>0.01755086947350115</t>
  </si>
  <si>
    <t>23226</t>
  </si>
  <si>
    <t>6.5</t>
  </si>
  <si>
    <t>794.3999633789062</t>
  </si>
  <si>
    <t>0.01265181520745351</t>
  </si>
  <si>
    <t>24017</t>
  </si>
  <si>
    <t>744.4000854492188</t>
  </si>
  <si>
    <t>0.03348957210805992</t>
  </si>
  <si>
    <t>24341</t>
  </si>
  <si>
    <t>758.800048828125</t>
  </si>
  <si>
    <t>0.013400258418149846</t>
  </si>
  <si>
    <t>25482</t>
  </si>
  <si>
    <t>7.341667175292969</t>
  </si>
  <si>
    <t>941.8001098632812</t>
  </si>
  <si>
    <t>0.04581014920941229</t>
  </si>
  <si>
    <t>25134</t>
  </si>
  <si>
    <t>6.766666412353516</t>
  </si>
  <si>
    <t>729.1000366210938</t>
  </si>
  <si>
    <t>-0.013750809366236183</t>
  </si>
  <si>
    <t>24615</t>
  </si>
  <si>
    <t>6.7416672706604</t>
  </si>
  <si>
    <t>932.9000854492188</t>
  </si>
  <si>
    <t>-0.020865497982788028</t>
  </si>
  <si>
    <t>24471</t>
  </si>
  <si>
    <t>5.875</t>
  </si>
  <si>
    <t>1008.7000122070312</t>
  </si>
  <si>
    <t>-0.005867270223610888</t>
  </si>
  <si>
    <t>24429</t>
  </si>
  <si>
    <t>754.5999755859375</t>
  </si>
  <si>
    <t>-0.0017177918334496667</t>
  </si>
  <si>
    <t>23925</t>
  </si>
  <si>
    <t>6.708333969116211</t>
  </si>
  <si>
    <t>788.2000732421875</t>
  </si>
  <si>
    <t>-0.020847013814085713</t>
  </si>
  <si>
    <t>23645</t>
  </si>
  <si>
    <t>6.583333492279053</t>
  </si>
  <si>
    <t>-0.011772261243178761</t>
  </si>
  <si>
    <t>23736</t>
  </si>
  <si>
    <t>798.0</t>
  </si>
  <si>
    <t>0.0038412068926803045</t>
  </si>
  <si>
    <t>24383</t>
  </si>
  <si>
    <t>7.466667652130127</t>
  </si>
  <si>
    <t>682.2000122070312</t>
  </si>
  <si>
    <t>0.026893285176074144</t>
  </si>
  <si>
    <t>24370</t>
  </si>
  <si>
    <t>6.933333873748779</t>
  </si>
  <si>
    <t>751.0000610351562</t>
  </si>
  <si>
    <t>-0.0005333005274792413</t>
  </si>
  <si>
    <t>25786</t>
  </si>
  <si>
    <t>854.800048828125</t>
  </si>
  <si>
    <t>0.05647884135153092</t>
  </si>
  <si>
    <t>25854</t>
  </si>
  <si>
    <t>601.2000122070312</t>
  </si>
  <si>
    <t>0.0026336188731104215</t>
  </si>
  <si>
    <t>25885</t>
  </si>
  <si>
    <t>605.7999877929688</t>
  </si>
  <si>
    <t>0.0011983224921081614</t>
  </si>
  <si>
    <t>24063</t>
  </si>
  <si>
    <t>746.9000244140625</t>
  </si>
  <si>
    <t>-0.07298825930096697</t>
  </si>
  <si>
    <t>24426</t>
  </si>
  <si>
    <t>837.5999755859375</t>
  </si>
  <si>
    <t>0.014972747695999544</t>
  </si>
  <si>
    <t>8.083333015441895</t>
  </si>
  <si>
    <t>625.300048828125</t>
  </si>
  <si>
    <t>0.0064476860792872515</t>
  </si>
  <si>
    <t>482</t>
  </si>
  <si>
    <t>21536</t>
  </si>
  <si>
    <t>8.391403198242188</t>
  </si>
  <si>
    <t>584.389404296875</t>
  </si>
  <si>
    <t>424.5437927246094</t>
  </si>
  <si>
    <t>Kraj Vysocina</t>
  </si>
  <si>
    <t>19086</t>
  </si>
  <si>
    <t>7.25659704208374</t>
  </si>
  <si>
    <t>592.3458251953125</t>
  </si>
  <si>
    <t>-0.12077087146725418</t>
  </si>
  <si>
    <t>18976</t>
  </si>
  <si>
    <t>8.427973747253418</t>
  </si>
  <si>
    <t>576.425537109375</t>
  </si>
  <si>
    <t>-0.005780059179746999</t>
  </si>
  <si>
    <t>18974</t>
  </si>
  <si>
    <t>7.756857395172119</t>
  </si>
  <si>
    <t>593.5653686523438</t>
  </si>
  <si>
    <t>-0.00010540184463003754</t>
  </si>
  <si>
    <t>19867</t>
  </si>
  <si>
    <t>8.595995903015137</t>
  </si>
  <si>
    <t>572.9470825195312</t>
  </si>
  <si>
    <t>0.04599044281524023</t>
  </si>
  <si>
    <t>7.605266094207764</t>
  </si>
  <si>
    <t>695.945068359375</t>
  </si>
  <si>
    <t>0.08089803212003588</t>
  </si>
  <si>
    <t>22502</t>
  </si>
  <si>
    <t>6.233091831207275</t>
  </si>
  <si>
    <t>672.630126953125</t>
  </si>
  <si>
    <t>0.04364609824291854</t>
  </si>
  <si>
    <t>7.983644962310791</t>
  </si>
  <si>
    <t>647.3197631835938</t>
  </si>
  <si>
    <t>0.014471266392824589</t>
  </si>
  <si>
    <t>8.078035354614258</t>
  </si>
  <si>
    <t>627.9839477539062</t>
  </si>
  <si>
    <t>-0.01389370678817059</t>
  </si>
  <si>
    <t>8.179499626159668</t>
  </si>
  <si>
    <t>646.4259643554688</t>
  </si>
  <si>
    <t>0.01367467272749856</t>
  </si>
  <si>
    <t>24029</t>
  </si>
  <si>
    <t>9.126252174377441</t>
  </si>
  <si>
    <t>578.7951049804688</t>
  </si>
  <si>
    <t>0.05140500775307544</t>
  </si>
  <si>
    <t>7.879537582397461</t>
  </si>
  <si>
    <t>623.440185546875</t>
  </si>
  <si>
    <t>0.010185579943280842</t>
  </si>
  <si>
    <t>8.438929557800293</t>
  </si>
  <si>
    <t>769.4297485351562</t>
  </si>
  <si>
    <t>-0.005949693211004359</t>
  </si>
  <si>
    <t>24497</t>
  </si>
  <si>
    <t>8.152981758117676</t>
  </si>
  <si>
    <t>487.0786437988281</t>
  </si>
  <si>
    <t>0.01505334010721704</t>
  </si>
  <si>
    <t>25617</t>
  </si>
  <si>
    <t>8.079449653625488</t>
  </si>
  <si>
    <t>607.5384521484375</t>
  </si>
  <si>
    <t>0.044705532519977</t>
  </si>
  <si>
    <t>7.274014949798584</t>
  </si>
  <si>
    <t>667.1478271484375</t>
  </si>
  <si>
    <t>0.04447382647979481</t>
  </si>
  <si>
    <t>27794</t>
  </si>
  <si>
    <t>8.897238731384277</t>
  </si>
  <si>
    <t>649.5143432617188</t>
  </si>
  <si>
    <t>0.03709014999101612</t>
  </si>
  <si>
    <t>29269</t>
  </si>
  <si>
    <t>8.860329627990723</t>
  </si>
  <si>
    <t>691.3336181640625</t>
  </si>
  <si>
    <t>0.051708765382050714</t>
  </si>
  <si>
    <t>8.379462242126465</t>
  </si>
  <si>
    <t>619.9656372070312</t>
  </si>
  <si>
    <t>0.018449146401797734</t>
  </si>
  <si>
    <t>28918</t>
  </si>
  <si>
    <t>8.38888931274414</t>
  </si>
  <si>
    <t>724.873291015625</t>
  </si>
  <si>
    <t>-0.03051384324230355</t>
  </si>
  <si>
    <t>29698</t>
  </si>
  <si>
    <t>7.509294509887695</t>
  </si>
  <si>
    <t>785.1253051757812</t>
  </si>
  <si>
    <t>0.026615464867935756</t>
  </si>
  <si>
    <t>28230</t>
  </si>
  <si>
    <t>8.719563484191895</t>
  </si>
  <si>
    <t>573.9484252929688</t>
  </si>
  <si>
    <t>-0.05069446120847232</t>
  </si>
  <si>
    <t>28453</t>
  </si>
  <si>
    <t>8.400050163269043</t>
  </si>
  <si>
    <t>613.7235107421875</t>
  </si>
  <si>
    <t>0.007868360902334004</t>
  </si>
  <si>
    <t>28417</t>
  </si>
  <si>
    <t>8.230710983276367</t>
  </si>
  <si>
    <t>635.6455688476562</t>
  </si>
  <si>
    <t>-0.0012660455357345057</t>
  </si>
  <si>
    <t>28698</t>
  </si>
  <si>
    <t>9.496849060058594</t>
  </si>
  <si>
    <t>697.75146484375</t>
  </si>
  <si>
    <t>0.00983987629421712</t>
  </si>
  <si>
    <t>29711</t>
  </si>
  <si>
    <t>9.084044456481934</t>
  </si>
  <si>
    <t>518.2279052734375</t>
  </si>
  <si>
    <t>0.034689913682633744</t>
  </si>
  <si>
    <t>30492</t>
  </si>
  <si>
    <t>8.453774452209473</t>
  </si>
  <si>
    <t>698.9220581054688</t>
  </si>
  <si>
    <t>0.025947006517178295</t>
  </si>
  <si>
    <t>32018</t>
  </si>
  <si>
    <t>9.334202766418457</t>
  </si>
  <si>
    <t>675.4861450195312</t>
  </si>
  <si>
    <t>0.048833890529875745</t>
  </si>
  <si>
    <t>9.425238609313965</t>
  </si>
  <si>
    <t>577.7277221679688</t>
  </si>
  <si>
    <t>-0.0017505474929855325</t>
  </si>
  <si>
    <t>9.69007396697998</t>
  </si>
  <si>
    <t>588.2660522460938</t>
  </si>
  <si>
    <t>0.04212019410750756</t>
  </si>
  <si>
    <t>32796</t>
  </si>
  <si>
    <t>9.257184982299805</t>
  </si>
  <si>
    <t>720.7011108398438</t>
  </si>
  <si>
    <t>-0.016361334536492578</t>
  </si>
  <si>
    <t>33123</t>
  </si>
  <si>
    <t>8.401853561401367</t>
  </si>
  <si>
    <t>639.7186889648438</t>
  </si>
  <si>
    <t>0.009921348391177531</t>
  </si>
  <si>
    <t>9.599369049072266</t>
  </si>
  <si>
    <t>567.3892211914062</t>
  </si>
  <si>
    <t>0.006439986145315046</t>
  </si>
  <si>
    <t>483</t>
  </si>
  <si>
    <t>9.187390327453613</t>
  </si>
  <si>
    <t>548.885009765625</t>
  </si>
  <si>
    <t>386.91387939453125</t>
  </si>
  <si>
    <t>Krlovhradeck kraj</t>
  </si>
  <si>
    <t>17647</t>
  </si>
  <si>
    <t>8.116549491882324</t>
  </si>
  <si>
    <t>582.17919921875</t>
  </si>
  <si>
    <t>-0.12075676780419364</t>
  </si>
  <si>
    <t>9.185328483581543</t>
  </si>
  <si>
    <t>575.7540283203125</t>
  </si>
  <si>
    <t>-0.0057397935549055035</t>
  </si>
  <si>
    <t>17544</t>
  </si>
  <si>
    <t>8.31812572479248</t>
  </si>
  <si>
    <t>668.7181396484375</t>
  </si>
  <si>
    <t>-0.00011399259060418387</t>
  </si>
  <si>
    <t>18169</t>
  </si>
  <si>
    <t>9.087979316711426</t>
  </si>
  <si>
    <t>660.0797729492188</t>
  </si>
  <si>
    <t>0.035004834004716656</t>
  </si>
  <si>
    <t>19490</t>
  </si>
  <si>
    <t>8.213468551635742</t>
  </si>
  <si>
    <t>712.990234375</t>
  </si>
  <si>
    <t>0.0701846683991647</t>
  </si>
  <si>
    <t>20312</t>
  </si>
  <si>
    <t>6.7889556884765625</t>
  </si>
  <si>
    <t>656.7750854492188</t>
  </si>
  <si>
    <t>0.04131033088290792</t>
  </si>
  <si>
    <t>19512</t>
  </si>
  <si>
    <t>8.693543434143066</t>
  </si>
  <si>
    <t>720.8079223632812</t>
  </si>
  <si>
    <t>-0.04018218348875813</t>
  </si>
  <si>
    <t>19410</t>
  </si>
  <si>
    <t>8.71628475189209</t>
  </si>
  <si>
    <t>693.0623168945312</t>
  </si>
  <si>
    <t>-0.005241263732699508</t>
  </si>
  <si>
    <t>19972</t>
  </si>
  <si>
    <t>9.016334533691406</t>
  </si>
  <si>
    <t>645.7299194335938</t>
  </si>
  <si>
    <t>0.02854289545744315</t>
  </si>
  <si>
    <t>21213</t>
  </si>
  <si>
    <t>9.769454002380371</t>
  </si>
  <si>
    <t>642.9754028320312</t>
  </si>
  <si>
    <t>0.060282908651851486</t>
  </si>
  <si>
    <t>22463</t>
  </si>
  <si>
    <t>8.568036079406738</t>
  </si>
  <si>
    <t>711.3024291992188</t>
  </si>
  <si>
    <t>0.05725530989282035</t>
  </si>
  <si>
    <t>22712</t>
  </si>
  <si>
    <t>9.063798904418945</t>
  </si>
  <si>
    <t>807.5140991210938</t>
  </si>
  <si>
    <t>0.01102390798763686</t>
  </si>
  <si>
    <t>8.742060661315918</t>
  </si>
  <si>
    <t>487.9896240234375</t>
  </si>
  <si>
    <t>0.0247441580964729</t>
  </si>
  <si>
    <t>8.94090461730957</t>
  </si>
  <si>
    <t>620.9924926757812</t>
  </si>
  <si>
    <t>0.01948168802802286</t>
  </si>
  <si>
    <t>25745</t>
  </si>
  <si>
    <t>8.057099342346191</t>
  </si>
  <si>
    <t>649.6480712890625</t>
  </si>
  <si>
    <t>0.08112116820293735</t>
  </si>
  <si>
    <t>27448</t>
  </si>
  <si>
    <t>9.796695709228516</t>
  </si>
  <si>
    <t>665.86572265625</t>
  </si>
  <si>
    <t>0.06405287205804555</t>
  </si>
  <si>
    <t>28753</t>
  </si>
  <si>
    <t>9.574892044067383</t>
  </si>
  <si>
    <t>730.2103271484375</t>
  </si>
  <si>
    <t>0.04644880406944196</t>
  </si>
  <si>
    <t>28081</t>
  </si>
  <si>
    <t>9.119379997253418</t>
  </si>
  <si>
    <t>619.6442260742188</t>
  </si>
  <si>
    <t>-0.023648918566479438</t>
  </si>
  <si>
    <t>27369</t>
  </si>
  <si>
    <t>8.849981307983398</t>
  </si>
  <si>
    <t>774.54638671875</t>
  </si>
  <si>
    <t>-0.025682205027665717</t>
  </si>
  <si>
    <t>27322</t>
  </si>
  <si>
    <t>8.163026809692383</t>
  </si>
  <si>
    <t>856.5382080078125</t>
  </si>
  <si>
    <t>-0.001718747566151535</t>
  </si>
  <si>
    <t>29537</t>
  </si>
  <si>
    <t>9.379847526550293</t>
  </si>
  <si>
    <t>641.3452758789062</t>
  </si>
  <si>
    <t>0.07795147627009413</t>
  </si>
  <si>
    <t>29274</t>
  </si>
  <si>
    <t>8.841437339782715</t>
  </si>
  <si>
    <t>683.567626953125</t>
  </si>
  <si>
    <t>-0.008943964673633786</t>
  </si>
  <si>
    <t>29082</t>
  </si>
  <si>
    <t>8.81282901763916</t>
  </si>
  <si>
    <t>678.388427734375</t>
  </si>
  <si>
    <t>-0.006580323970460711</t>
  </si>
  <si>
    <t>30198</t>
  </si>
  <si>
    <t>10.286473274230957</t>
  </si>
  <si>
    <t>727.8303833007812</t>
  </si>
  <si>
    <t>0.03765627093098445</t>
  </si>
  <si>
    <t>31534</t>
  </si>
  <si>
    <t>9.722487449645996</t>
  </si>
  <si>
    <t>549.3848266601562</t>
  </si>
  <si>
    <t>0.043290631793011514</t>
  </si>
  <si>
    <t>32981</t>
  </si>
  <si>
    <t>9.318530082702637</t>
  </si>
  <si>
    <t>689.0242919921875</t>
  </si>
  <si>
    <t>0.044865309263391495</t>
  </si>
  <si>
    <t>9.863607406616211</t>
  </si>
  <si>
    <t>741.8523559570312</t>
  </si>
  <si>
    <t>0.09072127323914358</t>
  </si>
  <si>
    <t>35626</t>
  </si>
  <si>
    <t>10.113880157470703</t>
  </si>
  <si>
    <t>577.2984619140625</t>
  </si>
  <si>
    <t>-0.013577202947532285</t>
  </si>
  <si>
    <t>10.50730037689209</t>
  </si>
  <si>
    <t>582.4954223632812</t>
  </si>
  <si>
    <t>0.02888327371294075</t>
  </si>
  <si>
    <t>10.061552047729492</t>
  </si>
  <si>
    <t>701.017578125</t>
  </si>
  <si>
    <t>-0.037566233092301005</t>
  </si>
  <si>
    <t>37749</t>
  </si>
  <si>
    <t>9.193818092346191</t>
  </si>
  <si>
    <t>672.7279663085938</t>
  </si>
  <si>
    <t>0.06656623628700764</t>
  </si>
  <si>
    <t>37993</t>
  </si>
  <si>
    <t>10.286275863647461</t>
  </si>
  <si>
    <t>577.741943359375</t>
  </si>
  <si>
    <t>0.006442946953287176</t>
  </si>
  <si>
    <t>484</t>
  </si>
  <si>
    <t>21417</t>
  </si>
  <si>
    <t>8.207179069519043</t>
  </si>
  <si>
    <t>720.2437744140625</t>
  </si>
  <si>
    <t>302.3358154296875</t>
  </si>
  <si>
    <t>Libereck kraj</t>
  </si>
  <si>
    <t>18980</t>
  </si>
  <si>
    <t>7.055992126464844</t>
  </si>
  <si>
    <t>686.565185546875</t>
  </si>
  <si>
    <t>-0.12079920600665162</t>
  </si>
  <si>
    <t>18871</t>
  </si>
  <si>
    <t>8.24479866027832</t>
  </si>
  <si>
    <t>775.8907470703125</t>
  </si>
  <si>
    <t>-0.005759441034824064</t>
  </si>
  <si>
    <t>18869</t>
  </si>
  <si>
    <t>7.4652862548828125</t>
  </si>
  <si>
    <t>937.4234619140625</t>
  </si>
  <si>
    <t>-0.00010598834138164648</t>
  </si>
  <si>
    <t>19621</t>
  </si>
  <si>
    <t>8.277905464172363</t>
  </si>
  <si>
    <t>915.6790161132812</t>
  </si>
  <si>
    <t>0.03908005743238796</t>
  </si>
  <si>
    <t>21131</t>
  </si>
  <si>
    <t>7.354329586029053</t>
  </si>
  <si>
    <t>842.9993286132812</t>
  </si>
  <si>
    <t>0.07414073534682508</t>
  </si>
  <si>
    <t>21506</t>
  </si>
  <si>
    <t>5.916236400604248</t>
  </si>
  <si>
    <t>785.6600952148438</t>
  </si>
  <si>
    <t>0.01759080938354529</t>
  </si>
  <si>
    <t>21854</t>
  </si>
  <si>
    <t>7.844797611236572</t>
  </si>
  <si>
    <t>929.7918701171875</t>
  </si>
  <si>
    <t>0.016052005180219098</t>
  </si>
  <si>
    <t>7.852656841278076</t>
  </si>
  <si>
    <t>929.0469360351562</t>
  </si>
  <si>
    <t>-0.03241315114737375</t>
  </si>
  <si>
    <t>21874</t>
  </si>
  <si>
    <t>8.033129692077637</t>
  </si>
  <si>
    <t>794.2166748046875</t>
  </si>
  <si>
    <t>0.03332789691185312</t>
  </si>
  <si>
    <t>22902</t>
  </si>
  <si>
    <t>8.83742618560791</t>
  </si>
  <si>
    <t>819.8618774414062</t>
  </si>
  <si>
    <t>0.04592552607811484</t>
  </si>
  <si>
    <t>23369</t>
  </si>
  <si>
    <t>7.677656173706055</t>
  </si>
  <si>
    <t>949.6821899414062</t>
  </si>
  <si>
    <t>0.020186114742521966</t>
  </si>
  <si>
    <t>23244</t>
  </si>
  <si>
    <t>8.1507568359375</t>
  </si>
  <si>
    <t>1051.9693603515625</t>
  </si>
  <si>
    <t>-0.005363323520811036</t>
  </si>
  <si>
    <t>22239</t>
  </si>
  <si>
    <t>7.914087772369385</t>
  </si>
  <si>
    <t>604.4091186523438</t>
  </si>
  <si>
    <t>-0.04419952987016629</t>
  </si>
  <si>
    <t>23056</t>
  </si>
  <si>
    <t>7.910514831542969</t>
  </si>
  <si>
    <t>822.1015014648438</t>
  </si>
  <si>
    <t>0.03607853491447344</t>
  </si>
  <si>
    <t>25572</t>
  </si>
  <si>
    <t>7.176944255828857</t>
  </si>
  <si>
    <t>792.8873901367188</t>
  </si>
  <si>
    <t>0.10357196364731358</t>
  </si>
  <si>
    <t>8.799083709716797</t>
  </si>
  <si>
    <t>851.93798828125</t>
  </si>
  <si>
    <t>0.03884914405182194</t>
  </si>
  <si>
    <t>26515</t>
  </si>
  <si>
    <t>8.676706314086914</t>
  </si>
  <si>
    <t>964.3193359375</t>
  </si>
  <si>
    <t>-0.0026365363672091746</t>
  </si>
  <si>
    <t>26348</t>
  </si>
  <si>
    <t>8.08790111541748</t>
  </si>
  <si>
    <t>780.2744140625</t>
  </si>
  <si>
    <t>-0.006318239810646276</t>
  </si>
  <si>
    <t>24787</t>
  </si>
  <si>
    <t>8.025755882263184</t>
  </si>
  <si>
    <t>974.39208984375</t>
  </si>
  <si>
    <t>-0.06107304859336615</t>
  </si>
  <si>
    <t>25659</t>
  </si>
  <si>
    <t>7.205991744995117</t>
  </si>
  <si>
    <t>1100.057373046875</t>
  </si>
  <si>
    <t>0.03457506508167363</t>
  </si>
  <si>
    <t>26263</t>
  </si>
  <si>
    <t>8.536227226257324</t>
  </si>
  <si>
    <t>856.7611694335938</t>
  </si>
  <si>
    <t>0.02326671727620422</t>
  </si>
  <si>
    <t>26343</t>
  </si>
  <si>
    <t>7.984090328216553</t>
  </si>
  <si>
    <t>881.100830078125</t>
  </si>
  <si>
    <t>0.0030414805030094527</t>
  </si>
  <si>
    <t>26213</t>
  </si>
  <si>
    <t>7.836238384246826</t>
  </si>
  <si>
    <t>877.14697265625</t>
  </si>
  <si>
    <t>-0.004947114130992247</t>
  </si>
  <si>
    <t>26730</t>
  </si>
  <si>
    <t>9.283377647399902</t>
  </si>
  <si>
    <t>888.4417114257812</t>
  </si>
  <si>
    <t>0.01953105923585241</t>
  </si>
  <si>
    <t>28121</t>
  </si>
  <si>
    <t>8.751469612121582</t>
  </si>
  <si>
    <t>725.865234375</t>
  </si>
  <si>
    <t>0.05073009803699513</t>
  </si>
  <si>
    <t>28716</t>
  </si>
  <si>
    <t>8.191235542297363</t>
  </si>
  <si>
    <t>842.3325805664062</t>
  </si>
  <si>
    <t>0.020937830526413848</t>
  </si>
  <si>
    <t>29796</t>
  </si>
  <si>
    <t>8.92194652557373</t>
  </si>
  <si>
    <t>994.8775634765625</t>
  </si>
  <si>
    <t>0.0369196975997923</t>
  </si>
  <si>
    <t>30740</t>
  </si>
  <si>
    <t>9.124808311462402</t>
  </si>
  <si>
    <t>696.967529296875</t>
  </si>
  <si>
    <t>0.031190581796421313</t>
  </si>
  <si>
    <t>31572</t>
  </si>
  <si>
    <t>9.415761947631836</t>
  </si>
  <si>
    <t>697.5971069335938</t>
  </si>
  <si>
    <t>0.026705913735705522</t>
  </si>
  <si>
    <t>29691</t>
  </si>
  <si>
    <t>9.024094581604004</t>
  </si>
  <si>
    <t>853.369873046875</t>
  </si>
  <si>
    <t>-0.06142668226349279</t>
  </si>
  <si>
    <t>30533</t>
  </si>
  <si>
    <t>8.16242504119873</t>
  </si>
  <si>
    <t>874.3307495117188</t>
  </si>
  <si>
    <t>0.027964096339152533</t>
  </si>
  <si>
    <t>30730</t>
  </si>
  <si>
    <t>9.33790111541748</t>
  </si>
  <si>
    <t>716.0340576171875</t>
  </si>
  <si>
    <t>0.006431310220577302</t>
  </si>
  <si>
    <t>485</t>
  </si>
  <si>
    <t>21822</t>
  </si>
  <si>
    <t>9.095354080200195</t>
  </si>
  <si>
    <t>655.0580444335938</t>
  </si>
  <si>
    <t>646.3374633789062</t>
  </si>
  <si>
    <t>Moravskoslezsk kraj</t>
  </si>
  <si>
    <t>19340</t>
  </si>
  <si>
    <t>7.97557258605957</t>
  </si>
  <si>
    <t>698.1697998046875</t>
  </si>
  <si>
    <t>-0.12074314520775964</t>
  </si>
  <si>
    <t>19229</t>
  </si>
  <si>
    <t>8.859219551086426</t>
  </si>
  <si>
    <t>633.1195068359375</t>
  </si>
  <si>
    <t>-0.005755933856697482</t>
  </si>
  <si>
    <t>19226</t>
  </si>
  <si>
    <t>8.17237663269043</t>
  </si>
  <si>
    <t>651.6834106445312</t>
  </si>
  <si>
    <t>-0.00015602652482549217</t>
  </si>
  <si>
    <t>19419</t>
  </si>
  <si>
    <t>8.895806312561035</t>
  </si>
  <si>
    <t>645.661376953125</t>
  </si>
  <si>
    <t>0.009988438587857473</t>
  </si>
  <si>
    <t>20310</t>
  </si>
  <si>
    <t>7.953466892242432</t>
  </si>
  <si>
    <t>674.5643920898438</t>
  </si>
  <si>
    <t>0.0448614073608109</t>
  </si>
  <si>
    <t>6.699326992034912</t>
  </si>
  <si>
    <t>712.01318359375</t>
  </si>
  <si>
    <t>0.057218590376042044</t>
  </si>
  <si>
    <t>20878</t>
  </si>
  <si>
    <t>8.335535049438477</t>
  </si>
  <si>
    <t>768.1670532226562</t>
  </si>
  <si>
    <t>-0.029635992982228743</t>
  </si>
  <si>
    <t>19992</t>
  </si>
  <si>
    <t>8.366645812988281</t>
  </si>
  <si>
    <t>760.6080932617188</t>
  </si>
  <si>
    <t>-0.04336377945345582</t>
  </si>
  <si>
    <t>19591</t>
  </si>
  <si>
    <t>8.771636009216309</t>
  </si>
  <si>
    <t>789.9757690429688</t>
  </si>
  <si>
    <t>-0.020261916426754567</t>
  </si>
  <si>
    <t>19899</t>
  </si>
  <si>
    <t>9.768540382385254</t>
  </si>
  <si>
    <t>788.08203125</t>
  </si>
  <si>
    <t>0.01559920210563348</t>
  </si>
  <si>
    <t>20471</t>
  </si>
  <si>
    <t>8.369791030883789</t>
  </si>
  <si>
    <t>848.9238891601562</t>
  </si>
  <si>
    <t>0.02833977124695508</t>
  </si>
  <si>
    <t>20760</t>
  </si>
  <si>
    <t>9.042824745178223</t>
  </si>
  <si>
    <t>784.5997314453125</t>
  </si>
  <si>
    <t>0.014018807839203618</t>
  </si>
  <si>
    <t>21370</t>
  </si>
  <si>
    <t>8.501736640930176</t>
  </si>
  <si>
    <t>572.087158203125</t>
  </si>
  <si>
    <t>0.02896001103336765</t>
  </si>
  <si>
    <t>23568</t>
  </si>
  <si>
    <t>8.818220138549805</t>
  </si>
  <si>
    <t>725.56396484375</t>
  </si>
  <si>
    <t>0.0979017903892192</t>
  </si>
  <si>
    <t>26091</t>
  </si>
  <si>
    <t>7.698369979858398</t>
  </si>
  <si>
    <t>741.9595947265625</t>
  </si>
  <si>
    <t>0.1017005675554632</t>
  </si>
  <si>
    <t>27276</t>
  </si>
  <si>
    <t>9.54210376739502</t>
  </si>
  <si>
    <t>751.3538818359375</t>
  </si>
  <si>
    <t>0.04441676738266764</t>
  </si>
  <si>
    <t>9.333687782287598</t>
  </si>
  <si>
    <t>742.5850219726562</t>
  </si>
  <si>
    <t>0.05273491496718563</t>
  </si>
  <si>
    <t>9.233702659606934</t>
  </si>
  <si>
    <t>700.8479614257812</t>
  </si>
  <si>
    <t>0.03623597222264685</t>
  </si>
  <si>
    <t>8.792789459228516</t>
  </si>
  <si>
    <t>866.1085205078125</t>
  </si>
  <si>
    <t>-0.085567095816792</t>
  </si>
  <si>
    <t>28510</t>
  </si>
  <si>
    <t>8.31917667388916</t>
  </si>
  <si>
    <t>989.6925659179688</t>
  </si>
  <si>
    <t>0.04084391689313449</t>
  </si>
  <si>
    <t>29380</t>
  </si>
  <si>
    <t>9.134098052978516</t>
  </si>
  <si>
    <t>677.6884765625</t>
  </si>
  <si>
    <t>0.03005926782114976</t>
  </si>
  <si>
    <t>29214</t>
  </si>
  <si>
    <t>8.824993133544922</t>
  </si>
  <si>
    <t>696.9982299804688</t>
  </si>
  <si>
    <t>-0.005666124317110999</t>
  </si>
  <si>
    <t>28163</t>
  </si>
  <si>
    <t>8.932198524475098</t>
  </si>
  <si>
    <t>742.2279052734375</t>
  </si>
  <si>
    <t>-0.0366389867222221</t>
  </si>
  <si>
    <t>28938</t>
  </si>
  <si>
    <t>10.16359806060791</t>
  </si>
  <si>
    <t>887.1857299804688</t>
  </si>
  <si>
    <t>0.027146550608492248</t>
  </si>
  <si>
    <t>30204</t>
  </si>
  <si>
    <t>9.709800720214844</t>
  </si>
  <si>
    <t>602.1749267578125</t>
  </si>
  <si>
    <t>0.04281875562628912</t>
  </si>
  <si>
    <t>30798</t>
  </si>
  <si>
    <t>9.302560806274414</t>
  </si>
  <si>
    <t>832.5574340820312</t>
  </si>
  <si>
    <t>0.01947538686504302</t>
  </si>
  <si>
    <t>9.880967140197754</t>
  </si>
  <si>
    <t>838.8931274414062</t>
  </si>
  <si>
    <t>0.04093887839625765</t>
  </si>
  <si>
    <t>9.956428527832031</t>
  </si>
  <si>
    <t>700.5496215820312</t>
  </si>
  <si>
    <t>0.027512685928973823</t>
  </si>
  <si>
    <t>32356</t>
  </si>
  <si>
    <t>10.576807975769043</t>
  </si>
  <si>
    <t>698.1478881835938</t>
  </si>
  <si>
    <t>-0.019101841975746936</t>
  </si>
  <si>
    <t>30079</t>
  </si>
  <si>
    <t>9.975045204162598</t>
  </si>
  <si>
    <t>892.9891967773438</t>
  </si>
  <si>
    <t>-0.07297222130753411</t>
  </si>
  <si>
    <t>9.029444694519043</t>
  </si>
  <si>
    <t>758.2982177734375</t>
  </si>
  <si>
    <t>0.08516730709122022</t>
  </si>
  <si>
    <t>10.102749824523926</t>
  </si>
  <si>
    <t>700.4187622070312</t>
  </si>
  <si>
    <t>486</t>
  </si>
  <si>
    <t>8.17998218536377</t>
  </si>
  <si>
    <t>601.9437255859375</t>
  </si>
  <si>
    <t>234.93438720703125</t>
  </si>
  <si>
    <t>Olomouck kraj</t>
  </si>
  <si>
    <t>18071</t>
  </si>
  <si>
    <t>7.04438591003418</t>
  </si>
  <si>
    <t>672.96435546875</t>
  </si>
  <si>
    <t>-0.12073614117033671</t>
  </si>
  <si>
    <t>8.190447807312012</t>
  </si>
  <si>
    <t>615.2272338867188</t>
  </si>
  <si>
    <t>-0.005827360609012899</t>
  </si>
  <si>
    <t>17964</t>
  </si>
  <si>
    <t>7.482701778411865</t>
  </si>
  <si>
    <t>679.8614501953125</t>
  </si>
  <si>
    <t>-0.00011132758152321287</t>
  </si>
  <si>
    <t>18289</t>
  </si>
  <si>
    <t>8.2544527053833</t>
  </si>
  <si>
    <t>685.9436645507812</t>
  </si>
  <si>
    <t>0.01793003099694701</t>
  </si>
  <si>
    <t>19284</t>
  </si>
  <si>
    <t>7.327747821807861</t>
  </si>
  <si>
    <t>790.5440063476562</t>
  </si>
  <si>
    <t>0.052975950320936604</t>
  </si>
  <si>
    <t>6.01970911026001</t>
  </si>
  <si>
    <t>750.6293334960938</t>
  </si>
  <si>
    <t>0.06168559105639204</t>
  </si>
  <si>
    <t>19903</t>
  </si>
  <si>
    <t>7.747369289398193</t>
  </si>
  <si>
    <t>800.0991821289062</t>
  </si>
  <si>
    <t>-0.030090853462683143</t>
  </si>
  <si>
    <t>19021</t>
  </si>
  <si>
    <t>7.717152118682861</t>
  </si>
  <si>
    <t>764.010498046875</t>
  </si>
  <si>
    <t>-0.04532684216638039</t>
  </si>
  <si>
    <t>7.958230972290039</t>
  </si>
  <si>
    <t>757.424072265625</t>
  </si>
  <si>
    <t>0.00993939967560209</t>
  </si>
  <si>
    <t>8.958260536193848</t>
  </si>
  <si>
    <t>729.4678344726562</t>
  </si>
  <si>
    <t>0.05385624531390221</t>
  </si>
  <si>
    <t>7.625058650970459</t>
  </si>
  <si>
    <t>793.9957275390625</t>
  </si>
  <si>
    <t>0.009669973498276363</t>
  </si>
  <si>
    <t>20583</t>
  </si>
  <si>
    <t>8.136507987976074</t>
  </si>
  <si>
    <t>848.8057250976562</t>
  </si>
  <si>
    <t>0.005456241918379234</t>
  </si>
  <si>
    <t>21196</t>
  </si>
  <si>
    <t>7.8425774574279785</t>
  </si>
  <si>
    <t>549.9942016601562</t>
  </si>
  <si>
    <t>0.029346992253652004</t>
  </si>
  <si>
    <t>22543</t>
  </si>
  <si>
    <t>7.894813060760498</t>
  </si>
  <si>
    <t>672.0926513671875</t>
  </si>
  <si>
    <t>0.0616121118414803</t>
  </si>
  <si>
    <t>6.928571701049805</t>
  </si>
  <si>
    <t>730.7254028320312</t>
  </si>
  <si>
    <t>0.026699765297065525</t>
  </si>
  <si>
    <t>24168</t>
  </si>
  <si>
    <t>8.750029563903809</t>
  </si>
  <si>
    <t>733.9916381835938</t>
  </si>
  <si>
    <t>0.04290508231530943</t>
  </si>
  <si>
    <t>8.577028274536133</t>
  </si>
  <si>
    <t>763.079833984375</t>
  </si>
  <si>
    <t>0.05294287647481788</t>
  </si>
  <si>
    <t>26174</t>
  </si>
  <si>
    <t>8.268136978149414</t>
  </si>
  <si>
    <t>669.8771362304688</t>
  </si>
  <si>
    <t>0.02679423107410095</t>
  </si>
  <si>
    <t>24959</t>
  </si>
  <si>
    <t>8.119576454162598</t>
  </si>
  <si>
    <t>860.3388671875</t>
  </si>
  <si>
    <t>-0.04753207303721396</t>
  </si>
  <si>
    <t>25896</t>
  </si>
  <si>
    <t>7.387492656707764</t>
  </si>
  <si>
    <t>945.4901733398438</t>
  </si>
  <si>
    <t>0.03685403802786702</t>
  </si>
  <si>
    <t>26493</t>
  </si>
  <si>
    <t>8.407965660095215</t>
  </si>
  <si>
    <t>669.39501953125</t>
  </si>
  <si>
    <t>0.022792030530832008</t>
  </si>
  <si>
    <t>26401</t>
  </si>
  <si>
    <t>8.11124324798584</t>
  </si>
  <si>
    <t>718.1450805664062</t>
  </si>
  <si>
    <t>-0.003478658932008827</t>
  </si>
  <si>
    <t>26125</t>
  </si>
  <si>
    <t>7.9999260902404785</t>
  </si>
  <si>
    <t>733.9547729492188</t>
  </si>
  <si>
    <t>-0.010509177937791492</t>
  </si>
  <si>
    <t>9.271517753601074</t>
  </si>
  <si>
    <t>826.3827514648438</t>
  </si>
  <si>
    <t>0.025658419825949963</t>
  </si>
  <si>
    <t>27929</t>
  </si>
  <si>
    <t>8.811640739440918</t>
  </si>
  <si>
    <t>607.8529663085938</t>
  </si>
  <si>
    <t>0.04111444540998832</t>
  </si>
  <si>
    <t>28853</t>
  </si>
  <si>
    <t>8.368826866149902</t>
  </si>
  <si>
    <t>830.4949340820312</t>
  </si>
  <si>
    <t>0.032548398162195014</t>
  </si>
  <si>
    <t>30517</t>
  </si>
  <si>
    <t>9.046679496765137</t>
  </si>
  <si>
    <t>819.1752319335938</t>
  </si>
  <si>
    <t>0.05606993170254704</t>
  </si>
  <si>
    <t>31147</t>
  </si>
  <si>
    <t>9.118694305419922</t>
  </si>
  <si>
    <t>706.8605346679688</t>
  </si>
  <si>
    <t>0.020434027023680912</t>
  </si>
  <si>
    <t>31964</t>
  </si>
  <si>
    <t>9.609509468078613</t>
  </si>
  <si>
    <t>691.8035888671875</t>
  </si>
  <si>
    <t>0.025892337102881413</t>
  </si>
  <si>
    <t>31049</t>
  </si>
  <si>
    <t>9.093269348144531</t>
  </si>
  <si>
    <t>824.6526489257812</t>
  </si>
  <si>
    <t>-0.029043667770519477</t>
  </si>
  <si>
    <t>8.255276679992676</t>
  </si>
  <si>
    <t>731.93212890625</t>
  </si>
  <si>
    <t>0.05342795919769472</t>
  </si>
  <si>
    <t>9.341726303100586</t>
  </si>
  <si>
    <t>662.758056640625</t>
  </si>
  <si>
    <t>487</t>
  </si>
  <si>
    <t>21608</t>
  </si>
  <si>
    <t>8.189900398254395</t>
  </si>
  <si>
    <t>656.3021240234375</t>
  </si>
  <si>
    <t>191.56857299804688</t>
  </si>
  <si>
    <t>Pardubick kraj</t>
  </si>
  <si>
    <t>19150</t>
  </si>
  <si>
    <t>7.151878833770752</t>
  </si>
  <si>
    <t>668.1121826171875</t>
  </si>
  <si>
    <t>-0.12076090086365987</t>
  </si>
  <si>
    <t>19039</t>
  </si>
  <si>
    <t>8.234698295593262</t>
  </si>
  <si>
    <t>620.0458984375</t>
  </si>
  <si>
    <t>-0.00581320865111401</t>
  </si>
  <si>
    <t>19037</t>
  </si>
  <si>
    <t>7.51387357711792</t>
  </si>
  <si>
    <t>628.8970947265625</t>
  </si>
  <si>
    <t>-0.00010505305188779346</t>
  </si>
  <si>
    <t>19418</t>
  </si>
  <si>
    <t>8.289081573486328</t>
  </si>
  <si>
    <t>607.297119140625</t>
  </si>
  <si>
    <t>0.01981601702430069</t>
  </si>
  <si>
    <t>20515</t>
  </si>
  <si>
    <t>7.383349895477295</t>
  </si>
  <si>
    <t>783.9244995117188</t>
  </si>
  <si>
    <t>0.054955854946197036</t>
  </si>
  <si>
    <t>21108</t>
  </si>
  <si>
    <t>6.132627487182617</t>
  </si>
  <si>
    <t>743.7957763671875</t>
  </si>
  <si>
    <t>0.028495789649271686</t>
  </si>
  <si>
    <t>7.8310546875</t>
  </si>
  <si>
    <t>688.0333251953125</t>
  </si>
  <si>
    <t>-0.0016595153283454067</t>
  </si>
  <si>
    <t>7.803035736083984</t>
  </si>
  <si>
    <t>670.08349609375</t>
  </si>
  <si>
    <t>0.00397821978610402</t>
  </si>
  <si>
    <t>8.064692497253418</t>
  </si>
  <si>
    <t>734.0670776367188</t>
  </si>
  <si>
    <t>21776</t>
  </si>
  <si>
    <t>8.999808311462402</t>
  </si>
  <si>
    <t>572.33837890625</t>
  </si>
  <si>
    <t>0.030919481403163473</t>
  </si>
  <si>
    <t>22282</t>
  </si>
  <si>
    <t>7.696371555328369</t>
  </si>
  <si>
    <t>619.5394897460938</t>
  </si>
  <si>
    <t>0.022970731728015892</t>
  </si>
  <si>
    <t>8.179495811462402</t>
  </si>
  <si>
    <t>801.5281982421875</t>
  </si>
  <si>
    <t>0.01129047850548659</t>
  </si>
  <si>
    <t>7.904079437255859</t>
  </si>
  <si>
    <t>543.0208740234375</t>
  </si>
  <si>
    <t>0.03256792112453155</t>
  </si>
  <si>
    <t>24251</t>
  </si>
  <si>
    <t>7.898860931396484</t>
  </si>
  <si>
    <t>659.1996459960938</t>
  </si>
  <si>
    <t>0.04082027637952379</t>
  </si>
  <si>
    <t>25227</t>
  </si>
  <si>
    <t>7.021467685699463</t>
  </si>
  <si>
    <t>754.9669189453125</t>
  </si>
  <si>
    <t>0.03945699587220375</t>
  </si>
  <si>
    <t>8.791362762451172</t>
  </si>
  <si>
    <t>705.79443359375</t>
  </si>
  <si>
    <t>0.07809234513953456</t>
  </si>
  <si>
    <t>8.642823219299316</t>
  </si>
  <si>
    <t>750.2957763671875</t>
  </si>
  <si>
    <t>28601</t>
  </si>
  <si>
    <t>8.327408790588379</t>
  </si>
  <si>
    <t>701.6508178710938</t>
  </si>
  <si>
    <t>-0.005300427376081274</t>
  </si>
  <si>
    <t>26852</t>
  </si>
  <si>
    <t>8.12835693359375</t>
  </si>
  <si>
    <t>809.8983154296875</t>
  </si>
  <si>
    <t>-0.06310137617300526</t>
  </si>
  <si>
    <t>27560</t>
  </si>
  <si>
    <t>7.420536518096924</t>
  </si>
  <si>
    <t>894.6306762695312</t>
  </si>
  <si>
    <t>0.026025140068952624</t>
  </si>
  <si>
    <t>8.540014266967773</t>
  </si>
  <si>
    <t>605.7183227539062</t>
  </si>
  <si>
    <t>0.03812460075137025</t>
  </si>
  <si>
    <t>26907</t>
  </si>
  <si>
    <t>8.161273002624512</t>
  </si>
  <si>
    <t>652.5470581054688</t>
  </si>
  <si>
    <t>-0.062103571092851695</t>
  </si>
  <si>
    <t>27205</t>
  </si>
  <si>
    <t>8.050642967224121</t>
  </si>
  <si>
    <t>679.406982421875</t>
  </si>
  <si>
    <t>0.011014304133912134</t>
  </si>
  <si>
    <t>28011</t>
  </si>
  <si>
    <t>9.366570472717285</t>
  </si>
  <si>
    <t>764.8046264648438</t>
  </si>
  <si>
    <t>0.029196510232010198</t>
  </si>
  <si>
    <t>29579</t>
  </si>
  <si>
    <t>8.860325813293457</t>
  </si>
  <si>
    <t>568.0007934570312</t>
  </si>
  <si>
    <t>0.054467359915200575</t>
  </si>
  <si>
    <t>30230</t>
  </si>
  <si>
    <t>8.390317916870117</t>
  </si>
  <si>
    <t>786.0597534179688</t>
  </si>
  <si>
    <t>0.02177015870626775</t>
  </si>
  <si>
    <t>31674</t>
  </si>
  <si>
    <t>9.062621116638184</t>
  </si>
  <si>
    <t>718.225830078125</t>
  </si>
  <si>
    <t>0.046661346278167315</t>
  </si>
  <si>
    <t>9.216987609863281</t>
  </si>
  <si>
    <t>610.87841796875</t>
  </si>
  <si>
    <t>0.021705019589449037</t>
  </si>
  <si>
    <t>32552</t>
  </si>
  <si>
    <t>9.604384422302246</t>
  </si>
  <si>
    <t>640.8898315429688</t>
  </si>
  <si>
    <t>0.005637636040406235</t>
  </si>
  <si>
    <t>9.154801368713379</t>
  </si>
  <si>
    <t>788.334716796875</t>
  </si>
  <si>
    <t>-0.016509334099451323</t>
  </si>
  <si>
    <t>8.305427551269531</t>
  </si>
  <si>
    <t>658.2083129882812</t>
  </si>
  <si>
    <t>9.419493675231934</t>
  </si>
  <si>
    <t>630.3258666992188</t>
  </si>
  <si>
    <t>23971</t>
  </si>
  <si>
    <t>8.334677696228027</t>
  </si>
  <si>
    <t>616.4703369140625</t>
  </si>
  <si>
    <t>296.2357177734375</t>
  </si>
  <si>
    <t>Plzensk kraj</t>
  </si>
  <si>
    <t>21245</t>
  </si>
  <si>
    <t>7.203575134277344</t>
  </si>
  <si>
    <t>558.1574096679688</t>
  </si>
  <si>
    <t>-0.12072319282449762</t>
  </si>
  <si>
    <t>21122</t>
  </si>
  <si>
    <t>8.435309410095215</t>
  </si>
  <si>
    <t>663.1454467773438</t>
  </si>
  <si>
    <t>-0.00580642224249317</t>
  </si>
  <si>
    <t>21120</t>
  </si>
  <si>
    <t>7.6377854347229</t>
  </si>
  <si>
    <t>670.5607299804688</t>
  </si>
  <si>
    <t>-9.469248622195892e-05</t>
  </si>
  <si>
    <t>21260</t>
  </si>
  <si>
    <t>8.474080085754395</t>
  </si>
  <si>
    <t>702.0084228515625</t>
  </si>
  <si>
    <t>0.006606914075740988</t>
  </si>
  <si>
    <t>22157</t>
  </si>
  <si>
    <t>7.55299711227417</t>
  </si>
  <si>
    <t>676.4871826171875</t>
  </si>
  <si>
    <t>0.0413261007393384</t>
  </si>
  <si>
    <t>23498</t>
  </si>
  <si>
    <t>6.187150955200195</t>
  </si>
  <si>
    <t>645.3347778320312</t>
  </si>
  <si>
    <t>0.0587618374922414</t>
  </si>
  <si>
    <t>7.97950553894043</t>
  </si>
  <si>
    <t>657.915771484375</t>
  </si>
  <si>
    <t>-0.028839850603676</t>
  </si>
  <si>
    <t>22127</t>
  </si>
  <si>
    <t>7.982793807983398</t>
  </si>
  <si>
    <t>703.2443237304688</t>
  </si>
  <si>
    <t>-0.03127687825291048</t>
  </si>
  <si>
    <t>8.0506010055542</t>
  </si>
  <si>
    <t>655.2364501953125</t>
  </si>
  <si>
    <t>0.014224735599931648</t>
  </si>
  <si>
    <t>8.961477279663086</t>
  </si>
  <si>
    <t>668.005859375</t>
  </si>
  <si>
    <t>0.052466638898740925</t>
  </si>
  <si>
    <t>24456</t>
  </si>
  <si>
    <t>7.836261749267578</t>
  </si>
  <si>
    <t>714.9276123046875</t>
  </si>
  <si>
    <t>0.03338562780106713</t>
  </si>
  <si>
    <t>24664</t>
  </si>
  <si>
    <t>8.346392631530762</t>
  </si>
  <si>
    <t>848.8760375976562</t>
  </si>
  <si>
    <t>0.008469105995315473</t>
  </si>
  <si>
    <t>26061</t>
  </si>
  <si>
    <t>8.089553833007812</t>
  </si>
  <si>
    <t>495.3282470703125</t>
  </si>
  <si>
    <t>0.055095253362043906</t>
  </si>
  <si>
    <t>28008</t>
  </si>
  <si>
    <t>7.970945835113525</t>
  </si>
  <si>
    <t>644.1124877929688</t>
  </si>
  <si>
    <t>0.07205023970647062</t>
  </si>
  <si>
    <t>7.281854629516602</t>
  </si>
  <si>
    <t>667.1262817382812</t>
  </si>
  <si>
    <t>0.04171277161081299</t>
  </si>
  <si>
    <t>31074</t>
  </si>
  <si>
    <t>8.907483100891113</t>
  </si>
  <si>
    <t>669.1060180664062</t>
  </si>
  <si>
    <t>0.06216850140663155</t>
  </si>
  <si>
    <t>31852</t>
  </si>
  <si>
    <t>8.7609281539917</t>
  </si>
  <si>
    <t>756.067138671875</t>
  </si>
  <si>
    <t>0.02472871772538987</t>
  </si>
  <si>
    <t>29988</t>
  </si>
  <si>
    <t>8.219350814819336</t>
  </si>
  <si>
    <t>612.6920166015625</t>
  </si>
  <si>
    <t>-0.06030287275438262</t>
  </si>
  <si>
    <t>28746</t>
  </si>
  <si>
    <t>8.220978736877441</t>
  </si>
  <si>
    <t>715.5076904296875</t>
  </si>
  <si>
    <t>-0.04229867451177505</t>
  </si>
  <si>
    <t>29935</t>
  </si>
  <si>
    <t>7.414144992828369</t>
  </si>
  <si>
    <t>741.542724609375</t>
  </si>
  <si>
    <t>0.040529737248274245</t>
  </si>
  <si>
    <t>31627</t>
  </si>
  <si>
    <t>8.694487571716309</t>
  </si>
  <si>
    <t>652.4515991210938</t>
  </si>
  <si>
    <t>0.05498282177745395</t>
  </si>
  <si>
    <t>8.231634140014648</t>
  </si>
  <si>
    <t>641.064208984375</t>
  </si>
  <si>
    <t>-0.03769533336091335</t>
  </si>
  <si>
    <t>31521</t>
  </si>
  <si>
    <t>8.035904884338379</t>
  </si>
  <si>
    <t>670.3818969726562</t>
  </si>
  <si>
    <t>0.034338137580892436</t>
  </si>
  <si>
    <t>32646</t>
  </si>
  <si>
    <t>9.369915008544922</t>
  </si>
  <si>
    <t>668.2793579101562</t>
  </si>
  <si>
    <t>0.03506834635709488</t>
  </si>
  <si>
    <t>8.975308418273926</t>
  </si>
  <si>
    <t>551.01318359375</t>
  </si>
  <si>
    <t>0.03470887952064494</t>
  </si>
  <si>
    <t>34681</t>
  </si>
  <si>
    <t>8.326078414916992</t>
  </si>
  <si>
    <t>660.3427124023438</t>
  </si>
  <si>
    <t>0.02576077030756707</t>
  </si>
  <si>
    <t>35972</t>
  </si>
  <si>
    <t>9.101025581359863</t>
  </si>
  <si>
    <t>739.985595703125</t>
  </si>
  <si>
    <t>0.03654887149221331</t>
  </si>
  <si>
    <t>36440</t>
  </si>
  <si>
    <t>9.245955467224121</t>
  </si>
  <si>
    <t>541.2808227539062</t>
  </si>
  <si>
    <t>0.012926214339488595</t>
  </si>
  <si>
    <t>36474</t>
  </si>
  <si>
    <t>9.571599960327148</t>
  </si>
  <si>
    <t>553.0748291015625</t>
  </si>
  <si>
    <t>0.0009326056028839957</t>
  </si>
  <si>
    <t>34348</t>
  </si>
  <si>
    <t>9.1425199508667</t>
  </si>
  <si>
    <t>672.646240234375</t>
  </si>
  <si>
    <t>-0.06005588518440241</t>
  </si>
  <si>
    <t>36454</t>
  </si>
  <si>
    <t>8.31843376159668</t>
  </si>
  <si>
    <t>681.8237915039062</t>
  </si>
  <si>
    <t>0.05950739899250301</t>
  </si>
  <si>
    <t>9.512956619262695</t>
  </si>
  <si>
    <t>558.8862915039062</t>
  </si>
  <si>
    <t>0.006453046564448783</t>
  </si>
  <si>
    <t>490</t>
  </si>
  <si>
    <t>19172</t>
  </si>
  <si>
    <t>9.48650074005127</t>
  </si>
  <si>
    <t>475.3465881347656</t>
  </si>
  <si>
    <t>1068.162841796875</t>
  </si>
  <si>
    <t>Stredocesk kraj</t>
  </si>
  <si>
    <t>16991</t>
  </si>
  <si>
    <t>8.34993839263916</t>
  </si>
  <si>
    <t>456.9317932128906</t>
  </si>
  <si>
    <t>-0.12076708919376422</t>
  </si>
  <si>
    <t>16893</t>
  </si>
  <si>
    <t>9.532301902770996</t>
  </si>
  <si>
    <t>513.6334838867188</t>
  </si>
  <si>
    <t>-0.005784457163029444</t>
  </si>
  <si>
    <t>16891</t>
  </si>
  <si>
    <t>8.613430976867676</t>
  </si>
  <si>
    <t>603.1340942382812</t>
  </si>
  <si>
    <t>-0.00011839924238365995</t>
  </si>
  <si>
    <t>18218</t>
  </si>
  <si>
    <t>9.400224685668945</t>
  </si>
  <si>
    <t>595.5693359375</t>
  </si>
  <si>
    <t>0.07562918062441071</t>
  </si>
  <si>
    <t>8.522414207458496</t>
  </si>
  <si>
    <t>586.1009521484375</t>
  </si>
  <si>
    <t>0.10870325926967439</t>
  </si>
  <si>
    <t>7.100362777709961</t>
  </si>
  <si>
    <t>555.0343017578125</t>
  </si>
  <si>
    <t>0.038538739951128775</t>
  </si>
  <si>
    <t>21269</t>
  </si>
  <si>
    <t>9.042110443115234</t>
  </si>
  <si>
    <t>589.489501953125</t>
  </si>
  <si>
    <t>0.007598497988986708</t>
  </si>
  <si>
    <t>21933</t>
  </si>
  <si>
    <t>9.071246147155762</t>
  </si>
  <si>
    <t>584.0184936523438</t>
  </si>
  <si>
    <t>0.030741738446879552</t>
  </si>
  <si>
    <t>23015</t>
  </si>
  <si>
    <t>9.302804946899414</t>
  </si>
  <si>
    <t>517.6040649414062</t>
  </si>
  <si>
    <t>0.04815382528991741</t>
  </si>
  <si>
    <t>24216</t>
  </si>
  <si>
    <t>10.061917304992676</t>
  </si>
  <si>
    <t>538.1705932617188</t>
  </si>
  <si>
    <t>0.05086739445021138</t>
  </si>
  <si>
    <t>24637</t>
  </si>
  <si>
    <t>8.919227600097656</t>
  </si>
  <si>
    <t>633.2388916015625</t>
  </si>
  <si>
    <t>0.017235806286620914</t>
  </si>
  <si>
    <t>25196</t>
  </si>
  <si>
    <t>9.392223358154297</t>
  </si>
  <si>
    <t>715.1640625</t>
  </si>
  <si>
    <t>0.022435873753645197</t>
  </si>
  <si>
    <t>25713</t>
  </si>
  <si>
    <t>9.079771041870117</t>
  </si>
  <si>
    <t>391.24554443359375</t>
  </si>
  <si>
    <t>0.020311448825172107</t>
  </si>
  <si>
    <t>26984</t>
  </si>
  <si>
    <t>9.215398788452148</t>
  </si>
  <si>
    <t>534.7402954101562</t>
  </si>
  <si>
    <t>0.04824739717449411</t>
  </si>
  <si>
    <t>27991</t>
  </si>
  <si>
    <t>8.360559463500977</t>
  </si>
  <si>
    <t>533.631103515625</t>
  </si>
  <si>
    <t>0.03663893217519032</t>
  </si>
  <si>
    <t>30728</t>
  </si>
  <si>
    <t>10.10710620880127</t>
  </si>
  <si>
    <t>542.320068359375</t>
  </si>
  <si>
    <t>0.09329126110906394</t>
  </si>
  <si>
    <t>9.888860702514648</t>
  </si>
  <si>
    <t>635.6423950195312</t>
  </si>
  <si>
    <t>0.041311330646669475</t>
  </si>
  <si>
    <t>32415</t>
  </si>
  <si>
    <t>9.364892959594727</t>
  </si>
  <si>
    <t>520.5689086914062</t>
  </si>
  <si>
    <t>0.01213565693668528</t>
  </si>
  <si>
    <t>29779</t>
  </si>
  <si>
    <t>9.190924644470215</t>
  </si>
  <si>
    <t>606.05419921875</t>
  </si>
  <si>
    <t>-0.08481783151851552</t>
  </si>
  <si>
    <t>8.46500301361084</t>
  </si>
  <si>
    <t>707.3890380859375</t>
  </si>
  <si>
    <t>0.005224917268872531</t>
  </si>
  <si>
    <t>9.740674018859863</t>
  </si>
  <si>
    <t>554.3287353515625</t>
  </si>
  <si>
    <t>0.03256888967592353</t>
  </si>
  <si>
    <t>30704</t>
  </si>
  <si>
    <t>9.172403335571289</t>
  </si>
  <si>
    <t>578.2520141601562</t>
  </si>
  <si>
    <t>-0.007204314787895072</t>
  </si>
  <si>
    <t>30266</t>
  </si>
  <si>
    <t>9.02341365814209</t>
  </si>
  <si>
    <t>607.9560546875</t>
  </si>
  <si>
    <t>-0.014367969000508296</t>
  </si>
  <si>
    <t>31684</t>
  </si>
  <si>
    <t>10.52036190032959</t>
  </si>
  <si>
    <t>623.406494140625</t>
  </si>
  <si>
    <t>0.04578685133719773</t>
  </si>
  <si>
    <t>32779</t>
  </si>
  <si>
    <t>10.038880348205566</t>
  </si>
  <si>
    <t>460.5518798828125</t>
  </si>
  <si>
    <t>0.033976244841975145</t>
  </si>
  <si>
    <t>34403</t>
  </si>
  <si>
    <t>9.47779369354248</t>
  </si>
  <si>
    <t>549.3026123046875</t>
  </si>
  <si>
    <t>0.048355703435159825</t>
  </si>
  <si>
    <t>36415</t>
  </si>
  <si>
    <t>10.182506561279297</t>
  </si>
  <si>
    <t>631.736572265625</t>
  </si>
  <si>
    <t>0.0568370077907101</t>
  </si>
  <si>
    <t>35830</t>
  </si>
  <si>
    <t>10.364990234375</t>
  </si>
  <si>
    <t>434.37884521484375</t>
  </si>
  <si>
    <t>-0.016195246353015946</t>
  </si>
  <si>
    <t>38043</t>
  </si>
  <si>
    <t>10.712237358093262</t>
  </si>
  <si>
    <t>458.9588317871094</t>
  </si>
  <si>
    <t>0.05993156760401064</t>
  </si>
  <si>
    <t>34154</t>
  </si>
  <si>
    <t>10.259622573852539</t>
  </si>
  <si>
    <t>580.5774536132812</t>
  </si>
  <si>
    <t>-0.10783738945582577</t>
  </si>
  <si>
    <t>35714</t>
  </si>
  <si>
    <t>9.417582511901855</t>
  </si>
  <si>
    <t>600.8413696289062</t>
  </si>
  <si>
    <t>0.04466305930988668</t>
  </si>
  <si>
    <t>35945</t>
  </si>
  <si>
    <t>10.551438331604004</t>
  </si>
  <si>
    <t>494.9122009277344</t>
  </si>
  <si>
    <t>0.0064472236609010025</t>
  </si>
  <si>
    <t>491</t>
  </si>
  <si>
    <t>21870</t>
  </si>
  <si>
    <t>9.211785316467285</t>
  </si>
  <si>
    <t>625.9231567382812</t>
  </si>
  <si>
    <t>335.1165771484375</t>
  </si>
  <si>
    <t>Zlnsk kraj</t>
  </si>
  <si>
    <t>19383</t>
  </si>
  <si>
    <t>8.124197959899902</t>
  </si>
  <si>
    <t>682.9880981445312</t>
  </si>
  <si>
    <t>-0.12071944144453894</t>
  </si>
  <si>
    <t>19271</t>
  </si>
  <si>
    <t>9.165061950683594</t>
  </si>
  <si>
    <t>609.9512939453125</t>
  </si>
  <si>
    <t>-0.005795018028354804</t>
  </si>
  <si>
    <t>19268</t>
  </si>
  <si>
    <t>8.581588745117188</t>
  </si>
  <si>
    <t>605.0587768554688</t>
  </si>
  <si>
    <t>-0.00015568644780827867</t>
  </si>
  <si>
    <t>19249</t>
  </si>
  <si>
    <t>9.327300071716309</t>
  </si>
  <si>
    <t>637.8442993164062</t>
  </si>
  <si>
    <t>-0.0009865774354764767</t>
  </si>
  <si>
    <t>8.360564231872559</t>
  </si>
  <si>
    <t>767.3638305664062</t>
  </si>
  <si>
    <t>0.033260620397948415</t>
  </si>
  <si>
    <t>7.193687915802002</t>
  </si>
  <si>
    <t>737.0814819335938</t>
  </si>
  <si>
    <t>0.030241595869320292</t>
  </si>
  <si>
    <t>8.71896743774414</t>
  </si>
  <si>
    <t>673.8366088867188</t>
  </si>
  <si>
    <t>0.036289285932641135</t>
  </si>
  <si>
    <t>8.769105911254883</t>
  </si>
  <si>
    <t>670.620361328125</t>
  </si>
  <si>
    <t>-0.03322247082357066</t>
  </si>
  <si>
    <t>20352</t>
  </si>
  <si>
    <t>8.982182502746582</t>
  </si>
  <si>
    <t>723.6446533203125</t>
  </si>
  <si>
    <t>-0.010848955551125528</t>
  </si>
  <si>
    <t>10.073570251464844</t>
  </si>
  <si>
    <t>586.085205078125</t>
  </si>
  <si>
    <t>0.04143501413250128</t>
  </si>
  <si>
    <t>8.702475547790527</t>
  </si>
  <si>
    <t>596.3265991210938</t>
  </si>
  <si>
    <t>0.03278526078960198</t>
  </si>
  <si>
    <t>22002</t>
  </si>
  <si>
    <t>9.348674774169922</t>
  </si>
  <si>
    <t>758.5241088867188</t>
  </si>
  <si>
    <t>0.003733896237427814</t>
  </si>
  <si>
    <t>22586</t>
  </si>
  <si>
    <t>8.852300643920898</t>
  </si>
  <si>
    <t>508.5457763671875</t>
  </si>
  <si>
    <t>0.026196886984235945</t>
  </si>
  <si>
    <t>8.982531547546387</t>
  </si>
  <si>
    <t>632.0081787109375</t>
  </si>
  <si>
    <t>0.020595793955687114</t>
  </si>
  <si>
    <t>24708</t>
  </si>
  <si>
    <t>7.998500347137451</t>
  </si>
  <si>
    <t>716.0571899414062</t>
  </si>
  <si>
    <t>0.06920103857648563</t>
  </si>
  <si>
    <t>9.719491004943848</t>
  </si>
  <si>
    <t>638.8352661132812</t>
  </si>
  <si>
    <t>0.07322006912264989</t>
  </si>
  <si>
    <t>27892</t>
  </si>
  <si>
    <t>9.640307426452637</t>
  </si>
  <si>
    <t>700.1466674804688</t>
  </si>
  <si>
    <t>0.047992762402461864</t>
  </si>
  <si>
    <t>9.465655326843262</t>
  </si>
  <si>
    <t>679.5501098632812</t>
  </si>
  <si>
    <t>0.06663817248947446</t>
  </si>
  <si>
    <t>9.235424995422363</t>
  </si>
  <si>
    <t>782.6890258789062</t>
  </si>
  <si>
    <t>-0.04248086840527243</t>
  </si>
  <si>
    <t>28272</t>
  </si>
  <si>
    <t>8.63232135772705</t>
  </si>
  <si>
    <t>868.0807495117188</t>
  </si>
  <si>
    <t>-0.010625297865624717</t>
  </si>
  <si>
    <t>27881</t>
  </si>
  <si>
    <t>9.498290061950684</t>
  </si>
  <si>
    <t>553.4596557617188</t>
  </si>
  <si>
    <t>-0.01392646232252126</t>
  </si>
  <si>
    <t>28054</t>
  </si>
  <si>
    <t>9.277055740356445</t>
  </si>
  <si>
    <t>636.429443359375</t>
  </si>
  <si>
    <t>0.006185771042659383</t>
  </si>
  <si>
    <t>9.236262321472168</t>
  </si>
  <si>
    <t>666.9537353515625</t>
  </si>
  <si>
    <t>0.004800606627151538</t>
  </si>
  <si>
    <t>28258</t>
  </si>
  <si>
    <t>10.382391929626465</t>
  </si>
  <si>
    <t>757.021240234375</t>
  </si>
  <si>
    <t>0.0024447724189862186</t>
  </si>
  <si>
    <t>29206</t>
  </si>
  <si>
    <t>9.982217788696289</t>
  </si>
  <si>
    <t>529.9972534179688</t>
  </si>
  <si>
    <t>0.032997564274662494</t>
  </si>
  <si>
    <t>9.424233436584473</t>
  </si>
  <si>
    <t>757.5965576171875</t>
  </si>
  <si>
    <t>0.02030199705361113</t>
  </si>
  <si>
    <t>30825</t>
  </si>
  <si>
    <t>10.19442081451416</t>
  </si>
  <si>
    <t>704.3718872070312</t>
  </si>
  <si>
    <t>0.03364988437851757</t>
  </si>
  <si>
    <t>33794</t>
  </si>
  <si>
    <t>10.207077980041504</t>
  </si>
  <si>
    <t>605.1538696289062</t>
  </si>
  <si>
    <t>0.09195722288805008</t>
  </si>
  <si>
    <t>35102</t>
  </si>
  <si>
    <t>10.728313446044922</t>
  </si>
  <si>
    <t>635.2794189453125</t>
  </si>
  <si>
    <t>0.03797483696703985</t>
  </si>
  <si>
    <t>32990</t>
  </si>
  <si>
    <t>10.173849105834961</t>
  </si>
  <si>
    <t>767.4228515625</t>
  </si>
  <si>
    <t>-0.06205362366500822</t>
  </si>
  <si>
    <t>34974</t>
  </si>
  <si>
    <t>9.26098346710205</t>
  </si>
  <si>
    <t>649.7249145507812</t>
  </si>
  <si>
    <t>0.05840044305097791</t>
  </si>
  <si>
    <t>35200</t>
  </si>
  <si>
    <t>10.427475929260254</t>
  </si>
  <si>
    <t>621.3679809570312</t>
  </si>
  <si>
    <t>0.006441154312582853</t>
  </si>
  <si>
    <t>21727</t>
  </si>
  <si>
    <t>8.931936264038086</t>
  </si>
  <si>
    <t>526.1295166015625</t>
  </si>
  <si>
    <t>531.3743286132812</t>
  </si>
  <si>
    <t>⁄steck˝ kraj</t>
  </si>
  <si>
    <t>19256</t>
  </si>
  <si>
    <t>7.775020122528076</t>
  </si>
  <si>
    <t>496.1214294433594</t>
  </si>
  <si>
    <t>-0.12073302627233318</t>
  </si>
  <si>
    <t>9.012990951538086</t>
  </si>
  <si>
    <t>576.3217163085938</t>
  </si>
  <si>
    <t>-0.005833349874697191</t>
  </si>
  <si>
    <t>19142</t>
  </si>
  <si>
    <t>8.072563171386719</t>
  </si>
  <si>
    <t>677.7792358398438</t>
  </si>
  <si>
    <t>-0.000104476832358813</t>
  </si>
  <si>
    <t>20243</t>
  </si>
  <si>
    <t>8.882058143615723</t>
  </si>
  <si>
    <t>660.5986938476562</t>
  </si>
  <si>
    <t>0.05592418100572516</t>
  </si>
  <si>
    <t>8.028536796569824</t>
  </si>
  <si>
    <t>651.6826171875</t>
  </si>
  <si>
    <t>0.09034441887370015</t>
  </si>
  <si>
    <t>22701</t>
  </si>
  <si>
    <t>6.591897487640381</t>
  </si>
  <si>
    <t>583.5869750976562</t>
  </si>
  <si>
    <t>0.024255502727354994</t>
  </si>
  <si>
    <t>21659</t>
  </si>
  <si>
    <t>8.616570472717285</t>
  </si>
  <si>
    <t>642.37255859375</t>
  </si>
  <si>
    <t>-0.0469879039251353</t>
  </si>
  <si>
    <t>8.574843406677246</t>
  </si>
  <si>
    <t>662.455810546875</t>
  </si>
  <si>
    <t>-0.023450252454178866</t>
  </si>
  <si>
    <t>20923</t>
  </si>
  <si>
    <t>8.787814140319824</t>
  </si>
  <si>
    <t>595.055419921875</t>
  </si>
  <si>
    <t>-0.011121787644066572</t>
  </si>
  <si>
    <t>21025</t>
  </si>
  <si>
    <t>9.488139152526855</t>
  </si>
  <si>
    <t>582.4588623046875</t>
  </si>
  <si>
    <t>0.0048631735018975775</t>
  </si>
  <si>
    <t>21195</t>
  </si>
  <si>
    <t>8.39139461517334</t>
  </si>
  <si>
    <t>697.1224365234375</t>
  </si>
  <si>
    <t>0.00805309894558981</t>
  </si>
  <si>
    <t>21647</t>
  </si>
  <si>
    <t>8.804427146911621</t>
  </si>
  <si>
    <t>791.9361572265625</t>
  </si>
  <si>
    <t>0.021101571913117567</t>
  </si>
  <si>
    <t>23107</t>
  </si>
  <si>
    <t>8.651228904724121</t>
  </si>
  <si>
    <t>455.9476623535156</t>
  </si>
  <si>
    <t>0.06526872520865012</t>
  </si>
  <si>
    <t>23909</t>
  </si>
  <si>
    <t>8.591357231140137</t>
  </si>
  <si>
    <t>633.8599853515625</t>
  </si>
  <si>
    <t>0.0341193551644281</t>
  </si>
  <si>
    <t>7.915562152862549</t>
  </si>
  <si>
    <t>604.85595703125</t>
  </si>
  <si>
    <t>0.05365989242807423</t>
  </si>
  <si>
    <t>26758</t>
  </si>
  <si>
    <t>9.537930488586426</t>
  </si>
  <si>
    <t>615.176025390625</t>
  </si>
  <si>
    <t>0.058918644532555575</t>
  </si>
  <si>
    <t>27720</t>
  </si>
  <si>
    <t>9.342659950256348</t>
  </si>
  <si>
    <t>728.061767578125</t>
  </si>
  <si>
    <t>0.03532068027027613</t>
  </si>
  <si>
    <t>8.729451179504395</t>
  </si>
  <si>
    <t>579.83349609375</t>
  </si>
  <si>
    <t>0.012939016737409048</t>
  </si>
  <si>
    <t>27885</t>
  </si>
  <si>
    <t>8.659157752990723</t>
  </si>
  <si>
    <t>711.7260131835938</t>
  </si>
  <si>
    <t>-0.007004281217595221</t>
  </si>
  <si>
    <t>7.889085292816162</t>
  </si>
  <si>
    <t>816.9783325195312</t>
  </si>
  <si>
    <t>-0.011723463696059255</t>
  </si>
  <si>
    <t>28952</t>
  </si>
  <si>
    <t>9.291570663452148</t>
  </si>
  <si>
    <t>622.0781860351562</t>
  </si>
  <si>
    <t>0.04927384011598335</t>
  </si>
  <si>
    <t>28499</t>
  </si>
  <si>
    <t>8.634599685668945</t>
  </si>
  <si>
    <t>637.7083740234375</t>
  </si>
  <si>
    <t>-0.01577028732172181</t>
  </si>
  <si>
    <t>8.448866844177246</t>
  </si>
  <si>
    <t>678.5448608398438</t>
  </si>
  <si>
    <t>0.00671448579641698</t>
  </si>
  <si>
    <t>30725</t>
  </si>
  <si>
    <t>9.932080268859863</t>
  </si>
  <si>
    <t>670.4856567382812</t>
  </si>
  <si>
    <t>0.06849317071596239</t>
  </si>
  <si>
    <t>31268</t>
  </si>
  <si>
    <t>9.48137378692627</t>
  </si>
  <si>
    <t>547.5471801757812</t>
  </si>
  <si>
    <t>0.017518554905985084</t>
  </si>
  <si>
    <t>31897</t>
  </si>
  <si>
    <t>8.882461547851562</t>
  </si>
  <si>
    <t>598.0308837890625</t>
  </si>
  <si>
    <t>0.019916751123163934</t>
  </si>
  <si>
    <t>33318</t>
  </si>
  <si>
    <t>9.618874549865723</t>
  </si>
  <si>
    <t>699.846435546875</t>
  </si>
  <si>
    <t>0.04358583000627725</t>
  </si>
  <si>
    <t>28297</t>
  </si>
  <si>
    <t>9.815089225769043</t>
  </si>
  <si>
    <t>470.94342041015625</t>
  </si>
  <si>
    <t>-0.1633419995246168</t>
  </si>
  <si>
    <t>10.103500366210938</t>
  </si>
  <si>
    <t>494.8033142089844</t>
  </si>
  <si>
    <t>0.04539012195451697</t>
  </si>
  <si>
    <t>27556</t>
  </si>
  <si>
    <t>9.698360443115234</t>
  </si>
  <si>
    <t>630.8728637695312</t>
  </si>
  <si>
    <t>-0.07192561618647453</t>
  </si>
  <si>
    <t>28497</t>
  </si>
  <si>
    <t>8.840322494506836</t>
  </si>
  <si>
    <t>673.7835083007812</t>
  </si>
  <si>
    <t>0.03357852084520552</t>
  </si>
  <si>
    <t>28681</t>
  </si>
  <si>
    <t>10.03881549835205</t>
  </si>
  <si>
    <t>535.9060668945312</t>
  </si>
  <si>
    <t>0.006436064050893364</t>
  </si>
  <si>
    <t>497</t>
  </si>
  <si>
    <t>DEU</t>
  </si>
  <si>
    <t>725.800048828125</t>
  </si>
  <si>
    <t>243.07342529296875</t>
  </si>
  <si>
    <t>Altenkirchen (Westerwald)</t>
  </si>
  <si>
    <t>Germany</t>
  </si>
  <si>
    <t>27437</t>
  </si>
  <si>
    <t>576.8999633789062</t>
  </si>
  <si>
    <t>0.04232352825100172</t>
  </si>
  <si>
    <t>27747</t>
  </si>
  <si>
    <t>853.7001342773438</t>
  </si>
  <si>
    <t>0.011235258805513126</t>
  </si>
  <si>
    <t>27289</t>
  </si>
  <si>
    <t>8.991666793823242</t>
  </si>
  <si>
    <t>816.9000244140625</t>
  </si>
  <si>
    <t>-0.016644035650516642</t>
  </si>
  <si>
    <t>27839</t>
  </si>
  <si>
    <t>827.199951171875</t>
  </si>
  <si>
    <t>0.01995422469114949</t>
  </si>
  <si>
    <t>28180</t>
  </si>
  <si>
    <t>9.34999942779541</t>
  </si>
  <si>
    <t>737.300048828125</t>
  </si>
  <si>
    <t>0.012174591189667794</t>
  </si>
  <si>
    <t>28326</t>
  </si>
  <si>
    <t>591.4999389648438</t>
  </si>
  <si>
    <t>0.005167604321670183</t>
  </si>
  <si>
    <t>28793</t>
  </si>
  <si>
    <t>710.5</t>
  </si>
  <si>
    <t>0.01635219125135201</t>
  </si>
  <si>
    <t>29370</t>
  </si>
  <si>
    <t>9.566666603088379</t>
  </si>
  <si>
    <t>955.4000854492188</t>
  </si>
  <si>
    <t>0.019841443166972894</t>
  </si>
  <si>
    <t>803.6000366210938</t>
  </si>
  <si>
    <t>0.01808538395112258</t>
  </si>
  <si>
    <t>30736</t>
  </si>
  <si>
    <t>898.0</t>
  </si>
  <si>
    <t>0.027375476864548887</t>
  </si>
  <si>
    <t>30299</t>
  </si>
  <si>
    <t>9.458333015441895</t>
  </si>
  <si>
    <t>-0.014319897355827393</t>
  </si>
  <si>
    <t>29570</t>
  </si>
  <si>
    <t>961.5</t>
  </si>
  <si>
    <t>-0.02435437480598779</t>
  </si>
  <si>
    <t>28909</t>
  </si>
  <si>
    <t>633.800048828125</t>
  </si>
  <si>
    <t>-0.02260736854161216</t>
  </si>
  <si>
    <t>29761</t>
  </si>
  <si>
    <t>9.483333587646484</t>
  </si>
  <si>
    <t>718.7000122070312</t>
  </si>
  <si>
    <t>0.029045846228115124</t>
  </si>
  <si>
    <t>30381</t>
  </si>
  <si>
    <t>688.9000244140625</t>
  </si>
  <si>
    <t>0.020618601467369047</t>
  </si>
  <si>
    <t>31594</t>
  </si>
  <si>
    <t>784.0</t>
  </si>
  <si>
    <t>0.03914981612864743</t>
  </si>
  <si>
    <t>32186</t>
  </si>
  <si>
    <t>902.199951171875</t>
  </si>
  <si>
    <t>0.01856434624939851</t>
  </si>
  <si>
    <t>33530</t>
  </si>
  <si>
    <t>756.300048828125</t>
  </si>
  <si>
    <t>0.04090898508183294</t>
  </si>
  <si>
    <t>777.0</t>
  </si>
  <si>
    <t>-0.08492587049860667</t>
  </si>
  <si>
    <t>32665</t>
  </si>
  <si>
    <t>833.3999633789062</t>
  </si>
  <si>
    <t>0.05878947831318371</t>
  </si>
  <si>
    <t>34431</t>
  </si>
  <si>
    <t>10.399999618530273</t>
  </si>
  <si>
    <t>738.1000366210938</t>
  </si>
  <si>
    <t>0.05265315307392804</t>
  </si>
  <si>
    <t>33714</t>
  </si>
  <si>
    <t>713.2000122070312</t>
  </si>
  <si>
    <t>-0.021044140008525503</t>
  </si>
  <si>
    <t>34098</t>
  </si>
  <si>
    <t>724.0999145507812</t>
  </si>
  <si>
    <t>0.011325550184922761</t>
  </si>
  <si>
    <t>34633</t>
  </si>
  <si>
    <t>802.4000244140625</t>
  </si>
  <si>
    <t>0.01556825320863986</t>
  </si>
  <si>
    <t>10.316667556762695</t>
  </si>
  <si>
    <t>715.9999389648438</t>
  </si>
  <si>
    <t>0.015585475196708387</t>
  </si>
  <si>
    <t>35725</t>
  </si>
  <si>
    <t>747.5</t>
  </si>
  <si>
    <t>0.015458263867543565</t>
  </si>
  <si>
    <t>36248</t>
  </si>
  <si>
    <t>887.60009765625</t>
  </si>
  <si>
    <t>0.014533483548905934</t>
  </si>
  <si>
    <t>36672</t>
  </si>
  <si>
    <t>10.6083345413208</t>
  </si>
  <si>
    <t>607.7000732421875</t>
  </si>
  <si>
    <t>0.011629313727437918</t>
  </si>
  <si>
    <t>36623</t>
  </si>
  <si>
    <t>10.824999809265137</t>
  </si>
  <si>
    <t>699.9000244140625</t>
  </si>
  <si>
    <t>-0.0013370627546205327</t>
  </si>
  <si>
    <t>34944</t>
  </si>
  <si>
    <t>736.0999755859375</t>
  </si>
  <si>
    <t>-0.04692967821521421</t>
  </si>
  <si>
    <t>36011</t>
  </si>
  <si>
    <t>756.2999877929688</t>
  </si>
  <si>
    <t>0.030077667216634296</t>
  </si>
  <si>
    <t>36375</t>
  </si>
  <si>
    <t>699.7000122070312</t>
  </si>
  <si>
    <t>0.010057278152583393</t>
  </si>
  <si>
    <t>498</t>
  </si>
  <si>
    <t>20293</t>
  </si>
  <si>
    <t>621.2000122070312</t>
  </si>
  <si>
    <t>47.07150650024414</t>
  </si>
  <si>
    <t>Altmarkkreis Salzwedel</t>
  </si>
  <si>
    <t>21170</t>
  </si>
  <si>
    <t>523.4999389648438</t>
  </si>
  <si>
    <t>0.042309086151941955</t>
  </si>
  <si>
    <t>21409</t>
  </si>
  <si>
    <t>607.9000854492188</t>
  </si>
  <si>
    <t>0.011226309217811092</t>
  </si>
  <si>
    <t>21056</t>
  </si>
  <si>
    <t>679.6000366210938</t>
  </si>
  <si>
    <t>-0.016625839221678262</t>
  </si>
  <si>
    <t>21480</t>
  </si>
  <si>
    <t>691.2000122070312</t>
  </si>
  <si>
    <t>0.019936714497758246</t>
  </si>
  <si>
    <t>21743</t>
  </si>
  <si>
    <t>8.975000381469727</t>
  </si>
  <si>
    <t>529.1000366210938</t>
  </si>
  <si>
    <t>0.012169597012256617</t>
  </si>
  <si>
    <t>21856</t>
  </si>
  <si>
    <t>7.566667556762695</t>
  </si>
  <si>
    <t>444.9999694824219</t>
  </si>
  <si>
    <t>0.005183616735457974</t>
  </si>
  <si>
    <t>22216</t>
  </si>
  <si>
    <t>9.758334159851074</t>
  </si>
  <si>
    <t>609.2000122070312</t>
  </si>
  <si>
    <t>0.01633726661611945</t>
  </si>
  <si>
    <t>22661</t>
  </si>
  <si>
    <t>9.650001525878906</t>
  </si>
  <si>
    <t>698.4000244140625</t>
  </si>
  <si>
    <t>0.01983263524828871</t>
  </si>
  <si>
    <t>23075</t>
  </si>
  <si>
    <t>10.058333396911621</t>
  </si>
  <si>
    <t>546.2000732421875</t>
  </si>
  <si>
    <t>0.01810439513612927</t>
  </si>
  <si>
    <t>23715</t>
  </si>
  <si>
    <t>10.583332061767578</t>
  </si>
  <si>
    <t>0.027357978940628414</t>
  </si>
  <si>
    <t>24235</t>
  </si>
  <si>
    <t>9.525001525878906</t>
  </si>
  <si>
    <t>642.0</t>
  </si>
  <si>
    <t>0.021690109967794413</t>
  </si>
  <si>
    <t>764.0000610351562</t>
  </si>
  <si>
    <t>0.04027552792490319</t>
  </si>
  <si>
    <t>26387</t>
  </si>
  <si>
    <t>9.633332252502441</t>
  </si>
  <si>
    <t>475.89996337890625</t>
  </si>
  <si>
    <t>0.04479806740697079</t>
  </si>
  <si>
    <t>26693</t>
  </si>
  <si>
    <t>591.7000122070312</t>
  </si>
  <si>
    <t>0.011529894119185258</t>
  </si>
  <si>
    <t>26677</t>
  </si>
  <si>
    <t>526.1000366210938</t>
  </si>
  <si>
    <t>-0.0005995878013624889</t>
  </si>
  <si>
    <t>27919</t>
  </si>
  <si>
    <t>595.7000122070312</t>
  </si>
  <si>
    <t>0.04550568968679336</t>
  </si>
  <si>
    <t>31213</t>
  </si>
  <si>
    <t>757.9999389648438</t>
  </si>
  <si>
    <t>0.11152721406682353</t>
  </si>
  <si>
    <t>28068</t>
  </si>
  <si>
    <t>9.949999809265137</t>
  </si>
  <si>
    <t>551.2000732421875</t>
  </si>
  <si>
    <t>-0.10620453731061019</t>
  </si>
  <si>
    <t>27232</t>
  </si>
  <si>
    <t>9.591667175292969</t>
  </si>
  <si>
    <t>585.5</t>
  </si>
  <si>
    <t>-0.030237384999079353</t>
  </si>
  <si>
    <t>28544</t>
  </si>
  <si>
    <t>8.924999237060547</t>
  </si>
  <si>
    <t>639.0999755859375</t>
  </si>
  <si>
    <t>0.04705400400663606</t>
  </si>
  <si>
    <t>31204</t>
  </si>
  <si>
    <t>639.5</t>
  </si>
  <si>
    <t>0.08909953532846693</t>
  </si>
  <si>
    <t>32826</t>
  </si>
  <si>
    <t>0.050674592583677125</t>
  </si>
  <si>
    <t>9.6083345413208</t>
  </si>
  <si>
    <t>557.5</t>
  </si>
  <si>
    <t>0.009701161391609148</t>
  </si>
  <si>
    <t>612.7000122070312</t>
  </si>
  <si>
    <t>-0.0008752999970287334</t>
  </si>
  <si>
    <t>31888</t>
  </si>
  <si>
    <t>573.7000732421875</t>
  </si>
  <si>
    <t>-0.037816982233884744</t>
  </si>
  <si>
    <t>32534</t>
  </si>
  <si>
    <t>524.6000366210938</t>
  </si>
  <si>
    <t>0.020055932873821902</t>
  </si>
  <si>
    <t>33125</t>
  </si>
  <si>
    <t>10.691668510437012</t>
  </si>
  <si>
    <t>774.2000122070312</t>
  </si>
  <si>
    <t>0.018002587962124394</t>
  </si>
  <si>
    <t>32144</t>
  </si>
  <si>
    <t>10.866665840148926</t>
  </si>
  <si>
    <t>420.6000061035156</t>
  </si>
  <si>
    <t>-0.03006247623380709</t>
  </si>
  <si>
    <t>11.416665077209473</t>
  </si>
  <si>
    <t>551.5000610351562</t>
  </si>
  <si>
    <t>0.023429203891879524</t>
  </si>
  <si>
    <t>32896</t>
  </si>
  <si>
    <t>555.7000122070312</t>
  </si>
  <si>
    <t>-0.0003039421317581059</t>
  </si>
  <si>
    <t>33901</t>
  </si>
  <si>
    <t>600.0999755859375</t>
  </si>
  <si>
    <t>0.030093442643705615</t>
  </si>
  <si>
    <t>34244</t>
  </si>
  <si>
    <t>522.6000366210938</t>
  </si>
  <si>
    <t>0.010066854403833148</t>
  </si>
  <si>
    <t>48701</t>
  </si>
  <si>
    <t>9.749999046325684</t>
  </si>
  <si>
    <t>1048.9000244140625</t>
  </si>
  <si>
    <t>129.83499145507812</t>
  </si>
  <si>
    <t>AltÔøΩtting</t>
  </si>
  <si>
    <t>50805</t>
  </si>
  <si>
    <t>892.5</t>
  </si>
  <si>
    <t>0.04229521117921564</t>
  </si>
  <si>
    <t>51379</t>
  </si>
  <si>
    <t>1031.0</t>
  </si>
  <si>
    <t>0.01123475372848759</t>
  </si>
  <si>
    <t>50532</t>
  </si>
  <si>
    <t>9.216666221618652</t>
  </si>
  <si>
    <t>1050.199951171875</t>
  </si>
  <si>
    <t>-0.016622729698541505</t>
  </si>
  <si>
    <t>51551</t>
  </si>
  <si>
    <t>10.216668128967285</t>
  </si>
  <si>
    <t>967.0</t>
  </si>
  <si>
    <t>0.019964809949120976</t>
  </si>
  <si>
    <t>52182</t>
  </si>
  <si>
    <t>9.199999809265137</t>
  </si>
  <si>
    <t>0.012165998918771237</t>
  </si>
  <si>
    <t>52452</t>
  </si>
  <si>
    <t>1035.9000244140625</t>
  </si>
  <si>
    <t>0.005160857833494958</t>
  </si>
  <si>
    <t>53316</t>
  </si>
  <si>
    <t>9.583333015441895</t>
  </si>
  <si>
    <t>1018.5</t>
  </si>
  <si>
    <t>0.016338008072592558</t>
  </si>
  <si>
    <t>54384</t>
  </si>
  <si>
    <t>9.441666603088379</t>
  </si>
  <si>
    <t>1031.2999267578125</t>
  </si>
  <si>
    <t>0.01983351921198917</t>
  </si>
  <si>
    <t>55377</t>
  </si>
  <si>
    <t>9.208333015441895</t>
  </si>
  <si>
    <t>1092.800048828125</t>
  </si>
  <si>
    <t>0.01809435214081212</t>
  </si>
  <si>
    <t>56915</t>
  </si>
  <si>
    <t>1073.300048828125</t>
  </si>
  <si>
    <t>0.02739458168260711</t>
  </si>
  <si>
    <t>56475</t>
  </si>
  <si>
    <t>1062.300048828125</t>
  </si>
  <si>
    <t>-0.007760864423111968</t>
  </si>
  <si>
    <t>55083</t>
  </si>
  <si>
    <t>1200.7999267578125</t>
  </si>
  <si>
    <t>-0.024956923745907744</t>
  </si>
  <si>
    <t>53039</t>
  </si>
  <si>
    <t>9.550000190734863</t>
  </si>
  <si>
    <t>857.5000610351562</t>
  </si>
  <si>
    <t>-0.03781364660360964</t>
  </si>
  <si>
    <t>53319</t>
  </si>
  <si>
    <t>945.3999633789062</t>
  </si>
  <si>
    <t>0.005265248441414627</t>
  </si>
  <si>
    <t>55674</t>
  </si>
  <si>
    <t>8.566667556762695</t>
  </si>
  <si>
    <t>1033.60009765625</t>
  </si>
  <si>
    <t>0.04322051115313208</t>
  </si>
  <si>
    <t>60730</t>
  </si>
  <si>
    <t>10.208333015441895</t>
  </si>
  <si>
    <t>1010.7000732421875</t>
  </si>
  <si>
    <t>0.08692455831038792</t>
  </si>
  <si>
    <t>63626</t>
  </si>
  <si>
    <t>9.90000057220459</t>
  </si>
  <si>
    <t>0.04658438193002823</t>
  </si>
  <si>
    <t>66859</t>
  </si>
  <si>
    <t>9.483332633972168</t>
  </si>
  <si>
    <t>982.800048828125</t>
  </si>
  <si>
    <t>0.049563732414803496</t>
  </si>
  <si>
    <t>60307</t>
  </si>
  <si>
    <t>9.691667556762695</t>
  </si>
  <si>
    <t>1077.400146484375</t>
  </si>
  <si>
    <t>-0.10313774102317375</t>
  </si>
  <si>
    <t>69854</t>
  </si>
  <si>
    <t>8.891666412353516</t>
  </si>
  <si>
    <t>1080.5999755859375</t>
  </si>
  <si>
    <t>0.14695916640129525</t>
  </si>
  <si>
    <t>71534</t>
  </si>
  <si>
    <t>1012.7000732421875</t>
  </si>
  <si>
    <t>0.023765511517114035</t>
  </si>
  <si>
    <t>67294</t>
  </si>
  <si>
    <t>9.65000057220459</t>
  </si>
  <si>
    <t>-0.06110178151930157</t>
  </si>
  <si>
    <t>63142</t>
  </si>
  <si>
    <t>9.416666984558105</t>
  </si>
  <si>
    <t>1025.60009765625</t>
  </si>
  <si>
    <t>-0.06368492136063608</t>
  </si>
  <si>
    <t>65297</t>
  </si>
  <si>
    <t>10.65000057220459</t>
  </si>
  <si>
    <t>1034.9000244140625</t>
  </si>
  <si>
    <t>0.033559935150369924</t>
  </si>
  <si>
    <t>66668</t>
  </si>
  <si>
    <t>10.516666412353516</t>
  </si>
  <si>
    <t>972.5000610351562</t>
  </si>
  <si>
    <t>0.02077898425994462</t>
  </si>
  <si>
    <t>65894</t>
  </si>
  <si>
    <t>1164.1998291015625</t>
  </si>
  <si>
    <t>-0.0116776873574711</t>
  </si>
  <si>
    <t>67522</t>
  </si>
  <si>
    <t>10.625000953674316</t>
  </si>
  <si>
    <t>1259.0</t>
  </si>
  <si>
    <t>0.024406080379636208</t>
  </si>
  <si>
    <t>66617</t>
  </si>
  <si>
    <t>10.591665267944336</t>
  </si>
  <si>
    <t>935.3999633789062</t>
  </si>
  <si>
    <t>-0.013493670472575658</t>
  </si>
  <si>
    <t>64036</t>
  </si>
  <si>
    <t>10.891666412353516</t>
  </si>
  <si>
    <t>936.9000854492188</t>
  </si>
  <si>
    <t>-0.03951437501367039</t>
  </si>
  <si>
    <t>62837</t>
  </si>
  <si>
    <t>1139.1998291015625</t>
  </si>
  <si>
    <t>-0.01890135326083886</t>
  </si>
  <si>
    <t>64756</t>
  </si>
  <si>
    <t>1034.800048828125</t>
  </si>
  <si>
    <t>0.03008228842424998</t>
  </si>
  <si>
    <t>65411</t>
  </si>
  <si>
    <t>909.10009765625</t>
  </si>
  <si>
    <t>0.010064079659233727</t>
  </si>
  <si>
    <t>500</t>
  </si>
  <si>
    <t>23383</t>
  </si>
  <si>
    <t>606.2000122070312</t>
  </si>
  <si>
    <t>487.404296875</t>
  </si>
  <si>
    <t>Alzey-Worms</t>
  </si>
  <si>
    <t>24393</t>
  </si>
  <si>
    <t>9.841667175292969</t>
  </si>
  <si>
    <t>427.4000244140625</t>
  </si>
  <si>
    <t>0.042286943282553224</t>
  </si>
  <si>
    <t>24669</t>
  </si>
  <si>
    <t>632.7999877929688</t>
  </si>
  <si>
    <t>0.011251188763058195</t>
  </si>
  <si>
    <t>24262</t>
  </si>
  <si>
    <t>636.5</t>
  </si>
  <si>
    <t>-0.016636054308140302</t>
  </si>
  <si>
    <t>24751</t>
  </si>
  <si>
    <t>631.7999877929688</t>
  </si>
  <si>
    <t>0.01995455189015516</t>
  </si>
  <si>
    <t>25054</t>
  </si>
  <si>
    <t>560.2000122070312</t>
  </si>
  <si>
    <t>0.012167603183117492</t>
  </si>
  <si>
    <t>484.29998779296875</t>
  </si>
  <si>
    <t>0.005175376812992738</t>
  </si>
  <si>
    <t>25599</t>
  </si>
  <si>
    <t>11.049999237060547</t>
  </si>
  <si>
    <t>620.5</t>
  </si>
  <si>
    <t>0.01634441598756453</t>
  </si>
  <si>
    <t>26112</t>
  </si>
  <si>
    <t>10.674999237060547</t>
  </si>
  <si>
    <t>641.2000732421875</t>
  </si>
  <si>
    <t>0.019841690559138314</t>
  </si>
  <si>
    <t>26588</t>
  </si>
  <si>
    <t>626.0000610351562</t>
  </si>
  <si>
    <t>0.018065007397639832</t>
  </si>
  <si>
    <t>27327</t>
  </si>
  <si>
    <t>11.333333015441895</t>
  </si>
  <si>
    <t>734.4000244140625</t>
  </si>
  <si>
    <t>0.02741523825144654</t>
  </si>
  <si>
    <t>10.641667366027832</t>
  </si>
  <si>
    <t>691.5</t>
  </si>
  <si>
    <t>-0.02014520435740863</t>
  </si>
  <si>
    <t>27332</t>
  </si>
  <si>
    <t>745.3001098632812</t>
  </si>
  <si>
    <t>0.02032815684515832</t>
  </si>
  <si>
    <t>27899</t>
  </si>
  <si>
    <t>479.2000427246094</t>
  </si>
  <si>
    <t>0.020532668972530033</t>
  </si>
  <si>
    <t>27381</t>
  </si>
  <si>
    <t>10.683333396911621</t>
  </si>
  <si>
    <t>514.5000610351562</t>
  </si>
  <si>
    <t>-0.01874150368821148</t>
  </si>
  <si>
    <t>27847</t>
  </si>
  <si>
    <t>504.5</t>
  </si>
  <si>
    <t>0.01687589844004833</t>
  </si>
  <si>
    <t>29527</t>
  </si>
  <si>
    <t>647.7000122070312</t>
  </si>
  <si>
    <t>0.05857985835039514</t>
  </si>
  <si>
    <t>673.7000122070312</t>
  </si>
  <si>
    <t>0.0555616131270682</t>
  </si>
  <si>
    <t>30088</t>
  </si>
  <si>
    <t>10.291667938232422</t>
  </si>
  <si>
    <t>633.2999877929688</t>
  </si>
  <si>
    <t>-0.036740290952327115</t>
  </si>
  <si>
    <t>29616</t>
  </si>
  <si>
    <t>586.2000122070312</t>
  </si>
  <si>
    <t>-0.015811665336894265</t>
  </si>
  <si>
    <t>31001</t>
  </si>
  <si>
    <t>9.991666793823242</t>
  </si>
  <si>
    <t>672.1000366210938</t>
  </si>
  <si>
    <t>0.04570470619824185</t>
  </si>
  <si>
    <t>11.59999942779541</t>
  </si>
  <si>
    <t>565.7999877929688</t>
  </si>
  <si>
    <t>0.04611232105407659</t>
  </si>
  <si>
    <t>33817</t>
  </si>
  <si>
    <t>609.2000732421875</t>
  </si>
  <si>
    <t>0.040831851544123055</t>
  </si>
  <si>
    <t>34078</t>
  </si>
  <si>
    <t>10.524999618530273</t>
  </si>
  <si>
    <t>620.4000244140625</t>
  </si>
  <si>
    <t>0.007688380165465247</t>
  </si>
  <si>
    <t>34182</t>
  </si>
  <si>
    <t>11.833334922790527</t>
  </si>
  <si>
    <t>650.2000122070312</t>
  </si>
  <si>
    <t>0.003047174933266561</t>
  </si>
  <si>
    <t>32970</t>
  </si>
  <si>
    <t>11.533333778381348</t>
  </si>
  <si>
    <t>511.5999755859375</t>
  </si>
  <si>
    <t>-0.036101132642674116</t>
  </si>
  <si>
    <t>32475</t>
  </si>
  <si>
    <t>10.591667175292969</t>
  </si>
  <si>
    <t>604.0000610351562</t>
  </si>
  <si>
    <t>-0.015127494526977259</t>
  </si>
  <si>
    <t>32348</t>
  </si>
  <si>
    <t>631.6000366210938</t>
  </si>
  <si>
    <t>-0.003918367323086258</t>
  </si>
  <si>
    <t>33743</t>
  </si>
  <si>
    <t>11.699999809265137</t>
  </si>
  <si>
    <t>481.3999938964844</t>
  </si>
  <si>
    <t>0.042220793165663295</t>
  </si>
  <si>
    <t>33417</t>
  </si>
  <si>
    <t>539.0000610351562</t>
  </si>
  <si>
    <t>-0.009708235868076898</t>
  </si>
  <si>
    <t>31980</t>
  </si>
  <si>
    <t>561.300048828125</t>
  </si>
  <si>
    <t>-0.04395404512535528</t>
  </si>
  <si>
    <t>32957</t>
  </si>
  <si>
    <t>639.3999633789062</t>
  </si>
  <si>
    <t>0.03009297407546896</t>
  </si>
  <si>
    <t>33291</t>
  </si>
  <si>
    <t>12.450000762939453</t>
  </si>
  <si>
    <t>541.0</t>
  </si>
  <si>
    <t>0.0100834087052597</t>
  </si>
  <si>
    <t>506</t>
  </si>
  <si>
    <t>27372</t>
  </si>
  <si>
    <t>9.05875301361084</t>
  </si>
  <si>
    <t>757.8574829101562</t>
  </si>
  <si>
    <t>277.19781494140625</t>
  </si>
  <si>
    <t>Ansbach, Landkreis</t>
  </si>
  <si>
    <t>8.119914054870605</t>
  </si>
  <si>
    <t>614.0789794921875</t>
  </si>
  <si>
    <t>0.04231145902657474</t>
  </si>
  <si>
    <t>28877</t>
  </si>
  <si>
    <t>9.339258193969727</t>
  </si>
  <si>
    <t>734.7781982421875</t>
  </si>
  <si>
    <t>0.011213378395749984</t>
  </si>
  <si>
    <t>28401</t>
  </si>
  <si>
    <t>8.55875301361084</t>
  </si>
  <si>
    <t>771.989501953125</t>
  </si>
  <si>
    <t>-0.01662107469771179</t>
  </si>
  <si>
    <t>28974</t>
  </si>
  <si>
    <t>9.55875301361084</t>
  </si>
  <si>
    <t>757.9456176757812</t>
  </si>
  <si>
    <t>0.019974520304595345</t>
  </si>
  <si>
    <t>8.5782470703125</t>
  </si>
  <si>
    <t>730.5596313476562</t>
  </si>
  <si>
    <t>0.012143814977889633</t>
  </si>
  <si>
    <t>29480</t>
  </si>
  <si>
    <t>7.508752822875977</t>
  </si>
  <si>
    <t>624.3899536132812</t>
  </si>
  <si>
    <t>0.00516937622378677</t>
  </si>
  <si>
    <t>29966</t>
  </si>
  <si>
    <t>9.114408493041992</t>
  </si>
  <si>
    <t>654.762939453125</t>
  </si>
  <si>
    <t>0.01635133829981683</t>
  </si>
  <si>
    <t>30566</t>
  </si>
  <si>
    <t>8.792086601257324</t>
  </si>
  <si>
    <t>705.3705444335938</t>
  </si>
  <si>
    <t>0.0198248744846925</t>
  </si>
  <si>
    <t>31124</t>
  </si>
  <si>
    <t>8.542086601257324</t>
  </si>
  <si>
    <t>789.2903442382812</t>
  </si>
  <si>
    <t>0.018090945649039014</t>
  </si>
  <si>
    <t>31989</t>
  </si>
  <si>
    <t>9.667086601257324</t>
  </si>
  <si>
    <t>780.6405029296875</t>
  </si>
  <si>
    <t>0.027412867949466957</t>
  </si>
  <si>
    <t>33122</t>
  </si>
  <si>
    <t>8.667086601257324</t>
  </si>
  <si>
    <t>771.2546997070312</t>
  </si>
  <si>
    <t>0.034805620463147946</t>
  </si>
  <si>
    <t>32856</t>
  </si>
  <si>
    <t>9.217086791992188</t>
  </si>
  <si>
    <t>940.0988159179688</t>
  </si>
  <si>
    <t>-0.008063337513041446</t>
  </si>
  <si>
    <t>32587</t>
  </si>
  <si>
    <t>8.93925952911377</t>
  </si>
  <si>
    <t>564.269775390625</t>
  </si>
  <si>
    <t>-0.008220940818830513</t>
  </si>
  <si>
    <t>32778</t>
  </si>
  <si>
    <t>8.500419616699219</t>
  </si>
  <si>
    <t>602.9547729492188</t>
  </si>
  <si>
    <t>0.005844122806207608</t>
  </si>
  <si>
    <t>32952</t>
  </si>
  <si>
    <t>7.883752822875977</t>
  </si>
  <si>
    <t>668.6907958984375</t>
  </si>
  <si>
    <t>0.005294398492145191</t>
  </si>
  <si>
    <t>33925</t>
  </si>
  <si>
    <t>9.447592735290527</t>
  </si>
  <si>
    <t>719.6315307617188</t>
  </si>
  <si>
    <t>0.029100248587152322</t>
  </si>
  <si>
    <t>9.167086601257324</t>
  </si>
  <si>
    <t>774.3795166015625</t>
  </si>
  <si>
    <t>-0.010638555834944441</t>
  </si>
  <si>
    <t>35270</t>
  </si>
  <si>
    <t>8.694914817810059</t>
  </si>
  <si>
    <t>655.8733520507812</t>
  </si>
  <si>
    <t>0.04951909436197255</t>
  </si>
  <si>
    <t>8.908753395080566</t>
  </si>
  <si>
    <t>751.4663696289062</t>
  </si>
  <si>
    <t>-0.0011915233047474771</t>
  </si>
  <si>
    <t>37825</t>
  </si>
  <si>
    <t>8.208752632141113</t>
  </si>
  <si>
    <t>783.966552734375</t>
  </si>
  <si>
    <t>0.0711290387312058</t>
  </si>
  <si>
    <t>39843</t>
  </si>
  <si>
    <t>9.708752632141113</t>
  </si>
  <si>
    <t>708.2230834960938</t>
  </si>
  <si>
    <t>0.051976471411803615</t>
  </si>
  <si>
    <t>40122</t>
  </si>
  <si>
    <t>9.083752632141113</t>
  </si>
  <si>
    <t>709.4397583007812</t>
  </si>
  <si>
    <t>0.006978081213674159</t>
  </si>
  <si>
    <t>8.783753395080566</t>
  </si>
  <si>
    <t>738.1476440429688</t>
  </si>
  <si>
    <t>0.018275723517723108</t>
  </si>
  <si>
    <t>41192</t>
  </si>
  <si>
    <t>9.792086601257324</t>
  </si>
  <si>
    <t>702.2750244140625</t>
  </si>
  <si>
    <t>0.008043526926220679</t>
  </si>
  <si>
    <t>40283</t>
  </si>
  <si>
    <t>9.817086219787598</t>
  </si>
  <si>
    <t>590.1815185546875</t>
  </si>
  <si>
    <t>-0.02231451901742254</t>
  </si>
  <si>
    <t>41357</t>
  </si>
  <si>
    <t>8.855925559997559</t>
  </si>
  <si>
    <t>681.9573974609375</t>
  </si>
  <si>
    <t>0.02631214999391851</t>
  </si>
  <si>
    <t>41835</t>
  </si>
  <si>
    <t>9.76425838470459</t>
  </si>
  <si>
    <t>796.8638305664062</t>
  </si>
  <si>
    <t>0.011491616027225149</t>
  </si>
  <si>
    <t>42244</t>
  </si>
  <si>
    <t>9.692086219787598</t>
  </si>
  <si>
    <t>578.2076416015625</t>
  </si>
  <si>
    <t>0.009729022136665932</t>
  </si>
  <si>
    <t>42228</t>
  </si>
  <si>
    <t>10.050419807434082</t>
  </si>
  <si>
    <t>627.1823120117188</t>
  </si>
  <si>
    <t>-0.00037882375677966706</t>
  </si>
  <si>
    <t>41247</t>
  </si>
  <si>
    <t>9.73107624053955</t>
  </si>
  <si>
    <t>711.928955078125</t>
  </si>
  <si>
    <t>-0.023505125264241755</t>
  </si>
  <si>
    <t>42507</t>
  </si>
  <si>
    <t>8.91425895690918</t>
  </si>
  <si>
    <t>736.4408569335938</t>
  </si>
  <si>
    <t>0.030090385386992935</t>
  </si>
  <si>
    <t>42937</t>
  </si>
  <si>
    <t>10.319914817810059</t>
  </si>
  <si>
    <t>623.2285766601562</t>
  </si>
  <si>
    <t>0.01006515683196163</t>
  </si>
  <si>
    <t>9.325000762939453</t>
  </si>
  <si>
    <t>958.0</t>
  </si>
  <si>
    <t>307.1225891113281</t>
  </si>
  <si>
    <t>Augsburg, Landkreis</t>
  </si>
  <si>
    <t>28137</t>
  </si>
  <si>
    <t>758.2000122070312</t>
  </si>
  <si>
    <t>0.0423232214955771</t>
  </si>
  <si>
    <t>28454</t>
  </si>
  <si>
    <t>9.624999046325684</t>
  </si>
  <si>
    <t>882.5</t>
  </si>
  <si>
    <t>0.011203312034064439</t>
  </si>
  <si>
    <t>27986</t>
  </si>
  <si>
    <t>8.77500057220459</t>
  </si>
  <si>
    <t>941.3999633789062</t>
  </si>
  <si>
    <t>-0.01658436309545408</t>
  </si>
  <si>
    <t>28550</t>
  </si>
  <si>
    <t>9.833333969116211</t>
  </si>
  <si>
    <t>897.2999877929688</t>
  </si>
  <si>
    <t>0.019952550968497462</t>
  </si>
  <si>
    <t>28899</t>
  </si>
  <si>
    <t>8.84999942779541</t>
  </si>
  <si>
    <t>911.4000244140625</t>
  </si>
  <si>
    <t>0.012150056341576843</t>
  </si>
  <si>
    <t>29049</t>
  </si>
  <si>
    <t>7.775001049041748</t>
  </si>
  <si>
    <t>833.5</t>
  </si>
  <si>
    <t>0.005177066853907064</t>
  </si>
  <si>
    <t>29528</t>
  </si>
  <si>
    <t>807.0999755859375</t>
  </si>
  <si>
    <t>0.01635490643019466</t>
  </si>
  <si>
    <t>30119</t>
  </si>
  <si>
    <t>838.9000244140625</t>
  </si>
  <si>
    <t>0.01981723612163755</t>
  </si>
  <si>
    <t>30669</t>
  </si>
  <si>
    <t>8.758333206176758</t>
  </si>
  <si>
    <t>979.9000244140625</t>
  </si>
  <si>
    <t>0.018096170593651095</t>
  </si>
  <si>
    <t>31520</t>
  </si>
  <si>
    <t>9.92500114440918</t>
  </si>
  <si>
    <t>919.7000122070312</t>
  </si>
  <si>
    <t>0.027369892546692753</t>
  </si>
  <si>
    <t>31993</t>
  </si>
  <si>
    <t>8.975001335144043</t>
  </si>
  <si>
    <t>895.3999633789062</t>
  </si>
  <si>
    <t>0.014894863880776654</t>
  </si>
  <si>
    <t>32541</t>
  </si>
  <si>
    <t>1122.5999755859375</t>
  </si>
  <si>
    <t>0.016983703855734333</t>
  </si>
  <si>
    <t>32461</t>
  </si>
  <si>
    <t>666.0999755859375</t>
  </si>
  <si>
    <t>-0.0024614639670161864</t>
  </si>
  <si>
    <t>33621</t>
  </si>
  <si>
    <t>708.7000732421875</t>
  </si>
  <si>
    <t>0.03511150297882715</t>
  </si>
  <si>
    <t>34726</t>
  </si>
  <si>
    <t>8.216666221618652</t>
  </si>
  <si>
    <t>811.300048828125</t>
  </si>
  <si>
    <t>0.03233781418394521</t>
  </si>
  <si>
    <t>35191</t>
  </si>
  <si>
    <t>838.2000122070312</t>
  </si>
  <si>
    <t>0.013301682171753981</t>
  </si>
  <si>
    <t>34693</t>
  </si>
  <si>
    <t>9.491667747497559</t>
  </si>
  <si>
    <t>863.0000610351562</t>
  </si>
  <si>
    <t>-0.014252430597567312</t>
  </si>
  <si>
    <t>34449</t>
  </si>
  <si>
    <t>759.1000366210938</t>
  </si>
  <si>
    <t>-0.007057968033970852</t>
  </si>
  <si>
    <t>877.7000122070312</t>
  </si>
  <si>
    <t>-0.05811681077673647</t>
  </si>
  <si>
    <t>35291</t>
  </si>
  <si>
    <t>920.4000854492188</t>
  </si>
  <si>
    <t>0.08226481523955265</t>
  </si>
  <si>
    <t>38197</t>
  </si>
  <si>
    <t>847.0000610351562</t>
  </si>
  <si>
    <t>0.07912900457217908</t>
  </si>
  <si>
    <t>39356</t>
  </si>
  <si>
    <t>9.350000381469727</t>
  </si>
  <si>
    <t>880.2999267578125</t>
  </si>
  <si>
    <t>0.02989146250636132</t>
  </si>
  <si>
    <t>38661</t>
  </si>
  <si>
    <t>9.041667938232422</t>
  </si>
  <si>
    <t>921.199951171875</t>
  </si>
  <si>
    <t>-0.017817101029153903</t>
  </si>
  <si>
    <t>10.083333969116211</t>
  </si>
  <si>
    <t>859.199951171875</t>
  </si>
  <si>
    <t>0.01994918976006943</t>
  </si>
  <si>
    <t>38881</t>
  </si>
  <si>
    <t>10.19999885559082</t>
  </si>
  <si>
    <t>753.2000122070312</t>
  </si>
  <si>
    <t>-0.014274830308345088</t>
  </si>
  <si>
    <t>39926</t>
  </si>
  <si>
    <t>9.158332824707031</t>
  </si>
  <si>
    <t>939.89990234375</t>
  </si>
  <si>
    <t>0.02652204132437319</t>
  </si>
  <si>
    <t>40594</t>
  </si>
  <si>
    <t>10.125</t>
  </si>
  <si>
    <t>1023.3999633789062</t>
  </si>
  <si>
    <t>0.016592531684972656</t>
  </si>
  <si>
    <t>41494</t>
  </si>
  <si>
    <t>708.10009765625</t>
  </si>
  <si>
    <t>0.02192856603551263</t>
  </si>
  <si>
    <t>41730</t>
  </si>
  <si>
    <t>10.383334159851074</t>
  </si>
  <si>
    <t>794.4000854492188</t>
  </si>
  <si>
    <t>0.0056714561325144075</t>
  </si>
  <si>
    <t>40524</t>
  </si>
  <si>
    <t>10.02500057220459</t>
  </si>
  <si>
    <t>891.9000854492188</t>
  </si>
  <si>
    <t>-0.02932590341203145</t>
  </si>
  <si>
    <t>41762</t>
  </si>
  <si>
    <t>9.233333587646484</t>
  </si>
  <si>
    <t>866.800048828125</t>
  </si>
  <si>
    <t>0.030092443956439396</t>
  </si>
  <si>
    <t>42184</t>
  </si>
  <si>
    <t>768.5</t>
  </si>
  <si>
    <t>0.01005416708029827</t>
  </si>
  <si>
    <t>513</t>
  </si>
  <si>
    <t>29656</t>
  </si>
  <si>
    <t>9.222545623779297</t>
  </si>
  <si>
    <t>681.8518676757812</t>
  </si>
  <si>
    <t>227.5093231201172</t>
  </si>
  <si>
    <t>Bad Kissingen</t>
  </si>
  <si>
    <t>30938</t>
  </si>
  <si>
    <t>8.105879783630371</t>
  </si>
  <si>
    <t>560.7213134765625</t>
  </si>
  <si>
    <t>0.04232073596604202</t>
  </si>
  <si>
    <t>31287</t>
  </si>
  <si>
    <t>9.180878639221191</t>
  </si>
  <si>
    <t>779.344970703125</t>
  </si>
  <si>
    <t>0.011217473992712002</t>
  </si>
  <si>
    <t>30771</t>
  </si>
  <si>
    <t>8.180878639221191</t>
  </si>
  <si>
    <t>783.732421875</t>
  </si>
  <si>
    <t>-0.016629987813802316</t>
  </si>
  <si>
    <t>9.02254581451416</t>
  </si>
  <si>
    <t>808.1524658203125</t>
  </si>
  <si>
    <t>0.019948539632435924</t>
  </si>
  <si>
    <t>31776</t>
  </si>
  <si>
    <t>8.380879402160645</t>
  </si>
  <si>
    <t>689.0967407226562</t>
  </si>
  <si>
    <t>0.012190060236942912</t>
  </si>
  <si>
    <t>6.719343662261963</t>
  </si>
  <si>
    <t>627.3585205078125</t>
  </si>
  <si>
    <t>0.005147854924103967</t>
  </si>
  <si>
    <t>32467</t>
  </si>
  <si>
    <t>8.919343948364258</t>
  </si>
  <si>
    <t>664.0060424804688</t>
  </si>
  <si>
    <t>0.016365046081260104</t>
  </si>
  <si>
    <t>8.755879402160645</t>
  </si>
  <si>
    <t>782.3966064453125</t>
  </si>
  <si>
    <t>0.019822556836198046</t>
  </si>
  <si>
    <t>33721</t>
  </si>
  <si>
    <t>9.130878448486328</t>
  </si>
  <si>
    <t>716.9445190429688</t>
  </si>
  <si>
    <t>0.018074042980110505</t>
  </si>
  <si>
    <t>34658</t>
  </si>
  <si>
    <t>9.597545623779297</t>
  </si>
  <si>
    <t>703.7959594726562</t>
  </si>
  <si>
    <t>0.027407790533619192</t>
  </si>
  <si>
    <t>35424</t>
  </si>
  <si>
    <t>8.60908031463623</t>
  </si>
  <si>
    <t>775.7213134765625</t>
  </si>
  <si>
    <t>0.02186097730817238</t>
  </si>
  <si>
    <t>34883</t>
  </si>
  <si>
    <t>9.01101016998291</t>
  </si>
  <si>
    <t>997.4661254882812</t>
  </si>
  <si>
    <t>-0.015389952009712715</t>
  </si>
  <si>
    <t>8.98408031463623</t>
  </si>
  <si>
    <t>547.4766235351562</t>
  </si>
  <si>
    <t>0.014909936188210793</t>
  </si>
  <si>
    <t>34795</t>
  </si>
  <si>
    <t>8.791142463684082</t>
  </si>
  <si>
    <t>700.8939208984375</t>
  </si>
  <si>
    <t>-0.017435842407911295</t>
  </si>
  <si>
    <t>35077</t>
  </si>
  <si>
    <t>8.330879211425781</t>
  </si>
  <si>
    <t>645.113525390625</t>
  </si>
  <si>
    <t>0.00807194673608791</t>
  </si>
  <si>
    <t>35969</t>
  </si>
  <si>
    <t>9.811010360717773</t>
  </si>
  <si>
    <t>709.5761108398438</t>
  </si>
  <si>
    <t>0.0251118113429456</t>
  </si>
  <si>
    <t>37016</t>
  </si>
  <si>
    <t>9.505879402160645</t>
  </si>
  <si>
    <t>878.580810546875</t>
  </si>
  <si>
    <t>0.02869279522885293</t>
  </si>
  <si>
    <t>37311</t>
  </si>
  <si>
    <t>8.722545623779297</t>
  </si>
  <si>
    <t>651.322265625</t>
  </si>
  <si>
    <t>0.007937937735015055</t>
  </si>
  <si>
    <t>36221</t>
  </si>
  <si>
    <t>8.802678108215332</t>
  </si>
  <si>
    <t>779.0167236328125</t>
  </si>
  <si>
    <t>-0.029649128209799258</t>
  </si>
  <si>
    <t>36301</t>
  </si>
  <si>
    <t>8.027677536010742</t>
  </si>
  <si>
    <t>785.98828125</t>
  </si>
  <si>
    <t>0.0022062279708112698</t>
  </si>
  <si>
    <t>39725</t>
  </si>
  <si>
    <t>9.500746726989746</t>
  </si>
  <si>
    <t>673.060302734375</t>
  </si>
  <si>
    <t>0.09013542332205304</t>
  </si>
  <si>
    <t>39797</t>
  </si>
  <si>
    <t>8.692413330078125</t>
  </si>
  <si>
    <t>649.1014404296875</t>
  </si>
  <si>
    <t>0.0018108201422109005</t>
  </si>
  <si>
    <t>39976</t>
  </si>
  <si>
    <t>8.589211463928223</t>
  </si>
  <si>
    <t>711.1356811523438</t>
  </si>
  <si>
    <t>0.004487741476912888</t>
  </si>
  <si>
    <t>40925</t>
  </si>
  <si>
    <t>10.139212608337402</t>
  </si>
  <si>
    <t>729.0140991210938</t>
  </si>
  <si>
    <t>0.023461849215294706</t>
  </si>
  <si>
    <t>43053</t>
  </si>
  <si>
    <t>9.632763862609863</t>
  </si>
  <si>
    <t>614.9970092773438</t>
  </si>
  <si>
    <t>0.05069079159970613</t>
  </si>
  <si>
    <t>43123</t>
  </si>
  <si>
    <t>9.177019119262695</t>
  </si>
  <si>
    <t>666.9102172851562</t>
  </si>
  <si>
    <t>0.001624582607588465</t>
  </si>
  <si>
    <t>43047</t>
  </si>
  <si>
    <t>9.849431037902832</t>
  </si>
  <si>
    <t>804.4170532226562</t>
  </si>
  <si>
    <t>-0.0017639554301140947</t>
  </si>
  <si>
    <t>43723</t>
  </si>
  <si>
    <t>10.06035327911377</t>
  </si>
  <si>
    <t>542.9597778320312</t>
  </si>
  <si>
    <t>0.015581737401063833</t>
  </si>
  <si>
    <t>44063</t>
  </si>
  <si>
    <t>10.38535213470459</t>
  </si>
  <si>
    <t>589.5669555664062</t>
  </si>
  <si>
    <t>0.007746148590392465</t>
  </si>
  <si>
    <t>43166</t>
  </si>
  <si>
    <t>10.10715103149414</t>
  </si>
  <si>
    <t>715.864013671875</t>
  </si>
  <si>
    <t>-0.020567279689055695</t>
  </si>
  <si>
    <t>44484</t>
  </si>
  <si>
    <t>9.144343376159668</t>
  </si>
  <si>
    <t>782.728271484375</t>
  </si>
  <si>
    <t>0.03007642561981605</t>
  </si>
  <si>
    <t>44934</t>
  </si>
  <si>
    <t>10.400090217590332</t>
  </si>
  <si>
    <t>595.9818115234375</t>
  </si>
  <si>
    <t>0.010065172538689993</t>
  </si>
  <si>
    <t>514</t>
  </si>
  <si>
    <t>28647</t>
  </si>
  <si>
    <t>670.4000244140625</t>
  </si>
  <si>
    <t>159.79086303710938</t>
  </si>
  <si>
    <t>Bad Kreuznach</t>
  </si>
  <si>
    <t>29885</t>
  </si>
  <si>
    <t>9.083333015441895</t>
  </si>
  <si>
    <t>469.8999938964844</t>
  </si>
  <si>
    <t>0.04230795664004283</t>
  </si>
  <si>
    <t>30223</t>
  </si>
  <si>
    <t>697.0999755859375</t>
  </si>
  <si>
    <t>0.011246541646530162</t>
  </si>
  <si>
    <t>29725</t>
  </si>
  <si>
    <t>705.9000244140625</t>
  </si>
  <si>
    <t>-0.01661478134590233</t>
  </si>
  <si>
    <t>30324</t>
  </si>
  <si>
    <t>10.47499942779541</t>
  </si>
  <si>
    <t>697.7999267578125</t>
  </si>
  <si>
    <t>0.019951035617211232</t>
  </si>
  <si>
    <t>30695</t>
  </si>
  <si>
    <t>601.300048828125</t>
  </si>
  <si>
    <t>0.012160296685403083</t>
  </si>
  <si>
    <t>30854</t>
  </si>
  <si>
    <t>8.225000381469727</t>
  </si>
  <si>
    <t>522.2000122070312</t>
  </si>
  <si>
    <t>0.005166626710288114</t>
  </si>
  <si>
    <t>31362</t>
  </si>
  <si>
    <t>678.2000122070312</t>
  </si>
  <si>
    <t>0.016330567369092108</t>
  </si>
  <si>
    <t>705.4000244140625</t>
  </si>
  <si>
    <t>0.019826385002586377</t>
  </si>
  <si>
    <t>32574</t>
  </si>
  <si>
    <t>10.225000381469727</t>
  </si>
  <si>
    <t>693.5</t>
  </si>
  <si>
    <t>0.018091070189942826</t>
  </si>
  <si>
    <t>33479</t>
  </si>
  <si>
    <t>817.0999755859375</t>
  </si>
  <si>
    <t>0.027403952445574475</t>
  </si>
  <si>
    <t>772.2999877929688</t>
  </si>
  <si>
    <t>-0.003950563303995125</t>
  </si>
  <si>
    <t>34042</t>
  </si>
  <si>
    <t>10.366667747497559</t>
  </si>
  <si>
    <t>837.2999877929688</t>
  </si>
  <si>
    <t>0.02062724309283226</t>
  </si>
  <si>
    <t>33430</t>
  </si>
  <si>
    <t>533.199951171875</t>
  </si>
  <si>
    <t>-0.018141355953773086</t>
  </si>
  <si>
    <t>34890</t>
  </si>
  <si>
    <t>567.800048828125</t>
  </si>
  <si>
    <t>0.04274655476667455</t>
  </si>
  <si>
    <t>35001</t>
  </si>
  <si>
    <t>553.9000244140625</t>
  </si>
  <si>
    <t>0.0031763773111475047</t>
  </si>
  <si>
    <t>36302</t>
  </si>
  <si>
    <t>710.9000854492188</t>
  </si>
  <si>
    <t>0.03649620366195627</t>
  </si>
  <si>
    <t>738.2000122070312</t>
  </si>
  <si>
    <t>0.01593212816447931</t>
  </si>
  <si>
    <t>37344</t>
  </si>
  <si>
    <t>9.55000114440918</t>
  </si>
  <si>
    <t>697.1000366210938</t>
  </si>
  <si>
    <t>0.012367291767880317</t>
  </si>
  <si>
    <t>35609</t>
  </si>
  <si>
    <t>645.300048828125</t>
  </si>
  <si>
    <t>-0.04757384120820518</t>
  </si>
  <si>
    <t>36608</t>
  </si>
  <si>
    <t>765.4000244140625</t>
  </si>
  <si>
    <t>0.02766838086139245</t>
  </si>
  <si>
    <t>38262</t>
  </si>
  <si>
    <t>634.5</t>
  </si>
  <si>
    <t>0.044190440803856035</t>
  </si>
  <si>
    <t>38561</t>
  </si>
  <si>
    <t>9.833334922790527</t>
  </si>
  <si>
    <t>676.2999877929688</t>
  </si>
  <si>
    <t>0.0077841664548436995</t>
  </si>
  <si>
    <t>38876</t>
  </si>
  <si>
    <t>695.2999877929688</t>
  </si>
  <si>
    <t>0.008135690625191927</t>
  </si>
  <si>
    <t>39639</t>
  </si>
  <si>
    <t>11.075000762939453</t>
  </si>
  <si>
    <t>724.800048828125</t>
  </si>
  <si>
    <t>0.019436388458965226</t>
  </si>
  <si>
    <t>573.5</t>
  </si>
  <si>
    <t>-0.007292094599071319</t>
  </si>
  <si>
    <t>39824</t>
  </si>
  <si>
    <t>659.7000122070312</t>
  </si>
  <si>
    <t>0.01194835812411732</t>
  </si>
  <si>
    <t>706.8999633789062</t>
  </si>
  <si>
    <t>0.020307663641473184</t>
  </si>
  <si>
    <t>40074</t>
  </si>
  <si>
    <t>536.2999877929688</t>
  </si>
  <si>
    <t>-0.01404966429515575</t>
  </si>
  <si>
    <t>39910</t>
  </si>
  <si>
    <t>595.0</t>
  </si>
  <si>
    <t>-0.004100825910910544</t>
  </si>
  <si>
    <t>38322</t>
  </si>
  <si>
    <t>11.2333345413208</t>
  </si>
  <si>
    <t>-0.04060277525313616</t>
  </si>
  <si>
    <t>39493</t>
  </si>
  <si>
    <t>700.300048828125</t>
  </si>
  <si>
    <t>0.030099297205229192</t>
  </si>
  <si>
    <t>39892</t>
  </si>
  <si>
    <t>11.700000762939453</t>
  </si>
  <si>
    <t>603.9000244140625</t>
  </si>
  <si>
    <t>0.010052361526884823</t>
  </si>
  <si>
    <t>519</t>
  </si>
  <si>
    <t>20330</t>
  </si>
  <si>
    <t>577.1000366210938</t>
  </si>
  <si>
    <t>301.5372619628906</t>
  </si>
  <si>
    <t>Barnim</t>
  </si>
  <si>
    <t>21209</t>
  </si>
  <si>
    <t>8.966667175292969</t>
  </si>
  <si>
    <t>498.29998779296875</t>
  </si>
  <si>
    <t>0.042327992252953806</t>
  </si>
  <si>
    <t>593.3999633789062</t>
  </si>
  <si>
    <t>0.01120578104044867</t>
  </si>
  <si>
    <t>21095</t>
  </si>
  <si>
    <t>666.4000244140625</t>
  </si>
  <si>
    <t>-0.01659535535735479</t>
  </si>
  <si>
    <t>21520</t>
  </si>
  <si>
    <t>684.0000610351562</t>
  </si>
  <si>
    <t>0.01994668971728153</t>
  </si>
  <si>
    <t>21783</t>
  </si>
  <si>
    <t>0.012147113772634555</t>
  </si>
  <si>
    <t>21896</t>
  </si>
  <si>
    <t>7.541667461395264</t>
  </si>
  <si>
    <t>478.70001220703125</t>
  </si>
  <si>
    <t>0.005174122672158887</t>
  </si>
  <si>
    <t>22257</t>
  </si>
  <si>
    <t>9.72499942779541</t>
  </si>
  <si>
    <t>596.800048828125</t>
  </si>
  <si>
    <t>0.0163525941371212</t>
  </si>
  <si>
    <t>22703</t>
  </si>
  <si>
    <t>9.600000381469727</t>
  </si>
  <si>
    <t>640.5</t>
  </si>
  <si>
    <t>0.01984050846998997</t>
  </si>
  <si>
    <t>23117</t>
  </si>
  <si>
    <t>588.9999389648438</t>
  </si>
  <si>
    <t>0.018071203253951396</t>
  </si>
  <si>
    <t>23759</t>
  </si>
  <si>
    <t>583.2999877929688</t>
  </si>
  <si>
    <t>0.027393128467210204</t>
  </si>
  <si>
    <t>23887</t>
  </si>
  <si>
    <t>642.5999755859375</t>
  </si>
  <si>
    <t>0.0053729718311732455</t>
  </si>
  <si>
    <t>23764</t>
  </si>
  <si>
    <t>9.774998664855957</t>
  </si>
  <si>
    <t>715.5000610351562</t>
  </si>
  <si>
    <t>-0.005162547404328421</t>
  </si>
  <si>
    <t>22927</t>
  </si>
  <si>
    <t>9.583334922790527</t>
  </si>
  <si>
    <t>462.6999816894531</t>
  </si>
  <si>
    <t>-0.03585657515296958</t>
  </si>
  <si>
    <t>583.7999267578125</t>
  </si>
  <si>
    <t>-0.008013880991827094</t>
  </si>
  <si>
    <t>23186</t>
  </si>
  <si>
    <t>561.5</t>
  </si>
  <si>
    <t>0.019247273899511086</t>
  </si>
  <si>
    <t>23738</t>
  </si>
  <si>
    <t>593.5</t>
  </si>
  <si>
    <t>0.023528491386104022</t>
  </si>
  <si>
    <t>23998</t>
  </si>
  <si>
    <t>784.7000122070312</t>
  </si>
  <si>
    <t>0.010893353907883707</t>
  </si>
  <si>
    <t>24820</t>
  </si>
  <si>
    <t>9.916666984558105</t>
  </si>
  <si>
    <t>503.0999755859375</t>
  </si>
  <si>
    <t>0.03367928623426408</t>
  </si>
  <si>
    <t>24556</t>
  </si>
  <si>
    <t>620.0</t>
  </si>
  <si>
    <t>-0.01069355621121204</t>
  </si>
  <si>
    <t>25328</t>
  </si>
  <si>
    <t>8.908331871032715</t>
  </si>
  <si>
    <t>708.0</t>
  </si>
  <si>
    <t>0.03095427957340746</t>
  </si>
  <si>
    <t>605.800048828125</t>
  </si>
  <si>
    <t>0.054511814381418944</t>
  </si>
  <si>
    <t>27630</t>
  </si>
  <si>
    <t>9.516667366027832</t>
  </si>
  <si>
    <t>571.0000610351562</t>
  </si>
  <si>
    <t>0.03247982141524908</t>
  </si>
  <si>
    <t>9.549999237060547</t>
  </si>
  <si>
    <t>595.0999755859375</t>
  </si>
  <si>
    <t>0.006169852337338355</t>
  </si>
  <si>
    <t>28984</t>
  </si>
  <si>
    <t>11.216666221618652</t>
  </si>
  <si>
    <t>620.1000366210938</t>
  </si>
  <si>
    <t>0.0416719623201125</t>
  </si>
  <si>
    <t>28996</t>
  </si>
  <si>
    <t>520.2000122070312</t>
  </si>
  <si>
    <t>0.00041393584585591725</t>
  </si>
  <si>
    <t>29352</t>
  </si>
  <si>
    <t>512.2000732421875</t>
  </si>
  <si>
    <t>0.012202797614349947</t>
  </si>
  <si>
    <t>29692</t>
  </si>
  <si>
    <t>10.658334732055664</t>
  </si>
  <si>
    <t>742.8001098632812</t>
  </si>
  <si>
    <t>0.011516962202318126</t>
  </si>
  <si>
    <t>29977</t>
  </si>
  <si>
    <t>10.833332061767578</t>
  </si>
  <si>
    <t>397.5000305175781</t>
  </si>
  <si>
    <t>0.009552771701004659</t>
  </si>
  <si>
    <t>30415</t>
  </si>
  <si>
    <t>480.79998779296875</t>
  </si>
  <si>
    <t>0.014505486816364765</t>
  </si>
  <si>
    <t>29320</t>
  </si>
  <si>
    <t>546.5000610351562</t>
  </si>
  <si>
    <t>-0.03666603075421904</t>
  </si>
  <si>
    <t>625.0999755859375</t>
  </si>
  <si>
    <t>0.03010170839170634</t>
  </si>
  <si>
    <t>30521</t>
  </si>
  <si>
    <t>11.1083345413208</t>
  </si>
  <si>
    <t>471.1000061035156</t>
  </si>
  <si>
    <t>0.01004338586906428</t>
  </si>
  <si>
    <t>520</t>
  </si>
  <si>
    <t>21347</t>
  </si>
  <si>
    <t>10.044551849365234</t>
  </si>
  <si>
    <t>567.1732788085938</t>
  </si>
  <si>
    <t>569.4054565429688</t>
  </si>
  <si>
    <t>Bautzen</t>
  </si>
  <si>
    <t>22269</t>
  </si>
  <si>
    <t>8.901068687438965</t>
  </si>
  <si>
    <t>496.1584167480469</t>
  </si>
  <si>
    <t>0.04228436222455656</t>
  </si>
  <si>
    <t>22520</t>
  </si>
  <si>
    <t>10.054303169250488</t>
  </si>
  <si>
    <t>611.4255981445312</t>
  </si>
  <si>
    <t>0.011208226467969595</t>
  </si>
  <si>
    <t>22149</t>
  </si>
  <si>
    <t>9.324873924255371</t>
  </si>
  <si>
    <t>724.0482788085938</t>
  </si>
  <si>
    <t>-0.01661145452635182</t>
  </si>
  <si>
    <t>22596</t>
  </si>
  <si>
    <t>10.146018028259277</t>
  </si>
  <si>
    <t>718.6301879882812</t>
  </si>
  <si>
    <t>0.019980550717878742</t>
  </si>
  <si>
    <t>22872</t>
  </si>
  <si>
    <t>9.228730201721191</t>
  </si>
  <si>
    <t>636.29248046875</t>
  </si>
  <si>
    <t>0.01214055555699467</t>
  </si>
  <si>
    <t>7.785645008087158</t>
  </si>
  <si>
    <t>610.4356689453125</t>
  </si>
  <si>
    <t>0.005189379981787923</t>
  </si>
  <si>
    <t>23370</t>
  </si>
  <si>
    <t>9.67442798614502</t>
  </si>
  <si>
    <t>708.3163452148438</t>
  </si>
  <si>
    <t>0.01635031354896732</t>
  </si>
  <si>
    <t>9.70004940032959</t>
  </si>
  <si>
    <t>724.1754760742188</t>
  </si>
  <si>
    <t>0.019827797509750056</t>
  </si>
  <si>
    <t>24273</t>
  </si>
  <si>
    <t>9.859177589416504</t>
  </si>
  <si>
    <t>610.407958984375</t>
  </si>
  <si>
    <t>24947</t>
  </si>
  <si>
    <t>10.670795440673828</t>
  </si>
  <si>
    <t>635.4292602539062</t>
  </si>
  <si>
    <t>0.02738895299328803</t>
  </si>
  <si>
    <t>25343</t>
  </si>
  <si>
    <t>9.522611618041992</t>
  </si>
  <si>
    <t>718.504150390625</t>
  </si>
  <si>
    <t>0.015748983295758023</t>
  </si>
  <si>
    <t>9.984003067016602</t>
  </si>
  <si>
    <t>826.6295166015625</t>
  </si>
  <si>
    <t>0.011924047929348092</t>
  </si>
  <si>
    <t>25842</t>
  </si>
  <si>
    <t>9.764278411865234</t>
  </si>
  <si>
    <t>466.3512268066406</t>
  </si>
  <si>
    <t>0.0075744695878228185</t>
  </si>
  <si>
    <t>9.75146770477295</t>
  </si>
  <si>
    <t>632.1515502929688</t>
  </si>
  <si>
    <t>-0.002169366311383314</t>
  </si>
  <si>
    <t>26858</t>
  </si>
  <si>
    <t>9.006341934204102</t>
  </si>
  <si>
    <t>605.6036987304688</t>
  </si>
  <si>
    <t>0.04073201917033842</t>
  </si>
  <si>
    <t>27791</t>
  </si>
  <si>
    <t>10.615074157714844</t>
  </si>
  <si>
    <t>629.1981811523438</t>
  </si>
  <si>
    <t>0.034148499114980524</t>
  </si>
  <si>
    <t>28948</t>
  </si>
  <si>
    <t>10.471590995788574</t>
  </si>
  <si>
    <t>765.8408203125</t>
  </si>
  <si>
    <t>0.040788889729917344</t>
  </si>
  <si>
    <t>9.893755912780762</t>
  </si>
  <si>
    <t>604.21484375</t>
  </si>
  <si>
    <t>0.011198633057873053</t>
  </si>
  <si>
    <t>28844</t>
  </si>
  <si>
    <t>9.821192741394043</t>
  </si>
  <si>
    <t>732.8933715820312</t>
  </si>
  <si>
    <t>-0.0147977510072419</t>
  </si>
  <si>
    <t>29256</t>
  </si>
  <si>
    <t>9.013258934020996</t>
  </si>
  <si>
    <t>819.2994384765625</t>
  </si>
  <si>
    <t>0.014182681792567209</t>
  </si>
  <si>
    <t>32066</t>
  </si>
  <si>
    <t>10.356342315673828</t>
  </si>
  <si>
    <t>655.6217041015625</t>
  </si>
  <si>
    <t>0.09171159791956462</t>
  </si>
  <si>
    <t>31713</t>
  </si>
  <si>
    <t>9.792336463928223</t>
  </si>
  <si>
    <t>664.0796508789062</t>
  </si>
  <si>
    <t>-0.011069587312009688</t>
  </si>
  <si>
    <t>32317</t>
  </si>
  <si>
    <t>9.647835731506348</t>
  </si>
  <si>
    <t>662.2721557617188</t>
  </si>
  <si>
    <t>0.018866716107872605</t>
  </si>
  <si>
    <t>33200</t>
  </si>
  <si>
    <t>11.126689910888672</t>
  </si>
  <si>
    <t>673.2115478515625</t>
  </si>
  <si>
    <t>0.02695646835993415</t>
  </si>
  <si>
    <t>10.57363224029541</t>
  </si>
  <si>
    <t>557.4270629882812</t>
  </si>
  <si>
    <t>0.00792035821745607</t>
  </si>
  <si>
    <t>34047</t>
  </si>
  <si>
    <t>10.062063217163086</t>
  </si>
  <si>
    <t>627.0482788085938</t>
  </si>
  <si>
    <t>0.017271688847213085</t>
  </si>
  <si>
    <t>35243</t>
  </si>
  <si>
    <t>10.75452709197998</t>
  </si>
  <si>
    <t>770.7417602539062</t>
  </si>
  <si>
    <t>0.03452500499095379</t>
  </si>
  <si>
    <t>35240</t>
  </si>
  <si>
    <t>10.997834205627441</t>
  </si>
  <si>
    <t>482.4754638671875</t>
  </si>
  <si>
    <t>-8.512691008633055e-05</t>
  </si>
  <si>
    <t>11.313082695007324</t>
  </si>
  <si>
    <t>510.74407958984375</t>
  </si>
  <si>
    <t>0.03315590863759432</t>
  </si>
  <si>
    <t>35894</t>
  </si>
  <si>
    <t>10.913082122802734</t>
  </si>
  <si>
    <t>625.9620971679688</t>
  </si>
  <si>
    <t>-0.014767559098487482</t>
  </si>
  <si>
    <t>36990</t>
  </si>
  <si>
    <t>10.046814918518066</t>
  </si>
  <si>
    <t>682.0946044921875</t>
  </si>
  <si>
    <t>37364</t>
  </si>
  <si>
    <t>11.200671195983887</t>
  </si>
  <si>
    <t>541.6632080078125</t>
  </si>
  <si>
    <t>0.010060068166239944</t>
  </si>
  <si>
    <t>30640</t>
  </si>
  <si>
    <t>7.941667079925537</t>
  </si>
  <si>
    <t>1254.2000732421875</t>
  </si>
  <si>
    <t>118.8532485961914</t>
  </si>
  <si>
    <t>Berchtesgadener Land</t>
  </si>
  <si>
    <t>31965</t>
  </si>
  <si>
    <t>6.975000381469727</t>
  </si>
  <si>
    <t>1111.699951171875</t>
  </si>
  <si>
    <t>0.04233520934629986</t>
  </si>
  <si>
    <t>32325</t>
  </si>
  <si>
    <t>8.341666221618652</t>
  </si>
  <si>
    <t>1229.800048828125</t>
  </si>
  <si>
    <t>0.011199370439230805</t>
  </si>
  <si>
    <t>31793</t>
  </si>
  <si>
    <t>7.575000286102295</t>
  </si>
  <si>
    <t>1244.199951171875</t>
  </si>
  <si>
    <t>-0.016594784889191416</t>
  </si>
  <si>
    <t>32433</t>
  </si>
  <si>
    <t>8.641668319702148</t>
  </si>
  <si>
    <t>1156.39990234375</t>
  </si>
  <si>
    <t>0.01993028321001411</t>
  </si>
  <si>
    <t>32830</t>
  </si>
  <si>
    <t>1230.8001708984375</t>
  </si>
  <si>
    <t>0.01216630853475742</t>
  </si>
  <si>
    <t>33001</t>
  </si>
  <si>
    <t>6.474998950958252</t>
  </si>
  <si>
    <t>1240.199951171875</t>
  </si>
  <si>
    <t>0.005195132524153934</t>
  </si>
  <si>
    <t>7.983333587646484</t>
  </si>
  <si>
    <t>1224.60009765625</t>
  </si>
  <si>
    <t>0.016320145830805544</t>
  </si>
  <si>
    <t>34216</t>
  </si>
  <si>
    <t>7.758333206176758</t>
  </si>
  <si>
    <t>1229.099853515625</t>
  </si>
  <si>
    <t>0.01983536105614725</t>
  </si>
  <si>
    <t>34841</t>
  </si>
  <si>
    <t>7.558332920074463</t>
  </si>
  <si>
    <t>1411.8001708984375</t>
  </si>
  <si>
    <t>0.01810148328842409</t>
  </si>
  <si>
    <t>35808</t>
  </si>
  <si>
    <t>1357.199951171875</t>
  </si>
  <si>
    <t>0.02737647791648179</t>
  </si>
  <si>
    <t>36798</t>
  </si>
  <si>
    <t>1287.0001220703125</t>
  </si>
  <si>
    <t>0.027272163742386724</t>
  </si>
  <si>
    <t>36121</t>
  </si>
  <si>
    <t>8.291666030883789</t>
  </si>
  <si>
    <t>1382.2001953125</t>
  </si>
  <si>
    <t>-0.018569082213550914</t>
  </si>
  <si>
    <t>35187</t>
  </si>
  <si>
    <t>7.958333492279053</t>
  </si>
  <si>
    <t>1075.10009765625</t>
  </si>
  <si>
    <t>-0.02619771745087185</t>
  </si>
  <si>
    <t>35259</t>
  </si>
  <si>
    <t>7.583332538604736</t>
  </si>
  <si>
    <t>1072.2999267578125</t>
  </si>
  <si>
    <t>0.002044119611348094</t>
  </si>
  <si>
    <t>35472</t>
  </si>
  <si>
    <t>6.9499993324279785</t>
  </si>
  <si>
    <t>1192.60009765625</t>
  </si>
  <si>
    <t>0.00602283705512896</t>
  </si>
  <si>
    <t>1124.60009765625</t>
  </si>
  <si>
    <t>0.02862340073387415</t>
  </si>
  <si>
    <t>37501</t>
  </si>
  <si>
    <t>0.027000545679653598</t>
  </si>
  <si>
    <t>38476</t>
  </si>
  <si>
    <t>7.766666412353516</t>
  </si>
  <si>
    <t>1208.7000732421875</t>
  </si>
  <si>
    <t>0.025667071002885677</t>
  </si>
  <si>
    <t>37570</t>
  </si>
  <si>
    <t>8.008334159851074</t>
  </si>
  <si>
    <t>1332.300048828125</t>
  </si>
  <si>
    <t>-0.023828810704490166</t>
  </si>
  <si>
    <t>7.233333587646484</t>
  </si>
  <si>
    <t>1219.2000732421875</t>
  </si>
  <si>
    <t>0.028496142726471163</t>
  </si>
  <si>
    <t>1218.4000244140625</t>
  </si>
  <si>
    <t>0.046920907948949875</t>
  </si>
  <si>
    <t>7.9250006675720215</t>
  </si>
  <si>
    <t>1324.5</t>
  </si>
  <si>
    <t>-0.006016135397937106</t>
  </si>
  <si>
    <t>40955</t>
  </si>
  <si>
    <t>1192.900146484375</t>
  </si>
  <si>
    <t>0.016867128104202322</t>
  </si>
  <si>
    <t>41778</t>
  </si>
  <si>
    <t>1294.89990234375</t>
  </si>
  <si>
    <t>0.019895982220900166</t>
  </si>
  <si>
    <t>42909</t>
  </si>
  <si>
    <t>1180.699951171875</t>
  </si>
  <si>
    <t>0.026711708952408486</t>
  </si>
  <si>
    <t>44251</t>
  </si>
  <si>
    <t>8.016667366027832</t>
  </si>
  <si>
    <t>1412.699951171875</t>
  </si>
  <si>
    <t>0.03079637592777118</t>
  </si>
  <si>
    <t>44939</t>
  </si>
  <si>
    <t>1580.300048828125</t>
  </si>
  <si>
    <t>0.0154280445495516</t>
  </si>
  <si>
    <t>44696</t>
  </si>
  <si>
    <t>1125.10009765625</t>
  </si>
  <si>
    <t>-0.00542200246134783</t>
  </si>
  <si>
    <t>1184.300048828125</t>
  </si>
  <si>
    <t>0.035819346397884644</t>
  </si>
  <si>
    <t>1448.7001953125</t>
  </si>
  <si>
    <t>-0.048563535273277836</t>
  </si>
  <si>
    <t>45478</t>
  </si>
  <si>
    <t>1242.0</t>
  </si>
  <si>
    <t>0.03008886926014398</t>
  </si>
  <si>
    <t>45938</t>
  </si>
  <si>
    <t>1093.7000732421875</t>
  </si>
  <si>
    <t>0.010063968725964045</t>
  </si>
  <si>
    <t>526</t>
  </si>
  <si>
    <t>38558</t>
  </si>
  <si>
    <t>8.941666603088379</t>
  </si>
  <si>
    <t>931.9000244140625</t>
  </si>
  <si>
    <t>189.04354858398438</t>
  </si>
  <si>
    <t>Biberach</t>
  </si>
  <si>
    <t>40225</t>
  </si>
  <si>
    <t>8.000000953674316</t>
  </si>
  <si>
    <t>709.5999755859375</t>
  </si>
  <si>
    <t>0.04232509170117105</t>
  </si>
  <si>
    <t>40679</t>
  </si>
  <si>
    <t>924.9000854492188</t>
  </si>
  <si>
    <t>0.011223295895538499</t>
  </si>
  <si>
    <t>910.0000610351562</t>
  </si>
  <si>
    <t>-0.01660755996875274</t>
  </si>
  <si>
    <t>40815</t>
  </si>
  <si>
    <t>9.508333206176758</t>
  </si>
  <si>
    <t>958.6000366210938</t>
  </si>
  <si>
    <t>0.019945232098086407</t>
  </si>
  <si>
    <t>41315</t>
  </si>
  <si>
    <t>8.491667747497559</t>
  </si>
  <si>
    <t>891.8999633789062</t>
  </si>
  <si>
    <t>0.012175969249828</t>
  </si>
  <si>
    <t>41529</t>
  </si>
  <si>
    <t>775.7000122070312</t>
  </si>
  <si>
    <t>0.005166348220560835</t>
  </si>
  <si>
    <t>42213</t>
  </si>
  <si>
    <t>824.8999633789062</t>
  </si>
  <si>
    <t>0.016336252100519033</t>
  </si>
  <si>
    <t>43058</t>
  </si>
  <si>
    <t>8.6416654586792</t>
  </si>
  <si>
    <t>873.9000244140625</t>
  </si>
  <si>
    <t>0.019819813564909694</t>
  </si>
  <si>
    <t>43844</t>
  </si>
  <si>
    <t>8.55000114440918</t>
  </si>
  <si>
    <t>0.018089835314340164</t>
  </si>
  <si>
    <t>45062</t>
  </si>
  <si>
    <t>968.5000610351562</t>
  </si>
  <si>
    <t>0.027401439929716886</t>
  </si>
  <si>
    <t>45895</t>
  </si>
  <si>
    <t>8.716667175292969</t>
  </si>
  <si>
    <t>954.3999633789062</t>
  </si>
  <si>
    <t>0.018316859387860873</t>
  </si>
  <si>
    <t>1158.7999267578125</t>
  </si>
  <si>
    <t>0.026383804593251625</t>
  </si>
  <si>
    <t>46800</t>
  </si>
  <si>
    <t>9.008333206176758</t>
  </si>
  <si>
    <t>-0.0068567803407049155</t>
  </si>
  <si>
    <t>48808</t>
  </si>
  <si>
    <t>776.5999755859375</t>
  </si>
  <si>
    <t>0.042011030925950266</t>
  </si>
  <si>
    <t>51461</t>
  </si>
  <si>
    <t>8.066666603088379</t>
  </si>
  <si>
    <t>821.2999267578125</t>
  </si>
  <si>
    <t>0.05293000538422099</t>
  </si>
  <si>
    <t>53776</t>
  </si>
  <si>
    <t>976.4999389648438</t>
  </si>
  <si>
    <t>0.044003031748976795</t>
  </si>
  <si>
    <t>56790</t>
  </si>
  <si>
    <t>991.10009765625</t>
  </si>
  <si>
    <t>0.0545329829065917</t>
  </si>
  <si>
    <t>58850</t>
  </si>
  <si>
    <t>8.516667366027832</t>
  </si>
  <si>
    <t>810.800048828125</t>
  </si>
  <si>
    <t>0.035631579816943315</t>
  </si>
  <si>
    <t>54371</t>
  </si>
  <si>
    <t>8.933334350585938</t>
  </si>
  <si>
    <t>854.2999877929688</t>
  </si>
  <si>
    <t>-0.07916091022173433</t>
  </si>
  <si>
    <t>57831</t>
  </si>
  <si>
    <t>8.09999942779541</t>
  </si>
  <si>
    <t>922.7999267578125</t>
  </si>
  <si>
    <t>0.06169404059901318</t>
  </si>
  <si>
    <t>62791</t>
  </si>
  <si>
    <t>807.4999389648438</t>
  </si>
  <si>
    <t>0.08228678701851777</t>
  </si>
  <si>
    <t>66304</t>
  </si>
  <si>
    <t>835.7998657226562</t>
  </si>
  <si>
    <t>0.05443847609488195</t>
  </si>
  <si>
    <t>63262</t>
  </si>
  <si>
    <t>894.8999633789062</t>
  </si>
  <si>
    <t>-0.046965394264368854</t>
  </si>
  <si>
    <t>64443</t>
  </si>
  <si>
    <t>835.6000366210938</t>
  </si>
  <si>
    <t>0.01849627922735486</t>
  </si>
  <si>
    <t>67476</t>
  </si>
  <si>
    <t>0.045990866938115715</t>
  </si>
  <si>
    <t>68216</t>
  </si>
  <si>
    <t>820.7001342773438</t>
  </si>
  <si>
    <t>0.010907162341682763</t>
  </si>
  <si>
    <t>69454</t>
  </si>
  <si>
    <t>926.5000610351562</t>
  </si>
  <si>
    <t>0.01798552149442223</t>
  </si>
  <si>
    <t>71134</t>
  </si>
  <si>
    <t>693.1000366210938</t>
  </si>
  <si>
    <t>0.023900759292683205</t>
  </si>
  <si>
    <t>73118</t>
  </si>
  <si>
    <t>743.5000610351562</t>
  </si>
  <si>
    <t>0.02750915224736694</t>
  </si>
  <si>
    <t>69613</t>
  </si>
  <si>
    <t>834.7999877929688</t>
  </si>
  <si>
    <t>-0.04912324296616433</t>
  </si>
  <si>
    <t>71740</t>
  </si>
  <si>
    <t>883.4000244140625</t>
  </si>
  <si>
    <t>0.030097140596080152</t>
  </si>
  <si>
    <t>72465</t>
  </si>
  <si>
    <t>749.0000610351562</t>
  </si>
  <si>
    <t>0.010055214570343196</t>
  </si>
  <si>
    <t>27359</t>
  </si>
  <si>
    <t>119.45648956298828</t>
  </si>
  <si>
    <t>Birkenfeld</t>
  </si>
  <si>
    <t>28541</t>
  </si>
  <si>
    <t>532.5</t>
  </si>
  <si>
    <t>0.04229610759846203</t>
  </si>
  <si>
    <t>28863</t>
  </si>
  <si>
    <t>9.499999046325684</t>
  </si>
  <si>
    <t>769.7000732421875</t>
  </si>
  <si>
    <t>0.011218848069985299</t>
  </si>
  <si>
    <t>28388</t>
  </si>
  <si>
    <t>801.800048828125</t>
  </si>
  <si>
    <t>-0.016593977384500747</t>
  </si>
  <si>
    <t>28960</t>
  </si>
  <si>
    <t>776.7000122070312</t>
  </si>
  <si>
    <t>0.019949046854778274</t>
  </si>
  <si>
    <t>29314</t>
  </si>
  <si>
    <t>664.2000732421875</t>
  </si>
  <si>
    <t>0.0121496500875935</t>
  </si>
  <si>
    <t>29466</t>
  </si>
  <si>
    <t>7.541666507720947</t>
  </si>
  <si>
    <t>565.199951171875</t>
  </si>
  <si>
    <t>0.005171838680054108</t>
  </si>
  <si>
    <t>9.616666793823242</t>
  </si>
  <si>
    <t>755.0000610351562</t>
  </si>
  <si>
    <t>0.016359044010020085</t>
  </si>
  <si>
    <t>30552</t>
  </si>
  <si>
    <t>819.89990234375</t>
  </si>
  <si>
    <t>0.0198340496280327</t>
  </si>
  <si>
    <t>31109</t>
  </si>
  <si>
    <t>771.5001220703125</t>
  </si>
  <si>
    <t>0.018067016464557994</t>
  </si>
  <si>
    <t>958.800048828125</t>
  </si>
  <si>
    <t>0.027394630254569563</t>
  </si>
  <si>
    <t>32216</t>
  </si>
  <si>
    <t>889.7001342773438</t>
  </si>
  <si>
    <t>0.007571426906810785</t>
  </si>
  <si>
    <t>32122</t>
  </si>
  <si>
    <t>9.658332824707031</t>
  </si>
  <si>
    <t>909.7999877929688</t>
  </si>
  <si>
    <t>-0.0029220699084486768</t>
  </si>
  <si>
    <t>31194</t>
  </si>
  <si>
    <t>-0.02931538501107056</t>
  </si>
  <si>
    <t>32236</t>
  </si>
  <si>
    <t>9.17500114440918</t>
  </si>
  <si>
    <t>642.800048828125</t>
  </si>
  <si>
    <t>0.03285807183263145</t>
  </si>
  <si>
    <t>628.800048828125</t>
  </si>
  <si>
    <t>-0.01000772175424558</t>
  </si>
  <si>
    <t>33067</t>
  </si>
  <si>
    <t>775.2000732421875</t>
  </si>
  <si>
    <t>0.03545968750905004</t>
  </si>
  <si>
    <t>9.691666603088379</t>
  </si>
  <si>
    <t>0.018190220018537318</t>
  </si>
  <si>
    <t>34474</t>
  </si>
  <si>
    <t>8.783333778381348</t>
  </si>
  <si>
    <t>778.2999877929688</t>
  </si>
  <si>
    <t>0.023479390496591535</t>
  </si>
  <si>
    <t>33433</t>
  </si>
  <si>
    <t>9.433333396911621</t>
  </si>
  <si>
    <t>736.4000854492188</t>
  </si>
  <si>
    <t>-0.030661980571851544</t>
  </si>
  <si>
    <t>34674</t>
  </si>
  <si>
    <t>844.4000244140625</t>
  </si>
  <si>
    <t>0.03644669040334847</t>
  </si>
  <si>
    <t>35812</t>
  </si>
  <si>
    <t>10.17500114440918</t>
  </si>
  <si>
    <t>692.0</t>
  </si>
  <si>
    <t>0.032292906208214234</t>
  </si>
  <si>
    <t>36358</t>
  </si>
  <si>
    <t>758.0999145507812</t>
  </si>
  <si>
    <t>0.015131229523959178</t>
  </si>
  <si>
    <t>36138</t>
  </si>
  <si>
    <t>9.091666221618652</t>
  </si>
  <si>
    <t>780.5000610351562</t>
  </si>
  <si>
    <t>-0.006069319006229534</t>
  </si>
  <si>
    <t>10.391667366027832</t>
  </si>
  <si>
    <t>808.2000122070312</t>
  </si>
  <si>
    <t>0.03558165665578805</t>
  </si>
  <si>
    <t>38068</t>
  </si>
  <si>
    <t>658.699951171875</t>
  </si>
  <si>
    <t>0.01644743426466988</t>
  </si>
  <si>
    <t>38544</t>
  </si>
  <si>
    <t>731.8999633789062</t>
  </si>
  <si>
    <t>0.012426411662417536</t>
  </si>
  <si>
    <t>39336</t>
  </si>
  <si>
    <t>0.020339684237123734</t>
  </si>
  <si>
    <t>39513</t>
  </si>
  <si>
    <t>611.699951171875</t>
  </si>
  <si>
    <t>0.004489601575379254</t>
  </si>
  <si>
    <t>39787</t>
  </si>
  <si>
    <t>683.7000122070312</t>
  </si>
  <si>
    <t>0.006910494083312457</t>
  </si>
  <si>
    <t>37920</t>
  </si>
  <si>
    <t>10.549999237060547</t>
  </si>
  <si>
    <t>723.1000366210938</t>
  </si>
  <si>
    <t>-0.04806154838150967</t>
  </si>
  <si>
    <t>39078</t>
  </si>
  <si>
    <t>779.9000244140625</t>
  </si>
  <si>
    <t>0.030080971405498147</t>
  </si>
  <si>
    <t>39473</t>
  </si>
  <si>
    <t>644.3999633789062</t>
  </si>
  <si>
    <t>0.010057245088038513</t>
  </si>
  <si>
    <t>530</t>
  </si>
  <si>
    <t>42292</t>
  </si>
  <si>
    <t>1002.699951171875</t>
  </si>
  <si>
    <t>256.1651916503906</t>
  </si>
  <si>
    <t>Bodenseekreis</t>
  </si>
  <si>
    <t>44120</t>
  </si>
  <si>
    <t>830.0999755859375</t>
  </si>
  <si>
    <t>0.04231525151502247</t>
  </si>
  <si>
    <t>10.283332824707031</t>
  </si>
  <si>
    <t>944.300048828125</t>
  </si>
  <si>
    <t>0.011224170665155242</t>
  </si>
  <si>
    <t>43883</t>
  </si>
  <si>
    <t>1006.3999633789062</t>
  </si>
  <si>
    <t>-0.016610363703312814</t>
  </si>
  <si>
    <t>44767</t>
  </si>
  <si>
    <t>936.3999633789062</t>
  </si>
  <si>
    <t>0.019944259502597816</t>
  </si>
  <si>
    <t>45315</t>
  </si>
  <si>
    <t>946.0999755859375</t>
  </si>
  <si>
    <t>0.012166842657002519</t>
  </si>
  <si>
    <t>45550</t>
  </si>
  <si>
    <t>867.6998901367188</t>
  </si>
  <si>
    <t>0.005172520199222319</t>
  </si>
  <si>
    <t>46301</t>
  </si>
  <si>
    <t>873.2000122070312</t>
  </si>
  <si>
    <t>0.016352935425119952</t>
  </si>
  <si>
    <t>47228</t>
  </si>
  <si>
    <t>866.5999755859375</t>
  </si>
  <si>
    <t>0.01982337791377553</t>
  </si>
  <si>
    <t>48090</t>
  </si>
  <si>
    <t>9.466667175292969</t>
  </si>
  <si>
    <t>1080.0</t>
  </si>
  <si>
    <t>0.018087318244708328</t>
  </si>
  <si>
    <t>49426</t>
  </si>
  <si>
    <t>1002.0000610351562</t>
  </si>
  <si>
    <t>0.027402346238202924</t>
  </si>
  <si>
    <t>52557</t>
  </si>
  <si>
    <t>9.608333587646484</t>
  </si>
  <si>
    <t>978.3999633789062</t>
  </si>
  <si>
    <t>0.06142169339402059</t>
  </si>
  <si>
    <t>48924</t>
  </si>
  <si>
    <t>1135.0</t>
  </si>
  <si>
    <t>-0.07163022129667773</t>
  </si>
  <si>
    <t>48974</t>
  </si>
  <si>
    <t>745.7000122070312</t>
  </si>
  <si>
    <t>0.0010214714161165261</t>
  </si>
  <si>
    <t>50727</t>
  </si>
  <si>
    <t>9.633333206176758</t>
  </si>
  <si>
    <t>763.5</t>
  </si>
  <si>
    <t>0.03516876818316739</t>
  </si>
  <si>
    <t>51906</t>
  </si>
  <si>
    <t>820.8999633789062</t>
  </si>
  <si>
    <t>0.022976077201890988</t>
  </si>
  <si>
    <t>55072</t>
  </si>
  <si>
    <t>891.300048828125</t>
  </si>
  <si>
    <t>0.059207029602836414</t>
  </si>
  <si>
    <t>58109</t>
  </si>
  <si>
    <t>971.8001098632812</t>
  </si>
  <si>
    <t>0.05367913716777295</t>
  </si>
  <si>
    <t>58072</t>
  </si>
  <si>
    <t>840.6000366210938</t>
  </si>
  <si>
    <t>-0.0006369372143613106</t>
  </si>
  <si>
    <t>48896</t>
  </si>
  <si>
    <t>881.0</t>
  </si>
  <si>
    <t>-0.1719880264384841</t>
  </si>
  <si>
    <t>57513</t>
  </si>
  <si>
    <t>9.133334159851074</t>
  </si>
  <si>
    <t>947.2999877929688</t>
  </si>
  <si>
    <t>0.1623154156619666</t>
  </si>
  <si>
    <t>64874</t>
  </si>
  <si>
    <t>902.0</t>
  </si>
  <si>
    <t>0.1204359179030412</t>
  </si>
  <si>
    <t>63468</t>
  </si>
  <si>
    <t>953.800048828125</t>
  </si>
  <si>
    <t>-0.021911085237221073</t>
  </si>
  <si>
    <t>63983</t>
  </si>
  <si>
    <t>0.008081581203260413</t>
  </si>
  <si>
    <t>64156</t>
  </si>
  <si>
    <t>913.9000244140625</t>
  </si>
  <si>
    <t>0.0027001944000275557</t>
  </si>
  <si>
    <t>63397</t>
  </si>
  <si>
    <t>841.6000366210938</t>
  </si>
  <si>
    <t>-0.011901075763498525</t>
  </si>
  <si>
    <t>68456</t>
  </si>
  <si>
    <t>987.5000610351562</t>
  </si>
  <si>
    <t>0.07677466140412115</t>
  </si>
  <si>
    <t>69898</t>
  </si>
  <si>
    <t>1102.400146484375</t>
  </si>
  <si>
    <t>0.020845833411380355</t>
  </si>
  <si>
    <t>68983</t>
  </si>
  <si>
    <t>763.800048828125</t>
  </si>
  <si>
    <t>-0.013176939097220952</t>
  </si>
  <si>
    <t>66940</t>
  </si>
  <si>
    <t>887.1000366210938</t>
  </si>
  <si>
    <t>-0.030063401646732046</t>
  </si>
  <si>
    <t>10.84999942779541</t>
  </si>
  <si>
    <t>969.699951171875</t>
  </si>
  <si>
    <t>-0.04011265548246712</t>
  </si>
  <si>
    <t>66272</t>
  </si>
  <si>
    <t>9.883332252502441</t>
  </si>
  <si>
    <t>943.7000122070312</t>
  </si>
  <si>
    <t>0.030083444912460067</t>
  </si>
  <si>
    <t>66942</t>
  </si>
  <si>
    <t>826.2999877929688</t>
  </si>
  <si>
    <t>0.010059087625924334</t>
  </si>
  <si>
    <t>32490</t>
  </si>
  <si>
    <t>736.2000122070312</t>
  </si>
  <si>
    <t>534.9859619140625</t>
  </si>
  <si>
    <t>Borken</t>
  </si>
  <si>
    <t>33894</t>
  </si>
  <si>
    <t>637.9000244140625</t>
  </si>
  <si>
    <t>0.04230565789017149</t>
  </si>
  <si>
    <t>34277</t>
  </si>
  <si>
    <t>835.1000366210938</t>
  </si>
  <si>
    <t>0.011236567743010184</t>
  </si>
  <si>
    <t>33712</t>
  </si>
  <si>
    <t>875.0</t>
  </si>
  <si>
    <t>-0.01662071825235678</t>
  </si>
  <si>
    <t>34391</t>
  </si>
  <si>
    <t>924.800048828125</t>
  </si>
  <si>
    <t>0.019941045179990624</t>
  </si>
  <si>
    <t>34812</t>
  </si>
  <si>
    <t>655.0</t>
  </si>
  <si>
    <t>0.012167252685443941</t>
  </si>
  <si>
    <t>567.5999755859375</t>
  </si>
  <si>
    <t>0.005185886559479158</t>
  </si>
  <si>
    <t>35569</t>
  </si>
  <si>
    <t>746.7999877929688</t>
  </si>
  <si>
    <t>0.01632643049956428</t>
  </si>
  <si>
    <t>36282</t>
  </si>
  <si>
    <t>1031.300048828125</t>
  </si>
  <si>
    <t>0.01984727853282031</t>
  </si>
  <si>
    <t>36944</t>
  </si>
  <si>
    <t>866.300048828125</t>
  </si>
  <si>
    <t>0.01808150209300763</t>
  </si>
  <si>
    <t>37970</t>
  </si>
  <si>
    <t>861.7000732421875</t>
  </si>
  <si>
    <t>0.02739312163157237</t>
  </si>
  <si>
    <t>37740</t>
  </si>
  <si>
    <t>904.1000366210938</t>
  </si>
  <si>
    <t>-0.00607583430330827</t>
  </si>
  <si>
    <t>36657</t>
  </si>
  <si>
    <t>10.841666221618652</t>
  </si>
  <si>
    <t>917.7999877929688</t>
  </si>
  <si>
    <t>-0.029116133937908018</t>
  </si>
  <si>
    <t>665.5999755859375</t>
  </si>
  <si>
    <t>-0.01160650144867681</t>
  </si>
  <si>
    <t>36975</t>
  </si>
  <si>
    <t>811.2000122070312</t>
  </si>
  <si>
    <t>0.02024410404304433</t>
  </si>
  <si>
    <t>10.383333206176758</t>
  </si>
  <si>
    <t>778.2000122070312</t>
  </si>
  <si>
    <t>0.015963850989015427</t>
  </si>
  <si>
    <t>39068</t>
  </si>
  <si>
    <t>11.500000953674316</t>
  </si>
  <si>
    <t>834.9999389648438</t>
  </si>
  <si>
    <t>0.039097857999351504</t>
  </si>
  <si>
    <t>40482</t>
  </si>
  <si>
    <t>885.0</t>
  </si>
  <si>
    <t>0.03555371328811319</t>
  </si>
  <si>
    <t>42126</t>
  </si>
  <si>
    <t>786.800048828125</t>
  </si>
  <si>
    <t>0.03980769638982373</t>
  </si>
  <si>
    <t>40340</t>
  </si>
  <si>
    <t>744.5</t>
  </si>
  <si>
    <t>-0.043321594737101066</t>
  </si>
  <si>
    <t>42799</t>
  </si>
  <si>
    <t>810.300048828125</t>
  </si>
  <si>
    <t>0.059171205302749996</t>
  </si>
  <si>
    <t>46150</t>
  </si>
  <si>
    <t>11.475001335144043</t>
  </si>
  <si>
    <t>770.9000244140625</t>
  </si>
  <si>
    <t>0.07538222312004628</t>
  </si>
  <si>
    <t>46799</t>
  </si>
  <si>
    <t>10.491666793823242</t>
  </si>
  <si>
    <t>790.0999755859375</t>
  </si>
  <si>
    <t>0.01396487422508308</t>
  </si>
  <si>
    <t>46956</t>
  </si>
  <si>
    <t>10.366668701171875</t>
  </si>
  <si>
    <t>731.800048828125</t>
  </si>
  <si>
    <t>0.003349157842331252</t>
  </si>
  <si>
    <t>48010</t>
  </si>
  <si>
    <t>774.2000732421875</t>
  </si>
  <si>
    <t>0.022198329526572635</t>
  </si>
  <si>
    <t>48842</t>
  </si>
  <si>
    <t>785.7000732421875</t>
  </si>
  <si>
    <t>0.017181275902174775</t>
  </si>
  <si>
    <t>49504</t>
  </si>
  <si>
    <t>728.9000244140625</t>
  </si>
  <si>
    <t>0.013462875945631225</t>
  </si>
  <si>
    <t>50638</t>
  </si>
  <si>
    <t>11.633332252502441</t>
  </si>
  <si>
    <t>874.7000122070312</t>
  </si>
  <si>
    <t>0.02264880819456394</t>
  </si>
  <si>
    <t>50389</t>
  </si>
  <si>
    <t>597.300048828125</t>
  </si>
  <si>
    <t>-0.0049293852970127006</t>
  </si>
  <si>
    <t>51430</t>
  </si>
  <si>
    <t>767.0000610351562</t>
  </si>
  <si>
    <t>0.020448762498618933</t>
  </si>
  <si>
    <t>50088</t>
  </si>
  <si>
    <t>11.841668128967285</t>
  </si>
  <si>
    <t>779.7999877929688</t>
  </si>
  <si>
    <t>-0.026440201343815417</t>
  </si>
  <si>
    <t>51618</t>
  </si>
  <si>
    <t>827.4000244140625</t>
  </si>
  <si>
    <t>0.030088990424255613</t>
  </si>
  <si>
    <t>52140</t>
  </si>
  <si>
    <t>713.6000366210938</t>
  </si>
  <si>
    <t>0.010061959638090201</t>
  </si>
  <si>
    <t>536</t>
  </si>
  <si>
    <t>28036</t>
  </si>
  <si>
    <t>1094.2999267578125</t>
  </si>
  <si>
    <t>136.1249542236328</t>
  </si>
  <si>
    <t>Breisgau-Hochschwarzwald</t>
  </si>
  <si>
    <t>29248</t>
  </si>
  <si>
    <t>0.04232179663365976</t>
  </si>
  <si>
    <t>29578</t>
  </si>
  <si>
    <t>8.716668128967285</t>
  </si>
  <si>
    <t>1118.10009765625</t>
  </si>
  <si>
    <t>0.011219646472838463</t>
  </si>
  <si>
    <t>29091</t>
  </si>
  <si>
    <t>7.858333587646484</t>
  </si>
  <si>
    <t>1144.5999755859375</t>
  </si>
  <si>
    <t>-0.016601993754058242</t>
  </si>
  <si>
    <t>29677</t>
  </si>
  <si>
    <t>1176.5999755859375</t>
  </si>
  <si>
    <t>0.01994348703280302</t>
  </si>
  <si>
    <t>30040</t>
  </si>
  <si>
    <t>1169.5</t>
  </si>
  <si>
    <t>0.01215749187261217</t>
  </si>
  <si>
    <t>30196</t>
  </si>
  <si>
    <t>6.874999523162842</t>
  </si>
  <si>
    <t>1043.0</t>
  </si>
  <si>
    <t>0.005179638381443752</t>
  </si>
  <si>
    <t>30694</t>
  </si>
  <si>
    <t>1099.39990234375</t>
  </si>
  <si>
    <t>0.01635773047552469</t>
  </si>
  <si>
    <t>31308</t>
  </si>
  <si>
    <t>1085.199951171875</t>
  </si>
  <si>
    <t>0.0198064601896899</t>
  </si>
  <si>
    <t>31880</t>
  </si>
  <si>
    <t>7.991666793823242</t>
  </si>
  <si>
    <t>1355.900146484375</t>
  </si>
  <si>
    <t>0.01810519797942156</t>
  </si>
  <si>
    <t>32765</t>
  </si>
  <si>
    <t>1185.5</t>
  </si>
  <si>
    <t>0.027382018569445776</t>
  </si>
  <si>
    <t>33598</t>
  </si>
  <si>
    <t>1232.9000244140625</t>
  </si>
  <si>
    <t>0.02510566889656296</t>
  </si>
  <si>
    <t>32517</t>
  </si>
  <si>
    <t>1453.7000732421875</t>
  </si>
  <si>
    <t>-0.03270351188630016</t>
  </si>
  <si>
    <t>873.5</t>
  </si>
  <si>
    <t>-0.0043456219281576836</t>
  </si>
  <si>
    <t>32012</t>
  </si>
  <si>
    <t>8.17500114440918</t>
  </si>
  <si>
    <t>968.2999267578125</t>
  </si>
  <si>
    <t>-0.011306575068765312</t>
  </si>
  <si>
    <t>31718</t>
  </si>
  <si>
    <t>7.766665935516357</t>
  </si>
  <si>
    <t>-0.009226489428391105</t>
  </si>
  <si>
    <t>33475</t>
  </si>
  <si>
    <t>1346.800048828125</t>
  </si>
  <si>
    <t>0.053914548500827664</t>
  </si>
  <si>
    <t>1238.6002197265625</t>
  </si>
  <si>
    <t>0.018850336966142578</t>
  </si>
  <si>
    <t>34622</t>
  </si>
  <si>
    <t>1126.0</t>
  </si>
  <si>
    <t>0.014840089611158902</t>
  </si>
  <si>
    <t>32466</t>
  </si>
  <si>
    <t>1102.0</t>
  </si>
  <si>
    <t>-0.0642959302658852</t>
  </si>
  <si>
    <t>34829</t>
  </si>
  <si>
    <t>7.674999237060547</t>
  </si>
  <si>
    <t>1072.5</t>
  </si>
  <si>
    <t>0.07025698519566781</t>
  </si>
  <si>
    <t>37584</t>
  </si>
  <si>
    <t>979.10009765625</t>
  </si>
  <si>
    <t>0.07612805483223717</t>
  </si>
  <si>
    <t>37997</t>
  </si>
  <si>
    <t>8.400001525878906</t>
  </si>
  <si>
    <t>1162.60009765625</t>
  </si>
  <si>
    <t>0.010928781324899717</t>
  </si>
  <si>
    <t>38633</t>
  </si>
  <si>
    <t>8.34999942779541</t>
  </si>
  <si>
    <t>0.016599624271220748</t>
  </si>
  <si>
    <t>39891</t>
  </si>
  <si>
    <t>1135.699951171875</t>
  </si>
  <si>
    <t>0.032043901030000654</t>
  </si>
  <si>
    <t>39675</t>
  </si>
  <si>
    <t>895.7999877929688</t>
  </si>
  <si>
    <t>-0.005429468130206061</t>
  </si>
  <si>
    <t>40087</t>
  </si>
  <si>
    <t>8.433333396911621</t>
  </si>
  <si>
    <t>1090.7999267578125</t>
  </si>
  <si>
    <t>0.010330825813081645</t>
  </si>
  <si>
    <t>39979</t>
  </si>
  <si>
    <t>1163.099853515625</t>
  </si>
  <si>
    <t>-0.0026977759723703088</t>
  </si>
  <si>
    <t>40084</t>
  </si>
  <si>
    <t>798.3001098632812</t>
  </si>
  <si>
    <t>0.002622935942898863</t>
  </si>
  <si>
    <t>41003</t>
  </si>
  <si>
    <t>1006.800048828125</t>
  </si>
  <si>
    <t>0.02266798256308533</t>
  </si>
  <si>
    <t>39303</t>
  </si>
  <si>
    <t>9.59999942779541</t>
  </si>
  <si>
    <t>996.7000732421875</t>
  </si>
  <si>
    <t>-0.04234438291952536</t>
  </si>
  <si>
    <t>40503</t>
  </si>
  <si>
    <t>1072.4000244140625</t>
  </si>
  <si>
    <t>0.03007519360357591</t>
  </si>
  <si>
    <t>40913</t>
  </si>
  <si>
    <t>977.60009765625</t>
  </si>
  <si>
    <t>0.01007181551319114</t>
  </si>
  <si>
    <t>541</t>
  </si>
  <si>
    <t>21069</t>
  </si>
  <si>
    <t>10.129548072814941</t>
  </si>
  <si>
    <t>571.2200317382812</t>
  </si>
  <si>
    <t>299.8865661621094</t>
  </si>
  <si>
    <t>BÔøΩrde</t>
  </si>
  <si>
    <t>21979</t>
  </si>
  <si>
    <t>8.971858978271484</t>
  </si>
  <si>
    <t>470.2643127441406</t>
  </si>
  <si>
    <t>0.04228468619014336</t>
  </si>
  <si>
    <t>22227</t>
  </si>
  <si>
    <t>10.104023933410645</t>
  </si>
  <si>
    <t>572.7936401367188</t>
  </si>
  <si>
    <t>0.011220314067493575</t>
  </si>
  <si>
    <t>21861</t>
  </si>
  <si>
    <t>8.942954063415527</t>
  </si>
  <si>
    <t>625.0551147460938</t>
  </si>
  <si>
    <t>-0.016603538746375435</t>
  </si>
  <si>
    <t>22302</t>
  </si>
  <si>
    <t>9.754548072814941</t>
  </si>
  <si>
    <t>603.4839477539062</t>
  </si>
  <si>
    <t>0.01997213318691493</t>
  </si>
  <si>
    <t>22575</t>
  </si>
  <si>
    <t>8.967833518981934</t>
  </si>
  <si>
    <t>510.33587646484375</t>
  </si>
  <si>
    <t>0.012166738759878726</t>
  </si>
  <si>
    <t>22692</t>
  </si>
  <si>
    <t>7.531239986419678</t>
  </si>
  <si>
    <t>476.1044006347656</t>
  </si>
  <si>
    <t>0.005169340161272018</t>
  </si>
  <si>
    <t>23066</t>
  </si>
  <si>
    <t>9.722382545471191</t>
  </si>
  <si>
    <t>576.209228515625</t>
  </si>
  <si>
    <t>0.016347232339427364</t>
  </si>
  <si>
    <t>23528</t>
  </si>
  <si>
    <t>9.613525390625</t>
  </si>
  <si>
    <t>633.9234619140625</t>
  </si>
  <si>
    <t>0.01983152944794675</t>
  </si>
  <si>
    <t>23957</t>
  </si>
  <si>
    <t>10.026810646057129</t>
  </si>
  <si>
    <t>525.754150390625</t>
  </si>
  <si>
    <t>0.018069355475157423</t>
  </si>
  <si>
    <t>24622</t>
  </si>
  <si>
    <t>10.540739059448242</t>
  </si>
  <si>
    <t>557.6813354492188</t>
  </si>
  <si>
    <t>0.027379795498571724</t>
  </si>
  <si>
    <t>25813</t>
  </si>
  <si>
    <t>9.454668998718262</t>
  </si>
  <si>
    <t>571.7078857421875</t>
  </si>
  <si>
    <t>0.04723788876827051</t>
  </si>
  <si>
    <t>26889</t>
  </si>
  <si>
    <t>9.798026084899902</t>
  </si>
  <si>
    <t>680.4891967773438</t>
  </si>
  <si>
    <t>0.04083904004964012</t>
  </si>
  <si>
    <t>26479</t>
  </si>
  <si>
    <t>9.61014461517334</t>
  </si>
  <si>
    <t>452.31121826171875</t>
  </si>
  <si>
    <t>-0.015365315038071259</t>
  </si>
  <si>
    <t>26564</t>
  </si>
  <si>
    <t>9.858572959899902</t>
  </si>
  <si>
    <t>560.305908203125</t>
  </si>
  <si>
    <t>0.0032049496732042826</t>
  </si>
  <si>
    <t>27827</t>
  </si>
  <si>
    <t>9.017953872680664</t>
  </si>
  <si>
    <t>526.3084106445312</t>
  </si>
  <si>
    <t>0.0464498567077829</t>
  </si>
  <si>
    <t>29084</t>
  </si>
  <si>
    <t>10.813000679016113</t>
  </si>
  <si>
    <t>585.3248291015625</t>
  </si>
  <si>
    <t>0.044181422401560866</t>
  </si>
  <si>
    <t>31646</t>
  </si>
  <si>
    <t>10.434097290039062</t>
  </si>
  <si>
    <t>746.38525390625</t>
  </si>
  <si>
    <t>0.08442356350898095</t>
  </si>
  <si>
    <t>34713</t>
  </si>
  <si>
    <t>9.899073600769043</t>
  </si>
  <si>
    <t>510.7323913574219</t>
  </si>
  <si>
    <t>0.09250249826551737</t>
  </si>
  <si>
    <t>30304</t>
  </si>
  <si>
    <t>9.562881469726562</t>
  </si>
  <si>
    <t>576.1001586914062</t>
  </si>
  <si>
    <t>-0.13583453955864222</t>
  </si>
  <si>
    <t>8.89295482635498</t>
  </si>
  <si>
    <t>610.1246337890625</t>
  </si>
  <si>
    <t>0.08668133309079629</t>
  </si>
  <si>
    <t>35442</t>
  </si>
  <si>
    <t>10.27016830444336</t>
  </si>
  <si>
    <t>530.7677612304688</t>
  </si>
  <si>
    <t>0.0699365074586904</t>
  </si>
  <si>
    <t>37065</t>
  </si>
  <si>
    <t>9.541264533996582</t>
  </si>
  <si>
    <t>544.6821899414062</t>
  </si>
  <si>
    <t>0.0447755705555295</t>
  </si>
  <si>
    <t>9.550240516662598</t>
  </si>
  <si>
    <t>542.7808837890625</t>
  </si>
  <si>
    <t>0.011187689630803632</t>
  </si>
  <si>
    <t>37475</t>
  </si>
  <si>
    <t>11.173026084899902</t>
  </si>
  <si>
    <t>557.9342651367188</t>
  </si>
  <si>
    <t>-0.00018677375082631897</t>
  </si>
  <si>
    <t>10.441905975341797</t>
  </si>
  <si>
    <t>498.8865966796875</t>
  </si>
  <si>
    <t>-0.014243723748050385</t>
  </si>
  <si>
    <t>37255</t>
  </si>
  <si>
    <t>10.18526554107666</t>
  </si>
  <si>
    <t>480.2340393066406</t>
  </si>
  <si>
    <t>0.008355843765080806</t>
  </si>
  <si>
    <t>38144</t>
  </si>
  <si>
    <t>10.637478828430176</t>
  </si>
  <si>
    <t>728.6614379882812</t>
  </si>
  <si>
    <t>0.02358230743719325</t>
  </si>
  <si>
    <t>37718</t>
  </si>
  <si>
    <t>10.82850170135498</t>
  </si>
  <si>
    <t>366.8898620605469</t>
  </si>
  <si>
    <t>-0.011231037352711581</t>
  </si>
  <si>
    <t>39449</t>
  </si>
  <si>
    <t>11.330836296081543</t>
  </si>
  <si>
    <t>484.8503112792969</t>
  </si>
  <si>
    <t>0.044871264337972505</t>
  </si>
  <si>
    <t>37600</t>
  </si>
  <si>
    <t>10.910788536071777</t>
  </si>
  <si>
    <t>485.9049377441406</t>
  </si>
  <si>
    <t>-0.04800464803229687</t>
  </si>
  <si>
    <t>38749</t>
  </si>
  <si>
    <t>10.086311340332031</t>
  </si>
  <si>
    <t>542.3785400390625</t>
  </si>
  <si>
    <t>0.03010089861890286</t>
  </si>
  <si>
    <t>39140</t>
  </si>
  <si>
    <t>11.101932525634766</t>
  </si>
  <si>
    <t>439.801025390625</t>
  </si>
  <si>
    <t>0.010040012953178135</t>
  </si>
  <si>
    <t>543</t>
  </si>
  <si>
    <t>10.046433448791504</t>
  </si>
  <si>
    <t>718.2041625976562</t>
  </si>
  <si>
    <t>201.09365844726562</t>
  </si>
  <si>
    <t>Celle</t>
  </si>
  <si>
    <t>32794</t>
  </si>
  <si>
    <t>8.911419868469238</t>
  </si>
  <si>
    <t>581.4757690429688</t>
  </si>
  <si>
    <t>0.04232364999265137</t>
  </si>
  <si>
    <t>33164</t>
  </si>
  <si>
    <t>10.065707206726074</t>
  </si>
  <si>
    <t>775.7267456054688</t>
  </si>
  <si>
    <t>0.011219378426295279</t>
  </si>
  <si>
    <t>32617</t>
  </si>
  <si>
    <t>8.987345695495605</t>
  </si>
  <si>
    <t>812.3893432617188</t>
  </si>
  <si>
    <t>-0.016631325408150488</t>
  </si>
  <si>
    <t>33275</t>
  </si>
  <si>
    <t>9.901612281799316</t>
  </si>
  <si>
    <t>818.8753662109375</t>
  </si>
  <si>
    <t>0.019972739435354825</t>
  </si>
  <si>
    <t>33682</t>
  </si>
  <si>
    <t>9.1854248046875</t>
  </si>
  <si>
    <t>616.6477661132812</t>
  </si>
  <si>
    <t>0.012157205752686195</t>
  </si>
  <si>
    <t>33857</t>
  </si>
  <si>
    <t>7.653293132781982</t>
  </si>
  <si>
    <t>562.0452880859375</t>
  </si>
  <si>
    <t>0.005182202627771915</t>
  </si>
  <si>
    <t>34415</t>
  </si>
  <si>
    <t>9.807578086853027</t>
  </si>
  <si>
    <t>691.4334106445312</t>
  </si>
  <si>
    <t>0.016346743188693225</t>
  </si>
  <si>
    <t>35104</t>
  </si>
  <si>
    <t>9.617833137512207</t>
  </si>
  <si>
    <t>780.5205688476562</t>
  </si>
  <si>
    <t>0.019822568242492622</t>
  </si>
  <si>
    <t>35745</t>
  </si>
  <si>
    <t>10.0116605758667</t>
  </si>
  <si>
    <t>591.6181640625</t>
  </si>
  <si>
    <t>0.01809531512599527</t>
  </si>
  <si>
    <t>36737</t>
  </si>
  <si>
    <t>10.461420059204102</t>
  </si>
  <si>
    <t>649.3872680664062</t>
  </si>
  <si>
    <t>0.027374022362149475</t>
  </si>
  <si>
    <t>34357</t>
  </si>
  <si>
    <t>9.491631507873535</t>
  </si>
  <si>
    <t>732.5172729492188</t>
  </si>
  <si>
    <t>-0.06697863910326518</t>
  </si>
  <si>
    <t>33731</t>
  </si>
  <si>
    <t>9.852572441101074</t>
  </si>
  <si>
    <t>912.4151611328125</t>
  </si>
  <si>
    <t>-0.018388486645269708</t>
  </si>
  <si>
    <t>9.760424613952637</t>
  </si>
  <si>
    <t>539.3563842773438</t>
  </si>
  <si>
    <t>-0.044930260823337065</t>
  </si>
  <si>
    <t>31513</t>
  </si>
  <si>
    <t>9.716907501220703</t>
  </si>
  <si>
    <t>707.328369140625</t>
  </si>
  <si>
    <t>-0.023086875901373816</t>
  </si>
  <si>
    <t>9.147805213928223</t>
  </si>
  <si>
    <t>636.2823486328125</t>
  </si>
  <si>
    <t>-0.0033375215736128894</t>
  </si>
  <si>
    <t>10.675240516662598</t>
  </si>
  <si>
    <t>674.8988037109375</t>
  </si>
  <si>
    <t>0.06978216765401157</t>
  </si>
  <si>
    <t>10.32880687713623</t>
  </si>
  <si>
    <t>958.6041870117188</t>
  </si>
  <si>
    <t>0.0383889640559012</t>
  </si>
  <si>
    <t>35895</t>
  </si>
  <si>
    <t>9.637895584106445</t>
  </si>
  <si>
    <t>628.404541015625</t>
  </si>
  <si>
    <t>0.025364240784426784</t>
  </si>
  <si>
    <t>34758</t>
  </si>
  <si>
    <t>9.66639232635498</t>
  </si>
  <si>
    <t>719.998779296875</t>
  </si>
  <si>
    <t>-0.03218824868590353</t>
  </si>
  <si>
    <t>35786</t>
  </si>
  <si>
    <t>8.848320007324219</t>
  </si>
  <si>
    <t>730.4152221679688</t>
  </si>
  <si>
    <t>0.029146994127128067</t>
  </si>
  <si>
    <t>37476</t>
  </si>
  <si>
    <t>10.308539390563965</t>
  </si>
  <si>
    <t>666.7617797851562</t>
  </si>
  <si>
    <t>0.04614397261927117</t>
  </si>
  <si>
    <t>39584</t>
  </si>
  <si>
    <t>9.5352201461792</t>
  </si>
  <si>
    <t>658.590576171875</t>
  </si>
  <si>
    <t>0.05472426812113618</t>
  </si>
  <si>
    <t>39316</t>
  </si>
  <si>
    <t>9.440226554870605</t>
  </si>
  <si>
    <t>669.3560180664062</t>
  </si>
  <si>
    <t>-0.006793435505693779</t>
  </si>
  <si>
    <t>39928</t>
  </si>
  <si>
    <t>10.971915245056152</t>
  </si>
  <si>
    <t>662.0711669921875</t>
  </si>
  <si>
    <t>0.015446271462923988</t>
  </si>
  <si>
    <t>39484</t>
  </si>
  <si>
    <t>10.404973030090332</t>
  </si>
  <si>
    <t>648.6407470703125</t>
  </si>
  <si>
    <t>-0.011182305611665555</t>
  </si>
  <si>
    <t>38936</t>
  </si>
  <si>
    <t>9.919788360595703</t>
  </si>
  <si>
    <t>627.30126953125</t>
  </si>
  <si>
    <t>-0.0139762540244881</t>
  </si>
  <si>
    <t>39228</t>
  </si>
  <si>
    <t>10.620198249816895</t>
  </si>
  <si>
    <t>916.1868896484375</t>
  </si>
  <si>
    <t>0.007471504998919798</t>
  </si>
  <si>
    <t>40439</t>
  </si>
  <si>
    <t>10.765946388244629</t>
  </si>
  <si>
    <t>447.7580261230469</t>
  </si>
  <si>
    <t>0.030403888324368467</t>
  </si>
  <si>
    <t>40441</t>
  </si>
  <si>
    <t>11.11025333404541</t>
  </si>
  <si>
    <t>610.2506103515625</t>
  </si>
  <si>
    <t>4.945598418437669e-05</t>
  </si>
  <si>
    <t>38614</t>
  </si>
  <si>
    <t>10.871639251708984</t>
  </si>
  <si>
    <t>593.5617065429688</t>
  </si>
  <si>
    <t>-0.04622921682500092</t>
  </si>
  <si>
    <t>39794</t>
  </si>
  <si>
    <t>9.922394752502441</t>
  </si>
  <si>
    <t>675.0753173828125</t>
  </si>
  <si>
    <t>0.030101242143430795</t>
  </si>
  <si>
    <t>40196</t>
  </si>
  <si>
    <t>11.13614559173584</t>
  </si>
  <si>
    <t>537.5859985351562</t>
  </si>
  <si>
    <t>0.010051341029654992</t>
  </si>
  <si>
    <t>29739</t>
  </si>
  <si>
    <t>8.5166654586792</t>
  </si>
  <si>
    <t>81.57829284667969</t>
  </si>
  <si>
    <t>Cham</t>
  </si>
  <si>
    <t>31024</t>
  </si>
  <si>
    <t>617.8999633789062</t>
  </si>
  <si>
    <t>0.0423017827814256</t>
  </si>
  <si>
    <t>8.541666984558105</t>
  </si>
  <si>
    <t>751.800048828125</t>
  </si>
  <si>
    <t>0.01121842593375355</t>
  </si>
  <si>
    <t>30857</t>
  </si>
  <si>
    <t>806.7999877929688</t>
  </si>
  <si>
    <t>-0.016615895445543316</t>
  </si>
  <si>
    <t>31479</t>
  </si>
  <si>
    <t>8.683333396911621</t>
  </si>
  <si>
    <t>766.5000610351562</t>
  </si>
  <si>
    <t>0.01995702785537823</t>
  </si>
  <si>
    <t>7.741665363311768</t>
  </si>
  <si>
    <t>764.5999755859375</t>
  </si>
  <si>
    <t>0.012156189035458453</t>
  </si>
  <si>
    <t>32029</t>
  </si>
  <si>
    <t>661.9000244140625</t>
  </si>
  <si>
    <t>0.005164896523782048</t>
  </si>
  <si>
    <t>32557</t>
  </si>
  <si>
    <t>628.7999877929688</t>
  </si>
  <si>
    <t>0.01635065689414894</t>
  </si>
  <si>
    <t>33209</t>
  </si>
  <si>
    <t>723.6000366210938</t>
  </si>
  <si>
    <t>0.01982852422579917</t>
  </si>
  <si>
    <t>33815</t>
  </si>
  <si>
    <t>802.7999877929688</t>
  </si>
  <si>
    <t>0.018083567503831333</t>
  </si>
  <si>
    <t>34755</t>
  </si>
  <si>
    <t>848.1000366210938</t>
  </si>
  <si>
    <t>0.02741895552554574</t>
  </si>
  <si>
    <t>34781</t>
  </si>
  <si>
    <t>775.0000610351562</t>
  </si>
  <si>
    <t>0.0007478141167638341</t>
  </si>
  <si>
    <t>36341</t>
  </si>
  <si>
    <t>958.2998657226562</t>
  </si>
  <si>
    <t>0.04387531980682802</t>
  </si>
  <si>
    <t>35581</t>
  </si>
  <si>
    <t>8.233333587646484</t>
  </si>
  <si>
    <t>562.2000732421875</t>
  </si>
  <si>
    <t>-0.02113479295596221</t>
  </si>
  <si>
    <t>35314</t>
  </si>
  <si>
    <t>596.0999755859375</t>
  </si>
  <si>
    <t>-0.007532301639473715</t>
  </si>
  <si>
    <t>35838</t>
  </si>
  <si>
    <t>715.7999877929688</t>
  </si>
  <si>
    <t>0.014729297097618499</t>
  </si>
  <si>
    <t>38642</t>
  </si>
  <si>
    <t>9.041666984558105</t>
  </si>
  <si>
    <t>747.6000366210938</t>
  </si>
  <si>
    <t>0.07533098486096712</t>
  </si>
  <si>
    <t>40469</t>
  </si>
  <si>
    <t>772.6000366210938</t>
  </si>
  <si>
    <t>0.04619648108181629</t>
  </si>
  <si>
    <t>8.383333206176758</t>
  </si>
  <si>
    <t>627.0</t>
  </si>
  <si>
    <t>-0.0077643800917268635</t>
  </si>
  <si>
    <t>8.358332633972168</t>
  </si>
  <si>
    <t>742.1000366210938</t>
  </si>
  <si>
    <t>0.006429134356526589</t>
  </si>
  <si>
    <t>40710</t>
  </si>
  <si>
    <t>7.516666889190674</t>
  </si>
  <si>
    <t>774.8999633789062</t>
  </si>
  <si>
    <t>0.007272759329080003</t>
  </si>
  <si>
    <t>45028</t>
  </si>
  <si>
    <t>728.5000610351562</t>
  </si>
  <si>
    <t>0.10081075597767075</t>
  </si>
  <si>
    <t>44297</t>
  </si>
  <si>
    <t>704.9000244140625</t>
  </si>
  <si>
    <t>-0.016367563824870146</t>
  </si>
  <si>
    <t>43009</t>
  </si>
  <si>
    <t>8.233332633972168</t>
  </si>
  <si>
    <t>786.7000122070312</t>
  </si>
  <si>
    <t>-0.029507558549219937</t>
  </si>
  <si>
    <t>46274</t>
  </si>
  <si>
    <t>708.5</t>
  </si>
  <si>
    <t>0.07317085216702246</t>
  </si>
  <si>
    <t>46851</t>
  </si>
  <si>
    <t>606.0</t>
  </si>
  <si>
    <t>0.012392104888327538</t>
  </si>
  <si>
    <t>47834</t>
  </si>
  <si>
    <t>772.9000854492188</t>
  </si>
  <si>
    <t>0.02076433054285509</t>
  </si>
  <si>
    <t>49373</t>
  </si>
  <si>
    <t>9.233332633972168</t>
  </si>
  <si>
    <t>827.2999877929688</t>
  </si>
  <si>
    <t>0.03166703235509516</t>
  </si>
  <si>
    <t>50624</t>
  </si>
  <si>
    <t>9.466668128967285</t>
  </si>
  <si>
    <t>637.4000244140625</t>
  </si>
  <si>
    <t>0.025022056073419563</t>
  </si>
  <si>
    <t>51344</t>
  </si>
  <si>
    <t>641.7000122070312</t>
  </si>
  <si>
    <t>0.014122312222312416</t>
  </si>
  <si>
    <t>50842</t>
  </si>
  <si>
    <t>9.416666030883789</t>
  </si>
  <si>
    <t>771.2999877929688</t>
  </si>
  <si>
    <t>-0.00982529971694035</t>
  </si>
  <si>
    <t>52395</t>
  </si>
  <si>
    <t>750.5999755859375</t>
  </si>
  <si>
    <t>0.030088382276344916</t>
  </si>
  <si>
    <t>52924</t>
  </si>
  <si>
    <t>667.5999755859375</t>
  </si>
  <si>
    <t>0.010045755253258903</t>
  </si>
  <si>
    <t>28724</t>
  </si>
  <si>
    <t>10.408334732055664</t>
  </si>
  <si>
    <t>789.300048828125</t>
  </si>
  <si>
    <t>83.94578552246094</t>
  </si>
  <si>
    <t>Cloppenburg</t>
  </si>
  <si>
    <t>9.241666793823242</t>
  </si>
  <si>
    <t>628.0000610351562</t>
  </si>
  <si>
    <t>0.042330395372882634</t>
  </si>
  <si>
    <t>887.7000732421875</t>
  </si>
  <si>
    <t>0.011216311382714395</t>
  </si>
  <si>
    <t>29804</t>
  </si>
  <si>
    <t>903.5</t>
  </si>
  <si>
    <t>-0.01663710431218668</t>
  </si>
  <si>
    <t>30405</t>
  </si>
  <si>
    <t>953.2999877929688</t>
  </si>
  <si>
    <t>0.019964455880591814</t>
  </si>
  <si>
    <t>30777</t>
  </si>
  <si>
    <t>728.9999389648438</t>
  </si>
  <si>
    <t>0.012160589201613448</t>
  </si>
  <si>
    <t>30937</t>
  </si>
  <si>
    <t>7.933332443237305</t>
  </si>
  <si>
    <t>603.2000732421875</t>
  </si>
  <si>
    <t>0.0051852208084604</t>
  </si>
  <si>
    <t>31447</t>
  </si>
  <si>
    <t>782.9000244140625</t>
  </si>
  <si>
    <t>0.016350710507280652</t>
  </si>
  <si>
    <t>32076</t>
  </si>
  <si>
    <t>935.4000244140625</t>
  </si>
  <si>
    <t>0.019804497855355763</t>
  </si>
  <si>
    <t>32662</t>
  </si>
  <si>
    <t>741.9000244140625</t>
  </si>
  <si>
    <t>0.018104235709769156</t>
  </si>
  <si>
    <t>33569</t>
  </si>
  <si>
    <t>754.0000610351562</t>
  </si>
  <si>
    <t>0.02739069939206651</t>
  </si>
  <si>
    <t>36377</t>
  </si>
  <si>
    <t>9.966668128967285</t>
  </si>
  <si>
    <t>0.08033368475140712</t>
  </si>
  <si>
    <t>34584</t>
  </si>
  <si>
    <t>1015.199951171875</t>
  </si>
  <si>
    <t>-0.05054555943269534</t>
  </si>
  <si>
    <t>32954</t>
  </si>
  <si>
    <t>10.07500171661377</t>
  </si>
  <si>
    <t>-0.04827849773008985</t>
  </si>
  <si>
    <t>0.04308925301920219</t>
  </si>
  <si>
    <t>34737</t>
  </si>
  <si>
    <t>764.7000732421875</t>
  </si>
  <si>
    <t>0.009603498643803832</t>
  </si>
  <si>
    <t>36547</t>
  </si>
  <si>
    <t>11.09999942779541</t>
  </si>
  <si>
    <t>777.0000610351562</t>
  </si>
  <si>
    <t>0.05079370218548185</t>
  </si>
  <si>
    <t>37113</t>
  </si>
  <si>
    <t>1030.300048828125</t>
  </si>
  <si>
    <t>0.015368209065076854</t>
  </si>
  <si>
    <t>38594</t>
  </si>
  <si>
    <t>711.5</t>
  </si>
  <si>
    <t>0.03912951142535981</t>
  </si>
  <si>
    <t>9.95000171661377</t>
  </si>
  <si>
    <t>819.2999877929688</t>
  </si>
  <si>
    <t>-0.019518685645318</t>
  </si>
  <si>
    <t>825.9000244140625</t>
  </si>
  <si>
    <t>0.10101532486577014</t>
  </si>
  <si>
    <t>42933</t>
  </si>
  <si>
    <t>768.0999755859375</t>
  </si>
  <si>
    <t>0.025047297802231583</t>
  </si>
  <si>
    <t>709.8999633789062</t>
  </si>
  <si>
    <t>0.038294871393528496</t>
  </si>
  <si>
    <t>43504</t>
  </si>
  <si>
    <t>9.733333587646484</t>
  </si>
  <si>
    <t>762.10009765625</t>
  </si>
  <si>
    <t>-0.02508274450026171</t>
  </si>
  <si>
    <t>44571</t>
  </si>
  <si>
    <t>771.5</t>
  </si>
  <si>
    <t>0.024230535433209965</t>
  </si>
  <si>
    <t>44680</t>
  </si>
  <si>
    <t>10.533331871032715</t>
  </si>
  <si>
    <t>754.300048828125</t>
  </si>
  <si>
    <t>0.002442550877674421</t>
  </si>
  <si>
    <t>45364</t>
  </si>
  <si>
    <t>10.375</t>
  </si>
  <si>
    <t>735.1000366210938</t>
  </si>
  <si>
    <t>0.015192864752084034</t>
  </si>
  <si>
    <t>10.816666603088379</t>
  </si>
  <si>
    <t>989.0999755859375</t>
  </si>
  <si>
    <t>0.030009851623692185</t>
  </si>
  <si>
    <t>45266</t>
  </si>
  <si>
    <t>530.5</t>
  </si>
  <si>
    <t>-0.03217249176924142</t>
  </si>
  <si>
    <t>46367</t>
  </si>
  <si>
    <t>731.4000244140625</t>
  </si>
  <si>
    <t>0.024031800500521783</t>
  </si>
  <si>
    <t>46219</t>
  </si>
  <si>
    <t>693.9000244140625</t>
  </si>
  <si>
    <t>-0.0031970303514352594</t>
  </si>
  <si>
    <t>47631</t>
  </si>
  <si>
    <t>775.1000366210938</t>
  </si>
  <si>
    <t>0.03009284080686392</t>
  </si>
  <si>
    <t>48113</t>
  </si>
  <si>
    <t>685.4999389648438</t>
  </si>
  <si>
    <t>0.010068601102069863</t>
  </si>
  <si>
    <t>549</t>
  </si>
  <si>
    <t>27203</t>
  </si>
  <si>
    <t>731.6000366210938</t>
  </si>
  <si>
    <t>162.67135620117188</t>
  </si>
  <si>
    <t>Cochem-Zell</t>
  </si>
  <si>
    <t>28379</t>
  </si>
  <si>
    <t>537.7999877929688</t>
  </si>
  <si>
    <t>0.04232217369169433</t>
  </si>
  <si>
    <t>28699</t>
  </si>
  <si>
    <t>780.7000122070312</t>
  </si>
  <si>
    <t>0.011212843923617655</t>
  </si>
  <si>
    <t>28226</t>
  </si>
  <si>
    <t>9.191667556762695</t>
  </si>
  <si>
    <t>786.300048828125</t>
  </si>
  <si>
    <t>-0.016618739961145934</t>
  </si>
  <si>
    <t>10.30000114440918</t>
  </si>
  <si>
    <t>0.019958221966820844</t>
  </si>
  <si>
    <t>29147</t>
  </si>
  <si>
    <t>9.641667366027832</t>
  </si>
  <si>
    <t>650.5000610351562</t>
  </si>
  <si>
    <t>0.012150230589682565</t>
  </si>
  <si>
    <t>29299</t>
  </si>
  <si>
    <t>8.033332824707031</t>
  </si>
  <si>
    <t>571.4000244140625</t>
  </si>
  <si>
    <t>0.00520139419943888</t>
  </si>
  <si>
    <t>29781</t>
  </si>
  <si>
    <t>10.133332252502441</t>
  </si>
  <si>
    <t>743.5</t>
  </si>
  <si>
    <t>0.01631722052793627</t>
  </si>
  <si>
    <t>30378</t>
  </si>
  <si>
    <t>806.0</t>
  </si>
  <si>
    <t>0.019848055940133946</t>
  </si>
  <si>
    <t>30932</t>
  </si>
  <si>
    <t>10.075000762939453</t>
  </si>
  <si>
    <t>771.2000122070312</t>
  </si>
  <si>
    <t>0.01807258453096061</t>
  </si>
  <si>
    <t>31791</t>
  </si>
  <si>
    <t>906.9000244140625</t>
  </si>
  <si>
    <t>0.027391984114020218</t>
  </si>
  <si>
    <t>33072</t>
  </si>
  <si>
    <t>9.708333969116211</t>
  </si>
  <si>
    <t>867.7999877929688</t>
  </si>
  <si>
    <t>0.03950377207860356</t>
  </si>
  <si>
    <t>928.2999267578125</t>
  </si>
  <si>
    <t>-0.0010588574405936413</t>
  </si>
  <si>
    <t>32988</t>
  </si>
  <si>
    <t>600.6000366210938</t>
  </si>
  <si>
    <t>-0.0014842865277095996</t>
  </si>
  <si>
    <t>32846</t>
  </si>
  <si>
    <t>9.67500114440918</t>
  </si>
  <si>
    <t>645.0</t>
  </si>
  <si>
    <t>-0.004313887055740651</t>
  </si>
  <si>
    <t>33252</t>
  </si>
  <si>
    <t>0.012284943753472888</t>
  </si>
  <si>
    <t>34081</t>
  </si>
  <si>
    <t>783.5000610351562</t>
  </si>
  <si>
    <t>0.02462512858478938</t>
  </si>
  <si>
    <t>35213</t>
  </si>
  <si>
    <t>814.9000854492188</t>
  </si>
  <si>
    <t>0.032675288351065035</t>
  </si>
  <si>
    <t>35298</t>
  </si>
  <si>
    <t>773.7000122070312</t>
  </si>
  <si>
    <t>0.002410972505678899</t>
  </si>
  <si>
    <t>35484</t>
  </si>
  <si>
    <t>720.2999877929688</t>
  </si>
  <si>
    <t>0.00525558554796568</t>
  </si>
  <si>
    <t>35886</t>
  </si>
  <si>
    <t>9.075000762939453</t>
  </si>
  <si>
    <t>844.2999877929688</t>
  </si>
  <si>
    <t>0.011265356632135237</t>
  </si>
  <si>
    <t>10.649999618530273</t>
  </si>
  <si>
    <t>708.7000122070312</t>
  </si>
  <si>
    <t>-0.0011152624810701894</t>
  </si>
  <si>
    <t>35444</t>
  </si>
  <si>
    <t>761.4000244140625</t>
  </si>
  <si>
    <t>-0.011277998624349195</t>
  </si>
  <si>
    <t>35720</t>
  </si>
  <si>
    <t>9.583333969116211</t>
  </si>
  <si>
    <t>759.4000244140625</t>
  </si>
  <si>
    <t>0.007756769823242138</t>
  </si>
  <si>
    <t>37037</t>
  </si>
  <si>
    <t>803.7999877929688</t>
  </si>
  <si>
    <t>0.03620665696900893</t>
  </si>
  <si>
    <t>37640</t>
  </si>
  <si>
    <t>658.7000122070312</t>
  </si>
  <si>
    <t>0.016149901739870742</t>
  </si>
  <si>
    <t>38871</t>
  </si>
  <si>
    <t>732.4999389648438</t>
  </si>
  <si>
    <t>0.032181156597605565</t>
  </si>
  <si>
    <t>40204</t>
  </si>
  <si>
    <t>10.849998474121094</t>
  </si>
  <si>
    <t>793.800048828125</t>
  </si>
  <si>
    <t>0.03371802184770978</t>
  </si>
  <si>
    <t>41429</t>
  </si>
  <si>
    <t>594.3999633789062</t>
  </si>
  <si>
    <t>0.030014625536791684</t>
  </si>
  <si>
    <t>42864</t>
  </si>
  <si>
    <t>670.7000732421875</t>
  </si>
  <si>
    <t>0.034051194102968196</t>
  </si>
  <si>
    <t>42179</t>
  </si>
  <si>
    <t>11.041666984558105</t>
  </si>
  <si>
    <t>713.2000732421875</t>
  </si>
  <si>
    <t>-0.01610984595110665</t>
  </si>
  <si>
    <t>43467</t>
  </si>
  <si>
    <t>780.0</t>
  </si>
  <si>
    <t>0.030079562655547676</t>
  </si>
  <si>
    <t>43907</t>
  </si>
  <si>
    <t>671.7000732421875</t>
  </si>
  <si>
    <t>0.0100717311660663</t>
  </si>
  <si>
    <t>21255</t>
  </si>
  <si>
    <t>197.6621551513672</t>
  </si>
  <si>
    <t>Cuxhaven</t>
  </si>
  <si>
    <t>22173</t>
  </si>
  <si>
    <t>8.891667366027832</t>
  </si>
  <si>
    <t>662.0999755859375</t>
  </si>
  <si>
    <t>0.042283170660105895</t>
  </si>
  <si>
    <t>22423</t>
  </si>
  <si>
    <t>895.7000122070312</t>
  </si>
  <si>
    <t>0.01121188532053452</t>
  </si>
  <si>
    <t>22054</t>
  </si>
  <si>
    <t>925.7000122070312</t>
  </si>
  <si>
    <t>-0.016593226454906684</t>
  </si>
  <si>
    <t>22498</t>
  </si>
  <si>
    <t>945.7000732421875</t>
  </si>
  <si>
    <t>0.019932425034147272</t>
  </si>
  <si>
    <t>22774</t>
  </si>
  <si>
    <t>8.9833345413208</t>
  </si>
  <si>
    <t>690.2999877929688</t>
  </si>
  <si>
    <t>0.01219311801777856</t>
  </si>
  <si>
    <t>22892</t>
  </si>
  <si>
    <t>638.2000122070312</t>
  </si>
  <si>
    <t>0.005167970158442614</t>
  </si>
  <si>
    <t>23269</t>
  </si>
  <si>
    <t>783.300048828125</t>
  </si>
  <si>
    <t>0.016334498057954505</t>
  </si>
  <si>
    <t>23735</t>
  </si>
  <si>
    <t>974.3999633789062</t>
  </si>
  <si>
    <t>0.01982874939847079</t>
  </si>
  <si>
    <t>10.074999809265137</t>
  </si>
  <si>
    <t>726.0000610351562</t>
  </si>
  <si>
    <t>0.018078692081090253</t>
  </si>
  <si>
    <t>24840</t>
  </si>
  <si>
    <t>780.1000366210938</t>
  </si>
  <si>
    <t>0.027425812980906628</t>
  </si>
  <si>
    <t>24990</t>
  </si>
  <si>
    <t>9.4833345413208</t>
  </si>
  <si>
    <t>878.8999633789062</t>
  </si>
  <si>
    <t>0.006020487781583483</t>
  </si>
  <si>
    <t>1013.5999755859375</t>
  </si>
  <si>
    <t>-0.019802627296179764</t>
  </si>
  <si>
    <t>24702</t>
  </si>
  <si>
    <t>9.674999237060547</t>
  </si>
  <si>
    <t>0.008211094465140789</t>
  </si>
  <si>
    <t>24953</t>
  </si>
  <si>
    <t>836.10009765625</t>
  </si>
  <si>
    <t>0.0101098434343605</t>
  </si>
  <si>
    <t>24757</t>
  </si>
  <si>
    <t>9.141667366027832</t>
  </si>
  <si>
    <t>778.9999389648438</t>
  </si>
  <si>
    <t>-0.007885778141034194</t>
  </si>
  <si>
    <t>25589</t>
  </si>
  <si>
    <t>781.9000244140625</t>
  </si>
  <si>
    <t>0.03305429433424223</t>
  </si>
  <si>
    <t>26520</t>
  </si>
  <si>
    <t>0.03573659367427062</t>
  </si>
  <si>
    <t>26274</t>
  </si>
  <si>
    <t>743.5999755859375</t>
  </si>
  <si>
    <t>-0.009319308270345772</t>
  </si>
  <si>
    <t>25214</t>
  </si>
  <si>
    <t>9.541666984558105</t>
  </si>
  <si>
    <t>821.7000122070312</t>
  </si>
  <si>
    <t>-0.0411804612382376</t>
  </si>
  <si>
    <t>25852</t>
  </si>
  <si>
    <t>852.5000610351562</t>
  </si>
  <si>
    <t>0.024988571591570974</t>
  </si>
  <si>
    <t>27137</t>
  </si>
  <si>
    <t>776.9000244140625</t>
  </si>
  <si>
    <t>0.04851014294494149</t>
  </si>
  <si>
    <t>29090</t>
  </si>
  <si>
    <t>717.0000610351562</t>
  </si>
  <si>
    <t>0.06949636216151944</t>
  </si>
  <si>
    <t>29502</t>
  </si>
  <si>
    <t>9.383334159851074</t>
  </si>
  <si>
    <t>761.4999389648438</t>
  </si>
  <si>
    <t>0.01406358515074757</t>
  </si>
  <si>
    <t>31309</t>
  </si>
  <si>
    <t>11.050000190734863</t>
  </si>
  <si>
    <t>769.4000244140625</t>
  </si>
  <si>
    <t>0.05944753849266782</t>
  </si>
  <si>
    <t>30667</t>
  </si>
  <si>
    <t>10.25</t>
  </si>
  <si>
    <t>-0.020718438263450878</t>
  </si>
  <si>
    <t>29701</t>
  </si>
  <si>
    <t>700.3999633789062</t>
  </si>
  <si>
    <t>-0.03200644261157315</t>
  </si>
  <si>
    <t>30512</t>
  </si>
  <si>
    <t>1025.4000244140625</t>
  </si>
  <si>
    <t>0.026939333582562952</t>
  </si>
  <si>
    <t>31462</t>
  </si>
  <si>
    <t>508.0</t>
  </si>
  <si>
    <t>0.030660419542249073</t>
  </si>
  <si>
    <t>32525</t>
  </si>
  <si>
    <t>737.4000244140625</t>
  </si>
  <si>
    <t>0.03322855599825658</t>
  </si>
  <si>
    <t>32698</t>
  </si>
  <si>
    <t>0.005304889554651027</t>
  </si>
  <si>
    <t>33697</t>
  </si>
  <si>
    <t>791.800048828125</t>
  </si>
  <si>
    <t>0.03009489867099724</t>
  </si>
  <si>
    <t>34038</t>
  </si>
  <si>
    <t>0.010068734948267988</t>
  </si>
  <si>
    <t>553</t>
  </si>
  <si>
    <t>25882</t>
  </si>
  <si>
    <t>954.0999755859375</t>
  </si>
  <si>
    <t>443.5154724121094</t>
  </si>
  <si>
    <t>Dachau</t>
  </si>
  <si>
    <t>27000</t>
  </si>
  <si>
    <t>8.450000762939453</t>
  </si>
  <si>
    <t>747.1000366210938</t>
  </si>
  <si>
    <t>0.04228911960485071</t>
  </si>
  <si>
    <t>27305</t>
  </si>
  <si>
    <t>857.6000366210938</t>
  </si>
  <si>
    <t>0.01123296959978859</t>
  </si>
  <si>
    <t>26855</t>
  </si>
  <si>
    <t>919.6000366210938</t>
  </si>
  <si>
    <t>-0.016617812246694896</t>
  </si>
  <si>
    <t>854.0999755859375</t>
  </si>
  <si>
    <t>0.01994499397823546</t>
  </si>
  <si>
    <t>27732</t>
  </si>
  <si>
    <t>0.012189963744585697</t>
  </si>
  <si>
    <t>27876</t>
  </si>
  <si>
    <t>790.0000610351562</t>
  </si>
  <si>
    <t>0.005179122496029365</t>
  </si>
  <si>
    <t>28335</t>
  </si>
  <si>
    <t>767.6000366210938</t>
  </si>
  <si>
    <t>0.016331686045308658</t>
  </si>
  <si>
    <t>28902</t>
  </si>
  <si>
    <t>811.4000244140625</t>
  </si>
  <si>
    <t>0.019813007254557036</t>
  </si>
  <si>
    <t>29430</t>
  </si>
  <si>
    <t>8.866666793823242</t>
  </si>
  <si>
    <t>951.0</t>
  </si>
  <si>
    <t>0.018103765369241742</t>
  </si>
  <si>
    <t>30247</t>
  </si>
  <si>
    <t>936.2999877929688</t>
  </si>
  <si>
    <t>0.02738244375972876</t>
  </si>
  <si>
    <t>33335</t>
  </si>
  <si>
    <t>9.0</t>
  </si>
  <si>
    <t>872.5999755859375</t>
  </si>
  <si>
    <t>0.09721089006491468</t>
  </si>
  <si>
    <t>33450</t>
  </si>
  <si>
    <t>1074.10009765625</t>
  </si>
  <si>
    <t>0.0034438905042133428</t>
  </si>
  <si>
    <t>32654</t>
  </si>
  <si>
    <t>637.2999877929688</t>
  </si>
  <si>
    <t>-0.024084426870263798</t>
  </si>
  <si>
    <t>31918</t>
  </si>
  <si>
    <t>8.841668128967285</t>
  </si>
  <si>
    <t>668.5</t>
  </si>
  <si>
    <t>-0.022797245726978943</t>
  </si>
  <si>
    <t>33419</t>
  </si>
  <si>
    <t>8.216667175292969</t>
  </si>
  <si>
    <t>796.2000122070312</t>
  </si>
  <si>
    <t>0.04595448654030143</t>
  </si>
  <si>
    <t>31942</t>
  </si>
  <si>
    <t>812.5</t>
  </si>
  <si>
    <t>-0.04520284228317806</t>
  </si>
  <si>
    <t>33624</t>
  </si>
  <si>
    <t>852.4000244140625</t>
  </si>
  <si>
    <t>0.051318339468696905</t>
  </si>
  <si>
    <t>32887</t>
  </si>
  <si>
    <t>733.0</t>
  </si>
  <si>
    <t>-0.022162654796710868</t>
  </si>
  <si>
    <t>31377</t>
  </si>
  <si>
    <t>847.7999877929688</t>
  </si>
  <si>
    <t>-0.04700230246586301</t>
  </si>
  <si>
    <t>32712</t>
  </si>
  <si>
    <t>871.7000732421875</t>
  </si>
  <si>
    <t>0.04166684262209941</t>
  </si>
  <si>
    <t>828.4000244140625</t>
  </si>
  <si>
    <t>0.06362674279135838</t>
  </si>
  <si>
    <t>9.408333778381348</t>
  </si>
  <si>
    <t>842.8999633789062</t>
  </si>
  <si>
    <t>0.024873803631635383</t>
  </si>
  <si>
    <t>893.2999267578125</t>
  </si>
  <si>
    <t>-0.0017082771562577648</t>
  </si>
  <si>
    <t>36748</t>
  </si>
  <si>
    <t>10.116667747497559</t>
  </si>
  <si>
    <t>840.0</t>
  </si>
  <si>
    <t>0.02954955008014437</t>
  </si>
  <si>
    <t>36812</t>
  </si>
  <si>
    <t>756.4999389648438</t>
  </si>
  <si>
    <t>0.0017400765673905028</t>
  </si>
  <si>
    <t>38470</t>
  </si>
  <si>
    <t>897.199951171875</t>
  </si>
  <si>
    <t>0.044054837787593115</t>
  </si>
  <si>
    <t>39221</t>
  </si>
  <si>
    <t>990.5000610351562</t>
  </si>
  <si>
    <t>0.019333600874256618</t>
  </si>
  <si>
    <t>39428</t>
  </si>
  <si>
    <t>726.7999877929688</t>
  </si>
  <si>
    <t>0.005263906164731935</t>
  </si>
  <si>
    <t>40046</t>
  </si>
  <si>
    <t>793.0</t>
  </si>
  <si>
    <t>0.01555256956726403</t>
  </si>
  <si>
    <t>38050</t>
  </si>
  <si>
    <t>883.2000122070312</t>
  </si>
  <si>
    <t>-0.05112770906276154</t>
  </si>
  <si>
    <t>39212</t>
  </si>
  <si>
    <t>858.7000732421875</t>
  </si>
  <si>
    <t>0.03008173809178416</t>
  </si>
  <si>
    <t>39608</t>
  </si>
  <si>
    <t>730.3001098632812</t>
  </si>
  <si>
    <t>0.010048295659641937</t>
  </si>
  <si>
    <t>554</t>
  </si>
  <si>
    <t>25179</t>
  </si>
  <si>
    <t>557.6000366210938</t>
  </si>
  <si>
    <t>473.77166748046875</t>
  </si>
  <si>
    <t>Dahme-Spreewald</t>
  </si>
  <si>
    <t>26267</t>
  </si>
  <si>
    <t>488.5999755859375</t>
  </si>
  <si>
    <t>0.042303084701732274</t>
  </si>
  <si>
    <t>562.2999877929688</t>
  </si>
  <si>
    <t>0.011243517207935483</t>
  </si>
  <si>
    <t>26126</t>
  </si>
  <si>
    <t>9.399999618530273</t>
  </si>
  <si>
    <t>656.9000854492188</t>
  </si>
  <si>
    <t>-0.016625928614095287</t>
  </si>
  <si>
    <t>26652</t>
  </si>
  <si>
    <t>10.191667556762695</t>
  </si>
  <si>
    <t>640.7999877929688</t>
  </si>
  <si>
    <t>0.019933207635919103</t>
  </si>
  <si>
    <t>26979</t>
  </si>
  <si>
    <t>9.358332633972168</t>
  </si>
  <si>
    <t>556.5</t>
  </si>
  <si>
    <t>0.012194590900197255</t>
  </si>
  <si>
    <t>27119</t>
  </si>
  <si>
    <t>492.0</t>
  </si>
  <si>
    <t>0.005175803635532716</t>
  </si>
  <si>
    <t>27565</t>
  </si>
  <si>
    <t>10.116666793823242</t>
  </si>
  <si>
    <t>614.2999877929688</t>
  </si>
  <si>
    <t>0.016312262805625366</t>
  </si>
  <si>
    <t>28117</t>
  </si>
  <si>
    <t>652.9000244140625</t>
  </si>
  <si>
    <t>0.019827523576498862</t>
  </si>
  <si>
    <t>559.1000366210938</t>
  </si>
  <si>
    <t>0.0181156712786823</t>
  </si>
  <si>
    <t>29426</t>
  </si>
  <si>
    <t>548.9000854492188</t>
  </si>
  <si>
    <t>0.027388590378928157</t>
  </si>
  <si>
    <t>29202</t>
  </si>
  <si>
    <t>604.2999877929688</t>
  </si>
  <si>
    <t>-0.007641437196383549</t>
  </si>
  <si>
    <t>29059</t>
  </si>
  <si>
    <t>720.0000610351562</t>
  </si>
  <si>
    <t>-0.004908954091611406</t>
  </si>
  <si>
    <t>28717</t>
  </si>
  <si>
    <t>442.70001220703125</t>
  </si>
  <si>
    <t>-0.011838964088244808</t>
  </si>
  <si>
    <t>29932</t>
  </si>
  <si>
    <t>582.199951171875</t>
  </si>
  <si>
    <t>0.04143886031859623</t>
  </si>
  <si>
    <t>33490</t>
  </si>
  <si>
    <t>532.9000244140625</t>
  </si>
  <si>
    <t>0.11231874458800029</t>
  </si>
  <si>
    <t>43956</t>
  </si>
  <si>
    <t>525.300048828125</t>
  </si>
  <si>
    <t>0.2719422467785648</t>
  </si>
  <si>
    <t>43597</t>
  </si>
  <si>
    <t>765.6000366210938</t>
  </si>
  <si>
    <t>-0.008200792936472467</t>
  </si>
  <si>
    <t>44740</t>
  </si>
  <si>
    <t>531.2000732421875</t>
  </si>
  <si>
    <t>0.025879615413778367</t>
  </si>
  <si>
    <t>44051</t>
  </si>
  <si>
    <t>622.5</t>
  </si>
  <si>
    <t>-0.015519902461873514</t>
  </si>
  <si>
    <t>45199</t>
  </si>
  <si>
    <t>0.025726909099534012</t>
  </si>
  <si>
    <t>45872</t>
  </si>
  <si>
    <t>574.699951171875</t>
  </si>
  <si>
    <t>0.014779946441370484</t>
  </si>
  <si>
    <t>45396</t>
  </si>
  <si>
    <t>9.899999618530273</t>
  </si>
  <si>
    <t>553.0000610351562</t>
  </si>
  <si>
    <t>-0.010430913702121458</t>
  </si>
  <si>
    <t>45899</t>
  </si>
  <si>
    <t>580.800048828125</t>
  </si>
  <si>
    <t>0.01101933489790241</t>
  </si>
  <si>
    <t>0.020763782156445032</t>
  </si>
  <si>
    <t>44209</t>
  </si>
  <si>
    <t>491.7999572753906</t>
  </si>
  <si>
    <t>-0.05827872422780622</t>
  </si>
  <si>
    <t>44830</t>
  </si>
  <si>
    <t>493.5000305175781</t>
  </si>
  <si>
    <t>0.013949169901913194</t>
  </si>
  <si>
    <t>44729</t>
  </si>
  <si>
    <t>749.7999877929688</t>
  </si>
  <si>
    <t>-0.002255497332882328</t>
  </si>
  <si>
    <t>44951</t>
  </si>
  <si>
    <t>388.8999938964844</t>
  </si>
  <si>
    <t>0.004950946776750342</t>
  </si>
  <si>
    <t>43914</t>
  </si>
  <si>
    <t>11.77500057220459</t>
  </si>
  <si>
    <t>489.0000305175781</t>
  </si>
  <si>
    <t>-0.02333983176407095</t>
  </si>
  <si>
    <t>42722</t>
  </si>
  <si>
    <t>11.316665649414062</t>
  </si>
  <si>
    <t>500.50006103515625</t>
  </si>
  <si>
    <t>-0.02751916581166114</t>
  </si>
  <si>
    <t>44027</t>
  </si>
  <si>
    <t>10.558334350585938</t>
  </si>
  <si>
    <t>584.2000122070312</t>
  </si>
  <si>
    <t>0.030089072048607335</t>
  </si>
  <si>
    <t>44472</t>
  </si>
  <si>
    <t>478.4000244140625</t>
  </si>
  <si>
    <t>0.010056695567078222</t>
  </si>
  <si>
    <t>556</t>
  </si>
  <si>
    <t>26259</t>
  </si>
  <si>
    <t>708.8999633789062</t>
  </si>
  <si>
    <t>488.9068298339844</t>
  </si>
  <si>
    <t>Darmstadt-Dieburg</t>
  </si>
  <si>
    <t>27394</t>
  </si>
  <si>
    <t>531.6000366210938</t>
  </si>
  <si>
    <t>0.042315223894219045</t>
  </si>
  <si>
    <t>27703</t>
  </si>
  <si>
    <t>708.0000610351562</t>
  </si>
  <si>
    <t>0.011216699265386154</t>
  </si>
  <si>
    <t>27247</t>
  </si>
  <si>
    <t>688.1000366210938</t>
  </si>
  <si>
    <t>-0.0165972872724236</t>
  </si>
  <si>
    <t>27796</t>
  </si>
  <si>
    <t>707.3999633789062</t>
  </si>
  <si>
    <t>0.019948702146487918</t>
  </si>
  <si>
    <t>28136</t>
  </si>
  <si>
    <t>645.2000122070312</t>
  </si>
  <si>
    <t>0.012157769719600253</t>
  </si>
  <si>
    <t>28282</t>
  </si>
  <si>
    <t>8.441668510437012</t>
  </si>
  <si>
    <t>558.7999877929688</t>
  </si>
  <si>
    <t>0.005175664713902961</t>
  </si>
  <si>
    <t>28748</t>
  </si>
  <si>
    <t>642.300048828125</t>
  </si>
  <si>
    <t>0.01634263972061234</t>
  </si>
  <si>
    <t>29323</t>
  </si>
  <si>
    <t>10.166665077209473</t>
  </si>
  <si>
    <t>678.4000244140625</t>
  </si>
  <si>
    <t>0.019803991414015343</t>
  </si>
  <si>
    <t>29859</t>
  </si>
  <si>
    <t>738.0</t>
  </si>
  <si>
    <t>0.018114110911824355</t>
  </si>
  <si>
    <t>30688</t>
  </si>
  <si>
    <t>10.833333015441895</t>
  </si>
  <si>
    <t>736.2999877929688</t>
  </si>
  <si>
    <t>0.027385396768991654</t>
  </si>
  <si>
    <t>31540</t>
  </si>
  <si>
    <t>748.199951171875</t>
  </si>
  <si>
    <t>0.02738488283386431</t>
  </si>
  <si>
    <t>31629</t>
  </si>
  <si>
    <t>881.1000366210938</t>
  </si>
  <si>
    <t>0.0028178397280296252</t>
  </si>
  <si>
    <t>31211</t>
  </si>
  <si>
    <t>529.0999755859375</t>
  </si>
  <si>
    <t>-0.013303824481040394</t>
  </si>
  <si>
    <t>31310</t>
  </si>
  <si>
    <t>588.4000244140625</t>
  </si>
  <si>
    <t>0.0031669385564327968</t>
  </si>
  <si>
    <t>607.5999755859375</t>
  </si>
  <si>
    <t>-0.01234028128507525</t>
  </si>
  <si>
    <t>32105</t>
  </si>
  <si>
    <t>725.3001098632812</t>
  </si>
  <si>
    <t>0.03741452719277305</t>
  </si>
  <si>
    <t>33673</t>
  </si>
  <si>
    <t>721.7999877929688</t>
  </si>
  <si>
    <t>0.04768454804689348</t>
  </si>
  <si>
    <t>34446</t>
  </si>
  <si>
    <t>9.791667938232422</t>
  </si>
  <si>
    <t>621.9000244140625</t>
  </si>
  <si>
    <t>0.02269655112064939</t>
  </si>
  <si>
    <t>652.7000122070312</t>
  </si>
  <si>
    <t>-0.08658392168782036</t>
  </si>
  <si>
    <t>33952</t>
  </si>
  <si>
    <t>684.2000122070312</t>
  </si>
  <si>
    <t>0.07213880370583858</t>
  </si>
  <si>
    <t>607.8999633789062</t>
  </si>
  <si>
    <t>0.0718986362353995</t>
  </si>
  <si>
    <t>36049</t>
  </si>
  <si>
    <t>-0.011967274571794917</t>
  </si>
  <si>
    <t>35627</t>
  </si>
  <si>
    <t>695.5000610351562</t>
  </si>
  <si>
    <t>-0.01177534673129621</t>
  </si>
  <si>
    <t>36930</t>
  </si>
  <si>
    <t>636.8999633789062</t>
  </si>
  <si>
    <t>0.035920451500590644</t>
  </si>
  <si>
    <t>37864</t>
  </si>
  <si>
    <t>11.033333778381348</t>
  </si>
  <si>
    <t>530.7000122070312</t>
  </si>
  <si>
    <t>0.02497656373947521</t>
  </si>
  <si>
    <t>37424</t>
  </si>
  <si>
    <t>616.800048828125</t>
  </si>
  <si>
    <t>-0.011688582762124256</t>
  </si>
  <si>
    <t>38130</t>
  </si>
  <si>
    <t>714.7000732421875</t>
  </si>
  <si>
    <t>0.018689164027650307</t>
  </si>
  <si>
    <t>38810</t>
  </si>
  <si>
    <t>11.191668510437012</t>
  </si>
  <si>
    <t>534.699951171875</t>
  </si>
  <si>
    <t>0.017676571511341166</t>
  </si>
  <si>
    <t>38961</t>
  </si>
  <si>
    <t>575.699951171875</t>
  </si>
  <si>
    <t>0.003883200415248922</t>
  </si>
  <si>
    <t>37370</t>
  </si>
  <si>
    <t>11.4833345413208</t>
  </si>
  <si>
    <t>645.7999877929688</t>
  </si>
  <si>
    <t>-0.04169290229867073</t>
  </si>
  <si>
    <t>668.900146484375</t>
  </si>
  <si>
    <t>0.03010163754332318</t>
  </si>
  <si>
    <t>587.1000366210938</t>
  </si>
  <si>
    <t>0.010050076194140445</t>
  </si>
  <si>
    <t>36166</t>
  </si>
  <si>
    <t>8.741665840148926</t>
  </si>
  <si>
    <t>843.0999755859375</t>
  </si>
  <si>
    <t>132.91363525390625</t>
  </si>
  <si>
    <t>Deggendorf</t>
  </si>
  <si>
    <t>37729</t>
  </si>
  <si>
    <t>797.5</t>
  </si>
  <si>
    <t>0.04230957855405393</t>
  </si>
  <si>
    <t>38154</t>
  </si>
  <si>
    <t>871.7999877929688</t>
  </si>
  <si>
    <t>0.01120157199648375</t>
  </si>
  <si>
    <t>37526</t>
  </si>
  <si>
    <t>871.0</t>
  </si>
  <si>
    <t>-0.016596575448142303</t>
  </si>
  <si>
    <t>870.9999389648438</t>
  </si>
  <si>
    <t>0.019945785758734402</t>
  </si>
  <si>
    <t>38751</t>
  </si>
  <si>
    <t>926.2000122070312</t>
  </si>
  <si>
    <t>0.012176750094070599</t>
  </si>
  <si>
    <t>38952</t>
  </si>
  <si>
    <t>0.005173556962411396</t>
  </si>
  <si>
    <t>39593</t>
  </si>
  <si>
    <t>8.483332633972168</t>
  </si>
  <si>
    <t>889.7999267578125</t>
  </si>
  <si>
    <t>0.01632221607802009</t>
  </si>
  <si>
    <t>40386</t>
  </si>
  <si>
    <t>939.9999389648438</t>
  </si>
  <si>
    <t>0.019830855298211603</t>
  </si>
  <si>
    <t>41123</t>
  </si>
  <si>
    <t>8.449999809265137</t>
  </si>
  <si>
    <t>888.4000854492188</t>
  </si>
  <si>
    <t>0.018084385427474814</t>
  </si>
  <si>
    <t>891.2000732421875</t>
  </si>
  <si>
    <t>0.027415404655855014</t>
  </si>
  <si>
    <t>41483</t>
  </si>
  <si>
    <t>918.7000122070312</t>
  </si>
  <si>
    <t>-0.018699275582317654</t>
  </si>
  <si>
    <t>41086</t>
  </si>
  <si>
    <t>1151.7999267578125</t>
  </si>
  <si>
    <t>-0.009616273887324667</t>
  </si>
  <si>
    <t>40687</t>
  </si>
  <si>
    <t>687.2000122070312</t>
  </si>
  <si>
    <t>-0.009758799763520898</t>
  </si>
  <si>
    <t>0.060394719971942123</t>
  </si>
  <si>
    <t>41779</t>
  </si>
  <si>
    <t>7.700000286102295</t>
  </si>
  <si>
    <t>954.8001098632812</t>
  </si>
  <si>
    <t>-0.0339095301338439</t>
  </si>
  <si>
    <t>42525</t>
  </si>
  <si>
    <t>922.9000244140625</t>
  </si>
  <si>
    <t>0.017698317337028868</t>
  </si>
  <si>
    <t>43610</t>
  </si>
  <si>
    <t>1036.699951171875</t>
  </si>
  <si>
    <t>0.025194343572749744</t>
  </si>
  <si>
    <t>874.4000244140625</t>
  </si>
  <si>
    <t>0.040137513584218354</t>
  </si>
  <si>
    <t>43825</t>
  </si>
  <si>
    <t>1007.2999877929688</t>
  </si>
  <si>
    <t>-0.03521956463159448</t>
  </si>
  <si>
    <t>46366</t>
  </si>
  <si>
    <t>8.0</t>
  </si>
  <si>
    <t>1023.7000122070312</t>
  </si>
  <si>
    <t>0.0563620012054038</t>
  </si>
  <si>
    <t>47821</t>
  </si>
  <si>
    <t>905.0</t>
  </si>
  <si>
    <t>0.030898441551233446</t>
  </si>
  <si>
    <t>49887</t>
  </si>
  <si>
    <t>8.941667556762695</t>
  </si>
  <si>
    <t>856.800048828125</t>
  </si>
  <si>
    <t>0.04229557420995178</t>
  </si>
  <si>
    <t>49659</t>
  </si>
  <si>
    <t>889.8999633789062</t>
  </si>
  <si>
    <t>-0.004580804827750029</t>
  </si>
  <si>
    <t>52499</t>
  </si>
  <si>
    <t>958.7000732421875</t>
  </si>
  <si>
    <t>0.05561447885098403</t>
  </si>
  <si>
    <t>53210</t>
  </si>
  <si>
    <t>764.6000366210938</t>
  </si>
  <si>
    <t>0.013452226811155654</t>
  </si>
  <si>
    <t>53156</t>
  </si>
  <si>
    <t>8.741666793823242</t>
  </si>
  <si>
    <t>1004.3999633789062</t>
  </si>
  <si>
    <t>-0.0010153621390163181</t>
  </si>
  <si>
    <t>53866</t>
  </si>
  <si>
    <t>1065.2000732421875</t>
  </si>
  <si>
    <t>0.013268494635415351</t>
  </si>
  <si>
    <t>54956</t>
  </si>
  <si>
    <t>846.8999633789062</t>
  </si>
  <si>
    <t>0.02003338395702592</t>
  </si>
  <si>
    <t>55055</t>
  </si>
  <si>
    <t>839.1000366210938</t>
  </si>
  <si>
    <t>0.0017998205038516346</t>
  </si>
  <si>
    <t>54838</t>
  </si>
  <si>
    <t>1009.5999145507812</t>
  </si>
  <si>
    <t>-0.003949301266601424</t>
  </si>
  <si>
    <t>56513</t>
  </si>
  <si>
    <t>0.030087315882720844</t>
  </si>
  <si>
    <t>57085</t>
  </si>
  <si>
    <t>792.2000122070312</t>
  </si>
  <si>
    <t>0.010070684946617448</t>
  </si>
  <si>
    <t>559</t>
  </si>
  <si>
    <t>24833</t>
  </si>
  <si>
    <t>10.350001335144043</t>
  </si>
  <si>
    <t>526.7000122070312</t>
  </si>
  <si>
    <t>172.44810485839844</t>
  </si>
  <si>
    <t>Dessau-RoÔøΩlau, Kreisfreie Stadt</t>
  </si>
  <si>
    <t>25906</t>
  </si>
  <si>
    <t>425.00006103515625</t>
  </si>
  <si>
    <t>0.04230118829953966</t>
  </si>
  <si>
    <t>552.7999877929688</t>
  </si>
  <si>
    <t>0.011208469867392878</t>
  </si>
  <si>
    <t>571.5999755859375</t>
  </si>
  <si>
    <t>-0.01658846852325979</t>
  </si>
  <si>
    <t>26286</t>
  </si>
  <si>
    <t>9.991665840148926</t>
  </si>
  <si>
    <t>555.8999633789062</t>
  </si>
  <si>
    <t>0.019941874607619425</t>
  </si>
  <si>
    <t>26608</t>
  </si>
  <si>
    <t>483.3000183105469</t>
  </si>
  <si>
    <t>0.012175444390754464</t>
  </si>
  <si>
    <t>26746</t>
  </si>
  <si>
    <t>7.741666793823242</t>
  </si>
  <si>
    <t>467.79998779296875</t>
  </si>
  <si>
    <t>0.005173007000033536</t>
  </si>
  <si>
    <t>27186</t>
  </si>
  <si>
    <t>0.016317205462451412</t>
  </si>
  <si>
    <t>27731</t>
  </si>
  <si>
    <t>595.9000244140625</t>
  </si>
  <si>
    <t>0.019848786091097637</t>
  </si>
  <si>
    <t>28237</t>
  </si>
  <si>
    <t>504.70001220703125</t>
  </si>
  <si>
    <t>0.018082253683219918</t>
  </si>
  <si>
    <t>29021</t>
  </si>
  <si>
    <t>530.5000610351562</t>
  </si>
  <si>
    <t>0.027386531168767547</t>
  </si>
  <si>
    <t>0.039126612408423966</t>
  </si>
  <si>
    <t>32176</t>
  </si>
  <si>
    <t>9.924999237060547</t>
  </si>
  <si>
    <t>625.0</t>
  </si>
  <si>
    <t>0.06407451476573023</t>
  </si>
  <si>
    <t>31354</t>
  </si>
  <si>
    <t>422.6999816894531</t>
  </si>
  <si>
    <t>-0.02587898238395603</t>
  </si>
  <si>
    <t>31094</t>
  </si>
  <si>
    <t>525.699951171875</t>
  </si>
  <si>
    <t>-0.008326976118791407</t>
  </si>
  <si>
    <t>32497</t>
  </si>
  <si>
    <t>503.7000427246094</t>
  </si>
  <si>
    <t>0.044132902855219314</t>
  </si>
  <si>
    <t>34211</t>
  </si>
  <si>
    <t>541.5</t>
  </si>
  <si>
    <t>0.05139945239846355</t>
  </si>
  <si>
    <t>34245</t>
  </si>
  <si>
    <t>10.583333969116211</t>
  </si>
  <si>
    <t>708.699951171875</t>
  </si>
  <si>
    <t>0.0009933388686373945</t>
  </si>
  <si>
    <t>36086</t>
  </si>
  <si>
    <t>478.6999816894531</t>
  </si>
  <si>
    <t>0.05236440983623858</t>
  </si>
  <si>
    <t>36462</t>
  </si>
  <si>
    <t>541.2999877929688</t>
  </si>
  <si>
    <t>0.010365643895166698</t>
  </si>
  <si>
    <t>36058</t>
  </si>
  <si>
    <t>581.2000122070312</t>
  </si>
  <si>
    <t>-0.011141869261265924</t>
  </si>
  <si>
    <t>38663</t>
  </si>
  <si>
    <t>512.5</t>
  </si>
  <si>
    <t>0.06975431723562053</t>
  </si>
  <si>
    <t>39340</t>
  </si>
  <si>
    <t>500.99993896484375</t>
  </si>
  <si>
    <t>0.017358742605283695</t>
  </si>
  <si>
    <t>504.300048828125</t>
  </si>
  <si>
    <t>-0.012919911089301905</t>
  </si>
  <si>
    <t>39565</t>
  </si>
  <si>
    <t>11.308334350585938</t>
  </si>
  <si>
    <t>513.7000122070312</t>
  </si>
  <si>
    <t>0.01862298718954669</t>
  </si>
  <si>
    <t>39439</t>
  </si>
  <si>
    <t>460.0999755859375</t>
  </si>
  <si>
    <t>-0.003189714617738204</t>
  </si>
  <si>
    <t>39298</t>
  </si>
  <si>
    <t>439.3999938964844</t>
  </si>
  <si>
    <t>-0.003581547448414213</t>
  </si>
  <si>
    <t>40799</t>
  </si>
  <si>
    <t>695.1000366210938</t>
  </si>
  <si>
    <t>0.037483944310819695</t>
  </si>
  <si>
    <t>340.0</t>
  </si>
  <si>
    <t>-0.022958168198519147</t>
  </si>
  <si>
    <t>40191</t>
  </si>
  <si>
    <t>443.60003662109375</t>
  </si>
  <si>
    <t>0.007943686855654164</t>
  </si>
  <si>
    <t>40624</t>
  </si>
  <si>
    <t>459.300048828125</t>
  </si>
  <si>
    <t>0.01071593499936263</t>
  </si>
  <si>
    <t>502.1000671386719</t>
  </si>
  <si>
    <t>0.030091130694072987</t>
  </si>
  <si>
    <t>42288</t>
  </si>
  <si>
    <t>408.1999816894531</t>
  </si>
  <si>
    <t>0.010053202205538625</t>
  </si>
  <si>
    <t>28465</t>
  </si>
  <si>
    <t>10.333333015441895</t>
  </si>
  <si>
    <t>768.4000244140625</t>
  </si>
  <si>
    <t>95.50100708007812</t>
  </si>
  <si>
    <t>Diepholz</t>
  </si>
  <si>
    <t>29695</t>
  </si>
  <si>
    <t>0.04230341906477797</t>
  </si>
  <si>
    <t>30030</t>
  </si>
  <si>
    <t>0.0112182005274164</t>
  </si>
  <si>
    <t>29536</t>
  </si>
  <si>
    <t>866.4000854492188</t>
  </si>
  <si>
    <t>-0.016587023674798473</t>
  </si>
  <si>
    <t>30131</t>
  </si>
  <si>
    <t>870.0</t>
  </si>
  <si>
    <t>0.019944683783123196</t>
  </si>
  <si>
    <t>650.6000366210938</t>
  </si>
  <si>
    <t>0.012172141509802614</t>
  </si>
  <si>
    <t>30658</t>
  </si>
  <si>
    <t>598.0</t>
  </si>
  <si>
    <t>0.005166956130549849</t>
  </si>
  <si>
    <t>31163</t>
  </si>
  <si>
    <t>737.2000122070312</t>
  </si>
  <si>
    <t>0.016337853902832933</t>
  </si>
  <si>
    <t>31787</t>
  </si>
  <si>
    <t>845.699951171875</t>
  </si>
  <si>
    <t>0.019825907524378295</t>
  </si>
  <si>
    <t>32367</t>
  </si>
  <si>
    <t>654.7000122070312</t>
  </si>
  <si>
    <t>0.01808198406618544</t>
  </si>
  <si>
    <t>33266</t>
  </si>
  <si>
    <t>0.027396469131030443</t>
  </si>
  <si>
    <t>33537</t>
  </si>
  <si>
    <t>0.008113452587954484</t>
  </si>
  <si>
    <t>32789</t>
  </si>
  <si>
    <t>-0.022556213667561664</t>
  </si>
  <si>
    <t>32429</t>
  </si>
  <si>
    <t>576.0</t>
  </si>
  <si>
    <t>-0.01104000909094438</t>
  </si>
  <si>
    <t>33709</t>
  </si>
  <si>
    <t>9.983332633972168</t>
  </si>
  <si>
    <t>773.3999633789062</t>
  </si>
  <si>
    <t>0.03871177982027163</t>
  </si>
  <si>
    <t>32910</t>
  </si>
  <si>
    <t>665.1000366210938</t>
  </si>
  <si>
    <t>-0.0239883010628148</t>
  </si>
  <si>
    <t>34644</t>
  </si>
  <si>
    <t>0.05134798751354985</t>
  </si>
  <si>
    <t>35504</t>
  </si>
  <si>
    <t>1017.8999633789062</t>
  </si>
  <si>
    <t>0.024520815721439604</t>
  </si>
  <si>
    <t>37006</t>
  </si>
  <si>
    <t>0.04143469546928635</t>
  </si>
  <si>
    <t>33867</t>
  </si>
  <si>
    <t>765.8999633789062</t>
  </si>
  <si>
    <t>-0.08863897271200472</t>
  </si>
  <si>
    <t>36444</t>
  </si>
  <si>
    <t>762.5</t>
  </si>
  <si>
    <t>0.0733357469040925</t>
  </si>
  <si>
    <t>40233</t>
  </si>
  <si>
    <t>10.483332633972168</t>
  </si>
  <si>
    <t>0.09891071854529976</t>
  </si>
  <si>
    <t>683.4000244140625</t>
  </si>
  <si>
    <t>-0.0018658810503513479</t>
  </si>
  <si>
    <t>9.616667747497559</t>
  </si>
  <si>
    <t>-0.012831613078541082</t>
  </si>
  <si>
    <t>40648</t>
  </si>
  <si>
    <t>11.22499942779541</t>
  </si>
  <si>
    <t>720.7000122070312</t>
  </si>
  <si>
    <t>0.02495957402341098</t>
  </si>
  <si>
    <t>39897</t>
  </si>
  <si>
    <t>703.199951171875</t>
  </si>
  <si>
    <t>-0.01864850119229544</t>
  </si>
  <si>
    <t>41113</t>
  </si>
  <si>
    <t>680.7000122070312</t>
  </si>
  <si>
    <t>0.03002324009337798</t>
  </si>
  <si>
    <t>42337</t>
  </si>
  <si>
    <t>946.9000244140625</t>
  </si>
  <si>
    <t>0.029337035020406077</t>
  </si>
  <si>
    <t>40663</t>
  </si>
  <si>
    <t>480.6000061035156</t>
  </si>
  <si>
    <t>-0.040342820147211356</t>
  </si>
  <si>
    <t>41169</t>
  </si>
  <si>
    <t>11.25833511352539</t>
  </si>
  <si>
    <t>648.300048828125</t>
  </si>
  <si>
    <t>0.012366957889897279</t>
  </si>
  <si>
    <t>38974</t>
  </si>
  <si>
    <t>632.9000244140625</t>
  </si>
  <si>
    <t>-0.05479078881366206</t>
  </si>
  <si>
    <t>40165</t>
  </si>
  <si>
    <t>737.9000244140625</t>
  </si>
  <si>
    <t>0.03010121248383335</t>
  </si>
  <si>
    <t>40571</t>
  </si>
  <si>
    <t>591.300048828125</t>
  </si>
  <si>
    <t>0.010057556044040794</t>
  </si>
  <si>
    <t>563</t>
  </si>
  <si>
    <t>32920</t>
  </si>
  <si>
    <t>924.10009765625</t>
  </si>
  <si>
    <t>86.6147689819336</t>
  </si>
  <si>
    <t>Dithmarschen</t>
  </si>
  <si>
    <t>34342</t>
  </si>
  <si>
    <t>743.6000366210938</t>
  </si>
  <si>
    <t>0.04228871908274279</t>
  </si>
  <si>
    <t>34730</t>
  </si>
  <si>
    <t>879.0001220703125</t>
  </si>
  <si>
    <t>0.011234771864371496</t>
  </si>
  <si>
    <t>34158</t>
  </si>
  <si>
    <t>8.391667366027832</t>
  </si>
  <si>
    <t>987.2000122070312</t>
  </si>
  <si>
    <t>-0.016607047558983012</t>
  </si>
  <si>
    <t>34846</t>
  </si>
  <si>
    <t>0.01994153380371344</t>
  </si>
  <si>
    <t>35273</t>
  </si>
  <si>
    <t>0.012179445753060847</t>
  </si>
  <si>
    <t>35456</t>
  </si>
  <si>
    <t>7.5500006675720215</t>
  </si>
  <si>
    <t>589.4999389648438</t>
  </si>
  <si>
    <t>0.005174692371044287</t>
  </si>
  <si>
    <t>36040</t>
  </si>
  <si>
    <t>9.366666793823242</t>
  </si>
  <si>
    <t>808.2999877929688</t>
  </si>
  <si>
    <t>0.016336941615318068</t>
  </si>
  <si>
    <t>36761</t>
  </si>
  <si>
    <t>1055.300048828125</t>
  </si>
  <si>
    <t>0.019808067859386824</t>
  </si>
  <si>
    <t>37433</t>
  </si>
  <si>
    <t>0.018115167717615677</t>
  </si>
  <si>
    <t>38472</t>
  </si>
  <si>
    <t>792.2999877929688</t>
  </si>
  <si>
    <t>0.027378035658221833</t>
  </si>
  <si>
    <t>39411</t>
  </si>
  <si>
    <t>8.925000190734863</t>
  </si>
  <si>
    <t>1007.4000244140625</t>
  </si>
  <si>
    <t>0.024114261180120167</t>
  </si>
  <si>
    <t>38075</t>
  </si>
  <si>
    <t>9.40000057220459</t>
  </si>
  <si>
    <t>1017.4000854492188</t>
  </si>
  <si>
    <t>-0.034487066374255804</t>
  </si>
  <si>
    <t>35974</t>
  </si>
  <si>
    <t>719.0</t>
  </si>
  <si>
    <t>-0.05676144347544643</t>
  </si>
  <si>
    <t>9.541666030883789</t>
  </si>
  <si>
    <t>877.9000244140625</t>
  </si>
  <si>
    <t>0.31484360975491477</t>
  </si>
  <si>
    <t>34476</t>
  </si>
  <si>
    <t>8.950000762939453</t>
  </si>
  <si>
    <t>752.7999267578125</t>
  </si>
  <si>
    <t>-0.357376635275541</t>
  </si>
  <si>
    <t>37579</t>
  </si>
  <si>
    <t>10.299999237060547</t>
  </si>
  <si>
    <t>899.300048828125</t>
  </si>
  <si>
    <t>0.08618195394723394</t>
  </si>
  <si>
    <t>34185</t>
  </si>
  <si>
    <t>1022.4000854492188</t>
  </si>
  <si>
    <t>-0.09465843236662863</t>
  </si>
  <si>
    <t>37489</t>
  </si>
  <si>
    <t>9.666666030883789</t>
  </si>
  <si>
    <t>800.2999877929688</t>
  </si>
  <si>
    <t>0.09226060524663637</t>
  </si>
  <si>
    <t>34343</t>
  </si>
  <si>
    <t>9.058332443237305</t>
  </si>
  <si>
    <t>815.300048828125</t>
  </si>
  <si>
    <t>-0.08764934328153018</t>
  </si>
  <si>
    <t>36368</t>
  </si>
  <si>
    <t>7.966665744781494</t>
  </si>
  <si>
    <t>938.3999633789062</t>
  </si>
  <si>
    <t>0.05729105377932342</t>
  </si>
  <si>
    <t>38342</t>
  </si>
  <si>
    <t>9.774999618530273</t>
  </si>
  <si>
    <t>939.0</t>
  </si>
  <si>
    <t>0.05285663398766971</t>
  </si>
  <si>
    <t>39686</t>
  </si>
  <si>
    <t>823.300048828125</t>
  </si>
  <si>
    <t>0.03445257956520287</t>
  </si>
  <si>
    <t>9.158333778381348</t>
  </si>
  <si>
    <t>778.39990234375</t>
  </si>
  <si>
    <t>0.0025417451052707207</t>
  </si>
  <si>
    <t>40292</t>
  </si>
  <si>
    <t>866.9000244140625</t>
  </si>
  <si>
    <t>0.012612712312103369</t>
  </si>
  <si>
    <t>41998</t>
  </si>
  <si>
    <t>890.3999633789062</t>
  </si>
  <si>
    <t>0.041469060021492865</t>
  </si>
  <si>
    <t>42601</t>
  </si>
  <si>
    <t>9.7666654586792</t>
  </si>
  <si>
    <t>730.3999633789062</t>
  </si>
  <si>
    <t>0.014255729076287693</t>
  </si>
  <si>
    <t>45933</t>
  </si>
  <si>
    <t>1114.2999267578125</t>
  </si>
  <si>
    <t>0.07530608581285314</t>
  </si>
  <si>
    <t>46455</t>
  </si>
  <si>
    <t>9.966665267944336</t>
  </si>
  <si>
    <t>600.4000244140625</t>
  </si>
  <si>
    <t>0.011300289102207373</t>
  </si>
  <si>
    <t>45904</t>
  </si>
  <si>
    <t>841.1998901367188</t>
  </si>
  <si>
    <t>-0.01193184285426696</t>
  </si>
  <si>
    <t>44212</t>
  </si>
  <si>
    <t>812.300048828125</t>
  </si>
  <si>
    <t>-0.03755601379029905</t>
  </si>
  <si>
    <t>45563</t>
  </si>
  <si>
    <t>9.716668128967285</t>
  </si>
  <si>
    <t>0.03009973819685463</t>
  </si>
  <si>
    <t>46023</t>
  </si>
  <si>
    <t>777.3999633789062</t>
  </si>
  <si>
    <t>0.01004528788518222</t>
  </si>
  <si>
    <t>564</t>
  </si>
  <si>
    <t>37331</t>
  </si>
  <si>
    <t>9.200000762939453</t>
  </si>
  <si>
    <t>860.9000244140625</t>
  </si>
  <si>
    <t>108.6976547241211</t>
  </si>
  <si>
    <t>Donau-Ries</t>
  </si>
  <si>
    <t>8.258333206176758</t>
  </si>
  <si>
    <t>663.699951171875</t>
  </si>
  <si>
    <t>0.04230063613133872</t>
  </si>
  <si>
    <t>39384</t>
  </si>
  <si>
    <t>801.7000122070312</t>
  </si>
  <si>
    <t>0.011234925650782657</t>
  </si>
  <si>
    <t>38735</t>
  </si>
  <si>
    <t>-0.016616058372033393</t>
  </si>
  <si>
    <t>39516</t>
  </si>
  <si>
    <t>0.01996206909836218</t>
  </si>
  <si>
    <t>39999</t>
  </si>
  <si>
    <t>811.0000610351562</t>
  </si>
  <si>
    <t>0.01214880061920276</t>
  </si>
  <si>
    <t>40207</t>
  </si>
  <si>
    <t>736.199951171875</t>
  </si>
  <si>
    <t>0.005186656018022262</t>
  </si>
  <si>
    <t>40869</t>
  </si>
  <si>
    <t>725.8999633789062</t>
  </si>
  <si>
    <t>0.016330719632581037</t>
  </si>
  <si>
    <t>41688</t>
  </si>
  <si>
    <t>8.933332443237305</t>
  </si>
  <si>
    <t>750.7000122070312</t>
  </si>
  <si>
    <t>0.019841488154879627</t>
  </si>
  <si>
    <t>42449</t>
  </si>
  <si>
    <t>8.683334350585938</t>
  </si>
  <si>
    <t>872.800048828125</t>
  </si>
  <si>
    <t>0.018090037746938847</t>
  </si>
  <si>
    <t>43628</t>
  </si>
  <si>
    <t>9.825000762939453</t>
  </si>
  <si>
    <t>809.2000732421875</t>
  </si>
  <si>
    <t>0.027395790712644086</t>
  </si>
  <si>
    <t>43179</t>
  </si>
  <si>
    <t>8.808334350585938</t>
  </si>
  <si>
    <t>805.5999755859375</t>
  </si>
  <si>
    <t>-0.01034488011785406</t>
  </si>
  <si>
    <t>46167</t>
  </si>
  <si>
    <t>1015.7999877929688</t>
  </si>
  <si>
    <t>0.0669109912011816</t>
  </si>
  <si>
    <t>45709</t>
  </si>
  <si>
    <t>596.300048828125</t>
  </si>
  <si>
    <t>-0.009970042096451692</t>
  </si>
  <si>
    <t>46197</t>
  </si>
  <si>
    <t>632.300048828125</t>
  </si>
  <si>
    <t>0.010619645861012827</t>
  </si>
  <si>
    <t>48432</t>
  </si>
  <si>
    <t>720.0999755859375</t>
  </si>
  <si>
    <t>0.0472458913649767</t>
  </si>
  <si>
    <t>51815</t>
  </si>
  <si>
    <t>748.2999877929688</t>
  </si>
  <si>
    <t>0.06751893035681888</t>
  </si>
  <si>
    <t>53878</t>
  </si>
  <si>
    <t>756.099853515625</t>
  </si>
  <si>
    <t>0.039042548692165724</t>
  </si>
  <si>
    <t>55364</t>
  </si>
  <si>
    <t>673.2000122070312</t>
  </si>
  <si>
    <t>0.027207331706108562</t>
  </si>
  <si>
    <t>55966</t>
  </si>
  <si>
    <t>794.2999877929688</t>
  </si>
  <si>
    <t>0.01081480045769112</t>
  </si>
  <si>
    <t>56300</t>
  </si>
  <si>
    <t>811.9000854492188</t>
  </si>
  <si>
    <t>0.00595017165349887</t>
  </si>
  <si>
    <t>59991</t>
  </si>
  <si>
    <t>758.0</t>
  </si>
  <si>
    <t>0.06350001582532983</t>
  </si>
  <si>
    <t>62988</t>
  </si>
  <si>
    <t>9.22499942779541</t>
  </si>
  <si>
    <t>781.10009765625</t>
  </si>
  <si>
    <t>0.04874968108718747</t>
  </si>
  <si>
    <t>822.2001342773438</t>
  </si>
  <si>
    <t>0.009684961434745176</t>
  </si>
  <si>
    <t>64411</t>
  </si>
  <si>
    <t>769.9000244140625</t>
  </si>
  <si>
    <t>0.012655232484883427</t>
  </si>
  <si>
    <t>66090</t>
  </si>
  <si>
    <t>672.2000122070312</t>
  </si>
  <si>
    <t>0.02573302350456963</t>
  </si>
  <si>
    <t>66473</t>
  </si>
  <si>
    <t>9.008332252502441</t>
  </si>
  <si>
    <t>827.9000854492188</t>
  </si>
  <si>
    <t>0.005778400695431785</t>
  </si>
  <si>
    <t>67353</t>
  </si>
  <si>
    <t>915.4999389648438</t>
  </si>
  <si>
    <t>0.013151595116395853</t>
  </si>
  <si>
    <t>66981</t>
  </si>
  <si>
    <t>641.2000122070312</t>
  </si>
  <si>
    <t>-0.005538448209778224</t>
  </si>
  <si>
    <t>67338</t>
  </si>
  <si>
    <t>10.183334350585938</t>
  </si>
  <si>
    <t>701.5000610351562</t>
  </si>
  <si>
    <t>0.0053157161777637185</t>
  </si>
  <si>
    <t>66458</t>
  </si>
  <si>
    <t>795.5</t>
  </si>
  <si>
    <t>-0.013154544077734087</t>
  </si>
  <si>
    <t>68488</t>
  </si>
  <si>
    <t>764.3999633789062</t>
  </si>
  <si>
    <t>0.030088378255744175</t>
  </si>
  <si>
    <t>69181</t>
  </si>
  <si>
    <t>0.01006771100917625</t>
  </si>
  <si>
    <t>570</t>
  </si>
  <si>
    <t>87787</t>
  </si>
  <si>
    <t>752.1000366210938</t>
  </si>
  <si>
    <t>1592.58447265625</t>
  </si>
  <si>
    <t>DÔøΩsseldorf, Kreisfreie Stadt</t>
  </si>
  <si>
    <t>91581</t>
  </si>
  <si>
    <t>10.149999618530273</t>
  </si>
  <si>
    <t>668.2000122070312</t>
  </si>
  <si>
    <t>0.042310400686826455</t>
  </si>
  <si>
    <t>92615</t>
  </si>
  <si>
    <t>11.241667747497559</t>
  </si>
  <si>
    <t>911.1000366210938</t>
  </si>
  <si>
    <t>0.011227288990633966</t>
  </si>
  <si>
    <t>91089</t>
  </si>
  <si>
    <t>902.4000244140625</t>
  </si>
  <si>
    <t>-0.016614065031703262</t>
  </si>
  <si>
    <t>92925</t>
  </si>
  <si>
    <t>933.5999145507812</t>
  </si>
  <si>
    <t>0.019955665640333464</t>
  </si>
  <si>
    <t>94062</t>
  </si>
  <si>
    <t>0.012161423131132665</t>
  </si>
  <si>
    <t>94550</t>
  </si>
  <si>
    <t>574.4000244140625</t>
  </si>
  <si>
    <t>0.005174655790018079</t>
  </si>
  <si>
    <t>96108</t>
  </si>
  <si>
    <t>804.5999145507812</t>
  </si>
  <si>
    <t>0.016343764025078755</t>
  </si>
  <si>
    <t>98032</t>
  </si>
  <si>
    <t>10.88333511352539</t>
  </si>
  <si>
    <t>1044.2000732421875</t>
  </si>
  <si>
    <t>0.019821396853753726</t>
  </si>
  <si>
    <t>99822</t>
  </si>
  <si>
    <t>874.9000854492188</t>
  </si>
  <si>
    <t>0.018094643922362152</t>
  </si>
  <si>
    <t>102594</t>
  </si>
  <si>
    <t>11.424999237060547</t>
  </si>
  <si>
    <t>0.027390851588849685</t>
  </si>
  <si>
    <t>108283</t>
  </si>
  <si>
    <t>986.5999145507812</t>
  </si>
  <si>
    <t>0.05396871881533016</t>
  </si>
  <si>
    <t>104574</t>
  </si>
  <si>
    <t>986.0000610351562</t>
  </si>
  <si>
    <t>-0.034853215542241855</t>
  </si>
  <si>
    <t>104417</t>
  </si>
  <si>
    <t>-0.001502457326239437</t>
  </si>
  <si>
    <t>105496</t>
  </si>
  <si>
    <t>828.7999877929688</t>
  </si>
  <si>
    <t>0.01028054006403778</t>
  </si>
  <si>
    <t>104510</t>
  </si>
  <si>
    <t>783.199951171875</t>
  </si>
  <si>
    <t>-0.009390276898985306</t>
  </si>
  <si>
    <t>106510</t>
  </si>
  <si>
    <t>11.933334350585938</t>
  </si>
  <si>
    <t>865.7999877929688</t>
  </si>
  <si>
    <t>0.01895611684866161</t>
  </si>
  <si>
    <t>112555</t>
  </si>
  <si>
    <t>11.608333587646484</t>
  </si>
  <si>
    <t>927.7000122070312</t>
  </si>
  <si>
    <t>0.05520311361105179</t>
  </si>
  <si>
    <t>115641</t>
  </si>
  <si>
    <t>852.5</t>
  </si>
  <si>
    <t>0.027048573571436307</t>
  </si>
  <si>
    <t>106326</t>
  </si>
  <si>
    <t>10.941665649414062</t>
  </si>
  <si>
    <t>805.6000366210938</t>
  </si>
  <si>
    <t>-0.08398071841629928</t>
  </si>
  <si>
    <t>106664</t>
  </si>
  <si>
    <t>860.5001220703125</t>
  </si>
  <si>
    <t>0.0031738605918949503</t>
  </si>
  <si>
    <t>107333</t>
  </si>
  <si>
    <t>758.3999633789062</t>
  </si>
  <si>
    <t>0.006252444468255902</t>
  </si>
  <si>
    <t>104449</t>
  </si>
  <si>
    <t>843.2999877929688</t>
  </si>
  <si>
    <t>-0.02723723728350258</t>
  </si>
  <si>
    <t>107207</t>
  </si>
  <si>
    <t>781.2999877929688</t>
  </si>
  <si>
    <t>0.026062631014397653</t>
  </si>
  <si>
    <t>107678</t>
  </si>
  <si>
    <t>12.133334159851074</t>
  </si>
  <si>
    <t>832.2999877929688</t>
  </si>
  <si>
    <t>0.004383747160355611</t>
  </si>
  <si>
    <t>107326</t>
  </si>
  <si>
    <t>11.508334159851074</t>
  </si>
  <si>
    <t>787.5</t>
  </si>
  <si>
    <t>-0.0032743606118543767</t>
  </si>
  <si>
    <t>106927</t>
  </si>
  <si>
    <t>801.4000244140625</t>
  </si>
  <si>
    <t>-0.003724572923212932</t>
  </si>
  <si>
    <t>108889</t>
  </si>
  <si>
    <t>11.808334350585938</t>
  </si>
  <si>
    <t>894.0999755859375</t>
  </si>
  <si>
    <t>0.018182656098444383</t>
  </si>
  <si>
    <t>112171</t>
  </si>
  <si>
    <t>0.029695477921023894</t>
  </si>
  <si>
    <t>110352</t>
  </si>
  <si>
    <t>12.116665840148926</t>
  </si>
  <si>
    <t>754.1000366210938</t>
  </si>
  <si>
    <t>-0.016349235968130316</t>
  </si>
  <si>
    <t>107119</t>
  </si>
  <si>
    <t>-0.029734890674461667</t>
  </si>
  <si>
    <t>110391</t>
  </si>
  <si>
    <t>875.7999877929688</t>
  </si>
  <si>
    <t>0.030088242766312945</t>
  </si>
  <si>
    <t>111507</t>
  </si>
  <si>
    <t>742.4999389648438</t>
  </si>
  <si>
    <t>0.010058760417846813</t>
  </si>
  <si>
    <t>573</t>
  </si>
  <si>
    <t>26895</t>
  </si>
  <si>
    <t>795.3999633789062</t>
  </si>
  <si>
    <t>110.02898406982422</t>
  </si>
  <si>
    <t>EichstÔøΩtt</t>
  </si>
  <si>
    <t>28058</t>
  </si>
  <si>
    <t>643.6000366210938</t>
  </si>
  <si>
    <t>0.04233340057137447</t>
  </si>
  <si>
    <t>28374</t>
  </si>
  <si>
    <t>0.011199436593214429</t>
  </si>
  <si>
    <t>27907</t>
  </si>
  <si>
    <t>804.5999755859375</t>
  </si>
  <si>
    <t>-0.016595679474278313</t>
  </si>
  <si>
    <t>28469</t>
  </si>
  <si>
    <t>0.01993822256488542</t>
  </si>
  <si>
    <t>28818</t>
  </si>
  <si>
    <t>767.5999755859375</t>
  </si>
  <si>
    <t>0.012184415930340364</t>
  </si>
  <si>
    <t>28967</t>
  </si>
  <si>
    <t>7.875000476837158</t>
  </si>
  <si>
    <t>674.300048828125</t>
  </si>
  <si>
    <t>0.005157059106146278</t>
  </si>
  <si>
    <t>29444</t>
  </si>
  <si>
    <t>690.2999267578125</t>
  </si>
  <si>
    <t>0.01633290317957048</t>
  </si>
  <si>
    <t>30034</t>
  </si>
  <si>
    <t>753.7000122070312</t>
  </si>
  <si>
    <t>0.01983991906162963</t>
  </si>
  <si>
    <t>30582</t>
  </si>
  <si>
    <t>0.018081527327870717</t>
  </si>
  <si>
    <t>31432</t>
  </si>
  <si>
    <t>790.300048828125</t>
  </si>
  <si>
    <t>0.02741488167020023</t>
  </si>
  <si>
    <t>32397</t>
  </si>
  <si>
    <t>814.2000732421875</t>
  </si>
  <si>
    <t>0.03023934366257386</t>
  </si>
  <si>
    <t>31704</t>
  </si>
  <si>
    <t>9.575000762939453</t>
  </si>
  <si>
    <t>1067.10009765625</t>
  </si>
  <si>
    <t>-0.021622970030598765</t>
  </si>
  <si>
    <t>31606</t>
  </si>
  <si>
    <t>9.32499885559082</t>
  </si>
  <si>
    <t>566.4000244140625</t>
  </si>
  <si>
    <t>-0.003095879901222176</t>
  </si>
  <si>
    <t>32535</t>
  </si>
  <si>
    <t>8.875000953674316</t>
  </si>
  <si>
    <t>662.0</t>
  </si>
  <si>
    <t>0.028969456960036055</t>
  </si>
  <si>
    <t>32058</t>
  </si>
  <si>
    <t>746.0999755859375</t>
  </si>
  <si>
    <t>-0.014769670743259411</t>
  </si>
  <si>
    <t>33056</t>
  </si>
  <si>
    <t>9.82499885559082</t>
  </si>
  <si>
    <t>779.89990234375</t>
  </si>
  <si>
    <t>0.030656330733538795</t>
  </si>
  <si>
    <t>33977</t>
  </si>
  <si>
    <t>9.533332824707031</t>
  </si>
  <si>
    <t>794.5000610351562</t>
  </si>
  <si>
    <t>0.02748073218123004</t>
  </si>
  <si>
    <t>36003</t>
  </si>
  <si>
    <t>689.4000244140625</t>
  </si>
  <si>
    <t>0.05791844319895567</t>
  </si>
  <si>
    <t>34219</t>
  </si>
  <si>
    <t>-0.05082122295715408</t>
  </si>
  <si>
    <t>37998</t>
  </si>
  <si>
    <t>8.575000762939453</t>
  </si>
  <si>
    <t>802.9999389648438</t>
  </si>
  <si>
    <t>0.10475248140208926</t>
  </si>
  <si>
    <t>40125</t>
  </si>
  <si>
    <t>740.2999877929688</t>
  </si>
  <si>
    <t>0.054466054687830834</t>
  </si>
  <si>
    <t>39554</t>
  </si>
  <si>
    <t>683.3999633789062</t>
  </si>
  <si>
    <t>-0.014332754550345328</t>
  </si>
  <si>
    <t>41172</t>
  </si>
  <si>
    <t>745.5</t>
  </si>
  <si>
    <t>0.040091586764479104</t>
  </si>
  <si>
    <t>42471</t>
  </si>
  <si>
    <t>746.60009765625</t>
  </si>
  <si>
    <t>0.031063076416156576</t>
  </si>
  <si>
    <t>44301</t>
  </si>
  <si>
    <t>582.3999633789062</t>
  </si>
  <si>
    <t>0.04218576007927766</t>
  </si>
  <si>
    <t>45558</t>
  </si>
  <si>
    <t>9.225001335144043</t>
  </si>
  <si>
    <t>677.4999389648438</t>
  </si>
  <si>
    <t>0.027978989299404233</t>
  </si>
  <si>
    <t>46834</t>
  </si>
  <si>
    <t>798.2999267578125</t>
  </si>
  <si>
    <t>0.027623195420668267</t>
  </si>
  <si>
    <t>47955</t>
  </si>
  <si>
    <t>623.5</t>
  </si>
  <si>
    <t>0.02365363630009476</t>
  </si>
  <si>
    <t>48294</t>
  </si>
  <si>
    <t>0.0070442581597376375</t>
  </si>
  <si>
    <t>46742</t>
  </si>
  <si>
    <t>752.699951171875</t>
  </si>
  <si>
    <t>-0.03266421124281926</t>
  </si>
  <si>
    <t>48170</t>
  </si>
  <si>
    <t>0.030093302545296297</t>
  </si>
  <si>
    <t>48657</t>
  </si>
  <si>
    <t>630.5999755859375</t>
  </si>
  <si>
    <t>0.010059262531532553</t>
  </si>
  <si>
    <t>574</t>
  </si>
  <si>
    <t>26586</t>
  </si>
  <si>
    <t>9.108332633972168</t>
  </si>
  <si>
    <t>1048.0</t>
  </si>
  <si>
    <t>49.33456802368164</t>
  </si>
  <si>
    <t>Eifelkreis Bitburg-PrÔøΩm</t>
  </si>
  <si>
    <t>27735</t>
  </si>
  <si>
    <t>8.024998664855957</t>
  </si>
  <si>
    <t>769.9000854492188</t>
  </si>
  <si>
    <t>0.04231039206178977</t>
  </si>
  <si>
    <t>9.100001335144043</t>
  </si>
  <si>
    <t>1085.2999267578125</t>
  </si>
  <si>
    <t>0.011222174671681628</t>
  </si>
  <si>
    <t>1105.89990234375</t>
  </si>
  <si>
    <t>-0.01664518145448568</t>
  </si>
  <si>
    <t>28141</t>
  </si>
  <si>
    <t>1119.5</t>
  </si>
  <si>
    <t>0.019955440933140167</t>
  </si>
  <si>
    <t>28486</t>
  </si>
  <si>
    <t>898.5</t>
  </si>
  <si>
    <t>0.012185150854861604</t>
  </si>
  <si>
    <t>28634</t>
  </si>
  <si>
    <t>788.5001220703125</t>
  </si>
  <si>
    <t>0.005182084425740641</t>
  </si>
  <si>
    <t>29105</t>
  </si>
  <si>
    <t>0.016315157785562917</t>
  </si>
  <si>
    <t>29688</t>
  </si>
  <si>
    <t>0.01983294303459715</t>
  </si>
  <si>
    <t>1095.300048828125</t>
  </si>
  <si>
    <t>0.01809188503307091</t>
  </si>
  <si>
    <t>31070</t>
  </si>
  <si>
    <t>0.027407914613588602</t>
  </si>
  <si>
    <t>8.783332824707031</t>
  </si>
  <si>
    <t>1233.60009765625</t>
  </si>
  <si>
    <t>0.008078002639287263</t>
  </si>
  <si>
    <t>1293.0999755859375</t>
  </si>
  <si>
    <t>0.03192228327337965</t>
  </si>
  <si>
    <t>32634</t>
  </si>
  <si>
    <t>864.4000244140625</t>
  </si>
  <si>
    <t>0.009111680351256979</t>
  </si>
  <si>
    <t>33469</t>
  </si>
  <si>
    <t>892.3001708984375</t>
  </si>
  <si>
    <t>0.025264947605773358</t>
  </si>
  <si>
    <t>32168</t>
  </si>
  <si>
    <t>887.5</t>
  </si>
  <si>
    <t>-0.039647467679680304</t>
  </si>
  <si>
    <t>33589</t>
  </si>
  <si>
    <t>0.04322646282096265</t>
  </si>
  <si>
    <t>9.3916654586792</t>
  </si>
  <si>
    <t>1145.2999267578125</t>
  </si>
  <si>
    <t>0.05766936329931305</t>
  </si>
  <si>
    <t>35645</t>
  </si>
  <si>
    <t>8.475001335144043</t>
  </si>
  <si>
    <t>1089.2000732421875</t>
  </si>
  <si>
    <t>0.0017408888543446466</t>
  </si>
  <si>
    <t>-0.032330770771423545</t>
  </si>
  <si>
    <t>8.041666984558105</t>
  </si>
  <si>
    <t>1166.0999755859375</t>
  </si>
  <si>
    <t>0.03945918169606344</t>
  </si>
  <si>
    <t>37173</t>
  </si>
  <si>
    <t>974.9000854492188</t>
  </si>
  <si>
    <t>0.03484539580823309</t>
  </si>
  <si>
    <t>38774</t>
  </si>
  <si>
    <t>1089.5999755859375</t>
  </si>
  <si>
    <t>0.042167227614550384</t>
  </si>
  <si>
    <t>39421</t>
  </si>
  <si>
    <t>1072.0</t>
  </si>
  <si>
    <t>0.016548750319387295</t>
  </si>
  <si>
    <t>36376</t>
  </si>
  <si>
    <t>1101.7000732421875</t>
  </si>
  <si>
    <t>-0.08038945271369435</t>
  </si>
  <si>
    <t>930.5</t>
  </si>
  <si>
    <t>0.01351611767721117</t>
  </si>
  <si>
    <t>36804</t>
  </si>
  <si>
    <t>1042.0999755859375</t>
  </si>
  <si>
    <t>-0.0018187992798051056</t>
  </si>
  <si>
    <t>0.020466230901009297</t>
  </si>
  <si>
    <t>38539</t>
  </si>
  <si>
    <t>862.6000366210938</t>
  </si>
  <si>
    <t>0.02559794976048302</t>
  </si>
  <si>
    <t>39464</t>
  </si>
  <si>
    <t>10.033331871032715</t>
  </si>
  <si>
    <t>959.2000122070312</t>
  </si>
  <si>
    <t>0.023718148349828994</t>
  </si>
  <si>
    <t>38245</t>
  </si>
  <si>
    <t>10.091668128967285</t>
  </si>
  <si>
    <t>1045.2999267578125</t>
  </si>
  <si>
    <t>-0.03137603115760612</t>
  </si>
  <si>
    <t>39413</t>
  </si>
  <si>
    <t>8.949999809265137</t>
  </si>
  <si>
    <t>1068.699951171875</t>
  </si>
  <si>
    <t>0.030082878347357678</t>
  </si>
  <si>
    <t>39811</t>
  </si>
  <si>
    <t>958.7000122070312</t>
  </si>
  <si>
    <t>0.010047544892307414</t>
  </si>
  <si>
    <t>576</t>
  </si>
  <si>
    <t>10.488337516784668</t>
  </si>
  <si>
    <t>571.9400634765625</t>
  </si>
  <si>
    <t>122.73770141601562</t>
  </si>
  <si>
    <t>Elbe-Elster</t>
  </si>
  <si>
    <t>21150</t>
  </si>
  <si>
    <t>9.40833854675293</t>
  </si>
  <si>
    <t>483.6598205566406</t>
  </si>
  <si>
    <t>0.04230062853207883</t>
  </si>
  <si>
    <t>21389</t>
  </si>
  <si>
    <t>10.448334693908691</t>
  </si>
  <si>
    <t>568.4014282226562</t>
  </si>
  <si>
    <t>0.01123686569103377</t>
  </si>
  <si>
    <t>21036</t>
  </si>
  <si>
    <t>9.316667556762695</t>
  </si>
  <si>
    <t>694.9801635742188</t>
  </si>
  <si>
    <t>-0.016641515456223388</t>
  </si>
  <si>
    <t>21460</t>
  </si>
  <si>
    <t>10.121667861938477</t>
  </si>
  <si>
    <t>636.1405639648438</t>
  </si>
  <si>
    <t>0.019955481475454562</t>
  </si>
  <si>
    <t>21723</t>
  </si>
  <si>
    <t>9.315003395080566</t>
  </si>
  <si>
    <t>552.4205322265625</t>
  </si>
  <si>
    <t>0.012180869872240763</t>
  </si>
  <si>
    <t>21836</t>
  </si>
  <si>
    <t>7.916670322418213</t>
  </si>
  <si>
    <t>533.8612060546875</t>
  </si>
  <si>
    <t>0.0051883768447194</t>
  </si>
  <si>
    <t>22195</t>
  </si>
  <si>
    <t>10.063335418701172</t>
  </si>
  <si>
    <t>629.0003662109375</t>
  </si>
  <si>
    <t>0.01630705436648583</t>
  </si>
  <si>
    <t>22640</t>
  </si>
  <si>
    <t>9.963335990905762</t>
  </si>
  <si>
    <t>667.5607299804688</t>
  </si>
  <si>
    <t>0.019851215048984017</t>
  </si>
  <si>
    <t>23053</t>
  </si>
  <si>
    <t>10.420004844665527</t>
  </si>
  <si>
    <t>534.1411743164062</t>
  </si>
  <si>
    <t>0.018077659482477415</t>
  </si>
  <si>
    <t>23694</t>
  </si>
  <si>
    <t>10.87166690826416</t>
  </si>
  <si>
    <t>590.1809692382812</t>
  </si>
  <si>
    <t>0.027425938715108344</t>
  </si>
  <si>
    <t>23376</t>
  </si>
  <si>
    <t>9.848336219787598</t>
  </si>
  <si>
    <t>616.320556640625</t>
  </si>
  <si>
    <t>-0.013511996524224301</t>
  </si>
  <si>
    <t>23883</t>
  </si>
  <si>
    <t>10.19000244140625</t>
  </si>
  <si>
    <t>730.8995971679688</t>
  </si>
  <si>
    <t>0.021457053766207324</t>
  </si>
  <si>
    <t>23681</t>
  </si>
  <si>
    <t>9.97166919708252</t>
  </si>
  <si>
    <t>442.0602722167969</t>
  </si>
  <si>
    <t>-0.008493869920666697</t>
  </si>
  <si>
    <t>23618</t>
  </si>
  <si>
    <t>10.248337745666504</t>
  </si>
  <si>
    <t>580.6801147460938</t>
  </si>
  <si>
    <t>-0.0026639056747939094</t>
  </si>
  <si>
    <t>24614</t>
  </si>
  <si>
    <t>9.413336753845215</t>
  </si>
  <si>
    <t>545.5604248046875</t>
  </si>
  <si>
    <t>0.04130625357105444</t>
  </si>
  <si>
    <t>25152</t>
  </si>
  <si>
    <t>11.185004234313965</t>
  </si>
  <si>
    <t>561.76123046875</t>
  </si>
  <si>
    <t>0.02162202949665115</t>
  </si>
  <si>
    <t>25708</t>
  </si>
  <si>
    <t>10.821669578552246</t>
  </si>
  <si>
    <t>788.7810668945312</t>
  </si>
  <si>
    <t>0.021864811262243933</t>
  </si>
  <si>
    <t>27024</t>
  </si>
  <si>
    <t>10.288337707519531</t>
  </si>
  <si>
    <t>554.8001098632812</t>
  </si>
  <si>
    <t>0.04992313255640468</t>
  </si>
  <si>
    <t>26713</t>
  </si>
  <si>
    <t>9.906669616699219</t>
  </si>
  <si>
    <t>626.140625</t>
  </si>
  <si>
    <t>-0.01157502176662284</t>
  </si>
  <si>
    <t>27429</t>
  </si>
  <si>
    <t>9.245003700256348</t>
  </si>
  <si>
    <t>692.3607177734375</t>
  </si>
  <si>
    <t>0.02645050955157835</t>
  </si>
  <si>
    <t>29726</t>
  </si>
  <si>
    <t>10.618335723876953</t>
  </si>
  <si>
    <t>599.520751953125</t>
  </si>
  <si>
    <t>0.08042123587630279</t>
  </si>
  <si>
    <t>30200</t>
  </si>
  <si>
    <t>9.855002403259277</t>
  </si>
  <si>
    <t>608.7197265625</t>
  </si>
  <si>
    <t>0.01581984065412101</t>
  </si>
  <si>
    <t>31182</t>
  </si>
  <si>
    <t>9.910002708435059</t>
  </si>
  <si>
    <t>581.8404541015625</t>
  </si>
  <si>
    <t>0.0319990808735362</t>
  </si>
  <si>
    <t>31890</t>
  </si>
  <si>
    <t>11.59000301361084</t>
  </si>
  <si>
    <t>618.1599731445312</t>
  </si>
  <si>
    <t>0.022451475767606865</t>
  </si>
  <si>
    <t>31696</t>
  </si>
  <si>
    <t>10.815001487731934</t>
  </si>
  <si>
    <t>518.7200317382812</t>
  </si>
  <si>
    <t>-0.0061019910657709175</t>
  </si>
  <si>
    <t>31725</t>
  </si>
  <si>
    <t>10.631670951843262</t>
  </si>
  <si>
    <t>509.6602783203125</t>
  </si>
  <si>
    <t>0.0009145236442549276</t>
  </si>
  <si>
    <t>33253</t>
  </si>
  <si>
    <t>11.015002250671387</t>
  </si>
  <si>
    <t>780.1405029296875</t>
  </si>
  <si>
    <t>0.04703997499524171</t>
  </si>
  <si>
    <t>33299</t>
  </si>
  <si>
    <t>11.223336219787598</t>
  </si>
  <si>
    <t>398.44036865234375</t>
  </si>
  <si>
    <t>0.0013823779097652533</t>
  </si>
  <si>
    <t>33973</t>
  </si>
  <si>
    <t>11.701668739318848</t>
  </si>
  <si>
    <t>499.5402526855469</t>
  </si>
  <si>
    <t>0.020038724985196765</t>
  </si>
  <si>
    <t>33853</t>
  </si>
  <si>
    <t>11.273335456848145</t>
  </si>
  <si>
    <t>521.9805297851562</t>
  </si>
  <si>
    <t>-0.003538469766981578</t>
  </si>
  <si>
    <t>34887</t>
  </si>
  <si>
    <t>10.518338203430176</t>
  </si>
  <si>
    <t>617.7804565429688</t>
  </si>
  <si>
    <t>0.030086645255343214</t>
  </si>
  <si>
    <t>11.441669464111328</t>
  </si>
  <si>
    <t>473.44024658203125</t>
  </si>
  <si>
    <t>0.01006753408896266</t>
  </si>
  <si>
    <t>579</t>
  </si>
  <si>
    <t>124.43785858154297</t>
  </si>
  <si>
    <t>Emsland</t>
  </si>
  <si>
    <t>36420</t>
  </si>
  <si>
    <t>610.1000366210938</t>
  </si>
  <si>
    <t>0.04231610850541223</t>
  </si>
  <si>
    <t>0.011221807567350695</t>
  </si>
  <si>
    <t>36224</t>
  </si>
  <si>
    <t>807.699951171875</t>
  </si>
  <si>
    <t>-0.016617999286093976</t>
  </si>
  <si>
    <t>36954</t>
  </si>
  <si>
    <t>867.5</t>
  </si>
  <si>
    <t>0.01995201335224195</t>
  </si>
  <si>
    <t>37406</t>
  </si>
  <si>
    <t>9.725001335144043</t>
  </si>
  <si>
    <t>603.5000610351562</t>
  </si>
  <si>
    <t>0.012157223427847086</t>
  </si>
  <si>
    <t>8.066668510437012</t>
  </si>
  <si>
    <t>525.8999633789062</t>
  </si>
  <si>
    <t>0.005172931035041017</t>
  </si>
  <si>
    <t>38220</t>
  </si>
  <si>
    <t>686.7000732421875</t>
  </si>
  <si>
    <t>0.016354888416278968</t>
  </si>
  <si>
    <t>38985</t>
  </si>
  <si>
    <t>951.300048828125</t>
  </si>
  <si>
    <t>0.019818017949436495</t>
  </si>
  <si>
    <t>39697</t>
  </si>
  <si>
    <t>804.4000854492188</t>
  </si>
  <si>
    <t>0.018098661325639753</t>
  </si>
  <si>
    <t>774.6000366210938</t>
  </si>
  <si>
    <t>0.02738195321862058</t>
  </si>
  <si>
    <t>40130</t>
  </si>
  <si>
    <t>836.6000366210938</t>
  </si>
  <si>
    <t>-0.01653338702699969</t>
  </si>
  <si>
    <t>39066</t>
  </si>
  <si>
    <t>872.0999755859375</t>
  </si>
  <si>
    <t>-0.026871660796045305</t>
  </si>
  <si>
    <t>40986</t>
  </si>
  <si>
    <t>616.6000366210938</t>
  </si>
  <si>
    <t>0.047978021494987644</t>
  </si>
  <si>
    <t>43695</t>
  </si>
  <si>
    <t>10.058332443237305</t>
  </si>
  <si>
    <t>768.3999633789062</t>
  </si>
  <si>
    <t>0.06400313410174086</t>
  </si>
  <si>
    <t>42603</t>
  </si>
  <si>
    <t>-0.025309005748521685</t>
  </si>
  <si>
    <t>771.4000244140625</t>
  </si>
  <si>
    <t>0.07649930822084627</t>
  </si>
  <si>
    <t>47855</t>
  </si>
  <si>
    <t>844.2000122070312</t>
  </si>
  <si>
    <t>0.03975162409603783</t>
  </si>
  <si>
    <t>50020</t>
  </si>
  <si>
    <t>733.6000366210938</t>
  </si>
  <si>
    <t>0.04424731980160246</t>
  </si>
  <si>
    <t>46547</t>
  </si>
  <si>
    <t>696.5</t>
  </si>
  <si>
    <t>-0.07196037063454774</t>
  </si>
  <si>
    <t>48760</t>
  </si>
  <si>
    <t>750.0000610351562</t>
  </si>
  <si>
    <t>0.04644774979814592</t>
  </si>
  <si>
    <t>52541</t>
  </si>
  <si>
    <t>759.9000244140625</t>
  </si>
  <si>
    <t>0.07468351258082073</t>
  </si>
  <si>
    <t>53600</t>
  </si>
  <si>
    <t>0.019955250882864206</t>
  </si>
  <si>
    <t>52442</t>
  </si>
  <si>
    <t>664.7999877929688</t>
  </si>
  <si>
    <t>-0.021841271083198777</t>
  </si>
  <si>
    <t>52498</t>
  </si>
  <si>
    <t>735.800048828125</t>
  </si>
  <si>
    <t>0.0010672766402830547</t>
  </si>
  <si>
    <t>52448</t>
  </si>
  <si>
    <t>10.5166654586792</t>
  </si>
  <si>
    <t>761.2000122070312</t>
  </si>
  <si>
    <t>-0.0009528710724211464</t>
  </si>
  <si>
    <t>54792</t>
  </si>
  <si>
    <t>675.699951171875</t>
  </si>
  <si>
    <t>0.04372199533418453</t>
  </si>
  <si>
    <t>57329</t>
  </si>
  <si>
    <t>10.800000190734863</t>
  </si>
  <si>
    <t>872.2000122070312</t>
  </si>
  <si>
    <t>0.04526240599797404</t>
  </si>
  <si>
    <t>56199</t>
  </si>
  <si>
    <t>538.0</t>
  </si>
  <si>
    <t>-0.019907640746545496</t>
  </si>
  <si>
    <t>11.125000953674316</t>
  </si>
  <si>
    <t>743.7999877929688</t>
  </si>
  <si>
    <t>0.023477114252566267</t>
  </si>
  <si>
    <t>54649</t>
  </si>
  <si>
    <t>-0.05144516120613041</t>
  </si>
  <si>
    <t>56318</t>
  </si>
  <si>
    <t>10.233332633972168</t>
  </si>
  <si>
    <t>760.7000122070312</t>
  </si>
  <si>
    <t>0.030083283662138527</t>
  </si>
  <si>
    <t>56888</t>
  </si>
  <si>
    <t>684.6000366210938</t>
  </si>
  <si>
    <t>0.010070222725611089</t>
  </si>
  <si>
    <t>581</t>
  </si>
  <si>
    <t>29155</t>
  </si>
  <si>
    <t>812.9000244140625</t>
  </si>
  <si>
    <t>386.2059326171875</t>
  </si>
  <si>
    <t>Enzkreis</t>
  </si>
  <si>
    <t>627.2999877929688</t>
  </si>
  <si>
    <t>0.042309483098549094</t>
  </si>
  <si>
    <t>30758</t>
  </si>
  <si>
    <t>846.2999267578125</t>
  </si>
  <si>
    <t>0.011214215245063386</t>
  </si>
  <si>
    <t>30251</t>
  </si>
  <si>
    <t>9.333333969116211</t>
  </si>
  <si>
    <t>842.9000244140625</t>
  </si>
  <si>
    <t>-0.01662088123604022</t>
  </si>
  <si>
    <t>30861</t>
  </si>
  <si>
    <t>871.6000366210938</t>
  </si>
  <si>
    <t>0.019964009035311037</t>
  </si>
  <si>
    <t>9.458334922790527</t>
  </si>
  <si>
    <t>820.6000366210938</t>
  </si>
  <si>
    <t>0.012174063398864732</t>
  </si>
  <si>
    <t>31401</t>
  </si>
  <si>
    <t>735.0000610351562</t>
  </si>
  <si>
    <t>0.005172425324987628</t>
  </si>
  <si>
    <t>10.07499885559082</t>
  </si>
  <si>
    <t>780.7999877929688</t>
  </si>
  <si>
    <t>0.01633037443613894</t>
  </si>
  <si>
    <t>833.2000732421875</t>
  </si>
  <si>
    <t>0.019822285320278965</t>
  </si>
  <si>
    <t>33152</t>
  </si>
  <si>
    <t>902.3999633789062</t>
  </si>
  <si>
    <t>0.018110647339744546</t>
  </si>
  <si>
    <t>34072</t>
  </si>
  <si>
    <t>871.60009765625</t>
  </si>
  <si>
    <t>0.02737288598389398</t>
  </si>
  <si>
    <t>33829</t>
  </si>
  <si>
    <t>915.9000244140625</t>
  </si>
  <si>
    <t>-0.007157509827706576</t>
  </si>
  <si>
    <t>33903</t>
  </si>
  <si>
    <t>0.0021850832529182185</t>
  </si>
  <si>
    <t>641.300048828125</t>
  </si>
  <si>
    <t>-0.00245116257568867</t>
  </si>
  <si>
    <t>34725</t>
  </si>
  <si>
    <t>731.7000732421875</t>
  </si>
  <si>
    <t>0.026407545169972124</t>
  </si>
  <si>
    <t>35947</t>
  </si>
  <si>
    <t>0.03458574280951865</t>
  </si>
  <si>
    <t>36856</t>
  </si>
  <si>
    <t>900.300048828125</t>
  </si>
  <si>
    <t>0.02497279618368964</t>
  </si>
  <si>
    <t>37089</t>
  </si>
  <si>
    <t>896.0999755859375</t>
  </si>
  <si>
    <t>0.006302002059284106</t>
  </si>
  <si>
    <t>-0.01491287874303815</t>
  </si>
  <si>
    <t>32142</t>
  </si>
  <si>
    <t>851.1000366210938</t>
  </si>
  <si>
    <t>-0.1282439648229836</t>
  </si>
  <si>
    <t>35050</t>
  </si>
  <si>
    <t>839.5</t>
  </si>
  <si>
    <t>0.08661202735372164</t>
  </si>
  <si>
    <t>38619</t>
  </si>
  <si>
    <t>722.5999755859375</t>
  </si>
  <si>
    <t>0.09696876986500769</t>
  </si>
  <si>
    <t>38341</t>
  </si>
  <si>
    <t>795.2999877929688</t>
  </si>
  <si>
    <t>-0.007224563647801219</t>
  </si>
  <si>
    <t>900.1000366210938</t>
  </si>
  <si>
    <t>-0.01731075532457993</t>
  </si>
  <si>
    <t>39145</t>
  </si>
  <si>
    <t>10.741665840148926</t>
  </si>
  <si>
    <t>0.03806363598665108</t>
  </si>
  <si>
    <t>40119</t>
  </si>
  <si>
    <t>643.9000244140625</t>
  </si>
  <si>
    <t>0.02457733719889177</t>
  </si>
  <si>
    <t>40363</t>
  </si>
  <si>
    <t>785.10009765625</t>
  </si>
  <si>
    <t>0.006063486185038158</t>
  </si>
  <si>
    <t>40940</t>
  </si>
  <si>
    <t>870.10009765625</t>
  </si>
  <si>
    <t>0.014194056489335694</t>
  </si>
  <si>
    <t>41455</t>
  </si>
  <si>
    <t>10.700000762939453</t>
  </si>
  <si>
    <t>623.4000244140625</t>
  </si>
  <si>
    <t>0.01250092133503955</t>
  </si>
  <si>
    <t>41413</t>
  </si>
  <si>
    <t>-0.0010136603657926457</t>
  </si>
  <si>
    <t>38671</t>
  </si>
  <si>
    <t>10.816665649414062</t>
  </si>
  <si>
    <t>760.2999877929688</t>
  </si>
  <si>
    <t>-0.06850487607787414</t>
  </si>
  <si>
    <t>39853</t>
  </si>
  <si>
    <t>809.5999755859375</t>
  </si>
  <si>
    <t>0.0301077195867947</t>
  </si>
  <si>
    <t>40256</t>
  </si>
  <si>
    <t>0.010061376366664376</t>
  </si>
  <si>
    <t>582</t>
  </si>
  <si>
    <t>28281</t>
  </si>
  <si>
    <t>9.415645599365234</t>
  </si>
  <si>
    <t>905.5023193359375</t>
  </si>
  <si>
    <t>801.8665161132812</t>
  </si>
  <si>
    <t>Erding</t>
  </si>
  <si>
    <t>29503</t>
  </si>
  <si>
    <t>8.473979949951172</t>
  </si>
  <si>
    <t>755.5414428710938</t>
  </si>
  <si>
    <t>0.04230175200832775</t>
  </si>
  <si>
    <t>29836</t>
  </si>
  <si>
    <t>9.708531379699707</t>
  </si>
  <si>
    <t>844.1098022460938</t>
  </si>
  <si>
    <t>0.011223765002466024</t>
  </si>
  <si>
    <t>29345</t>
  </si>
  <si>
    <t>8.93231201171875</t>
  </si>
  <si>
    <t>873.3729858398438</t>
  </si>
  <si>
    <t>-0.01659354408261926</t>
  </si>
  <si>
    <t>29936</t>
  </si>
  <si>
    <t>9.925198554992676</t>
  </si>
  <si>
    <t>804.6808471679688</t>
  </si>
  <si>
    <t>0.01993959552143565</t>
  </si>
  <si>
    <t>30303</t>
  </si>
  <si>
    <t>8.933531761169434</t>
  </si>
  <si>
    <t>873.4288330078125</t>
  </si>
  <si>
    <t>0.012184947983422845</t>
  </si>
  <si>
    <t>7.875197887420654</t>
  </si>
  <si>
    <t>857.3046264648438</t>
  </si>
  <si>
    <t>0.005167629951859709</t>
  </si>
  <si>
    <t>9.458531379699707</t>
  </si>
  <si>
    <t>839.0992431640625</t>
  </si>
  <si>
    <t>0.01634629865125703</t>
  </si>
  <si>
    <t>31582</t>
  </si>
  <si>
    <t>9.125199317932129</t>
  </si>
  <si>
    <t>859.921630859375</t>
  </si>
  <si>
    <t>0.019826691926178697</t>
  </si>
  <si>
    <t>32158</t>
  </si>
  <si>
    <t>8.898979187011719</t>
  </si>
  <si>
    <t>907.51513671875</t>
  </si>
  <si>
    <t>0.018073915277767583</t>
  </si>
  <si>
    <t>33051</t>
  </si>
  <si>
    <t>10.029677391052246</t>
  </si>
  <si>
    <t>894.98486328125</t>
  </si>
  <si>
    <t>0.027390569703818812</t>
  </si>
  <si>
    <t>32969</t>
  </si>
  <si>
    <t>9.03353214263916</t>
  </si>
  <si>
    <t>867.5465087890625</t>
  </si>
  <si>
    <t>-0.00248409700595964</t>
  </si>
  <si>
    <t>9.568083763122559</t>
  </si>
  <si>
    <t>963.9530029296875</t>
  </si>
  <si>
    <t>-0.00434684171033517</t>
  </si>
  <si>
    <t>9.3097505569458</t>
  </si>
  <si>
    <t>709.94482421875</t>
  </si>
  <si>
    <t>-0.005835552222562157</t>
  </si>
  <si>
    <t>8.866865158081055</t>
  </si>
  <si>
    <t>746.7927856445312</t>
  </si>
  <si>
    <t>0.02726397486911658</t>
  </si>
  <si>
    <t>33595</t>
  </si>
  <si>
    <t>8.250198364257812</t>
  </si>
  <si>
    <t>819.640625</t>
  </si>
  <si>
    <t>0.0017279394158151717</t>
  </si>
  <si>
    <t>34998</t>
  </si>
  <si>
    <t>9.818083763122559</t>
  </si>
  <si>
    <t>796.8240356445312</t>
  </si>
  <si>
    <t>0.04091367062744311</t>
  </si>
  <si>
    <t>34576</t>
  </si>
  <si>
    <t>9.52763557434082</t>
  </si>
  <si>
    <t>876.6434936523438</t>
  </si>
  <si>
    <t>-0.012131117235025357</t>
  </si>
  <si>
    <t>35482</t>
  </si>
  <si>
    <t>9.068083763122559</t>
  </si>
  <si>
    <t>785.2879638671875</t>
  </si>
  <si>
    <t>0.025865725873925882</t>
  </si>
  <si>
    <t>34463</t>
  </si>
  <si>
    <t>9.259749412536621</t>
  </si>
  <si>
    <t>826.1073608398438</t>
  </si>
  <si>
    <t>-0.029139240870032168</t>
  </si>
  <si>
    <t>36929</t>
  </si>
  <si>
    <t>8.567885398864746</t>
  </si>
  <si>
    <t>861.4716186523438</t>
  </si>
  <si>
    <t>0.06911086547326484</t>
  </si>
  <si>
    <t>39517</t>
  </si>
  <si>
    <t>10.077635765075684</t>
  </si>
  <si>
    <t>847.1162109375</t>
  </si>
  <si>
    <t>0.06773380882542313</t>
  </si>
  <si>
    <t>9.44674015045166</t>
  </si>
  <si>
    <t>873.357666015625</t>
  </si>
  <si>
    <t>0.0400311360330754</t>
  </si>
  <si>
    <t>40655</t>
  </si>
  <si>
    <t>9.160969734191895</t>
  </si>
  <si>
    <t>863.4683227539062</t>
  </si>
  <si>
    <t>-0.011640265440387765</t>
  </si>
  <si>
    <t>40725</t>
  </si>
  <si>
    <t>10.141864776611328</t>
  </si>
  <si>
    <t>867.6452026367188</t>
  </si>
  <si>
    <t>0.0017203248283088612</t>
  </si>
  <si>
    <t>40918</t>
  </si>
  <si>
    <t>10.225199699401855</t>
  </si>
  <si>
    <t>815.173095703125</t>
  </si>
  <si>
    <t>0.004727909545525932</t>
  </si>
  <si>
    <t>41431</t>
  </si>
  <si>
    <t>9.233531951904297</t>
  </si>
  <si>
    <t>956.4021606445312</t>
  </si>
  <si>
    <t>0.01245932886310186</t>
  </si>
  <si>
    <t>42543</t>
  </si>
  <si>
    <t>10.123980522155762</t>
  </si>
  <si>
    <t>1038.9508056640625</t>
  </si>
  <si>
    <t>0.026485936250582043</t>
  </si>
  <si>
    <t>41589</t>
  </si>
  <si>
    <t>10.050198554992676</t>
  </si>
  <si>
    <t>777.7335815429688</t>
  </si>
  <si>
    <t>-0.022679619922969962</t>
  </si>
  <si>
    <t>42382</t>
  </si>
  <si>
    <t>10.40141773223877</t>
  </si>
  <si>
    <t>805.2900390625</t>
  </si>
  <si>
    <t>0.01888803457402588</t>
  </si>
  <si>
    <t>40157</t>
  </si>
  <si>
    <t>958.3001708984375</t>
  </si>
  <si>
    <t>-0.05392697240039368</t>
  </si>
  <si>
    <t>41384</t>
  </si>
  <si>
    <t>9.282313346862793</t>
  </si>
  <si>
    <t>853.1111450195312</t>
  </si>
  <si>
    <t>0.030097561303232823</t>
  </si>
  <si>
    <t>41803</t>
  </si>
  <si>
    <t>10.682312965393066</t>
  </si>
  <si>
    <t>754.5291748046875</t>
  </si>
  <si>
    <t>0.010073774589058004</t>
  </si>
  <si>
    <t>586</t>
  </si>
  <si>
    <t>18618</t>
  </si>
  <si>
    <t>602.5</t>
  </si>
  <si>
    <t>391.3837585449219</t>
  </si>
  <si>
    <t>Erzgebirgskreis</t>
  </si>
  <si>
    <t>19422</t>
  </si>
  <si>
    <t>0.0422775894778642</t>
  </si>
  <si>
    <t>19641</t>
  </si>
  <si>
    <t>8.466666221618652</t>
  </si>
  <si>
    <t>675.800048828125</t>
  </si>
  <si>
    <t>0.011212773954900612</t>
  </si>
  <si>
    <t>730.9000244140625</t>
  </si>
  <si>
    <t>-0.016581914369959705</t>
  </si>
  <si>
    <t>19707</t>
  </si>
  <si>
    <t>733.7999877929688</t>
  </si>
  <si>
    <t>0.019936598821342244</t>
  </si>
  <si>
    <t>19948</t>
  </si>
  <si>
    <t>670.7000122070312</t>
  </si>
  <si>
    <t>0.012154985105430782</t>
  </si>
  <si>
    <t>20052</t>
  </si>
  <si>
    <t>6.083333969116211</t>
  </si>
  <si>
    <t>0.0052000117173793825</t>
  </si>
  <si>
    <t>648.9000244140625</t>
  </si>
  <si>
    <t>0.01632325900524556</t>
  </si>
  <si>
    <t>20790</t>
  </si>
  <si>
    <t>720.3999633789062</t>
  </si>
  <si>
    <t>0.01981994346341942</t>
  </si>
  <si>
    <t>659.800048828125</t>
  </si>
  <si>
    <t>0.01811298327685229</t>
  </si>
  <si>
    <t>21758</t>
  </si>
  <si>
    <t>0.02739642085211713</t>
  </si>
  <si>
    <t>22076</t>
  </si>
  <si>
    <t>7.8249993324279785</t>
  </si>
  <si>
    <t>726.4999389648438</t>
  </si>
  <si>
    <t>0.014509539578364539</t>
  </si>
  <si>
    <t>906.2000122070312</t>
  </si>
  <si>
    <t>0.04905760267095438</t>
  </si>
  <si>
    <t>23465</t>
  </si>
  <si>
    <t>8.125000953674316</t>
  </si>
  <si>
    <t>507.9999694824219</t>
  </si>
  <si>
    <t>0.011961300998171609</t>
  </si>
  <si>
    <t>24179</t>
  </si>
  <si>
    <t>689.7000122070312</t>
  </si>
  <si>
    <t>0.02997453859209287</t>
  </si>
  <si>
    <t>24454</t>
  </si>
  <si>
    <t>616.3999633789062</t>
  </si>
  <si>
    <t>0.011309313883524297</t>
  </si>
  <si>
    <t>25525</t>
  </si>
  <si>
    <t>655.5</t>
  </si>
  <si>
    <t>0.042864562328730926</t>
  </si>
  <si>
    <t>25797</t>
  </si>
  <si>
    <t>8.799999237060547</t>
  </si>
  <si>
    <t>800.5000610351562</t>
  </si>
  <si>
    <t>0.010599842046140395</t>
  </si>
  <si>
    <t>26180</t>
  </si>
  <si>
    <t>0.014737554384884888</t>
  </si>
  <si>
    <t>24845</t>
  </si>
  <si>
    <t>742.0</t>
  </si>
  <si>
    <t>-0.05233923542747121</t>
  </si>
  <si>
    <t>26544</t>
  </si>
  <si>
    <t>7.316667079925537</t>
  </si>
  <si>
    <t>791.3999633789062</t>
  </si>
  <si>
    <t>0.06614720839380617</t>
  </si>
  <si>
    <t>28103</t>
  </si>
  <si>
    <t>8.741667747497559</t>
  </si>
  <si>
    <t>655.9000244140625</t>
  </si>
  <si>
    <t>0.05707259875883608</t>
  </si>
  <si>
    <t>28835</t>
  </si>
  <si>
    <t>656.5000610351562</t>
  </si>
  <si>
    <t>0.02571359486045033</t>
  </si>
  <si>
    <t>28715</t>
  </si>
  <si>
    <t>7.891665935516357</t>
  </si>
  <si>
    <t>688.2000122070312</t>
  </si>
  <si>
    <t>-0.004170292751116023</t>
  </si>
  <si>
    <t>29563</t>
  </si>
  <si>
    <t>9.383332252502441</t>
  </si>
  <si>
    <t>0.02910394511210157</t>
  </si>
  <si>
    <t>30064</t>
  </si>
  <si>
    <t>8.908332824707031</t>
  </si>
  <si>
    <t>581.1000366210938</t>
  </si>
  <si>
    <t>0.01680486324274888</t>
  </si>
  <si>
    <t>30831</t>
  </si>
  <si>
    <t>8.366665840148926</t>
  </si>
  <si>
    <t>612.2000732421875</t>
  </si>
  <si>
    <t>0.025192234639934696</t>
  </si>
  <si>
    <t>31661</t>
  </si>
  <si>
    <t>786.4000244140625</t>
  </si>
  <si>
    <t>0.02656496223997351</t>
  </si>
  <si>
    <t>31916</t>
  </si>
  <si>
    <t>9.258332252502441</t>
  </si>
  <si>
    <t>497.4999694824219</t>
  </si>
  <si>
    <t>0.008021811895016384</t>
  </si>
  <si>
    <t>32148</t>
  </si>
  <si>
    <t>548.1000366210938</t>
  </si>
  <si>
    <t>0.007242788904436637</t>
  </si>
  <si>
    <t>31346</t>
  </si>
  <si>
    <t>667.2000732421875</t>
  </si>
  <si>
    <t>-0.025263573118595062</t>
  </si>
  <si>
    <t>32303</t>
  </si>
  <si>
    <t>703.7000732421875</t>
  </si>
  <si>
    <t>0.03007343794068973</t>
  </si>
  <si>
    <t>32630</t>
  </si>
  <si>
    <t>553.2999877929688</t>
  </si>
  <si>
    <t>0.010072005432663289</t>
  </si>
  <si>
    <t>42168</t>
  </si>
  <si>
    <t>779.5</t>
  </si>
  <si>
    <t>1031.4991455078125</t>
  </si>
  <si>
    <t>Esslingen</t>
  </si>
  <si>
    <t>43991</t>
  </si>
  <si>
    <t>580.1000366210938</t>
  </si>
  <si>
    <t>0.04232342798853672</t>
  </si>
  <si>
    <t>44487</t>
  </si>
  <si>
    <t>10.458333969116211</t>
  </si>
  <si>
    <t>768.300048828125</t>
  </si>
  <si>
    <t>0.011211944119599693</t>
  </si>
  <si>
    <t>43754</t>
  </si>
  <si>
    <t>755.0999755859375</t>
  </si>
  <si>
    <t>-0.01661397446532753</t>
  </si>
  <si>
    <t>770.60009765625</t>
  </si>
  <si>
    <t>0.01995767112773983</t>
  </si>
  <si>
    <t>45183</t>
  </si>
  <si>
    <t>9.941667556762695</t>
  </si>
  <si>
    <t>758.5</t>
  </si>
  <si>
    <t>0.012180201574366833</t>
  </si>
  <si>
    <t>45417</t>
  </si>
  <si>
    <t>676.300048828125</t>
  </si>
  <si>
    <t>0.005165574400031403</t>
  </si>
  <si>
    <t>46165</t>
  </si>
  <si>
    <t>674.0</t>
  </si>
  <si>
    <t>0.01633545092673927</t>
  </si>
  <si>
    <t>47090</t>
  </si>
  <si>
    <t>735.0</t>
  </si>
  <si>
    <t>0.01983872903087125</t>
  </si>
  <si>
    <t>47949</t>
  </si>
  <si>
    <t>10.158332824707031</t>
  </si>
  <si>
    <t>853.7000122070312</t>
  </si>
  <si>
    <t>0.018077281799163458</t>
  </si>
  <si>
    <t>49281</t>
  </si>
  <si>
    <t>0.027400665172546468</t>
  </si>
  <si>
    <t>51810</t>
  </si>
  <si>
    <t>808.4000244140625</t>
  </si>
  <si>
    <t>0.050044569599524635</t>
  </si>
  <si>
    <t>48540</t>
  </si>
  <si>
    <t>1008.800048828125</t>
  </si>
  <si>
    <t>-0.06519498052824169</t>
  </si>
  <si>
    <t>48893</t>
  </si>
  <si>
    <t>556.1000366210938</t>
  </si>
  <si>
    <t>0.007246036651279653</t>
  </si>
  <si>
    <t>613.0</t>
  </si>
  <si>
    <t>-0.01554157755672314</t>
  </si>
  <si>
    <t>47901</t>
  </si>
  <si>
    <t>698.60009765625</t>
  </si>
  <si>
    <t>-0.0049562783673380295</t>
  </si>
  <si>
    <t>50868</t>
  </si>
  <si>
    <t>808.4999389648438</t>
  </si>
  <si>
    <t>0.060097661132825664</t>
  </si>
  <si>
    <t>52981</t>
  </si>
  <si>
    <t>0.04069931655448045</t>
  </si>
  <si>
    <t>54066</t>
  </si>
  <si>
    <t>657.2999877929688</t>
  </si>
  <si>
    <t>0.02027216376797547</t>
  </si>
  <si>
    <t>46251</t>
  </si>
  <si>
    <t>10.433334350585938</t>
  </si>
  <si>
    <t>-0.15612243713464302</t>
  </si>
  <si>
    <t>50667</t>
  </si>
  <si>
    <t>724.300048828125</t>
  </si>
  <si>
    <t>0.0911917257575805</t>
  </si>
  <si>
    <t>54506</t>
  </si>
  <si>
    <t>658.2999877929688</t>
  </si>
  <si>
    <t>0.07303597624877334</t>
  </si>
  <si>
    <t>55225</t>
  </si>
  <si>
    <t>10.22499942779541</t>
  </si>
  <si>
    <t>718.800048828125</t>
  </si>
  <si>
    <t>0.013104961953514405</t>
  </si>
  <si>
    <t>53909</t>
  </si>
  <si>
    <t>759.2000122070312</t>
  </si>
  <si>
    <t>-0.024118309448889264</t>
  </si>
  <si>
    <t>55040</t>
  </si>
  <si>
    <t>692.8999633789062</t>
  </si>
  <si>
    <t>0.020762753767796127</t>
  </si>
  <si>
    <t>56478</t>
  </si>
  <si>
    <t>572.6000366210938</t>
  </si>
  <si>
    <t>0.025790988168051143</t>
  </si>
  <si>
    <t>55967</t>
  </si>
  <si>
    <t>693.199951171875</t>
  </si>
  <si>
    <t>-0.00908895046934255</t>
  </si>
  <si>
    <t>58357</t>
  </si>
  <si>
    <t>0.04181708593753619</t>
  </si>
  <si>
    <t>58035</t>
  </si>
  <si>
    <t>569.0</t>
  </si>
  <si>
    <t>-0.005533040440745651</t>
  </si>
  <si>
    <t>56572</t>
  </si>
  <si>
    <t>633.0</t>
  </si>
  <si>
    <t>-0.02553211366233299</t>
  </si>
  <si>
    <t>53288</t>
  </si>
  <si>
    <t>11.233332633972168</t>
  </si>
  <si>
    <t>671.7999877929688</t>
  </si>
  <si>
    <t>-0.059802998047375766</t>
  </si>
  <si>
    <t>54915</t>
  </si>
  <si>
    <t>0.030075370129431178</t>
  </si>
  <si>
    <t>55471</t>
  </si>
  <si>
    <t>11.824999809265137</t>
  </si>
  <si>
    <t>611.0999755859375</t>
  </si>
  <si>
    <t>0.010073826427090538</t>
  </si>
  <si>
    <t>27637</t>
  </si>
  <si>
    <t>793.2000732421875</t>
  </si>
  <si>
    <t>571.5803833007812</t>
  </si>
  <si>
    <t>Euskirchen</t>
  </si>
  <si>
    <t>28831</t>
  </si>
  <si>
    <t>651.1000366210938</t>
  </si>
  <si>
    <t>0.042295742481101684</t>
  </si>
  <si>
    <t>29156</t>
  </si>
  <si>
    <t>929.4000244140625</t>
  </si>
  <si>
    <t>0.011209526380326906</t>
  </si>
  <si>
    <t>28676</t>
  </si>
  <si>
    <t>9.933334350585938</t>
  </si>
  <si>
    <t>911.199951171875</t>
  </si>
  <si>
    <t>-0.01660018752934178</t>
  </si>
  <si>
    <t>29254</t>
  </si>
  <si>
    <t>954.5999755859375</t>
  </si>
  <si>
    <t>0.01995578047427138</t>
  </si>
  <si>
    <t>29612</t>
  </si>
  <si>
    <t>0.012163368115954754</t>
  </si>
  <si>
    <t>29766</t>
  </si>
  <si>
    <t>589.0999755859375</t>
  </si>
  <si>
    <t>0.005187117966116261</t>
  </si>
  <si>
    <t>30256</t>
  </si>
  <si>
    <t>833.7999267578125</t>
  </si>
  <si>
    <t>0.016327709369134524</t>
  </si>
  <si>
    <t>30862</t>
  </si>
  <si>
    <t>1044.0999755859375</t>
  </si>
  <si>
    <t>0.01983114173291156</t>
  </si>
  <si>
    <t>31425</t>
  </si>
  <si>
    <t>0.01807810082729766</t>
  </si>
  <si>
    <t>32298</t>
  </si>
  <si>
    <t>0.027401554330563016</t>
  </si>
  <si>
    <t>31649</t>
  </si>
  <si>
    <t>10.458332061767578</t>
  </si>
  <si>
    <t>1005.39990234375</t>
  </si>
  <si>
    <t>-0.020298756292458364</t>
  </si>
  <si>
    <t>32384</t>
  </si>
  <si>
    <t>10.783331871032715</t>
  </si>
  <si>
    <t>1037.9000244140625</t>
  </si>
  <si>
    <t>0.022957921150585037</t>
  </si>
  <si>
    <t>33535</t>
  </si>
  <si>
    <t>715.699951171875</t>
  </si>
  <si>
    <t>0.03492519588670007</t>
  </si>
  <si>
    <t>33550</t>
  </si>
  <si>
    <t>838.7999877929688</t>
  </si>
  <si>
    <t>0.0004471938659893482</t>
  </si>
  <si>
    <t>33408</t>
  </si>
  <si>
    <t>760.8999633789062</t>
  </si>
  <si>
    <t>-0.004241471157516941</t>
  </si>
  <si>
    <t>870.9000244140625</t>
  </si>
  <si>
    <t>0.029609948498928063</t>
  </si>
  <si>
    <t>962.199951171875</t>
  </si>
  <si>
    <t>0.0415517061306474</t>
  </si>
  <si>
    <t>860.7000122070312</t>
  </si>
  <si>
    <t>-0.01706607622960732</t>
  </si>
  <si>
    <t>32398</t>
  </si>
  <si>
    <t>10.616665840148926</t>
  </si>
  <si>
    <t>-0.08479427816219598</t>
  </si>
  <si>
    <t>33374</t>
  </si>
  <si>
    <t>864.9999389648438</t>
  </si>
  <si>
    <t>0.02968046122676604</t>
  </si>
  <si>
    <t>35154</t>
  </si>
  <si>
    <t>11.341666221618652</t>
  </si>
  <si>
    <t>785.0999755859375</t>
  </si>
  <si>
    <t>0.05196125606599544</t>
  </si>
  <si>
    <t>34652</t>
  </si>
  <si>
    <t>822.1000366210938</t>
  </si>
  <si>
    <t>-0.014382965762813171</t>
  </si>
  <si>
    <t>35389</t>
  </si>
  <si>
    <t>794.1000366210938</t>
  </si>
  <si>
    <t>0.021045593360600634</t>
  </si>
  <si>
    <t>35394</t>
  </si>
  <si>
    <t>11.600001335144043</t>
  </si>
  <si>
    <t>869.800048828125</t>
  </si>
  <si>
    <t>0.00014127686049825172</t>
  </si>
  <si>
    <t>35048</t>
  </si>
  <si>
    <t>-0.009823763737395907</t>
  </si>
  <si>
    <t>36500</t>
  </si>
  <si>
    <t>0.04059371007684831</t>
  </si>
  <si>
    <t>37601</t>
  </si>
  <si>
    <t>908.8999633789062</t>
  </si>
  <si>
    <t>0.02971838519842329</t>
  </si>
  <si>
    <t>37696</t>
  </si>
  <si>
    <t>656.0999755859375</t>
  </si>
  <si>
    <t>0.002523342242252369</t>
  </si>
  <si>
    <t>37230</t>
  </si>
  <si>
    <t>11.724998474121094</t>
  </si>
  <si>
    <t>804.0000610351562</t>
  </si>
  <si>
    <t>-0.012439100144495896</t>
  </si>
  <si>
    <t>36459</t>
  </si>
  <si>
    <t>806.3001098632812</t>
  </si>
  <si>
    <t>-0.020926546327851625</t>
  </si>
  <si>
    <t>37572</t>
  </si>
  <si>
    <t>907.9000854492188</t>
  </si>
  <si>
    <t>0.030070750575495353</t>
  </si>
  <si>
    <t>37952</t>
  </si>
  <si>
    <t>744.7999877929688</t>
  </si>
  <si>
    <t>0.010063111242992306</t>
  </si>
  <si>
    <t>591</t>
  </si>
  <si>
    <t>22540</t>
  </si>
  <si>
    <t>729.9000244140625</t>
  </si>
  <si>
    <t>184.5287628173828</t>
  </si>
  <si>
    <t>Forchheim</t>
  </si>
  <si>
    <t>23514</t>
  </si>
  <si>
    <t>7.9916672706604</t>
  </si>
  <si>
    <t>554.9000244140625</t>
  </si>
  <si>
    <t>0.04230447983391983</t>
  </si>
  <si>
    <t>23780</t>
  </si>
  <si>
    <t>9.216667175292969</t>
  </si>
  <si>
    <t>721.5000610351562</t>
  </si>
  <si>
    <t>0.011248902817085238</t>
  </si>
  <si>
    <t>23388</t>
  </si>
  <si>
    <t>8.308333396911621</t>
  </si>
  <si>
    <t>706.4000244140625</t>
  </si>
  <si>
    <t>-0.016621820949211497</t>
  </si>
  <si>
    <t>23859</t>
  </si>
  <si>
    <t>0.019938434329684895</t>
  </si>
  <si>
    <t>24151</t>
  </si>
  <si>
    <t>8.258332252502441</t>
  </si>
  <si>
    <t>0.012164282465686682</t>
  </si>
  <si>
    <t>24277</t>
  </si>
  <si>
    <t>6.791666507720947</t>
  </si>
  <si>
    <t>585.2000732421875</t>
  </si>
  <si>
    <t>0.005203612964175264</t>
  </si>
  <si>
    <t>635.300048828125</t>
  </si>
  <si>
    <t>0.016301711274421038</t>
  </si>
  <si>
    <t>25171</t>
  </si>
  <si>
    <t>688.0000610351562</t>
  </si>
  <si>
    <t>0.019861426847731067</t>
  </si>
  <si>
    <t>25630</t>
  </si>
  <si>
    <t>0.01807100218085722</t>
  </si>
  <si>
    <t>26342</t>
  </si>
  <si>
    <t>701.6000366210938</t>
  </si>
  <si>
    <t>0.027401083200874865</t>
  </si>
  <si>
    <t>26182</t>
  </si>
  <si>
    <t>719.5000610351562</t>
  </si>
  <si>
    <t>-0.0060924718189472316</t>
  </si>
  <si>
    <t>26649</t>
  </si>
  <si>
    <t>939.5000610351562</t>
  </si>
  <si>
    <t>0.01767947469776665</t>
  </si>
  <si>
    <t>26516</t>
  </si>
  <si>
    <t>515.300048828125</t>
  </si>
  <si>
    <t>-0.005003302076529437</t>
  </si>
  <si>
    <t>26476</t>
  </si>
  <si>
    <t>587.5999755859375</t>
  </si>
  <si>
    <t>-0.0015096621224675033</t>
  </si>
  <si>
    <t>654.0</t>
  </si>
  <si>
    <t>-0.00011331658778246378</t>
  </si>
  <si>
    <t>28047</t>
  </si>
  <si>
    <t>670.5999755859375</t>
  </si>
  <si>
    <t>0.05775632870839331</t>
  </si>
  <si>
    <t>27961</t>
  </si>
  <si>
    <t>9.566667556762695</t>
  </si>
  <si>
    <t>692.5</t>
  </si>
  <si>
    <t>-0.0030709922721321448</t>
  </si>
  <si>
    <t>28462</t>
  </si>
  <si>
    <t>626.3999633789062</t>
  </si>
  <si>
    <t>0.017759182156313003</t>
  </si>
  <si>
    <t>27803</t>
  </si>
  <si>
    <t>717.699951171875</t>
  </si>
  <si>
    <t>-0.023425935718073276</t>
  </si>
  <si>
    <t>28397</t>
  </si>
  <si>
    <t>697.4999389648438</t>
  </si>
  <si>
    <t>0.02113957724130522</t>
  </si>
  <si>
    <t>30814</t>
  </si>
  <si>
    <t>9.47499942779541</t>
  </si>
  <si>
    <t>646.9000244140625</t>
  </si>
  <si>
    <t>0.08168562637488286</t>
  </si>
  <si>
    <t>31369</t>
  </si>
  <si>
    <t>8.866665840148926</t>
  </si>
  <si>
    <t>598.5</t>
  </si>
  <si>
    <t>0.017851011944847173</t>
  </si>
  <si>
    <t>31789</t>
  </si>
  <si>
    <t>659.2000122070312</t>
  </si>
  <si>
    <t>0.013300173890675282</t>
  </si>
  <si>
    <t>33312</t>
  </si>
  <si>
    <t>674.5000610351562</t>
  </si>
  <si>
    <t>0.04679737443745324</t>
  </si>
  <si>
    <t>36545</t>
  </si>
  <si>
    <t>531.4000244140625</t>
  </si>
  <si>
    <t>0.09262668549979658</t>
  </si>
  <si>
    <t>36482</t>
  </si>
  <si>
    <t>607.0</t>
  </si>
  <si>
    <t>-0.0017253896676336922</t>
  </si>
  <si>
    <t>40508</t>
  </si>
  <si>
    <t>9.958331108093262</t>
  </si>
  <si>
    <t>746.800048828125</t>
  </si>
  <si>
    <t>0.10468049720531702</t>
  </si>
  <si>
    <t>41454</t>
  </si>
  <si>
    <t>0.023084893264673667</t>
  </si>
  <si>
    <t>44477</t>
  </si>
  <si>
    <t>564.6000366210938</t>
  </si>
  <si>
    <t>0.07038782288986134</t>
  </si>
  <si>
    <t>43119</t>
  </si>
  <si>
    <t>643.0</t>
  </si>
  <si>
    <t>-0.031008466387369538</t>
  </si>
  <si>
    <t>44436</t>
  </si>
  <si>
    <t>687.0</t>
  </si>
  <si>
    <t>0.030086216482271055</t>
  </si>
  <si>
    <t>44885</t>
  </si>
  <si>
    <t>592.2000732421875</t>
  </si>
  <si>
    <t>0.01005371148917611</t>
  </si>
  <si>
    <t>598</t>
  </si>
  <si>
    <t>24034</t>
  </si>
  <si>
    <t>7.433332920074463</t>
  </si>
  <si>
    <t>945.6000366210938</t>
  </si>
  <si>
    <t>64.51014709472656</t>
  </si>
  <si>
    <t>Freyung-Grafenau</t>
  </si>
  <si>
    <t>25073</t>
  </si>
  <si>
    <t>6.3416666984558105</t>
  </si>
  <si>
    <t>879.4000244140625</t>
  </si>
  <si>
    <t>0.042322075459988895</t>
  </si>
  <si>
    <t>25356</t>
  </si>
  <si>
    <t>947.5999755859375</t>
  </si>
  <si>
    <t>0.011223818472823055</t>
  </si>
  <si>
    <t>24938</t>
  </si>
  <si>
    <t>6.933332920074463</t>
  </si>
  <si>
    <t>958.1000366210938</t>
  </si>
  <si>
    <t>-0.01662264384752632</t>
  </si>
  <si>
    <t>25441</t>
  </si>
  <si>
    <t>943.300048828125</t>
  </si>
  <si>
    <t>0.019969301301081543</t>
  </si>
  <si>
    <t>25752</t>
  </si>
  <si>
    <t>6.883333206176758</t>
  </si>
  <si>
    <t>1025.9000244140625</t>
  </si>
  <si>
    <t>0.012150248121031382</t>
  </si>
  <si>
    <t>25886</t>
  </si>
  <si>
    <t>5.558333873748779</t>
  </si>
  <si>
    <t>990.5999755859375</t>
  </si>
  <si>
    <t>0.005189988023738934</t>
  </si>
  <si>
    <t>26312</t>
  </si>
  <si>
    <t>7.1166672706604</t>
  </si>
  <si>
    <t>982.5</t>
  </si>
  <si>
    <t>0.0163228268665101</t>
  </si>
  <si>
    <t>7.149999618530273</t>
  </si>
  <si>
    <t>1003.300048828125</t>
  </si>
  <si>
    <t>0.01983094469849256</t>
  </si>
  <si>
    <t>27329</t>
  </si>
  <si>
    <t>1006.7000732421875</t>
  </si>
  <si>
    <t>0.018092355857277198</t>
  </si>
  <si>
    <t>28088</t>
  </si>
  <si>
    <t>975.7000122070312</t>
  </si>
  <si>
    <t>0.027394029423605915</t>
  </si>
  <si>
    <t>28963</t>
  </si>
  <si>
    <t>1045.10009765625</t>
  </si>
  <si>
    <t>0.03067671444641107</t>
  </si>
  <si>
    <t>28436</t>
  </si>
  <si>
    <t>1198.9998779296875</t>
  </si>
  <si>
    <t>-0.01836320524530599</t>
  </si>
  <si>
    <t>27401</t>
  </si>
  <si>
    <t>7.275000095367432</t>
  </si>
  <si>
    <t>753.9000244140625</t>
  </si>
  <si>
    <t>-0.03707643898882296</t>
  </si>
  <si>
    <t>940.5</t>
  </si>
  <si>
    <t>0.02597267909021106</t>
  </si>
  <si>
    <t>28980</t>
  </si>
  <si>
    <t>1013.9000854492188</t>
  </si>
  <si>
    <t>0.030053748723911866</t>
  </si>
  <si>
    <t>29340</t>
  </si>
  <si>
    <t>1023.2999877929688</t>
  </si>
  <si>
    <t>0.012345835822298312</t>
  </si>
  <si>
    <t>30318</t>
  </si>
  <si>
    <t>7.883333683013916</t>
  </si>
  <si>
    <t>1021.9999389648438</t>
  </si>
  <si>
    <t>0.032789822822991255</t>
  </si>
  <si>
    <t>30580</t>
  </si>
  <si>
    <t>7.441666126251221</t>
  </si>
  <si>
    <t>0.008604604963089457</t>
  </si>
  <si>
    <t>1052.400146484375</t>
  </si>
  <si>
    <t>-0.06021389845735925</t>
  </si>
  <si>
    <t>30277</t>
  </si>
  <si>
    <t>6.666666507720947</t>
  </si>
  <si>
    <t>975.3001098632812</t>
  </si>
  <si>
    <t>0.05025604632018421</t>
  </si>
  <si>
    <t>963.3999633789062</t>
  </si>
  <si>
    <t>0.08083253594600315</t>
  </si>
  <si>
    <t>942.5001220703125</t>
  </si>
  <si>
    <t>0.019398752964908894</t>
  </si>
  <si>
    <t>36082</t>
  </si>
  <si>
    <t>962.6000366210938</t>
  </si>
  <si>
    <t>0.07517448875595889</t>
  </si>
  <si>
    <t>36933</t>
  </si>
  <si>
    <t>942.300048828125</t>
  </si>
  <si>
    <t>0.02331133430297605</t>
  </si>
  <si>
    <t>837.8999633789062</t>
  </si>
  <si>
    <t>0.029795623974107954</t>
  </si>
  <si>
    <t>38312</t>
  </si>
  <si>
    <t>7.416666507720947</t>
  </si>
  <si>
    <t>1057.5</t>
  </si>
  <si>
    <t>0.0068620787326132415</t>
  </si>
  <si>
    <t>39251</t>
  </si>
  <si>
    <t>1150.199951171875</t>
  </si>
  <si>
    <t>0.02421375857056418</t>
  </si>
  <si>
    <t>40995</t>
  </si>
  <si>
    <t>892.0000610351562</t>
  </si>
  <si>
    <t>0.04347318643726794</t>
  </si>
  <si>
    <t>41385</t>
  </si>
  <si>
    <t>8.758332252502441</t>
  </si>
  <si>
    <t>0.0094683882892177</t>
  </si>
  <si>
    <t>41626</t>
  </si>
  <si>
    <t>8.241666793823242</t>
  </si>
  <si>
    <t>1073.0</t>
  </si>
  <si>
    <t>0.005806475698701519</t>
  </si>
  <si>
    <t>42898</t>
  </si>
  <si>
    <t>971.3999633789062</t>
  </si>
  <si>
    <t>0.030100232764542767</t>
  </si>
  <si>
    <t>43331</t>
  </si>
  <si>
    <t>8.7333345413208</t>
  </si>
  <si>
    <t>883.300048828125</t>
  </si>
  <si>
    <t>0.010043109383268245</t>
  </si>
  <si>
    <t>600</t>
  </si>
  <si>
    <t>688.7000732421875</t>
  </si>
  <si>
    <t>146.66842651367188</t>
  </si>
  <si>
    <t>Fulda</t>
  </si>
  <si>
    <t>36619</t>
  </si>
  <si>
    <t>569.7000122070312</t>
  </si>
  <si>
    <t>0.04230912248575969</t>
  </si>
  <si>
    <t>37033</t>
  </si>
  <si>
    <t>9.274999618530273</t>
  </si>
  <si>
    <t>791.5</t>
  </si>
  <si>
    <t>0.011242175645618246</t>
  </si>
  <si>
    <t>36423</t>
  </si>
  <si>
    <t>794.2000122070312</t>
  </si>
  <si>
    <t>-0.016608963806927335</t>
  </si>
  <si>
    <t>37157</t>
  </si>
  <si>
    <t>808.89990234375</t>
  </si>
  <si>
    <t>0.019951735486827715</t>
  </si>
  <si>
    <t>37611</t>
  </si>
  <si>
    <t>670.2000122070312</t>
  </si>
  <si>
    <t>0.012144382085221395</t>
  </si>
  <si>
    <t>37806</t>
  </si>
  <si>
    <t>6.741666793823242</t>
  </si>
  <si>
    <t>602.2999877929688</t>
  </si>
  <si>
    <t>0.005171259385976512</t>
  </si>
  <si>
    <t>38429</t>
  </si>
  <si>
    <t>678.3999633789062</t>
  </si>
  <si>
    <t>0.016344562712721</t>
  </si>
  <si>
    <t>39199</t>
  </si>
  <si>
    <t>788.6000366210938</t>
  </si>
  <si>
    <t>0.0198388533662488</t>
  </si>
  <si>
    <t>39915</t>
  </si>
  <si>
    <t>725.1000366210938</t>
  </si>
  <si>
    <t>0.018100956830817694</t>
  </si>
  <si>
    <t>41023</t>
  </si>
  <si>
    <t>9.625</t>
  </si>
  <si>
    <t>721.2000122070312</t>
  </si>
  <si>
    <t>0.027380691928305723</t>
  </si>
  <si>
    <t>43445</t>
  </si>
  <si>
    <t>8.666665077209473</t>
  </si>
  <si>
    <t>0.05736288526510158</t>
  </si>
  <si>
    <t>43977</t>
  </si>
  <si>
    <t>988.4000244140625</t>
  </si>
  <si>
    <t>0.012170999684833816</t>
  </si>
  <si>
    <t>43793</t>
  </si>
  <si>
    <t>559.7999877929688</t>
  </si>
  <si>
    <t>-0.0041927827173537935</t>
  </si>
  <si>
    <t>42392</t>
  </si>
  <si>
    <t>8.958333969116211</t>
  </si>
  <si>
    <t>721.5</t>
  </si>
  <si>
    <t>-0.03251432206818805</t>
  </si>
  <si>
    <t>42806</t>
  </si>
  <si>
    <t>639.800048828125</t>
  </si>
  <si>
    <t>0.00971861448791067</t>
  </si>
  <si>
    <t>9.975000381469727</t>
  </si>
  <si>
    <t>708.4000244140625</t>
  </si>
  <si>
    <t>0.04633310848047678</t>
  </si>
  <si>
    <t>46994</t>
  </si>
  <si>
    <t>900.0000610351562</t>
  </si>
  <si>
    <t>0.04700854582756442</t>
  </si>
  <si>
    <t>46829</t>
  </si>
  <si>
    <t>670.0</t>
  </si>
  <si>
    <t>-0.003517264851971902</t>
  </si>
  <si>
    <t>45486</t>
  </si>
  <si>
    <t>774.199951171875</t>
  </si>
  <si>
    <t>-0.029098082832218708</t>
  </si>
  <si>
    <t>47354</t>
  </si>
  <si>
    <t>786.2000122070312</t>
  </si>
  <si>
    <t>0.040246707058585685</t>
  </si>
  <si>
    <t>48274</t>
  </si>
  <si>
    <t>678.2999877929688</t>
  </si>
  <si>
    <t>0.019241820083600203</t>
  </si>
  <si>
    <t>47995</t>
  </si>
  <si>
    <t>653.7000122070312</t>
  </si>
  <si>
    <t>-0.0057962746289081934</t>
  </si>
  <si>
    <t>48755</t>
  </si>
  <si>
    <t>711.8999633789062</t>
  </si>
  <si>
    <t>0.01571091747158171</t>
  </si>
  <si>
    <t>49058</t>
  </si>
  <si>
    <t>722.300048828125</t>
  </si>
  <si>
    <t>0.0061955153038102395</t>
  </si>
  <si>
    <t>49817</t>
  </si>
  <si>
    <t>9.466665267944336</t>
  </si>
  <si>
    <t>654.5000610351562</t>
  </si>
  <si>
    <t>0.01535301964963054</t>
  </si>
  <si>
    <t>49767</t>
  </si>
  <si>
    <t>9.249999046325684</t>
  </si>
  <si>
    <t>680.199951171875</t>
  </si>
  <si>
    <t>-0.001004177462274214</t>
  </si>
  <si>
    <t>51538</t>
  </si>
  <si>
    <t>821.300048828125</t>
  </si>
  <si>
    <t>0.034967285881247534</t>
  </si>
  <si>
    <t>50830</t>
  </si>
  <si>
    <t>9.916665077209473</t>
  </si>
  <si>
    <t>-0.01383266820068485</t>
  </si>
  <si>
    <t>50817</t>
  </si>
  <si>
    <t>-0.00025578718645569154</t>
  </si>
  <si>
    <t>48806</t>
  </si>
  <si>
    <t>704.300048828125</t>
  </si>
  <si>
    <t>-0.040377688151414404</t>
  </si>
  <si>
    <t>50297</t>
  </si>
  <si>
    <t>0.030092177058971714</t>
  </si>
  <si>
    <t>50806</t>
  </si>
  <si>
    <t>610.800048828125</t>
  </si>
  <si>
    <t>0.010069024666279347</t>
  </si>
  <si>
    <t>32193</t>
  </si>
  <si>
    <t>1061.60009765625</t>
  </si>
  <si>
    <t>135.71206665039062</t>
  </si>
  <si>
    <t>Garmisch-Partenkirchen</t>
  </si>
  <si>
    <t>33585</t>
  </si>
  <si>
    <t>866.0000610351562</t>
  </si>
  <si>
    <t>0.042330501105727336</t>
  </si>
  <si>
    <t>33964</t>
  </si>
  <si>
    <t>963.2000122070312</t>
  </si>
  <si>
    <t>0.01122160141828843</t>
  </si>
  <si>
    <t>1062.4000244140625</t>
  </si>
  <si>
    <t>-0.016625486846134407</t>
  </si>
  <si>
    <t>34077</t>
  </si>
  <si>
    <t>1004.5000610351562</t>
  </si>
  <si>
    <t>0.019947016626412406</t>
  </si>
  <si>
    <t>34494</t>
  </si>
  <si>
    <t>1031.5</t>
  </si>
  <si>
    <t>0.012162725951814224</t>
  </si>
  <si>
    <t>34673</t>
  </si>
  <si>
    <t>7.133333206176758</t>
  </si>
  <si>
    <t>942.9000244140625</t>
  </si>
  <si>
    <t>0.005175890225538993</t>
  </si>
  <si>
    <t>905.6000366210938</t>
  </si>
  <si>
    <t>0.016362389131090893</t>
  </si>
  <si>
    <t>35950</t>
  </si>
  <si>
    <t>930.2999877929688</t>
  </si>
  <si>
    <t>0.01980540894121674</t>
  </si>
  <si>
    <t>36607</t>
  </si>
  <si>
    <t>1084.0</t>
  </si>
  <si>
    <t>0.018110394783610317</t>
  </si>
  <si>
    <t>37623</t>
  </si>
  <si>
    <t>9.333333015441895</t>
  </si>
  <si>
    <t>1032.800048828125</t>
  </si>
  <si>
    <t>0.027376086559357304</t>
  </si>
  <si>
    <t>36199</t>
  </si>
  <si>
    <t>995.199951171875</t>
  </si>
  <si>
    <t>-0.03858407136924846</t>
  </si>
  <si>
    <t>34948</t>
  </si>
  <si>
    <t>1232.7999267578125</t>
  </si>
  <si>
    <t>-0.03517025170492616</t>
  </si>
  <si>
    <t>34456</t>
  </si>
  <si>
    <t>8.649999618530273</t>
  </si>
  <si>
    <t>738.8999633789062</t>
  </si>
  <si>
    <t>-0.014178094684039522</t>
  </si>
  <si>
    <t>34684</t>
  </si>
  <si>
    <t>800.800048828125</t>
  </si>
  <si>
    <t>0.006595337763105391</t>
  </si>
  <si>
    <t>34367</t>
  </si>
  <si>
    <t>7.624999523162842</t>
  </si>
  <si>
    <t>912.89990234375</t>
  </si>
  <si>
    <t>-0.009181683886099634</t>
  </si>
  <si>
    <t>34935</t>
  </si>
  <si>
    <t>936.5</t>
  </si>
  <si>
    <t>0.01639239037560003</t>
  </si>
  <si>
    <t>35631</t>
  </si>
  <si>
    <t>979.4000854492188</t>
  </si>
  <si>
    <t>0.019726853455798832</t>
  </si>
  <si>
    <t>35458</t>
  </si>
  <si>
    <t>858.5</t>
  </si>
  <si>
    <t>-0.0048671479840241005</t>
  </si>
  <si>
    <t>34814</t>
  </si>
  <si>
    <t>967.5</t>
  </si>
  <si>
    <t>-0.018329292745672632</t>
  </si>
  <si>
    <t>37682</t>
  </si>
  <si>
    <t>7.94999885559082</t>
  </si>
  <si>
    <t>1037.5001220703125</t>
  </si>
  <si>
    <t>0.07916292212529186</t>
  </si>
  <si>
    <t>37007</t>
  </si>
  <si>
    <t>9.383333206176758</t>
  </si>
  <si>
    <t>957.4000244140625</t>
  </si>
  <si>
    <t>-0.0180754429164125</t>
  </si>
  <si>
    <t>38006</t>
  </si>
  <si>
    <t>996.3999633789062</t>
  </si>
  <si>
    <t>0.026636958059770066</t>
  </si>
  <si>
    <t>37953</t>
  </si>
  <si>
    <t>1012.9999389648438</t>
  </si>
  <si>
    <t>-0.001395489898524005</t>
  </si>
  <si>
    <t>988.8999633789062</t>
  </si>
  <si>
    <t>0.01495882910553803</t>
  </si>
  <si>
    <t>39937</t>
  </si>
  <si>
    <t>9.524999618530273</t>
  </si>
  <si>
    <t>860.0000610351562</t>
  </si>
  <si>
    <t>0.0359958312913875</t>
  </si>
  <si>
    <t>39557</t>
  </si>
  <si>
    <t>1094.199951171875</t>
  </si>
  <si>
    <t>-0.009560542794547544</t>
  </si>
  <si>
    <t>40401</t>
  </si>
  <si>
    <t>1172.89990234375</t>
  </si>
  <si>
    <t>0.021111867432994202</t>
  </si>
  <si>
    <t>40763</t>
  </si>
  <si>
    <t>813.8001098632812</t>
  </si>
  <si>
    <t>0.00892027008021401</t>
  </si>
  <si>
    <t>41746</t>
  </si>
  <si>
    <t>904.7999877929688</t>
  </si>
  <si>
    <t>0.023828831107486792</t>
  </si>
  <si>
    <t>40020</t>
  </si>
  <si>
    <t>1031.800048828125</t>
  </si>
  <si>
    <t>-0.04222430916812847</t>
  </si>
  <si>
    <t>41242</t>
  </si>
  <si>
    <t>8.6083345413208</t>
  </si>
  <si>
    <t>985.2999877929688</t>
  </si>
  <si>
    <t>0.030077825422488047</t>
  </si>
  <si>
    <t>41659</t>
  </si>
  <si>
    <t>875.1000366210938</t>
  </si>
  <si>
    <t>0.010060277126040518</t>
  </si>
  <si>
    <t>607</t>
  </si>
  <si>
    <t>28046</t>
  </si>
  <si>
    <t>657.7999877929688</t>
  </si>
  <si>
    <t>485.107421875</t>
  </si>
  <si>
    <t>Germersheim</t>
  </si>
  <si>
    <t>29258</t>
  </si>
  <si>
    <t>542.4000244140625</t>
  </si>
  <si>
    <t>0.04230702125143537</t>
  </si>
  <si>
    <t>29588</t>
  </si>
  <si>
    <t>0.011215833169726963</t>
  </si>
  <si>
    <t>29101</t>
  </si>
  <si>
    <t>696.0999755859375</t>
  </si>
  <si>
    <t>-0.0165963358774448</t>
  </si>
  <si>
    <t>29687</t>
  </si>
  <si>
    <t>11.616665840148926</t>
  </si>
  <si>
    <t>0.019936701699590387</t>
  </si>
  <si>
    <t>30050</t>
  </si>
  <si>
    <t>0.012153421433449552</t>
  </si>
  <si>
    <t>634.7999877929688</t>
  </si>
  <si>
    <t>0.0051779191629321986</t>
  </si>
  <si>
    <t>648.7000122070312</t>
  </si>
  <si>
    <t>0.016352359121194482</t>
  </si>
  <si>
    <t>31319</t>
  </si>
  <si>
    <t>683.9000854492188</t>
  </si>
  <si>
    <t>0.019832002867330445</t>
  </si>
  <si>
    <t>781.7999877929688</t>
  </si>
  <si>
    <t>0.018067538889292578</t>
  </si>
  <si>
    <t>11.716666221618652</t>
  </si>
  <si>
    <t>723.5</t>
  </si>
  <si>
    <t>0.027404059222602584</t>
  </si>
  <si>
    <t>34945</t>
  </si>
  <si>
    <t>11.016666412353516</t>
  </si>
  <si>
    <t>737.8999633789062</t>
  </si>
  <si>
    <t>0.06407885668452273</t>
  </si>
  <si>
    <t>35668</t>
  </si>
  <si>
    <t>976.7000122070312</t>
  </si>
  <si>
    <t>0.020478531343540496</t>
  </si>
  <si>
    <t>11.425002098083496</t>
  </si>
  <si>
    <t>535.2999877929688</t>
  </si>
  <si>
    <t>0.04923330707425144</t>
  </si>
  <si>
    <t>37869</t>
  </si>
  <si>
    <t>604.1000366210938</t>
  </si>
  <si>
    <t>0.010645600091949703</t>
  </si>
  <si>
    <t>615.4999389648438</t>
  </si>
  <si>
    <t>-0.029695334839310306</t>
  </si>
  <si>
    <t>42116</t>
  </si>
  <si>
    <t>0.13599021539499034</t>
  </si>
  <si>
    <t>44226</t>
  </si>
  <si>
    <t>0.04888513544069362</t>
  </si>
  <si>
    <t>42808</t>
  </si>
  <si>
    <t>687.4000244140625</t>
  </si>
  <si>
    <t>-0.0325878504262036</t>
  </si>
  <si>
    <t>34264</t>
  </si>
  <si>
    <t>-0.2226297606959342</t>
  </si>
  <si>
    <t>44523</t>
  </si>
  <si>
    <t>746.1000366210938</t>
  </si>
  <si>
    <t>0.26191066926872075</t>
  </si>
  <si>
    <t>48720</t>
  </si>
  <si>
    <t>632.8999633789062</t>
  </si>
  <si>
    <t>0.09008371381985114</t>
  </si>
  <si>
    <t>47391</t>
  </si>
  <si>
    <t>695.699951171875</t>
  </si>
  <si>
    <t>-0.027657286146570925</t>
  </si>
  <si>
    <t>45992</t>
  </si>
  <si>
    <t>745.9000854492188</t>
  </si>
  <si>
    <t>-0.029964868934079902</t>
  </si>
  <si>
    <t>47316</t>
  </si>
  <si>
    <t>12.216667175292969</t>
  </si>
  <si>
    <t>694.9000854492188</t>
  </si>
  <si>
    <t>0.02838103636250011</t>
  </si>
  <si>
    <t>52545</t>
  </si>
  <si>
    <t>525.9000244140625</t>
  </si>
  <si>
    <t>0.10482144063406906</t>
  </si>
  <si>
    <t>51373</t>
  </si>
  <si>
    <t>651.5999145507812</t>
  </si>
  <si>
    <t>-0.022557202699321266</t>
  </si>
  <si>
    <t>52162</t>
  </si>
  <si>
    <t>12.141667366027832</t>
  </si>
  <si>
    <t>735.2000732421875</t>
  </si>
  <si>
    <t>0.015241517823346484</t>
  </si>
  <si>
    <t>12.083332061767578</t>
  </si>
  <si>
    <t>-0.0385783061441316</t>
  </si>
  <si>
    <t>45900</t>
  </si>
  <si>
    <t>614.199951171875</t>
  </si>
  <si>
    <t>-0.08931083723095412</t>
  </si>
  <si>
    <t>42070</t>
  </si>
  <si>
    <t>630.5</t>
  </si>
  <si>
    <t>-0.08713021946407018</t>
  </si>
  <si>
    <t>43356</t>
  </si>
  <si>
    <t>688.4000244140625</t>
  </si>
  <si>
    <t>0.030110204351075254</t>
  </si>
  <si>
    <t>43794</t>
  </si>
  <si>
    <t>12.841668128967285</t>
  </si>
  <si>
    <t>598.800048828125</t>
  </si>
  <si>
    <t>0.010051719744046395</t>
  </si>
  <si>
    <t>609</t>
  </si>
  <si>
    <t>19133</t>
  </si>
  <si>
    <t>675.3999633789062</t>
  </si>
  <si>
    <t>67.72462463378906</t>
  </si>
  <si>
    <t>Gifhorn</t>
  </si>
  <si>
    <t>19960</t>
  </si>
  <si>
    <t>8.874999046325684</t>
  </si>
  <si>
    <t>566.4999389648438</t>
  </si>
  <si>
    <t>0.04231567798045255</t>
  </si>
  <si>
    <t>20185</t>
  </si>
  <si>
    <t>665.7999877929688</t>
  </si>
  <si>
    <t>0.011209483421586341</t>
  </si>
  <si>
    <t>19852</t>
  </si>
  <si>
    <t>743.0</t>
  </si>
  <si>
    <t>-0.016634996579711014</t>
  </si>
  <si>
    <t>20252</t>
  </si>
  <si>
    <t>756.7999877929688</t>
  </si>
  <si>
    <t>0.019948796382468714</t>
  </si>
  <si>
    <t>573.300048828125</t>
  </si>
  <si>
    <t>0.012171332036700733</t>
  </si>
  <si>
    <t>7.483333110809326</t>
  </si>
  <si>
    <t>476.20001220703125</t>
  </si>
  <si>
    <t>0.0052059377554911634</t>
  </si>
  <si>
    <t>20946</t>
  </si>
  <si>
    <t>660.2999877929688</t>
  </si>
  <si>
    <t>0.016316873451099667</t>
  </si>
  <si>
    <t>21366</t>
  </si>
  <si>
    <t>761.7000732421875</t>
  </si>
  <si>
    <t>0.019853176172741627</t>
  </si>
  <si>
    <t>21756</t>
  </si>
  <si>
    <t>598.2999877929688</t>
  </si>
  <si>
    <t>0.01808870803701801</t>
  </si>
  <si>
    <t>22360</t>
  </si>
  <si>
    <t>596.8001098632812</t>
  </si>
  <si>
    <t>0.027384066726185097</t>
  </si>
  <si>
    <t>22179</t>
  </si>
  <si>
    <t>705.0999755859375</t>
  </si>
  <si>
    <t>-0.008127753043826402</t>
  </si>
  <si>
    <t>22051</t>
  </si>
  <si>
    <t>833.10009765625</t>
  </si>
  <si>
    <t>-0.005787942904641241</t>
  </si>
  <si>
    <t>21161</t>
  </si>
  <si>
    <t>521.9999389648438</t>
  </si>
  <si>
    <t>-0.04119808748579601</t>
  </si>
  <si>
    <t>22335</t>
  </si>
  <si>
    <t>644.800048828125</t>
  </si>
  <si>
    <t>0.05399508995144764</t>
  </si>
  <si>
    <t>22577</t>
  </si>
  <si>
    <t>570.0000610351562</t>
  </si>
  <si>
    <t>0.01077673415175262</t>
  </si>
  <si>
    <t>654.0999145507812</t>
  </si>
  <si>
    <t>0.05018757633933113</t>
  </si>
  <si>
    <t>23536</t>
  </si>
  <si>
    <t>827.300048828125</t>
  </si>
  <si>
    <t>-0.008588101436084017</t>
  </si>
  <si>
    <t>23935</t>
  </si>
  <si>
    <t>598.9000244140625</t>
  </si>
  <si>
    <t>0.016810658985390248</t>
  </si>
  <si>
    <t>24256</t>
  </si>
  <si>
    <t>0.013322186615488008</t>
  </si>
  <si>
    <t>24356</t>
  </si>
  <si>
    <t>692.2000732421875</t>
  </si>
  <si>
    <t>0.004114216286366101</t>
  </si>
  <si>
    <t>26114</t>
  </si>
  <si>
    <t>0.06969334323951948</t>
  </si>
  <si>
    <t>26502</t>
  </si>
  <si>
    <t>623.0</t>
  </si>
  <si>
    <t>0.01474863285659822</t>
  </si>
  <si>
    <t>27103</t>
  </si>
  <si>
    <t>601.9000244140625</t>
  </si>
  <si>
    <t>0.02242422102330721</t>
  </si>
  <si>
    <t>666.2000122070312</t>
  </si>
  <si>
    <t>0.03633865381280188</t>
  </si>
  <si>
    <t>29838</t>
  </si>
  <si>
    <t>0.0597996722821037</t>
  </si>
  <si>
    <t>574.0999755859375</t>
  </si>
  <si>
    <t>-0.042061395323203854</t>
  </si>
  <si>
    <t>28562</t>
  </si>
  <si>
    <t>842.2000122070312</t>
  </si>
  <si>
    <t>-0.0016441906067115042</t>
  </si>
  <si>
    <t>28305</t>
  </si>
  <si>
    <t>459.20001220703125</t>
  </si>
  <si>
    <t>-0.009038695542118447</t>
  </si>
  <si>
    <t>602.300048828125</t>
  </si>
  <si>
    <t>-0.004425961018089453</t>
  </si>
  <si>
    <t>27561</t>
  </si>
  <si>
    <t>607.7999877929688</t>
  </si>
  <si>
    <t>-0.022210776513095</t>
  </si>
  <si>
    <t>28403</t>
  </si>
  <si>
    <t>652.2000122070312</t>
  </si>
  <si>
    <t>0.030093043433680577</t>
  </si>
  <si>
    <t>28690</t>
  </si>
  <si>
    <t>570.2999877929688</t>
  </si>
  <si>
    <t>0.010053856602153743</t>
  </si>
  <si>
    <t>612</t>
  </si>
  <si>
    <t>716.7000122070312</t>
  </si>
  <si>
    <t>210.8800048828125</t>
  </si>
  <si>
    <t>Grafschaft Bentheim</t>
  </si>
  <si>
    <t>31571</t>
  </si>
  <si>
    <t>608.2000122070312</t>
  </si>
  <si>
    <t>0.04231313348367394</t>
  </si>
  <si>
    <t>31927</t>
  </si>
  <si>
    <t>10.391666412353516</t>
  </si>
  <si>
    <t>0.011213069075207471</t>
  </si>
  <si>
    <t>820.3999633789062</t>
  </si>
  <si>
    <t>-0.01661230724402074</t>
  </si>
  <si>
    <t>32034</t>
  </si>
  <si>
    <t>874.8999633789062</t>
  </si>
  <si>
    <t>0.01995809920524927</t>
  </si>
  <si>
    <t>32426</t>
  </si>
  <si>
    <t>622.1000366210938</t>
  </si>
  <si>
    <t>0.012162731381772929</t>
  </si>
  <si>
    <t>536.7999877929688</t>
  </si>
  <si>
    <t>0.005167652225919639</t>
  </si>
  <si>
    <t>33131</t>
  </si>
  <si>
    <t>710.199951171875</t>
  </si>
  <si>
    <t>0.016341177625626813</t>
  </si>
  <si>
    <t>10.000000953674316</t>
  </si>
  <si>
    <t>967.7000732421875</t>
  </si>
  <si>
    <t>0.0198434625728936</t>
  </si>
  <si>
    <t>822.2000122070312</t>
  </si>
  <si>
    <t>0.018092478206783724</t>
  </si>
  <si>
    <t>35368</t>
  </si>
  <si>
    <t>799.10009765625</t>
  </si>
  <si>
    <t>0.027402115764839863</t>
  </si>
  <si>
    <t>32247</t>
  </si>
  <si>
    <t>857.2000122070312</t>
  </si>
  <si>
    <t>-0.0923824408649061</t>
  </si>
  <si>
    <t>31469</t>
  </si>
  <si>
    <t>880.6000366210938</t>
  </si>
  <si>
    <t>-0.024422081382480698</t>
  </si>
  <si>
    <t>30886</t>
  </si>
  <si>
    <t>632.699951171875</t>
  </si>
  <si>
    <t>-0.01869992747574578</t>
  </si>
  <si>
    <t>31875</t>
  </si>
  <si>
    <t>10.174999237060547</t>
  </si>
  <si>
    <t>777.60009765625</t>
  </si>
  <si>
    <t>0.031518996677780464</t>
  </si>
  <si>
    <t>31647</t>
  </si>
  <si>
    <t>731.0000610351562</t>
  </si>
  <si>
    <t>-0.0071786461108072075</t>
  </si>
  <si>
    <t>34640</t>
  </si>
  <si>
    <t>788.7999877929688</t>
  </si>
  <si>
    <t>0.09036572632645168</t>
  </si>
  <si>
    <t>855.1000366210938</t>
  </si>
  <si>
    <t>0.036006724543756974</t>
  </si>
  <si>
    <t>37377</t>
  </si>
  <si>
    <t>744.800048828125</t>
  </si>
  <si>
    <t>0.040039733746844774</t>
  </si>
  <si>
    <t>35282</t>
  </si>
  <si>
    <t>708.7999877929688</t>
  </si>
  <si>
    <t>-0.05768262311062067</t>
  </si>
  <si>
    <t>766.2999877929688</t>
  </si>
  <si>
    <t>0.0350346320756465</t>
  </si>
  <si>
    <t>40683</t>
  </si>
  <si>
    <t>755.0</t>
  </si>
  <si>
    <t>0.10740276382405689</t>
  </si>
  <si>
    <t>41644</t>
  </si>
  <si>
    <t>742.2999877929688</t>
  </si>
  <si>
    <t>0.02334698583858774</t>
  </si>
  <si>
    <t>9.766668319702148</t>
  </si>
  <si>
    <t>686.199951171875</t>
  </si>
  <si>
    <t>0.012101108346337597</t>
  </si>
  <si>
    <t>43895</t>
  </si>
  <si>
    <t>0.04054200941932784</t>
  </si>
  <si>
    <t>43771</t>
  </si>
  <si>
    <t>10.6416654586792</t>
  </si>
  <si>
    <t>760.9000854492188</t>
  </si>
  <si>
    <t>-0.002828920737696805</t>
  </si>
  <si>
    <t>41879</t>
  </si>
  <si>
    <t>691.2999877929688</t>
  </si>
  <si>
    <t>-0.04418698966915713</t>
  </si>
  <si>
    <t>42499</t>
  </si>
  <si>
    <t>863.0999755859375</t>
  </si>
  <si>
    <t>0.014696038270468392</t>
  </si>
  <si>
    <t>42824</t>
  </si>
  <si>
    <t>0.007618146849294405</t>
  </si>
  <si>
    <t>44066</t>
  </si>
  <si>
    <t>0.028589816950916003</t>
  </si>
  <si>
    <t>43644</t>
  </si>
  <si>
    <t>736.7999267578125</t>
  </si>
  <si>
    <t>-0.009622694249143748</t>
  </si>
  <si>
    <t>778.5999755859375</t>
  </si>
  <si>
    <t>0.03008543220454918</t>
  </si>
  <si>
    <t>45432</t>
  </si>
  <si>
    <t>688.7000122070312</t>
  </si>
  <si>
    <t>0.010065454577729227</t>
  </si>
  <si>
    <t>34195</t>
  </si>
  <si>
    <t>798.4000854492188</t>
  </si>
  <si>
    <t>286.1023254394531</t>
  </si>
  <si>
    <t>GÔøΩppingen</t>
  </si>
  <si>
    <t>35673</t>
  </si>
  <si>
    <t>8.041666030883789</t>
  </si>
  <si>
    <t>666.5999145507812</t>
  </si>
  <si>
    <t>0.042314665573492505</t>
  </si>
  <si>
    <t>36075</t>
  </si>
  <si>
    <t>9.266667366027832</t>
  </si>
  <si>
    <t>751.5</t>
  </si>
  <si>
    <t>0.011206004536383318</t>
  </si>
  <si>
    <t>35481</t>
  </si>
  <si>
    <t>819.699951171875</t>
  </si>
  <si>
    <t>-0.016602762722845554</t>
  </si>
  <si>
    <t>36196</t>
  </si>
  <si>
    <t>781.5</t>
  </si>
  <si>
    <t>0.019951273551797044</t>
  </si>
  <si>
    <t>773.7000732421875</t>
  </si>
  <si>
    <t>0.012164631368174028</t>
  </si>
  <si>
    <t>36829</t>
  </si>
  <si>
    <t>0.005172331452856227</t>
  </si>
  <si>
    <t>37436</t>
  </si>
  <si>
    <t>675.7999877929688</t>
  </si>
  <si>
    <t>0.016347229985093747</t>
  </si>
  <si>
    <t>38186</t>
  </si>
  <si>
    <t>8.725001335144043</t>
  </si>
  <si>
    <t>718.9999389648438</t>
  </si>
  <si>
    <t>0.0198361479962621</t>
  </si>
  <si>
    <t>38883</t>
  </si>
  <si>
    <t>842.4000854492188</t>
  </si>
  <si>
    <t>0.018088180818075728</t>
  </si>
  <si>
    <t>39963</t>
  </si>
  <si>
    <t>817.2000732421875</t>
  </si>
  <si>
    <t>0.027396888928086227</t>
  </si>
  <si>
    <t>39626</t>
  </si>
  <si>
    <t>789.9000244140625</t>
  </si>
  <si>
    <t>-0.008468557565366908</t>
  </si>
  <si>
    <t>39291</t>
  </si>
  <si>
    <t>953.699951171875</t>
  </si>
  <si>
    <t>-0.00848998345669294</t>
  </si>
  <si>
    <t>39433</t>
  </si>
  <si>
    <t>594.8999633789062</t>
  </si>
  <si>
    <t>0.0036075441797525087</t>
  </si>
  <si>
    <t>38628</t>
  </si>
  <si>
    <t>8.42500114440918</t>
  </si>
  <si>
    <t>-0.020625627090455012</t>
  </si>
  <si>
    <t>38021</t>
  </si>
  <si>
    <t>689.3999633789062</t>
  </si>
  <si>
    <t>-0.015838763443936088</t>
  </si>
  <si>
    <t>39806</t>
  </si>
  <si>
    <t>709.7000732421875</t>
  </si>
  <si>
    <t>0.04587901603629341</t>
  </si>
  <si>
    <t>41297</t>
  </si>
  <si>
    <t>810.0999755859375</t>
  </si>
  <si>
    <t>0.036772203406419735</t>
  </si>
  <si>
    <t>42047</t>
  </si>
  <si>
    <t>690.7000122070312</t>
  </si>
  <si>
    <t>0.017998182131904628</t>
  </si>
  <si>
    <t>37506</t>
  </si>
  <si>
    <t>8.850000381469727</t>
  </si>
  <si>
    <t>796.7000122070312</t>
  </si>
  <si>
    <t>-0.11428712005762343</t>
  </si>
  <si>
    <t>39906</t>
  </si>
  <si>
    <t>828.5</t>
  </si>
  <si>
    <t>0.062025768352608424</t>
  </si>
  <si>
    <t>42252</t>
  </si>
  <si>
    <t>747.7999877929688</t>
  </si>
  <si>
    <t>0.05712500143057753</t>
  </si>
  <si>
    <t>42590</t>
  </si>
  <si>
    <t>760.3999633789062</t>
  </si>
  <si>
    <t>0.007967793974206216</t>
  </si>
  <si>
    <t>43634</t>
  </si>
  <si>
    <t>793.0999755859375</t>
  </si>
  <si>
    <t>0.02421717903470899</t>
  </si>
  <si>
    <t>755.5000610351562</t>
  </si>
  <si>
    <t>0.0212467603534936</t>
  </si>
  <si>
    <t>46479</t>
  </si>
  <si>
    <t>638.1000366210938</t>
  </si>
  <si>
    <t>0.04191717435893949</t>
  </si>
  <si>
    <t>45579</t>
  </si>
  <si>
    <t>8.808332443237305</t>
  </si>
  <si>
    <t>746.0000610351562</t>
  </si>
  <si>
    <t>-0.019553513552525104</t>
  </si>
  <si>
    <t>849.5000610351562</t>
  </si>
  <si>
    <t>0.007018032936759511</t>
  </si>
  <si>
    <t>45320</t>
  </si>
  <si>
    <t>598.7999877929688</t>
  </si>
  <si>
    <t>-0.012716680906693867</t>
  </si>
  <si>
    <t>44269</t>
  </si>
  <si>
    <t>678.9999389648438</t>
  </si>
  <si>
    <t>-0.023463778331375806</t>
  </si>
  <si>
    <t>741.3999633789062</t>
  </si>
  <si>
    <t>-0.0739359617249491</t>
  </si>
  <si>
    <t>42370</t>
  </si>
  <si>
    <t>773.2000122070312</t>
  </si>
  <si>
    <t>0.030091868534986688</t>
  </si>
  <si>
    <t>42798</t>
  </si>
  <si>
    <t>10.283334732055664</t>
  </si>
  <si>
    <t>658.9000244140625</t>
  </si>
  <si>
    <t>0.010050807885489732</t>
  </si>
  <si>
    <t>573.2999877929688</t>
  </si>
  <si>
    <t>124.03173065185547</t>
  </si>
  <si>
    <t>GÔøΩrlitz</t>
  </si>
  <si>
    <t>18863</t>
  </si>
  <si>
    <t>550.7000122070312</t>
  </si>
  <si>
    <t>0.042285363048414126</t>
  </si>
  <si>
    <t>19076</t>
  </si>
  <si>
    <t>632.1000366210938</t>
  </si>
  <si>
    <t>0.011228669072389508</t>
  </si>
  <si>
    <t>18762</t>
  </si>
  <si>
    <t>768.7999877929688</t>
  </si>
  <si>
    <t>-0.016597452732218798</t>
  </si>
  <si>
    <t>726.5999755859375</t>
  </si>
  <si>
    <t>0.019946838321049043</t>
  </si>
  <si>
    <t>19374</t>
  </si>
  <si>
    <t>8.5</t>
  </si>
  <si>
    <t>0.012151574979386126</t>
  </si>
  <si>
    <t>19475</t>
  </si>
  <si>
    <t>654.300048828125</t>
  </si>
  <si>
    <t>0.0051996307526174235</t>
  </si>
  <si>
    <t>19796</t>
  </si>
  <si>
    <t>723.4000854492188</t>
  </si>
  <si>
    <t>0.01634830533282816</t>
  </si>
  <si>
    <t>20192</t>
  </si>
  <si>
    <t>0.019806589269162345</t>
  </si>
  <si>
    <t>9.375</t>
  </si>
  <si>
    <t>674.7999877929688</t>
  </si>
  <si>
    <t>0.01810959117766231</t>
  </si>
  <si>
    <t>21132</t>
  </si>
  <si>
    <t>667.7999877929688</t>
  </si>
  <si>
    <t>0.027392401765604646</t>
  </si>
  <si>
    <t>796.5000610351562</t>
  </si>
  <si>
    <t>0.02162701902287978</t>
  </si>
  <si>
    <t>889.6000366210938</t>
  </si>
  <si>
    <t>0.05972527500859037</t>
  </si>
  <si>
    <t>518.300048828125</t>
  </si>
  <si>
    <t>0.0041791885300987985</t>
  </si>
  <si>
    <t>23851</t>
  </si>
  <si>
    <t>724.0</t>
  </si>
  <si>
    <t>0.03550618331290245</t>
  </si>
  <si>
    <t>24419</t>
  </si>
  <si>
    <t>8.350001335144043</t>
  </si>
  <si>
    <t>669.1000366210938</t>
  </si>
  <si>
    <t>0.023535372626593443</t>
  </si>
  <si>
    <t>25764</t>
  </si>
  <si>
    <t>711.199951171875</t>
  </si>
  <si>
    <t>0.05361665088151035</t>
  </si>
  <si>
    <t>28540</t>
  </si>
  <si>
    <t>802.6000366210938</t>
  </si>
  <si>
    <t>0.1023284433640459</t>
  </si>
  <si>
    <t>28756</t>
  </si>
  <si>
    <t>0.007539829072936044</t>
  </si>
  <si>
    <t>788.0</t>
  </si>
  <si>
    <t>0.003714056925611331</t>
  </si>
  <si>
    <t>8.533332824707031</t>
  </si>
  <si>
    <t>895.3001098632812</t>
  </si>
  <si>
    <t>0.04528142633358634</t>
  </si>
  <si>
    <t>31926</t>
  </si>
  <si>
    <t>694.5</t>
  </si>
  <si>
    <t>0.05557880046146302</t>
  </si>
  <si>
    <t>32854</t>
  </si>
  <si>
    <t>740.9000854492188</t>
  </si>
  <si>
    <t>0.0286527782767223</t>
  </si>
  <si>
    <t>33203</t>
  </si>
  <si>
    <t>746.8999633789062</t>
  </si>
  <si>
    <t>0.010566730166868155</t>
  </si>
  <si>
    <t>33949</t>
  </si>
  <si>
    <t>755.7000122070312</t>
  </si>
  <si>
    <t>0.022219165204017344</t>
  </si>
  <si>
    <t>0.010664892622683553</t>
  </si>
  <si>
    <t>34717</t>
  </si>
  <si>
    <t>667.1000366210938</t>
  </si>
  <si>
    <t>0.011705189416444384</t>
  </si>
  <si>
    <t>35637</t>
  </si>
  <si>
    <t>785.7000122070312</t>
  </si>
  <si>
    <t>0.02615494344649072</t>
  </si>
  <si>
    <t>36795</t>
  </si>
  <si>
    <t>530.2999877929688</t>
  </si>
  <si>
    <t>0.03197754240304995</t>
  </si>
  <si>
    <t>566.8999633789062</t>
  </si>
  <si>
    <t>0.03248731662259452</t>
  </si>
  <si>
    <t>36935</t>
  </si>
  <si>
    <t>720.4000244140625</t>
  </si>
  <si>
    <t>-0.028689672020457024</t>
  </si>
  <si>
    <t>38063</t>
  </si>
  <si>
    <t>725.699951171875</t>
  </si>
  <si>
    <t>0.03008307069213423</t>
  </si>
  <si>
    <t>38448</t>
  </si>
  <si>
    <t>10.558331489562988</t>
  </si>
  <si>
    <t>606.7999877929688</t>
  </si>
  <si>
    <t>0.010063997321278606</t>
  </si>
  <si>
    <t>44047</t>
  </si>
  <si>
    <t>762.1000366210938</t>
  </si>
  <si>
    <t>308.0593566894531</t>
  </si>
  <si>
    <t>GÔøΩtersloh</t>
  </si>
  <si>
    <t>45951</t>
  </si>
  <si>
    <t>617.4000244140625</t>
  </si>
  <si>
    <t>0.04231836571433867</t>
  </si>
  <si>
    <t>46469</t>
  </si>
  <si>
    <t>10.491665840148926</t>
  </si>
  <si>
    <t>849.6000366210938</t>
  </si>
  <si>
    <t>0.01120981225508011</t>
  </si>
  <si>
    <t>45704</t>
  </si>
  <si>
    <t>848.0</t>
  </si>
  <si>
    <t>-0.016599602183445583</t>
  </si>
  <si>
    <t>46625</t>
  </si>
  <si>
    <t>866.6000366210938</t>
  </si>
  <si>
    <t>0.019951056541819057</t>
  </si>
  <si>
    <t>47196</t>
  </si>
  <si>
    <t>651.60009765625</t>
  </si>
  <si>
    <t>0.012172265273692418</t>
  </si>
  <si>
    <t>47440</t>
  </si>
  <si>
    <t>0.005156611451797133</t>
  </si>
  <si>
    <t>48222</t>
  </si>
  <si>
    <t>744.8999633789062</t>
  </si>
  <si>
    <t>0.016349593769167114</t>
  </si>
  <si>
    <t>49188</t>
  </si>
  <si>
    <t>10.066665649414062</t>
  </si>
  <si>
    <t>927.4000854492188</t>
  </si>
  <si>
    <t>0.01983434285156349</t>
  </si>
  <si>
    <t>50085</t>
  </si>
  <si>
    <t>751.5000610351562</t>
  </si>
  <si>
    <t>0.01807187075352701</t>
  </si>
  <si>
    <t>51477</t>
  </si>
  <si>
    <t>10.699999809265137</t>
  </si>
  <si>
    <t>774.5</t>
  </si>
  <si>
    <t>0.027413543907865545</t>
  </si>
  <si>
    <t>52174</t>
  </si>
  <si>
    <t>0.013449180540627381</t>
  </si>
  <si>
    <t>50985</t>
  </si>
  <si>
    <t>951.8999633789062</t>
  </si>
  <si>
    <t>-0.023052814696031376</t>
  </si>
  <si>
    <t>49640</t>
  </si>
  <si>
    <t>597.800048828125</t>
  </si>
  <si>
    <t>-0.02673451147978234</t>
  </si>
  <si>
    <t>50865</t>
  </si>
  <si>
    <t>829.7999877929688</t>
  </si>
  <si>
    <t>0.024378103909304727</t>
  </si>
  <si>
    <t>51705</t>
  </si>
  <si>
    <t>715.1000366210938</t>
  </si>
  <si>
    <t>0.01637942439122675</t>
  </si>
  <si>
    <t>54671</t>
  </si>
  <si>
    <t>752.4000244140625</t>
  </si>
  <si>
    <t>0.0557789156702686</t>
  </si>
  <si>
    <t>57317</t>
  </si>
  <si>
    <t>10.883334159851074</t>
  </si>
  <si>
    <t>961.10009765625</t>
  </si>
  <si>
    <t>0.04726385953012979</t>
  </si>
  <si>
    <t>57318</t>
  </si>
  <si>
    <t>715.6000366210938</t>
  </si>
  <si>
    <t>1.7446678588939335e-05</t>
  </si>
  <si>
    <t>54478</t>
  </si>
  <si>
    <t>778.8999633789062</t>
  </si>
  <si>
    <t>-0.050817760068053275</t>
  </si>
  <si>
    <t>56181</t>
  </si>
  <si>
    <t>0.030781670998608845</t>
  </si>
  <si>
    <t>60653</t>
  </si>
  <si>
    <t>723.9000244140625</t>
  </si>
  <si>
    <t>0.07659047685876708</t>
  </si>
  <si>
    <t>60887</t>
  </si>
  <si>
    <t>666.5</t>
  </si>
  <si>
    <t>0.003850588927548415</t>
  </si>
  <si>
    <t>62081</t>
  </si>
  <si>
    <t>700.7999877929688</t>
  </si>
  <si>
    <t>0.019420296759852462</t>
  </si>
  <si>
    <t>63683</t>
  </si>
  <si>
    <t>11.450000762939453</t>
  </si>
  <si>
    <t>750.9000244140625</t>
  </si>
  <si>
    <t>0.025477666986574832</t>
  </si>
  <si>
    <t>62060</t>
  </si>
  <si>
    <t>709.9000244140625</t>
  </si>
  <si>
    <t>-0.025815991958989315</t>
  </si>
  <si>
    <t>63403</t>
  </si>
  <si>
    <t>680.300048828125</t>
  </si>
  <si>
    <t>0.021409519915442488</t>
  </si>
  <si>
    <t>63003</t>
  </si>
  <si>
    <t>890.5000610351562</t>
  </si>
  <si>
    <t>-0.0063288346302758924</t>
  </si>
  <si>
    <t>64567</t>
  </si>
  <si>
    <t>506.7999572753906</t>
  </si>
  <si>
    <t>0.024521100048724875</t>
  </si>
  <si>
    <t>66269</t>
  </si>
  <si>
    <t>11.458334922790527</t>
  </si>
  <si>
    <t>666.7999877929688</t>
  </si>
  <si>
    <t>0.02601877184794077</t>
  </si>
  <si>
    <t>66320</t>
  </si>
  <si>
    <t>11.208334922790527</t>
  </si>
  <si>
    <t>0.0007692946249733268</t>
  </si>
  <si>
    <t>68346</t>
  </si>
  <si>
    <t>818.4999389648438</t>
  </si>
  <si>
    <t>0.03009152831879014</t>
  </si>
  <si>
    <t>69037</t>
  </si>
  <si>
    <t>656.0</t>
  </si>
  <si>
    <t>0.010059553614546246</t>
  </si>
  <si>
    <t>619</t>
  </si>
  <si>
    <t>32831</t>
  </si>
  <si>
    <t>159.4635467529297</t>
  </si>
  <si>
    <t>GÔøΩttingen</t>
  </si>
  <si>
    <t>716.300048828125</t>
  </si>
  <si>
    <t>0.04231337371345667</t>
  </si>
  <si>
    <t>34637</t>
  </si>
  <si>
    <t>9.216668128967285</t>
  </si>
  <si>
    <t>979.8999633789062</t>
  </si>
  <si>
    <t>0.011235910154731243</t>
  </si>
  <si>
    <t>34066</t>
  </si>
  <si>
    <t>999.1000366210938</t>
  </si>
  <si>
    <t>-0.0166226554245803</t>
  </si>
  <si>
    <t>34753</t>
  </si>
  <si>
    <t>8.941668510437012</t>
  </si>
  <si>
    <t>1057.5001220703125</t>
  </si>
  <si>
    <t>0.019966079781365664</t>
  </si>
  <si>
    <t>0.012154987990381727</t>
  </si>
  <si>
    <t>35361</t>
  </si>
  <si>
    <t>6.724999904632568</t>
  </si>
  <si>
    <t>0.005188630702408048</t>
  </si>
  <si>
    <t>35943</t>
  </si>
  <si>
    <t>875.0999755859375</t>
  </si>
  <si>
    <t>0.01632483241333027</t>
  </si>
  <si>
    <t>36663</t>
  </si>
  <si>
    <t>979.4999389648438</t>
  </si>
  <si>
    <t>0.01983372179810239</t>
  </si>
  <si>
    <t>37332</t>
  </si>
  <si>
    <t>813.4000244140625</t>
  </si>
  <si>
    <t>0.018082795579525524</t>
  </si>
  <si>
    <t>38369</t>
  </si>
  <si>
    <t>859.5</t>
  </si>
  <si>
    <t>0.027398974188114877</t>
  </si>
  <si>
    <t>929.2000122070312</t>
  </si>
  <si>
    <t>-0.00974263265015729</t>
  </si>
  <si>
    <t>37779</t>
  </si>
  <si>
    <t>1162.10009765625</t>
  </si>
  <si>
    <t>-0.005753816549638913</t>
  </si>
  <si>
    <t>38269</t>
  </si>
  <si>
    <t>0.012886776276356926</t>
  </si>
  <si>
    <t>39288</t>
  </si>
  <si>
    <t>900.2999877929688</t>
  </si>
  <si>
    <t>0.026278959768768928</t>
  </si>
  <si>
    <t>39860</t>
  </si>
  <si>
    <t>8.200000762939453</t>
  </si>
  <si>
    <t>848.7000122070312</t>
  </si>
  <si>
    <t>0.014454186047704098</t>
  </si>
  <si>
    <t>41986</t>
  </si>
  <si>
    <t>836.300048828125</t>
  </si>
  <si>
    <t>0.05196291459748181</t>
  </si>
  <si>
    <t>1165.5</t>
  </si>
  <si>
    <t>0.050188745189245765</t>
  </si>
  <si>
    <t>42582</t>
  </si>
  <si>
    <t>-0.03609334580047552</t>
  </si>
  <si>
    <t>956.0999755859375</t>
  </si>
  <si>
    <t>-0.06470448922510741</t>
  </si>
  <si>
    <t>41725</t>
  </si>
  <si>
    <t>947.4000854492188</t>
  </si>
  <si>
    <t>0.04437333000210586</t>
  </si>
  <si>
    <t>45057</t>
  </si>
  <si>
    <t>848.5000610351562</t>
  </si>
  <si>
    <t>0.07682788534365415</t>
  </si>
  <si>
    <t>820.0</t>
  </si>
  <si>
    <t>-0.0017993407273770856</t>
  </si>
  <si>
    <t>45479</t>
  </si>
  <si>
    <t>886.5</t>
  </si>
  <si>
    <t>0.011121666789531304</t>
  </si>
  <si>
    <t>46160</t>
  </si>
  <si>
    <t>853.3999633789062</t>
  </si>
  <si>
    <t>0.01486294124613785</t>
  </si>
  <si>
    <t>45539</t>
  </si>
  <si>
    <t>-0.013544520522957626</t>
  </si>
  <si>
    <t>799.5</t>
  </si>
  <si>
    <t>0.020840199238746138</t>
  </si>
  <si>
    <t>47317</t>
  </si>
  <si>
    <t>9.666667938232422</t>
  </si>
  <si>
    <t>1117.4000244140625</t>
  </si>
  <si>
    <t>0.017460338044484658</t>
  </si>
  <si>
    <t>47910</t>
  </si>
  <si>
    <t>593.8999633789062</t>
  </si>
  <si>
    <t>0.012454611934913373</t>
  </si>
  <si>
    <t>47969</t>
  </si>
  <si>
    <t>769.2000122070312</t>
  </si>
  <si>
    <t>0.0012307180393431594</t>
  </si>
  <si>
    <t>46936</t>
  </si>
  <si>
    <t>792.3001098632812</t>
  </si>
  <si>
    <t>-0.02176999731081608</t>
  </si>
  <si>
    <t>48370</t>
  </si>
  <si>
    <t>888.9000854492188</t>
  </si>
  <si>
    <t>0.03009481521133317</t>
  </si>
  <si>
    <t>48859</t>
  </si>
  <si>
    <t>715.5</t>
  </si>
  <si>
    <t>0.010058812145880225</t>
  </si>
  <si>
    <t>625</t>
  </si>
  <si>
    <t>759.4000854492188</t>
  </si>
  <si>
    <t>257.1270446777344</t>
  </si>
  <si>
    <t>Harburg</t>
  </si>
  <si>
    <t>22827</t>
  </si>
  <si>
    <t>620.699951171875</t>
  </si>
  <si>
    <t>0.042325365513981694</t>
  </si>
  <si>
    <t>23085</t>
  </si>
  <si>
    <t>9.908331871032715</t>
  </si>
  <si>
    <t>841.800048828125</t>
  </si>
  <si>
    <t>0.01123901009645678</t>
  </si>
  <si>
    <t>22704</t>
  </si>
  <si>
    <t>874.0999755859375</t>
  </si>
  <si>
    <t>-0.016641935541265696</t>
  </si>
  <si>
    <t>23162</t>
  </si>
  <si>
    <t>916.2000732421875</t>
  </si>
  <si>
    <t>0.019971884344499813</t>
  </si>
  <si>
    <t>23445</t>
  </si>
  <si>
    <t>696.2999877929688</t>
  </si>
  <si>
    <t>0.012144247779364292</t>
  </si>
  <si>
    <t>23567</t>
  </si>
  <si>
    <t>594.9000244140625</t>
  </si>
  <si>
    <t>0.005190175864408175</t>
  </si>
  <si>
    <t>23955</t>
  </si>
  <si>
    <t>746.5</t>
  </si>
  <si>
    <t>0.016329641929127447</t>
  </si>
  <si>
    <t>24435</t>
  </si>
  <si>
    <t>866.5</t>
  </si>
  <si>
    <t>0.01983946038703266</t>
  </si>
  <si>
    <t>24881</t>
  </si>
  <si>
    <t>653.1000366210938</t>
  </si>
  <si>
    <t>0.018087929267190717</t>
  </si>
  <si>
    <t>711.6000366210938</t>
  </si>
  <si>
    <t>0.0273935429151706</t>
  </si>
  <si>
    <t>24713</t>
  </si>
  <si>
    <t>816.3999633789062</t>
  </si>
  <si>
    <t>-0.034168581936651066</t>
  </si>
  <si>
    <t>24778</t>
  </si>
  <si>
    <t>962.800048828125</t>
  </si>
  <si>
    <t>0.002626741725718418</t>
  </si>
  <si>
    <t>24841</t>
  </si>
  <si>
    <t>581.0</t>
  </si>
  <si>
    <t>0.002539351210366192</t>
  </si>
  <si>
    <t>25136</t>
  </si>
  <si>
    <t>777.5000610351562</t>
  </si>
  <si>
    <t>0.011805567609352252</t>
  </si>
  <si>
    <t>25131</t>
  </si>
  <si>
    <t>721.2999877929688</t>
  </si>
  <si>
    <t>-0.00019893767348300173</t>
  </si>
  <si>
    <t>26334</t>
  </si>
  <si>
    <t>717.8999633789062</t>
  </si>
  <si>
    <t>0.04675873609436998</t>
  </si>
  <si>
    <t>26761</t>
  </si>
  <si>
    <t>1008.6000366210938</t>
  </si>
  <si>
    <t>0.01608472383543713</t>
  </si>
  <si>
    <t>27912</t>
  </si>
  <si>
    <t>673.699951171875</t>
  </si>
  <si>
    <t>0.042111100114883726</t>
  </si>
  <si>
    <t>26697</t>
  </si>
  <si>
    <t>-0.04450550434163958</t>
  </si>
  <si>
    <t>810.8999633789062</t>
  </si>
  <si>
    <t>0.03445951113137369</t>
  </si>
  <si>
    <t>29831</t>
  </si>
  <si>
    <t>719.2000122070312</t>
  </si>
  <si>
    <t>0.07653741058924801</t>
  </si>
  <si>
    <t>30532</t>
  </si>
  <si>
    <t>700.2000122070312</t>
  </si>
  <si>
    <t>0.023227192672768737</t>
  </si>
  <si>
    <t>29950</t>
  </si>
  <si>
    <t>740.7000732421875</t>
  </si>
  <si>
    <t>-0.019245989374766737</t>
  </si>
  <si>
    <t>30561</t>
  </si>
  <si>
    <t>715.7000122070312</t>
  </si>
  <si>
    <t>0.02019536171458114</t>
  </si>
  <si>
    <t>31301</t>
  </si>
  <si>
    <t>699.2000732421875</t>
  </si>
  <si>
    <t>0.023925359641502553</t>
  </si>
  <si>
    <t>31397</t>
  </si>
  <si>
    <t>9.824999809265137</t>
  </si>
  <si>
    <t>661.7000122070312</t>
  </si>
  <si>
    <t>0.00306230103102223</t>
  </si>
  <si>
    <t>32256</t>
  </si>
  <si>
    <t>10.383332252502441</t>
  </si>
  <si>
    <t>945.0999145507812</t>
  </si>
  <si>
    <t>0.02699172550033957</t>
  </si>
  <si>
    <t>32607</t>
  </si>
  <si>
    <t>479.0000305175781</t>
  </si>
  <si>
    <t>0.010822916800256266</t>
  </si>
  <si>
    <t>33381</t>
  </si>
  <si>
    <t>666.2999877929688</t>
  </si>
  <si>
    <t>0.023459886594514145</t>
  </si>
  <si>
    <t>32312</t>
  </si>
  <si>
    <t>612.300048828125</t>
  </si>
  <si>
    <t>-0.03254819758256211</t>
  </si>
  <si>
    <t>9.866666793823242</t>
  </si>
  <si>
    <t>758.4000244140625</t>
  </si>
  <si>
    <t>0.030088688244346073</t>
  </si>
  <si>
    <t>33636</t>
  </si>
  <si>
    <t>606.5000610351562</t>
  </si>
  <si>
    <t>0.010069555465193503</t>
  </si>
  <si>
    <t>626</t>
  </si>
  <si>
    <t>21694</t>
  </si>
  <si>
    <t>9.206169128417969</t>
  </si>
  <si>
    <t>730.4209594726562</t>
  </si>
  <si>
    <t>256.69122314453125</t>
  </si>
  <si>
    <t>Harz</t>
  </si>
  <si>
    <t>8.018465995788574</t>
  </si>
  <si>
    <t>592.2581787109375</t>
  </si>
  <si>
    <t>0.04228492318058308</t>
  </si>
  <si>
    <t>22887</t>
  </si>
  <si>
    <t>9.143692016601562</t>
  </si>
  <si>
    <t>774.8900146484375</t>
  </si>
  <si>
    <t>0.011248415977592074</t>
  </si>
  <si>
    <t>22510</t>
  </si>
  <si>
    <t>7.985269069671631</t>
  </si>
  <si>
    <t>765.9629516601562</t>
  </si>
  <si>
    <t>-0.016609408857560126</t>
  </si>
  <si>
    <t>22963</t>
  </si>
  <si>
    <t>8.851889610290527</t>
  </si>
  <si>
    <t>783.7332763671875</t>
  </si>
  <si>
    <t>0.01992457001809278</t>
  </si>
  <si>
    <t>8.143330574035645</t>
  </si>
  <si>
    <t>644.8573608398438</t>
  </si>
  <si>
    <t>0.01216280927612523</t>
  </si>
  <si>
    <t>23365</t>
  </si>
  <si>
    <t>6.568780899047852</t>
  </si>
  <si>
    <t>592.30712890625</t>
  </si>
  <si>
    <t>0.005192141939529549</t>
  </si>
  <si>
    <t>23750</t>
  </si>
  <si>
    <t>8.764456748962402</t>
  </si>
  <si>
    <t>716.87939453125</t>
  </si>
  <si>
    <t>0.01634335432826184</t>
  </si>
  <si>
    <t>24225</t>
  </si>
  <si>
    <t>8.639411926269531</t>
  </si>
  <si>
    <t>847.2479858398438</t>
  </si>
  <si>
    <t>24668</t>
  </si>
  <si>
    <t>9.076934814453125</t>
  </si>
  <si>
    <t>780.2025756835938</t>
  </si>
  <si>
    <t>0.018121699352416698</t>
  </si>
  <si>
    <t>25353</t>
  </si>
  <si>
    <t>9.552069664001465</t>
  </si>
  <si>
    <t>748.810791015625</t>
  </si>
  <si>
    <t>0.02739020910120793</t>
  </si>
  <si>
    <t>25672</t>
  </si>
  <si>
    <t>8.489276885986328</t>
  </si>
  <si>
    <t>765.9400634765625</t>
  </si>
  <si>
    <t>0.012503837577101606</t>
  </si>
  <si>
    <t>25264</t>
  </si>
  <si>
    <t>8.776979446411133</t>
  </si>
  <si>
    <t>862.8385009765625</t>
  </si>
  <si>
    <t>-0.01602044629427013</t>
  </si>
  <si>
    <t>24975</t>
  </si>
  <si>
    <t>8.68517780303955</t>
  </si>
  <si>
    <t>621.2727661132812</t>
  </si>
  <si>
    <t>-0.011505132978669508</t>
  </si>
  <si>
    <t>25987</t>
  </si>
  <si>
    <t>8.835312843322754</t>
  </si>
  <si>
    <t>734.9659423828125</t>
  </si>
  <si>
    <t>0.03972108844518196</t>
  </si>
  <si>
    <t>26952</t>
  </si>
  <si>
    <t>8.068421363830566</t>
  </si>
  <si>
    <t>670.902587890625</t>
  </si>
  <si>
    <t>0.036461093124453114</t>
  </si>
  <si>
    <t>28243</t>
  </si>
  <si>
    <t>9.826754570007324</t>
  </si>
  <si>
    <t>814.81982421875</t>
  </si>
  <si>
    <t>0.046788133173155444</t>
  </si>
  <si>
    <t>29630</t>
  </si>
  <si>
    <t>9.443646430969238</t>
  </si>
  <si>
    <t>892.914306640625</t>
  </si>
  <si>
    <t>0.04794172230806559</t>
  </si>
  <si>
    <t>28578</t>
  </si>
  <si>
    <t>8.885537147521973</t>
  </si>
  <si>
    <t>662.6295776367188</t>
  </si>
  <si>
    <t>-0.03615017053869529</t>
  </si>
  <si>
    <t>8.627114295959473</t>
  </si>
  <si>
    <t>744.5543212890625</t>
  </si>
  <si>
    <t>-0.07575664389200298</t>
  </si>
  <si>
    <t>27182</t>
  </si>
  <si>
    <t>7.9021148681640625</t>
  </si>
  <si>
    <t>771.8666381835938</t>
  </si>
  <si>
    <t>0.025674442378381457</t>
  </si>
  <si>
    <t>29121</t>
  </si>
  <si>
    <t>9.326934814453125</t>
  </si>
  <si>
    <t>690.4149780273438</t>
  </si>
  <si>
    <t>0.06890457386504245</t>
  </si>
  <si>
    <t>29391</t>
  </si>
  <si>
    <t>8.564637184143066</t>
  </si>
  <si>
    <t>653.9388427734375</t>
  </si>
  <si>
    <t>0.00922894163241672</t>
  </si>
  <si>
    <t>8.502115249633789</t>
  </si>
  <si>
    <t>691.0109252929688</t>
  </si>
  <si>
    <t>0.013819888480743003</t>
  </si>
  <si>
    <t>30336</t>
  </si>
  <si>
    <t>10.122970581054688</t>
  </si>
  <si>
    <t>718.927001953125</t>
  </si>
  <si>
    <t>0.017826732561252</t>
  </si>
  <si>
    <t>30847</t>
  </si>
  <si>
    <t>9.431123733520508</t>
  </si>
  <si>
    <t>664.8772583007812</t>
  </si>
  <si>
    <t>0.01670437481763365</t>
  </si>
  <si>
    <t>31306</t>
  </si>
  <si>
    <t>9.135357856750488</t>
  </si>
  <si>
    <t>647.353515625</t>
  </si>
  <si>
    <t>0.014770271575786253</t>
  </si>
  <si>
    <t>31738</t>
  </si>
  <si>
    <t>9.614501953125</t>
  </si>
  <si>
    <t>819.7034912109375</t>
  </si>
  <si>
    <t>0.013704928674620476</t>
  </si>
  <si>
    <t>32252</t>
  </si>
  <si>
    <t>9.860447883605957</t>
  </si>
  <si>
    <t>545.5418090820312</t>
  </si>
  <si>
    <t>0.01606535568212486</t>
  </si>
  <si>
    <t>33181</t>
  </si>
  <si>
    <t>10.26450252532959</t>
  </si>
  <si>
    <t>628.0673217773438</t>
  </si>
  <si>
    <t>0.02839736612309629</t>
  </si>
  <si>
    <t>31385</t>
  </si>
  <si>
    <t>9.889456748962402</t>
  </si>
  <si>
    <t>672.3411254882812</t>
  </si>
  <si>
    <t>-0.05564735117637731</t>
  </si>
  <si>
    <t>32344</t>
  </si>
  <si>
    <t>9.089457511901855</t>
  </si>
  <si>
    <t>740.7433471679688</t>
  </si>
  <si>
    <t>0.030098460568975582</t>
  </si>
  <si>
    <t>32671</t>
  </si>
  <si>
    <t>10.093510627746582</t>
  </si>
  <si>
    <t>615.0969848632812</t>
  </si>
  <si>
    <t>0.010059301927576314</t>
  </si>
  <si>
    <t>627</t>
  </si>
  <si>
    <t>565.9000244140625</t>
  </si>
  <si>
    <t>54.305213928222656</t>
  </si>
  <si>
    <t>Havelland</t>
  </si>
  <si>
    <t>19932</t>
  </si>
  <si>
    <t>494.6000061035156</t>
  </si>
  <si>
    <t>0.042271720361819476</t>
  </si>
  <si>
    <t>548.199951171875</t>
  </si>
  <si>
    <t>0.011225142186964021</t>
  </si>
  <si>
    <t>19825</t>
  </si>
  <si>
    <t>673.5999755859375</t>
  </si>
  <si>
    <t>-0.016607855085210232</t>
  </si>
  <si>
    <t>20225</t>
  </si>
  <si>
    <t>616.300048828125</t>
  </si>
  <si>
    <t>0.019975695423642748</t>
  </si>
  <si>
    <t>20472</t>
  </si>
  <si>
    <t>0.012138635912933182</t>
  </si>
  <si>
    <t>20578</t>
  </si>
  <si>
    <t>7.5583343505859375</t>
  </si>
  <si>
    <t>486.7000427246094</t>
  </si>
  <si>
    <t>0.005164445096129455</t>
  </si>
  <si>
    <t>20917</t>
  </si>
  <si>
    <t>599.9000244140625</t>
  </si>
  <si>
    <t>0.016339681518164895</t>
  </si>
  <si>
    <t>21336</t>
  </si>
  <si>
    <t>633.8999633789062</t>
  </si>
  <si>
    <t>0.019833561407930134</t>
  </si>
  <si>
    <t>21726</t>
  </si>
  <si>
    <t>521.7000122070312</t>
  </si>
  <si>
    <t>0.01811391313184707</t>
  </si>
  <si>
    <t>22329</t>
  </si>
  <si>
    <t>10.575000762939453</t>
  </si>
  <si>
    <t>551.5999755859375</t>
  </si>
  <si>
    <t>0.02737658203432325</t>
  </si>
  <si>
    <t>22882</t>
  </si>
  <si>
    <t>9.508332252502441</t>
  </si>
  <si>
    <t>597.7999877929688</t>
  </si>
  <si>
    <t>0.02446429323286914</t>
  </si>
  <si>
    <t>712.4000244140625</t>
  </si>
  <si>
    <t>0.009135661919934535</t>
  </si>
  <si>
    <t>22400</t>
  </si>
  <si>
    <t>437.5999755859375</t>
  </si>
  <si>
    <t>-0.030425278337693484</t>
  </si>
  <si>
    <t>22559</t>
  </si>
  <si>
    <t>577.5999755859375</t>
  </si>
  <si>
    <t>0.007073140545292844</t>
  </si>
  <si>
    <t>22217</t>
  </si>
  <si>
    <t>9.049999237060547</t>
  </si>
  <si>
    <t>525.7000122070312</t>
  </si>
  <si>
    <t>-0.015276337811295448</t>
  </si>
  <si>
    <t>550.5</t>
  </si>
  <si>
    <t>0.046479096090894956</t>
  </si>
  <si>
    <t>23954</t>
  </si>
  <si>
    <t>775.4000244140625</t>
  </si>
  <si>
    <t>0.028798466839429437</t>
  </si>
  <si>
    <t>0.027505027700108542</t>
  </si>
  <si>
    <t>23437</t>
  </si>
  <si>
    <t>602.5999755859375</t>
  </si>
  <si>
    <t>-0.04932438205568701</t>
  </si>
  <si>
    <t>23216</t>
  </si>
  <si>
    <t>658.4000244140625</t>
  </si>
  <si>
    <t>-0.009474274027905238</t>
  </si>
  <si>
    <t>24784</t>
  </si>
  <si>
    <t>571.300048828125</t>
  </si>
  <si>
    <t>0.06535658753268159</t>
  </si>
  <si>
    <t>26098</t>
  </si>
  <si>
    <t>578.5999755859375</t>
  </si>
  <si>
    <t>0.051660399365541565</t>
  </si>
  <si>
    <t>562.300048828125</t>
  </si>
  <si>
    <t>0.01604048227760657</t>
  </si>
  <si>
    <t>27570</t>
  </si>
  <si>
    <t>611.2000122070312</t>
  </si>
  <si>
    <t>0.038829059718043624</t>
  </si>
  <si>
    <t>27147</t>
  </si>
  <si>
    <t>510.9999694824219</t>
  </si>
  <si>
    <t>-0.015461681998598209</t>
  </si>
  <si>
    <t>27860</t>
  </si>
  <si>
    <t>487.1000061035156</t>
  </si>
  <si>
    <t>0.02592542531455244</t>
  </si>
  <si>
    <t>28625</t>
  </si>
  <si>
    <t>770.10009765625</t>
  </si>
  <si>
    <t>0.02708849352274534</t>
  </si>
  <si>
    <t>387.70001220703125</t>
  </si>
  <si>
    <t>-0.004622018802955097</t>
  </si>
  <si>
    <t>28697</t>
  </si>
  <si>
    <t>507.79998779296875</t>
  </si>
  <si>
    <t>0.007134144613800686</t>
  </si>
  <si>
    <t>508.39996337890625</t>
  </si>
  <si>
    <t>-0.02701960270146131</t>
  </si>
  <si>
    <t>28786</t>
  </si>
  <si>
    <t>560.5</t>
  </si>
  <si>
    <t>0.030116172856690326</t>
  </si>
  <si>
    <t>29077</t>
  </si>
  <si>
    <t>472.5000305175781</t>
  </si>
  <si>
    <t>0.010058325816718394</t>
  </si>
  <si>
    <t>632</t>
  </si>
  <si>
    <t>38698</t>
  </si>
  <si>
    <t>10.258332252502441</t>
  </si>
  <si>
    <t>298.03936767578125</t>
  </si>
  <si>
    <t>Heilbronn, Landkreis</t>
  </si>
  <si>
    <t>40371</t>
  </si>
  <si>
    <t>539.0999755859375</t>
  </si>
  <si>
    <t>0.0423237863137782</t>
  </si>
  <si>
    <t>40826</t>
  </si>
  <si>
    <t>754.2999267578125</t>
  </si>
  <si>
    <t>0.0112074279238783</t>
  </si>
  <si>
    <t>40154</t>
  </si>
  <si>
    <t>-0.01659707152000678</t>
  </si>
  <si>
    <t>40963</t>
  </si>
  <si>
    <t>0.019947158405289045</t>
  </si>
  <si>
    <t>41464</t>
  </si>
  <si>
    <t>698.2000732421875</t>
  </si>
  <si>
    <t>0.01215636065072978</t>
  </si>
  <si>
    <t>41679</t>
  </si>
  <si>
    <t>602.5000610351562</t>
  </si>
  <si>
    <t>0.005171823947430099</t>
  </si>
  <si>
    <t>42366</t>
  </si>
  <si>
    <t>669.7999267578125</t>
  </si>
  <si>
    <t>0.016348748927429213</t>
  </si>
  <si>
    <t>43214</t>
  </si>
  <si>
    <t>707.5999755859375</t>
  </si>
  <si>
    <t>0.019818363061213873</t>
  </si>
  <si>
    <t>44003</t>
  </si>
  <si>
    <t>0.018093296588689967</t>
  </si>
  <si>
    <t>45226</t>
  </si>
  <si>
    <t>746.4999389648438</t>
  </si>
  <si>
    <t>0.027414329288633965</t>
  </si>
  <si>
    <t>46067</t>
  </si>
  <si>
    <t>0.01842471582849292</t>
  </si>
  <si>
    <t>44734</t>
  </si>
  <si>
    <t>960.2999267578125</t>
  </si>
  <si>
    <t>-0.02936301964121668</t>
  </si>
  <si>
    <t>46229</t>
  </si>
  <si>
    <t>541.5000610351562</t>
  </si>
  <si>
    <t>0.03287346790254553</t>
  </si>
  <si>
    <t>46637</t>
  </si>
  <si>
    <t>622.7000122070312</t>
  </si>
  <si>
    <t>0.008786910712851537</t>
  </si>
  <si>
    <t>48282</t>
  </si>
  <si>
    <t>0.03466460288857576</t>
  </si>
  <si>
    <t>53918</t>
  </si>
  <si>
    <t>778.4000244140625</t>
  </si>
  <si>
    <t>0.11040555353594605</t>
  </si>
  <si>
    <t>55808</t>
  </si>
  <si>
    <t>0.03445285435851808</t>
  </si>
  <si>
    <t>56914</t>
  </si>
  <si>
    <t>0.0196241282756926</t>
  </si>
  <si>
    <t>52840</t>
  </si>
  <si>
    <t>691.0</t>
  </si>
  <si>
    <t>-0.07427287690808271</t>
  </si>
  <si>
    <t>55601</t>
  </si>
  <si>
    <t>722.0</t>
  </si>
  <si>
    <t>0.050932707052183446</t>
  </si>
  <si>
    <t>62003</t>
  </si>
  <si>
    <t>637.300048828125</t>
  </si>
  <si>
    <t>0.10898158426494042</t>
  </si>
  <si>
    <t>66149</t>
  </si>
  <si>
    <t>665.5999145507812</t>
  </si>
  <si>
    <t>0.06472700231747552</t>
  </si>
  <si>
    <t>70559</t>
  </si>
  <si>
    <t>733.2000122070312</t>
  </si>
  <si>
    <t>0.06453946597378213</t>
  </si>
  <si>
    <t>71791</t>
  </si>
  <si>
    <t>10.983332633972168</t>
  </si>
  <si>
    <t>0.017309880745516537</t>
  </si>
  <si>
    <t>72333</t>
  </si>
  <si>
    <t>11.016667366027832</t>
  </si>
  <si>
    <t>547.5</t>
  </si>
  <si>
    <t>0.007521336558777847</t>
  </si>
  <si>
    <t>70878</t>
  </si>
  <si>
    <t>10.058334350585938</t>
  </si>
  <si>
    <t>652.2999877929688</t>
  </si>
  <si>
    <t>-0.020320367372363535</t>
  </si>
  <si>
    <t>74271</t>
  </si>
  <si>
    <t>0.04676047678282025</t>
  </si>
  <si>
    <t>77494</t>
  </si>
  <si>
    <t>568.4000244140625</t>
  </si>
  <si>
    <t>0.042479948030171855</t>
  </si>
  <si>
    <t>79081</t>
  </si>
  <si>
    <t>600.5</t>
  </si>
  <si>
    <t>0.02027212963739089</t>
  </si>
  <si>
    <t>75244</t>
  </si>
  <si>
    <t>664.4000244140625</t>
  </si>
  <si>
    <t>-0.04973647741404541</t>
  </si>
  <si>
    <t>77542</t>
  </si>
  <si>
    <t>680.5</t>
  </si>
  <si>
    <t>0.030083558818395417</t>
  </si>
  <si>
    <t>78326</t>
  </si>
  <si>
    <t>11.541667938232422</t>
  </si>
  <si>
    <t>605.3999633789062</t>
  </si>
  <si>
    <t>0.010059879023256002</t>
  </si>
  <si>
    <t>635</t>
  </si>
  <si>
    <t>21649</t>
  </si>
  <si>
    <t>648.5999145507812</t>
  </si>
  <si>
    <t>282.9808349609375</t>
  </si>
  <si>
    <t>Helmstedt</t>
  </si>
  <si>
    <t>22584</t>
  </si>
  <si>
    <t>523.7999877929688</t>
  </si>
  <si>
    <t>0.0422824269458939</t>
  </si>
  <si>
    <t>22839</t>
  </si>
  <si>
    <t>702.6000366210938</t>
  </si>
  <si>
    <t>0.011227910040997102</t>
  </si>
  <si>
    <t>715.8999633789062</t>
  </si>
  <si>
    <t>-0.01660008980915073</t>
  </si>
  <si>
    <t>22916</t>
  </si>
  <si>
    <t>0.019965845363296708</t>
  </si>
  <si>
    <t>23196</t>
  </si>
  <si>
    <t>571.9000854492188</t>
  </si>
  <si>
    <t>0.012144493467863171</t>
  </si>
  <si>
    <t>23316</t>
  </si>
  <si>
    <t>523.5999755859375</t>
  </si>
  <si>
    <t>0.005159970169110295</t>
  </si>
  <si>
    <t>628.5000610351562</t>
  </si>
  <si>
    <t>0.016335227957782195</t>
  </si>
  <si>
    <t>700.4000854492188</t>
  </si>
  <si>
    <t>0.019843993198271903</t>
  </si>
  <si>
    <t>24616</t>
  </si>
  <si>
    <t>0.018077596680383223</t>
  </si>
  <si>
    <t>594.6000366210938</t>
  </si>
  <si>
    <t>0.027407757713733716</t>
  </si>
  <si>
    <t>25582</t>
  </si>
  <si>
    <t>647.4999389648438</t>
  </si>
  <si>
    <t>0.011084583443725649</t>
  </si>
  <si>
    <t>23517</t>
  </si>
  <si>
    <t>830.3999633789062</t>
  </si>
  <si>
    <t>-0.08416541530250576</t>
  </si>
  <si>
    <t>23032</t>
  </si>
  <si>
    <t>486.4999694824219</t>
  </si>
  <si>
    <t>-0.020839010564820626</t>
  </si>
  <si>
    <t>23458</t>
  </si>
  <si>
    <t>631.0001220703125</t>
  </si>
  <si>
    <t>0.0183270347894382</t>
  </si>
  <si>
    <t>23770</t>
  </si>
  <si>
    <t>582.9000244140625</t>
  </si>
  <si>
    <t>0.013212693272789622</t>
  </si>
  <si>
    <t>23501</t>
  </si>
  <si>
    <t>615.7000122070312</t>
  </si>
  <si>
    <t>-0.011381307935861784</t>
  </si>
  <si>
    <t>24759</t>
  </si>
  <si>
    <t>10.358332633972168</t>
  </si>
  <si>
    <t>0.05214608584241631</t>
  </si>
  <si>
    <t>26155</t>
  </si>
  <si>
    <t>569.300048828125</t>
  </si>
  <si>
    <t>0.05485131754391759</t>
  </si>
  <si>
    <t>24964</t>
  </si>
  <si>
    <t>659.9000244140625</t>
  </si>
  <si>
    <t>-0.046605589750777554</t>
  </si>
  <si>
    <t>26219</t>
  </si>
  <si>
    <t>0.049049551711130235</t>
  </si>
  <si>
    <t>27421</t>
  </si>
  <si>
    <t>599.300048828125</t>
  </si>
  <si>
    <t>0.044824804416361275</t>
  </si>
  <si>
    <t>27820</t>
  </si>
  <si>
    <t>596.6000366210938</t>
  </si>
  <si>
    <t>0.014446043296008071</t>
  </si>
  <si>
    <t>28546</t>
  </si>
  <si>
    <t>617.1000366210938</t>
  </si>
  <si>
    <t>0.025761634712280213</t>
  </si>
  <si>
    <t>27605</t>
  </si>
  <si>
    <t>594.0</t>
  </si>
  <si>
    <t>-0.03351990547156802</t>
  </si>
  <si>
    <t>26872</t>
  </si>
  <si>
    <t>575.5</t>
  </si>
  <si>
    <t>-0.026912063426017596</t>
  </si>
  <si>
    <t>26833</t>
  </si>
  <si>
    <t>568.1000366210938</t>
  </si>
  <si>
    <t>-0.0014523789909901552</t>
  </si>
  <si>
    <t>26865</t>
  </si>
  <si>
    <t>10.533334732055664</t>
  </si>
  <si>
    <t>835.8999633789062</t>
  </si>
  <si>
    <t>0.0011918508617831947</t>
  </si>
  <si>
    <t>27655</t>
  </si>
  <si>
    <t>10.800002098083496</t>
  </si>
  <si>
    <t>402.3999938964844</t>
  </si>
  <si>
    <t>0.028982219265857978</t>
  </si>
  <si>
    <t>27490</t>
  </si>
  <si>
    <t>548.5999145507812</t>
  </si>
  <si>
    <t>-0.005984241269487711</t>
  </si>
  <si>
    <t>26807</t>
  </si>
  <si>
    <t>543.0999755859375</t>
  </si>
  <si>
    <t>-0.025159254735713787</t>
  </si>
  <si>
    <t>27626</t>
  </si>
  <si>
    <t>608.9000244140625</t>
  </si>
  <si>
    <t>0.03009431083632741</t>
  </si>
  <si>
    <t>27906</t>
  </si>
  <si>
    <t>475.6000061035156</t>
  </si>
  <si>
    <t>0.01008436119224676</t>
  </si>
  <si>
    <t>639</t>
  </si>
  <si>
    <t>26371</t>
  </si>
  <si>
    <t>706.5</t>
  </si>
  <si>
    <t>229.5770263671875</t>
  </si>
  <si>
    <t>Herzogtum Lauenburg</t>
  </si>
  <si>
    <t>27510</t>
  </si>
  <si>
    <t>592.2999877929688</t>
  </si>
  <si>
    <t>0.04228465340937859</t>
  </si>
  <si>
    <t>27821</t>
  </si>
  <si>
    <t>725.9000244140625</t>
  </si>
  <si>
    <t>0.011241556275843223</t>
  </si>
  <si>
    <t>27362</t>
  </si>
  <si>
    <t>-0.016635941714405078</t>
  </si>
  <si>
    <t>27914</t>
  </si>
  <si>
    <t>821.3999633789062</t>
  </si>
  <si>
    <t>0.019973165588531572</t>
  </si>
  <si>
    <t>28256</t>
  </si>
  <si>
    <t>0.012177469335096447</t>
  </si>
  <si>
    <t>28402</t>
  </si>
  <si>
    <t>529.0</t>
  </si>
  <si>
    <t>0.005153740801270956</t>
  </si>
  <si>
    <t>28870</t>
  </si>
  <si>
    <t>669.7999877929688</t>
  </si>
  <si>
    <t>0.01634342845202319</t>
  </si>
  <si>
    <t>29448</t>
  </si>
  <si>
    <t>774.4000244140625</t>
  </si>
  <si>
    <t>0.01982300240187662</t>
  </si>
  <si>
    <t>29986</t>
  </si>
  <si>
    <t>564.2999877929688</t>
  </si>
  <si>
    <t>0.018104609995990728</t>
  </si>
  <si>
    <t>30819</t>
  </si>
  <si>
    <t>639.7999877929688</t>
  </si>
  <si>
    <t>0.027400776829525242</t>
  </si>
  <si>
    <t>28167</t>
  </si>
  <si>
    <t>737.2999267578125</t>
  </si>
  <si>
    <t>-0.08998030295771642</t>
  </si>
  <si>
    <t>29132</t>
  </si>
  <si>
    <t>868.2000732421875</t>
  </si>
  <si>
    <t>0.03368614641114931</t>
  </si>
  <si>
    <t>523.300048828125</t>
  </si>
  <si>
    <t>-0.05561692862471901</t>
  </si>
  <si>
    <t>691.5999755859375</t>
  </si>
  <si>
    <t>-0.0023979955537960507</t>
  </si>
  <si>
    <t>0.1087451052211943</t>
  </si>
  <si>
    <t>35336</t>
  </si>
  <si>
    <t>646.7000122070312</t>
  </si>
  <si>
    <t>0.1423348668958777</t>
  </si>
  <si>
    <t>36229</t>
  </si>
  <si>
    <t>911.2999267578125</t>
  </si>
  <si>
    <t>0.024957628796558495</t>
  </si>
  <si>
    <t>28850</t>
  </si>
  <si>
    <t>615.300048828125</t>
  </si>
  <si>
    <t>-0.22774991013667645</t>
  </si>
  <si>
    <t>686.2000732421875</t>
  </si>
  <si>
    <t>-0.030405607820586766</t>
  </si>
  <si>
    <t>28063</t>
  </si>
  <si>
    <t>8.633334159851074</t>
  </si>
  <si>
    <t>728.199951171875</t>
  </si>
  <si>
    <t>0.002747597582160921</t>
  </si>
  <si>
    <t>29539</t>
  </si>
  <si>
    <t>0.05125944141102501</t>
  </si>
  <si>
    <t>29973</t>
  </si>
  <si>
    <t>630.0999755859375</t>
  </si>
  <si>
    <t>0.01458555229228331</t>
  </si>
  <si>
    <t>30469</t>
  </si>
  <si>
    <t>646.1000366210938</t>
  </si>
  <si>
    <t>0.016412796873673585</t>
  </si>
  <si>
    <t>30213</t>
  </si>
  <si>
    <t>642.6000366210938</t>
  </si>
  <si>
    <t>-0.008437477958546324</t>
  </si>
  <si>
    <t>29985</t>
  </si>
  <si>
    <t>623.1000366210938</t>
  </si>
  <si>
    <t>-0.007575038713644844</t>
  </si>
  <si>
    <t>30284</t>
  </si>
  <si>
    <t>602.4000244140625</t>
  </si>
  <si>
    <t>0.009922263620586236</t>
  </si>
  <si>
    <t>31548</t>
  </si>
  <si>
    <t>903.2999267578125</t>
  </si>
  <si>
    <t>0.04089067529468515</t>
  </si>
  <si>
    <t>429.70001220703125</t>
  </si>
  <si>
    <t>0.0031015627610475605</t>
  </si>
  <si>
    <t>32088</t>
  </si>
  <si>
    <t>612.5000610351562</t>
  </si>
  <si>
    <t>0.01387037017095949</t>
  </si>
  <si>
    <t>30946</t>
  </si>
  <si>
    <t>570.6000366210938</t>
  </si>
  <si>
    <t>-0.03623837840027022</t>
  </si>
  <si>
    <t>31892</t>
  </si>
  <si>
    <t>649.800048828125</t>
  </si>
  <si>
    <t>0.03011144457276771</t>
  </si>
  <si>
    <t>32214</t>
  </si>
  <si>
    <t>532.6000366210938</t>
  </si>
  <si>
    <t>0.010045946028238717</t>
  </si>
  <si>
    <t>640</t>
  </si>
  <si>
    <t>18422</t>
  </si>
  <si>
    <t>105.89209747314453</t>
  </si>
  <si>
    <t>Hildburghausen</t>
  </si>
  <si>
    <t>19219</t>
  </si>
  <si>
    <t>7.999999523162842</t>
  </si>
  <si>
    <t>531.7000122070312</t>
  </si>
  <si>
    <t>0.04235377048622446</t>
  </si>
  <si>
    <t>19436</t>
  </si>
  <si>
    <t>0.01122764349138805</t>
  </si>
  <si>
    <t>19115</t>
  </si>
  <si>
    <t>8.266667366027832</t>
  </si>
  <si>
    <t>756.199951171875</t>
  </si>
  <si>
    <t>-0.016653649395280468</t>
  </si>
  <si>
    <t>780.4000244140625</t>
  </si>
  <si>
    <t>0.01999237915772767</t>
  </si>
  <si>
    <t>19739</t>
  </si>
  <si>
    <t>676.1000366210938</t>
  </si>
  <si>
    <t>0.012130627854746834</t>
  </si>
  <si>
    <t>19842</t>
  </si>
  <si>
    <t>618.300048828125</t>
  </si>
  <si>
    <t>0.00520452906686053</t>
  </si>
  <si>
    <t>20169</t>
  </si>
  <si>
    <t>637.0000610351562</t>
  </si>
  <si>
    <t>0.016345868927297502</t>
  </si>
  <si>
    <t>20572</t>
  </si>
  <si>
    <t>748.300048828125</t>
  </si>
  <si>
    <t>0.01978415575766057</t>
  </si>
  <si>
    <t>20948</t>
  </si>
  <si>
    <t>682.0999755859375</t>
  </si>
  <si>
    <t>0.018112248504571937</t>
  </si>
  <si>
    <t>21530</t>
  </si>
  <si>
    <t>663.800048828125</t>
  </si>
  <si>
    <t>0.027404134959031268</t>
  </si>
  <si>
    <t>22364</t>
  </si>
  <si>
    <t>8.59999942779541</t>
  </si>
  <si>
    <t>0.03800521178812666</t>
  </si>
  <si>
    <t>22666</t>
  </si>
  <si>
    <t>965.0000610351562</t>
  </si>
  <si>
    <t>0.013413481146358208</t>
  </si>
  <si>
    <t>22722</t>
  </si>
  <si>
    <t>517.4000244140625</t>
  </si>
  <si>
    <t>0.0024676138369557066</t>
  </si>
  <si>
    <t>23562</t>
  </si>
  <si>
    <t>665.8999633789062</t>
  </si>
  <si>
    <t>0.03630162667621484</t>
  </si>
  <si>
    <t>23508</t>
  </si>
  <si>
    <t>8.091667175292969</t>
  </si>
  <si>
    <t>623.3999633789062</t>
  </si>
  <si>
    <t>-0.0022944560735229658</t>
  </si>
  <si>
    <t>24935</t>
  </si>
  <si>
    <t>678.0</t>
  </si>
  <si>
    <t>0.05893165024768088</t>
  </si>
  <si>
    <t>0.03781607762585715</t>
  </si>
  <si>
    <t>25593</t>
  </si>
  <si>
    <t>8.92500114440918</t>
  </si>
  <si>
    <t>-0.011769640029275052</t>
  </si>
  <si>
    <t>-0.07015737195155936</t>
  </si>
  <si>
    <t>8.100001335144043</t>
  </si>
  <si>
    <t>0.06588929961113266</t>
  </si>
  <si>
    <t>27659</t>
  </si>
  <si>
    <t>646.4000244140625</t>
  </si>
  <si>
    <t>0.08190036803887502</t>
  </si>
  <si>
    <t>627.4000244140625</t>
  </si>
  <si>
    <t>0.018057887413281293</t>
  </si>
  <si>
    <t>28313</t>
  </si>
  <si>
    <t>691.7999267578125</t>
  </si>
  <si>
    <t>0.0053120034250682124</t>
  </si>
  <si>
    <t>29223</t>
  </si>
  <si>
    <t>709.7000122070312</t>
  </si>
  <si>
    <t>0.03163500732546254</t>
  </si>
  <si>
    <t>30210</t>
  </si>
  <si>
    <t>571.0</t>
  </si>
  <si>
    <t>0.03321692494165163</t>
  </si>
  <si>
    <t>31438</t>
  </si>
  <si>
    <t>0.039844356907465794</t>
  </si>
  <si>
    <t>31181</t>
  </si>
  <si>
    <t>9.9833345413208</t>
  </si>
  <si>
    <t>-0.008208417349781172</t>
  </si>
  <si>
    <t>30717</t>
  </si>
  <si>
    <t>-0.014992687695475126</t>
  </si>
  <si>
    <t>30571</t>
  </si>
  <si>
    <t>549.199951171875</t>
  </si>
  <si>
    <t>-0.004764400084102505</t>
  </si>
  <si>
    <t>30546</t>
  </si>
  <si>
    <t>-0.0008181030284326596</t>
  </si>
  <si>
    <t>755.7000732421875</t>
  </si>
  <si>
    <t>0.03008691269563002</t>
  </si>
  <si>
    <t>31797</t>
  </si>
  <si>
    <t>570.5999755859375</t>
  </si>
  <si>
    <t>0.010051288869343367</t>
  </si>
  <si>
    <t>642</t>
  </si>
  <si>
    <t>33741</t>
  </si>
  <si>
    <t>8.919648170471191</t>
  </si>
  <si>
    <t>839.6509399414062</t>
  </si>
  <si>
    <t>239.76475524902344</t>
  </si>
  <si>
    <t>Hochsauerlandkreis</t>
  </si>
  <si>
    <t>35199</t>
  </si>
  <si>
    <t>7.752981185913086</t>
  </si>
  <si>
    <t>687.6553955078125</t>
  </si>
  <si>
    <t>0.04230395801960185</t>
  </si>
  <si>
    <t>35596</t>
  </si>
  <si>
    <t>8.894647598266602</t>
  </si>
  <si>
    <t>949.2365112304688</t>
  </si>
  <si>
    <t>0.011215598885019773</t>
  </si>
  <si>
    <t>35010</t>
  </si>
  <si>
    <t>7.748069763183594</t>
  </si>
  <si>
    <t>960.5773315429688</t>
  </si>
  <si>
    <t>-0.016599537028040956</t>
  </si>
  <si>
    <t>35715</t>
  </si>
  <si>
    <t>8.569647789001465</t>
  </si>
  <si>
    <t>1021.6412353515625</t>
  </si>
  <si>
    <t>0.01993703364036037</t>
  </si>
  <si>
    <t>36153</t>
  </si>
  <si>
    <t>7.857893466949463</t>
  </si>
  <si>
    <t>788.3785400390625</t>
  </si>
  <si>
    <t>0.012189164106429118</t>
  </si>
  <si>
    <t>36340</t>
  </si>
  <si>
    <t>6.377981185913086</t>
  </si>
  <si>
    <t>677.0521240234375</t>
  </si>
  <si>
    <t>0.005159130254661193</t>
  </si>
  <si>
    <t>36939</t>
  </si>
  <si>
    <t>8.581402778625488</t>
  </si>
  <si>
    <t>818.8720703125</t>
  </si>
  <si>
    <t>0.016348840510818974</t>
  </si>
  <si>
    <t>37678</t>
  </si>
  <si>
    <t>8.444647789001465</t>
  </si>
  <si>
    <t>949.6840209960938</t>
  </si>
  <si>
    <t>0.01980846626433852</t>
  </si>
  <si>
    <t>38366</t>
  </si>
  <si>
    <t>8.92798137664795</t>
  </si>
  <si>
    <t>812.6820068359375</t>
  </si>
  <si>
    <t>0.01809528097096269</t>
  </si>
  <si>
    <t>39432</t>
  </si>
  <si>
    <t>9.23631477355957</t>
  </si>
  <si>
    <t>825.5391845703125</t>
  </si>
  <si>
    <t>0.027406018688930445</t>
  </si>
  <si>
    <t>8.319647789001465</t>
  </si>
  <si>
    <t>899.305419921875</t>
  </si>
  <si>
    <t>-0.028057849705270144</t>
  </si>
  <si>
    <t>39222</t>
  </si>
  <si>
    <t>8.602981567382812</t>
  </si>
  <si>
    <t>1113.781005859375</t>
  </si>
  <si>
    <t>0.02271799416084086</t>
  </si>
  <si>
    <t>38169</t>
  </si>
  <si>
    <t>8.536314964294434</t>
  </si>
  <si>
    <t>651.0668334960938</t>
  </si>
  <si>
    <t>-0.027214146029972852</t>
  </si>
  <si>
    <t>38758</t>
  </si>
  <si>
    <t>8.619647979736328</t>
  </si>
  <si>
    <t>869.5811157226562</t>
  </si>
  <si>
    <t>0.015313518275384297</t>
  </si>
  <si>
    <t>38852</t>
  </si>
  <si>
    <t>7.977981090545654</t>
  </si>
  <si>
    <t>810.2561645507812</t>
  </si>
  <si>
    <t>0.0024223694360259174</t>
  </si>
  <si>
    <t>40313</t>
  </si>
  <si>
    <t>9.618157386779785</t>
  </si>
  <si>
    <t>793.9054565429688</t>
  </si>
  <si>
    <t>0.03691444203976424</t>
  </si>
  <si>
    <t>42040</t>
  </si>
  <si>
    <t>9.224560737609863</t>
  </si>
  <si>
    <t>1107.078125</t>
  </si>
  <si>
    <t>0.04194754842890269</t>
  </si>
  <si>
    <t>42455</t>
  </si>
  <si>
    <t>8.598069190979004</t>
  </si>
  <si>
    <t>754.8720703125</t>
  </si>
  <si>
    <t>0.00982314544257612</t>
  </si>
  <si>
    <t>40693</t>
  </si>
  <si>
    <t>8.373069763183594</t>
  </si>
  <si>
    <t>915.7794189453125</t>
  </si>
  <si>
    <t>-0.04238860396677424</t>
  </si>
  <si>
    <t>42394</t>
  </si>
  <si>
    <t>7.636314868927002</t>
  </si>
  <si>
    <t>905.3017578125</t>
  </si>
  <si>
    <t>0.04095075530599246</t>
  </si>
  <si>
    <t>45719</t>
  </si>
  <si>
    <t>9.05298137664795</t>
  </si>
  <si>
    <t>797.1834716796875</t>
  </si>
  <si>
    <t>0.07550712363089573</t>
  </si>
  <si>
    <t>44968</t>
  </si>
  <si>
    <t>8.294648170471191</t>
  </si>
  <si>
    <t>752.8040771484375</t>
  </si>
  <si>
    <t>-0.016562840721666916</t>
  </si>
  <si>
    <t>45324</t>
  </si>
  <si>
    <t>8.227981567382812</t>
  </si>
  <si>
    <t>845.6090698242188</t>
  </si>
  <si>
    <t>0.00788556781854588</t>
  </si>
  <si>
    <t>46854</t>
  </si>
  <si>
    <t>9.894648551940918</t>
  </si>
  <si>
    <t>845.5274658203125</t>
  </si>
  <si>
    <t>0.03319969039027271</t>
  </si>
  <si>
    <t>47366</t>
  </si>
  <si>
    <t>9.102981567382812</t>
  </si>
  <si>
    <t>783.4631958007812</t>
  </si>
  <si>
    <t>0.01086828783194882</t>
  </si>
  <si>
    <t>47702</t>
  </si>
  <si>
    <t>8.861313819885254</t>
  </si>
  <si>
    <t>794.1441650390625</t>
  </si>
  <si>
    <t>0.007068653995943919</t>
  </si>
  <si>
    <t>49330</t>
  </si>
  <si>
    <t>9.291226387023926</t>
  </si>
  <si>
    <t>974.8434448242188</t>
  </si>
  <si>
    <t>0.03355908950916131</t>
  </si>
  <si>
    <t>49570</t>
  </si>
  <si>
    <t>9.541226387023926</t>
  </si>
  <si>
    <t>659.7413940429688</t>
  </si>
  <si>
    <t>0.004853396786835162</t>
  </si>
  <si>
    <t>50637</t>
  </si>
  <si>
    <t>10.006402015686035</t>
  </si>
  <si>
    <t>771.0945434570312</t>
  </si>
  <si>
    <t>0.021296722342418306</t>
  </si>
  <si>
    <t>47993</t>
  </si>
  <si>
    <t>9.582893371582031</t>
  </si>
  <si>
    <t>816.0372314453125</t>
  </si>
  <si>
    <t>-0.05362736743505714</t>
  </si>
  <si>
    <t>49459</t>
  </si>
  <si>
    <t>8.869647979736328</t>
  </si>
  <si>
    <t>863.5899658203125</t>
  </si>
  <si>
    <t>0.030088876590763647</t>
  </si>
  <si>
    <t>49959</t>
  </si>
  <si>
    <t>9.77798080444336</t>
  </si>
  <si>
    <t>766.7845458984375</t>
  </si>
  <si>
    <t>0.010058625513636343</t>
  </si>
  <si>
    <t>645</t>
  </si>
  <si>
    <t>25591</t>
  </si>
  <si>
    <t>125.1800308227539</t>
  </si>
  <si>
    <t>Hof, Landkreis</t>
  </si>
  <si>
    <t>567.2999267578125</t>
  </si>
  <si>
    <t>0.042310472369900154</t>
  </si>
  <si>
    <t>26998</t>
  </si>
  <si>
    <t>8.050000190734863</t>
  </si>
  <si>
    <t>0.011211589643801645</t>
  </si>
  <si>
    <t>26553</t>
  </si>
  <si>
    <t>772.0</t>
  </si>
  <si>
    <t>-0.016620053531786638</t>
  </si>
  <si>
    <t>27088</t>
  </si>
  <si>
    <t>7.958333969116211</t>
  </si>
  <si>
    <t>820.300048828125</t>
  </si>
  <si>
    <t>0.019948089735930097</t>
  </si>
  <si>
    <t>27420</t>
  </si>
  <si>
    <t>695.10009765625</t>
  </si>
  <si>
    <t>0.012181848743388457</t>
  </si>
  <si>
    <t>27562</t>
  </si>
  <si>
    <t>5.633334636688232</t>
  </si>
  <si>
    <t>626.800048828125</t>
  </si>
  <si>
    <t>0.0051653383187861834</t>
  </si>
  <si>
    <t>28016</t>
  </si>
  <si>
    <t>7.691667079925537</t>
  </si>
  <si>
    <t>664.5999145507812</t>
  </si>
  <si>
    <t>0.016337763090541912</t>
  </si>
  <si>
    <t>28577</t>
  </si>
  <si>
    <t>775.2000122070312</t>
  </si>
  <si>
    <t>0.01982642293919845</t>
  </si>
  <si>
    <t>29099</t>
  </si>
  <si>
    <t>7.9083333015441895</t>
  </si>
  <si>
    <t>0.018101610843119786</t>
  </si>
  <si>
    <t>29907</t>
  </si>
  <si>
    <t>718.2000732421875</t>
  </si>
  <si>
    <t>0.027388757382862394</t>
  </si>
  <si>
    <t>30818</t>
  </si>
  <si>
    <t>7.4916672706604</t>
  </si>
  <si>
    <t>778.0000610351562</t>
  </si>
  <si>
    <t>0.030006368150985452</t>
  </si>
  <si>
    <t>30490</t>
  </si>
  <si>
    <t>7.900000095367432</t>
  </si>
  <si>
    <t>990.7000122070312</t>
  </si>
  <si>
    <t>-0.010700173859499174</t>
  </si>
  <si>
    <t>539.0</t>
  </si>
  <si>
    <t>-0.0095899497503531</t>
  </si>
  <si>
    <t>30678</t>
  </si>
  <si>
    <t>711.7000122070312</t>
  </si>
  <si>
    <t>0.015736974076107302</t>
  </si>
  <si>
    <t>30775</t>
  </si>
  <si>
    <t>675.5999755859375</t>
  </si>
  <si>
    <t>0.003156886744600129</t>
  </si>
  <si>
    <t>707.9000244140625</t>
  </si>
  <si>
    <t>0.04168595913196249</t>
  </si>
  <si>
    <t>32240</t>
  </si>
  <si>
    <t>869.0999755859375</t>
  </si>
  <si>
    <t>0.0048192864359482</t>
  </si>
  <si>
    <t>34358</t>
  </si>
  <si>
    <t>7.783332824707031</t>
  </si>
  <si>
    <t>676.7999877929688</t>
  </si>
  <si>
    <t>0.06362697056582611</t>
  </si>
  <si>
    <t>7.758333683013916</t>
  </si>
  <si>
    <t>777.5999145507812</t>
  </si>
  <si>
    <t>0.02344385461536902</t>
  </si>
  <si>
    <t>37720</t>
  </si>
  <si>
    <t>6.958333492279053</t>
  </si>
  <si>
    <t>819.9000244140625</t>
  </si>
  <si>
    <t>0.06991171494563453</t>
  </si>
  <si>
    <t>40271</t>
  </si>
  <si>
    <t>0.06544114917121213</t>
  </si>
  <si>
    <t>7.708332538604736</t>
  </si>
  <si>
    <t>682.0</t>
  </si>
  <si>
    <t>0.012560158209840466</t>
  </si>
  <si>
    <t>41658</t>
  </si>
  <si>
    <t>740.0</t>
  </si>
  <si>
    <t>0.021301661852881182</t>
  </si>
  <si>
    <t>42110</t>
  </si>
  <si>
    <t>733.9000244140625</t>
  </si>
  <si>
    <t>0.010791815174645336</t>
  </si>
  <si>
    <t>44043</t>
  </si>
  <si>
    <t>0.04488118725159573</t>
  </si>
  <si>
    <t>46519</t>
  </si>
  <si>
    <t>8.058334350585938</t>
  </si>
  <si>
    <t>0.054694401863290665</t>
  </si>
  <si>
    <t>46997</t>
  </si>
  <si>
    <t>8.80000114440918</t>
  </si>
  <si>
    <t>830.1000366210938</t>
  </si>
  <si>
    <t>0.010222938596895048</t>
  </si>
  <si>
    <t>47352</t>
  </si>
  <si>
    <t>540.6000366210938</t>
  </si>
  <si>
    <t>0.007525287502806677</t>
  </si>
  <si>
    <t>47096</t>
  </si>
  <si>
    <t>591.4000244140625</t>
  </si>
  <si>
    <t>-0.005420985662464517</t>
  </si>
  <si>
    <t>45299</t>
  </si>
  <si>
    <t>716.7999877929688</t>
  </si>
  <si>
    <t>-0.03890311453581674</t>
  </si>
  <si>
    <t>46683</t>
  </si>
  <si>
    <t>760.9000244140625</t>
  </si>
  <si>
    <t>0.030095115515338833</t>
  </si>
  <si>
    <t>47154</t>
  </si>
  <si>
    <t>608.5999755859375</t>
  </si>
  <si>
    <t>0.010038768406610998</t>
  </si>
  <si>
    <t>27068</t>
  </si>
  <si>
    <t>132.88926696777344</t>
  </si>
  <si>
    <t>HÔøΩxter</t>
  </si>
  <si>
    <t>28238</t>
  </si>
  <si>
    <t>0.042316370217355015</t>
  </si>
  <si>
    <t>28556</t>
  </si>
  <si>
    <t>9.783334732055664</t>
  </si>
  <si>
    <t>871.2000122070312</t>
  </si>
  <si>
    <t>0.011198483052879737</t>
  </si>
  <si>
    <t>28086</t>
  </si>
  <si>
    <t>892.7000732421875</t>
  </si>
  <si>
    <t>-0.016595840094225878</t>
  </si>
  <si>
    <t>28652</t>
  </si>
  <si>
    <t>944.0</t>
  </si>
  <si>
    <t>0.019952017206216865</t>
  </si>
  <si>
    <t>29003</t>
  </si>
  <si>
    <t>726.7000732421875</t>
  </si>
  <si>
    <t>0.01217602415972685</t>
  </si>
  <si>
    <t>29153</t>
  </si>
  <si>
    <t>623.4999389648438</t>
  </si>
  <si>
    <t>0.0051585505410596255</t>
  </si>
  <si>
    <t>29633</t>
  </si>
  <si>
    <t>9.500000953674316</t>
  </si>
  <si>
    <t>767.8999633789062</t>
  </si>
  <si>
    <t>0.01633078174156566</t>
  </si>
  <si>
    <t>30227</t>
  </si>
  <si>
    <t>866.5000610351562</t>
  </si>
  <si>
    <t>0.01984695950588744</t>
  </si>
  <si>
    <t>30779</t>
  </si>
  <si>
    <t>723.5999755859375</t>
  </si>
  <si>
    <t>0.018097074553541148</t>
  </si>
  <si>
    <t>31633</t>
  </si>
  <si>
    <t>0.02736824023047113</t>
  </si>
  <si>
    <t>31356</t>
  </si>
  <si>
    <t>834.0</t>
  </si>
  <si>
    <t>-0.008795243157981858</t>
  </si>
  <si>
    <t>30437</t>
  </si>
  <si>
    <t>1016.8999633789062</t>
  </si>
  <si>
    <t>-0.02974666272331561</t>
  </si>
  <si>
    <t>603.3999633789062</t>
  </si>
  <si>
    <t>0.007234666140757184</t>
  </si>
  <si>
    <t>30998</t>
  </si>
  <si>
    <t>800.0999755859375</t>
  </si>
  <si>
    <t>0.011029046530943276</t>
  </si>
  <si>
    <t>31023</t>
  </si>
  <si>
    <t>753.6000366210938</t>
  </si>
  <si>
    <t>0.000806178596088003</t>
  </si>
  <si>
    <t>32368</t>
  </si>
  <si>
    <t>737.6000366210938</t>
  </si>
  <si>
    <t>0.042441415554442585</t>
  </si>
  <si>
    <t>33839</t>
  </si>
  <si>
    <t>1038.4000244140625</t>
  </si>
  <si>
    <t>0.044443703048575145</t>
  </si>
  <si>
    <t>33428</t>
  </si>
  <si>
    <t>692.800048828125</t>
  </si>
  <si>
    <t>-0.012220111334775297</t>
  </si>
  <si>
    <t>32177</t>
  </si>
  <si>
    <t>838.3999633789062</t>
  </si>
  <si>
    <t>-0.03814196052669594</t>
  </si>
  <si>
    <t>32659</t>
  </si>
  <si>
    <t>834.900146484375</t>
  </si>
  <si>
    <t>0.014868556967499558</t>
  </si>
  <si>
    <t>34999</t>
  </si>
  <si>
    <t>9.950000762939453</t>
  </si>
  <si>
    <t>737.5000610351562</t>
  </si>
  <si>
    <t>0.06919902107267717</t>
  </si>
  <si>
    <t>35359</t>
  </si>
  <si>
    <t>0.01023346717388307</t>
  </si>
  <si>
    <t>35603</t>
  </si>
  <si>
    <t>0.006876947143863887</t>
  </si>
  <si>
    <t>764.7000122070312</t>
  </si>
  <si>
    <t>0.014223007347407446</t>
  </si>
  <si>
    <t>712.0</t>
  </si>
  <si>
    <t>0.03046197656679972</t>
  </si>
  <si>
    <t>36854</t>
  </si>
  <si>
    <t>-0.010150726971955848</t>
  </si>
  <si>
    <t>38255</t>
  </si>
  <si>
    <t>950.2000732421875</t>
  </si>
  <si>
    <t>0.03731010977114657</t>
  </si>
  <si>
    <t>38231</t>
  </si>
  <si>
    <t>10.466667175292969</t>
  </si>
  <si>
    <t>562.1000366210938</t>
  </si>
  <si>
    <t>-0.0006275658496370795</t>
  </si>
  <si>
    <t>38236</t>
  </si>
  <si>
    <t>696.7999877929688</t>
  </si>
  <si>
    <t>0.00013077536733696604</t>
  </si>
  <si>
    <t>37184</t>
  </si>
  <si>
    <t>711.10009765625</t>
  </si>
  <si>
    <t>-0.02789891897207042</t>
  </si>
  <si>
    <t>38320</t>
  </si>
  <si>
    <t>787.2999877929688</t>
  </si>
  <si>
    <t>0.030093391873213804</t>
  </si>
  <si>
    <t>662.7000122070312</t>
  </si>
  <si>
    <t>0.010048509129495287</t>
  </si>
  <si>
    <t>649</t>
  </si>
  <si>
    <t>18928</t>
  </si>
  <si>
    <t>8.283334732055664</t>
  </si>
  <si>
    <t>197.47203063964844</t>
  </si>
  <si>
    <t>Ilm-Kreis</t>
  </si>
  <si>
    <t>19746</t>
  </si>
  <si>
    <t>562.2000122070312</t>
  </si>
  <si>
    <t>0.04230863195322776</t>
  </si>
  <si>
    <t>19969</t>
  </si>
  <si>
    <t>796.0</t>
  </si>
  <si>
    <t>0.011230131871995397</t>
  </si>
  <si>
    <t>19640</t>
  </si>
  <si>
    <t>7.374999523162842</t>
  </si>
  <si>
    <t>-0.01661276813493373</t>
  </si>
  <si>
    <t>20036</t>
  </si>
  <si>
    <t>843.2000122070312</t>
  </si>
  <si>
    <t>0.01996235256905088</t>
  </si>
  <si>
    <t>20281</t>
  </si>
  <si>
    <t>7.408332824707031</t>
  </si>
  <si>
    <t>712.0000610351562</t>
  </si>
  <si>
    <t>0.012153831676624094</t>
  </si>
  <si>
    <t>20386</t>
  </si>
  <si>
    <t>5.808333873748779</t>
  </si>
  <si>
    <t>0.00516390357422658</t>
  </si>
  <si>
    <t>20722</t>
  </si>
  <si>
    <t>0.0163475470833383</t>
  </si>
  <si>
    <t>21137</t>
  </si>
  <si>
    <t>802.5999755859375</t>
  </si>
  <si>
    <t>0.019829121473140532</t>
  </si>
  <si>
    <t>21523</t>
  </si>
  <si>
    <t>729.5</t>
  </si>
  <si>
    <t>0.018097071479342475</t>
  </si>
  <si>
    <t>22121</t>
  </si>
  <si>
    <t>706.7000122070312</t>
  </si>
  <si>
    <t>0.02740525280684203</t>
  </si>
  <si>
    <t>22831</t>
  </si>
  <si>
    <t>7.7166666984558105</t>
  </si>
  <si>
    <t>799.800048828125</t>
  </si>
  <si>
    <t>0.031591878008430996</t>
  </si>
  <si>
    <t>22646</t>
  </si>
  <si>
    <t>8.108333587646484</t>
  </si>
  <si>
    <t>1025.800048828125</t>
  </si>
  <si>
    <t>-0.008136025705468342</t>
  </si>
  <si>
    <t>23901</t>
  </si>
  <si>
    <t>7.9333343505859375</t>
  </si>
  <si>
    <t>555.9000244140625</t>
  </si>
  <si>
    <t>0.053937063174490874</t>
  </si>
  <si>
    <t>25169</t>
  </si>
  <si>
    <t>7.9666666984558105</t>
  </si>
  <si>
    <t>713.2999877929688</t>
  </si>
  <si>
    <t>0.05169277945452677</t>
  </si>
  <si>
    <t>25493</t>
  </si>
  <si>
    <t>7.208333492279053</t>
  </si>
  <si>
    <t>0.012790826154880364</t>
  </si>
  <si>
    <t>27446</t>
  </si>
  <si>
    <t>8.916666030883789</t>
  </si>
  <si>
    <t>723.7000122070312</t>
  </si>
  <si>
    <t>0.07381653317169601</t>
  </si>
  <si>
    <t>27896</t>
  </si>
  <si>
    <t>898.9999389648438</t>
  </si>
  <si>
    <t>0.01626287152590855</t>
  </si>
  <si>
    <t>30888</t>
  </si>
  <si>
    <t>8.049999237060547</t>
  </si>
  <si>
    <t>661.0999755859375</t>
  </si>
  <si>
    <t>0.10188444958858511</t>
  </si>
  <si>
    <t>808.199951171875</t>
  </si>
  <si>
    <t>-0.01201831848221424</t>
  </si>
  <si>
    <t>32868</t>
  </si>
  <si>
    <t>808.7000732421875</t>
  </si>
  <si>
    <t>0.07415009958921992</t>
  </si>
  <si>
    <t>34339</t>
  </si>
  <si>
    <t>682.4000244140625</t>
  </si>
  <si>
    <t>0.04378219441726294</t>
  </si>
  <si>
    <t>32667</t>
  </si>
  <si>
    <t>7.966667652130127</t>
  </si>
  <si>
    <t>666.6000366210938</t>
  </si>
  <si>
    <t>-0.04991634045416937</t>
  </si>
  <si>
    <t>32760</t>
  </si>
  <si>
    <t>734.3999633789062</t>
  </si>
  <si>
    <t>0.0028428649528340344</t>
  </si>
  <si>
    <t>36097</t>
  </si>
  <si>
    <t>9.299999237060547</t>
  </si>
  <si>
    <t>0.09700150040768918</t>
  </si>
  <si>
    <t>36855</t>
  </si>
  <si>
    <t>618.9000244140625</t>
  </si>
  <si>
    <t>0.020781535248694638</t>
  </si>
  <si>
    <t>37811</t>
  </si>
  <si>
    <t>668.5000610351562</t>
  </si>
  <si>
    <t>0.025608770941467185</t>
  </si>
  <si>
    <t>9.066665649414062</t>
  </si>
  <si>
    <t>829.900146484375</t>
  </si>
  <si>
    <t>0.04738999468530025</t>
  </si>
  <si>
    <t>39054</t>
  </si>
  <si>
    <t>540.0</t>
  </si>
  <si>
    <t>-0.015044756449714924</t>
  </si>
  <si>
    <t>40379</t>
  </si>
  <si>
    <t>0.033364544024717446</t>
  </si>
  <si>
    <t>38993</t>
  </si>
  <si>
    <t>723.7999877929688</t>
  </si>
  <si>
    <t>-0.03492770500261422</t>
  </si>
  <si>
    <t>40184</t>
  </si>
  <si>
    <t>797.5000610351562</t>
  </si>
  <si>
    <t>0.03008676360733631</t>
  </si>
  <si>
    <t>40590</t>
  </si>
  <si>
    <t>0.010052824403061322</t>
  </si>
  <si>
    <t>652</t>
  </si>
  <si>
    <t>10.108332633972168</t>
  </si>
  <si>
    <t>569.5999755859375</t>
  </si>
  <si>
    <t>58.903533935546875</t>
  </si>
  <si>
    <t>Jerichower Land</t>
  </si>
  <si>
    <t>22254</t>
  </si>
  <si>
    <t>473.5999755859375</t>
  </si>
  <si>
    <t>0.04231347499715277</t>
  </si>
  <si>
    <t>553.7999877929688</t>
  </si>
  <si>
    <t>0.011260172592297835</t>
  </si>
  <si>
    <t>22135</t>
  </si>
  <si>
    <t>635.4000244140625</t>
  </si>
  <si>
    <t>-0.016621874143702087</t>
  </si>
  <si>
    <t>22581</t>
  </si>
  <si>
    <t>586.9000244140625</t>
  </si>
  <si>
    <t>0.01994877853640098</t>
  </si>
  <si>
    <t>22857</t>
  </si>
  <si>
    <t>0.012148571438476807</t>
  </si>
  <si>
    <t>22976</t>
  </si>
  <si>
    <t>7.691666126251221</t>
  </si>
  <si>
    <t>483.29998779296875</t>
  </si>
  <si>
    <t>0.005192776706831381</t>
  </si>
  <si>
    <t>23354</t>
  </si>
  <si>
    <t>587.4999389648438</t>
  </si>
  <si>
    <t>0.016318082787710964</t>
  </si>
  <si>
    <t>23822</t>
  </si>
  <si>
    <t>9.666665077209473</t>
  </si>
  <si>
    <t>0.019841247805185702</t>
  </si>
  <si>
    <t>24257</t>
  </si>
  <si>
    <t>0.018095712064374325</t>
  </si>
  <si>
    <t>24931</t>
  </si>
  <si>
    <t>565.2000122070312</t>
  </si>
  <si>
    <t>0.027406773522384853</t>
  </si>
  <si>
    <t>25124</t>
  </si>
  <si>
    <t>577.5</t>
  </si>
  <si>
    <t>0.007711555546665139</t>
  </si>
  <si>
    <t>27085</t>
  </si>
  <si>
    <t>0.0751565045177287</t>
  </si>
  <si>
    <t>26413</t>
  </si>
  <si>
    <t>457.7000427246094</t>
  </si>
  <si>
    <t>-0.025123755916197865</t>
  </si>
  <si>
    <t>27245</t>
  </si>
  <si>
    <t>9.750000953674316</t>
  </si>
  <si>
    <t>562.9000244140625</t>
  </si>
  <si>
    <t>0.031013704841397427</t>
  </si>
  <si>
    <t>28331</t>
  </si>
  <si>
    <t>527.3999633789062</t>
  </si>
  <si>
    <t>0.03908659345477794</t>
  </si>
  <si>
    <t>28012</t>
  </si>
  <si>
    <t>588.7000122070312</t>
  </si>
  <si>
    <t>-0.011323621696568864</t>
  </si>
  <si>
    <t>29443</t>
  </si>
  <si>
    <t>745.2000122070312</t>
  </si>
  <si>
    <t>0.04982320104964266</t>
  </si>
  <si>
    <t>30434</t>
  </si>
  <si>
    <t>518.5999755859375</t>
  </si>
  <si>
    <t>0.03310421365500815</t>
  </si>
  <si>
    <t>28118</t>
  </si>
  <si>
    <t>577.7999877929688</t>
  </si>
  <si>
    <t>-0.07915046384020741</t>
  </si>
  <si>
    <t>28959</t>
  </si>
  <si>
    <t>615.9999389648438</t>
  </si>
  <si>
    <t>0.029471095876873576</t>
  </si>
  <si>
    <t>31013</t>
  </si>
  <si>
    <t>0.06852543488460228</t>
  </si>
  <si>
    <t>32143</t>
  </si>
  <si>
    <t>9.591666221618652</t>
  </si>
  <si>
    <t>557.7000122070312</t>
  </si>
  <si>
    <t>0.03578822616448463</t>
  </si>
  <si>
    <t>32308</t>
  </si>
  <si>
    <t>0.0051201799963749295</t>
  </si>
  <si>
    <t>33396</t>
  </si>
  <si>
    <t>574.800048828125</t>
  </si>
  <si>
    <t>0.03312125475170369</t>
  </si>
  <si>
    <t>32410</t>
  </si>
  <si>
    <t>496.4999694824219</t>
  </si>
  <si>
    <t>-0.029969115178298367</t>
  </si>
  <si>
    <t>32756</t>
  </si>
  <si>
    <t>473.50006103515625</t>
  </si>
  <si>
    <t>0.010619134254486795</t>
  </si>
  <si>
    <t>33581</t>
  </si>
  <si>
    <t>741.900146484375</t>
  </si>
  <si>
    <t>0.024874279428781065</t>
  </si>
  <si>
    <t>34617</t>
  </si>
  <si>
    <t>369.8999938964844</t>
  </si>
  <si>
    <t>0.030384460043917372</t>
  </si>
  <si>
    <t>489.8999938964844</t>
  </si>
  <si>
    <t>0.022592892428052735</t>
  </si>
  <si>
    <t>34734</t>
  </si>
  <si>
    <t>491.6999816894531</t>
  </si>
  <si>
    <t>-0.019218748983771405</t>
  </si>
  <si>
    <t>35795</t>
  </si>
  <si>
    <t>0.0300891845232254</t>
  </si>
  <si>
    <t>455.6999816894531</t>
  </si>
  <si>
    <t>0.010062348632304818</t>
  </si>
  <si>
    <t>34835</t>
  </si>
  <si>
    <t>747.5999145507812</t>
  </si>
  <si>
    <t>493.9835205078125</t>
  </si>
  <si>
    <t>Karlsruhe, Landkreis</t>
  </si>
  <si>
    <t>553.0999755859375</t>
  </si>
  <si>
    <t>0.04229643448594267</t>
  </si>
  <si>
    <t>36751</t>
  </si>
  <si>
    <t>761.5999755859375</t>
  </si>
  <si>
    <t>0.011246373204965465</t>
  </si>
  <si>
    <t>36145</t>
  </si>
  <si>
    <t>741.0</t>
  </si>
  <si>
    <t>-0.01662680972073005</t>
  </si>
  <si>
    <t>36873</t>
  </si>
  <si>
    <t>11.299999237060547</t>
  </si>
  <si>
    <t>747.4000854492188</t>
  </si>
  <si>
    <t>0.01994094944869218</t>
  </si>
  <si>
    <t>37325</t>
  </si>
  <si>
    <t>690.300048828125</t>
  </si>
  <si>
    <t>0.012183767524300393</t>
  </si>
  <si>
    <t>37518</t>
  </si>
  <si>
    <t>606.9999389648438</t>
  </si>
  <si>
    <t>0.005157474387962324</t>
  </si>
  <si>
    <t>38137</t>
  </si>
  <si>
    <t>663.9000854492188</t>
  </si>
  <si>
    <t>0.016364121688040356</t>
  </si>
  <si>
    <t>38900</t>
  </si>
  <si>
    <t>0.019809311123143658</t>
  </si>
  <si>
    <t>773.4000244140625</t>
  </si>
  <si>
    <t>0.018087361009426317</t>
  </si>
  <si>
    <t>40711</t>
  </si>
  <si>
    <t>0.027416714568563094</t>
  </si>
  <si>
    <t>41101</t>
  </si>
  <si>
    <t>760.2000122070312</t>
  </si>
  <si>
    <t>0.009534125904052004</t>
  </si>
  <si>
    <t>41382</t>
  </si>
  <si>
    <t>935.4000854492188</t>
  </si>
  <si>
    <t>0.006813551570768794</t>
  </si>
  <si>
    <t>39466</t>
  </si>
  <si>
    <t>537.2000732421875</t>
  </si>
  <si>
    <t>-0.04740646192997566</t>
  </si>
  <si>
    <t>39146</t>
  </si>
  <si>
    <t>604.9000244140625</t>
  </si>
  <si>
    <t>-0.008141295666902693</t>
  </si>
  <si>
    <t>40251</t>
  </si>
  <si>
    <t>628.699951171875</t>
  </si>
  <si>
    <t>0.02783660219611228</t>
  </si>
  <si>
    <t>43315</t>
  </si>
  <si>
    <t>11.666665077209473</t>
  </si>
  <si>
    <t>783.699951171875</t>
  </si>
  <si>
    <t>0.07336414706565897</t>
  </si>
  <si>
    <t>45309</t>
  </si>
  <si>
    <t>743.4000244140625</t>
  </si>
  <si>
    <t>0.045006692910211754</t>
  </si>
  <si>
    <t>48441</t>
  </si>
  <si>
    <t>10.350000381469727</t>
  </si>
  <si>
    <t>656.2999877929688</t>
  </si>
  <si>
    <t>0.06684087431527885</t>
  </si>
  <si>
    <t>44447</t>
  </si>
  <si>
    <t>676.2000122070312</t>
  </si>
  <si>
    <t>-0.0860490944488923</t>
  </si>
  <si>
    <t>46224</t>
  </si>
  <si>
    <t>708.2000732421875</t>
  </si>
  <si>
    <t>0.0392016756051774</t>
  </si>
  <si>
    <t>48948</t>
  </si>
  <si>
    <t>630.6000366210938</t>
  </si>
  <si>
    <t>0.057259366399543765</t>
  </si>
  <si>
    <t>48503</t>
  </si>
  <si>
    <t>-0.009132858422864487</t>
  </si>
  <si>
    <t>47253</t>
  </si>
  <si>
    <t>729.4000854492188</t>
  </si>
  <si>
    <t>-0.026109507712849478</t>
  </si>
  <si>
    <t>49095</t>
  </si>
  <si>
    <t>11.90000057220459</t>
  </si>
  <si>
    <t>656.7999877929688</t>
  </si>
  <si>
    <t>0.038241052633544825</t>
  </si>
  <si>
    <t>49961</t>
  </si>
  <si>
    <t>554.7000732421875</t>
  </si>
  <si>
    <t>0.01748550444861685</t>
  </si>
  <si>
    <t>49595</t>
  </si>
  <si>
    <t>651.0</t>
  </si>
  <si>
    <t>-0.007352678871912488</t>
  </si>
  <si>
    <t>50405</t>
  </si>
  <si>
    <t>743.699951171875</t>
  </si>
  <si>
    <t>0.016200354307947862</t>
  </si>
  <si>
    <t>51239</t>
  </si>
  <si>
    <t>556.9000244140625</t>
  </si>
  <si>
    <t>0.016410584329065614</t>
  </si>
  <si>
    <t>51771</t>
  </si>
  <si>
    <t>599.6000366210938</t>
  </si>
  <si>
    <t>0.010329186098580578</t>
  </si>
  <si>
    <t>47873</t>
  </si>
  <si>
    <t>676.4000244140625</t>
  </si>
  <si>
    <t>-0.07827847576227853</t>
  </si>
  <si>
    <t>49335</t>
  </si>
  <si>
    <t>700.9000244140625</t>
  </si>
  <si>
    <t>0.030082097137857033</t>
  </si>
  <si>
    <t>49834</t>
  </si>
  <si>
    <t>12.508334159851074</t>
  </si>
  <si>
    <t>609.1000366210938</t>
  </si>
  <si>
    <t>0.010063713690438902</t>
  </si>
  <si>
    <t>29089</t>
  </si>
  <si>
    <t>746.0</t>
  </si>
  <si>
    <t>230.81201171875</t>
  </si>
  <si>
    <t>Kassel, Landkreis</t>
  </si>
  <si>
    <t>30346</t>
  </si>
  <si>
    <t>612.7999877929688</t>
  </si>
  <si>
    <t>0.04230461726106327</t>
  </si>
  <si>
    <t>30689</t>
  </si>
  <si>
    <t>821.800048828125</t>
  </si>
  <si>
    <t>0.01123957109417617</t>
  </si>
  <si>
    <t>30183</t>
  </si>
  <si>
    <t>855.10009765625</t>
  </si>
  <si>
    <t>-0.016625432219202096</t>
  </si>
  <si>
    <t>30791</t>
  </si>
  <si>
    <t>902.9000244140625</t>
  </si>
  <si>
    <t>0.019943587508281624</t>
  </si>
  <si>
    <t>31168</t>
  </si>
  <si>
    <t>707.4998779296875</t>
  </si>
  <si>
    <t>0.01216948797381967</t>
  </si>
  <si>
    <t>31330</t>
  </si>
  <si>
    <t>7.141666889190674</t>
  </si>
  <si>
    <t>607.9000244140625</t>
  </si>
  <si>
    <t>0.0051841775039758176</t>
  </si>
  <si>
    <t>31846</t>
  </si>
  <si>
    <t>726.699951171875</t>
  </si>
  <si>
    <t>0.01633568047013334</t>
  </si>
  <si>
    <t>32484</t>
  </si>
  <si>
    <t>822.9000244140625</t>
  </si>
  <si>
    <t>0.019835874985929536</t>
  </si>
  <si>
    <t>33077</t>
  </si>
  <si>
    <t>705.300048828125</t>
  </si>
  <si>
    <t>0.018090516384598132</t>
  </si>
  <si>
    <t>33996</t>
  </si>
  <si>
    <t>0.027404693831618587</t>
  </si>
  <si>
    <t>32508</t>
  </si>
  <si>
    <t>795.4000244140625</t>
  </si>
  <si>
    <t>-0.044756657745422146</t>
  </si>
  <si>
    <t>33324</t>
  </si>
  <si>
    <t>982.2999877929688</t>
  </si>
  <si>
    <t>0.024791645221704073</t>
  </si>
  <si>
    <t>576.300048828125</t>
  </si>
  <si>
    <t>0.058114890878270486</t>
  </si>
  <si>
    <t>34058</t>
  </si>
  <si>
    <t>761.6000366210938</t>
  </si>
  <si>
    <t>-0.03632779538651931</t>
  </si>
  <si>
    <t>33044</t>
  </si>
  <si>
    <t>721.3999633789062</t>
  </si>
  <si>
    <t>-0.030224946904153782</t>
  </si>
  <si>
    <t>33988</t>
  </si>
  <si>
    <t>697.699951171875</t>
  </si>
  <si>
    <t>0.02816751444103538</t>
  </si>
  <si>
    <t>33380</t>
  </si>
  <si>
    <t>991.5999755859375</t>
  </si>
  <si>
    <t>-0.018050602907605295</t>
  </si>
  <si>
    <t>34106</t>
  </si>
  <si>
    <t>668.1000366210938</t>
  </si>
  <si>
    <t>0.021516403657033223</t>
  </si>
  <si>
    <t>32053</t>
  </si>
  <si>
    <t>816.6000366210938</t>
  </si>
  <si>
    <t>-0.06208253916045159</t>
  </si>
  <si>
    <t>34611</t>
  </si>
  <si>
    <t>8.40000057220459</t>
  </si>
  <si>
    <t>0.07678076788299038</t>
  </si>
  <si>
    <t>37380</t>
  </si>
  <si>
    <t>0.07696425141415553</t>
  </si>
  <si>
    <t>36448</t>
  </si>
  <si>
    <t>683.800048828125</t>
  </si>
  <si>
    <t>-0.025249214762645522</t>
  </si>
  <si>
    <t>36794</t>
  </si>
  <si>
    <t>760.8001098632812</t>
  </si>
  <si>
    <t>0.009448201138820167</t>
  </si>
  <si>
    <t>37581</t>
  </si>
  <si>
    <t>737.8001098632812</t>
  </si>
  <si>
    <t>0.02116381512657206</t>
  </si>
  <si>
    <t>9.866667747497559</t>
  </si>
  <si>
    <t>682.1000366210938</t>
  </si>
  <si>
    <t>0.0049900568045195826</t>
  </si>
  <si>
    <t>44961</t>
  </si>
  <si>
    <t>685.7999877929688</t>
  </si>
  <si>
    <t>0.17430678699628466</t>
  </si>
  <si>
    <t>41296</t>
  </si>
  <si>
    <t>903.2999877929688</t>
  </si>
  <si>
    <t>-0.08502980435470953</t>
  </si>
  <si>
    <t>40917</t>
  </si>
  <si>
    <t>542.699951171875</t>
  </si>
  <si>
    <t>-0.009220018363411242</t>
  </si>
  <si>
    <t>41034</t>
  </si>
  <si>
    <t>663.7000122070312</t>
  </si>
  <si>
    <t>0.0028553667311665976</t>
  </si>
  <si>
    <t>36535</t>
  </si>
  <si>
    <t>690.0000610351562</t>
  </si>
  <si>
    <t>-0.11613028610083376</t>
  </si>
  <si>
    <t>37651</t>
  </si>
  <si>
    <t>770.7000732421875</t>
  </si>
  <si>
    <t>0.030088809074968026</t>
  </si>
  <si>
    <t>38032</t>
  </si>
  <si>
    <t>636.1000366210938</t>
  </si>
  <si>
    <t>0.010068396299690363</t>
  </si>
  <si>
    <t>663</t>
  </si>
  <si>
    <t>30219</t>
  </si>
  <si>
    <t>9.683334350585938</t>
  </si>
  <si>
    <t>699.9000854492188</t>
  </si>
  <si>
    <t>118.1423568725586</t>
  </si>
  <si>
    <t>Kitzingen</t>
  </si>
  <si>
    <t>31525</t>
  </si>
  <si>
    <t>0.04231001622232888</t>
  </si>
  <si>
    <t>31881</t>
  </si>
  <si>
    <t>0.011229339207684319</t>
  </si>
  <si>
    <t>716.0999755859375</t>
  </si>
  <si>
    <t>-0.016604584732192507</t>
  </si>
  <si>
    <t>31987</t>
  </si>
  <si>
    <t>724.3999633789062</t>
  </si>
  <si>
    <t>0.0199239339313646</t>
  </si>
  <si>
    <t>32379</t>
  </si>
  <si>
    <t>0.012180494253479779</t>
  </si>
  <si>
    <t>32547</t>
  </si>
  <si>
    <t>7.2833333015441895</t>
  </si>
  <si>
    <t>563.5</t>
  </si>
  <si>
    <t>0.005175133997104453</t>
  </si>
  <si>
    <t>33083</t>
  </si>
  <si>
    <t>0.016334356773256786</t>
  </si>
  <si>
    <t>33746</t>
  </si>
  <si>
    <t>685.5</t>
  </si>
  <si>
    <t>0.019842336494464874</t>
  </si>
  <si>
    <t>34362</t>
  </si>
  <si>
    <t>0.01808941086362914</t>
  </si>
  <si>
    <t>35316</t>
  </si>
  <si>
    <t>722.9000854492188</t>
  </si>
  <si>
    <t>0.02738481639956092</t>
  </si>
  <si>
    <t>35108</t>
  </si>
  <si>
    <t>-0.005907094309463901</t>
  </si>
  <si>
    <t>35675</t>
  </si>
  <si>
    <t>0.016021138633028897</t>
  </si>
  <si>
    <t>36192</t>
  </si>
  <si>
    <t>9.416665077209473</t>
  </si>
  <si>
    <t>516.199951171875</t>
  </si>
  <si>
    <t>0.0143879365708095</t>
  </si>
  <si>
    <t>36383</t>
  </si>
  <si>
    <t>589.2999877929688</t>
  </si>
  <si>
    <t>0.005263532648086766</t>
  </si>
  <si>
    <t>37329</t>
  </si>
  <si>
    <t>640.7000122070312</t>
  </si>
  <si>
    <t>0.025668871879807043</t>
  </si>
  <si>
    <t>39504</t>
  </si>
  <si>
    <t>702.0999145507812</t>
  </si>
  <si>
    <t>0.056631428141219686</t>
  </si>
  <si>
    <t>753.9000854492188</t>
  </si>
  <si>
    <t>0.004798110167243408</t>
  </si>
  <si>
    <t>620.8999633789062</t>
  </si>
  <si>
    <t>0.020743700673071075</t>
  </si>
  <si>
    <t>39503</t>
  </si>
  <si>
    <t>-0.02556712505298009</t>
  </si>
  <si>
    <t>41868</t>
  </si>
  <si>
    <t>8.500000953674316</t>
  </si>
  <si>
    <t>0.058145193602479495</t>
  </si>
  <si>
    <t>46340</t>
  </si>
  <si>
    <t>644.5</t>
  </si>
  <si>
    <t>0.10148370701159237</t>
  </si>
  <si>
    <t>43836</t>
  </si>
  <si>
    <t>651.7000732421875</t>
  </si>
  <si>
    <t>-0.05555012140308335</t>
  </si>
  <si>
    <t>44578</t>
  </si>
  <si>
    <t>9.058334350585938</t>
  </si>
  <si>
    <t>697.800048828125</t>
  </si>
  <si>
    <t>0.016785066182855246</t>
  </si>
  <si>
    <t>44724</t>
  </si>
  <si>
    <t>646.0</t>
  </si>
  <si>
    <t>0.003269806501119632</t>
  </si>
  <si>
    <t>46355</t>
  </si>
  <si>
    <t>10.108333587646484</t>
  </si>
  <si>
    <t>528.9000244140625</t>
  </si>
  <si>
    <t>0.035818890773825274</t>
  </si>
  <si>
    <t>48206</t>
  </si>
  <si>
    <t>619.8999633789062</t>
  </si>
  <si>
    <t>0.039154333578251155</t>
  </si>
  <si>
    <t>50671</t>
  </si>
  <si>
    <t>719.4999389648438</t>
  </si>
  <si>
    <t>0.049870260199591954</t>
  </si>
  <si>
    <t>47274</t>
  </si>
  <si>
    <t>-0.0693932933451844</t>
  </si>
  <si>
    <t>48677</t>
  </si>
  <si>
    <t>10.808334350585938</t>
  </si>
  <si>
    <t>572.2000122070312</t>
  </si>
  <si>
    <t>0.02924617777718197</t>
  </si>
  <si>
    <t>46459</t>
  </si>
  <si>
    <t>-0.04663643604968648</t>
  </si>
  <si>
    <t>47878</t>
  </si>
  <si>
    <t>681.699951171875</t>
  </si>
  <si>
    <t>0.030085905503833388</t>
  </si>
  <si>
    <t>48362</t>
  </si>
  <si>
    <t>587.5</t>
  </si>
  <si>
    <t>0.01005827266147108</t>
  </si>
  <si>
    <t>664</t>
  </si>
  <si>
    <t>25719</t>
  </si>
  <si>
    <t>300.1102294921875</t>
  </si>
  <si>
    <t>Kleve</t>
  </si>
  <si>
    <t>9.82500171661377</t>
  </si>
  <si>
    <t>611.6000366210938</t>
  </si>
  <si>
    <t>0.0423279170890023</t>
  </si>
  <si>
    <t>27134</t>
  </si>
  <si>
    <t>813.2000732421875</t>
  </si>
  <si>
    <t>0.011229618609386094</t>
  </si>
  <si>
    <t>857.2999877929688</t>
  </si>
  <si>
    <t>-0.016610998612780037</t>
  </si>
  <si>
    <t>27225</t>
  </si>
  <si>
    <t>890.0000610351562</t>
  </si>
  <si>
    <t>0.019959113368686943</t>
  </si>
  <si>
    <t>27558</t>
  </si>
  <si>
    <t>0.012157205752687972</t>
  </si>
  <si>
    <t>27701</t>
  </si>
  <si>
    <t>568.0999755859375</t>
  </si>
  <si>
    <t>0.005175639052986014</t>
  </si>
  <si>
    <t>28157</t>
  </si>
  <si>
    <t>723.9000854492188</t>
  </si>
  <si>
    <t>0.016327477899075404</t>
  </si>
  <si>
    <t>996.7000122070312</t>
  </si>
  <si>
    <t>0.019832570991589193</t>
  </si>
  <si>
    <t>29245</t>
  </si>
  <si>
    <t>852.2999877929688</t>
  </si>
  <si>
    <t>0.018080056379627507</t>
  </si>
  <si>
    <t>30057</t>
  </si>
  <si>
    <t>848.6000366210938</t>
  </si>
  <si>
    <t>0.027386960050245435</t>
  </si>
  <si>
    <t>30995</t>
  </si>
  <si>
    <t>884.1000366210938</t>
  </si>
  <si>
    <t>0.030730322208647465</t>
  </si>
  <si>
    <t>32268</t>
  </si>
  <si>
    <t>10.749999046325684</t>
  </si>
  <si>
    <t>899.2000122070312</t>
  </si>
  <si>
    <t>0.04025012592084565</t>
  </si>
  <si>
    <t>30877</t>
  </si>
  <si>
    <t>646.60009765625</t>
  </si>
  <si>
    <t>-0.04406445689661176</t>
  </si>
  <si>
    <t>30731</t>
  </si>
  <si>
    <t>-0.0047396530747860766</t>
  </si>
  <si>
    <t>769.5999755859375</t>
  </si>
  <si>
    <t>-0.0035532122204262606</t>
  </si>
  <si>
    <t>31758</t>
  </si>
  <si>
    <t>820.800048828125</t>
  </si>
  <si>
    <t>0.036425957221000616</t>
  </si>
  <si>
    <t>33242</t>
  </si>
  <si>
    <t>854.5999755859375</t>
  </si>
  <si>
    <t>0.045669474545013244</t>
  </si>
  <si>
    <t>36087</t>
  </si>
  <si>
    <t>768.2999877929688</t>
  </si>
  <si>
    <t>0.08211855303112792</t>
  </si>
  <si>
    <t>34117</t>
  </si>
  <si>
    <t>721.9000244140625</t>
  </si>
  <si>
    <t>-0.05613689589288562</t>
  </si>
  <si>
    <t>33826</t>
  </si>
  <si>
    <t>-0.008566056235309816</t>
  </si>
  <si>
    <t>0.07936480169451343</t>
  </si>
  <si>
    <t>36826</t>
  </si>
  <si>
    <t>10.241667747497559</t>
  </si>
  <si>
    <t>776.0999755859375</t>
  </si>
  <si>
    <t>0.005609578198663812</t>
  </si>
  <si>
    <t>37597</t>
  </si>
  <si>
    <t>714.2999877929688</t>
  </si>
  <si>
    <t>0.020720142533608765</t>
  </si>
  <si>
    <t>38635</t>
  </si>
  <si>
    <t>11.841667175292969</t>
  </si>
  <si>
    <t>757.2000122070312</t>
  </si>
  <si>
    <t>0.02723434140691161</t>
  </si>
  <si>
    <t>38114</t>
  </si>
  <si>
    <t>770.2999877929688</t>
  </si>
  <si>
    <t>-0.013576932679363551</t>
  </si>
  <si>
    <t>39661</t>
  </si>
  <si>
    <t>709.2000122070312</t>
  </si>
  <si>
    <t>0.039786668389323765</t>
  </si>
  <si>
    <t>41109</t>
  </si>
  <si>
    <t>845.5</t>
  </si>
  <si>
    <t>0.03585873853666577</t>
  </si>
  <si>
    <t>41207</t>
  </si>
  <si>
    <t>584.300048828125</t>
  </si>
  <si>
    <t>0.002381069204062669</t>
  </si>
  <si>
    <t>11.833335876464844</t>
  </si>
  <si>
    <t>742.5</t>
  </si>
  <si>
    <t>0.023693585773692405</t>
  </si>
  <si>
    <t>40697</t>
  </si>
  <si>
    <t>769.800048828125</t>
  </si>
  <si>
    <t>-0.03614735095181132</t>
  </si>
  <si>
    <t>41940</t>
  </si>
  <si>
    <t>812.0</t>
  </si>
  <si>
    <t>0.030085645815656648</t>
  </si>
  <si>
    <t>42364</t>
  </si>
  <si>
    <t>11.908333778381348</t>
  </si>
  <si>
    <t>0.010058919507647701</t>
  </si>
  <si>
    <t>666</t>
  </si>
  <si>
    <t>33437</t>
  </si>
  <si>
    <t>1113.300048828125</t>
  </si>
  <si>
    <t>249.9460906982422</t>
  </si>
  <si>
    <t>Konstanz</t>
  </si>
  <si>
    <t>34882</t>
  </si>
  <si>
    <t>828.2999267578125</t>
  </si>
  <si>
    <t>0.04230786557308086</t>
  </si>
  <si>
    <t>35275</t>
  </si>
  <si>
    <t>1057.2000732421875</t>
  </si>
  <si>
    <t>0.011203560892401043</t>
  </si>
  <si>
    <t>-0.016607736399659956</t>
  </si>
  <si>
    <t>35393</t>
  </si>
  <si>
    <t>1057.60009765625</t>
  </si>
  <si>
    <t>0.01994729913436366</t>
  </si>
  <si>
    <t>35827</t>
  </si>
  <si>
    <t>9.191665649414062</t>
  </si>
  <si>
    <t>1000.6000366210938</t>
  </si>
  <si>
    <t>0.012187738618886002</t>
  </si>
  <si>
    <t>36013</t>
  </si>
  <si>
    <t>890.1000366210938</t>
  </si>
  <si>
    <t>0.005178185289828718</t>
  </si>
  <si>
    <t>36606</t>
  </si>
  <si>
    <t>0.016332177015474514</t>
  </si>
  <si>
    <t>37339</t>
  </si>
  <si>
    <t>958.699951171875</t>
  </si>
  <si>
    <t>0.01982619542521391</t>
  </si>
  <si>
    <t>1188.0</t>
  </si>
  <si>
    <t>0.018100281837751808</t>
  </si>
  <si>
    <t>39077</t>
  </si>
  <si>
    <t>1064.199951171875</t>
  </si>
  <si>
    <t>0.027395419958208933</t>
  </si>
  <si>
    <t>40598</t>
  </si>
  <si>
    <t>0.03818474569163044</t>
  </si>
  <si>
    <t>38334</t>
  </si>
  <si>
    <t>1263.0001220703125</t>
  </si>
  <si>
    <t>-0.05738157346231354</t>
  </si>
  <si>
    <t>789.699951171875</t>
  </si>
  <si>
    <t>0.016326576447262653</t>
  </si>
  <si>
    <t>37796</t>
  </si>
  <si>
    <t>817.0</t>
  </si>
  <si>
    <t>-0.0304605303751444</t>
  </si>
  <si>
    <t>39105</t>
  </si>
  <si>
    <t>902.2999877929688</t>
  </si>
  <si>
    <t>0.03404705913319539</t>
  </si>
  <si>
    <t>41633</t>
  </si>
  <si>
    <t>1000.2001342773438</t>
  </si>
  <si>
    <t>0.06264278597267037</t>
  </si>
  <si>
    <t>43452</t>
  </si>
  <si>
    <t>1023.800048828125</t>
  </si>
  <si>
    <t>0.0427637585452576</t>
  </si>
  <si>
    <t>43953</t>
  </si>
  <si>
    <t>913.300048828125</t>
  </si>
  <si>
    <t>0.011464000615781345</t>
  </si>
  <si>
    <t>41256</t>
  </si>
  <si>
    <t>9.5166654586792</t>
  </si>
  <si>
    <t>955.5001220703125</t>
  </si>
  <si>
    <t>-0.06332432443862679</t>
  </si>
  <si>
    <t>42425</t>
  </si>
  <si>
    <t>949.2999877929688</t>
  </si>
  <si>
    <t>0.02794125437163153</t>
  </si>
  <si>
    <t>44634</t>
  </si>
  <si>
    <t>948.199951171875</t>
  </si>
  <si>
    <t>0.0507580893169699</t>
  </si>
  <si>
    <t>45326</t>
  </si>
  <si>
    <t>992.1000366210938</t>
  </si>
  <si>
    <t>0.015384918839478345</t>
  </si>
  <si>
    <t>46835</t>
  </si>
  <si>
    <t>995.699951171875</t>
  </si>
  <si>
    <t>0.03274996738435654</t>
  </si>
  <si>
    <t>46635</t>
  </si>
  <si>
    <t>-0.0042794544822672975</t>
  </si>
  <si>
    <t>849.1000366210938</t>
  </si>
  <si>
    <t>-0.013601245944503404</t>
  </si>
  <si>
    <t>46718</t>
  </si>
  <si>
    <t>1001.5</t>
  </si>
  <si>
    <t>0.015379443150171923</t>
  </si>
  <si>
    <t>46977</t>
  </si>
  <si>
    <t>1139.2000732421875</t>
  </si>
  <si>
    <t>0.005528590846919812</t>
  </si>
  <si>
    <t>47266</t>
  </si>
  <si>
    <t>784.0999755859375</t>
  </si>
  <si>
    <t>0.00613310072667872</t>
  </si>
  <si>
    <t>47859</t>
  </si>
  <si>
    <t>921.300048828125</t>
  </si>
  <si>
    <t>0.012467967028875648</t>
  </si>
  <si>
    <t>48108</t>
  </si>
  <si>
    <t>995.2999877929688</t>
  </si>
  <si>
    <t>0.005189295461400789</t>
  </si>
  <si>
    <t>49578</t>
  </si>
  <si>
    <t>1004.1000366210938</t>
  </si>
  <si>
    <t>0.030098703498731894</t>
  </si>
  <si>
    <t>885.4000244140625</t>
  </si>
  <si>
    <t>0.010054571594258377</t>
  </si>
  <si>
    <t>668</t>
  </si>
  <si>
    <t>32065</t>
  </si>
  <si>
    <t>8.624999046325684</t>
  </si>
  <si>
    <t>653.199951171875</t>
  </si>
  <si>
    <t>155.13906860351562</t>
  </si>
  <si>
    <t>Kronach</t>
  </si>
  <si>
    <t>33451</t>
  </si>
  <si>
    <t>7.475000381469727</t>
  </si>
  <si>
    <t>0.042316588892772344</t>
  </si>
  <si>
    <t>33828</t>
  </si>
  <si>
    <t>0.011207180426376695</t>
  </si>
  <si>
    <t>7.75</t>
  </si>
  <si>
    <t>778.300048828125</t>
  </si>
  <si>
    <t>-0.016602715232789222</t>
  </si>
  <si>
    <t>33941</t>
  </si>
  <si>
    <t>8.566666603088379</t>
  </si>
  <si>
    <t>802.39990234375</t>
  </si>
  <si>
    <t>0.019937576444421623</t>
  </si>
  <si>
    <t>7.758334636688232</t>
  </si>
  <si>
    <t>698.7000122070312</t>
  </si>
  <si>
    <t>0.012182059346091734</t>
  </si>
  <si>
    <t>34535</t>
  </si>
  <si>
    <t>6.208333492279053</t>
  </si>
  <si>
    <t>634.1000366210938</t>
  </si>
  <si>
    <t>0.005167520063237063</t>
  </si>
  <si>
    <t>659.60009765625</t>
  </si>
  <si>
    <t>0.016341781551883372</t>
  </si>
  <si>
    <t>35807</t>
  </si>
  <si>
    <t>0.01982832092645026</t>
  </si>
  <si>
    <t>36461</t>
  </si>
  <si>
    <t>698.300048828125</t>
  </si>
  <si>
    <t>0.01809979117273386</t>
  </si>
  <si>
    <t>37473</t>
  </si>
  <si>
    <t>685.0</t>
  </si>
  <si>
    <t>0.027377477459877397</t>
  </si>
  <si>
    <t>38126</t>
  </si>
  <si>
    <t>774.2999877929688</t>
  </si>
  <si>
    <t>0.01727579043990346</t>
  </si>
  <si>
    <t>990.0000610351562</t>
  </si>
  <si>
    <t>0.048457877245363434</t>
  </si>
  <si>
    <t>36595</t>
  </si>
  <si>
    <t>530.0</t>
  </si>
  <si>
    <t>-0.08944272228395711</t>
  </si>
  <si>
    <t>39210</t>
  </si>
  <si>
    <t>684.0</t>
  </si>
  <si>
    <t>0.06902019725104935</t>
  </si>
  <si>
    <t>38897</t>
  </si>
  <si>
    <t>640.60009765625</t>
  </si>
  <si>
    <t>-0.008014689476425474</t>
  </si>
  <si>
    <t>699.2999877929688</t>
  </si>
  <si>
    <t>0.07936811534602128</t>
  </si>
  <si>
    <t>42956</t>
  </si>
  <si>
    <t>9.024999618530273</t>
  </si>
  <si>
    <t>850.4000244140625</t>
  </si>
  <si>
    <t>0.0198910938221335</t>
  </si>
  <si>
    <t>40883</t>
  </si>
  <si>
    <t>-0.04946200727451533</t>
  </si>
  <si>
    <t>38910</t>
  </si>
  <si>
    <t>8.391666412353516</t>
  </si>
  <si>
    <t>775.0</t>
  </si>
  <si>
    <t>-0.04946304172499261</t>
  </si>
  <si>
    <t>40596</t>
  </si>
  <si>
    <t>7.5916666984558105</t>
  </si>
  <si>
    <t>788.7000122070312</t>
  </si>
  <si>
    <t>0.04241825259011023</t>
  </si>
  <si>
    <t>43054</t>
  </si>
  <si>
    <t>668.699951171875</t>
  </si>
  <si>
    <t>0.05878560218568296</t>
  </si>
  <si>
    <t>42050</t>
  </si>
  <si>
    <t>8.383332252502441</t>
  </si>
  <si>
    <t>652.199951171875</t>
  </si>
  <si>
    <t>-0.023595755353298387</t>
  </si>
  <si>
    <t>41277</t>
  </si>
  <si>
    <t>715.9000854492188</t>
  </si>
  <si>
    <t>-0.018553942305167936</t>
  </si>
  <si>
    <t>0.05089105248936043</t>
  </si>
  <si>
    <t>43656</t>
  </si>
  <si>
    <t>582.7000122070312</t>
  </si>
  <si>
    <t>0.005144233280780952</t>
  </si>
  <si>
    <t>43205</t>
  </si>
  <si>
    <t>-0.01038450059056828</t>
  </si>
  <si>
    <t>43372</t>
  </si>
  <si>
    <t>9.441667556762695</t>
  </si>
  <si>
    <t>790.5</t>
  </si>
  <si>
    <t>0.003857842316573823</t>
  </si>
  <si>
    <t>0.017710902961439956</t>
  </si>
  <si>
    <t>44435</t>
  </si>
  <si>
    <t>561.800048828125</t>
  </si>
  <si>
    <t>0.0065024726190632265</t>
  </si>
  <si>
    <t>41774</t>
  </si>
  <si>
    <t>9.433334350585938</t>
  </si>
  <si>
    <t>713.7999877929688</t>
  </si>
  <si>
    <t>-0.06175331075731272</t>
  </si>
  <si>
    <t>43050</t>
  </si>
  <si>
    <t>0.030088094440612778</t>
  </si>
  <si>
    <t>43485</t>
  </si>
  <si>
    <t>592.1000366210938</t>
  </si>
  <si>
    <t>0.010053820167989613</t>
  </si>
  <si>
    <t>671</t>
  </si>
  <si>
    <t>17742</t>
  </si>
  <si>
    <t>495.3999938964844</t>
  </si>
  <si>
    <t>127.5177230834961</t>
  </si>
  <si>
    <t>KyffhÔøΩuserkreis</t>
  </si>
  <si>
    <t>18509</t>
  </si>
  <si>
    <t>408.20001220703125</t>
  </si>
  <si>
    <t>0.04232239017618511</t>
  </si>
  <si>
    <t>18718</t>
  </si>
  <si>
    <t>0.011228527460485083</t>
  </si>
  <si>
    <t>18409</t>
  </si>
  <si>
    <t>8.725000381469727</t>
  </si>
  <si>
    <t>593.7999877929688</t>
  </si>
  <si>
    <t>-0.016645952270639697</t>
  </si>
  <si>
    <t>18780</t>
  </si>
  <si>
    <t>628.2999877929688</t>
  </si>
  <si>
    <t>0.019952798315690856</t>
  </si>
  <si>
    <t>531.7999877929688</t>
  </si>
  <si>
    <t>0.012172682720221317</t>
  </si>
  <si>
    <t>7.149999141693115</t>
  </si>
  <si>
    <t>492.8000183105469</t>
  </si>
  <si>
    <t>0.0051942717588975285</t>
  </si>
  <si>
    <t>19424</t>
  </si>
  <si>
    <t>512.4000244140625</t>
  </si>
  <si>
    <t>0.016349986617852252</t>
  </si>
  <si>
    <t>19813</t>
  </si>
  <si>
    <t>9.2666654586792</t>
  </si>
  <si>
    <t>592.9000244140625</t>
  </si>
  <si>
    <t>0.01982887303503489</t>
  </si>
  <si>
    <t>20174</t>
  </si>
  <si>
    <t>534.8999633789062</t>
  </si>
  <si>
    <t>0.01805635872052136</t>
  </si>
  <si>
    <t>20735</t>
  </si>
  <si>
    <t>514.9000854492188</t>
  </si>
  <si>
    <t>0.027428447065700468</t>
  </si>
  <si>
    <t>20105</t>
  </si>
  <si>
    <t>589.8999633789062</t>
  </si>
  <si>
    <t>-0.030854553349106695</t>
  </si>
  <si>
    <t>20136</t>
  </si>
  <si>
    <t>740.5</t>
  </si>
  <si>
    <t>0.0015407174837775983</t>
  </si>
  <si>
    <t>20111</t>
  </si>
  <si>
    <t>407.20001220703125</t>
  </si>
  <si>
    <t>-0.0012423287805489736</t>
  </si>
  <si>
    <t>20825</t>
  </si>
  <si>
    <t>538.800048828125</t>
  </si>
  <si>
    <t>0.034887259000440096</t>
  </si>
  <si>
    <t>20477</t>
  </si>
  <si>
    <t>486.0</t>
  </si>
  <si>
    <t>-0.01685188298648299</t>
  </si>
  <si>
    <t>21185</t>
  </si>
  <si>
    <t>532.0999755859375</t>
  </si>
  <si>
    <t>0.033991079012098524</t>
  </si>
  <si>
    <t>22705</t>
  </si>
  <si>
    <t>675.5</t>
  </si>
  <si>
    <t>0.06929178047139217</t>
  </si>
  <si>
    <t>24039</t>
  </si>
  <si>
    <t>491.5999755859375</t>
  </si>
  <si>
    <t>0.05709234691413023</t>
  </si>
  <si>
    <t>586.1000366210938</t>
  </si>
  <si>
    <t>-0.041881598646584806</t>
  </si>
  <si>
    <t>24520</t>
  </si>
  <si>
    <t>599.2999877929688</t>
  </si>
  <si>
    <t>0.06169319825055197</t>
  </si>
  <si>
    <t>26194</t>
  </si>
  <si>
    <t>498.70001220703125</t>
  </si>
  <si>
    <t>0.06604126583919978</t>
  </si>
  <si>
    <t>26513</t>
  </si>
  <si>
    <t>496.1999816894531</t>
  </si>
  <si>
    <t>0.01210480183452134</t>
  </si>
  <si>
    <t>554.4000244140625</t>
  </si>
  <si>
    <t>0.034658126814417045</t>
  </si>
  <si>
    <t>28743</t>
  </si>
  <si>
    <t>562.3001098632812</t>
  </si>
  <si>
    <t>0.04610095378069623</t>
  </si>
  <si>
    <t>28430</t>
  </si>
  <si>
    <t>458.8999938964844</t>
  </si>
  <si>
    <t>-0.010949333673936579</t>
  </si>
  <si>
    <t>28744</t>
  </si>
  <si>
    <t>489.8000183105469</t>
  </si>
  <si>
    <t>0.010984124148308183</t>
  </si>
  <si>
    <t>30089</t>
  </si>
  <si>
    <t>622.0</t>
  </si>
  <si>
    <t>0.04573060664605144</t>
  </si>
  <si>
    <t>376.00006103515625</t>
  </si>
  <si>
    <t>-0.0003324026090965049</t>
  </si>
  <si>
    <t>30264</t>
  </si>
  <si>
    <t>432.8999938964844</t>
  </si>
  <si>
    <t>0.006131633482555188</t>
  </si>
  <si>
    <t>29706</t>
  </si>
  <si>
    <t>518.7000732421875</t>
  </si>
  <si>
    <t>-0.018609841723385756</t>
  </si>
  <si>
    <t>30614</t>
  </si>
  <si>
    <t>596.4000244140625</t>
  </si>
  <si>
    <t>0.030108375062173565</t>
  </si>
  <si>
    <t>30923</t>
  </si>
  <si>
    <t>426.70001220703125</t>
  </si>
  <si>
    <t>0.010042822922686767</t>
  </si>
  <si>
    <t>673</t>
  </si>
  <si>
    <t>33899</t>
  </si>
  <si>
    <t>230.2538604736328</t>
  </si>
  <si>
    <t>Lahn-Dill-Kreis</t>
  </si>
  <si>
    <t>35364</t>
  </si>
  <si>
    <t>561.0</t>
  </si>
  <si>
    <t>0.04230883811731623</t>
  </si>
  <si>
    <t>797.8999633789062</t>
  </si>
  <si>
    <t>0.01124744732951477</t>
  </si>
  <si>
    <t>35174</t>
  </si>
  <si>
    <t>-0.01663462755890066</t>
  </si>
  <si>
    <t>35883</t>
  </si>
  <si>
    <t>779.300048828125</t>
  </si>
  <si>
    <t>0.019956472421265303</t>
  </si>
  <si>
    <t>36322</t>
  </si>
  <si>
    <t>0.012159972560869647</t>
  </si>
  <si>
    <t>36511</t>
  </si>
  <si>
    <t>606.5</t>
  </si>
  <si>
    <t>0.005189966752377373</t>
  </si>
  <si>
    <t>37112</t>
  </si>
  <si>
    <t>0.016326782400758688</t>
  </si>
  <si>
    <t>37855</t>
  </si>
  <si>
    <t>832.4000244140625</t>
  </si>
  <si>
    <t>0.019822704105827427</t>
  </si>
  <si>
    <t>38547</t>
  </si>
  <si>
    <t>810.199951171875</t>
  </si>
  <si>
    <t>0.01811520441418324</t>
  </si>
  <si>
    <t>39617</t>
  </si>
  <si>
    <t>925.6000366210938</t>
  </si>
  <si>
    <t>0.027380043100428963</t>
  </si>
  <si>
    <t>38896</t>
  </si>
  <si>
    <t>-0.018366901496115418</t>
  </si>
  <si>
    <t>38712</t>
  </si>
  <si>
    <t>968.2999877929688</t>
  </si>
  <si>
    <t>-0.004741788082748499</t>
  </si>
  <si>
    <t>39339</t>
  </si>
  <si>
    <t>615.3999633789062</t>
  </si>
  <si>
    <t>0.016066763726378497</t>
  </si>
  <si>
    <t>41487</t>
  </si>
  <si>
    <t>661.2999877929688</t>
  </si>
  <si>
    <t>0.05316373193323365</t>
  </si>
  <si>
    <t>41942</t>
  </si>
  <si>
    <t>648.60009765625</t>
  </si>
  <si>
    <t>0.010907586358296584</t>
  </si>
  <si>
    <t>43660</t>
  </si>
  <si>
    <t>824.2999877929688</t>
  </si>
  <si>
    <t>0.04014463961287085</t>
  </si>
  <si>
    <t>45456</t>
  </si>
  <si>
    <t>848.0000610351562</t>
  </si>
  <si>
    <t>0.0403124739900349</t>
  </si>
  <si>
    <t>0.031379454466081924</t>
  </si>
  <si>
    <t>41525</t>
  </si>
  <si>
    <t>749.800048828125</t>
  </si>
  <si>
    <t>-0.12182862407855666</t>
  </si>
  <si>
    <t>42407</t>
  </si>
  <si>
    <t>8.208333969116211</t>
  </si>
  <si>
    <t>843.5999755859375</t>
  </si>
  <si>
    <t>0.02101778745160665</t>
  </si>
  <si>
    <t>45630</t>
  </si>
  <si>
    <t>727.800048828125</t>
  </si>
  <si>
    <t>0.07325195198834678</t>
  </si>
  <si>
    <t>44664</t>
  </si>
  <si>
    <t>-0.021397586931252377</t>
  </si>
  <si>
    <t>43904</t>
  </si>
  <si>
    <t>757.699951171875</t>
  </si>
  <si>
    <t>-0.01716237590463976</t>
  </si>
  <si>
    <t>44834</t>
  </si>
  <si>
    <t>826.0999755859375</t>
  </si>
  <si>
    <t>0.02096134804828509</t>
  </si>
  <si>
    <t>678.0000610351562</t>
  </si>
  <si>
    <t>0.012435186672016485</t>
  </si>
  <si>
    <t>45483</t>
  </si>
  <si>
    <t>754.7999877929688</t>
  </si>
  <si>
    <t>0.0019366629438337668</t>
  </si>
  <si>
    <t>45694</t>
  </si>
  <si>
    <t>811.10009765625</t>
  </si>
  <si>
    <t>0.004628368484736356</t>
  </si>
  <si>
    <t>46297</t>
  </si>
  <si>
    <t>605.300048828125</t>
  </si>
  <si>
    <t>0.013110165924208772</t>
  </si>
  <si>
    <t>46755</t>
  </si>
  <si>
    <t>694.9000244140625</t>
  </si>
  <si>
    <t>0.009844037710911024</t>
  </si>
  <si>
    <t>44365</t>
  </si>
  <si>
    <t>722.4000244140625</t>
  </si>
  <si>
    <t>-0.0524703316001105</t>
  </si>
  <si>
    <t>45721</t>
  </si>
  <si>
    <t>0.03010684066608249</t>
  </si>
  <si>
    <t>692.7999877929688</t>
  </si>
  <si>
    <t>0.010054054050476324</t>
  </si>
  <si>
    <t>675</t>
  </si>
  <si>
    <t>22641</t>
  </si>
  <si>
    <t>9.878369331359863</t>
  </si>
  <si>
    <t>622.4442749023438</t>
  </si>
  <si>
    <t>411.1189880371094</t>
  </si>
  <si>
    <t>Landkreis Rostock</t>
  </si>
  <si>
    <t>23619</t>
  </si>
  <si>
    <t>8.826964378356934</t>
  </si>
  <si>
    <t>569.740478515625</t>
  </si>
  <si>
    <t>0.04228905089959767</t>
  </si>
  <si>
    <t>23886</t>
  </si>
  <si>
    <t>9.574633598327637</t>
  </si>
  <si>
    <t>585.0747680664062</t>
  </si>
  <si>
    <t>0.011241040375795208</t>
  </si>
  <si>
    <t>8.447013854980469</t>
  </si>
  <si>
    <t>662.7794799804688</t>
  </si>
  <si>
    <t>-0.016632575585962428</t>
  </si>
  <si>
    <t>23965</t>
  </si>
  <si>
    <t>9.11383056640625</t>
  </si>
  <si>
    <t>691.0162353515625</t>
  </si>
  <si>
    <t>0.019934494951321824</t>
  </si>
  <si>
    <t>24259</t>
  </si>
  <si>
    <t>8.710005760192871</t>
  </si>
  <si>
    <t>512.618408203125</t>
  </si>
  <si>
    <t>0.012193249939320694</t>
  </si>
  <si>
    <t>24385</t>
  </si>
  <si>
    <t>7.505406856536865</t>
  </si>
  <si>
    <t>447.54974365234375</t>
  </si>
  <si>
    <t>0.00518050661110081</t>
  </si>
  <si>
    <t>9.401811599731445</t>
  </si>
  <si>
    <t>582.2735595703125</t>
  </si>
  <si>
    <t>0.01631078848066636</t>
  </si>
  <si>
    <t>25283</t>
  </si>
  <si>
    <t>8.861361503601074</t>
  </si>
  <si>
    <t>738.6665649414062</t>
  </si>
  <si>
    <t>0.019853255481217857</t>
  </si>
  <si>
    <t>25744</t>
  </si>
  <si>
    <t>9.658671379089355</t>
  </si>
  <si>
    <t>650.2859497070312</t>
  </si>
  <si>
    <t>0.018069357126128338</t>
  </si>
  <si>
    <t>26459</t>
  </si>
  <si>
    <t>9.969905853271484</t>
  </si>
  <si>
    <t>586.4912719726562</t>
  </si>
  <si>
    <t>0.027394774827676827</t>
  </si>
  <si>
    <t>26463</t>
  </si>
  <si>
    <t>8.943489074707031</t>
  </si>
  <si>
    <t>662.9410400390625</t>
  </si>
  <si>
    <t>0.00015116586703456392</t>
  </si>
  <si>
    <t>26222</t>
  </si>
  <si>
    <t>9.4196138381958</t>
  </si>
  <si>
    <t>721.6041870117188</t>
  </si>
  <si>
    <t>-0.0091487778675301</t>
  </si>
  <si>
    <t>9.146954536437988</t>
  </si>
  <si>
    <t>516.8400268554688</t>
  </si>
  <si>
    <t>-0.02377205405322158</t>
  </si>
  <si>
    <t>9.536421775817871</t>
  </si>
  <si>
    <t>607.9266357421875</t>
  </si>
  <si>
    <t>-0.0064646531485124115</t>
  </si>
  <si>
    <t>25578</t>
  </si>
  <si>
    <t>8.8701753616333</t>
  </si>
  <si>
    <t>509.8515930175781</t>
  </si>
  <si>
    <t>0.005370561135652707</t>
  </si>
  <si>
    <t>26298</t>
  </si>
  <si>
    <t>10.38543701171875</t>
  </si>
  <si>
    <t>654.5831298828125</t>
  </si>
  <si>
    <t>0.02776028365359906</t>
  </si>
  <si>
    <t>27334</t>
  </si>
  <si>
    <t>9.94285774230957</t>
  </si>
  <si>
    <t>740.6317138671875</t>
  </si>
  <si>
    <t>0.038638457877882004</t>
  </si>
  <si>
    <t>28531</t>
  </si>
  <si>
    <t>9.722704887390137</t>
  </si>
  <si>
    <t>553.5805053710938</t>
  </si>
  <si>
    <t>0.042859866892227316</t>
  </si>
  <si>
    <t>27935</t>
  </si>
  <si>
    <t>9.066805839538574</t>
  </si>
  <si>
    <t>584.7639770507812</t>
  </si>
  <si>
    <t>-0.02111083252372481</t>
  </si>
  <si>
    <t>29468</t>
  </si>
  <si>
    <t>8.116510391235352</t>
  </si>
  <si>
    <t>678.5767211914062</t>
  </si>
  <si>
    <t>0.053424545909456</t>
  </si>
  <si>
    <t>9.865377426147461</t>
  </si>
  <si>
    <t>704.03515625</t>
  </si>
  <si>
    <t>0.12123092554777593</t>
  </si>
  <si>
    <t>31445</t>
  </si>
  <si>
    <t>8.940728187561035</t>
  </si>
  <si>
    <t>585.9121704101562</t>
  </si>
  <si>
    <t>-0.05629586637287609</t>
  </si>
  <si>
    <t>31893</t>
  </si>
  <si>
    <t>9.24855899810791</t>
  </si>
  <si>
    <t>550.8704833984375</t>
  </si>
  <si>
    <t>0.014146561979110572</t>
  </si>
  <si>
    <t>32198</t>
  </si>
  <si>
    <t>10.855698585510254</t>
  </si>
  <si>
    <t>632.2767944335938</t>
  </si>
  <si>
    <t>0.009517788845524677</t>
  </si>
  <si>
    <t>9.678449630737305</t>
  </si>
  <si>
    <t>576.1785278320312</t>
  </si>
  <si>
    <t>-0.007481798102906723</t>
  </si>
  <si>
    <t>32326</t>
  </si>
  <si>
    <t>9.830276489257812</t>
  </si>
  <si>
    <t>511.3301086425781</t>
  </si>
  <si>
    <t>0.011449319270420588</t>
  </si>
  <si>
    <t>34857</t>
  </si>
  <si>
    <t>9.815598487854004</t>
  </si>
  <si>
    <t>789.8938598632812</t>
  </si>
  <si>
    <t>0.07538211788121707</t>
  </si>
  <si>
    <t>34142</t>
  </si>
  <si>
    <t>10.146169662475586</t>
  </si>
  <si>
    <t>413.53076171875</t>
  </si>
  <si>
    <t>-0.020725679910272632</t>
  </si>
  <si>
    <t>35818</t>
  </si>
  <si>
    <t>10.65245532989502</t>
  </si>
  <si>
    <t>569.9832763671875</t>
  </si>
  <si>
    <t>0.047922262385986514</t>
  </si>
  <si>
    <t>34863</t>
  </si>
  <si>
    <t>10.410717964172363</t>
  </si>
  <si>
    <t>559.3660278320312</t>
  </si>
  <si>
    <t>-0.027024465435701472</t>
  </si>
  <si>
    <t>35928</t>
  </si>
  <si>
    <t>9.842846870422363</t>
  </si>
  <si>
    <t>601.8418579101562</t>
  </si>
  <si>
    <t>0.030090840876590974</t>
  </si>
  <si>
    <t>36291</t>
  </si>
  <si>
    <t>10.356550216674805</t>
  </si>
  <si>
    <t>519.1373901367188</t>
  </si>
  <si>
    <t>0.010052840860383938</t>
  </si>
  <si>
    <t>677</t>
  </si>
  <si>
    <t>829.6000366210938</t>
  </si>
  <si>
    <t>159.9328155517578</t>
  </si>
  <si>
    <t>Landshut, Landkreis</t>
  </si>
  <si>
    <t>34266</t>
  </si>
  <si>
    <t>665.0999145507812</t>
  </si>
  <si>
    <t>0.04232363699541253</t>
  </si>
  <si>
    <t>34653</t>
  </si>
  <si>
    <t>9.833331108093262</t>
  </si>
  <si>
    <t>0.011230693063872366</t>
  </si>
  <si>
    <t>34082</t>
  </si>
  <si>
    <t>854.7999267578125</t>
  </si>
  <si>
    <t>-0.016614916289451997</t>
  </si>
  <si>
    <t>34769</t>
  </si>
  <si>
    <t>804.7999877929688</t>
  </si>
  <si>
    <t>0.019956799495325583</t>
  </si>
  <si>
    <t>811.1000366210938</t>
  </si>
  <si>
    <t>0.012149428349042424</t>
  </si>
  <si>
    <t>35377</t>
  </si>
  <si>
    <t>700.2999877929688</t>
  </si>
  <si>
    <t>0.005186277938143746</t>
  </si>
  <si>
    <t>35960</t>
  </si>
  <si>
    <t>671.3999633789062</t>
  </si>
  <si>
    <t>0.01634531813570561</t>
  </si>
  <si>
    <t>36680</t>
  </si>
  <si>
    <t>0.019824437784844662</t>
  </si>
  <si>
    <t>0.018074490070425497</t>
  </si>
  <si>
    <t>872.7000732421875</t>
  </si>
  <si>
    <t>0.027412723150158413</t>
  </si>
  <si>
    <t>37237</t>
  </si>
  <si>
    <t>9.149998664855957</t>
  </si>
  <si>
    <t>818.7999877929688</t>
  </si>
  <si>
    <t>-0.030415969984199265</t>
  </si>
  <si>
    <t>39269</t>
  </si>
  <si>
    <t>1009.5000610351562</t>
  </si>
  <si>
    <t>0.05313251290969134</t>
  </si>
  <si>
    <t>36119</t>
  </si>
  <si>
    <t>9.44999885559082</t>
  </si>
  <si>
    <t>593.5999755859375</t>
  </si>
  <si>
    <t>-0.08361636086160651</t>
  </si>
  <si>
    <t>643.7000122070312</t>
  </si>
  <si>
    <t>-0.022426293681800047</t>
  </si>
  <si>
    <t>37160</t>
  </si>
  <si>
    <t>8.375</t>
  </si>
  <si>
    <t>0.050840164954705</t>
  </si>
  <si>
    <t>799.7999877929688</t>
  </si>
  <si>
    <t>0.05405589040329417</t>
  </si>
  <si>
    <t>41921</t>
  </si>
  <si>
    <t>817.6000366210938</t>
  </si>
  <si>
    <t>0.06649809034116139</t>
  </si>
  <si>
    <t>44371</t>
  </si>
  <si>
    <t>0.05679920819748574</t>
  </si>
  <si>
    <t>43490</t>
  </si>
  <si>
    <t>784.6000366210938</t>
  </si>
  <si>
    <t>-0.020055076278032047</t>
  </si>
  <si>
    <t>47041</t>
  </si>
  <si>
    <t>8.650001525878906</t>
  </si>
  <si>
    <t>820.2999877929688</t>
  </si>
  <si>
    <t>0.07848853525826627</t>
  </si>
  <si>
    <t>48766</t>
  </si>
  <si>
    <t>774.0000610351562</t>
  </si>
  <si>
    <t>0.03601378685672607</t>
  </si>
  <si>
    <t>46314</t>
  </si>
  <si>
    <t>-0.05158905752876741</t>
  </si>
  <si>
    <t>46753</t>
  </si>
  <si>
    <t>0.009434133603040351</t>
  </si>
  <si>
    <t>10.274999618530273</t>
  </si>
  <si>
    <t>746.2999877929688</t>
  </si>
  <si>
    <t>0.015956543859900307</t>
  </si>
  <si>
    <t>45482</t>
  </si>
  <si>
    <t>638.3999633789062</t>
  </si>
  <si>
    <t>-0.043518325369475974</t>
  </si>
  <si>
    <t>48057</t>
  </si>
  <si>
    <t>819.2000122070312</t>
  </si>
  <si>
    <t>0.055071163098219245</t>
  </si>
  <si>
    <t>48422</t>
  </si>
  <si>
    <t>864.0001220703125</t>
  </si>
  <si>
    <t>0.007566449515184814</t>
  </si>
  <si>
    <t>49999</t>
  </si>
  <si>
    <t>666.9000244140625</t>
  </si>
  <si>
    <t>0.03204874932550261</t>
  </si>
  <si>
    <t>683.0</t>
  </si>
  <si>
    <t>-0.006823362282005974</t>
  </si>
  <si>
    <t>50580</t>
  </si>
  <si>
    <t>814.4000854492188</t>
  </si>
  <si>
    <t>0.01837659829568139</t>
  </si>
  <si>
    <t>52125</t>
  </si>
  <si>
    <t>795.9999389648438</t>
  </si>
  <si>
    <t>0.030088438877147183</t>
  </si>
  <si>
    <t>52652</t>
  </si>
  <si>
    <t>702.4000244140625</t>
  </si>
  <si>
    <t>0.010059544444194657</t>
  </si>
  <si>
    <t>678</t>
  </si>
  <si>
    <t>10.364729881286621</t>
  </si>
  <si>
    <t>759.5894775390625</t>
  </si>
  <si>
    <t>303.13592529296875</t>
  </si>
  <si>
    <t>Leer</t>
  </si>
  <si>
    <t>9.217704772949219</t>
  </si>
  <si>
    <t>620.75537109375</t>
  </si>
  <si>
    <t>0.04231318251172844</t>
  </si>
  <si>
    <t>26581</t>
  </si>
  <si>
    <t>10.321577072143555</t>
  </si>
  <si>
    <t>844.6045532226562</t>
  </si>
  <si>
    <t>0.011198240578373486</t>
  </si>
  <si>
    <t>26143</t>
  </si>
  <si>
    <t>9.176486015319824</t>
  </si>
  <si>
    <t>900.3482666015625</t>
  </si>
  <si>
    <t>-0.016615206597732524</t>
  </si>
  <si>
    <t>10.017704010009766</t>
  </si>
  <si>
    <t>963.72900390625</t>
  </si>
  <si>
    <t>0.01995786994187121</t>
  </si>
  <si>
    <t>26997</t>
  </si>
  <si>
    <t>9.33243465423584</t>
  </si>
  <si>
    <t>745.7009887695312</t>
  </si>
  <si>
    <t>0.012186410525997005</t>
  </si>
  <si>
    <t>7.872165203094482</t>
  </si>
  <si>
    <t>581.3317260742188</t>
  </si>
  <si>
    <t>0.005172361625669808</t>
  </si>
  <si>
    <t>27584</t>
  </si>
  <si>
    <t>10.0706787109375</t>
  </si>
  <si>
    <t>737.2651977539062</t>
  </si>
  <si>
    <t>0.016337784135691535</t>
  </si>
  <si>
    <t>9.890180587768555</t>
  </si>
  <si>
    <t>1029.273681640625</t>
  </si>
  <si>
    <t>0.01981400069039907</t>
  </si>
  <si>
    <t>28650</t>
  </si>
  <si>
    <t>10.381396293640137</t>
  </si>
  <si>
    <t>801.8218383789062</t>
  </si>
  <si>
    <t>0.018103547989067437</t>
  </si>
  <si>
    <t>29446</t>
  </si>
  <si>
    <t>10.566527366638184</t>
  </si>
  <si>
    <t>807.0975341796875</t>
  </si>
  <si>
    <t>0.027404634282468976</t>
  </si>
  <si>
    <t>30903</t>
  </si>
  <si>
    <t>9.873652458190918</t>
  </si>
  <si>
    <t>865.4315795898438</t>
  </si>
  <si>
    <t>0.048295189126449145</t>
  </si>
  <si>
    <t>29601</t>
  </si>
  <si>
    <t>10.117255210876465</t>
  </si>
  <si>
    <t>933.9110717773438</t>
  </si>
  <si>
    <t>-0.04304512202652688</t>
  </si>
  <si>
    <t>10.00788402557373</t>
  </si>
  <si>
    <t>650.0009155273438</t>
  </si>
  <si>
    <t>-0.0359760924263135</t>
  </si>
  <si>
    <t>29235</t>
  </si>
  <si>
    <t>10.087793350219727</t>
  </si>
  <si>
    <t>812.1712646484375</t>
  </si>
  <si>
    <t>0.023534569510808012</t>
  </si>
  <si>
    <t>30465</t>
  </si>
  <si>
    <t>9.54671573638916</t>
  </si>
  <si>
    <t>738.1984252929688</t>
  </si>
  <si>
    <t>0.041211862072824346</t>
  </si>
  <si>
    <t>11.026935577392578</t>
  </si>
  <si>
    <t>786.3764038085938</t>
  </si>
  <si>
    <t>0.03398032749942104</t>
  </si>
  <si>
    <t>34136</t>
  </si>
  <si>
    <t>10.696578025817871</t>
  </si>
  <si>
    <t>939.4269409179688</t>
  </si>
  <si>
    <t>0.07979373468582018</t>
  </si>
  <si>
    <t>10.005358695983887</t>
  </si>
  <si>
    <t>759.0753173828125</t>
  </si>
  <si>
    <t>-0.04202990482987268</t>
  </si>
  <si>
    <t>32615</t>
  </si>
  <si>
    <t>9.855948448181152</t>
  </si>
  <si>
    <t>764.8737182617188</t>
  </si>
  <si>
    <t>-0.003550335807767979</t>
  </si>
  <si>
    <t>9.05684757232666</t>
  </si>
  <si>
    <t>808.1563110351562</t>
  </si>
  <si>
    <t>0.014700552348692497</t>
  </si>
  <si>
    <t>33918</t>
  </si>
  <si>
    <t>10.494641304016113</t>
  </si>
  <si>
    <t>797.8998413085938</t>
  </si>
  <si>
    <t>0.024472989324456407</t>
  </si>
  <si>
    <t>9.703872680664062</t>
  </si>
  <si>
    <t>725.3764038085938</t>
  </si>
  <si>
    <t>0.00223819153395155</t>
  </si>
  <si>
    <t>35494</t>
  </si>
  <si>
    <t>9.684821128845215</t>
  </si>
  <si>
    <t>711.8071899414062</t>
  </si>
  <si>
    <t>0.04317962965721378</t>
  </si>
  <si>
    <t>35363</t>
  </si>
  <si>
    <t>11.287654876708984</t>
  </si>
  <si>
    <t>775.0104370117188</t>
  </si>
  <si>
    <t>-0.0036975923128181876</t>
  </si>
  <si>
    <t>35110</t>
  </si>
  <si>
    <t>10.523512840270996</t>
  </si>
  <si>
    <t>802.452392578125</t>
  </si>
  <si>
    <t>-0.007180085619214793</t>
  </si>
  <si>
    <t>33838</t>
  </si>
  <si>
    <t>10.30684757232666</t>
  </si>
  <si>
    <t>702.84814453125</t>
  </si>
  <si>
    <t>-0.036901558843736026</t>
  </si>
  <si>
    <t>34962</t>
  </si>
  <si>
    <t>10.772614479064941</t>
  </si>
  <si>
    <t>964.4412231445312</t>
  </si>
  <si>
    <t>0.03267732605238827</t>
  </si>
  <si>
    <t>34527</t>
  </si>
  <si>
    <t>10.92143726348877</t>
  </si>
  <si>
    <t>544.8724975585938</t>
  </si>
  <si>
    <t>-0.012520130734529289</t>
  </si>
  <si>
    <t>35332</t>
  </si>
  <si>
    <t>11.362065315246582</t>
  </si>
  <si>
    <t>765.08837890625</t>
  </si>
  <si>
    <t>0.02304744222842281</t>
  </si>
  <si>
    <t>34110</t>
  </si>
  <si>
    <t>11.043152809143066</t>
  </si>
  <si>
    <t>708.5437622070312</t>
  </si>
  <si>
    <t>-0.035198472452330876</t>
  </si>
  <si>
    <t>35152</t>
  </si>
  <si>
    <t>10.320090293884277</t>
  </si>
  <si>
    <t>772.2634887695312</t>
  </si>
  <si>
    <t>0.03009091921170004</t>
  </si>
  <si>
    <t>35507</t>
  </si>
  <si>
    <t>11.244640350341797</t>
  </si>
  <si>
    <t>716.7219848632812</t>
  </si>
  <si>
    <t>0.0100483444996744</t>
  </si>
  <si>
    <t>679</t>
  </si>
  <si>
    <t>19034</t>
  </si>
  <si>
    <t>10.097474098205566</t>
  </si>
  <si>
    <t>504.7371826171875</t>
  </si>
  <si>
    <t>612.1640014648438</t>
  </si>
  <si>
    <t>Leipzig</t>
  </si>
  <si>
    <t>19857</t>
  </si>
  <si>
    <t>8.91978931427002</t>
  </si>
  <si>
    <t>421.1237487792969</t>
  </si>
  <si>
    <t>0.042329736154743</t>
  </si>
  <si>
    <t>20081</t>
  </si>
  <si>
    <t>10.088921546936035</t>
  </si>
  <si>
    <t>549.5778198242188</t>
  </si>
  <si>
    <t>0.011217504575427029</t>
  </si>
  <si>
    <t>19750</t>
  </si>
  <si>
    <t>8.962610244750977</t>
  </si>
  <si>
    <t>606.2858276367188</t>
  </si>
  <si>
    <t>-0.016620603033191017</t>
  </si>
  <si>
    <t>20148</t>
  </si>
  <si>
    <t>9.802248001098633</t>
  </si>
  <si>
    <t>614.0169067382812</t>
  </si>
  <si>
    <t>0.01995153653627213</t>
  </si>
  <si>
    <t>20395</t>
  </si>
  <si>
    <t>9.05246639251709</t>
  </si>
  <si>
    <t>516.9664306640625</t>
  </si>
  <si>
    <t>0.012184744886118537</t>
  </si>
  <si>
    <t>7.544132709503174</t>
  </si>
  <si>
    <t>471.1697998046875</t>
  </si>
  <si>
    <t>0.005183892672915746</t>
  </si>
  <si>
    <t>20838</t>
  </si>
  <si>
    <t>9.702685356140137</t>
  </si>
  <si>
    <t>522.4732666015625</t>
  </si>
  <si>
    <t>0.016304577547554544</t>
  </si>
  <si>
    <t>21256</t>
  </si>
  <si>
    <t>9.559208869934082</t>
  </si>
  <si>
    <t>582.9078369140625</t>
  </si>
  <si>
    <t>0.019860965467520586</t>
  </si>
  <si>
    <t>21644</t>
  </si>
  <si>
    <t>9.967978477478027</t>
  </si>
  <si>
    <t>498.9001159667969</t>
  </si>
  <si>
    <t>0.01808907132297577</t>
  </si>
  <si>
    <t>22245</t>
  </si>
  <si>
    <t>10.524502754211426</t>
  </si>
  <si>
    <t>524.9225463867188</t>
  </si>
  <si>
    <t>0.027388984477516587</t>
  </si>
  <si>
    <t>22711</t>
  </si>
  <si>
    <t>9.377903938293457</t>
  </si>
  <si>
    <t>584.6578979492188</t>
  </si>
  <si>
    <t>0.02073212435545102</t>
  </si>
  <si>
    <t>9.746160507202148</t>
  </si>
  <si>
    <t>715.77783203125</t>
  </si>
  <si>
    <t>0.0441013633898244</t>
  </si>
  <si>
    <t>9.643915176391602</t>
  </si>
  <si>
    <t>399.33978271484375</t>
  </si>
  <si>
    <t>0.01836828933607748</t>
  </si>
  <si>
    <t>9.718415260314941</t>
  </si>
  <si>
    <t>539.955078125</t>
  </si>
  <si>
    <t>0.02858444190228404</t>
  </si>
  <si>
    <t>24934</t>
  </si>
  <si>
    <t>8.9644193649292</t>
  </si>
  <si>
    <t>499.78466796875</t>
  </si>
  <si>
    <t>0.0023288506811418586</t>
  </si>
  <si>
    <t>26870</t>
  </si>
  <si>
    <t>10.669788360595703</t>
  </si>
  <si>
    <t>512.9523315429688</t>
  </si>
  <si>
    <t>0.07477808870461544</t>
  </si>
  <si>
    <t>10.365950584411621</t>
  </si>
  <si>
    <t>675.9977416992188</t>
  </si>
  <si>
    <t>0.041158372624320094</t>
  </si>
  <si>
    <t>29485</t>
  </si>
  <si>
    <t>9.81950855255127</t>
  </si>
  <si>
    <t>491.0810241699219</t>
  </si>
  <si>
    <t>0.0517128642007485</t>
  </si>
  <si>
    <t>9.601094245910645</t>
  </si>
  <si>
    <t>570.8558349609375</t>
  </si>
  <si>
    <t>-0.029775885324163198</t>
  </si>
  <si>
    <t>29708</t>
  </si>
  <si>
    <t>8.882397651672363</t>
  </si>
  <si>
    <t>599.8367309570312</t>
  </si>
  <si>
    <t>0.03731059567874517</t>
  </si>
  <si>
    <t>30845</t>
  </si>
  <si>
    <t>10.238045692443848</t>
  </si>
  <si>
    <t>516.9231567382812</t>
  </si>
  <si>
    <t>0.03755829285455192</t>
  </si>
  <si>
    <t>9.54725456237793</t>
  </si>
  <si>
    <t>518.4638061523438</t>
  </si>
  <si>
    <t>0.01783323025260586</t>
  </si>
  <si>
    <t>31715</t>
  </si>
  <si>
    <t>9.4681978225708</t>
  </si>
  <si>
    <t>549.6972045898438</t>
  </si>
  <si>
    <t>0.009981862171652978</t>
  </si>
  <si>
    <t>32751</t>
  </si>
  <si>
    <t>11.060301780700684</t>
  </si>
  <si>
    <t>548.7919921875</t>
  </si>
  <si>
    <t>0.032143740880380633</t>
  </si>
  <si>
    <t>32453</t>
  </si>
  <si>
    <t>10.388484001159668</t>
  </si>
  <si>
    <t>464.7652587890625</t>
  </si>
  <si>
    <t>-0.009140607166415293</t>
  </si>
  <si>
    <t>10.045882225036621</t>
  </si>
  <si>
    <t>478.3917236328125</t>
  </si>
  <si>
    <t>0.06296192383197408</t>
  </si>
  <si>
    <t>35586</t>
  </si>
  <si>
    <t>10.58804702758789</t>
  </si>
  <si>
    <t>659.6423950195312</t>
  </si>
  <si>
    <t>0.029197489452844394</t>
  </si>
  <si>
    <t>35489</t>
  </si>
  <si>
    <t>10.842761039733887</t>
  </si>
  <si>
    <t>373.4179382324219</t>
  </si>
  <si>
    <t>-0.0027295127744704217</t>
  </si>
  <si>
    <t>37005</t>
  </si>
  <si>
    <t>11.201530456542969</t>
  </si>
  <si>
    <t>446.3481140136719</t>
  </si>
  <si>
    <t>0.04183024933925594</t>
  </si>
  <si>
    <t>36901</t>
  </si>
  <si>
    <t>10.844351768493652</t>
  </si>
  <si>
    <t>508.1952209472656</t>
  </si>
  <si>
    <t>-0.002814387699151766</t>
  </si>
  <si>
    <t>9.993196487426758</t>
  </si>
  <si>
    <t>560.6478271484375</t>
  </si>
  <si>
    <t>0.030084079546504938</t>
  </si>
  <si>
    <t>38412</t>
  </si>
  <si>
    <t>11.06058120727539</t>
  </si>
  <si>
    <t>434.9021911621094</t>
  </si>
  <si>
    <t>0.010047180278942136</t>
  </si>
  <si>
    <t>27378</t>
  </si>
  <si>
    <t>617.2000122070312</t>
  </si>
  <si>
    <t>458.7033996582031</t>
  </si>
  <si>
    <t>Limburg-Weilburg</t>
  </si>
  <si>
    <t>540.0999755859375</t>
  </si>
  <si>
    <t>0.042337391857421025</t>
  </si>
  <si>
    <t>28884</t>
  </si>
  <si>
    <t>650.300048828125</t>
  </si>
  <si>
    <t>0.011210645558193733</t>
  </si>
  <si>
    <t>28408</t>
  </si>
  <si>
    <t>9.124999046325684</t>
  </si>
  <si>
    <t>-0.016617012948149323</t>
  </si>
  <si>
    <t>28981</t>
  </si>
  <si>
    <t>0.01996964721265826</t>
  </si>
  <si>
    <t>29335</t>
  </si>
  <si>
    <t>644.5999755859375</t>
  </si>
  <si>
    <t>0.012140899524379023</t>
  </si>
  <si>
    <t>29488</t>
  </si>
  <si>
    <t>7.975000381469727</t>
  </si>
  <si>
    <t>603.800048828125</t>
  </si>
  <si>
    <t>0.005202058549643951</t>
  </si>
  <si>
    <t>605.5</t>
  </si>
  <si>
    <t>0.016313575491523125</t>
  </si>
  <si>
    <t>30574</t>
  </si>
  <si>
    <t>0.019852998159851865</t>
  </si>
  <si>
    <t>31132</t>
  </si>
  <si>
    <t>731.10009765625</t>
  </si>
  <si>
    <t>0.01808625451829826</t>
  </si>
  <si>
    <t>31996</t>
  </si>
  <si>
    <t>0.02737466588943427</t>
  </si>
  <si>
    <t>699.4000244140625</t>
  </si>
  <si>
    <t>0.02087693927947143</t>
  </si>
  <si>
    <t>32569</t>
  </si>
  <si>
    <t>873.5000610351562</t>
  </si>
  <si>
    <t>-0.0031269185502669217</t>
  </si>
  <si>
    <t>32811</t>
  </si>
  <si>
    <t>523.4000244140625</t>
  </si>
  <si>
    <t>0.007402909305419314</t>
  </si>
  <si>
    <t>588.0999755859375</t>
  </si>
  <si>
    <t>0.01719309321249085</t>
  </si>
  <si>
    <t>33395</t>
  </si>
  <si>
    <t>595.8999633789062</t>
  </si>
  <si>
    <t>0.00044926994390870334</t>
  </si>
  <si>
    <t>34523</t>
  </si>
  <si>
    <t>704.0999755859375</t>
  </si>
  <si>
    <t>0.03321958040287676</t>
  </si>
  <si>
    <t>35785</t>
  </si>
  <si>
    <t>720.199951171875</t>
  </si>
  <si>
    <t>0.03590304261008548</t>
  </si>
  <si>
    <t>36609</t>
  </si>
  <si>
    <t>0.022765300627250795</t>
  </si>
  <si>
    <t>35020</t>
  </si>
  <si>
    <t>-0.044374784960105274</t>
  </si>
  <si>
    <t>35843</t>
  </si>
  <si>
    <t>708.9000244140625</t>
  </si>
  <si>
    <t>0.023228963103068878</t>
  </si>
  <si>
    <t>37292</t>
  </si>
  <si>
    <t>0.03963053647367154</t>
  </si>
  <si>
    <t>9.616665840148926</t>
  </si>
  <si>
    <t>648.5000610351562</t>
  </si>
  <si>
    <t>-0.006240605577232827</t>
  </si>
  <si>
    <t>37246</t>
  </si>
  <si>
    <t>683.6000366210938</t>
  </si>
  <si>
    <t>0.005006335652099736</t>
  </si>
  <si>
    <t>38051</t>
  </si>
  <si>
    <t>666.7000122070312</t>
  </si>
  <si>
    <t>0.021382808661972064</t>
  </si>
  <si>
    <t>496.5000305175781</t>
  </si>
  <si>
    <t>0.01877097145907669</t>
  </si>
  <si>
    <t>39524</t>
  </si>
  <si>
    <t>0.01920974570235323</t>
  </si>
  <si>
    <t>690.4000244140625</t>
  </si>
  <si>
    <t>0.0289759705970436</t>
  </si>
  <si>
    <t>41548</t>
  </si>
  <si>
    <t>512.2000122070312</t>
  </si>
  <si>
    <t>0.02096533243580545</t>
  </si>
  <si>
    <t>42023</t>
  </si>
  <si>
    <t>574.9999389648438</t>
  </si>
  <si>
    <t>0.011367702076830355</t>
  </si>
  <si>
    <t>40919</t>
  </si>
  <si>
    <t>595.2000122070312</t>
  </si>
  <si>
    <t>-0.026622584585243914</t>
  </si>
  <si>
    <t>42169</t>
  </si>
  <si>
    <t>643.7999877929688</t>
  </si>
  <si>
    <t>0.030090851079714653</t>
  </si>
  <si>
    <t>42595</t>
  </si>
  <si>
    <t>11.466667175292969</t>
  </si>
  <si>
    <t>561.9000244140625</t>
  </si>
  <si>
    <t>0.01005152155793887</t>
  </si>
  <si>
    <t>19532</t>
  </si>
  <si>
    <t>48.93212127685547</t>
  </si>
  <si>
    <t>Ludwigslust-Parchim</t>
  </si>
  <si>
    <t>20376</t>
  </si>
  <si>
    <t>534.6000366210938</t>
  </si>
  <si>
    <t>0.042303591477741875</t>
  </si>
  <si>
    <t>20606</t>
  </si>
  <si>
    <t>659.4000854492188</t>
  </si>
  <si>
    <t>0.01122455784572196</t>
  </si>
  <si>
    <t>20266</t>
  </si>
  <si>
    <t>-0.01663769049675068</t>
  </si>
  <si>
    <t>20675</t>
  </si>
  <si>
    <t>744.7000122070312</t>
  </si>
  <si>
    <t>0.01998063588362875</t>
  </si>
  <si>
    <t>20928</t>
  </si>
  <si>
    <t>563.2000122070312</t>
  </si>
  <si>
    <t>0.01216273436503279</t>
  </si>
  <si>
    <t>491.9000244140625</t>
  </si>
  <si>
    <t>0.0051472804523093885</t>
  </si>
  <si>
    <t>21383</t>
  </si>
  <si>
    <t>618.0000610351562</t>
  </si>
  <si>
    <t>0.01636095808040139</t>
  </si>
  <si>
    <t>21811</t>
  </si>
  <si>
    <t>700.7000122070312</t>
  </si>
  <si>
    <t>0.019818215882215995</t>
  </si>
  <si>
    <t>22209</t>
  </si>
  <si>
    <t>505.29998779296875</t>
  </si>
  <si>
    <t>0.018083182439356804</t>
  </si>
  <si>
    <t>586.2000732421875</t>
  </si>
  <si>
    <t>0.027402625002336478</t>
  </si>
  <si>
    <t>24544</t>
  </si>
  <si>
    <t>0.07256718805343709</t>
  </si>
  <si>
    <t>24052</t>
  </si>
  <si>
    <t>793.5999755859375</t>
  </si>
  <si>
    <t>-0.020249272007522023</t>
  </si>
  <si>
    <t>23912</t>
  </si>
  <si>
    <t>466.70001220703125</t>
  </si>
  <si>
    <t>-0.005837728195686509</t>
  </si>
  <si>
    <t>23589</t>
  </si>
  <si>
    <t>630.7999877929688</t>
  </si>
  <si>
    <t>-0.013599923304147055</t>
  </si>
  <si>
    <t>23636</t>
  </si>
  <si>
    <t>581.5</t>
  </si>
  <si>
    <t>0.0019904718059393645</t>
  </si>
  <si>
    <t>24579</t>
  </si>
  <si>
    <t>592.2000122070312</t>
  </si>
  <si>
    <t>0.039121446344358546</t>
  </si>
  <si>
    <t>26482</t>
  </si>
  <si>
    <t>835.7999267578125</t>
  </si>
  <si>
    <t>0.07457283708977691</t>
  </si>
  <si>
    <t>26838</t>
  </si>
  <si>
    <t>0.013353536761201212</t>
  </si>
  <si>
    <t>26350</t>
  </si>
  <si>
    <t>629.7000122070312</t>
  </si>
  <si>
    <t>-0.018350518691393702</t>
  </si>
  <si>
    <t>27210</t>
  </si>
  <si>
    <t>663.2000122070312</t>
  </si>
  <si>
    <t>0.03211627780778237</t>
  </si>
  <si>
    <t>29465</t>
  </si>
  <si>
    <t>0.07961856549472301</t>
  </si>
  <si>
    <t>30080</t>
  </si>
  <si>
    <t>0.020657380791762492</t>
  </si>
  <si>
    <t>30027</t>
  </si>
  <si>
    <t>-0.0017635221766489906</t>
  </si>
  <si>
    <t>578.800048828125</t>
  </si>
  <si>
    <t>0.02310985721751635</t>
  </si>
  <si>
    <t>-0.015280989896512054</t>
  </si>
  <si>
    <t>31164</t>
  </si>
  <si>
    <t>550.0999755859375</t>
  </si>
  <si>
    <t>0.029337738242617206</t>
  </si>
  <si>
    <t>33178</t>
  </si>
  <si>
    <t>836.7999877929688</t>
  </si>
  <si>
    <t>0.06262342320147063</t>
  </si>
  <si>
    <t>32913</t>
  </si>
  <si>
    <t>387.8999938964844</t>
  </si>
  <si>
    <t>-0.008019289166618648</t>
  </si>
  <si>
    <t>34188</t>
  </si>
  <si>
    <t>557.9000244140625</t>
  </si>
  <si>
    <t>0.03800698880030673</t>
  </si>
  <si>
    <t>34167</t>
  </si>
  <si>
    <t>10.775001525878906</t>
  </si>
  <si>
    <t>527.2999877929688</t>
  </si>
  <si>
    <t>-0.0006144393434475148</t>
  </si>
  <si>
    <t>35211</t>
  </si>
  <si>
    <t>578.0999755859375</t>
  </si>
  <si>
    <t>0.03009826782577285</t>
  </si>
  <si>
    <t>35567</t>
  </si>
  <si>
    <t>473.1000061035156</t>
  </si>
  <si>
    <t>0.010059707880811786</t>
  </si>
  <si>
    <t>9.992056846618652</t>
  </si>
  <si>
    <t>695.1425170898438</t>
  </si>
  <si>
    <t>438.4880065917969</t>
  </si>
  <si>
    <t>LÔøΩneburg, Landkreis</t>
  </si>
  <si>
    <t>28049</t>
  </si>
  <si>
    <t>8.81456470489502</t>
  </si>
  <si>
    <t>572.0213012695312</t>
  </si>
  <si>
    <t>0.042310082290240913</t>
  </si>
  <si>
    <t>28365</t>
  </si>
  <si>
    <t>9.979985237121582</t>
  </si>
  <si>
    <t>754.2493896484375</t>
  </si>
  <si>
    <t>0.01120301006920954</t>
  </si>
  <si>
    <t>8.823753356933594</t>
  </si>
  <si>
    <t>801.1852416992188</t>
  </si>
  <si>
    <t>-0.01660098910848795</t>
  </si>
  <si>
    <t>28460</t>
  </si>
  <si>
    <t>9.657087326049805</t>
  </si>
  <si>
    <t>833.190673828125</t>
  </si>
  <si>
    <t>0.019944590991663347</t>
  </si>
  <si>
    <t>28809</t>
  </si>
  <si>
    <t>8.975855827331543</t>
  </si>
  <si>
    <t>636.5337524414062</t>
  </si>
  <si>
    <t>0.012188245662239083</t>
  </si>
  <si>
    <t>28958</t>
  </si>
  <si>
    <t>7.471261501312256</t>
  </si>
  <si>
    <t>544.4255981445312</t>
  </si>
  <si>
    <t>0.005158666035283588</t>
  </si>
  <si>
    <t>29435</t>
  </si>
  <si>
    <t>9.662537574768066</t>
  </si>
  <si>
    <t>686.6805419921875</t>
  </si>
  <si>
    <t>0.016337938120996043</t>
  </si>
  <si>
    <t>30025</t>
  </si>
  <si>
    <t>9.496261596679688</t>
  </si>
  <si>
    <t>783.6786499023438</t>
  </si>
  <si>
    <t>0.019845925485821425</t>
  </si>
  <si>
    <t>30573</t>
  </si>
  <si>
    <t>9.9841890335083</t>
  </si>
  <si>
    <t>582.4971313476562</t>
  </si>
  <si>
    <t>0.01808689854861889</t>
  </si>
  <si>
    <t>31422</t>
  </si>
  <si>
    <t>10.313708305358887</t>
  </si>
  <si>
    <t>648.64794921875</t>
  </si>
  <si>
    <t>0.027391018010739288</t>
  </si>
  <si>
    <t>9.373363494873047</t>
  </si>
  <si>
    <t>741.4962768554688</t>
  </si>
  <si>
    <t>-0.00044564699129878704</t>
  </si>
  <si>
    <t>9.646262168884277</t>
  </si>
  <si>
    <t>881.5794677734375</t>
  </si>
  <si>
    <t>-0.023549449388536203</t>
  </si>
  <si>
    <t>30705</t>
  </si>
  <si>
    <t>9.587536811828613</t>
  </si>
  <si>
    <t>525.984375</t>
  </si>
  <si>
    <t>0.0009123196357929686</t>
  </si>
  <si>
    <t>30953</t>
  </si>
  <si>
    <t>9.678738594055176</t>
  </si>
  <si>
    <t>705.8861083984375</t>
  </si>
  <si>
    <t>0.008044417184899899</t>
  </si>
  <si>
    <t>9.034655570983887</t>
  </si>
  <si>
    <t>656.8299560546875</t>
  </si>
  <si>
    <t>0.013382097236323887</t>
  </si>
  <si>
    <t>31228</t>
  </si>
  <si>
    <t>10.679594993591309</t>
  </si>
  <si>
    <t>652.7051391601562</t>
  </si>
  <si>
    <t>-0.004536893944541376</t>
  </si>
  <si>
    <t>32465</t>
  </si>
  <si>
    <t>10.290420532226562</t>
  </si>
  <si>
    <t>925.7636108398438</t>
  </si>
  <si>
    <t>0.0388474577024045</t>
  </si>
  <si>
    <t>32865</t>
  </si>
  <si>
    <t>9.691201210021973</t>
  </si>
  <si>
    <t>616.7012939453125</t>
  </si>
  <si>
    <t>0.01224567575508928</t>
  </si>
  <si>
    <t>9.440812110900879</t>
  </si>
  <si>
    <t>715.9746704101562</t>
  </si>
  <si>
    <t>-0.04658811761110826</t>
  </si>
  <si>
    <t>32375</t>
  </si>
  <si>
    <t>8.709969520568848</t>
  </si>
  <si>
    <t>743.2103271484375</t>
  </si>
  <si>
    <t>0.031566375915272005</t>
  </si>
  <si>
    <t>35618</t>
  </si>
  <si>
    <t>667.8090209960938</t>
  </si>
  <si>
    <t>0.09546460803411172</t>
  </si>
  <si>
    <t>34609</t>
  </si>
  <si>
    <t>9.35163688659668</t>
  </si>
  <si>
    <t>647.3823852539062</t>
  </si>
  <si>
    <t>-0.02873736420739803</t>
  </si>
  <si>
    <t>35295</t>
  </si>
  <si>
    <t>9.300389289855957</t>
  </si>
  <si>
    <t>676.06640625</t>
  </si>
  <si>
    <t>0.01962754700101854</t>
  </si>
  <si>
    <t>36255</t>
  </si>
  <si>
    <t>10.926636695861816</t>
  </si>
  <si>
    <t>650.9076538085938</t>
  </si>
  <si>
    <t>0.026835991976120965</t>
  </si>
  <si>
    <t>36787</t>
  </si>
  <si>
    <t>10.202492713928223</t>
  </si>
  <si>
    <t>630.095458984375</t>
  </si>
  <si>
    <t>0.014567219070444892</t>
  </si>
  <si>
    <t>36711</t>
  </si>
  <si>
    <t>9.90078067779541</t>
  </si>
  <si>
    <t>607.5405883789062</t>
  </si>
  <si>
    <t>-0.002068084222360156</t>
  </si>
  <si>
    <t>37017</t>
  </si>
  <si>
    <t>10.437928199768066</t>
  </si>
  <si>
    <t>883.948486328125</t>
  </si>
  <si>
    <t>0.008300828912865654</t>
  </si>
  <si>
    <t>38033</t>
  </si>
  <si>
    <t>10.664565086364746</t>
  </si>
  <si>
    <t>433.64520263671875</t>
  </si>
  <si>
    <t>0.027076937335115403</t>
  </si>
  <si>
    <t>39024</t>
  </si>
  <si>
    <t>11.068303108215332</t>
  </si>
  <si>
    <t>607.3154907226562</t>
  </si>
  <si>
    <t>0.025722637553942107</t>
  </si>
  <si>
    <t>38440</t>
  </si>
  <si>
    <t>10.702491760253906</t>
  </si>
  <si>
    <t>568.0791015625</t>
  </si>
  <si>
    <t>-0.015078257371472503</t>
  </si>
  <si>
    <t>39615</t>
  </si>
  <si>
    <t>9.92749309539795</t>
  </si>
  <si>
    <t>679.8079223632812</t>
  </si>
  <si>
    <t>0.03010925031511391</t>
  </si>
  <si>
    <t>40015</t>
  </si>
  <si>
    <t>10.943768501281738</t>
  </si>
  <si>
    <t>543.4141235351562</t>
  </si>
  <si>
    <t>0.010046549401804938</t>
  </si>
  <si>
    <t>36979</t>
  </si>
  <si>
    <t>950.3999633789062</t>
  </si>
  <si>
    <t>452.2413635253906</t>
  </si>
  <si>
    <t>LÔøΩrrach</t>
  </si>
  <si>
    <t>38577</t>
  </si>
  <si>
    <t>0.04230606000719561</t>
  </si>
  <si>
    <t>0.01123867996335548</t>
  </si>
  <si>
    <t>38370</t>
  </si>
  <si>
    <t>970.0999755859375</t>
  </si>
  <si>
    <t>-0.0166190196609044</t>
  </si>
  <si>
    <t>39143</t>
  </si>
  <si>
    <t>992.2999877929688</t>
  </si>
  <si>
    <t>0.019945702702271362</t>
  </si>
  <si>
    <t>39622</t>
  </si>
  <si>
    <t>949.7000122070312</t>
  </si>
  <si>
    <t>0.012162912591001884</t>
  </si>
  <si>
    <t>39828</t>
  </si>
  <si>
    <t>922.2000122070312</t>
  </si>
  <si>
    <t>0.0051856629737034865</t>
  </si>
  <si>
    <t>40484</t>
  </si>
  <si>
    <t>884.3999633789062</t>
  </si>
  <si>
    <t>0.01633665180081678</t>
  </si>
  <si>
    <t>41295</t>
  </si>
  <si>
    <t>888.0001220703125</t>
  </si>
  <si>
    <t>0.019834592936025075</t>
  </si>
  <si>
    <t>42049</t>
  </si>
  <si>
    <t>1144.699951171875</t>
  </si>
  <si>
    <t>0.01809417766065735</t>
  </si>
  <si>
    <t>43216</t>
  </si>
  <si>
    <t>999.2000732421875</t>
  </si>
  <si>
    <t>0.027375192126921633</t>
  </si>
  <si>
    <t>9.366665840148926</t>
  </si>
  <si>
    <t>1022.5</t>
  </si>
  <si>
    <t>-0.027946117755579536</t>
  </si>
  <si>
    <t>42346</t>
  </si>
  <si>
    <t>1196.4000244140625</t>
  </si>
  <si>
    <t>0.00760928633906488</t>
  </si>
  <si>
    <t>41510</t>
  </si>
  <si>
    <t>736.2000732421875</t>
  </si>
  <si>
    <t>-0.019939603568797537</t>
  </si>
  <si>
    <t>42018</t>
  </si>
  <si>
    <t>833.7000732421875</t>
  </si>
  <si>
    <t>0.012163735836487888</t>
  </si>
  <si>
    <t>41411</t>
  </si>
  <si>
    <t>805.2999877929688</t>
  </si>
  <si>
    <t>-0.014551551879197433</t>
  </si>
  <si>
    <t>43289</t>
  </si>
  <si>
    <t>1158.39990234375</t>
  </si>
  <si>
    <t>0.04435201514174203</t>
  </si>
  <si>
    <t>43871</t>
  </si>
  <si>
    <t>1092.7999267578125</t>
  </si>
  <si>
    <t>0.01335494837481832</t>
  </si>
  <si>
    <t>44597</t>
  </si>
  <si>
    <t>944.5</t>
  </si>
  <si>
    <t>0.016413082650865718</t>
  </si>
  <si>
    <t>41052</t>
  </si>
  <si>
    <t>852.6000366210938</t>
  </si>
  <si>
    <t>-0.08282703640619538</t>
  </si>
  <si>
    <t>43051</t>
  </si>
  <si>
    <t>915.599853515625</t>
  </si>
  <si>
    <t>0.0475459036242043</t>
  </si>
  <si>
    <t>46040</t>
  </si>
  <si>
    <t>766.199951171875</t>
  </si>
  <si>
    <t>0.06712512444600982</t>
  </si>
  <si>
    <t>46820</t>
  </si>
  <si>
    <t>992.800048828125</t>
  </si>
  <si>
    <t>0.01679987820908302</t>
  </si>
  <si>
    <t>46623</t>
  </si>
  <si>
    <t>-0.004216480461181504</t>
  </si>
  <si>
    <t>47323</t>
  </si>
  <si>
    <t>927.1001586914062</t>
  </si>
  <si>
    <t>0.014902453639345836</t>
  </si>
  <si>
    <t>46510</t>
  </si>
  <si>
    <t>796.6000366210938</t>
  </si>
  <si>
    <t>-0.017329092004924718</t>
  </si>
  <si>
    <t>44860</t>
  </si>
  <si>
    <t>880.0999145507812</t>
  </si>
  <si>
    <t>-0.03612081414394197</t>
  </si>
  <si>
    <t>45398</t>
  </si>
  <si>
    <t>10.616666793823242</t>
  </si>
  <si>
    <t>963.6000366210938</t>
  </si>
  <si>
    <t>0.011921522121447481</t>
  </si>
  <si>
    <t>45769</t>
  </si>
  <si>
    <t>649.5000610351562</t>
  </si>
  <si>
    <t>0.008138954841065527</t>
  </si>
  <si>
    <t>45877</t>
  </si>
  <si>
    <t>865.4000244140625</t>
  </si>
  <si>
    <t>0.0023568961000943744</t>
  </si>
  <si>
    <t>-0.05320296406003244</t>
  </si>
  <si>
    <t>44828</t>
  </si>
  <si>
    <t>895.199951171875</t>
  </si>
  <si>
    <t>0.03007200609514271</t>
  </si>
  <si>
    <t>45282</t>
  </si>
  <si>
    <t>809.8999633789062</t>
  </si>
  <si>
    <t>0.01007665834100635</t>
  </si>
  <si>
    <t>694</t>
  </si>
  <si>
    <t>35333</t>
  </si>
  <si>
    <t>673.10009765625</t>
  </si>
  <si>
    <t>196.48818969726562</t>
  </si>
  <si>
    <t>Main-Kinzig-Kreis</t>
  </si>
  <si>
    <t>36860</t>
  </si>
  <si>
    <t>560.6000366210938</t>
  </si>
  <si>
    <t>0.042309580804483105</t>
  </si>
  <si>
    <t>37276</t>
  </si>
  <si>
    <t>766.9000244140625</t>
  </si>
  <si>
    <t>0.011222735681732487</t>
  </si>
  <si>
    <t>36662</t>
  </si>
  <si>
    <t>-0.01660889162623569</t>
  </si>
  <si>
    <t>37401</t>
  </si>
  <si>
    <t>779.800048828125</t>
  </si>
  <si>
    <t>0.019956645733774536</t>
  </si>
  <si>
    <t>37859</t>
  </si>
  <si>
    <t>651.2000122070312</t>
  </si>
  <si>
    <t>0.012171290300498683</t>
  </si>
  <si>
    <t>38055</t>
  </si>
  <si>
    <t>0.005163749387907757</t>
  </si>
  <si>
    <t>38682</t>
  </si>
  <si>
    <t>654.0999755859375</t>
  </si>
  <si>
    <t>0.01634189383718443</t>
  </si>
  <si>
    <t>39457</t>
  </si>
  <si>
    <t>778.7001342773438</t>
  </si>
  <si>
    <t>0.019837095791977788</t>
  </si>
  <si>
    <t>40177</t>
  </si>
  <si>
    <t>703.5000610351562</t>
  </si>
  <si>
    <t>0.018083221238828884</t>
  </si>
  <si>
    <t>41293</t>
  </si>
  <si>
    <t>10.0166654586792</t>
  </si>
  <si>
    <t>715.4000244140625</t>
  </si>
  <si>
    <t>0.02739830148890654</t>
  </si>
  <si>
    <t>42200</t>
  </si>
  <si>
    <t>0.021727226965714053</t>
  </si>
  <si>
    <t>40975</t>
  </si>
  <si>
    <t>959.3999633789062</t>
  </si>
  <si>
    <t>-0.029458096412072976</t>
  </si>
  <si>
    <t>41919</t>
  </si>
  <si>
    <t>0.02277706013652825</t>
  </si>
  <si>
    <t>40216</t>
  </si>
  <si>
    <t>696.9000244140625</t>
  </si>
  <si>
    <t>-0.04147425837614627</t>
  </si>
  <si>
    <t>40700</t>
  </si>
  <si>
    <t>629.4000244140625</t>
  </si>
  <si>
    <t>0.01196316605827441</t>
  </si>
  <si>
    <t>42947</t>
  </si>
  <si>
    <t>10.241666793823242</t>
  </si>
  <si>
    <t>0.05373870488094923</t>
  </si>
  <si>
    <t>874.2000732421875</t>
  </si>
  <si>
    <t>-0.0018878264145580914</t>
  </si>
  <si>
    <t>42242</t>
  </si>
  <si>
    <t>663.5</t>
  </si>
  <si>
    <t>-0.01466398415299075</t>
  </si>
  <si>
    <t>40912</t>
  </si>
  <si>
    <t>747.2000732421875</t>
  </si>
  <si>
    <t>-0.03199156821311888</t>
  </si>
  <si>
    <t>42941</t>
  </si>
  <si>
    <t>763.0000610351562</t>
  </si>
  <si>
    <t>0.0484036619399042</t>
  </si>
  <si>
    <t>46403</t>
  </si>
  <si>
    <t>658.300048828125</t>
  </si>
  <si>
    <t>0.07753703182583216</t>
  </si>
  <si>
    <t>45239</t>
  </si>
  <si>
    <t>640.5999755859375</t>
  </si>
  <si>
    <t>-0.025404565643400545</t>
  </si>
  <si>
    <t>43936</t>
  </si>
  <si>
    <t>686.0999755859375</t>
  </si>
  <si>
    <t>-0.02922551708560661</t>
  </si>
  <si>
    <t>43607</t>
  </si>
  <si>
    <t>708.5999755859375</t>
  </si>
  <si>
    <t>-0.007516341658702075</t>
  </si>
  <si>
    <t>43810</t>
  </si>
  <si>
    <t>0.004644413898949651</t>
  </si>
  <si>
    <t>46504</t>
  </si>
  <si>
    <t>671.9000244140625</t>
  </si>
  <si>
    <t>0.05967622857324173</t>
  </si>
  <si>
    <t>47227</t>
  </si>
  <si>
    <t>790.60009765625</t>
  </si>
  <si>
    <t>0.015427432541741837</t>
  </si>
  <si>
    <t>49303</t>
  </si>
  <si>
    <t>547.0</t>
  </si>
  <si>
    <t>0.043019168183427325</t>
  </si>
  <si>
    <t>607.2000122070312</t>
  </si>
  <si>
    <t>-0.009394332679194761</t>
  </si>
  <si>
    <t>46987</t>
  </si>
  <si>
    <t>691.0999755859375</t>
  </si>
  <si>
    <t>-0.03871963073930473</t>
  </si>
  <si>
    <t>48423</t>
  </si>
  <si>
    <t>758.0000610351562</t>
  </si>
  <si>
    <t>0.030103939753534092</t>
  </si>
  <si>
    <t>48912</t>
  </si>
  <si>
    <t>585.7999877929688</t>
  </si>
  <si>
    <t>0.010047857689226447</t>
  </si>
  <si>
    <t>34843</t>
  </si>
  <si>
    <t>670.2999877929688</t>
  </si>
  <si>
    <t>249.7826690673828</t>
  </si>
  <si>
    <t>Marburg-Biedenkopf</t>
  </si>
  <si>
    <t>36349</t>
  </si>
  <si>
    <t>558.9000244140625</t>
  </si>
  <si>
    <t>0.042314437085586576</t>
  </si>
  <si>
    <t>36759</t>
  </si>
  <si>
    <t>780.6000366210938</t>
  </si>
  <si>
    <t>0.011216400350676281</t>
  </si>
  <si>
    <t>773.4000854492188</t>
  </si>
  <si>
    <t>-0.016595501082756314</t>
  </si>
  <si>
    <t>0.019936034600263497</t>
  </si>
  <si>
    <t>37334</t>
  </si>
  <si>
    <t>629.2000122070312</t>
  </si>
  <si>
    <t>0.01218081245747804</t>
  </si>
  <si>
    <t>37528</t>
  </si>
  <si>
    <t>7.341665744781494</t>
  </si>
  <si>
    <t>565.800048828125</t>
  </si>
  <si>
    <t>0.005182881415752405</t>
  </si>
  <si>
    <t>9.558332443237305</t>
  </si>
  <si>
    <t>660.7000122070312</t>
  </si>
  <si>
    <t>0.016333581928078544</t>
  </si>
  <si>
    <t>780.5999145507812</t>
  </si>
  <si>
    <t>0.019830384042226257</t>
  </si>
  <si>
    <t>39620</t>
  </si>
  <si>
    <t>708.3001098632812</t>
  </si>
  <si>
    <t>0.01808275427394257</t>
  </si>
  <si>
    <t>40720</t>
  </si>
  <si>
    <t>10.225001335144043</t>
  </si>
  <si>
    <t>722.3999633789062</t>
  </si>
  <si>
    <t>0.027385330971862132</t>
  </si>
  <si>
    <t>41655</t>
  </si>
  <si>
    <t>770.0</t>
  </si>
  <si>
    <t>0.022702037184606283</t>
  </si>
  <si>
    <t>41330</t>
  </si>
  <si>
    <t>948.0</t>
  </si>
  <si>
    <t>-0.007832780903232361</t>
  </si>
  <si>
    <t>556.2999877929688</t>
  </si>
  <si>
    <t>-0.03155983515318361</t>
  </si>
  <si>
    <t>41081</t>
  </si>
  <si>
    <t>705.7999267578125</t>
  </si>
  <si>
    <t>0.02551693413948186</t>
  </si>
  <si>
    <t>42685</t>
  </si>
  <si>
    <t>620.2999877929688</t>
  </si>
  <si>
    <t>0.038301842952330745</t>
  </si>
  <si>
    <t>43386</t>
  </si>
  <si>
    <t>698.699951171875</t>
  </si>
  <si>
    <t>0.016289237958600822</t>
  </si>
  <si>
    <t>45244</t>
  </si>
  <si>
    <t>894.7999267578125</t>
  </si>
  <si>
    <t>0.04193325624826372</t>
  </si>
  <si>
    <t>46825</t>
  </si>
  <si>
    <t>675.0999755859375</t>
  </si>
  <si>
    <t>0.03434718366101741</t>
  </si>
  <si>
    <t>43046</t>
  </si>
  <si>
    <t>-0.08414793698816325</t>
  </si>
  <si>
    <t>44900</t>
  </si>
  <si>
    <t>766.2000732421875</t>
  </si>
  <si>
    <t>0.04216848340622015</t>
  </si>
  <si>
    <t>47289</t>
  </si>
  <si>
    <t>655.699951171875</t>
  </si>
  <si>
    <t>0.05183991556430634</t>
  </si>
  <si>
    <t>46751</t>
  </si>
  <si>
    <t>641.4000244140625</t>
  </si>
  <si>
    <t>-0.011442064432257482</t>
  </si>
  <si>
    <t>47537</t>
  </si>
  <si>
    <t>672.699951171875</t>
  </si>
  <si>
    <t>0.016672709306710942</t>
  </si>
  <si>
    <t>48989</t>
  </si>
  <si>
    <t>709.7999267578125</t>
  </si>
  <si>
    <t>0.030087427926133614</t>
  </si>
  <si>
    <t>47268</t>
  </si>
  <si>
    <t>658.800048828125</t>
  </si>
  <si>
    <t>-0.035762249336332985</t>
  </si>
  <si>
    <t>48302</t>
  </si>
  <si>
    <t>0.02163943389197165</t>
  </si>
  <si>
    <t>51680</t>
  </si>
  <si>
    <t>788.4000244140625</t>
  </si>
  <si>
    <t>0.06759789180560638</t>
  </si>
  <si>
    <t>51870</t>
  </si>
  <si>
    <t>560.9999389648438</t>
  </si>
  <si>
    <t>0.0036697288889619983</t>
  </si>
  <si>
    <t>52664</t>
  </si>
  <si>
    <t>621.0</t>
  </si>
  <si>
    <t>0.015191521802266905</t>
  </si>
  <si>
    <t>52245</t>
  </si>
  <si>
    <t>679.4999389648438</t>
  </si>
  <si>
    <t>-0.007987917679502132</t>
  </si>
  <si>
    <t>53841</t>
  </si>
  <si>
    <t>748.0</t>
  </si>
  <si>
    <t>0.030091066229175567</t>
  </si>
  <si>
    <t>54385</t>
  </si>
  <si>
    <t>0.010053121830564393</t>
  </si>
  <si>
    <t>704</t>
  </si>
  <si>
    <t>24980</t>
  </si>
  <si>
    <t>9.540055274963379</t>
  </si>
  <si>
    <t>582.21337890625</t>
  </si>
  <si>
    <t>182.74490356445312</t>
  </si>
  <si>
    <t>Mecklenburgische Seenplatte</t>
  </si>
  <si>
    <t>26060</t>
  </si>
  <si>
    <t>8.352373123168945</t>
  </si>
  <si>
    <t>525.7827758789062</t>
  </si>
  <si>
    <t>0.04232606699926755</t>
  </si>
  <si>
    <t>26354</t>
  </si>
  <si>
    <t>9.476678848266602</t>
  </si>
  <si>
    <t>563.3204956054688</t>
  </si>
  <si>
    <t>0.011218494426362469</t>
  </si>
  <si>
    <t>25919</t>
  </si>
  <si>
    <t>8.347798347473145</t>
  </si>
  <si>
    <t>678.189208984375</t>
  </si>
  <si>
    <t>-0.01664377563013808</t>
  </si>
  <si>
    <t>26442</t>
  </si>
  <si>
    <t>9.12393569946289</t>
  </si>
  <si>
    <t>633.1386108398438</t>
  </si>
  <si>
    <t>0.01997736459498256</t>
  </si>
  <si>
    <t>26765</t>
  </si>
  <si>
    <t>8.399622917175293</t>
  </si>
  <si>
    <t>528.8974609375</t>
  </si>
  <si>
    <t>0.012141408757438299</t>
  </si>
  <si>
    <t>26904</t>
  </si>
  <si>
    <t>6.947351455688477</t>
  </si>
  <si>
    <t>481.3424987792969</t>
  </si>
  <si>
    <t>0.0051799105926253475</t>
  </si>
  <si>
    <t>27348</t>
  </si>
  <si>
    <t>9.149752616882324</t>
  </si>
  <si>
    <t>594.99267578125</t>
  </si>
  <si>
    <t>0.016368425613578097</t>
  </si>
  <si>
    <t>27895</t>
  </si>
  <si>
    <t>8.996885299682617</t>
  </si>
  <si>
    <t>663.2349243164062</t>
  </si>
  <si>
    <t>0.019804061245944027</t>
  </si>
  <si>
    <t>28404</t>
  </si>
  <si>
    <t>9.445521354675293</t>
  </si>
  <si>
    <t>528.5558471679688</t>
  </si>
  <si>
    <t>0.01808251902235547</t>
  </si>
  <si>
    <t>29193</t>
  </si>
  <si>
    <t>9.901659965515137</t>
  </si>
  <si>
    <t>554.1161499023438</t>
  </si>
  <si>
    <t>29709</t>
  </si>
  <si>
    <t>8.904548645019531</t>
  </si>
  <si>
    <t>627.8136596679688</t>
  </si>
  <si>
    <t>0.017521075699313826</t>
  </si>
  <si>
    <t>29526</t>
  </si>
  <si>
    <t>9.190505027770996</t>
  </si>
  <si>
    <t>709.7903442382812</t>
  </si>
  <si>
    <t>-0.006178799095378551</t>
  </si>
  <si>
    <t>8.99814510345459</t>
  </si>
  <si>
    <t>457.329345703125</t>
  </si>
  <si>
    <t>0.03882854376756306</t>
  </si>
  <si>
    <t>31175</t>
  </si>
  <si>
    <t>9.267557144165039</t>
  </si>
  <si>
    <t>596.2728271484375</t>
  </si>
  <si>
    <t>0.015516716686640564</t>
  </si>
  <si>
    <t>8.443591117858887</t>
  </si>
  <si>
    <t>548.0095825195312</t>
  </si>
  <si>
    <t>-0.020710176123172275</t>
  </si>
  <si>
    <t>32295</t>
  </si>
  <si>
    <t>10.264143943786621</t>
  </si>
  <si>
    <t>570.9035034179688</t>
  </si>
  <si>
    <t>0.056006104041507854</t>
  </si>
  <si>
    <t>33118</t>
  </si>
  <si>
    <t>9.842558860778809</t>
  </si>
  <si>
    <t>779.4299926757812</t>
  </si>
  <si>
    <t>0.025164521735856482</t>
  </si>
  <si>
    <t>32966</t>
  </si>
  <si>
    <t>9.299060821533203</t>
  </si>
  <si>
    <t>540.7972412109375</t>
  </si>
  <si>
    <t>-0.004600213911128748</t>
  </si>
  <si>
    <t>32737</t>
  </si>
  <si>
    <t>8.903953552246094</t>
  </si>
  <si>
    <t>604.1845092773438</t>
  </si>
  <si>
    <t>-0.006970790596930954</t>
  </si>
  <si>
    <t>8.28283977508545</t>
  </si>
  <si>
    <t>665.0477294921875</t>
  </si>
  <si>
    <t>0.007092120371407162</t>
  </si>
  <si>
    <t>34338</t>
  </si>
  <si>
    <t>9.666518211364746</t>
  </si>
  <si>
    <t>601.2987670898438</t>
  </si>
  <si>
    <t>0.04065455557138087</t>
  </si>
  <si>
    <t>34995</t>
  </si>
  <si>
    <t>8.903733253479004</t>
  </si>
  <si>
    <t>587.922119140625</t>
  </si>
  <si>
    <t>0.0189525814864826</t>
  </si>
  <si>
    <t>8.930221557617188</t>
  </si>
  <si>
    <t>570.0524291992188</t>
  </si>
  <si>
    <t>0.015622438196295718</t>
  </si>
  <si>
    <t>36070</t>
  </si>
  <si>
    <t>10.55361270904541</t>
  </si>
  <si>
    <t>624.3086547851562</t>
  </si>
  <si>
    <t>0.014633862577648316</t>
  </si>
  <si>
    <t>9.785439491271973</t>
  </si>
  <si>
    <t>532.7982177734375</t>
  </si>
  <si>
    <t>-0.013649707395368083</t>
  </si>
  <si>
    <t>9.603959083557129</t>
  </si>
  <si>
    <t>496.19000244140625</t>
  </si>
  <si>
    <t>0.0018251510815794347</t>
  </si>
  <si>
    <t>37750</t>
  </si>
  <si>
    <t>9.993550300598145</t>
  </si>
  <si>
    <t>774.9639282226562</t>
  </si>
  <si>
    <t>0.057348537093375285</t>
  </si>
  <si>
    <t>36793</t>
  </si>
  <si>
    <t>10.19641399383545</t>
  </si>
  <si>
    <t>397.31622314453125</t>
  </si>
  <si>
    <t>-0.0256778660050756</t>
  </si>
  <si>
    <t>38362</t>
  </si>
  <si>
    <t>10.74767780303955</t>
  </si>
  <si>
    <t>523.5282592773438</t>
  </si>
  <si>
    <t>0.041759776609538335</t>
  </si>
  <si>
    <t>38121</t>
  </si>
  <si>
    <t>10.28842830657959</t>
  </si>
  <si>
    <t>532.2457885742188</t>
  </si>
  <si>
    <t>-0.0063020749089890415</t>
  </si>
  <si>
    <t>39285</t>
  </si>
  <si>
    <t>9.547133445739746</t>
  </si>
  <si>
    <t>580.50146484375</t>
  </si>
  <si>
    <t>39683</t>
  </si>
  <si>
    <t>10.4701566696167</t>
  </si>
  <si>
    <t>487.34698486328125</t>
  </si>
  <si>
    <t>0.010080117769694752</t>
  </si>
  <si>
    <t>705</t>
  </si>
  <si>
    <t>23297</t>
  </si>
  <si>
    <t>495.50006103515625</t>
  </si>
  <si>
    <t>143.62022399902344</t>
  </si>
  <si>
    <t>MeiÔøΩen</t>
  </si>
  <si>
    <t>24304</t>
  </si>
  <si>
    <t>463.7000427246094</t>
  </si>
  <si>
    <t>0.04231634893625191</t>
  </si>
  <si>
    <t>546.7000122070312</t>
  </si>
  <si>
    <t>0.01125147397437054</t>
  </si>
  <si>
    <t>24174</t>
  </si>
  <si>
    <t>-0.016614744390521352</t>
  </si>
  <si>
    <t>9.783332824707031</t>
  </si>
  <si>
    <t>0.019945372977147713</t>
  </si>
  <si>
    <t>24963</t>
  </si>
  <si>
    <t>604.2000122070312</t>
  </si>
  <si>
    <t>0.012171680171988442</t>
  </si>
  <si>
    <t>25092</t>
  </si>
  <si>
    <t>548.2999877929688</t>
  </si>
  <si>
    <t>0.005154341648093919</t>
  </si>
  <si>
    <t>25506</t>
  </si>
  <si>
    <t>610.2000122070312</t>
  </si>
  <si>
    <t>0.01636464837021201</t>
  </si>
  <si>
    <t>635.1000366210938</t>
  </si>
  <si>
    <t>0.019798014760691984</t>
  </si>
  <si>
    <t>26491</t>
  </si>
  <si>
    <t>570.2000122070312</t>
  </si>
  <si>
    <t>0.018093319300437116</t>
  </si>
  <si>
    <t>27227</t>
  </si>
  <si>
    <t>559.89990234375</t>
  </si>
  <si>
    <t>0.027404075346638024</t>
  </si>
  <si>
    <t>27924</t>
  </si>
  <si>
    <t>0.025277406095680632</t>
  </si>
  <si>
    <t>28010</t>
  </si>
  <si>
    <t>757.6000366210938</t>
  </si>
  <si>
    <t>0.0030750551638618617</t>
  </si>
  <si>
    <t>27425</t>
  </si>
  <si>
    <t>443.20001220703125</t>
  </si>
  <si>
    <t>-0.021106583110723776</t>
  </si>
  <si>
    <t>28101</t>
  </si>
  <si>
    <t>0.024350156733810024</t>
  </si>
  <si>
    <t>8.899999618530273</t>
  </si>
  <si>
    <t>0.017846280227779232</t>
  </si>
  <si>
    <t>30527</t>
  </si>
  <si>
    <t>0.06496009479305975</t>
  </si>
  <si>
    <t>31092</t>
  </si>
  <si>
    <t>0.018339013452029818</t>
  </si>
  <si>
    <t>32450</t>
  </si>
  <si>
    <t>552.0</t>
  </si>
  <si>
    <t>0.04274989178212607</t>
  </si>
  <si>
    <t>662.0001220703125</t>
  </si>
  <si>
    <t>-0.06980764312072019</t>
  </si>
  <si>
    <t>32253</t>
  </si>
  <si>
    <t>730.60009765625</t>
  </si>
  <si>
    <t>0.06371826214182263</t>
  </si>
  <si>
    <t>34635</t>
  </si>
  <si>
    <t>587.9000244140625</t>
  </si>
  <si>
    <t>0.07125366930336696</t>
  </si>
  <si>
    <t>35146</t>
  </si>
  <si>
    <t>0.014646082298085616</t>
  </si>
  <si>
    <t>35236</t>
  </si>
  <si>
    <t>0.0025574734748960992</t>
  </si>
  <si>
    <t>36541</t>
  </si>
  <si>
    <t>642.9000244140625</t>
  </si>
  <si>
    <t>0.03636663059658041</t>
  </si>
  <si>
    <t>36951</t>
  </si>
  <si>
    <t>499.8999938964844</t>
  </si>
  <si>
    <t>0.01115779278332596</t>
  </si>
  <si>
    <t>37648</t>
  </si>
  <si>
    <t>569.8999633789062</t>
  </si>
  <si>
    <t>0.018687121357549685</t>
  </si>
  <si>
    <t>38260</t>
  </si>
  <si>
    <t>0.016125132027100975</t>
  </si>
  <si>
    <t>37758</t>
  </si>
  <si>
    <t>449.9000244140625</t>
  </si>
  <si>
    <t>-0.013207590239256106</t>
  </si>
  <si>
    <t>37747</t>
  </si>
  <si>
    <t>480.0000305175781</t>
  </si>
  <si>
    <t>-0.0002913714344163765</t>
  </si>
  <si>
    <t>36198</t>
  </si>
  <si>
    <t>596.2999877929688</t>
  </si>
  <si>
    <t>-0.04190213365175488</t>
  </si>
  <si>
    <t>37304</t>
  </si>
  <si>
    <t>631.699951171875</t>
  </si>
  <si>
    <t>0.030096690819339855</t>
  </si>
  <si>
    <t>37681</t>
  </si>
  <si>
    <t>510.2000732421875</t>
  </si>
  <si>
    <t>0.010055429128113857</t>
  </si>
  <si>
    <t>30194</t>
  </si>
  <si>
    <t>8.033333778381348</t>
  </si>
  <si>
    <t>1005.3999633789062</t>
  </si>
  <si>
    <t>102.14103698730469</t>
  </si>
  <si>
    <t>Miesbach</t>
  </si>
  <si>
    <t>31499</t>
  </si>
  <si>
    <t>7.091667175292969</t>
  </si>
  <si>
    <t>844.2000732421875</t>
  </si>
  <si>
    <t>0.042312570150381035</t>
  </si>
  <si>
    <t>31854</t>
  </si>
  <si>
    <t>8.32500171661377</t>
  </si>
  <si>
    <t>951.3999633789062</t>
  </si>
  <si>
    <t>0.011207163533663689</t>
  </si>
  <si>
    <t>31329</t>
  </si>
  <si>
    <t>7.574998378753662</t>
  </si>
  <si>
    <t>-0.0166187766640693</t>
  </si>
  <si>
    <t>31961</t>
  </si>
  <si>
    <t>948.2999267578125</t>
  </si>
  <si>
    <t>0.019972223354448815</t>
  </si>
  <si>
    <t>32352</t>
  </si>
  <si>
    <t>7.566667079925537</t>
  </si>
  <si>
    <t>962.4000244140625</t>
  </si>
  <si>
    <t>0.012159433318091217</t>
  </si>
  <si>
    <t>32520</t>
  </si>
  <si>
    <t>910.699951171875</t>
  </si>
  <si>
    <t>0.005179441841550059</t>
  </si>
  <si>
    <t>33055</t>
  </si>
  <si>
    <t>889.4000854492188</t>
  </si>
  <si>
    <t>0.01631755610593011</t>
  </si>
  <si>
    <t>33717</t>
  </si>
  <si>
    <t>915.2999877929688</t>
  </si>
  <si>
    <t>0.019829320418699226</t>
  </si>
  <si>
    <t>34333</t>
  </si>
  <si>
    <t>7.516666412353516</t>
  </si>
  <si>
    <t>1086.6002197265625</t>
  </si>
  <si>
    <t>0.018104829572292758</t>
  </si>
  <si>
    <t>35286</t>
  </si>
  <si>
    <t>8.675002098083496</t>
  </si>
  <si>
    <t>1027.5</t>
  </si>
  <si>
    <t>0.02737929392934113</t>
  </si>
  <si>
    <t>35703</t>
  </si>
  <si>
    <t>987.1000366210938</t>
  </si>
  <si>
    <t>0.01174843416253779</t>
  </si>
  <si>
    <t>36126</t>
  </si>
  <si>
    <t>8.208334922790527</t>
  </si>
  <si>
    <t>1194.699951171875</t>
  </si>
  <si>
    <t>0.011778108841953738</t>
  </si>
  <si>
    <t>730.199951171875</t>
  </si>
  <si>
    <t>-0.03489856073134945</t>
  </si>
  <si>
    <t>35005</t>
  </si>
  <si>
    <t>797.1000366210938</t>
  </si>
  <si>
    <t>0.003376641450145712</t>
  </si>
  <si>
    <t>6.875</t>
  </si>
  <si>
    <t>921.2000732421875</t>
  </si>
  <si>
    <t>0.01685472942882349</t>
  </si>
  <si>
    <t>932.8001098632812</t>
  </si>
  <si>
    <t>0.04857612307272419</t>
  </si>
  <si>
    <t>975.1000366210938</t>
  </si>
  <si>
    <t>0.06930678275252333</t>
  </si>
  <si>
    <t>7.6999993324279785</t>
  </si>
  <si>
    <t>841.300048828125</t>
  </si>
  <si>
    <t>0.03724642819006618</t>
  </si>
  <si>
    <t>40341</t>
  </si>
  <si>
    <t>979.1001586914062</t>
  </si>
  <si>
    <t>-0.0301066503634555</t>
  </si>
  <si>
    <t>40982</t>
  </si>
  <si>
    <t>7.1916656494140625</t>
  </si>
  <si>
    <t>1013.300048828125</t>
  </si>
  <si>
    <t>0.01576462440479709</t>
  </si>
  <si>
    <t>43533</t>
  </si>
  <si>
    <t>940.8999633789062</t>
  </si>
  <si>
    <t>0.06038632526242438</t>
  </si>
  <si>
    <t>45034</t>
  </si>
  <si>
    <t>949.10009765625</t>
  </si>
  <si>
    <t>0.033898488860403475</t>
  </si>
  <si>
    <t>44313</t>
  </si>
  <si>
    <t>7.766666889190674</t>
  </si>
  <si>
    <t>-0.016139672310895747</t>
  </si>
  <si>
    <t>46520</t>
  </si>
  <si>
    <t>974.6000366210938</t>
  </si>
  <si>
    <t>0.04860423992389151</t>
  </si>
  <si>
    <t>874.300048828125</t>
  </si>
  <si>
    <t>0.018550009604606288</t>
  </si>
  <si>
    <t>48379</t>
  </si>
  <si>
    <t>7.858335018157959</t>
  </si>
  <si>
    <t>1085.4000244140625</t>
  </si>
  <si>
    <t>0.020633498014968055</t>
  </si>
  <si>
    <t>48908</t>
  </si>
  <si>
    <t>1162.5</t>
  </si>
  <si>
    <t>0.010875147011905284</t>
  </si>
  <si>
    <t>49401</t>
  </si>
  <si>
    <t>847.5</t>
  </si>
  <si>
    <t>0.010029684622027801</t>
  </si>
  <si>
    <t>52007</t>
  </si>
  <si>
    <t>0.05140765800223335</t>
  </si>
  <si>
    <t>49876</t>
  </si>
  <si>
    <t>1012.4000244140625</t>
  </si>
  <si>
    <t>-0.04183839977186565</t>
  </si>
  <si>
    <t>51400</t>
  </si>
  <si>
    <t>953.3001098632812</t>
  </si>
  <si>
    <t>0.030098247326780125</t>
  </si>
  <si>
    <t>51920</t>
  </si>
  <si>
    <t>816.0999145507812</t>
  </si>
  <si>
    <t>0.010065899934716072</t>
  </si>
  <si>
    <t>29724</t>
  </si>
  <si>
    <t>190.18603515625</t>
  </si>
  <si>
    <t>Miltenberg</t>
  </si>
  <si>
    <t>31009</t>
  </si>
  <si>
    <t>570.4000244140625</t>
  </si>
  <si>
    <t>0.04232268463512412</t>
  </si>
  <si>
    <t>31359</t>
  </si>
  <si>
    <t>0.011223822288334517</t>
  </si>
  <si>
    <t>30842</t>
  </si>
  <si>
    <t>730.5999145507812</t>
  </si>
  <si>
    <t>-0.016623909783216817</t>
  </si>
  <si>
    <t>745.300048828125</t>
  </si>
  <si>
    <t>0.019966637694045275</t>
  </si>
  <si>
    <t>31849</t>
  </si>
  <si>
    <t>688.5999755859375</t>
  </si>
  <si>
    <t>0.012161949221507484</t>
  </si>
  <si>
    <t>32014</t>
  </si>
  <si>
    <t>592.8999633789062</t>
  </si>
  <si>
    <t>0.0051673227734898575</t>
  </si>
  <si>
    <t>32542</t>
  </si>
  <si>
    <t>675.0</t>
  </si>
  <si>
    <t>0.016358255592621163</t>
  </si>
  <si>
    <t>33193</t>
  </si>
  <si>
    <t>716.7000732421875</t>
  </si>
  <si>
    <t>0.019807447601232653</t>
  </si>
  <si>
    <t>775.6000366210938</t>
  </si>
  <si>
    <t>0.018092205934127747</t>
  </si>
  <si>
    <t>34738</t>
  </si>
  <si>
    <t>776.4000244140625</t>
  </si>
  <si>
    <t>0.02740297237933298</t>
  </si>
  <si>
    <t>37419</t>
  </si>
  <si>
    <t>787.2000122070312</t>
  </si>
  <si>
    <t>0.07434440817986143</t>
  </si>
  <si>
    <t>36021</t>
  </si>
  <si>
    <t>942.800048828125</t>
  </si>
  <si>
    <t>-0.038076495094991</t>
  </si>
  <si>
    <t>0.05343142504565712</t>
  </si>
  <si>
    <t>37327</t>
  </si>
  <si>
    <t>-0.017816601383483288</t>
  </si>
  <si>
    <t>38648</t>
  </si>
  <si>
    <t>0.03477810187323982</t>
  </si>
  <si>
    <t>762.3999633789062</t>
  </si>
  <si>
    <t>0.025495033015914714</t>
  </si>
  <si>
    <t>40547</t>
  </si>
  <si>
    <t>0.022471734819182743</t>
  </si>
  <si>
    <t>38992</t>
  </si>
  <si>
    <t>653.300048828125</t>
  </si>
  <si>
    <t>-0.039105298204352934</t>
  </si>
  <si>
    <t>696.0</t>
  </si>
  <si>
    <t>-0.057288162294087286</t>
  </si>
  <si>
    <t>39785</t>
  </si>
  <si>
    <t>729.8999633789062</t>
  </si>
  <si>
    <t>0.07742162224073645</t>
  </si>
  <si>
    <t>43161</t>
  </si>
  <si>
    <t>649.1000366210938</t>
  </si>
  <si>
    <t>0.08144735289350713</t>
  </si>
  <si>
    <t>43171</t>
  </si>
  <si>
    <t>695.5999755859375</t>
  </si>
  <si>
    <t>0.0002316638105153146</t>
  </si>
  <si>
    <t>43059</t>
  </si>
  <si>
    <t>733.9000854492188</t>
  </si>
  <si>
    <t>-0.002597705276167872</t>
  </si>
  <si>
    <t>44418</t>
  </si>
  <si>
    <t>673.60009765625</t>
  </si>
  <si>
    <t>0.031073524431663557</t>
  </si>
  <si>
    <t>564.7000122070312</t>
  </si>
  <si>
    <t>-0.0048068878312488295</t>
  </si>
  <si>
    <t>45676</t>
  </si>
  <si>
    <t>657.5999755859375</t>
  </si>
  <si>
    <t>0.03273509098163352</t>
  </si>
  <si>
    <t>759.199951171875</t>
  </si>
  <si>
    <t>0.015079702563967956</t>
  </si>
  <si>
    <t>46593</t>
  </si>
  <si>
    <t>573.4000244140625</t>
  </si>
  <si>
    <t>0.004797616852613373</t>
  </si>
  <si>
    <t>45898</t>
  </si>
  <si>
    <t>609.800048828125</t>
  </si>
  <si>
    <t>-0.015028772123562462</t>
  </si>
  <si>
    <t>-0.004848547293018868</t>
  </si>
  <si>
    <t>47072</t>
  </si>
  <si>
    <t>0.030105348579626323</t>
  </si>
  <si>
    <t>47547</t>
  </si>
  <si>
    <t>0.01004035109937007</t>
  </si>
  <si>
    <t>776.800048828125</t>
  </si>
  <si>
    <t>420.558349609375</t>
  </si>
  <si>
    <t>Minden-LÔøΩbbecke</t>
  </si>
  <si>
    <t>40832</t>
  </si>
  <si>
    <t>623.800048828125</t>
  </si>
  <si>
    <t>0.04232112575439473</t>
  </si>
  <si>
    <t>858.800048828125</t>
  </si>
  <si>
    <t>0.011226906353927646</t>
  </si>
  <si>
    <t>871.699951171875</t>
  </si>
  <si>
    <t>-0.016629404637274803</t>
  </si>
  <si>
    <t>879.800048828125</t>
  </si>
  <si>
    <t>0.01996580345775989</t>
  </si>
  <si>
    <t>41938</t>
  </si>
  <si>
    <t>9.191668510437012</t>
  </si>
  <si>
    <t>664.0999755859375</t>
  </si>
  <si>
    <t>0.012162944267817721</t>
  </si>
  <si>
    <t>42155</t>
  </si>
  <si>
    <t>7.700000762939453</t>
  </si>
  <si>
    <t>605.2000732421875</t>
  </si>
  <si>
    <t>0.005160964210084273</t>
  </si>
  <si>
    <t>42850</t>
  </si>
  <si>
    <t>0.016352343669149505</t>
  </si>
  <si>
    <t>844.9999389648438</t>
  </si>
  <si>
    <t>0.019825506664711057</t>
  </si>
  <si>
    <t>44506</t>
  </si>
  <si>
    <t>676.5999755859375</t>
  </si>
  <si>
    <t>0.0180928598354253</t>
  </si>
  <si>
    <t>45742</t>
  </si>
  <si>
    <t>709.5</t>
  </si>
  <si>
    <t>0.027392901499242228</t>
  </si>
  <si>
    <t>43682</t>
  </si>
  <si>
    <t>-0.04608079510894747</t>
  </si>
  <si>
    <t>44126</t>
  </si>
  <si>
    <t>991.0999755859375</t>
  </si>
  <si>
    <t>0.010113059951960324</t>
  </si>
  <si>
    <t>582.300048828125</t>
  </si>
  <si>
    <t>0.011446722551079702</t>
  </si>
  <si>
    <t>43725</t>
  </si>
  <si>
    <t>-0.020575879532593433</t>
  </si>
  <si>
    <t>45435</t>
  </si>
  <si>
    <t>669.7000122070312</t>
  </si>
  <si>
    <t>0.03836271224264465</t>
  </si>
  <si>
    <t>46082</t>
  </si>
  <si>
    <t>731.699951171875</t>
  </si>
  <si>
    <t>0.014139685076228758</t>
  </si>
  <si>
    <t>47907</t>
  </si>
  <si>
    <t>0.03883921330329976</t>
  </si>
  <si>
    <t>49254</t>
  </si>
  <si>
    <t>674.3999633789062</t>
  </si>
  <si>
    <t>0.02772895106734552</t>
  </si>
  <si>
    <t>46141</t>
  </si>
  <si>
    <t>781.7000122070312</t>
  </si>
  <si>
    <t>-0.06528865691482011</t>
  </si>
  <si>
    <t>47401</t>
  </si>
  <si>
    <t>771.2000732421875</t>
  </si>
  <si>
    <t>0.02694139984554056</t>
  </si>
  <si>
    <t>0.0805862031414275</t>
  </si>
  <si>
    <t>51226</t>
  </si>
  <si>
    <t>689.2999877929688</t>
  </si>
  <si>
    <t>-0.0029823130140052</t>
  </si>
  <si>
    <t>50934</t>
  </si>
  <si>
    <t>715.3999633789062</t>
  </si>
  <si>
    <t>-0.005716538668441018</t>
  </si>
  <si>
    <t>52798</t>
  </si>
  <si>
    <t>11.283333778381348</t>
  </si>
  <si>
    <t>734.2999877929688</t>
  </si>
  <si>
    <t>0.03594263422303179</t>
  </si>
  <si>
    <t>52949</t>
  </si>
  <si>
    <t>10.508333206176758</t>
  </si>
  <si>
    <t>690.699951171875</t>
  </si>
  <si>
    <t>0.002855874920893342</t>
  </si>
  <si>
    <t>54632</t>
  </si>
  <si>
    <t>0.031290605530976734</t>
  </si>
  <si>
    <t>55368</t>
  </si>
  <si>
    <t>0.0133820178807742</t>
  </si>
  <si>
    <t>56141</t>
  </si>
  <si>
    <t>495.79998779296875</t>
  </si>
  <si>
    <t>0.013864573846859685</t>
  </si>
  <si>
    <t>56680</t>
  </si>
  <si>
    <t>0.009555031436057959</t>
  </si>
  <si>
    <t>55068</t>
  </si>
  <si>
    <t>-0.02885262962178281</t>
  </si>
  <si>
    <t>56750</t>
  </si>
  <si>
    <t>0.03008687116081532</t>
  </si>
  <si>
    <t>57324</t>
  </si>
  <si>
    <t>601.7999877929688</t>
  </si>
  <si>
    <t>0.01006372783431253</t>
  </si>
  <si>
    <t>712</t>
  </si>
  <si>
    <t>21268</t>
  </si>
  <si>
    <t>606.0000610351562</t>
  </si>
  <si>
    <t>178.8700714111328</t>
  </si>
  <si>
    <t>Mittelsachsen</t>
  </si>
  <si>
    <t>22187</t>
  </si>
  <si>
    <t>538.1000366210938</t>
  </si>
  <si>
    <t>0.04230293612835467</t>
  </si>
  <si>
    <t>22437</t>
  </si>
  <si>
    <t>0.01120485010719463</t>
  </si>
  <si>
    <t>22068</t>
  </si>
  <si>
    <t>7.308332920074463</t>
  </si>
  <si>
    <t>744.4000244140625</t>
  </si>
  <si>
    <t>-0.016582786467456145</t>
  </si>
  <si>
    <t>22512</t>
  </si>
  <si>
    <t>0.019919904961849255</t>
  </si>
  <si>
    <t>22788</t>
  </si>
  <si>
    <t>7.200000286102295</t>
  </si>
  <si>
    <t>705.1000366210938</t>
  </si>
  <si>
    <t>0.012185581246114907</t>
  </si>
  <si>
    <t>22906</t>
  </si>
  <si>
    <t>5.758333206176758</t>
  </si>
  <si>
    <t>0.005164803357375902</t>
  </si>
  <si>
    <t>23283</t>
  </si>
  <si>
    <t>7.583333492279053</t>
  </si>
  <si>
    <t>723.800048828125</t>
  </si>
  <si>
    <t>0.016324595564586986</t>
  </si>
  <si>
    <t>7.6166672706604</t>
  </si>
  <si>
    <t>774.4999389648438</t>
  </si>
  <si>
    <t>0.01985904994053911</t>
  </si>
  <si>
    <t>675.4999389648438</t>
  </si>
  <si>
    <t>0.018067376488922093</t>
  </si>
  <si>
    <t>24855</t>
  </si>
  <si>
    <t>8.591666221618652</t>
  </si>
  <si>
    <t>661.0000610351562</t>
  </si>
  <si>
    <t>0.027409032577063286</t>
  </si>
  <si>
    <t>25367</t>
  </si>
  <si>
    <t>7.375001430511475</t>
  </si>
  <si>
    <t>759.8999633789062</t>
  </si>
  <si>
    <t>0.020390177171025314</t>
  </si>
  <si>
    <t>881.800048828125</t>
  </si>
  <si>
    <t>0.037943254060785137</t>
  </si>
  <si>
    <t>27051</t>
  </si>
  <si>
    <t>7.73333215713501</t>
  </si>
  <si>
    <t>520.4000244140625</t>
  </si>
  <si>
    <t>0.026331602407433152</t>
  </si>
  <si>
    <t>27915</t>
  </si>
  <si>
    <t>0.03144020557644467</t>
  </si>
  <si>
    <t>28450</t>
  </si>
  <si>
    <t>670.1000366210938</t>
  </si>
  <si>
    <t>0.018983981810015038</t>
  </si>
  <si>
    <t>31641</t>
  </si>
  <si>
    <t>0.10630558739024742</t>
  </si>
  <si>
    <t>32985</t>
  </si>
  <si>
    <t>836.5000610351562</t>
  </si>
  <si>
    <t>0.041599164712247116</t>
  </si>
  <si>
    <t>7.858333110809326</t>
  </si>
  <si>
    <t>0.05218421163663578</t>
  </si>
  <si>
    <t>31682</t>
  </si>
  <si>
    <t>812.2999877929688</t>
  </si>
  <si>
    <t>-0.0924884280448115</t>
  </si>
  <si>
    <t>33970</t>
  </si>
  <si>
    <t>902.5999755859375</t>
  </si>
  <si>
    <t>0.06972908590583415</t>
  </si>
  <si>
    <t>35516</t>
  </si>
  <si>
    <t>691.6000366210938</t>
  </si>
  <si>
    <t>0.04450551699758876</t>
  </si>
  <si>
    <t>34381</t>
  </si>
  <si>
    <t>7.783332347869873</t>
  </si>
  <si>
    <t>714.300048828125</t>
  </si>
  <si>
    <t>-0.03247921296008549</t>
  </si>
  <si>
    <t>33859</t>
  </si>
  <si>
    <t>724.9000244140625</t>
  </si>
  <si>
    <t>-0.015299243313835476</t>
  </si>
  <si>
    <t>34969</t>
  </si>
  <si>
    <t>715.9000244140625</t>
  </si>
  <si>
    <t>0.03225711183087654</t>
  </si>
  <si>
    <t>34971</t>
  </si>
  <si>
    <t>613.7000122070312</t>
  </si>
  <si>
    <t>5.719187876884746e-05</t>
  </si>
  <si>
    <t>36139</t>
  </si>
  <si>
    <t>8.024999618530273</t>
  </si>
  <si>
    <t>0.032853468003896324</t>
  </si>
  <si>
    <t>36533</t>
  </si>
  <si>
    <t>8.683332443237305</t>
  </si>
  <si>
    <t>0.010843347106888501</t>
  </si>
  <si>
    <t>36598</t>
  </si>
  <si>
    <t>522.4000244140625</t>
  </si>
  <si>
    <t>0.0017776323889044932</t>
  </si>
  <si>
    <t>37084</t>
  </si>
  <si>
    <t>537.5999755859375</t>
  </si>
  <si>
    <t>0.013192015639241106</t>
  </si>
  <si>
    <t>35924</t>
  </si>
  <si>
    <t>662.3999633789062</t>
  </si>
  <si>
    <t>-0.03178001393603225</t>
  </si>
  <si>
    <t>37022</t>
  </si>
  <si>
    <t>7.9499993324279785</t>
  </si>
  <si>
    <t>740.4000244140625</t>
  </si>
  <si>
    <t>0.030106734728789775</t>
  </si>
  <si>
    <t>37396</t>
  </si>
  <si>
    <t>564.300048828125</t>
  </si>
  <si>
    <t>0.010051416291576132</t>
  </si>
  <si>
    <t>44.04181671142578</t>
  </si>
  <si>
    <t>MÔøΩrkisch-Oderland</t>
  </si>
  <si>
    <t>23761</t>
  </si>
  <si>
    <t>0.04229432627315077</t>
  </si>
  <si>
    <t>10.158334732055664</t>
  </si>
  <si>
    <t>524.2999877929688</t>
  </si>
  <si>
    <t>0.011215853083232474</t>
  </si>
  <si>
    <t>23633</t>
  </si>
  <si>
    <t>619.800048828125</t>
  </si>
  <si>
    <t>-0.016617393835959504</t>
  </si>
  <si>
    <t>24109</t>
  </si>
  <si>
    <t>617.300048828125</t>
  </si>
  <si>
    <t>0.019941174369014547</t>
  </si>
  <si>
    <t>24405</t>
  </si>
  <si>
    <t>506.0999755859375</t>
  </si>
  <si>
    <t>0.01220281457194794</t>
  </si>
  <si>
    <t>24531</t>
  </si>
  <si>
    <t>467.0999755859375</t>
  </si>
  <si>
    <t>0.005149594508838007</t>
  </si>
  <si>
    <t>0.01633481515013635</t>
  </si>
  <si>
    <t>25435</t>
  </si>
  <si>
    <t>625.5</t>
  </si>
  <si>
    <t>0.019853739276642912</t>
  </si>
  <si>
    <t>478.5999755859375</t>
  </si>
  <si>
    <t>0.018078179646765946</t>
  </si>
  <si>
    <t>510.20001220703125</t>
  </si>
  <si>
    <t>0.02738332074286909</t>
  </si>
  <si>
    <t>-0.032609509979719675</t>
  </si>
  <si>
    <t>26072</t>
  </si>
  <si>
    <t>0.01188377285061648</t>
  </si>
  <si>
    <t>25439</t>
  </si>
  <si>
    <t>411.60003662109375</t>
  </si>
  <si>
    <t>-0.024578512012025655</t>
  </si>
  <si>
    <t>0.025575253516819885</t>
  </si>
  <si>
    <t>25287</t>
  </si>
  <si>
    <t>521.1000366210938</t>
  </si>
  <si>
    <t>-0.03156825335659974</t>
  </si>
  <si>
    <t>485.3000183105469</t>
  </si>
  <si>
    <t>0.025380091013222028</t>
  </si>
  <si>
    <t>25890</t>
  </si>
  <si>
    <t>718.0</t>
  </si>
  <si>
    <t>-0.0018137269332303418</t>
  </si>
  <si>
    <t>491.10003662109375</t>
  </si>
  <si>
    <t>0.05420138315508538</t>
  </si>
  <si>
    <t>26357</t>
  </si>
  <si>
    <t>578.2000122070312</t>
  </si>
  <si>
    <t>-0.03632428256215192</t>
  </si>
  <si>
    <t>26210</t>
  </si>
  <si>
    <t>630.9000244140625</t>
  </si>
  <si>
    <t>-0.00559287702106559</t>
  </si>
  <si>
    <t>26212</t>
  </si>
  <si>
    <t>535.5000610351562</t>
  </si>
  <si>
    <t>7.630384193646478e-05</t>
  </si>
  <si>
    <t>26554</t>
  </si>
  <si>
    <t>545.5000610351562</t>
  </si>
  <si>
    <t>0.012963074296459709</t>
  </si>
  <si>
    <t>27065</t>
  </si>
  <si>
    <t>552.9999389648438</t>
  </si>
  <si>
    <t>0.019060984775229883</t>
  </si>
  <si>
    <t>27667</t>
  </si>
  <si>
    <t>528.800048828125</t>
  </si>
  <si>
    <t>0.021998986999740566</t>
  </si>
  <si>
    <t>27719</t>
  </si>
  <si>
    <t>10.541667938232422</t>
  </si>
  <si>
    <t>493.300048828125</t>
  </si>
  <si>
    <t>0.0018777313862265999</t>
  </si>
  <si>
    <t>27933</t>
  </si>
  <si>
    <t>462.8999938964844</t>
  </si>
  <si>
    <t>0.007690686939595182</t>
  </si>
  <si>
    <t>29078</t>
  </si>
  <si>
    <t>713.4000244140625</t>
  </si>
  <si>
    <t>0.04017308893473093</t>
  </si>
  <si>
    <t>28976</t>
  </si>
  <si>
    <t>351.4000244140625</t>
  </si>
  <si>
    <t>-0.003513973368177048</t>
  </si>
  <si>
    <t>29704</t>
  </si>
  <si>
    <t>473.0000305175781</t>
  </si>
  <si>
    <t>0.024813815733722322</t>
  </si>
  <si>
    <t>10.958334922790527</t>
  </si>
  <si>
    <t>494.6999816894531</t>
  </si>
  <si>
    <t>-0.018415224980685707</t>
  </si>
  <si>
    <t>30053</t>
  </si>
  <si>
    <t>558.7000122070312</t>
  </si>
  <si>
    <t>0.030095997714729705</t>
  </si>
  <si>
    <t>30357</t>
  </si>
  <si>
    <t>441.79998779296875</t>
  </si>
  <si>
    <t>0.010064643806909856</t>
  </si>
  <si>
    <t>720</t>
  </si>
  <si>
    <t>35868</t>
  </si>
  <si>
    <t>808.699951171875</t>
  </si>
  <si>
    <t>484.3988952636719</t>
  </si>
  <si>
    <t>MÔøΩrkischer Kreis</t>
  </si>
  <si>
    <t>37418</t>
  </si>
  <si>
    <t>610.0999755859375</t>
  </si>
  <si>
    <t>0.04230633897342706</t>
  </si>
  <si>
    <t>37841</t>
  </si>
  <si>
    <t>9.700000762939453</t>
  </si>
  <si>
    <t>894.4000244140625</t>
  </si>
  <si>
    <t>0.011241298832572966</t>
  </si>
  <si>
    <t>37217</t>
  </si>
  <si>
    <t>923.0</t>
  </si>
  <si>
    <t>-0.01662752475717255</t>
  </si>
  <si>
    <t>37967</t>
  </si>
  <si>
    <t>900.8999633789062</t>
  </si>
  <si>
    <t>0.0199517152391131</t>
  </si>
  <si>
    <t>38432</t>
  </si>
  <si>
    <t>769.8001098632812</t>
  </si>
  <si>
    <t>0.01217308451983179</t>
  </si>
  <si>
    <t>38631</t>
  </si>
  <si>
    <t>7.183333873748779</t>
  </si>
  <si>
    <t>641.9000244140625</t>
  </si>
  <si>
    <t>0.0051646170621832965</t>
  </si>
  <si>
    <t>39268</t>
  </si>
  <si>
    <t>823.800048828125</t>
  </si>
  <si>
    <t>0.0163548748705189</t>
  </si>
  <si>
    <t>0.019818605852957916</t>
  </si>
  <si>
    <t>40785</t>
  </si>
  <si>
    <t>0.018085823069311502</t>
  </si>
  <si>
    <t>41918</t>
  </si>
  <si>
    <t>1029.7000732421875</t>
  </si>
  <si>
    <t>0.02740096219842414</t>
  </si>
  <si>
    <t>41369</t>
  </si>
  <si>
    <t>950.2000122070312</t>
  </si>
  <si>
    <t>-0.013183520875188037</t>
  </si>
  <si>
    <t>40566</t>
  </si>
  <si>
    <t>996.0999755859375</t>
  </si>
  <si>
    <t>-0.019601530739183914</t>
  </si>
  <si>
    <t>39700</t>
  </si>
  <si>
    <t>674.4000244140625</t>
  </si>
  <si>
    <t>-0.0215790896434509</t>
  </si>
  <si>
    <t>40160</t>
  </si>
  <si>
    <t>758.8999633789062</t>
  </si>
  <si>
    <t>0.011520287690327535</t>
  </si>
  <si>
    <t>763.7000122070312</t>
  </si>
  <si>
    <t>0.02001743119081567</t>
  </si>
  <si>
    <t>43313</t>
  </si>
  <si>
    <t>840.5</t>
  </si>
  <si>
    <t>0.05556391432074648</t>
  </si>
  <si>
    <t>44073</t>
  </si>
  <si>
    <t>923.4000854492188</t>
  </si>
  <si>
    <t>0.017394529161364858</t>
  </si>
  <si>
    <t>844.4999389648438</t>
  </si>
  <si>
    <t>0.022813142376593376</t>
  </si>
  <si>
    <t>40983</t>
  </si>
  <si>
    <t>825.5</t>
  </si>
  <si>
    <t>-0.09550314585953323</t>
  </si>
  <si>
    <t>43328</t>
  </si>
  <si>
    <t>862.0000610351562</t>
  </si>
  <si>
    <t>0.05564173071634926</t>
  </si>
  <si>
    <t>46190</t>
  </si>
  <si>
    <t>806.5000610351562</t>
  </si>
  <si>
    <t>0.06396424715270399</t>
  </si>
  <si>
    <t>46608</t>
  </si>
  <si>
    <t>790.0</t>
  </si>
  <si>
    <t>0.009008875774565439</t>
  </si>
  <si>
    <t>47704</t>
  </si>
  <si>
    <t>0.023243051603726528</t>
  </si>
  <si>
    <t>47924</t>
  </si>
  <si>
    <t>897.800048828125</t>
  </si>
  <si>
    <t>0.0046011709568478665</t>
  </si>
  <si>
    <t>734.7999877929688</t>
  </si>
  <si>
    <t>0.03116361670444512</t>
  </si>
  <si>
    <t>49024</t>
  </si>
  <si>
    <t>-0.008470065363972878</t>
  </si>
  <si>
    <t>50218</t>
  </si>
  <si>
    <t>903.0999755859375</t>
  </si>
  <si>
    <t>0.024063554047279112</t>
  </si>
  <si>
    <t>49763</t>
  </si>
  <si>
    <t>638.5000610351562</t>
  </si>
  <si>
    <t>-0.009101792162745426</t>
  </si>
  <si>
    <t>48890</t>
  </si>
  <si>
    <t>782.699951171875</t>
  </si>
  <si>
    <t>-0.01769885941210525</t>
  </si>
  <si>
    <t>46156</t>
  </si>
  <si>
    <t>798.9000854492188</t>
  </si>
  <si>
    <t>-0.0575459132581333</t>
  </si>
  <si>
    <t>47566</t>
  </si>
  <si>
    <t>865.800048828125</t>
  </si>
  <si>
    <t>0.03009125696708459</t>
  </si>
  <si>
    <t>48046</t>
  </si>
  <si>
    <t>755.5</t>
  </si>
  <si>
    <t>0.010040665033498541</t>
  </si>
  <si>
    <t>723</t>
  </si>
  <si>
    <t>857.8998413085938</t>
  </si>
  <si>
    <t>169.4329071044922</t>
  </si>
  <si>
    <t>Neuburg-Schrobenhausen</t>
  </si>
  <si>
    <t>34003</t>
  </si>
  <si>
    <t>644.2999877929688</t>
  </si>
  <si>
    <t>0.042320533663977145</t>
  </si>
  <si>
    <t>34386</t>
  </si>
  <si>
    <t>0.011200748779881309</t>
  </si>
  <si>
    <t>839.39990234375</t>
  </si>
  <si>
    <t>-0.01659716132722089</t>
  </si>
  <si>
    <t>34501</t>
  </si>
  <si>
    <t>805.9000244140625</t>
  </si>
  <si>
    <t>0.01993596565405298</t>
  </si>
  <si>
    <t>34924</t>
  </si>
  <si>
    <t>809.2999877929688</t>
  </si>
  <si>
    <t>0.01218596282407347</t>
  </si>
  <si>
    <t>35105</t>
  </si>
  <si>
    <t>0.0051692985206504005</t>
  </si>
  <si>
    <t>35683</t>
  </si>
  <si>
    <t>0.01633081442549944</t>
  </si>
  <si>
    <t>36398</t>
  </si>
  <si>
    <t>9.125000953674316</t>
  </si>
  <si>
    <t>0.01983944318350339</t>
  </si>
  <si>
    <t>37062</t>
  </si>
  <si>
    <t>891.2000122070312</t>
  </si>
  <si>
    <t>0.01807835786360279</t>
  </si>
  <si>
    <t>38092</t>
  </si>
  <si>
    <t>851.7000732421875</t>
  </si>
  <si>
    <t>0.02741210038998254</t>
  </si>
  <si>
    <t>39706</t>
  </si>
  <si>
    <t>830.5</t>
  </si>
  <si>
    <t>0.041498023443086396</t>
  </si>
  <si>
    <t>39425</t>
  </si>
  <si>
    <t>1013.800048828125</t>
  </si>
  <si>
    <t>-0.007102176925783965</t>
  </si>
  <si>
    <t>40220</t>
  </si>
  <si>
    <t>0.01996425149540393</t>
  </si>
  <si>
    <t>40473</t>
  </si>
  <si>
    <t>0.006270700780282468</t>
  </si>
  <si>
    <t>740.1000366210938</t>
  </si>
  <si>
    <t>762.4000244140625</t>
  </si>
  <si>
    <t>0.05457035416062439</t>
  </si>
  <si>
    <t>43654</t>
  </si>
  <si>
    <t>786.5</t>
  </si>
  <si>
    <t>0.021089476831471998</t>
  </si>
  <si>
    <t>45169</t>
  </si>
  <si>
    <t>692.0999755859375</t>
  </si>
  <si>
    <t>0.03411609471700672</t>
  </si>
  <si>
    <t>44005</t>
  </si>
  <si>
    <t>800.7999877929688</t>
  </si>
  <si>
    <t>-0.026107747008117244</t>
  </si>
  <si>
    <t>46939</t>
  </si>
  <si>
    <t>822.6001586914062</t>
  </si>
  <si>
    <t>0.06454562257809826</t>
  </si>
  <si>
    <t>48023</t>
  </si>
  <si>
    <t>767.7000122070312</t>
  </si>
  <si>
    <t>0.022831176406995723</t>
  </si>
  <si>
    <t>48327</t>
  </si>
  <si>
    <t>787.10009765625</t>
  </si>
  <si>
    <t>0.006310347873069944</t>
  </si>
  <si>
    <t>45777</t>
  </si>
  <si>
    <t>820.7999877929688</t>
  </si>
  <si>
    <t>-0.05420862910623114</t>
  </si>
  <si>
    <t>45794</t>
  </si>
  <si>
    <t>780.9000244140625</t>
  </si>
  <si>
    <t>0.00037129659379786517</t>
  </si>
  <si>
    <t>46617</t>
  </si>
  <si>
    <t>642.2000122070312</t>
  </si>
  <si>
    <t>0.017812203301200924</t>
  </si>
  <si>
    <t>47940</t>
  </si>
  <si>
    <t>9.208332061767578</t>
  </si>
  <si>
    <t>0.027984947533532534</t>
  </si>
  <si>
    <t>50125</t>
  </si>
  <si>
    <t>865.0</t>
  </si>
  <si>
    <t>0.04456965662049406</t>
  </si>
  <si>
    <t>50504</t>
  </si>
  <si>
    <t>629.3999633789062</t>
  </si>
  <si>
    <t>0.007532655438591718</t>
  </si>
  <si>
    <t>50970</t>
  </si>
  <si>
    <t>10.3916654586792</t>
  </si>
  <si>
    <t>0.009184683286624917</t>
  </si>
  <si>
    <t>-0.007226361278476645</t>
  </si>
  <si>
    <t>52149</t>
  </si>
  <si>
    <t>779.2001342773438</t>
  </si>
  <si>
    <t>0.030094142734039764</t>
  </si>
  <si>
    <t>52676</t>
  </si>
  <si>
    <t>688.6000366210938</t>
  </si>
  <si>
    <t>0.010054938040461536</t>
  </si>
  <si>
    <t>724</t>
  </si>
  <si>
    <t>30362</t>
  </si>
  <si>
    <t>9.233491897583008</t>
  </si>
  <si>
    <t>753.5516967773438</t>
  </si>
  <si>
    <t>488.4967346191406</t>
  </si>
  <si>
    <t>Neumarkt i. d. OPf.</t>
  </si>
  <si>
    <t>8.22855281829834</t>
  </si>
  <si>
    <t>593.3684692382812</t>
  </si>
  <si>
    <t>0.042304328559010784</t>
  </si>
  <si>
    <t>32031</t>
  </si>
  <si>
    <t>9.428553581237793</t>
  </si>
  <si>
    <t>708.2571411132812</t>
  </si>
  <si>
    <t>0.011208028794740699</t>
  </si>
  <si>
    <t>31504</t>
  </si>
  <si>
    <t>8.655251502990723</t>
  </si>
  <si>
    <t>774.8277587890625</t>
  </si>
  <si>
    <t>-0.016589661967504554</t>
  </si>
  <si>
    <t>32138</t>
  </si>
  <si>
    <t>9.62855339050293</t>
  </si>
  <si>
    <t>740.3591918945312</t>
  </si>
  <si>
    <t>0.019924608722790893</t>
  </si>
  <si>
    <t>32532</t>
  </si>
  <si>
    <t>8.695219993591309</t>
  </si>
  <si>
    <t>724.733154296875</t>
  </si>
  <si>
    <t>0.012185089684967565</t>
  </si>
  <si>
    <t>32701</t>
  </si>
  <si>
    <t>7.59522008895874</t>
  </si>
  <si>
    <t>628.298095703125</t>
  </si>
  <si>
    <t>0.005181438170843933</t>
  </si>
  <si>
    <t>33239</t>
  </si>
  <si>
    <t>9.26358413696289</t>
  </si>
  <si>
    <t>616.3425903320312</t>
  </si>
  <si>
    <t>0.016318226823475612</t>
  </si>
  <si>
    <t>33905</t>
  </si>
  <si>
    <t>8.930251121520996</t>
  </si>
  <si>
    <t>679.2034912109375</t>
  </si>
  <si>
    <t>0.019838610836957926</t>
  </si>
  <si>
    <t>34524</t>
  </si>
  <si>
    <t>8.726856231689453</t>
  </si>
  <si>
    <t>779.68896484375</t>
  </si>
  <si>
    <t>0.018092238221605328</t>
  </si>
  <si>
    <t>35483</t>
  </si>
  <si>
    <t>9.81188678741455</t>
  </si>
  <si>
    <t>785.286865234375</t>
  </si>
  <si>
    <t>34422</t>
  </si>
  <si>
    <t>8.828553199768066</t>
  </si>
  <si>
    <t>727.9256591796875</t>
  </si>
  <si>
    <t>-0.030357813697737157</t>
  </si>
  <si>
    <t>35889</t>
  </si>
  <si>
    <t>9.42685604095459</t>
  </si>
  <si>
    <t>895.4348754882812</t>
  </si>
  <si>
    <t>0.041734947009087975</t>
  </si>
  <si>
    <t>34020</t>
  </si>
  <si>
    <t>9.073615074157715</t>
  </si>
  <si>
    <t>543.9332275390625</t>
  </si>
  <si>
    <t>-0.05348225488916114</t>
  </si>
  <si>
    <t>35379</t>
  </si>
  <si>
    <t>8.741979598999023</t>
  </si>
  <si>
    <t>561.0552368164062</t>
  </si>
  <si>
    <t>0.03916983680822739</t>
  </si>
  <si>
    <t>37109</t>
  </si>
  <si>
    <t>8.130250930786133</t>
  </si>
  <si>
    <t>651.77001953125</t>
  </si>
  <si>
    <t>0.0477411040189093</t>
  </si>
  <si>
    <t>9.68688678741455</t>
  </si>
  <si>
    <t>669.6956176757812</t>
  </si>
  <si>
    <t>0.022857833582888176</t>
  </si>
  <si>
    <t>38373</t>
  </si>
  <si>
    <t>9.41358470916748</t>
  </si>
  <si>
    <t>759.7261352539062</t>
  </si>
  <si>
    <t>0.010636725907625433</t>
  </si>
  <si>
    <t>40781</t>
  </si>
  <si>
    <t>8.886885643005371</t>
  </si>
  <si>
    <t>624.6779174804688</t>
  </si>
  <si>
    <t>0.0608621993847116</t>
  </si>
  <si>
    <t>42091</t>
  </si>
  <si>
    <t>9.10864543914795</t>
  </si>
  <si>
    <t>727.7296752929688</t>
  </si>
  <si>
    <t>0.03161765444266784</t>
  </si>
  <si>
    <t>45138</t>
  </si>
  <si>
    <t>8.320219993591309</t>
  </si>
  <si>
    <t>729.47021484375</t>
  </si>
  <si>
    <t>0.06989052269339346</t>
  </si>
  <si>
    <t>47251</t>
  </si>
  <si>
    <t>9.78858470916748</t>
  </si>
  <si>
    <t>700.6185302734375</t>
  </si>
  <si>
    <t>0.04574935393082136</t>
  </si>
  <si>
    <t>46432</t>
  </si>
  <si>
    <t>9.173615455627441</t>
  </si>
  <si>
    <t>675.9127197265625</t>
  </si>
  <si>
    <t>-0.01748494103518361</t>
  </si>
  <si>
    <t>48765</t>
  </si>
  <si>
    <t>8.88858413696289</t>
  </si>
  <si>
    <t>748.099853515625</t>
  </si>
  <si>
    <t>0.04902396572220091</t>
  </si>
  <si>
    <t>51150</t>
  </si>
  <si>
    <t>10.01358413696289</t>
  </si>
  <si>
    <t>694.2279052734375</t>
  </si>
  <si>
    <t>0.04774964997365849</t>
  </si>
  <si>
    <t>51986</t>
  </si>
  <si>
    <t>9.990436553955078</t>
  </si>
  <si>
    <t>585.2499389648438</t>
  </si>
  <si>
    <t>0.016211959165449485</t>
  </si>
  <si>
    <t>52748</t>
  </si>
  <si>
    <t>9.021918296813965</t>
  </si>
  <si>
    <t>710.06640625</t>
  </si>
  <si>
    <t>0.014551405382366767</t>
  </si>
  <si>
    <t>54163</t>
  </si>
  <si>
    <t>9.920220375061035</t>
  </si>
  <si>
    <t>797.2852783203125</t>
  </si>
  <si>
    <t>0.026472161557309803</t>
  </si>
  <si>
    <t>52627</t>
  </si>
  <si>
    <t>9.848614692687988</t>
  </si>
  <si>
    <t>571.6680908203125</t>
  </si>
  <si>
    <t>-0.02876872247178497</t>
  </si>
  <si>
    <t>51525</t>
  </si>
  <si>
    <t>10.20525074005127</t>
  </si>
  <si>
    <t>613.9850463867188</t>
  </si>
  <si>
    <t>-0.021162169254454355</t>
  </si>
  <si>
    <t>50838</t>
  </si>
  <si>
    <t>9.8851900100708</t>
  </si>
  <si>
    <t>706.5718994140625</t>
  </si>
  <si>
    <t>-0.013423020332140823</t>
  </si>
  <si>
    <t>52391</t>
  </si>
  <si>
    <t>9.08025074005127</t>
  </si>
  <si>
    <t>727.3204956054688</t>
  </si>
  <si>
    <t>0.030090714405719865</t>
  </si>
  <si>
    <t>52921</t>
  </si>
  <si>
    <t>10.468523025512695</t>
  </si>
  <si>
    <t>618.875732421875</t>
  </si>
  <si>
    <t>0.010065414665584527</t>
  </si>
  <si>
    <t>25350</t>
  </si>
  <si>
    <t>8.572432518005371</t>
  </si>
  <si>
    <t>643.6982421875</t>
  </si>
  <si>
    <t>213.84036254882812</t>
  </si>
  <si>
    <t>Neustadt a. d. Waldnaab</t>
  </si>
  <si>
    <t>26445</t>
  </si>
  <si>
    <t>7.373262405395508</t>
  </si>
  <si>
    <t>536.44140625</t>
  </si>
  <si>
    <t>0.042288374480749624</t>
  </si>
  <si>
    <t>26744</t>
  </si>
  <si>
    <t>8.610347747802734</t>
  </si>
  <si>
    <t>701.2490234375</t>
  </si>
  <si>
    <t>0.011243044599854812</t>
  </si>
  <si>
    <t>26303</t>
  </si>
  <si>
    <t>7.698263168334961</t>
  </si>
  <si>
    <t>706.0488891601562</t>
  </si>
  <si>
    <t>-0.016627147998324432</t>
  </si>
  <si>
    <t>8.53076457977295</t>
  </si>
  <si>
    <t>732.54833984375</t>
  </si>
  <si>
    <t>0.019949472199527918</t>
  </si>
  <si>
    <t>27162</t>
  </si>
  <si>
    <t>7.647432327270508</t>
  </si>
  <si>
    <t>656.3846435546875</t>
  </si>
  <si>
    <t>0.012186464362875071</t>
  </si>
  <si>
    <t>27302</t>
  </si>
  <si>
    <t>6.189098834991455</t>
  </si>
  <si>
    <t>585.98583984375</t>
  </si>
  <si>
    <t>0.005141021898909415</t>
  </si>
  <si>
    <t>27752</t>
  </si>
  <si>
    <t>8.231595039367676</t>
  </si>
  <si>
    <t>608.7495727539062</t>
  </si>
  <si>
    <t>0.016347950086663232</t>
  </si>
  <si>
    <t>28308</t>
  </si>
  <si>
    <t>8.205765724182129</t>
  </si>
  <si>
    <t>697.2667846679688</t>
  </si>
  <si>
    <t>0.01983654054608941</t>
  </si>
  <si>
    <t>28825</t>
  </si>
  <si>
    <t>8.436178207397461</t>
  </si>
  <si>
    <t>671.77490234375</t>
  </si>
  <si>
    <t>0.01809861594158413</t>
  </si>
  <si>
    <t>29625</t>
  </si>
  <si>
    <t>9.089098930358887</t>
  </si>
  <si>
    <t>679.19970703125</t>
  </si>
  <si>
    <t>0.02737553330017306</t>
  </si>
  <si>
    <t>30499</t>
  </si>
  <si>
    <t>8.030765533447266</t>
  </si>
  <si>
    <t>724.385498046875</t>
  </si>
  <si>
    <t>0.029075296735323164</t>
  </si>
  <si>
    <t>30950</t>
  </si>
  <si>
    <t>8.443679809570312</t>
  </si>
  <si>
    <t>934.9015502929688</t>
  </si>
  <si>
    <t>0.014679102939986421</t>
  </si>
  <si>
    <t>29747</t>
  </si>
  <si>
    <t>8.260348320007324</t>
  </si>
  <si>
    <t>500.2066650390625</t>
  </si>
  <si>
    <t>-0.03964471255982893</t>
  </si>
  <si>
    <t>29229</t>
  </si>
  <si>
    <t>8.217850685119629</t>
  </si>
  <si>
    <t>634.2078857421875</t>
  </si>
  <si>
    <t>-0.01756691945946187</t>
  </si>
  <si>
    <t>30115</t>
  </si>
  <si>
    <t>7.52784538269043</t>
  </si>
  <si>
    <t>640.1383666992188</t>
  </si>
  <si>
    <t>0.029862019384371052</t>
  </si>
  <si>
    <t>9.16493034362793</t>
  </si>
  <si>
    <t>666.6309204101562</t>
  </si>
  <si>
    <t>-0.023076784425667185</t>
  </si>
  <si>
    <t>31457</t>
  </si>
  <si>
    <t>8.963268280029297</t>
  </si>
  <si>
    <t>769.6834106445312</t>
  </si>
  <si>
    <t>0.0666749318268689</t>
  </si>
  <si>
    <t>32154</t>
  </si>
  <si>
    <t>8.343681335449219</t>
  </si>
  <si>
    <t>620.9598388671875</t>
  </si>
  <si>
    <t>0.02191532584388156</t>
  </si>
  <si>
    <t>31138</t>
  </si>
  <si>
    <t>8.313267707824707</t>
  </si>
  <si>
    <t>711.2706298828125</t>
  </si>
  <si>
    <t>-0.03210792147328512</t>
  </si>
  <si>
    <t>32729</t>
  </si>
  <si>
    <t>7.527014255523682</t>
  </si>
  <si>
    <t>745.3278198242188</t>
  </si>
  <si>
    <t>0.049832596769382675</t>
  </si>
  <si>
    <t>8.897432327270508</t>
  </si>
  <si>
    <t>649.1187744140625</t>
  </si>
  <si>
    <t>0.07016748969300579</t>
  </si>
  <si>
    <t>36691</t>
  </si>
  <si>
    <t>8.27535343170166</t>
  </si>
  <si>
    <t>622.1076049804688</t>
  </si>
  <si>
    <t>0.044102468648835824</t>
  </si>
  <si>
    <t>38030</t>
  </si>
  <si>
    <t>8.047431945800781</t>
  </si>
  <si>
    <t>686.8048095703125</t>
  </si>
  <si>
    <t>0.035843828561461066</t>
  </si>
  <si>
    <t>40370</t>
  </si>
  <si>
    <t>9.509516716003418</t>
  </si>
  <si>
    <t>666.4815673828125</t>
  </si>
  <si>
    <t>0.059711612924681745</t>
  </si>
  <si>
    <t>41379</t>
  </si>
  <si>
    <t>9.105766296386719</t>
  </si>
  <si>
    <t>534.956787109375</t>
  </si>
  <si>
    <t>0.024686570896642834</t>
  </si>
  <si>
    <t>41398</t>
  </si>
  <si>
    <t>8.522431373596191</t>
  </si>
  <si>
    <t>605.0223999023438</t>
  </si>
  <si>
    <t>0.00045906472410628396</t>
  </si>
  <si>
    <t>42272</t>
  </si>
  <si>
    <t>9.301182746887207</t>
  </si>
  <si>
    <t>735.6047973632812</t>
  </si>
  <si>
    <t>0.02089235785431498</t>
  </si>
  <si>
    <t>9.467850685119629</t>
  </si>
  <si>
    <t>515.5692138671875</t>
  </si>
  <si>
    <t>0.03230742278188359</t>
  </si>
  <si>
    <t>43841</t>
  </si>
  <si>
    <t>9.722432136535645</t>
  </si>
  <si>
    <t>535.9791259765625</t>
  </si>
  <si>
    <t>0.0041371014767914716</t>
  </si>
  <si>
    <t>9.339098930358887</t>
  </si>
  <si>
    <t>666.4577026367188</t>
  </si>
  <si>
    <t>-0.0388840986617236</t>
  </si>
  <si>
    <t>43457</t>
  </si>
  <si>
    <t>8.509516716003418</t>
  </si>
  <si>
    <t>711.7156982421875</t>
  </si>
  <si>
    <t>0.030086589516630013</t>
  </si>
  <si>
    <t>43896</t>
  </si>
  <si>
    <t>9.702013969421387</t>
  </si>
  <si>
    <t>569.88037109375</t>
  </si>
  <si>
    <t>0.01005125630317849</t>
  </si>
  <si>
    <t>109.57251739501953</t>
  </si>
  <si>
    <t>Nienburg (Weser)</t>
  </si>
  <si>
    <t>30707</t>
  </si>
  <si>
    <t>0.04230619915122169</t>
  </si>
  <si>
    <t>31053</t>
  </si>
  <si>
    <t>807.5999755859375</t>
  </si>
  <si>
    <t>0.011204780438275108</t>
  </si>
  <si>
    <t>30542</t>
  </si>
  <si>
    <t>-0.01659263653873211</t>
  </si>
  <si>
    <t>31157</t>
  </si>
  <si>
    <t>842.0</t>
  </si>
  <si>
    <t>0.01993615355804046</t>
  </si>
  <si>
    <t>9.308332443237305</t>
  </si>
  <si>
    <t>631.0000610351562</t>
  </si>
  <si>
    <t>0.01215422889436546</t>
  </si>
  <si>
    <t>31702</t>
  </si>
  <si>
    <t>7.799999713897705</t>
  </si>
  <si>
    <t>575.2000122070312</t>
  </si>
  <si>
    <t>0.005186602392305062</t>
  </si>
  <si>
    <t>709.6000366210938</t>
  </si>
  <si>
    <t>0.016331746160451743</t>
  </si>
  <si>
    <t>32870</t>
  </si>
  <si>
    <t>0.0198488711399758</t>
  </si>
  <si>
    <t>33470</t>
  </si>
  <si>
    <t>621.4000244140625</t>
  </si>
  <si>
    <t>0.018089127547106898</t>
  </si>
  <si>
    <t>34399</t>
  </si>
  <si>
    <t>667.5</t>
  </si>
  <si>
    <t>0.02737797896614147</t>
  </si>
  <si>
    <t>34485</t>
  </si>
  <si>
    <t>761.300048828125</t>
  </si>
  <si>
    <t>0.002496952693878285</t>
  </si>
  <si>
    <t>939.300048828125</t>
  </si>
  <si>
    <t>30136</t>
  </si>
  <si>
    <t>553.300048828125</t>
  </si>
  <si>
    <t>-0.09908589389143607</t>
  </si>
  <si>
    <t>31741</t>
  </si>
  <si>
    <t>0.0518887501983567</t>
  </si>
  <si>
    <t>30843</t>
  </si>
  <si>
    <t>646.7999877929688</t>
  </si>
  <si>
    <t>-0.028699400359405658</t>
  </si>
  <si>
    <t>696.199951171875</t>
  </si>
  <si>
    <t>0.06992835657607088</t>
  </si>
  <si>
    <t>33774</t>
  </si>
  <si>
    <t>982.300048828125</t>
  </si>
  <si>
    <t>0.020853098905183387</t>
  </si>
  <si>
    <t>34854</t>
  </si>
  <si>
    <t>0.03147663252850563</t>
  </si>
  <si>
    <t>32524</t>
  </si>
  <si>
    <t>739.0000610351562</t>
  </si>
  <si>
    <t>-0.06918962989285937</t>
  </si>
  <si>
    <t>34702</t>
  </si>
  <si>
    <t>744.9000244140625</t>
  </si>
  <si>
    <t>0.06481904383388937</t>
  </si>
  <si>
    <t>37156</t>
  </si>
  <si>
    <t>679.300048828125</t>
  </si>
  <si>
    <t>0.0683279433457944</t>
  </si>
  <si>
    <t>666.8999633789062</t>
  </si>
  <si>
    <t>0.054163538823656765</t>
  </si>
  <si>
    <t>40501</t>
  </si>
  <si>
    <t>9.591668128967285</t>
  </si>
  <si>
    <t>686.6000366210938</t>
  </si>
  <si>
    <t>0.03203786081675908</t>
  </si>
  <si>
    <t>41914</t>
  </si>
  <si>
    <t>0.03429323483205948</t>
  </si>
  <si>
    <t>10.450000762939453</t>
  </si>
  <si>
    <t>673.9000244140625</t>
  </si>
  <si>
    <t>0.0020020981041763974</t>
  </si>
  <si>
    <t>40675</t>
  </si>
  <si>
    <t>-0.032008344996825144</t>
  </si>
  <si>
    <t>41572</t>
  </si>
  <si>
    <t>920.7999877929688</t>
  </si>
  <si>
    <t>0.02181321062107422</t>
  </si>
  <si>
    <t>464.0</t>
  </si>
  <si>
    <t>-0.009692738708135806</t>
  </si>
  <si>
    <t>42089</t>
  </si>
  <si>
    <t>625.7000122070312</t>
  </si>
  <si>
    <t>0.022052298869700948</t>
  </si>
  <si>
    <t>40786</t>
  </si>
  <si>
    <t>-0.03144753861758609</t>
  </si>
  <si>
    <t>42032</t>
  </si>
  <si>
    <t>710.800048828125</t>
  </si>
  <si>
    <t>0.030092347673029707</t>
  </si>
  <si>
    <t>42456</t>
  </si>
  <si>
    <t>564.9000244140625</t>
  </si>
  <si>
    <t>0.010037012582408522</t>
  </si>
  <si>
    <t>32946</t>
  </si>
  <si>
    <t>9.91053295135498</t>
  </si>
  <si>
    <t>920.1890258789062</t>
  </si>
  <si>
    <t>258.726806640625</t>
  </si>
  <si>
    <t>Nordfriesland</t>
  </si>
  <si>
    <t>34370</t>
  </si>
  <si>
    <t>8.88387393951416</t>
  </si>
  <si>
    <t>723.2921752929688</t>
  </si>
  <si>
    <t>0.04231423333695261</t>
  </si>
  <si>
    <t>9.633339881896973</t>
  </si>
  <si>
    <t>892.6318359375</t>
  </si>
  <si>
    <t>0.011225670480799366</t>
  </si>
  <si>
    <t>8.456542015075684</t>
  </si>
  <si>
    <t>920.5771484375</t>
  </si>
  <si>
    <t>-0.016622809976784225</t>
  </si>
  <si>
    <t>34874</t>
  </si>
  <si>
    <t>9.193741798400879</t>
  </si>
  <si>
    <t>1011.7726440429688</t>
  </si>
  <si>
    <t>0.019954614529543946</t>
  </si>
  <si>
    <t>35301</t>
  </si>
  <si>
    <t>8.756789207458496</t>
  </si>
  <si>
    <t>671.2698364257812</t>
  </si>
  <si>
    <t>0.012169726254599667</t>
  </si>
  <si>
    <t>7.500121593475342</t>
  </si>
  <si>
    <t>578.2154541015625</t>
  </si>
  <si>
    <t>0.005170598508438928</t>
  </si>
  <si>
    <t>36069</t>
  </si>
  <si>
    <t>9.380810737609863</t>
  </si>
  <si>
    <t>774.608642578125</t>
  </si>
  <si>
    <t>0.016351880002542174</t>
  </si>
  <si>
    <t>8.86336898803711</t>
  </si>
  <si>
    <t>1023.2529296875</t>
  </si>
  <si>
    <t>0.019819479385661865</t>
  </si>
  <si>
    <t>37462</t>
  </si>
  <si>
    <t>9.639798164367676</t>
  </si>
  <si>
    <t>874.2719116210938</t>
  </si>
  <si>
    <t>0.01807383582715616</t>
  </si>
  <si>
    <t>38503</t>
  </si>
  <si>
    <t>9.872454643249512</t>
  </si>
  <si>
    <t>812.8262939453125</t>
  </si>
  <si>
    <t>0.027409074462193317</t>
  </si>
  <si>
    <t>39101</t>
  </si>
  <si>
    <t>9.053492546081543</t>
  </si>
  <si>
    <t>951.8070678710938</t>
  </si>
  <si>
    <t>0.01541188177595032</t>
  </si>
  <si>
    <t>37787</t>
  </si>
  <si>
    <t>9.454432487487793</t>
  </si>
  <si>
    <t>970.6709594726562</t>
  </si>
  <si>
    <t>-0.03418291398266149</t>
  </si>
  <si>
    <t>37715</t>
  </si>
  <si>
    <t>9.202210426330566</t>
  </si>
  <si>
    <t>733.4998168945312</t>
  </si>
  <si>
    <t>-0.0019072348235891212</t>
  </si>
  <si>
    <t>9.545689582824707</t>
  </si>
  <si>
    <t>849.2573852539062</t>
  </si>
  <si>
    <t>0.005288918847305979</t>
  </si>
  <si>
    <t>8.976011276245117</t>
  </si>
  <si>
    <t>741.4983520507812</t>
  </si>
  <si>
    <t>-0.015147778343870044</t>
  </si>
  <si>
    <t>10.405680656433105</t>
  </si>
  <si>
    <t>900.84814453125</t>
  </si>
  <si>
    <t>0.0300695211772517</t>
  </si>
  <si>
    <t>39916</t>
  </si>
  <si>
    <t>9.998347282409668</t>
  </si>
  <si>
    <t>977.4464721679688</t>
  </si>
  <si>
    <t>0.03650869103578458</t>
  </si>
  <si>
    <t>41634</t>
  </si>
  <si>
    <t>9.668006896972656</t>
  </si>
  <si>
    <t>801.2532348632812</t>
  </si>
  <si>
    <t>0.04213989512340177</t>
  </si>
  <si>
    <t>41138</t>
  </si>
  <si>
    <t>9.143712043762207</t>
  </si>
  <si>
    <t>799.4708862304688</t>
  </si>
  <si>
    <t>-0.011984872589495765</t>
  </si>
  <si>
    <t>42294</t>
  </si>
  <si>
    <t>8.185171127319336</t>
  </si>
  <si>
    <t>867.378662109375</t>
  </si>
  <si>
    <t>0.027712963463821794</t>
  </si>
  <si>
    <t>42959</t>
  </si>
  <si>
    <t>9.804980278015137</t>
  </si>
  <si>
    <t>909.0286865234375</t>
  </si>
  <si>
    <t>0.015600940442480393</t>
  </si>
  <si>
    <t>45430</t>
  </si>
  <si>
    <t>8.91165828704834</t>
  </si>
  <si>
    <t>808.968017578125</t>
  </si>
  <si>
    <t>0.0559265073090387</t>
  </si>
  <si>
    <t>44213</t>
  </si>
  <si>
    <t>9.15021800994873</t>
  </si>
  <si>
    <t>770.042724609375</t>
  </si>
  <si>
    <t>-0.027153816284718246</t>
  </si>
  <si>
    <t>46147</t>
  </si>
  <si>
    <t>10.878097534179688</t>
  </si>
  <si>
    <t>895.83544921875</t>
  </si>
  <si>
    <t>0.04281308993220456</t>
  </si>
  <si>
    <t>46528</t>
  </si>
  <si>
    <t>9.749760627746582</t>
  </si>
  <si>
    <t>906.0237426757812</t>
  </si>
  <si>
    <t>0.00822232849225557</t>
  </si>
  <si>
    <t>9.779576301574707</t>
  </si>
  <si>
    <t>744.3773193359375</t>
  </si>
  <si>
    <t>0.0036898827637976694</t>
  </si>
  <si>
    <t>47646</t>
  </si>
  <si>
    <t>9.875412940979004</t>
  </si>
  <si>
    <t>1107.6190185546875</t>
  </si>
  <si>
    <t>0.020054516466275984</t>
  </si>
  <si>
    <t>45915</t>
  </si>
  <si>
    <t>10.194445610046387</t>
  </si>
  <si>
    <t>614.782470703125</t>
  </si>
  <si>
    <t>-0.03700682007564282</t>
  </si>
  <si>
    <t>10.619857788085938</t>
  </si>
  <si>
    <t>930.9530029296875</t>
  </si>
  <si>
    <t>0.05773661005326858</t>
  </si>
  <si>
    <t>47371</t>
  </si>
  <si>
    <t>10.33296012878418</t>
  </si>
  <si>
    <t>836.6746215820312</t>
  </si>
  <si>
    <t>-0.026518243998484792</t>
  </si>
  <si>
    <t>48819</t>
  </si>
  <si>
    <t>9.742785453796387</t>
  </si>
  <si>
    <t>820.3704833984375</t>
  </si>
  <si>
    <t>0.03010935422631711</t>
  </si>
  <si>
    <t>49312</t>
  </si>
  <si>
    <t>10.438728332519531</t>
  </si>
  <si>
    <t>804.3796997070312</t>
  </si>
  <si>
    <t>0.010047877791118154</t>
  </si>
  <si>
    <t>735</t>
  </si>
  <si>
    <t>20752</t>
  </si>
  <si>
    <t>685.2999877929688</t>
  </si>
  <si>
    <t>145.22381591796875</t>
  </si>
  <si>
    <t>Nordwestmecklenburg</t>
  </si>
  <si>
    <t>21648</t>
  </si>
  <si>
    <t>21893</t>
  </si>
  <si>
    <t>0.011253879596766936</t>
  </si>
  <si>
    <t>21532</t>
  </si>
  <si>
    <t>-0.016626750326487638</t>
  </si>
  <si>
    <t>21966</t>
  </si>
  <si>
    <t>767.300048828125</t>
  </si>
  <si>
    <t>0.01995560266744434</t>
  </si>
  <si>
    <t>22235</t>
  </si>
  <si>
    <t>573.0</t>
  </si>
  <si>
    <t>0.012171820596504901</t>
  </si>
  <si>
    <t>22350</t>
  </si>
  <si>
    <t>7.383333206176758</t>
  </si>
  <si>
    <t>460.0000305175781</t>
  </si>
  <si>
    <t>0.00515869709691863</t>
  </si>
  <si>
    <t>22718</t>
  </si>
  <si>
    <t>659.7999877929688</t>
  </si>
  <si>
    <t>0.016331240749650533</t>
  </si>
  <si>
    <t>23173</t>
  </si>
  <si>
    <t>791.199951171875</t>
  </si>
  <si>
    <t>0.019830246026515397</t>
  </si>
  <si>
    <t>23596</t>
  </si>
  <si>
    <t>0.018089398305084714</t>
  </si>
  <si>
    <t>24252</t>
  </si>
  <si>
    <t>606.800048828125</t>
  </si>
  <si>
    <t>0.027421882068654924</t>
  </si>
  <si>
    <t>24597</t>
  </si>
  <si>
    <t>727.5999755859375</t>
  </si>
  <si>
    <t>0.014125396072666163</t>
  </si>
  <si>
    <t>24761</t>
  </si>
  <si>
    <t>777.5</t>
  </si>
  <si>
    <t>0.006645350440814823</t>
  </si>
  <si>
    <t>24413</t>
  </si>
  <si>
    <t>-0.014154057419103694</t>
  </si>
  <si>
    <t>24606</t>
  </si>
  <si>
    <t>670.300048828125</t>
  </si>
  <si>
    <t>0.00787453833411611</t>
  </si>
  <si>
    <t>25263</t>
  </si>
  <si>
    <t>578.7999877929688</t>
  </si>
  <si>
    <t>0.026350559077986446</t>
  </si>
  <si>
    <t>27642</t>
  </si>
  <si>
    <t>669.6000366210938</t>
  </si>
  <si>
    <t>0.08999548046587158</t>
  </si>
  <si>
    <t>28394</t>
  </si>
  <si>
    <t>794.0000610351562</t>
  </si>
  <si>
    <t>0.026841500059546775</t>
  </si>
  <si>
    <t>28361</t>
  </si>
  <si>
    <t>619.0999755859375</t>
  </si>
  <si>
    <t>-0.0011628932682192783</t>
  </si>
  <si>
    <t>26856</t>
  </si>
  <si>
    <t>634.2000122070312</t>
  </si>
  <si>
    <t>-0.05452570229542886</t>
  </si>
  <si>
    <t>27295</t>
  </si>
  <si>
    <t>707.8999633789062</t>
  </si>
  <si>
    <t>0.016214275555986646</t>
  </si>
  <si>
    <t>30063</t>
  </si>
  <si>
    <t>0.09659164451058011</t>
  </si>
  <si>
    <t>29306</t>
  </si>
  <si>
    <t>612.7000732421875</t>
  </si>
  <si>
    <t>-0.02550290652846776</t>
  </si>
  <si>
    <t>30553</t>
  </si>
  <si>
    <t>0.041670607253166736</t>
  </si>
  <si>
    <t>31101</t>
  </si>
  <si>
    <t>0.017777092540084638</t>
  </si>
  <si>
    <t>30947</t>
  </si>
  <si>
    <t>629.2999877929688</t>
  </si>
  <si>
    <t>-0.0049639091096658206</t>
  </si>
  <si>
    <t>30589</t>
  </si>
  <si>
    <t>562.8999633789062</t>
  </si>
  <si>
    <t>-0.011635596692656236</t>
  </si>
  <si>
    <t>32114</t>
  </si>
  <si>
    <t>847.4000244140625</t>
  </si>
  <si>
    <t>0.04865160492072995</t>
  </si>
  <si>
    <t>32212</t>
  </si>
  <si>
    <t>451.6000061035156</t>
  </si>
  <si>
    <t>0.0030469818058058706</t>
  </si>
  <si>
    <t>34008</t>
  </si>
  <si>
    <t>0.054256737123191456</t>
  </si>
  <si>
    <t>10.57499885559082</t>
  </si>
  <si>
    <t>609.300048828125</t>
  </si>
  <si>
    <t>-0.06788450319372785</t>
  </si>
  <si>
    <t>32746</t>
  </si>
  <si>
    <t>0.030069529354538105</t>
  </si>
  <si>
    <t>573.2000122070312</t>
  </si>
  <si>
    <t>0.01005735958746179</t>
  </si>
  <si>
    <t>736</t>
  </si>
  <si>
    <t>798.7000122070312</t>
  </si>
  <si>
    <t>168.5592041015625</t>
  </si>
  <si>
    <t>Northeim</t>
  </si>
  <si>
    <t>27557</t>
  </si>
  <si>
    <t>649.7999877929688</t>
  </si>
  <si>
    <t>0.04228669963198328</t>
  </si>
  <si>
    <t>27868</t>
  </si>
  <si>
    <t>0.011222490358116843</t>
  </si>
  <si>
    <t>27409</t>
  </si>
  <si>
    <t>903.800048828125</t>
  </si>
  <si>
    <t>-0.016607650554087527</t>
  </si>
  <si>
    <t>957.60009765625</t>
  </si>
  <si>
    <t>0.01997501895184861</t>
  </si>
  <si>
    <t>28304</t>
  </si>
  <si>
    <t>743.7000122070312</t>
  </si>
  <si>
    <t>0.012156691851796353</t>
  </si>
  <si>
    <t>28451</t>
  </si>
  <si>
    <t>644.5000610351562</t>
  </si>
  <si>
    <t>0.005180171922070542</t>
  </si>
  <si>
    <t>28919</t>
  </si>
  <si>
    <t>9.333334922790527</t>
  </si>
  <si>
    <t>0.016315509206615175</t>
  </si>
  <si>
    <t>29498</t>
  </si>
  <si>
    <t>877.7000732421875</t>
  </si>
  <si>
    <t>0.01982364589119534</t>
  </si>
  <si>
    <t>30037</t>
  </si>
  <si>
    <t>735.3001098632812</t>
  </si>
  <si>
    <t>0.01810749062738992</t>
  </si>
  <si>
    <t>30871</t>
  </si>
  <si>
    <t>772.5999755859375</t>
  </si>
  <si>
    <t>0.027387276834641483</t>
  </si>
  <si>
    <t>31424</t>
  </si>
  <si>
    <t>843.0</t>
  </si>
  <si>
    <t>0.017754700272712753</t>
  </si>
  <si>
    <t>1041.4000244140625</t>
  </si>
  <si>
    <t>-0.004305334094327762</t>
  </si>
  <si>
    <t>-0.060844371741906045</t>
  </si>
  <si>
    <t>30634</t>
  </si>
  <si>
    <t>813.7000122070312</t>
  </si>
  <si>
    <t>0.039688276906542086</t>
  </si>
  <si>
    <t>30376</t>
  </si>
  <si>
    <t>-0.008457680312861982</t>
  </si>
  <si>
    <t>31423</t>
  </si>
  <si>
    <t>751.4000854492188</t>
  </si>
  <si>
    <t>0.03388728592560675</t>
  </si>
  <si>
    <t>32888</t>
  </si>
  <si>
    <t>1057.10009765625</t>
  </si>
  <si>
    <t>0.045567740740469986</t>
  </si>
  <si>
    <t>33620</t>
  </si>
  <si>
    <t>0.02201327838489142</t>
  </si>
  <si>
    <t>33372</t>
  </si>
  <si>
    <t>9.07500171661377</t>
  </si>
  <si>
    <t>-0.007403902940641416</t>
  </si>
  <si>
    <t>33769</t>
  </si>
  <si>
    <t>8.350000381469727</t>
  </si>
  <si>
    <t>0.011825996837472985</t>
  </si>
  <si>
    <t>36534</t>
  </si>
  <si>
    <t>757.5</t>
  </si>
  <si>
    <t>0.07870011197719151</t>
  </si>
  <si>
    <t>36278</t>
  </si>
  <si>
    <t>734.7000122070312</t>
  </si>
  <si>
    <t>-0.0070318369187152285</t>
  </si>
  <si>
    <t>36678</t>
  </si>
  <si>
    <t>0.010965623338865527</t>
  </si>
  <si>
    <t>37860</t>
  </si>
  <si>
    <t>0.031718025506533465</t>
  </si>
  <si>
    <t>37490</t>
  </si>
  <si>
    <t>720.1000366210938</t>
  </si>
  <si>
    <t>-0.009820915033355249</t>
  </si>
  <si>
    <t>9.57500171661377</t>
  </si>
  <si>
    <t>725.2999877929688</t>
  </si>
  <si>
    <t>0.04299408035200081</t>
  </si>
  <si>
    <t>39755</t>
  </si>
  <si>
    <t>990.699951171875</t>
  </si>
  <si>
    <t>0.015667308253625833</t>
  </si>
  <si>
    <t>38510</t>
  </si>
  <si>
    <t>551.4000244140625</t>
  </si>
  <si>
    <t>-0.031817671526630065</t>
  </si>
  <si>
    <t>37931</t>
  </si>
  <si>
    <t>700.4000244140625</t>
  </si>
  <si>
    <t>-0.015149228118151115</t>
  </si>
  <si>
    <t>36612</t>
  </si>
  <si>
    <t>-0.035392664186133516</t>
  </si>
  <si>
    <t>37730</t>
  </si>
  <si>
    <t>805.0999755859375</t>
  </si>
  <si>
    <t>0.030079478453686193</t>
  </si>
  <si>
    <t>0.010073659196670803</t>
  </si>
  <si>
    <t>739</t>
  </si>
  <si>
    <t>28434</t>
  </si>
  <si>
    <t>1057.300048828125</t>
  </si>
  <si>
    <t>145.99305725097656</t>
  </si>
  <si>
    <t>OberallgÔøΩu</t>
  </si>
  <si>
    <t>29663</t>
  </si>
  <si>
    <t>0.04231486570635212</t>
  </si>
  <si>
    <t>29998</t>
  </si>
  <si>
    <t>968.3999633789062</t>
  </si>
  <si>
    <t>0.01123023485330954</t>
  </si>
  <si>
    <t>29504</t>
  </si>
  <si>
    <t>1055.199951171875</t>
  </si>
  <si>
    <t>-0.016604865398985424</t>
  </si>
  <si>
    <t>30098</t>
  </si>
  <si>
    <t>976.7001342773438</t>
  </si>
  <si>
    <t>0.019932876990344184</t>
  </si>
  <si>
    <t>30467</t>
  </si>
  <si>
    <t>972.0</t>
  </si>
  <si>
    <t>0.012185406286652878</t>
  </si>
  <si>
    <t>30625</t>
  </si>
  <si>
    <t>893.60009765625</t>
  </si>
  <si>
    <t>0.005172538213711775</t>
  </si>
  <si>
    <t>31129</t>
  </si>
  <si>
    <t>907.2000122070312</t>
  </si>
  <si>
    <t>0.016323191718980112</t>
  </si>
  <si>
    <t>31753</t>
  </si>
  <si>
    <t>933.0999145507812</t>
  </si>
  <si>
    <t>0.019847348480077187</t>
  </si>
  <si>
    <t>32332</t>
  </si>
  <si>
    <t>1131.099853515625</t>
  </si>
  <si>
    <t>0.01807024280764935</t>
  </si>
  <si>
    <t>1078.800048828125</t>
  </si>
  <si>
    <t>0.027395630494904566</t>
  </si>
  <si>
    <t>34316</t>
  </si>
  <si>
    <t>1035.0001220703125</t>
  </si>
  <si>
    <t>0.03215863534421537</t>
  </si>
  <si>
    <t>34468</t>
  </si>
  <si>
    <t>1179.9000244140625</t>
  </si>
  <si>
    <t>0.0044196396668017</t>
  </si>
  <si>
    <t>33332</t>
  </si>
  <si>
    <t>8.375000953674316</t>
  </si>
  <si>
    <t>767.60009765625</t>
  </si>
  <si>
    <t>-0.03351346085755935</t>
  </si>
  <si>
    <t>33033</t>
  </si>
  <si>
    <t>803.699951171875</t>
  </si>
  <si>
    <t>-0.009010834720397654</t>
  </si>
  <si>
    <t>34368</t>
  </si>
  <si>
    <t>883.9000244140625</t>
  </si>
  <si>
    <t>0.03961883708683622</t>
  </si>
  <si>
    <t>35732</t>
  </si>
  <si>
    <t>926.89990234375</t>
  </si>
  <si>
    <t>0.038920746953193586</t>
  </si>
  <si>
    <t>1014.9000244140625</t>
  </si>
  <si>
    <t>-0.011399101745009688</t>
  </si>
  <si>
    <t>36299</t>
  </si>
  <si>
    <t>8.108332633972168</t>
  </si>
  <si>
    <t>863.199951171875</t>
  </si>
  <si>
    <t>0.02714264858739668</t>
  </si>
  <si>
    <t>35233</t>
  </si>
  <si>
    <t>918.8999633789062</t>
  </si>
  <si>
    <t>-0.02980704925658806</t>
  </si>
  <si>
    <t>37115</t>
  </si>
  <si>
    <t>997.9000854492188</t>
  </si>
  <si>
    <t>0.052038057144118355</t>
  </si>
  <si>
    <t>39764</t>
  </si>
  <si>
    <t>950.2999877929688</t>
  </si>
  <si>
    <t>0.06894077978038915</t>
  </si>
  <si>
    <t>39234</t>
  </si>
  <si>
    <t>976.8001098632812</t>
  </si>
  <si>
    <t>-0.013418262542705506</t>
  </si>
  <si>
    <t>970.7000732421875</t>
  </si>
  <si>
    <t>0.016757415291941413</t>
  </si>
  <si>
    <t>41308</t>
  </si>
  <si>
    <t>0.03475505271002177</t>
  </si>
  <si>
    <t>41092</t>
  </si>
  <si>
    <t>9.308334350585938</t>
  </si>
  <si>
    <t>885.800048828125</t>
  </si>
  <si>
    <t>-0.005242730455139011</t>
  </si>
  <si>
    <t>1051.2999267578125</t>
  </si>
  <si>
    <t>0.031146209836443006</t>
  </si>
  <si>
    <t>43416</t>
  </si>
  <si>
    <t>1166.3001708984375</t>
  </si>
  <si>
    <t>0.02386837157064292</t>
  </si>
  <si>
    <t>44255</t>
  </si>
  <si>
    <t>9.09999942779541</t>
  </si>
  <si>
    <t>813.9000244140625</t>
  </si>
  <si>
    <t>0.01914032265973553</t>
  </si>
  <si>
    <t>9.475001335144043</t>
  </si>
  <si>
    <t>-0.005983291879397612</t>
  </si>
  <si>
    <t>1032.0</t>
  </si>
  <si>
    <t>-0.04491167310825617</t>
  </si>
  <si>
    <t>43344</t>
  </si>
  <si>
    <t>1003.7000122070312</t>
  </si>
  <si>
    <t>0.030094890909554195</t>
  </si>
  <si>
    <t>43782</t>
  </si>
  <si>
    <t>9.758336067199707</t>
  </si>
  <si>
    <t>868.9000244140625</t>
  </si>
  <si>
    <t>0.0100544886687981</t>
  </si>
  <si>
    <t>742</t>
  </si>
  <si>
    <t>566.1000366210938</t>
  </si>
  <si>
    <t>881.0853881835938</t>
  </si>
  <si>
    <t>Oberhavel</t>
  </si>
  <si>
    <t>23091</t>
  </si>
  <si>
    <t>480.8000183105469</t>
  </si>
  <si>
    <t>0.042282865036186834</t>
  </si>
  <si>
    <t>23352</t>
  </si>
  <si>
    <t>579.1000366210938</t>
  </si>
  <si>
    <t>0.011239702331522494</t>
  </si>
  <si>
    <t>22967</t>
  </si>
  <si>
    <t>-0.01662423051753592</t>
  </si>
  <si>
    <t>23430</t>
  </si>
  <si>
    <t>638.4000244140625</t>
  </si>
  <si>
    <t>0.01995884948542681</t>
  </si>
  <si>
    <t>23717</t>
  </si>
  <si>
    <t>531.0</t>
  </si>
  <si>
    <t>0.012174838063053528</t>
  </si>
  <si>
    <t>23840</t>
  </si>
  <si>
    <t>0.005172751614392013</t>
  </si>
  <si>
    <t>24233</t>
  </si>
  <si>
    <t>589.3999633789062</t>
  </si>
  <si>
    <t>0.016350498421427773</t>
  </si>
  <si>
    <t>24718</t>
  </si>
  <si>
    <t>642.9999389648438</t>
  </si>
  <si>
    <t>0.01981638254896545</t>
  </si>
  <si>
    <t>550.300048828125</t>
  </si>
  <si>
    <t>0.018081355353322337</t>
  </si>
  <si>
    <t>10.633334159851074</t>
  </si>
  <si>
    <t>0.027393605063481985</t>
  </si>
  <si>
    <t>29008</t>
  </si>
  <si>
    <t>640.0</t>
  </si>
  <si>
    <t>0.11456497042814817</t>
  </si>
  <si>
    <t>28969</t>
  </si>
  <si>
    <t>9.866665840148926</t>
  </si>
  <si>
    <t>-0.0013453612943923332</t>
  </si>
  <si>
    <t>452.800048828125</t>
  </si>
  <si>
    <t>0.058687615561368034</t>
  </si>
  <si>
    <t>584.9000244140625</t>
  </si>
  <si>
    <t>-0.06516371653148845</t>
  </si>
  <si>
    <t>29211</t>
  </si>
  <si>
    <t>537.7000122070312</t>
  </si>
  <si>
    <t>0.014795158916745876</t>
  </si>
  <si>
    <t>597.5999755859375</t>
  </si>
  <si>
    <t>0.10213049217333214</t>
  </si>
  <si>
    <t>34507</t>
  </si>
  <si>
    <t>797.4000854492188</t>
  </si>
  <si>
    <t>0.06448635916885159</t>
  </si>
  <si>
    <t>511.1000061035156</t>
  </si>
  <si>
    <t>-0.03344497696708437</t>
  </si>
  <si>
    <t>29648</t>
  </si>
  <si>
    <t>592.7000122070312</t>
  </si>
  <si>
    <t>-0.11832255549682458</t>
  </si>
  <si>
    <t>30954</t>
  </si>
  <si>
    <t>671.800048828125</t>
  </si>
  <si>
    <t>0.04310756194756493</t>
  </si>
  <si>
    <t>33559</t>
  </si>
  <si>
    <t>587.7999877929688</t>
  </si>
  <si>
    <t>0.08080285228665574</t>
  </si>
  <si>
    <t>-0.017707026693583927</t>
  </si>
  <si>
    <t>33831</t>
  </si>
  <si>
    <t>0.025779484834620447</t>
  </si>
  <si>
    <t>35749</t>
  </si>
  <si>
    <t>0.055144754802560314</t>
  </si>
  <si>
    <t>522.9000244140625</t>
  </si>
  <si>
    <t>-0.029724974541339932</t>
  </si>
  <si>
    <t>35197</t>
  </si>
  <si>
    <t>502.70001220703125</t>
  </si>
  <si>
    <t>0.014163529519793272</t>
  </si>
  <si>
    <t>742.5999755859375</t>
  </si>
  <si>
    <t>0.025692059618551255</t>
  </si>
  <si>
    <t>394.20001220703125</t>
  </si>
  <si>
    <t>-0.022316792278489928</t>
  </si>
  <si>
    <t>35694</t>
  </si>
  <si>
    <t>483.1999816894531</t>
  </si>
  <si>
    <t>0.010646488394488784</t>
  </si>
  <si>
    <t>35007</t>
  </si>
  <si>
    <t>11.0166654586792</t>
  </si>
  <si>
    <t>-0.019434565941743642</t>
  </si>
  <si>
    <t>36077</t>
  </si>
  <si>
    <t>0.030107501686551075</t>
  </si>
  <si>
    <t>36442</t>
  </si>
  <si>
    <t>464.1999816894531</t>
  </si>
  <si>
    <t>0.010066412449054596</t>
  </si>
  <si>
    <t>745</t>
  </si>
  <si>
    <t>23984</t>
  </si>
  <si>
    <t>74.33087158203125</t>
  </si>
  <si>
    <t>Oder-Spree</t>
  </si>
  <si>
    <t>25021</t>
  </si>
  <si>
    <t>488.3000183105469</t>
  </si>
  <si>
    <t>0.04232853090540267</t>
  </si>
  <si>
    <t>25303</t>
  </si>
  <si>
    <t>524.300048828125</t>
  </si>
  <si>
    <t>0.01120749351322381</t>
  </si>
  <si>
    <t>24886</t>
  </si>
  <si>
    <t>634.199951171875</t>
  </si>
  <si>
    <t>-0.016617569425427803</t>
  </si>
  <si>
    <t>25388</t>
  </si>
  <si>
    <t>579.6000366210938</t>
  </si>
  <si>
    <t>0.019971225090783307</t>
  </si>
  <si>
    <t>25699</t>
  </si>
  <si>
    <t>527.0</t>
  </si>
  <si>
    <t>0.012175459194081029</t>
  </si>
  <si>
    <t>25832</t>
  </si>
  <si>
    <t>0.005161952817669402</t>
  </si>
  <si>
    <t>26258</t>
  </si>
  <si>
    <t>608.9999389648438</t>
  </si>
  <si>
    <t>0.01635667105594507</t>
  </si>
  <si>
    <t>26783</t>
  </si>
  <si>
    <t>653.3999633789062</t>
  </si>
  <si>
    <t>0.01979665337533021</t>
  </si>
  <si>
    <t>27272</t>
  </si>
  <si>
    <t>0.018093176948353218</t>
  </si>
  <si>
    <t>28030</t>
  </si>
  <si>
    <t>544.2999877929688</t>
  </si>
  <si>
    <t>0.027414830341093932</t>
  </si>
  <si>
    <t>27714</t>
  </si>
  <si>
    <t>578.0</t>
  </si>
  <si>
    <t>-0.011337664500173261</t>
  </si>
  <si>
    <t>27841</t>
  </si>
  <si>
    <t>0.004572053684833932</t>
  </si>
  <si>
    <t>27716</t>
  </si>
  <si>
    <t>420.20001220703125</t>
  </si>
  <si>
    <t>-0.0044998905962216895</t>
  </si>
  <si>
    <t>549.2000122070312</t>
  </si>
  <si>
    <t>0.006079046076381545</t>
  </si>
  <si>
    <t>28418</t>
  </si>
  <si>
    <t>514.0999755859375</t>
  </si>
  <si>
    <t>0.018933837374367712</t>
  </si>
  <si>
    <t>29471</t>
  </si>
  <si>
    <t>10.933335304260254</t>
  </si>
  <si>
    <t>539.7000122070312</t>
  </si>
  <si>
    <t>0.03638398177104385</t>
  </si>
  <si>
    <t>30074</t>
  </si>
  <si>
    <t>753.4999389648438</t>
  </si>
  <si>
    <t>0.020254282113199906</t>
  </si>
  <si>
    <t>29286</t>
  </si>
  <si>
    <t>521.5</t>
  </si>
  <si>
    <t>-0.026551424967061976</t>
  </si>
  <si>
    <t>27710</t>
  </si>
  <si>
    <t>597.9000244140625</t>
  </si>
  <si>
    <t>-0.05531622725817975</t>
  </si>
  <si>
    <t>668.7000122070312</t>
  </si>
  <si>
    <t>0.03280146406324924</t>
  </si>
  <si>
    <t>30017</t>
  </si>
  <si>
    <t>0.047169064895760116</t>
  </si>
  <si>
    <t>538.7000122070312</t>
  </si>
  <si>
    <t>0.02174930031167399</t>
  </si>
  <si>
    <t>31349</t>
  </si>
  <si>
    <t>552.5999755859375</t>
  </si>
  <si>
    <t>0.02166918049797495</t>
  </si>
  <si>
    <t>32489</t>
  </si>
  <si>
    <t>587.3999633789062</t>
  </si>
  <si>
    <t>0.03571920186265132</t>
  </si>
  <si>
    <t>32546</t>
  </si>
  <si>
    <t>472.8000183105469</t>
  </si>
  <si>
    <t>0.0017529027322265023</t>
  </si>
  <si>
    <t>33204</t>
  </si>
  <si>
    <t>468.6999816894531</t>
  </si>
  <si>
    <t>0.02001587735436594</t>
  </si>
  <si>
    <t>34745</t>
  </si>
  <si>
    <t>752.2000732421875</t>
  </si>
  <si>
    <t>0.04536532617350275</t>
  </si>
  <si>
    <t>374.0999755859375</t>
  </si>
  <si>
    <t>0.026638708128420063</t>
  </si>
  <si>
    <t>36477</t>
  </si>
  <si>
    <t>489.5000305175781</t>
  </si>
  <si>
    <t>0.0220075400876798</t>
  </si>
  <si>
    <t>504.3999938964844</t>
  </si>
  <si>
    <t>-0.014274715378972402</t>
  </si>
  <si>
    <t>37058</t>
  </si>
  <si>
    <t>549.300048828125</t>
  </si>
  <si>
    <t>0.030077043256804714</t>
  </si>
  <si>
    <t>11.208333015441895</t>
  </si>
  <si>
    <t>477.1999816894531</t>
  </si>
  <si>
    <t>0.010068415456915503</t>
  </si>
  <si>
    <t>39858</t>
  </si>
  <si>
    <t>10.217429161071777</t>
  </si>
  <si>
    <t>818.3775024414062</t>
  </si>
  <si>
    <t>433.53289794921875</t>
  </si>
  <si>
    <t>Ortenaukreis</t>
  </si>
  <si>
    <t>41581</t>
  </si>
  <si>
    <t>9.274331092834473</t>
  </si>
  <si>
    <t>637.4700317382812</t>
  </si>
  <si>
    <t>0.04232019425355915</t>
  </si>
  <si>
    <t>10.499329566955566</t>
  </si>
  <si>
    <t>858.8174438476562</t>
  </si>
  <si>
    <t>0.011216054254237662</t>
  </si>
  <si>
    <t>9.626474380493164</t>
  </si>
  <si>
    <t>830.60205078125</t>
  </si>
  <si>
    <t>-0.016617692698620345</t>
  </si>
  <si>
    <t>42191</t>
  </si>
  <si>
    <t>10.76885986328125</t>
  </si>
  <si>
    <t>903.6172485351562</t>
  </si>
  <si>
    <t>0.01996523443413878</t>
  </si>
  <si>
    <t>42707</t>
  </si>
  <si>
    <t>9.863858222961426</t>
  </si>
  <si>
    <t>877.0151977539062</t>
  </si>
  <si>
    <t>0.012155913070554192</t>
  </si>
  <si>
    <t>42929</t>
  </si>
  <si>
    <t>8.675043106079102</t>
  </si>
  <si>
    <t>785.8778076171875</t>
  </si>
  <si>
    <t>0.005184747006151014</t>
  </si>
  <si>
    <t>43636</t>
  </si>
  <si>
    <t>10.34838581085205</t>
  </si>
  <si>
    <t>843.1665649414062</t>
  </si>
  <si>
    <t>0.016334909504330142</t>
  </si>
  <si>
    <t>44510</t>
  </si>
  <si>
    <t>10.083620071411133</t>
  </si>
  <si>
    <t>820.4070434570312</t>
  </si>
  <si>
    <t>0.019831385292253145</t>
  </si>
  <si>
    <t>45322</t>
  </si>
  <si>
    <t>10.04552936553955</t>
  </si>
  <si>
    <t>998.4677734375</t>
  </si>
  <si>
    <t>0.018078682784969047</t>
  </si>
  <si>
    <t>46581</t>
  </si>
  <si>
    <t>11.037909507751465</t>
  </si>
  <si>
    <t>887.6893920898438</t>
  </si>
  <si>
    <t>0.02740016685440949</t>
  </si>
  <si>
    <t>46807</t>
  </si>
  <si>
    <t>9.951000213623047</t>
  </si>
  <si>
    <t>936.0372924804688</t>
  </si>
  <si>
    <t>0.004840031721158766</t>
  </si>
  <si>
    <t>10.53837776184082</t>
  </si>
  <si>
    <t>1111.5267333984375</t>
  </si>
  <si>
    <t>-2.1364554070757436e-05</t>
  </si>
  <si>
    <t>46357</t>
  </si>
  <si>
    <t>10.508145332336426</t>
  </si>
  <si>
    <t>662.24169921875</t>
  </si>
  <si>
    <t>-0.009639094414245264</t>
  </si>
  <si>
    <t>47425</t>
  </si>
  <si>
    <t>10.008620262145996</t>
  </si>
  <si>
    <t>728.1185302734375</t>
  </si>
  <si>
    <t>0.022777210401093484</t>
  </si>
  <si>
    <t>47766</t>
  </si>
  <si>
    <t>9.628863334655762</t>
  </si>
  <si>
    <t>722.1524658203125</t>
  </si>
  <si>
    <t>0.007164573513417594</t>
  </si>
  <si>
    <t>50233</t>
  </si>
  <si>
    <t>10.897904396057129</t>
  </si>
  <si>
    <t>1012.2968139648438</t>
  </si>
  <si>
    <t>0.05035809190776064</t>
  </si>
  <si>
    <t>51789</t>
  </si>
  <si>
    <t>10.446710586547852</t>
  </si>
  <si>
    <t>935.2374267578125</t>
  </si>
  <si>
    <t>0.030505590260265336</t>
  </si>
  <si>
    <t>52113</t>
  </si>
  <si>
    <t>9.77289867401123</t>
  </si>
  <si>
    <t>854.3549194335938</t>
  </si>
  <si>
    <t>0.006236666285374781</t>
  </si>
  <si>
    <t>47865</t>
  </si>
  <si>
    <t>10.34624195098877</t>
  </si>
  <si>
    <t>839.9515380859375</t>
  </si>
  <si>
    <t>-0.08502988938958111</t>
  </si>
  <si>
    <t>49926</t>
  </si>
  <si>
    <t>9.55862045288086</t>
  </si>
  <si>
    <t>849.4359741210938</t>
  </si>
  <si>
    <t>0.04215736074803189</t>
  </si>
  <si>
    <t>53971</t>
  </si>
  <si>
    <t>11.046235084533691</t>
  </si>
  <si>
    <t>736.3692626953125</t>
  </si>
  <si>
    <t>0.0779049561248506</t>
  </si>
  <si>
    <t>51802</t>
  </si>
  <si>
    <t>10.272661209106445</t>
  </si>
  <si>
    <t>877.7146606445312</t>
  </si>
  <si>
    <t>-0.0410181067124995</t>
  </si>
  <si>
    <t>52116</t>
  </si>
  <si>
    <t>10.005993843078613</t>
  </si>
  <si>
    <t>944.474609375</t>
  </si>
  <si>
    <t>0.006043244781986701</t>
  </si>
  <si>
    <t>52889</t>
  </si>
  <si>
    <t>11.126236915588379</t>
  </si>
  <si>
    <t>843.9343872070312</t>
  </si>
  <si>
    <t>0.014723374392644928</t>
  </si>
  <si>
    <t>52997</t>
  </si>
  <si>
    <t>11.102187156677246</t>
  </si>
  <si>
    <t>659.306884765625</t>
  </si>
  <si>
    <t>0.0020399304431517606</t>
  </si>
  <si>
    <t>54240</t>
  </si>
  <si>
    <t>10.056707382202148</t>
  </si>
  <si>
    <t>830.6923217773438</t>
  </si>
  <si>
    <t>0.023183335455657428</t>
  </si>
  <si>
    <t>54589</t>
  </si>
  <si>
    <t>11.101950645446777</t>
  </si>
  <si>
    <t>877.6339721679688</t>
  </si>
  <si>
    <t>0.0064137536204142975</t>
  </si>
  <si>
    <t>55591</t>
  </si>
  <si>
    <t>11.003143310546875</t>
  </si>
  <si>
    <t>628.1681518554688</t>
  </si>
  <si>
    <t>0.01818892039794129</t>
  </si>
  <si>
    <t>55874</t>
  </si>
  <si>
    <t>11.33337688446045</t>
  </si>
  <si>
    <t>751.9235229492188</t>
  </si>
  <si>
    <t>0.00507783803135986</t>
  </si>
  <si>
    <t>52970</t>
  </si>
  <si>
    <t>11.212191581726074</t>
  </si>
  <si>
    <t>744.3348999023438</t>
  </si>
  <si>
    <t>-0.053373440125419336</t>
  </si>
  <si>
    <t>54588</t>
  </si>
  <si>
    <t>10.108139038085938</t>
  </si>
  <si>
    <t>824.9754028320312</t>
  </si>
  <si>
    <t>0.03008836281943239</t>
  </si>
  <si>
    <t>55140</t>
  </si>
  <si>
    <t>11.840996742248535</t>
  </si>
  <si>
    <t>736.4121704101562</t>
  </si>
  <si>
    <t>0.010061327219782257</t>
  </si>
  <si>
    <t>25715</t>
  </si>
  <si>
    <t>283.7953186035156</t>
  </si>
  <si>
    <t>OsnabrÔøΩck, Landkreis</t>
  </si>
  <si>
    <t>26826</t>
  </si>
  <si>
    <t>644.9999389648438</t>
  </si>
  <si>
    <t>0.04229708725301862</t>
  </si>
  <si>
    <t>27129</t>
  </si>
  <si>
    <t>899.0</t>
  </si>
  <si>
    <t>0.011231699946554485</t>
  </si>
  <si>
    <t>902.5</t>
  </si>
  <si>
    <t>-0.01661408566983802</t>
  </si>
  <si>
    <t>27220</t>
  </si>
  <si>
    <t>905.9000244140625</t>
  </si>
  <si>
    <t>0.01996281646670539</t>
  </si>
  <si>
    <t>27553</t>
  </si>
  <si>
    <t>678.2000732421875</t>
  </si>
  <si>
    <t>0.012159425369159038</t>
  </si>
  <si>
    <t>27696</t>
  </si>
  <si>
    <t>625.0000610351562</t>
  </si>
  <si>
    <t>0.005176575841373321</t>
  </si>
  <si>
    <t>28152</t>
  </si>
  <si>
    <t>0.01633040158543153</t>
  </si>
  <si>
    <t>0.01983605869495264</t>
  </si>
  <si>
    <t>29240</t>
  </si>
  <si>
    <t>707.2999877929688</t>
  </si>
  <si>
    <t>0.01808317616734101</t>
  </si>
  <si>
    <t>30052</t>
  </si>
  <si>
    <t>730.2999877929688</t>
  </si>
  <si>
    <t>0.027391579625335893</t>
  </si>
  <si>
    <t>827.5000610351562</t>
  </si>
  <si>
    <t>0.01200669326575543</t>
  </si>
  <si>
    <t>30370</t>
  </si>
  <si>
    <t>-0.0014806287150115338</t>
  </si>
  <si>
    <t>30739</t>
  </si>
  <si>
    <t>607.0000610351562</t>
  </si>
  <si>
    <t>0.012076927619292022</t>
  </si>
  <si>
    <t>31333</t>
  </si>
  <si>
    <t>812.4999389648438</t>
  </si>
  <si>
    <t>0.019139648570485335</t>
  </si>
  <si>
    <t>32129</t>
  </si>
  <si>
    <t>684.7999877929688</t>
  </si>
  <si>
    <t>0.025087193835448218</t>
  </si>
  <si>
    <t>33824</t>
  </si>
  <si>
    <t>0.051411560604943674</t>
  </si>
  <si>
    <t>35082</t>
  </si>
  <si>
    <t>0.03651756873376222</t>
  </si>
  <si>
    <t>697.7000122070312</t>
  </si>
  <si>
    <t>0.019840632768971744</t>
  </si>
  <si>
    <t>9.841668128967285</t>
  </si>
  <si>
    <t>804.5</t>
  </si>
  <si>
    <t>-0.08193075410692074</t>
  </si>
  <si>
    <t>789.5999755859375</t>
  </si>
  <si>
    <t>0.0677748617905749</t>
  </si>
  <si>
    <t>10.466668128967285</t>
  </si>
  <si>
    <t>746.699951171875</t>
  </si>
  <si>
    <t>0.06959734080020397</t>
  </si>
  <si>
    <t>38085</t>
  </si>
  <si>
    <t>703.7000122070312</t>
  </si>
  <si>
    <t>0.006850244150331974</t>
  </si>
  <si>
    <t>38319</t>
  </si>
  <si>
    <t>728.4999389648438</t>
  </si>
  <si>
    <t>0.0061253529039984045</t>
  </si>
  <si>
    <t>38909</t>
  </si>
  <si>
    <t>11.275001525878906</t>
  </si>
  <si>
    <t>760.4000244140625</t>
  </si>
  <si>
    <t>0.015279729603349779</t>
  </si>
  <si>
    <t>39327</t>
  </si>
  <si>
    <t>0.010685719551682737</t>
  </si>
  <si>
    <t>10.308334350585938</t>
  </si>
  <si>
    <t>717.6000366210938</t>
  </si>
  <si>
    <t>0.018117487486675188</t>
  </si>
  <si>
    <t>40790</t>
  </si>
  <si>
    <t>987.5999755859375</t>
  </si>
  <si>
    <t>0.01840815995901046</t>
  </si>
  <si>
    <t>40753</t>
  </si>
  <si>
    <t>10.85000228881836</t>
  </si>
  <si>
    <t>514.1000366210938</t>
  </si>
  <si>
    <t>-0.0009074967204867335</t>
  </si>
  <si>
    <t>41695</t>
  </si>
  <si>
    <t>673.6000366210938</t>
  </si>
  <si>
    <t>0.022851760929967213</t>
  </si>
  <si>
    <t>41524</t>
  </si>
  <si>
    <t>11.033331871032715</t>
  </si>
  <si>
    <t>672.9000244140625</t>
  </si>
  <si>
    <t>-0.004109644207948904</t>
  </si>
  <si>
    <t>42793</t>
  </si>
  <si>
    <t>10.325000762939453</t>
  </si>
  <si>
    <t>0.03010296447889438</t>
  </si>
  <si>
    <t>43225</t>
  </si>
  <si>
    <t>628.2000732421875</t>
  </si>
  <si>
    <t>0.010044493759460593</t>
  </si>
  <si>
    <t>1064.9998779296875</t>
  </si>
  <si>
    <t>109.99837493896484</t>
  </si>
  <si>
    <t>OstallgÔøΩu</t>
  </si>
  <si>
    <t>33558</t>
  </si>
  <si>
    <t>944.2000732421875</t>
  </si>
  <si>
    <t>0.04230311547253329</t>
  </si>
  <si>
    <t>33937</t>
  </si>
  <si>
    <t>0.01123057955310891</t>
  </si>
  <si>
    <t>33378</t>
  </si>
  <si>
    <t>7.808332920074463</t>
  </si>
  <si>
    <t>1106.7001953125</t>
  </si>
  <si>
    <t>-0.016608864299403336</t>
  </si>
  <si>
    <t>34050</t>
  </si>
  <si>
    <t>1041.5</t>
  </si>
  <si>
    <t>0.019933032274309426</t>
  </si>
  <si>
    <t>34467</t>
  </si>
  <si>
    <t>7.89166784286499</t>
  </si>
  <si>
    <t>1019.4000244140625</t>
  </si>
  <si>
    <t>0.012172311943816183</t>
  </si>
  <si>
    <t>34646</t>
  </si>
  <si>
    <t>6.85833215713501</t>
  </si>
  <si>
    <t>1035.0999755859375</t>
  </si>
  <si>
    <t>0.005179934317412815</t>
  </si>
  <si>
    <t>35217</t>
  </si>
  <si>
    <t>1003.8999633789062</t>
  </si>
  <si>
    <t>0.016346641707745135</t>
  </si>
  <si>
    <t>35922</t>
  </si>
  <si>
    <t>1017.6000366210938</t>
  </si>
  <si>
    <t>0.019821000606775385</t>
  </si>
  <si>
    <t>36578</t>
  </si>
  <si>
    <t>7.8000006675720215</t>
  </si>
  <si>
    <t>1161.4000244140625</t>
  </si>
  <si>
    <t>0.018097045611114027</t>
  </si>
  <si>
    <t>37594</t>
  </si>
  <si>
    <t>0.027397496412019606</t>
  </si>
  <si>
    <t>1093.10009765625</t>
  </si>
  <si>
    <t>0.006601559030618986</t>
  </si>
  <si>
    <t>40173</t>
  </si>
  <si>
    <t>0.0597491059565165</t>
  </si>
  <si>
    <t>36656</t>
  </si>
  <si>
    <t>834.2000122070312</t>
  </si>
  <si>
    <t>-0.09161800247039942</t>
  </si>
  <si>
    <t>37425</t>
  </si>
  <si>
    <t>7.874999523162842</t>
  </si>
  <si>
    <t>925.699951171875</t>
  </si>
  <si>
    <t>0.020761804594553013</t>
  </si>
  <si>
    <t>37706</t>
  </si>
  <si>
    <t>7.274999618530273</t>
  </si>
  <si>
    <t>0.007480302678699147</t>
  </si>
  <si>
    <t>39159</t>
  </si>
  <si>
    <t>8.833334922790527</t>
  </si>
  <si>
    <t>1014.6998901367188</t>
  </si>
  <si>
    <t>0.03781104809037039</t>
  </si>
  <si>
    <t>38383</t>
  </si>
  <si>
    <t>1061.0</t>
  </si>
  <si>
    <t>-0.020015627838679606</t>
  </si>
  <si>
    <t>40802</t>
  </si>
  <si>
    <t>953.2999267578125</t>
  </si>
  <si>
    <t>0.061116446580454564</t>
  </si>
  <si>
    <t>38807</t>
  </si>
  <si>
    <t>985.7000732421875</t>
  </si>
  <si>
    <t>-0.05013045708852992</t>
  </si>
  <si>
    <t>41470</t>
  </si>
  <si>
    <t>7.51666784286499</t>
  </si>
  <si>
    <t>1028.0999755859375</t>
  </si>
  <si>
    <t>0.06636963153028219</t>
  </si>
  <si>
    <t>44112</t>
  </si>
  <si>
    <t>1062.800048828125</t>
  </si>
  <si>
    <t>0.06176158002315191</t>
  </si>
  <si>
    <t>8.399998664855957</t>
  </si>
  <si>
    <t>0.04329987958837833</t>
  </si>
  <si>
    <t>46131</t>
  </si>
  <si>
    <t>1039.39990234375</t>
  </si>
  <si>
    <t>0.0014534413318454398</t>
  </si>
  <si>
    <t>45736</t>
  </si>
  <si>
    <t>1037.7000732421875</t>
  </si>
  <si>
    <t>-0.008599441239995897</t>
  </si>
  <si>
    <t>46026</t>
  </si>
  <si>
    <t>0.0063207202435453524</t>
  </si>
  <si>
    <t>47193</t>
  </si>
  <si>
    <t>1126.60009765625</t>
  </si>
  <si>
    <t>0.025039122303262218</t>
  </si>
  <si>
    <t>1251.0</t>
  </si>
  <si>
    <t>0.012445278921527247</t>
  </si>
  <si>
    <t>48696</t>
  </si>
  <si>
    <t>0.018906035761618867</t>
  </si>
  <si>
    <t>49756</t>
  </si>
  <si>
    <t>1007.900146484375</t>
  </si>
  <si>
    <t>0.0215341681560961</t>
  </si>
  <si>
    <t>46388</t>
  </si>
  <si>
    <t>1107.5</t>
  </si>
  <si>
    <t>-0.07009025425326243</t>
  </si>
  <si>
    <t>47805</t>
  </si>
  <si>
    <t>0.03008943144295273</t>
  </si>
  <si>
    <t>48288</t>
  </si>
  <si>
    <t>9.70000171661377</t>
  </si>
  <si>
    <t>963.1000366210938</t>
  </si>
  <si>
    <t>0.010052846048029807</t>
  </si>
  <si>
    <t>20205</t>
  </si>
  <si>
    <t>768.5001220703125</t>
  </si>
  <si>
    <t>461.3951416015625</t>
  </si>
  <si>
    <t>Osterholz</t>
  </si>
  <si>
    <t>21079</t>
  </si>
  <si>
    <t>624.300048828125</t>
  </si>
  <si>
    <t>0.04234718568732099</t>
  </si>
  <si>
    <t>21317</t>
  </si>
  <si>
    <t>864.300048828125</t>
  </si>
  <si>
    <t>0.011227592233300498</t>
  </si>
  <si>
    <t>20965</t>
  </si>
  <si>
    <t>875.9000854492188</t>
  </si>
  <si>
    <t>-0.016650495828331557</t>
  </si>
  <si>
    <t>21388</t>
  </si>
  <si>
    <t>9.891666412353516</t>
  </si>
  <si>
    <t>918.6000366210938</t>
  </si>
  <si>
    <t>0.01997563646375866</t>
  </si>
  <si>
    <t>21650</t>
  </si>
  <si>
    <t>0.012175437362014208</t>
  </si>
  <si>
    <t>21762</t>
  </si>
  <si>
    <t>0.005159875080321896</t>
  </si>
  <si>
    <t>22120</t>
  </si>
  <si>
    <t>752.6000366210938</t>
  </si>
  <si>
    <t>0.01631684712531367</t>
  </si>
  <si>
    <t>22563</t>
  </si>
  <si>
    <t>889.2000122070312</t>
  </si>
  <si>
    <t>0.019829219858241487</t>
  </si>
  <si>
    <t>22975</t>
  </si>
  <si>
    <t>10.158331871032715</t>
  </si>
  <si>
    <t>675.8001098632812</t>
  </si>
  <si>
    <t>0.018095271729373863</t>
  </si>
  <si>
    <t>23613</t>
  </si>
  <si>
    <t>714.699951171875</t>
  </si>
  <si>
    <t>0.027390739586673263</t>
  </si>
  <si>
    <t>24594</t>
  </si>
  <si>
    <t>818.4000854492188</t>
  </si>
  <si>
    <t>0.04070510292183194</t>
  </si>
  <si>
    <t>24190</t>
  </si>
  <si>
    <t>974.2000122070312</t>
  </si>
  <si>
    <t>-0.01656318612831953</t>
  </si>
  <si>
    <t>24268</t>
  </si>
  <si>
    <t>587.2999877929688</t>
  </si>
  <si>
    <t>0.0032192854581154506</t>
  </si>
  <si>
    <t>24658</t>
  </si>
  <si>
    <t>0.015942781366309333</t>
  </si>
  <si>
    <t>23844</t>
  </si>
  <si>
    <t>738.7000122070312</t>
  </si>
  <si>
    <t>-0.03356877808868042</t>
  </si>
  <si>
    <t>0.04766316032144147</t>
  </si>
  <si>
    <t>24650</t>
  </si>
  <si>
    <t>1014.1001586914062</t>
  </si>
  <si>
    <t>-0.014418873190422232</t>
  </si>
  <si>
    <t>677.4000244140625</t>
  </si>
  <si>
    <t>0.004573703154429509</t>
  </si>
  <si>
    <t>23540</t>
  </si>
  <si>
    <t>794.7000732421875</t>
  </si>
  <si>
    <t>-0.05064950181099803</t>
  </si>
  <si>
    <t>24689</t>
  </si>
  <si>
    <t>788.5999755859375</t>
  </si>
  <si>
    <t>0.0476566984770983</t>
  </si>
  <si>
    <t>26036</t>
  </si>
  <si>
    <t>724.7000122070312</t>
  </si>
  <si>
    <t>0.053122395400912126</t>
  </si>
  <si>
    <t>25957</t>
  </si>
  <si>
    <t>689.7999877929688</t>
  </si>
  <si>
    <t>-0.0030388729557984107</t>
  </si>
  <si>
    <t>25914</t>
  </si>
  <si>
    <t>745.7999877929688</t>
  </si>
  <si>
    <t>-0.0016579595477228537</t>
  </si>
  <si>
    <t>733.7000122070312</t>
  </si>
  <si>
    <t>0.030366975092201542</t>
  </si>
  <si>
    <t>26321</t>
  </si>
  <si>
    <t>717.2000122070312</t>
  </si>
  <si>
    <t>-0.014783238642483099</t>
  </si>
  <si>
    <t>27067</t>
  </si>
  <si>
    <t>0.027948174038288087</t>
  </si>
  <si>
    <t>27615</t>
  </si>
  <si>
    <t>920.7000732421875</t>
  </si>
  <si>
    <t>0.02004382965852436</t>
  </si>
  <si>
    <t>27658</t>
  </si>
  <si>
    <t>481.10003662109375</t>
  </si>
  <si>
    <t>0.0015559136893159575</t>
  </si>
  <si>
    <t>27967</t>
  </si>
  <si>
    <t>11.316666603088379</t>
  </si>
  <si>
    <t>679.0999755859375</t>
  </si>
  <si>
    <t>0.011110226642685461</t>
  </si>
  <si>
    <t>27125</t>
  </si>
  <si>
    <t>610.699951171875</t>
  </si>
  <si>
    <t>-0.03056943182452798</t>
  </si>
  <si>
    <t>27953</t>
  </si>
  <si>
    <t>781.4000244140625</t>
  </si>
  <si>
    <t>0.03006871650648435</t>
  </si>
  <si>
    <t>28236</t>
  </si>
  <si>
    <t>610.5000610351562</t>
  </si>
  <si>
    <t>0.01007323116611758</t>
  </si>
  <si>
    <t>757</t>
  </si>
  <si>
    <t>740.0000610351562</t>
  </si>
  <si>
    <t>124.0246810913086</t>
  </si>
  <si>
    <t>Ostholstein</t>
  </si>
  <si>
    <t>27704</t>
  </si>
  <si>
    <t>8.883332252502441</t>
  </si>
  <si>
    <t>0.04232109624320657</t>
  </si>
  <si>
    <t>28017</t>
  </si>
  <si>
    <t>700.199951171875</t>
  </si>
  <si>
    <t>0.011234661695571191</t>
  </si>
  <si>
    <t>27555</t>
  </si>
  <si>
    <t>806.2999877929688</t>
  </si>
  <si>
    <t>-0.016627461460492654</t>
  </si>
  <si>
    <t>28111</t>
  </si>
  <si>
    <t>821.699951171875</t>
  </si>
  <si>
    <t>0.01997695147912104</t>
  </si>
  <si>
    <t>28455</t>
  </si>
  <si>
    <t>599.7000732421875</t>
  </si>
  <si>
    <t>0.012162933240768226</t>
  </si>
  <si>
    <t>28602</t>
  </si>
  <si>
    <t>7.491666316986084</t>
  </si>
  <si>
    <t>482.800048828125</t>
  </si>
  <si>
    <t>0.005152753395655907</t>
  </si>
  <si>
    <t>29073</t>
  </si>
  <si>
    <t>690.0</t>
  </si>
  <si>
    <t>0.016333262969778772</t>
  </si>
  <si>
    <t>8.666667938232422</t>
  </si>
  <si>
    <t>838.2999877929688</t>
  </si>
  <si>
    <t>0.01985455742790876</t>
  </si>
  <si>
    <t>685.1000366210938</t>
  </si>
  <si>
    <t>0.018078115849727183</t>
  </si>
  <si>
    <t>31036</t>
  </si>
  <si>
    <t>640.1000366210938</t>
  </si>
  <si>
    <t>0.027405239333544884</t>
  </si>
  <si>
    <t>31825</t>
  </si>
  <si>
    <t>0.025104323411767382</t>
  </si>
  <si>
    <t>-0.022272918688786447</t>
  </si>
  <si>
    <t>29991</t>
  </si>
  <si>
    <t>571.7999877929688</t>
  </si>
  <si>
    <t>-0.03708188910153076</t>
  </si>
  <si>
    <t>29087</t>
  </si>
  <si>
    <t>714.199951171875</t>
  </si>
  <si>
    <t>-0.03060599768688199</t>
  </si>
  <si>
    <t>0.016266065956369147</t>
  </si>
  <si>
    <t>29412</t>
  </si>
  <si>
    <t>728.2999877929688</t>
  </si>
  <si>
    <t>-0.005154650588664822</t>
  </si>
  <si>
    <t>29825</t>
  </si>
  <si>
    <t>831.7999877929688</t>
  </si>
  <si>
    <t>0.013944213650002979</t>
  </si>
  <si>
    <t>29876</t>
  </si>
  <si>
    <t>659.300048828125</t>
  </si>
  <si>
    <t>0.001708514510841752</t>
  </si>
  <si>
    <t>29062</t>
  </si>
  <si>
    <t>669.0000610351562</t>
  </si>
  <si>
    <t>-0.027624003596317337</t>
  </si>
  <si>
    <t>747.800048828125</t>
  </si>
  <si>
    <t>0.020940856124818552</t>
  </si>
  <si>
    <t>31436</t>
  </si>
  <si>
    <t>764.2999877929688</t>
  </si>
  <si>
    <t>0.05758139798060746</t>
  </si>
  <si>
    <t>32845</t>
  </si>
  <si>
    <t>647.9000244140625</t>
  </si>
  <si>
    <t>0.0438457933405072</t>
  </si>
  <si>
    <t>33427</t>
  </si>
  <si>
    <t>622.7999877929688</t>
  </si>
  <si>
    <t>0.017564430306006074</t>
  </si>
  <si>
    <t>729.300048828125</t>
  </si>
  <si>
    <t>0.019845447229275948</t>
  </si>
  <si>
    <t>34440</t>
  </si>
  <si>
    <t>9.683332443237305</t>
  </si>
  <si>
    <t>683.300048828125</t>
  </si>
  <si>
    <t>0.01000927567981158</t>
  </si>
  <si>
    <t>600.3999633789062</t>
  </si>
  <si>
    <t>0.005646051915038086</t>
  </si>
  <si>
    <t>36044</t>
  </si>
  <si>
    <t>901.2000122070312</t>
  </si>
  <si>
    <t>0.039875682898221854</t>
  </si>
  <si>
    <t>480.6999816894531</t>
  </si>
  <si>
    <t>0.001025996623798875</t>
  </si>
  <si>
    <t>36927</t>
  </si>
  <si>
    <t>662.2000122070312</t>
  </si>
  <si>
    <t>0.023176579799679686</t>
  </si>
  <si>
    <t>35836</t>
  </si>
  <si>
    <t>-0.029990016060937208</t>
  </si>
  <si>
    <t>36931</t>
  </si>
  <si>
    <t>0.0300983320186905</t>
  </si>
  <si>
    <t>0.010049252751997528</t>
  </si>
  <si>
    <t>759</t>
  </si>
  <si>
    <t>324.7289123535156</t>
  </si>
  <si>
    <t>Paderborn</t>
  </si>
  <si>
    <t>0.04229825622590688</t>
  </si>
  <si>
    <t>36334</t>
  </si>
  <si>
    <t>889.4000244140625</t>
  </si>
  <si>
    <t>0.011237006231116453</t>
  </si>
  <si>
    <t>35735</t>
  </si>
  <si>
    <t>907.5000610351562</t>
  </si>
  <si>
    <t>-0.016623341344612186</t>
  </si>
  <si>
    <t>36455</t>
  </si>
  <si>
    <t>958.2999877929688</t>
  </si>
  <si>
    <t>0.019948022586453007</t>
  </si>
  <si>
    <t>36902</t>
  </si>
  <si>
    <t>735.5000610351562</t>
  </si>
  <si>
    <t>0.012187126861295638</t>
  </si>
  <si>
    <t>37093</t>
  </si>
  <si>
    <t>0.005162522446248374</t>
  </si>
  <si>
    <t>37704</t>
  </si>
  <si>
    <t>779.10009765625</t>
  </si>
  <si>
    <t>0.016337917055491147</t>
  </si>
  <si>
    <t>38459</t>
  </si>
  <si>
    <t>890.699951171875</t>
  </si>
  <si>
    <t>0.019826549161129137</t>
  </si>
  <si>
    <t>39161</t>
  </si>
  <si>
    <t>738.5000610351562</t>
  </si>
  <si>
    <t>0.01808861481519841</t>
  </si>
  <si>
    <t>40249</t>
  </si>
  <si>
    <t>762.4000854492188</t>
  </si>
  <si>
    <t>0.027403805237684153</t>
  </si>
  <si>
    <t>39529</t>
  </si>
  <si>
    <t>846.3001708984375</t>
  </si>
  <si>
    <t>-0.018050579089427643</t>
  </si>
  <si>
    <t>39243</t>
  </si>
  <si>
    <t>1032.300048828125</t>
  </si>
  <si>
    <t>-0.007261495371814419</t>
  </si>
  <si>
    <t>38124</t>
  </si>
  <si>
    <t>-0.028929079298819715</t>
  </si>
  <si>
    <t>39383</t>
  </si>
  <si>
    <t>818.2000732421875</t>
  </si>
  <si>
    <t>0.032490246036427806</t>
  </si>
  <si>
    <t>39774</t>
  </si>
  <si>
    <t>763.9000244140625</t>
  </si>
  <si>
    <t>0.00987918137550281</t>
  </si>
  <si>
    <t>0.052000792832101794</t>
  </si>
  <si>
    <t>45233</t>
  </si>
  <si>
    <t>1050.300048828125</t>
  </si>
  <si>
    <t>0.07661268362939211</t>
  </si>
  <si>
    <t>45775</t>
  </si>
  <si>
    <t>0.011911181611770516</t>
  </si>
  <si>
    <t>42828</t>
  </si>
  <si>
    <t>846.2000732421875</t>
  </si>
  <si>
    <t>-0.06654599626455138</t>
  </si>
  <si>
    <t>43176</t>
  </si>
  <si>
    <t>8.616665840148926</t>
  </si>
  <si>
    <t>839.9000244140625</t>
  </si>
  <si>
    <t>0.008092691020317844</t>
  </si>
  <si>
    <t>44886</t>
  </si>
  <si>
    <t>0.038841156801982635</t>
  </si>
  <si>
    <t>45912</t>
  </si>
  <si>
    <t>718.6000366210938</t>
  </si>
  <si>
    <t>0.02260057868773835</t>
  </si>
  <si>
    <t>46372</t>
  </si>
  <si>
    <t>0.009969308002093058</t>
  </si>
  <si>
    <t>48293</t>
  </si>
  <si>
    <t>0.04059079381113051</t>
  </si>
  <si>
    <t>47143</t>
  </si>
  <si>
    <t>726.7000122070312</t>
  </si>
  <si>
    <t>-0.02410108691563373</t>
  </si>
  <si>
    <t>48308</t>
  </si>
  <si>
    <t>9.833332061767578</t>
  </si>
  <si>
    <t>733.0999755859375</t>
  </si>
  <si>
    <t>0.024411642709477377</t>
  </si>
  <si>
    <t>48856</t>
  </si>
  <si>
    <t>950.4999389648438</t>
  </si>
  <si>
    <t>0.011280017507704798</t>
  </si>
  <si>
    <t>48656</t>
  </si>
  <si>
    <t>579.800048828125</t>
  </si>
  <si>
    <t>-0.0041020649858243274</t>
  </si>
  <si>
    <t>48654</t>
  </si>
  <si>
    <t>711.800048828125</t>
  </si>
  <si>
    <t>-4.110574453441984e-05</t>
  </si>
  <si>
    <t>46384</t>
  </si>
  <si>
    <t>730.0000610351562</t>
  </si>
  <si>
    <t>-0.04777945301117548</t>
  </si>
  <si>
    <t>47801</t>
  </si>
  <si>
    <t>0.030091987601371883</t>
  </si>
  <si>
    <t>687.7000122070312</t>
  </si>
  <si>
    <t>0.0100743936382095</t>
  </si>
  <si>
    <t>761</t>
  </si>
  <si>
    <t>22733</t>
  </si>
  <si>
    <t>729.5999755859375</t>
  </si>
  <si>
    <t>280.980224609375</t>
  </si>
  <si>
    <t>Peine</t>
  </si>
  <si>
    <t>0.04229014601233594</t>
  </si>
  <si>
    <t>23983</t>
  </si>
  <si>
    <t>795.7000122070312</t>
  </si>
  <si>
    <t>0.011237486698483679</t>
  </si>
  <si>
    <t>23588</t>
  </si>
  <si>
    <t>-0.016607137889771195</t>
  </si>
  <si>
    <t>830.9000854492188</t>
  </si>
  <si>
    <t>0.01993728291463981</t>
  </si>
  <si>
    <t>24357</t>
  </si>
  <si>
    <t>634.300048828125</t>
  </si>
  <si>
    <t>0.012143891495520975</t>
  </si>
  <si>
    <t>24484</t>
  </si>
  <si>
    <t>583.0999755859375</t>
  </si>
  <si>
    <t>0.005200560440405511</t>
  </si>
  <si>
    <t>24887</t>
  </si>
  <si>
    <t>705.7999877929688</t>
  </si>
  <si>
    <t>0.016325735792845464</t>
  </si>
  <si>
    <t>25385</t>
  </si>
  <si>
    <t>785.7999877929688</t>
  </si>
  <si>
    <t>0.019812869617688023</t>
  </si>
  <si>
    <t>25849</t>
  </si>
  <si>
    <t>612.5</t>
  </si>
  <si>
    <t>0.018113467087271573</t>
  </si>
  <si>
    <t>26567</t>
  </si>
  <si>
    <t>0.02739792861416035</t>
  </si>
  <si>
    <t>26795</t>
  </si>
  <si>
    <t>732.6000366210938</t>
  </si>
  <si>
    <t>0.00854545884602409</t>
  </si>
  <si>
    <t>931.7999267578125</t>
  </si>
  <si>
    <t>-0.01686088643348249</t>
  </si>
  <si>
    <t>550.5999755859375</t>
  </si>
  <si>
    <t>-0.04972239345141283</t>
  </si>
  <si>
    <t>27004</t>
  </si>
  <si>
    <t>710.5000610351562</t>
  </si>
  <si>
    <t>0.07435298011770541</t>
  </si>
  <si>
    <t>652.800048828125</t>
  </si>
  <si>
    <t>-0.05425239616849531</t>
  </si>
  <si>
    <t>27917</t>
  </si>
  <si>
    <t>0.08750321525316096</t>
  </si>
  <si>
    <t>30455</t>
  </si>
  <si>
    <t>976.1000366210938</t>
  </si>
  <si>
    <t>0.08701436202415813</t>
  </si>
  <si>
    <t>32171</t>
  </si>
  <si>
    <t>0.05481524134103566</t>
  </si>
  <si>
    <t>27829</t>
  </si>
  <si>
    <t>740.800048828125</t>
  </si>
  <si>
    <t>-0.14498678318426883</t>
  </si>
  <si>
    <t>735.2000122070312</t>
  </si>
  <si>
    <t>0.006732826350477339</t>
  </si>
  <si>
    <t>677.6000366210938</t>
  </si>
  <si>
    <t>0.07234473305364375</t>
  </si>
  <si>
    <t>0.002685722531488466</t>
  </si>
  <si>
    <t>29548</t>
  </si>
  <si>
    <t>684.4000244140625</t>
  </si>
  <si>
    <t>-0.0218258647143319</t>
  </si>
  <si>
    <t>30750</t>
  </si>
  <si>
    <t>668.2000732421875</t>
  </si>
  <si>
    <t>0.039873934586035276</t>
  </si>
  <si>
    <t>29886</t>
  </si>
  <si>
    <t>647.300048828125</t>
  </si>
  <si>
    <t>-0.028499850933325632</t>
  </si>
  <si>
    <t>29012</t>
  </si>
  <si>
    <t>638.2000732421875</t>
  </si>
  <si>
    <t>-0.029680605818034778</t>
  </si>
  <si>
    <t>28865</t>
  </si>
  <si>
    <t>939.2999877929688</t>
  </si>
  <si>
    <t>-0.005079748988269017</t>
  </si>
  <si>
    <t>454.5000305175781</t>
  </si>
  <si>
    <t>0.03669918208922951</t>
  </si>
  <si>
    <t>29457</t>
  </si>
  <si>
    <t>11.283332824707031</t>
  </si>
  <si>
    <t>-0.01639739774686433</t>
  </si>
  <si>
    <t>10.891669273376465</t>
  </si>
  <si>
    <t>613.4000244140625</t>
  </si>
  <si>
    <t>-0.034256310452217775</t>
  </si>
  <si>
    <t>680.6000366210938</t>
  </si>
  <si>
    <t>0.030106079974778766</t>
  </si>
  <si>
    <t>29631</t>
  </si>
  <si>
    <t>0.010039768216277167</t>
  </si>
  <si>
    <t>31044</t>
  </si>
  <si>
    <t>790.10009765625</t>
  </si>
  <si>
    <t>568.2241821289062</t>
  </si>
  <si>
    <t>Pinneberg</t>
  </si>
  <si>
    <t>32385</t>
  </si>
  <si>
    <t>646.699951171875</t>
  </si>
  <si>
    <t>0.042289799642986736</t>
  </si>
  <si>
    <t>874.2999877929688</t>
  </si>
  <si>
    <t>0.011238143331361528</t>
  </si>
  <si>
    <t>909.800048828125</t>
  </si>
  <si>
    <t>-0.01662548684613263</t>
  </si>
  <si>
    <t>32861</t>
  </si>
  <si>
    <t>942.5000610351562</t>
  </si>
  <si>
    <t>0.019978535162300304</t>
  </si>
  <si>
    <t>33263</t>
  </si>
  <si>
    <t>702.2000122070312</t>
  </si>
  <si>
    <t>0.012159123851297693</t>
  </si>
  <si>
    <t>7.4083333015441895</t>
  </si>
  <si>
    <t>0.005157587372234929</t>
  </si>
  <si>
    <t>33986</t>
  </si>
  <si>
    <t>0.016345419605972467</t>
  </si>
  <si>
    <t>34667</t>
  </si>
  <si>
    <t>927.0999755859375</t>
  </si>
  <si>
    <t>0.019839550699735753</t>
  </si>
  <si>
    <t>35300</t>
  </si>
  <si>
    <t>0.018094738127601318</t>
  </si>
  <si>
    <t>756.0000610351562</t>
  </si>
  <si>
    <t>0.027383661307684548</t>
  </si>
  <si>
    <t>38406</t>
  </si>
  <si>
    <t>849.5001220703125</t>
  </si>
  <si>
    <t>0.05694707214098571</t>
  </si>
  <si>
    <t>36729</t>
  </si>
  <si>
    <t>985.0999755859375</t>
  </si>
  <si>
    <t>-0.044647063628033834</t>
  </si>
  <si>
    <t>614.1000366210938</t>
  </si>
  <si>
    <t>-0.012961748914291249</t>
  </si>
  <si>
    <t>822.0</t>
  </si>
  <si>
    <t>-0.008197675242177738</t>
  </si>
  <si>
    <t>37908</t>
  </si>
  <si>
    <t>9.0166654586792</t>
  </si>
  <si>
    <t>744.2000732421875</t>
  </si>
  <si>
    <t>0.05275496200452956</t>
  </si>
  <si>
    <t>37842</t>
  </si>
  <si>
    <t>-0.0017425746983796842</t>
  </si>
  <si>
    <t>38973</t>
  </si>
  <si>
    <t>1032.7000732421875</t>
  </si>
  <si>
    <t>0.029449501772136344</t>
  </si>
  <si>
    <t>38779</t>
  </si>
  <si>
    <t>720.9000244140625</t>
  </si>
  <si>
    <t>-0.004990235687555966</t>
  </si>
  <si>
    <t>37054</t>
  </si>
  <si>
    <t>-0.04550255486632793</t>
  </si>
  <si>
    <t>37988</t>
  </si>
  <si>
    <t>861.9000244140625</t>
  </si>
  <si>
    <t>0.02489401225288468</t>
  </si>
  <si>
    <t>39748</t>
  </si>
  <si>
    <t>0.0452892049884106</t>
  </si>
  <si>
    <t>731.2000122070312</t>
  </si>
  <si>
    <t>39321</t>
  </si>
  <si>
    <t>766.4000244140625</t>
  </si>
  <si>
    <t>-0.010800798063598904</t>
  </si>
  <si>
    <t>39575</t>
  </si>
  <si>
    <t>747.9000244140625</t>
  </si>
  <si>
    <t>0.006438878461558772</t>
  </si>
  <si>
    <t>762.2000732421875</t>
  </si>
  <si>
    <t>-0.024608598431726136</t>
  </si>
  <si>
    <t>39790</t>
  </si>
  <si>
    <t>689.0</t>
  </si>
  <si>
    <t>0.03002661710348775</t>
  </si>
  <si>
    <t>39927</t>
  </si>
  <si>
    <t>1027.5999755859375</t>
  </si>
  <si>
    <t>0.0034371623336912904</t>
  </si>
  <si>
    <t>40186</t>
  </si>
  <si>
    <t>503.5999755859375</t>
  </si>
  <si>
    <t>0.006465889489831511</t>
  </si>
  <si>
    <t>713.5000610351562</t>
  </si>
  <si>
    <t>0.0013677001149776657</t>
  </si>
  <si>
    <t>37926</t>
  </si>
  <si>
    <t>-0.05924948365912108</t>
  </si>
  <si>
    <t>39085</t>
  </si>
  <si>
    <t>770.3999633789062</t>
  </si>
  <si>
    <t>0.03010186895407685</t>
  </si>
  <si>
    <t>39480</t>
  </si>
  <si>
    <t>629.5000610351562</t>
  </si>
  <si>
    <t>0.010055452892986594</t>
  </si>
  <si>
    <t>766</t>
  </si>
  <si>
    <t>20213</t>
  </si>
  <si>
    <t>741.5</t>
  </si>
  <si>
    <t>314.9899597167969</t>
  </si>
  <si>
    <t>PlÔøΩn</t>
  </si>
  <si>
    <t>21086</t>
  </si>
  <si>
    <t>679.2999877929688</t>
  </si>
  <si>
    <t>0.04228335138989614</t>
  </si>
  <si>
    <t>728.5</t>
  </si>
  <si>
    <t>0.01122388580575695</t>
  </si>
  <si>
    <t>20973</t>
  </si>
  <si>
    <t>833.7000122070312</t>
  </si>
  <si>
    <t>-0.01659730276255722</t>
  </si>
  <si>
    <t>21396</t>
  </si>
  <si>
    <t>877.3001098632812</t>
  </si>
  <si>
    <t>0.01996809247104636</t>
  </si>
  <si>
    <t>21658</t>
  </si>
  <si>
    <t>621.5999755859375</t>
  </si>
  <si>
    <t>0.012170912537182943</t>
  </si>
  <si>
    <t>21770</t>
  </si>
  <si>
    <t>522.7999877929688</t>
  </si>
  <si>
    <t>0.0051579740402694085</t>
  </si>
  <si>
    <t>22129</t>
  </si>
  <si>
    <t>699.0999755859375</t>
  </si>
  <si>
    <t>0.016356090267272805</t>
  </si>
  <si>
    <t>22572</t>
  </si>
  <si>
    <t>0.01982123459316476</t>
  </si>
  <si>
    <t>22984</t>
  </si>
  <si>
    <t>810.4000244140625</t>
  </si>
  <si>
    <t>0.018088121570094984</t>
  </si>
  <si>
    <t>23622</t>
  </si>
  <si>
    <t>698.9000244140625</t>
  </si>
  <si>
    <t>0.027380159512667035</t>
  </si>
  <si>
    <t>23453</t>
  </si>
  <si>
    <t>831.6000366210938</t>
  </si>
  <si>
    <t>-0.007180062710215651</t>
  </si>
  <si>
    <t>23167</t>
  </si>
  <si>
    <t>852.199951171875</t>
  </si>
  <si>
    <t>-0.012269566191108083</t>
  </si>
  <si>
    <t>23235</t>
  </si>
  <si>
    <t>0.0029309102486099192</t>
  </si>
  <si>
    <t>23337</t>
  </si>
  <si>
    <t>737.7000122070312</t>
  </si>
  <si>
    <t>0.00438032135580535</t>
  </si>
  <si>
    <t>23088</t>
  </si>
  <si>
    <t>633.7999877929688</t>
  </si>
  <si>
    <t>-0.010727081861231724</t>
  </si>
  <si>
    <t>23815</t>
  </si>
  <si>
    <t>872.0999145507812</t>
  </si>
  <si>
    <t>0.03100263222130728</t>
  </si>
  <si>
    <t>24409</t>
  </si>
  <si>
    <t>898.2000732421875</t>
  </si>
  <si>
    <t>0.02463628249600447</t>
  </si>
  <si>
    <t>24632</t>
  </si>
  <si>
    <t>705.2000732421875</t>
  </si>
  <si>
    <t>0.00909449387337169</t>
  </si>
  <si>
    <t>24157</t>
  </si>
  <si>
    <t>707.7000122070312</t>
  </si>
  <si>
    <t>-0.019472217451019347</t>
  </si>
  <si>
    <t>24892</t>
  </si>
  <si>
    <t>8.075000762939453</t>
  </si>
  <si>
    <t>817.1000366210938</t>
  </si>
  <si>
    <t>0.029972273535792127</t>
  </si>
  <si>
    <t>27944</t>
  </si>
  <si>
    <t>887.4000244140625</t>
  </si>
  <si>
    <t>0.11565604079755865</t>
  </si>
  <si>
    <t>-0.054454976559791035</t>
  </si>
  <si>
    <t>27104</t>
  </si>
  <si>
    <t>676.0999755859375</t>
  </si>
  <si>
    <t>0.02393378752490527</t>
  </si>
  <si>
    <t>868.7999877929688</t>
  </si>
  <si>
    <t>-0.004956181318005903</t>
  </si>
  <si>
    <t>25553</t>
  </si>
  <si>
    <t>757.4000854492188</t>
  </si>
  <si>
    <t>-0.05397041056499674</t>
  </si>
  <si>
    <t>0.013488242118850025</t>
  </si>
  <si>
    <t>27126</t>
  </si>
  <si>
    <t>1026.5</t>
  </si>
  <si>
    <t>0.0462497088350311</t>
  </si>
  <si>
    <t>26792</t>
  </si>
  <si>
    <t>540.5</t>
  </si>
  <si>
    <t>-0.012389342048619412</t>
  </si>
  <si>
    <t>28509</t>
  </si>
  <si>
    <t>787.7000732421875</t>
  </si>
  <si>
    <t>0.062116491405383556</t>
  </si>
  <si>
    <t>27309</t>
  </si>
  <si>
    <t>744.39990234375</t>
  </si>
  <si>
    <t>-0.04300350870602543</t>
  </si>
  <si>
    <t>28143</t>
  </si>
  <si>
    <t>767.5001220703125</t>
  </si>
  <si>
    <t>0.03008233762066226</t>
  </si>
  <si>
    <t>28427</t>
  </si>
  <si>
    <t>10.333333969116211</t>
  </si>
  <si>
    <t>0.010040741947550558</t>
  </si>
  <si>
    <t>768</t>
  </si>
  <si>
    <t>23462</t>
  </si>
  <si>
    <t>559.7000732421875</t>
  </si>
  <si>
    <t>108.05813598632812</t>
  </si>
  <si>
    <t>Potsdam-Mittelmark</t>
  </si>
  <si>
    <t>479.8000183105469</t>
  </si>
  <si>
    <t>0.04231095451676481</t>
  </si>
  <si>
    <t>24752</t>
  </si>
  <si>
    <t>542.5999755859375</t>
  </si>
  <si>
    <t>0.011213248230415473</t>
  </si>
  <si>
    <t>24344</t>
  </si>
  <si>
    <t>24835</t>
  </si>
  <si>
    <t>611.4000244140625</t>
  </si>
  <si>
    <t>0.019968535964643763</t>
  </si>
  <si>
    <t>25139</t>
  </si>
  <si>
    <t>524.7999877929688</t>
  </si>
  <si>
    <t>0.012166476564237527</t>
  </si>
  <si>
    <t>487.3999938964844</t>
  </si>
  <si>
    <t>0.005157922877785381</t>
  </si>
  <si>
    <t>25685</t>
  </si>
  <si>
    <t>595.4000244140625</t>
  </si>
  <si>
    <t>0.0163288159178947</t>
  </si>
  <si>
    <t>627.699951171875</t>
  </si>
  <si>
    <t>0.01985224684782061</t>
  </si>
  <si>
    <t>26678</t>
  </si>
  <si>
    <t>508.1000061035156</t>
  </si>
  <si>
    <t>0.01807984495180115</t>
  </si>
  <si>
    <t>27419</t>
  </si>
  <si>
    <t>0.027396948020154355</t>
  </si>
  <si>
    <t>26062</t>
  </si>
  <si>
    <t>587.7000122070312</t>
  </si>
  <si>
    <t>-0.05075788901629252</t>
  </si>
  <si>
    <t>-0.008090347322065483</t>
  </si>
  <si>
    <t>428.6000061035156</t>
  </si>
  <si>
    <t>-0.022255734276749095</t>
  </si>
  <si>
    <t>26168</t>
  </si>
  <si>
    <t>0.034405057112183</t>
  </si>
  <si>
    <t>25799</t>
  </si>
  <si>
    <t>516.5999755859375</t>
  </si>
  <si>
    <t>-0.014201558749610044</t>
  </si>
  <si>
    <t>26345</t>
  </si>
  <si>
    <t>538.9000244140625</t>
  </si>
  <si>
    <t>0.020942772174777247</t>
  </si>
  <si>
    <t>27395</t>
  </si>
  <si>
    <t>761.9000854492188</t>
  </si>
  <si>
    <t>0.03908201132912836</t>
  </si>
  <si>
    <t>27830</t>
  </si>
  <si>
    <t>531.8999633789062</t>
  </si>
  <si>
    <t>0.01575406054742068</t>
  </si>
  <si>
    <t>26957</t>
  </si>
  <si>
    <t>594.1000366210938</t>
  </si>
  <si>
    <t>-0.031871571649713104</t>
  </si>
  <si>
    <t>27193</t>
  </si>
  <si>
    <t>649.6000366210938</t>
  </si>
  <si>
    <t>0.008716583351738194</t>
  </si>
  <si>
    <t>559.5</t>
  </si>
  <si>
    <t>0.05994731513400353</t>
  </si>
  <si>
    <t>29657</t>
  </si>
  <si>
    <t>576.7000122070312</t>
  </si>
  <si>
    <t>0.026791282895306523</t>
  </si>
  <si>
    <t>554.5999755859375</t>
  </si>
  <si>
    <t>0.055388481962742375</t>
  </si>
  <si>
    <t>32650</t>
  </si>
  <si>
    <t>591.9000244140625</t>
  </si>
  <si>
    <t>0.040758188490563896</t>
  </si>
  <si>
    <t>32575</t>
  </si>
  <si>
    <t>503.79998779296875</t>
  </si>
  <si>
    <t>-0.002299732711531277</t>
  </si>
  <si>
    <t>33191</t>
  </si>
  <si>
    <t>485.0</t>
  </si>
  <si>
    <t>0.018733631824183306</t>
  </si>
  <si>
    <t>33921</t>
  </si>
  <si>
    <t>765.2000122070312</t>
  </si>
  <si>
    <t>0.021755536786125518</t>
  </si>
  <si>
    <t>34650</t>
  </si>
  <si>
    <t>379.9000244140625</t>
  </si>
  <si>
    <t>0.02126343401469377</t>
  </si>
  <si>
    <t>35958</t>
  </si>
  <si>
    <t>11.57500171661377</t>
  </si>
  <si>
    <t>496.3000183105469</t>
  </si>
  <si>
    <t>0.03705386506819153</t>
  </si>
  <si>
    <t>35288</t>
  </si>
  <si>
    <t>499.60003662109375</t>
  </si>
  <si>
    <t>-0.018808627901464092</t>
  </si>
  <si>
    <t>36366</t>
  </si>
  <si>
    <t>0.030091309394563837</t>
  </si>
  <si>
    <t>458.5</t>
  </si>
  <si>
    <t>0.010041261402164992</t>
  </si>
  <si>
    <t>769</t>
  </si>
  <si>
    <t>19496</t>
  </si>
  <si>
    <t>9.854371070861816</t>
  </si>
  <si>
    <t>622.6651000976562</t>
  </si>
  <si>
    <t>94.10392761230469</t>
  </si>
  <si>
    <t>Prignitz</t>
  </si>
  <si>
    <t>20339</t>
  </si>
  <si>
    <t>8.745376586914062</t>
  </si>
  <si>
    <t>549.9056396484375</t>
  </si>
  <si>
    <t>0.042330908880451545</t>
  </si>
  <si>
    <t>20568</t>
  </si>
  <si>
    <t>9.811302185058594</t>
  </si>
  <si>
    <t>599.0721435546875</t>
  </si>
  <si>
    <t>0.011196244760231622</t>
  </si>
  <si>
    <t>20229</t>
  </si>
  <si>
    <t>8.666170120239258</t>
  </si>
  <si>
    <t>708.3584594726562</t>
  </si>
  <si>
    <t>-0.016619251543033897</t>
  </si>
  <si>
    <t>20637</t>
  </si>
  <si>
    <t>9.4627046585083</t>
  </si>
  <si>
    <t>691.7650146484375</t>
  </si>
  <si>
    <t>0.019968362791431105</t>
  </si>
  <si>
    <t>20890</t>
  </si>
  <si>
    <t>8.701565742492676</t>
  </si>
  <si>
    <t>552.6041259765625</t>
  </si>
  <si>
    <t>0.012184994356488232</t>
  </si>
  <si>
    <t>20998</t>
  </si>
  <si>
    <t>7.2946343421936035</t>
  </si>
  <si>
    <t>470.2103576660156</t>
  </si>
  <si>
    <t>0.00515661952427493</t>
  </si>
  <si>
    <t>21344</t>
  </si>
  <si>
    <t>9.480031967163086</t>
  </si>
  <si>
    <t>629.0405883789062</t>
  </si>
  <si>
    <t>0.01634347464046293</t>
  </si>
  <si>
    <t>21771</t>
  </si>
  <si>
    <t>9.321038246154785</t>
  </si>
  <si>
    <t>716.403564453125</t>
  </si>
  <si>
    <t>0.019808139230896415</t>
  </si>
  <si>
    <t>22169</t>
  </si>
  <si>
    <t>9.787703514099121</t>
  </si>
  <si>
    <t>579.65625</t>
  </si>
  <si>
    <t>0.01811610764770677</t>
  </si>
  <si>
    <t>22784</t>
  </si>
  <si>
    <t>10.237704277038574</t>
  </si>
  <si>
    <t>579.80908203125</t>
  </si>
  <si>
    <t>0.027363618617750163</t>
  </si>
  <si>
    <t>24139</t>
  </si>
  <si>
    <t>9.242571830749512</t>
  </si>
  <si>
    <t>666.3652954101562</t>
  </si>
  <si>
    <t>0.05777025456106699</t>
  </si>
  <si>
    <t>24603</t>
  </si>
  <si>
    <t>9.571037292480469</t>
  </si>
  <si>
    <t>745.966552734375</t>
  </si>
  <si>
    <t>0.01903959693175139</t>
  </si>
  <si>
    <t>9.37937068939209</t>
  </si>
  <si>
    <t>486.457275390625</t>
  </si>
  <si>
    <t>-0.021943681282754923</t>
  </si>
  <si>
    <t>24978</t>
  </si>
  <si>
    <t>9.646037101745605</t>
  </si>
  <si>
    <t>617.5325317382812</t>
  </si>
  <si>
    <t>0.03707073200126487</t>
  </si>
  <si>
    <t>25720</t>
  </si>
  <si>
    <t>8.8377046585083</t>
  </si>
  <si>
    <t>553.20703125</t>
  </si>
  <si>
    <t>0.02927346192852376</t>
  </si>
  <si>
    <t>27163</t>
  </si>
  <si>
    <t>10.579371452331543</t>
  </si>
  <si>
    <t>615.4277954101562</t>
  </si>
  <si>
    <t>0.05458685377495698</t>
  </si>
  <si>
    <t>28044</t>
  </si>
  <si>
    <t>10.17590618133545</t>
  </si>
  <si>
    <t>776.2391967773438</t>
  </si>
  <si>
    <t>0.03191895220034624</t>
  </si>
  <si>
    <t>28662</t>
  </si>
  <si>
    <t>9.644636154174805</t>
  </si>
  <si>
    <t>568.7899169921875</t>
  </si>
  <si>
    <t>0.021797498291158846</t>
  </si>
  <si>
    <t>9.254371643066406</t>
  </si>
  <si>
    <t>611.4151000976562</t>
  </si>
  <si>
    <t>-0.028846962992981062</t>
  </si>
  <si>
    <t>29686</t>
  </si>
  <si>
    <t>8.600905418395996</t>
  </si>
  <si>
    <t>683.3399047851562</t>
  </si>
  <si>
    <t>0.0639503135596744</t>
  </si>
  <si>
    <t>32194</t>
  </si>
  <si>
    <t>9.9627046585083</t>
  </si>
  <si>
    <t>651.2591552734375</t>
  </si>
  <si>
    <t>0.0811045455814643</t>
  </si>
  <si>
    <t>33352</t>
  </si>
  <si>
    <t>9.209239959716797</t>
  </si>
  <si>
    <t>588.66748046875</t>
  </si>
  <si>
    <t>0.03533764079445767</t>
  </si>
  <si>
    <t>33916</t>
  </si>
  <si>
    <t>9.2828369140625</t>
  </si>
  <si>
    <t>575.035888671875</t>
  </si>
  <si>
    <t>0.01676913886326048</t>
  </si>
  <si>
    <t>35531</t>
  </si>
  <si>
    <t>10.912704467773438</t>
  </si>
  <si>
    <t>635.1891479492188</t>
  </si>
  <si>
    <t>0.04651867542449395</t>
  </si>
  <si>
    <t>10.146039009094238</t>
  </si>
  <si>
    <t>566.856201171875</t>
  </si>
  <si>
    <t>-0.007486227880518115</t>
  </si>
  <si>
    <t>9.98423957824707</t>
  </si>
  <si>
    <t>520.6572875976562</t>
  </si>
  <si>
    <t>-0.024310589500615265</t>
  </si>
  <si>
    <t>10.354371070861816</t>
  </si>
  <si>
    <t>797.6585083007812</t>
  </si>
  <si>
    <t>0.05279569524498484</t>
  </si>
  <si>
    <t>35740</t>
  </si>
  <si>
    <t>10.575904846191406</t>
  </si>
  <si>
    <t>418.9395751953125</t>
  </si>
  <si>
    <t>-0.015133922998819216</t>
  </si>
  <si>
    <t>36685</t>
  </si>
  <si>
    <t>11.074503898620605</t>
  </si>
  <si>
    <t>553.04833984375</t>
  </si>
  <si>
    <t>0.0260974424346756</t>
  </si>
  <si>
    <t>10.65437126159668</t>
  </si>
  <si>
    <t>560.3861083984375</t>
  </si>
  <si>
    <t>0.00868508648347266</t>
  </si>
  <si>
    <t>38135</t>
  </si>
  <si>
    <t>9.88283634185791</t>
  </si>
  <si>
    <t>609.5010986328125</t>
  </si>
  <si>
    <t>0.03007945696677261</t>
  </si>
  <si>
    <t>38521</t>
  </si>
  <si>
    <t>10.80437183380127</t>
  </si>
  <si>
    <t>520.6592407226562</t>
  </si>
  <si>
    <t>0.010071051516732155</t>
  </si>
  <si>
    <t>38159</t>
  </si>
  <si>
    <t>852.7000122070312</t>
  </si>
  <si>
    <t>303.1673889160156</t>
  </si>
  <si>
    <t>Rastatt</t>
  </si>
  <si>
    <t>39808</t>
  </si>
  <si>
    <t>634.4000244140625</t>
  </si>
  <si>
    <t>0.04230625633073082</t>
  </si>
  <si>
    <t>40257</t>
  </si>
  <si>
    <t>10.433335304260254</t>
  </si>
  <si>
    <t>0.011216004670217217</t>
  </si>
  <si>
    <t>39594</t>
  </si>
  <si>
    <t>9.57499885559082</t>
  </si>
  <si>
    <t>874.5</t>
  </si>
  <si>
    <t>-0.01660631015759151</t>
  </si>
  <si>
    <t>40392</t>
  </si>
  <si>
    <t>892.6000366210938</t>
  </si>
  <si>
    <t>0.01995415392727473</t>
  </si>
  <si>
    <t>40886</t>
  </si>
  <si>
    <t>0.012155960606202498</t>
  </si>
  <si>
    <t>41098</t>
  </si>
  <si>
    <t>769.3999633789062</t>
  </si>
  <si>
    <t>0.0051717523548617805</t>
  </si>
  <si>
    <t>41775</t>
  </si>
  <si>
    <t>836.5999755859375</t>
  </si>
  <si>
    <t>0.016338615963778835</t>
  </si>
  <si>
    <t>42612</t>
  </si>
  <si>
    <t>807.7000122070312</t>
  </si>
  <si>
    <t>0.019837829267494556</t>
  </si>
  <si>
    <t>43390</t>
  </si>
  <si>
    <t>0.018093096061306824</t>
  </si>
  <si>
    <t>44595</t>
  </si>
  <si>
    <t>867.3999633789062</t>
  </si>
  <si>
    <t>0.027392745307912136</t>
  </si>
  <si>
    <t>908.7000122070312</t>
  </si>
  <si>
    <t>0.07634626744071049</t>
  </si>
  <si>
    <t>46789</t>
  </si>
  <si>
    <t>1111.2000732421875</t>
  </si>
  <si>
    <t>-0.028319879997194874</t>
  </si>
  <si>
    <t>48157</t>
  </si>
  <si>
    <t>665.0999755859375</t>
  </si>
  <si>
    <t>0.02881837413982602</t>
  </si>
  <si>
    <t>49038</t>
  </si>
  <si>
    <t>714.800048828125</t>
  </si>
  <si>
    <t>0.018129001060534833</t>
  </si>
  <si>
    <t>49650</t>
  </si>
  <si>
    <t>711.5999145507812</t>
  </si>
  <si>
    <t>0.012402882729134035</t>
  </si>
  <si>
    <t>52070</t>
  </si>
  <si>
    <t>986.4000244140625</t>
  </si>
  <si>
    <t>0.04759057668362665</t>
  </si>
  <si>
    <t>53556</t>
  </si>
  <si>
    <t>927.5</t>
  </si>
  <si>
    <t>0.0281388682603243</t>
  </si>
  <si>
    <t>52412</t>
  </si>
  <si>
    <t>836.199951171875</t>
  </si>
  <si>
    <t>-0.021592262692793796</t>
  </si>
  <si>
    <t>861.0999145507812</t>
  </si>
  <si>
    <t>-0.16871538907344075</t>
  </si>
  <si>
    <t>52548</t>
  </si>
  <si>
    <t>849.2999267578125</t>
  </si>
  <si>
    <t>0.1713068539383631</t>
  </si>
  <si>
    <t>56844</t>
  </si>
  <si>
    <t>0.07858363612235486</t>
  </si>
  <si>
    <t>54835</t>
  </si>
  <si>
    <t>848.7999877929688</t>
  </si>
  <si>
    <t>-0.03598199751744424</t>
  </si>
  <si>
    <t>53843</t>
  </si>
  <si>
    <t>9.916666030883789</t>
  </si>
  <si>
    <t>924.7000732421875</t>
  </si>
  <si>
    <t>-0.01825627177424849</t>
  </si>
  <si>
    <t>55758</t>
  </si>
  <si>
    <t>839.0</t>
  </si>
  <si>
    <t>0.03494849336533434</t>
  </si>
  <si>
    <t>56952</t>
  </si>
  <si>
    <t>669.9000244140625</t>
  </si>
  <si>
    <t>0.021187909998314325</t>
  </si>
  <si>
    <t>58042</t>
  </si>
  <si>
    <t>835.4999389648438</t>
  </si>
  <si>
    <t>0.018958078614515372</t>
  </si>
  <si>
    <t>59485</t>
  </si>
  <si>
    <t>901.199951171875</t>
  </si>
  <si>
    <t>0.024557293512401657</t>
  </si>
  <si>
    <t>59522</t>
  </si>
  <si>
    <t>638.60009765625</t>
  </si>
  <si>
    <t>0.0006218121823451384</t>
  </si>
  <si>
    <t>56578</t>
  </si>
  <si>
    <t>743.0999755859375</t>
  </si>
  <si>
    <t>-0.05072577504174269</t>
  </si>
  <si>
    <t>51412</t>
  </si>
  <si>
    <t>-0.0957486088212054</t>
  </si>
  <si>
    <t>52982</t>
  </si>
  <si>
    <t>10.166667938232422</t>
  </si>
  <si>
    <t>809.2000122070312</t>
  </si>
  <si>
    <t>0.030080624977896875</t>
  </si>
  <si>
    <t>53518</t>
  </si>
  <si>
    <t>754.9000244140625</t>
  </si>
  <si>
    <t>0.01006581268817186</t>
  </si>
  <si>
    <t>771</t>
  </si>
  <si>
    <t>38787</t>
  </si>
  <si>
    <t>1029.9998779296875</t>
  </si>
  <si>
    <t>215.5690155029297</t>
  </si>
  <si>
    <t>Ravensburg</t>
  </si>
  <si>
    <t>40464</t>
  </si>
  <si>
    <t>838.300048828125</t>
  </si>
  <si>
    <t>0.04232755098708374</t>
  </si>
  <si>
    <t>957.5999145507812</t>
  </si>
  <si>
    <t>0.01120625115581575</t>
  </si>
  <si>
    <t>1033.4000244140625</t>
  </si>
  <si>
    <t>-0.01660832103925003</t>
  </si>
  <si>
    <t>41057</t>
  </si>
  <si>
    <t>960.300048828125</t>
  </si>
  <si>
    <t>0.01995072506826112</t>
  </si>
  <si>
    <t>41560</t>
  </si>
  <si>
    <t>945.1000366210938</t>
  </si>
  <si>
    <t>0.012176821118590198</t>
  </si>
  <si>
    <t>875.3999633789062</t>
  </si>
  <si>
    <t>0.005159908250430334</t>
  </si>
  <si>
    <t>42464</t>
  </si>
  <si>
    <t>890.9000244140625</t>
  </si>
  <si>
    <t>0.016358583668338866</t>
  </si>
  <si>
    <t>43314</t>
  </si>
  <si>
    <t>913.2000732421875</t>
  </si>
  <si>
    <t>0.019819250235283192</t>
  </si>
  <si>
    <t>1108.9000244140625</t>
  </si>
  <si>
    <t>0.018097246325650573</t>
  </si>
  <si>
    <t>45330</t>
  </si>
  <si>
    <t>0.02739591024202781</t>
  </si>
  <si>
    <t>47429</t>
  </si>
  <si>
    <t>0.045264791012170846</t>
  </si>
  <si>
    <t>50013</t>
  </si>
  <si>
    <t>1154.699951171875</t>
  </si>
  <si>
    <t>0.053049115669075775</t>
  </si>
  <si>
    <t>49413</t>
  </si>
  <si>
    <t>761.800048828125</t>
  </si>
  <si>
    <t>-0.012069424165355613</t>
  </si>
  <si>
    <t>48372</t>
  </si>
  <si>
    <t>787.7999877929688</t>
  </si>
  <si>
    <t>-0.021292413545619837</t>
  </si>
  <si>
    <t>47209</t>
  </si>
  <si>
    <t>-0.024336581542151237</t>
  </si>
  <si>
    <t>47954</t>
  </si>
  <si>
    <t>907.5</t>
  </si>
  <si>
    <t>0.01565766569870064</t>
  </si>
  <si>
    <t>48695</t>
  </si>
  <si>
    <t>991.3999633789062</t>
  </si>
  <si>
    <t>0.015334137333583797</t>
  </si>
  <si>
    <t>50715</t>
  </si>
  <si>
    <t>846.300048828125</t>
  </si>
  <si>
    <t>0.04064536941479702</t>
  </si>
  <si>
    <t>47197</t>
  </si>
  <si>
    <t>895.5</t>
  </si>
  <si>
    <t>-0.07189139357846308</t>
  </si>
  <si>
    <t>51086</t>
  </si>
  <si>
    <t>961.300048828125</t>
  </si>
  <si>
    <t>0.07918015582007243</t>
  </si>
  <si>
    <t>54584</t>
  </si>
  <si>
    <t>10.249999046325684</t>
  </si>
  <si>
    <t>922.8999633789062</t>
  </si>
  <si>
    <t>0.0662303124435546</t>
  </si>
  <si>
    <t>54443</t>
  </si>
  <si>
    <t>956.9000244140625</t>
  </si>
  <si>
    <t>-0.0025865167088579</t>
  </si>
  <si>
    <t>0.0023299983938755986</t>
  </si>
  <si>
    <t>54537</t>
  </si>
  <si>
    <t>942.1000366210938</t>
  </si>
  <si>
    <t>-0.0006049107941059617</t>
  </si>
  <si>
    <t>56418</t>
  </si>
  <si>
    <t>10.316668510437012</t>
  </si>
  <si>
    <t>855.2998657226562</t>
  </si>
  <si>
    <t>0.03390888611895981</t>
  </si>
  <si>
    <t>57529</t>
  </si>
  <si>
    <t>1015.3999633789062</t>
  </si>
  <si>
    <t>0.0195009119657783</t>
  </si>
  <si>
    <t>59148</t>
  </si>
  <si>
    <t>1130.0</t>
  </si>
  <si>
    <t>0.027753609022468595</t>
  </si>
  <si>
    <t>60810</t>
  </si>
  <si>
    <t>779.6998901367188</t>
  </si>
  <si>
    <t>0.02771147162077625</t>
  </si>
  <si>
    <t>63619</t>
  </si>
  <si>
    <t>913.2000122070312</t>
  </si>
  <si>
    <t>0.04515791873787656</t>
  </si>
  <si>
    <t>61906</t>
  </si>
  <si>
    <t>995.4000244140625</t>
  </si>
  <si>
    <t>-0.027295062343686283</t>
  </si>
  <si>
    <t>63797</t>
  </si>
  <si>
    <t>970.7000122070312</t>
  </si>
  <si>
    <t>0.03008906177539572</t>
  </si>
  <si>
    <t>64442</t>
  </si>
  <si>
    <t>0.01005942714875907</t>
  </si>
  <si>
    <t>772</t>
  </si>
  <si>
    <t>22558</t>
  </si>
  <si>
    <t>760.5000610351562</t>
  </si>
  <si>
    <t>818.4275512695312</t>
  </si>
  <si>
    <t>Recklinghausen</t>
  </si>
  <si>
    <t>23533</t>
  </si>
  <si>
    <t>659.5999755859375</t>
  </si>
  <si>
    <t>0.042313921207098204</t>
  </si>
  <si>
    <t>23798</t>
  </si>
  <si>
    <t>850.60009765625</t>
  </si>
  <si>
    <t>0.011197852108139728</t>
  </si>
  <si>
    <t>23406</t>
  </si>
  <si>
    <t>898.2999877929688</t>
  </si>
  <si>
    <t>-0.01660914378038747</t>
  </si>
  <si>
    <t>23878</t>
  </si>
  <si>
    <t>945.5001831054688</t>
  </si>
  <si>
    <t>0.019965133170622096</t>
  </si>
  <si>
    <t>24170</t>
  </si>
  <si>
    <t>675.10009765625</t>
  </si>
  <si>
    <t>0.012154661792195043</t>
  </si>
  <si>
    <t>24296</t>
  </si>
  <si>
    <t>575.6000366210938</t>
  </si>
  <si>
    <t>0.005199533028054759</t>
  </si>
  <si>
    <t>24696</t>
  </si>
  <si>
    <t>10.708334922790527</t>
  </si>
  <si>
    <t>766.300048828125</t>
  </si>
  <si>
    <t>0.01632955945641079</t>
  </si>
  <si>
    <t>25191</t>
  </si>
  <si>
    <t>1051.0</t>
  </si>
  <si>
    <t>0.019845500669678273</t>
  </si>
  <si>
    <t>25650</t>
  </si>
  <si>
    <t>869.2999877929688</t>
  </si>
  <si>
    <t>0.018056783747242733</t>
  </si>
  <si>
    <t>26363</t>
  </si>
  <si>
    <t>868.0</t>
  </si>
  <si>
    <t>0.027417940343012148</t>
  </si>
  <si>
    <t>28202</t>
  </si>
  <si>
    <t>926.5</t>
  </si>
  <si>
    <t>0.0674313854552473</t>
  </si>
  <si>
    <t>28348</t>
  </si>
  <si>
    <t>944.199951171875</t>
  </si>
  <si>
    <t>0.005163583532970861</t>
  </si>
  <si>
    <t>27631</t>
  </si>
  <si>
    <t>676.6000366210938</t>
  </si>
  <si>
    <t>-0.02561815012328239</t>
  </si>
  <si>
    <t>29571</t>
  </si>
  <si>
    <t>835.1998901367188</t>
  </si>
  <si>
    <t>0.0678558205266846</t>
  </si>
  <si>
    <t>29389</t>
  </si>
  <si>
    <t>791.9000244140625</t>
  </si>
  <si>
    <t>-0.006173696678086316</t>
  </si>
  <si>
    <t>848.300048828125</t>
  </si>
  <si>
    <t>0.020176846967491002</t>
  </si>
  <si>
    <t>30586</t>
  </si>
  <si>
    <t>916.1000366210938</t>
  </si>
  <si>
    <t>0.019745086285116287</t>
  </si>
  <si>
    <t>32599</t>
  </si>
  <si>
    <t>801.7000732421875</t>
  </si>
  <si>
    <t>0.0637392251296216</t>
  </si>
  <si>
    <t>31485</t>
  </si>
  <si>
    <t>759.0000610351562</t>
  </si>
  <si>
    <t>-0.034770371114847265</t>
  </si>
  <si>
    <t>32984</t>
  </si>
  <si>
    <t>824.9000854492188</t>
  </si>
  <si>
    <t>0.04651135346389168</t>
  </si>
  <si>
    <t>34710</t>
  </si>
  <si>
    <t>794.7000122070312</t>
  </si>
  <si>
    <t>0.05100523446909655</t>
  </si>
  <si>
    <t>33668</t>
  </si>
  <si>
    <t>-0.030479998524365115</t>
  </si>
  <si>
    <t>32994</t>
  </si>
  <si>
    <t>745.1000366210938</t>
  </si>
  <si>
    <t>-0.02022210459559659</t>
  </si>
  <si>
    <t>32633</t>
  </si>
  <si>
    <t>794.9000244140625</t>
  </si>
  <si>
    <t>-0.01100168044214378</t>
  </si>
  <si>
    <t>33078</t>
  </si>
  <si>
    <t>803.0999755859375</t>
  </si>
  <si>
    <t>0.013544362524012143</t>
  </si>
  <si>
    <t>33914</t>
  </si>
  <si>
    <t>747.2000122070312</t>
  </si>
  <si>
    <t>0.024959499649334305</t>
  </si>
  <si>
    <t>34895</t>
  </si>
  <si>
    <t>905.3999633789062</t>
  </si>
  <si>
    <t>0.028515643984178496</t>
  </si>
  <si>
    <t>35319</t>
  </si>
  <si>
    <t>11.375000953674316</t>
  </si>
  <si>
    <t>603.4999389648438</t>
  </si>
  <si>
    <t>0.01207751029505566</t>
  </si>
  <si>
    <t>11.666666984558105</t>
  </si>
  <si>
    <t>780.9000854492188</t>
  </si>
  <si>
    <t>0.008486215097345706</t>
  </si>
  <si>
    <t>34464</t>
  </si>
  <si>
    <t>11.566666603088379</t>
  </si>
  <si>
    <t>786.8999633789062</t>
  </si>
  <si>
    <t>-0.03299197688753708</t>
  </si>
  <si>
    <t>0.030067998196102508</t>
  </si>
  <si>
    <t>35875</t>
  </si>
  <si>
    <t>11.858333587646484</t>
  </si>
  <si>
    <t>728.0</t>
  </si>
  <si>
    <t>0.01005737490970482</t>
  </si>
  <si>
    <t>776</t>
  </si>
  <si>
    <t>694.2000122070312</t>
  </si>
  <si>
    <t>590.0904541015625</t>
  </si>
  <si>
    <t>Region Hannover</t>
  </si>
  <si>
    <t>46119</t>
  </si>
  <si>
    <t>0.04229662433313841</t>
  </si>
  <si>
    <t>46640</t>
  </si>
  <si>
    <t>843.6000366210938</t>
  </si>
  <si>
    <t>0.011233529443664736</t>
  </si>
  <si>
    <t>45871</t>
  </si>
  <si>
    <t>825.5000610351562</t>
  </si>
  <si>
    <t>-0.016625432929563644</t>
  </si>
  <si>
    <t>46796</t>
  </si>
  <si>
    <t>854.900146484375</t>
  </si>
  <si>
    <t>0.019964620072681072</t>
  </si>
  <si>
    <t>47368</t>
  </si>
  <si>
    <t>0.012149166044119752</t>
  </si>
  <si>
    <t>47614</t>
  </si>
  <si>
    <t>7.5333333015441895</t>
  </si>
  <si>
    <t>598.3999633789062</t>
  </si>
  <si>
    <t>0.005179940410842576</t>
  </si>
  <si>
    <t>48399</t>
  </si>
  <si>
    <t>0.016352316711799375</t>
  </si>
  <si>
    <t>49368</t>
  </si>
  <si>
    <t>795.300048828125</t>
  </si>
  <si>
    <t>0.01982328866664851</t>
  </si>
  <si>
    <t>50269</t>
  </si>
  <si>
    <t>737.0</t>
  </si>
  <si>
    <t>0.01808614390779084</t>
  </si>
  <si>
    <t>51665</t>
  </si>
  <si>
    <t>711.9000244140625</t>
  </si>
  <si>
    <t>0.02739198473976323</t>
  </si>
  <si>
    <t>51370</t>
  </si>
  <si>
    <t>784.699951171875</t>
  </si>
  <si>
    <t>-0.0057262251871428305</t>
  </si>
  <si>
    <t>51377</t>
  </si>
  <si>
    <t>984.0</t>
  </si>
  <si>
    <t>0.00013625701988040362</t>
  </si>
  <si>
    <t>-0.0029433858467289298</t>
  </si>
  <si>
    <t>50693</t>
  </si>
  <si>
    <t>761.7000122070312</t>
  </si>
  <si>
    <t>-0.01045938164846838</t>
  </si>
  <si>
    <t>54126</t>
  </si>
  <si>
    <t>0.06552682789869735</t>
  </si>
  <si>
    <t>56956</t>
  </si>
  <si>
    <t>0.05096437801619125</t>
  </si>
  <si>
    <t>964.699951171875</t>
  </si>
  <si>
    <t>-0.003623383557235016</t>
  </si>
  <si>
    <t>57734</t>
  </si>
  <si>
    <t>0.017190598376153332</t>
  </si>
  <si>
    <t>55079</t>
  </si>
  <si>
    <t>786.5000610351562</t>
  </si>
  <si>
    <t>-0.04707773645233537</t>
  </si>
  <si>
    <t>56712</t>
  </si>
  <si>
    <t>790.800048828125</t>
  </si>
  <si>
    <t>0.029217310267386054</t>
  </si>
  <si>
    <t>60338</t>
  </si>
  <si>
    <t>682.7000122070312</t>
  </si>
  <si>
    <t>0.061976259120090305</t>
  </si>
  <si>
    <t>60052</t>
  </si>
  <si>
    <t>-0.004751234122748471</t>
  </si>
  <si>
    <t>58389</t>
  </si>
  <si>
    <t>691.4000244140625</t>
  </si>
  <si>
    <t>-0.028083337621511717</t>
  </si>
  <si>
    <t>59085</t>
  </si>
  <si>
    <t>0.011849569162432516</t>
  </si>
  <si>
    <t>58378</t>
  </si>
  <si>
    <t>694.7000122070312</t>
  </si>
  <si>
    <t>-0.012037978559479967</t>
  </si>
  <si>
    <t>60700</t>
  </si>
  <si>
    <t>665.0000610351562</t>
  </si>
  <si>
    <t>0.03900459153395275</t>
  </si>
  <si>
    <t>60794</t>
  </si>
  <si>
    <t>895.7999267578125</t>
  </si>
  <si>
    <t>0.001547401826535122</t>
  </si>
  <si>
    <t>61847</t>
  </si>
  <si>
    <t>508.29998779296875</t>
  </si>
  <si>
    <t>0.017172493323890592</t>
  </si>
  <si>
    <t>62705</t>
  </si>
  <si>
    <t>613.0999755859375</t>
  </si>
  <si>
    <t>0.013777596060135622</t>
  </si>
  <si>
    <t>60491</t>
  </si>
  <si>
    <t>655.2999877929688</t>
  </si>
  <si>
    <t>-0.03594659563571234</t>
  </si>
  <si>
    <t>62339</t>
  </si>
  <si>
    <t>766.3999633789062</t>
  </si>
  <si>
    <t>0.030092639505104657</t>
  </si>
  <si>
    <t>62969</t>
  </si>
  <si>
    <t>555.800048828125</t>
  </si>
  <si>
    <t>0.010055308651095274</t>
  </si>
  <si>
    <t>777</t>
  </si>
  <si>
    <t>42969</t>
  </si>
  <si>
    <t>803.2999877929688</t>
  </si>
  <si>
    <t>362.1647033691406</t>
  </si>
  <si>
    <t>Regionalverband SaarbrÔøΩcken</t>
  </si>
  <si>
    <t>44826</t>
  </si>
  <si>
    <t>0.042309402755881464</t>
  </si>
  <si>
    <t>45332</t>
  </si>
  <si>
    <t>878.4000854492188</t>
  </si>
  <si>
    <t>0.011224856648983206</t>
  </si>
  <si>
    <t>44585</t>
  </si>
  <si>
    <t>858.0999145507812</t>
  </si>
  <si>
    <t>-0.016615705283859583</t>
  </si>
  <si>
    <t>868.2999267578125</t>
  </si>
  <si>
    <t>0.01994115018071163</t>
  </si>
  <si>
    <t>805.5000610351562</t>
  </si>
  <si>
    <t>0.012171954086127812</t>
  </si>
  <si>
    <t>46279</t>
  </si>
  <si>
    <t>737.199951171875</t>
  </si>
  <si>
    <t>0.005177710632468191</t>
  </si>
  <si>
    <t>827.3999633789062</t>
  </si>
  <si>
    <t>0.016331267381662684</t>
  </si>
  <si>
    <t>47983</t>
  </si>
  <si>
    <t>784.7999877929688</t>
  </si>
  <si>
    <t>0.019827219641584293</t>
  </si>
  <si>
    <t>958.8001098632812</t>
  </si>
  <si>
    <t>0.018091817471374227</t>
  </si>
  <si>
    <t>50216</t>
  </si>
  <si>
    <t>0.027395102034459384</t>
  </si>
  <si>
    <t>49745</t>
  </si>
  <si>
    <t>903.2000122070312</t>
  </si>
  <si>
    <t>-0.009423744973908299</t>
  </si>
  <si>
    <t>48990</t>
  </si>
  <si>
    <t>-0.01529376039083985</t>
  </si>
  <si>
    <t>50060</t>
  </si>
  <si>
    <t>615.4000244140625</t>
  </si>
  <si>
    <t>0.021606090353145646</t>
  </si>
  <si>
    <t>52122</t>
  </si>
  <si>
    <t>702.800048828125</t>
  </si>
  <si>
    <t>0.040364838502210176</t>
  </si>
  <si>
    <t>55404</t>
  </si>
  <si>
    <t>677.800048828125</t>
  </si>
  <si>
    <t>0.061064668807013334</t>
  </si>
  <si>
    <t>57006</t>
  </si>
  <si>
    <t>959.5999755859375</t>
  </si>
  <si>
    <t>0.028504732139815303</t>
  </si>
  <si>
    <t>59250</t>
  </si>
  <si>
    <t>867.9000244140625</t>
  </si>
  <si>
    <t>0.038609254562572914</t>
  </si>
  <si>
    <t>57917</t>
  </si>
  <si>
    <t>794.699951171875</t>
  </si>
  <si>
    <t>-0.022754828859326892</t>
  </si>
  <si>
    <t>53323</t>
  </si>
  <si>
    <t>-0.08264319336215209</t>
  </si>
  <si>
    <t>55745</t>
  </si>
  <si>
    <t>0.04441996242577417</t>
  </si>
  <si>
    <t>62797</t>
  </si>
  <si>
    <t>0.11911958141292445</t>
  </si>
  <si>
    <t>60097</t>
  </si>
  <si>
    <t>782.7999877929688</t>
  </si>
  <si>
    <t>-0.0439473781425086</t>
  </si>
  <si>
    <t>60762</t>
  </si>
  <si>
    <t>906.0999755859375</t>
  </si>
  <si>
    <t>0.011004670088251345</t>
  </si>
  <si>
    <t>60689</t>
  </si>
  <si>
    <t>823.0999755859375</t>
  </si>
  <si>
    <t>-0.0012021310452965395</t>
  </si>
  <si>
    <t>60443</t>
  </si>
  <si>
    <t>634.3999633789062</t>
  </si>
  <si>
    <t>-0.004061690357545444</t>
  </si>
  <si>
    <t>59906</t>
  </si>
  <si>
    <t>-0.008924105125421633</t>
  </si>
  <si>
    <t>60656</t>
  </si>
  <si>
    <t>11.291666984558105</t>
  </si>
  <si>
    <t>839.4000244140625</t>
  </si>
  <si>
    <t>0.012441891724039422</t>
  </si>
  <si>
    <t>60488</t>
  </si>
  <si>
    <t>-0.002773560518010143</t>
  </si>
  <si>
    <t>58894</t>
  </si>
  <si>
    <t>711.4999389648438</t>
  </si>
  <si>
    <t>-0.02670578035943727</t>
  </si>
  <si>
    <t>56315</t>
  </si>
  <si>
    <t>733.0000610351562</t>
  </si>
  <si>
    <t>-0.0447782883968717</t>
  </si>
  <si>
    <t>764.7999877929688</t>
  </si>
  <si>
    <t>0.03008534732092727</t>
  </si>
  <si>
    <t>58622</t>
  </si>
  <si>
    <t>11.908332824707031</t>
  </si>
  <si>
    <t>678.1000366210938</t>
  </si>
  <si>
    <t>0.010063775928600194</t>
  </si>
  <si>
    <t>29878</t>
  </si>
  <si>
    <t>890.4000854492188</t>
  </si>
  <si>
    <t>150.74192810058594</t>
  </si>
  <si>
    <t>Rendsburg-EckernfÔøΩrde</t>
  </si>
  <si>
    <t>31170</t>
  </si>
  <si>
    <t>0.04233367015912037</t>
  </si>
  <si>
    <t>854.7000732421875</t>
  </si>
  <si>
    <t>0.011197896595502854</t>
  </si>
  <si>
    <t>31002</t>
  </si>
  <si>
    <t>959.2999877929688</t>
  </si>
  <si>
    <t>-0.016602271841644978</t>
  </si>
  <si>
    <t>991.0</t>
  </si>
  <si>
    <t>0.019959467621665894</t>
  </si>
  <si>
    <t>716.6000366210938</t>
  </si>
  <si>
    <t>0.012162120969737344</t>
  </si>
  <si>
    <t>32180</t>
  </si>
  <si>
    <t>578.5</t>
  </si>
  <si>
    <t>0.0051718344397304605</t>
  </si>
  <si>
    <t>32710</t>
  </si>
  <si>
    <t>808.6000366210938</t>
  </si>
  <si>
    <t>0.01633569998605644</t>
  </si>
  <si>
    <t>33365</t>
  </si>
  <si>
    <t>1025.7000732421875</t>
  </si>
  <si>
    <t>0.019826604805276205</t>
  </si>
  <si>
    <t>33974</t>
  </si>
  <si>
    <t>821.7999877929688</t>
  </si>
  <si>
    <t>0.018088079841549032</t>
  </si>
  <si>
    <t>34918</t>
  </si>
  <si>
    <t>9.75833511352539</t>
  </si>
  <si>
    <t>0.02740692936546374</t>
  </si>
  <si>
    <t>36412</t>
  </si>
  <si>
    <t>963.0000610351562</t>
  </si>
  <si>
    <t>0.04189593508045952</t>
  </si>
  <si>
    <t>35931</t>
  </si>
  <si>
    <t>993.5999755859375</t>
  </si>
  <si>
    <t>-0.013297958009562905</t>
  </si>
  <si>
    <t>35487</t>
  </si>
  <si>
    <t>-0.012434000401770007</t>
  </si>
  <si>
    <t>33286</t>
  </si>
  <si>
    <t>9.541667938232422</t>
  </si>
  <si>
    <t>-0.06402954406717498</t>
  </si>
  <si>
    <t>33194</t>
  </si>
  <si>
    <t>732.9999389648438</t>
  </si>
  <si>
    <t>-0.002767751466006274</t>
  </si>
  <si>
    <t>33648</t>
  </si>
  <si>
    <t>882.2000122070312</t>
  </si>
  <si>
    <t>0.013584482261816078</t>
  </si>
  <si>
    <t>33860</t>
  </si>
  <si>
    <t>993.0</t>
  </si>
  <si>
    <t>0.006280757744645982</t>
  </si>
  <si>
    <t>0.0451551798212364</t>
  </si>
  <si>
    <t>32912</t>
  </si>
  <si>
    <t>800.7000732421875</t>
  </si>
  <si>
    <t>-0.07355222361562497</t>
  </si>
  <si>
    <t>33112</t>
  </si>
  <si>
    <t>7.958332538604736</t>
  </si>
  <si>
    <t>914.800048828125</t>
  </si>
  <si>
    <t>0.0060584215358296944</t>
  </si>
  <si>
    <t>35855</t>
  </si>
  <si>
    <t>909.60009765625</t>
  </si>
  <si>
    <t>0.07958727288810685</t>
  </si>
  <si>
    <t>39279</t>
  </si>
  <si>
    <t>797.2999877929688</t>
  </si>
  <si>
    <t>0.09120699757918871</t>
  </si>
  <si>
    <t>37346</t>
  </si>
  <si>
    <t>-0.05046421411683788</t>
  </si>
  <si>
    <t>37484</t>
  </si>
  <si>
    <t>885.4999389648438</t>
  </si>
  <si>
    <t>0.003688364464688121</t>
  </si>
  <si>
    <t>37074</t>
  </si>
  <si>
    <t>-0.010998259954678957</t>
  </si>
  <si>
    <t>37256</t>
  </si>
  <si>
    <t>9.791666030883789</t>
  </si>
  <si>
    <t>0.0048970903731788695</t>
  </si>
  <si>
    <t>39314</t>
  </si>
  <si>
    <t>9.691668510437012</t>
  </si>
  <si>
    <t>1103.900146484375</t>
  </si>
  <si>
    <t>0.05376768385553099</t>
  </si>
  <si>
    <t>601.9000854492188</t>
  </si>
  <si>
    <t>-0.006993927990714965</t>
  </si>
  <si>
    <t>41344</t>
  </si>
  <si>
    <t>0.05734054661524368</t>
  </si>
  <si>
    <t>41036</t>
  </si>
  <si>
    <t>-0.007477577934670521</t>
  </si>
  <si>
    <t>42290</t>
  </si>
  <si>
    <t>828.9000244140625</t>
  </si>
  <si>
    <t>0.03010092125893138</t>
  </si>
  <si>
    <t>42717</t>
  </si>
  <si>
    <t>10.308332443237305</t>
  </si>
  <si>
    <t>0.010046315982570775</t>
  </si>
  <si>
    <t>785</t>
  </si>
  <si>
    <t>25628</t>
  </si>
  <si>
    <t>675.2000122070312</t>
  </si>
  <si>
    <t>249.6312713623047</t>
  </si>
  <si>
    <t>Rhein-Lahn-Kreis</t>
  </si>
  <si>
    <t>26736</t>
  </si>
  <si>
    <t>0.04232546807626214</t>
  </si>
  <si>
    <t>27038</t>
  </si>
  <si>
    <t>723.199951171875</t>
  </si>
  <si>
    <t>0.011232312089175522</t>
  </si>
  <si>
    <t>26592</t>
  </si>
  <si>
    <t>-0.016632865269174957</t>
  </si>
  <si>
    <t>27128</t>
  </si>
  <si>
    <t>709.0999755859375</t>
  </si>
  <si>
    <t>0.0199559861502987</t>
  </si>
  <si>
    <t>27460</t>
  </si>
  <si>
    <t>0.012163995516488058</t>
  </si>
  <si>
    <t>27603</t>
  </si>
  <si>
    <t>529.800048828125</t>
  </si>
  <si>
    <t>0.005194062128508037</t>
  </si>
  <si>
    <t>28057</t>
  </si>
  <si>
    <t>687.3999633789062</t>
  </si>
  <si>
    <t>0.016313692734062357</t>
  </si>
  <si>
    <t>28619</t>
  </si>
  <si>
    <t>744.2999877929688</t>
  </si>
  <si>
    <t>0.019832677714493485</t>
  </si>
  <si>
    <t>29142</t>
  </si>
  <si>
    <t>10.083334922790527</t>
  </si>
  <si>
    <t>0.01810959967477288</t>
  </si>
  <si>
    <t>29951</t>
  </si>
  <si>
    <t>836.4999389648438</t>
  </si>
  <si>
    <t>0.027382280394032676</t>
  </si>
  <si>
    <t>29850</t>
  </si>
  <si>
    <t>798.699951171875</t>
  </si>
  <si>
    <t>-0.003377873147083932</t>
  </si>
  <si>
    <t>30822</t>
  </si>
  <si>
    <t>857.4000244140625</t>
  </si>
  <si>
    <t>0.03204388087457488</t>
  </si>
  <si>
    <t>551.2999877929688</t>
  </si>
  <si>
    <t>-0.03385456439915657</t>
  </si>
  <si>
    <t>30186</t>
  </si>
  <si>
    <t>594.800048828125</t>
  </si>
  <si>
    <t>0.013004084423206663</t>
  </si>
  <si>
    <t>29384</t>
  </si>
  <si>
    <t>579.2000122070312</t>
  </si>
  <si>
    <t>-0.026927932219869888</t>
  </si>
  <si>
    <t>30656</t>
  </si>
  <si>
    <t>0.04237809327108444</t>
  </si>
  <si>
    <t>30918</t>
  </si>
  <si>
    <t>752.9000244140625</t>
  </si>
  <si>
    <t>0.008510136785691458</t>
  </si>
  <si>
    <t>30529</t>
  </si>
  <si>
    <t>717.7999267578125</t>
  </si>
  <si>
    <t>-0.012661487031341068</t>
  </si>
  <si>
    <t>29874</t>
  </si>
  <si>
    <t>-0.02168851465470034</t>
  </si>
  <si>
    <t>31210</t>
  </si>
  <si>
    <t>776.2000122070312</t>
  </si>
  <si>
    <t>0.043750019394588335</t>
  </si>
  <si>
    <t>32713</t>
  </si>
  <si>
    <t>648.5</t>
  </si>
  <si>
    <t>0.0470339961338766</t>
  </si>
  <si>
    <t>33360</t>
  </si>
  <si>
    <t>704.8999633789062</t>
  </si>
  <si>
    <t>0.0195850250739813</t>
  </si>
  <si>
    <t>702.0</t>
  </si>
  <si>
    <t>0.00014986886502299512</t>
  </si>
  <si>
    <t>33331</t>
  </si>
  <si>
    <t>739.300048828125</t>
  </si>
  <si>
    <t>-0.0010195514857027632</t>
  </si>
  <si>
    <t>34021</t>
  </si>
  <si>
    <t>0.020490086139679065</t>
  </si>
  <si>
    <t>34080</t>
  </si>
  <si>
    <t>674.4999389648438</t>
  </si>
  <si>
    <t>0.0017327209515691777</t>
  </si>
  <si>
    <t>35221</t>
  </si>
  <si>
    <t>728.800048828125</t>
  </si>
  <si>
    <t>0.03293179366241894</t>
  </si>
  <si>
    <t>35765</t>
  </si>
  <si>
    <t>540.7999877929688</t>
  </si>
  <si>
    <t>0.015327265936813106</t>
  </si>
  <si>
    <t>0.02526188582791633</t>
  </si>
  <si>
    <t>36554</t>
  </si>
  <si>
    <t>661.5999755859375</t>
  </si>
  <si>
    <t>-0.0034410280560130957</t>
  </si>
  <si>
    <t>37670</t>
  </si>
  <si>
    <t>727.60009765625</t>
  </si>
  <si>
    <t>0.030073402371700197</t>
  </si>
  <si>
    <t>11.566668510437012</t>
  </si>
  <si>
    <t>596.2000122070312</t>
  </si>
  <si>
    <t>0.010063343467335173</t>
  </si>
  <si>
    <t>788</t>
  </si>
  <si>
    <t>27400</t>
  </si>
  <si>
    <t>738.60009765625</t>
  </si>
  <si>
    <t>770.6597900390625</t>
  </si>
  <si>
    <t>Rhein-Sieg-Kreis</t>
  </si>
  <si>
    <t>28584</t>
  </si>
  <si>
    <t>603.4000244140625</t>
  </si>
  <si>
    <t>0.042304107327083784</t>
  </si>
  <si>
    <t>28907</t>
  </si>
  <si>
    <t>0.011236659600946552</t>
  </si>
  <si>
    <t>28431</t>
  </si>
  <si>
    <t>833.4999389648438</t>
  </si>
  <si>
    <t>-0.016603681165886286</t>
  </si>
  <si>
    <t>29004</t>
  </si>
  <si>
    <t>892.300048828125</t>
  </si>
  <si>
    <t>0.019953652353178697</t>
  </si>
  <si>
    <t>29359</t>
  </si>
  <si>
    <t>704.4000854492188</t>
  </si>
  <si>
    <t>0.012165391711411289</t>
  </si>
  <si>
    <t>29511</t>
  </si>
  <si>
    <t>8.708333969116211</t>
  </si>
  <si>
    <t>0.005163931977971714</t>
  </si>
  <si>
    <t>29997</t>
  </si>
  <si>
    <t>751.2999877929688</t>
  </si>
  <si>
    <t>0.01633430146309145</t>
  </si>
  <si>
    <t>30598</t>
  </si>
  <si>
    <t>10.333332061767578</t>
  </si>
  <si>
    <t>0.01983727068336627</t>
  </si>
  <si>
    <t>31156</t>
  </si>
  <si>
    <t>846.5</t>
  </si>
  <si>
    <t>0.018072195712514727</t>
  </si>
  <si>
    <t>32022</t>
  </si>
  <si>
    <t>871.4999389648438</t>
  </si>
  <si>
    <t>0.027416323522160724</t>
  </si>
  <si>
    <t>31083</t>
  </si>
  <si>
    <t>10.416666030883789</t>
  </si>
  <si>
    <t>890.8001098632812</t>
  </si>
  <si>
    <t>-0.029762120642139678</t>
  </si>
  <si>
    <t>965.3999633789062</t>
  </si>
  <si>
    <t>0.017381758270957448</t>
  </si>
  <si>
    <t>32538</t>
  </si>
  <si>
    <t>0.02836583287829697</t>
  </si>
  <si>
    <t>32101</t>
  </si>
  <si>
    <t>834.2001342773438</t>
  </si>
  <si>
    <t>-0.013521454788266496</t>
  </si>
  <si>
    <t>712.7000122070312</t>
  </si>
  <si>
    <t>0.019252129497251858</t>
  </si>
  <si>
    <t>823.10009765625</t>
  </si>
  <si>
    <t>-0.00018336287564402198</t>
  </si>
  <si>
    <t>33883</t>
  </si>
  <si>
    <t>963.699951171875</t>
  </si>
  <si>
    <t>0.034957464759228785</t>
  </si>
  <si>
    <t>35151</t>
  </si>
  <si>
    <t>782.0000610351562</t>
  </si>
  <si>
    <t>0.0367396536745801</t>
  </si>
  <si>
    <t>33411</t>
  </si>
  <si>
    <t>-0.05076788027505508</t>
  </si>
  <si>
    <t>34706</t>
  </si>
  <si>
    <t>806.39990234375</t>
  </si>
  <si>
    <t>0.03802739558923918</t>
  </si>
  <si>
    <t>748.4000244140625</t>
  </si>
  <si>
    <t>0.07513238325840099</t>
  </si>
  <si>
    <t>37674</t>
  </si>
  <si>
    <t>0.0069252354333144694</t>
  </si>
  <si>
    <t>38456</t>
  </si>
  <si>
    <t>696.2000122070312</t>
  </si>
  <si>
    <t>0.02054452923163197</t>
  </si>
  <si>
    <t>39232</t>
  </si>
  <si>
    <t>793.5</t>
  </si>
  <si>
    <t>0.0199780097220863</t>
  </si>
  <si>
    <t>38478</t>
  </si>
  <si>
    <t>787.0000610351562</t>
  </si>
  <si>
    <t>-0.019406090918964836</t>
  </si>
  <si>
    <t>-0.036658376828842876</t>
  </si>
  <si>
    <t>891.800048828125</t>
  </si>
  <si>
    <t>0.02471036609479782</t>
  </si>
  <si>
    <t>37911</t>
  </si>
  <si>
    <t>590.2000122070312</t>
  </si>
  <si>
    <t>-0.0028973312160829323</t>
  </si>
  <si>
    <t>38082</t>
  </si>
  <si>
    <t>741.5001220703125</t>
  </si>
  <si>
    <t>0.004500422107735602</t>
  </si>
  <si>
    <t>757.4000244140625</t>
  </si>
  <si>
    <t>-0.0334833041267899</t>
  </si>
  <si>
    <t>809.0000610351562</t>
  </si>
  <si>
    <t>0.030090126675043294</t>
  </si>
  <si>
    <t>38337</t>
  </si>
  <si>
    <t>12.258334159851074</t>
  </si>
  <si>
    <t>707.6000366210938</t>
  </si>
  <si>
    <t>0.010066935194034343</t>
  </si>
  <si>
    <t>27519</t>
  </si>
  <si>
    <t>1031.900146484375</t>
  </si>
  <si>
    <t>158.41372680664062</t>
  </si>
  <si>
    <t>Rosenheim, Landkreis</t>
  </si>
  <si>
    <t>28709</t>
  </si>
  <si>
    <t>888.1000366210938</t>
  </si>
  <si>
    <t>0.04233398726141324</t>
  </si>
  <si>
    <t>29033</t>
  </si>
  <si>
    <t>1027.9998779296875</t>
  </si>
  <si>
    <t>0.011222451611139661</t>
  </si>
  <si>
    <t>28554</t>
  </si>
  <si>
    <t>1049.5</t>
  </si>
  <si>
    <t>-0.016636082701152688</t>
  </si>
  <si>
    <t>29130</t>
  </si>
  <si>
    <t>0.01997153960431497</t>
  </si>
  <si>
    <t>1054.39990234375</t>
  </si>
  <si>
    <t>0.012147003456284722</t>
  </si>
  <si>
    <t>29639</t>
  </si>
  <si>
    <t>1044.7000732421875</t>
  </si>
  <si>
    <t>0.005175487239478471</t>
  </si>
  <si>
    <t>30127</t>
  </si>
  <si>
    <t>1018.4999389648438</t>
  </si>
  <si>
    <t>0.016330717981484</t>
  </si>
  <si>
    <t>8.366667747497559</t>
  </si>
  <si>
    <t>0.01985013745473907</t>
  </si>
  <si>
    <t>31292</t>
  </si>
  <si>
    <t>1111.199951171875</t>
  </si>
  <si>
    <t>0.018090556719503326</t>
  </si>
  <si>
    <t>32161</t>
  </si>
  <si>
    <t>1069.60009765625</t>
  </si>
  <si>
    <t>0.027392064531870375</t>
  </si>
  <si>
    <t>1055.7000732421875</t>
  </si>
  <si>
    <t>0.024691854210558972</t>
  </si>
  <si>
    <t>33013</t>
  </si>
  <si>
    <t>1159.10009765625</t>
  </si>
  <si>
    <t>0.0014550307214058478</t>
  </si>
  <si>
    <t>33134</t>
  </si>
  <si>
    <t>0.003658522229676109</t>
  </si>
  <si>
    <t>931.2999877929688</t>
  </si>
  <si>
    <t>0.019871270736143032</t>
  </si>
  <si>
    <t>1027.0</t>
  </si>
  <si>
    <t>-0.00011835370017010405</t>
  </si>
  <si>
    <t>35461</t>
  </si>
  <si>
    <t>978.8999633789062</t>
  </si>
  <si>
    <t>0.04812063848573089</t>
  </si>
  <si>
    <t>36531</t>
  </si>
  <si>
    <t>0.029727714154931917</t>
  </si>
  <si>
    <t>38122</t>
  </si>
  <si>
    <t>958.2000122070312</t>
  </si>
  <si>
    <t>0.04263032811390133</t>
  </si>
  <si>
    <t>8.625000953674316</t>
  </si>
  <si>
    <t>1038.400146484375</t>
  </si>
  <si>
    <t>-0.04655249334706646</t>
  </si>
  <si>
    <t>1054.7999267578125</t>
  </si>
  <si>
    <t>0.033057510842182225</t>
  </si>
  <si>
    <t>1035.199951171875</t>
  </si>
  <si>
    <t>0.0862267242246979</t>
  </si>
  <si>
    <t>41749</t>
  </si>
  <si>
    <t>1073.1998291015625</t>
  </si>
  <si>
    <t>0.018152213887503876</t>
  </si>
  <si>
    <t>41799</t>
  </si>
  <si>
    <t>1038.5</t>
  </si>
  <si>
    <t>0.0011969168853642742</t>
  </si>
  <si>
    <t>43004</t>
  </si>
  <si>
    <t>1032.89990234375</t>
  </si>
  <si>
    <t>0.028420718823417346</t>
  </si>
  <si>
    <t>42911</t>
  </si>
  <si>
    <t>-0.002164931300091766</t>
  </si>
  <si>
    <t>1155.60009765625</t>
  </si>
  <si>
    <t>-0.002636830798932621</t>
  </si>
  <si>
    <t>1246.0001220703125</t>
  </si>
  <si>
    <t>0.015924678517771795</t>
  </si>
  <si>
    <t>44244</t>
  </si>
  <si>
    <t>926.9000244140625</t>
  </si>
  <si>
    <t>0.017303717998279566</t>
  </si>
  <si>
    <t>45311</t>
  </si>
  <si>
    <t>960.2000122070312</t>
  </si>
  <si>
    <t>0.02383005957867823</t>
  </si>
  <si>
    <t>1143.2999267578125</t>
  </si>
  <si>
    <t>-0.025526643067305343</t>
  </si>
  <si>
    <t>45519</t>
  </si>
  <si>
    <t>1001.9999389648438</t>
  </si>
  <si>
    <t>0.030106635659832293</t>
  </si>
  <si>
    <t>45979</t>
  </si>
  <si>
    <t>898.9000854492188</t>
  </si>
  <si>
    <t>0.010054949300975835</t>
  </si>
  <si>
    <t>794</t>
  </si>
  <si>
    <t>27377</t>
  </si>
  <si>
    <t>764.3001098632812</t>
  </si>
  <si>
    <t>100.74467468261719</t>
  </si>
  <si>
    <t>Rotenburg (WÔøΩmme)</t>
  </si>
  <si>
    <t>28560</t>
  </si>
  <si>
    <t>621.7000732421875</t>
  </si>
  <si>
    <t>0.04230389264269263</t>
  </si>
  <si>
    <t>28882</t>
  </si>
  <si>
    <t>854.60009765625</t>
  </si>
  <si>
    <t>0.011211426232989652</t>
  </si>
  <si>
    <t>28406</t>
  </si>
  <si>
    <t>-0.016618173245436907</t>
  </si>
  <si>
    <t>28979</t>
  </si>
  <si>
    <t>920.4000244140625</t>
  </si>
  <si>
    <t>0.019971039281989178</t>
  </si>
  <si>
    <t>29333</t>
  </si>
  <si>
    <t>699.60009765625</t>
  </si>
  <si>
    <t>0.012141732368240454</t>
  </si>
  <si>
    <t>0.005202412318462635</t>
  </si>
  <si>
    <t>29971</t>
  </si>
  <si>
    <t>749.4000244140625</t>
  </si>
  <si>
    <t>0.016314673044320216</t>
  </si>
  <si>
    <t>30572</t>
  </si>
  <si>
    <t>878.7000732421875</t>
  </si>
  <si>
    <t>0.019854309908689416</t>
  </si>
  <si>
    <t>31130</t>
  </si>
  <si>
    <t>666.300048828125</t>
  </si>
  <si>
    <t>0.018087427072877915</t>
  </si>
  <si>
    <t>0.02737640076588832</t>
  </si>
  <si>
    <t>31819</t>
  </si>
  <si>
    <t>821.2000732421875</t>
  </si>
  <si>
    <t>-0.005484789579208282</t>
  </si>
  <si>
    <t>30711</t>
  </si>
  <si>
    <t>971.5001220703125</t>
  </si>
  <si>
    <t>-0.035442699034453184</t>
  </si>
  <si>
    <t>585.2000122070312</t>
  </si>
  <si>
    <t>-0.015389209915266377</t>
  </si>
  <si>
    <t>787.8999633789062</t>
  </si>
  <si>
    <t>0.02948624571885894</t>
  </si>
  <si>
    <t>31387</t>
  </si>
  <si>
    <t>733.3999633789062</t>
  </si>
  <si>
    <t>0.007675862039082659</t>
  </si>
  <si>
    <t>33661</t>
  </si>
  <si>
    <t>0.06994610272618118</t>
  </si>
  <si>
    <t>36208</t>
  </si>
  <si>
    <t>10.433332443237305</t>
  </si>
  <si>
    <t>1014.0001220703125</t>
  </si>
  <si>
    <t>0.07294019171658128</t>
  </si>
  <si>
    <t>0.0012972139323750298</t>
  </si>
  <si>
    <t>795.4999389648438</t>
  </si>
  <si>
    <t>-0.06028334782699041</t>
  </si>
  <si>
    <t>36046</t>
  </si>
  <si>
    <t>807.9000244140625</t>
  </si>
  <si>
    <t>0.05450194557404764</t>
  </si>
  <si>
    <t>38888</t>
  </si>
  <si>
    <t>717.5</t>
  </si>
  <si>
    <t>0.07588981917254145</t>
  </si>
  <si>
    <t>40534</t>
  </si>
  <si>
    <t>696.6000366210938</t>
  </si>
  <si>
    <t>0.04145540835396666</t>
  </si>
  <si>
    <t>42462</t>
  </si>
  <si>
    <t>746.2000122070312</t>
  </si>
  <si>
    <t>0.046468430224582136</t>
  </si>
  <si>
    <t>42520</t>
  </si>
  <si>
    <t>726.1000366210938</t>
  </si>
  <si>
    <t>0.0013649951520431358</t>
  </si>
  <si>
    <t>41991</t>
  </si>
  <si>
    <t>-0.012519243867128438</t>
  </si>
  <si>
    <t>42306</t>
  </si>
  <si>
    <t>665.2000122070312</t>
  </si>
  <si>
    <t>0.007473610358340821</t>
  </si>
  <si>
    <t>43866</t>
  </si>
  <si>
    <t>933.800048828125</t>
  </si>
  <si>
    <t>0.03621061257427449</t>
  </si>
  <si>
    <t>43067</t>
  </si>
  <si>
    <t>481.0999755859375</t>
  </si>
  <si>
    <t>-0.018382489950713676</t>
  </si>
  <si>
    <t>43746</t>
  </si>
  <si>
    <t>0.015643137463827728</t>
  </si>
  <si>
    <t>44698</t>
  </si>
  <si>
    <t>608.2999877929688</t>
  </si>
  <si>
    <t>0.02152857783688411</t>
  </si>
  <si>
    <t>46063</t>
  </si>
  <si>
    <t>772.300048828125</t>
  </si>
  <si>
    <t>0.030081266818235974</t>
  </si>
  <si>
    <t>46529</t>
  </si>
  <si>
    <t>622.2999877929688</t>
  </si>
  <si>
    <t>0.01006574940729088</t>
  </si>
  <si>
    <t>797</t>
  </si>
  <si>
    <t>39931</t>
  </si>
  <si>
    <t>1010.4000244140625</t>
  </si>
  <si>
    <t>222.6230926513672</t>
  </si>
  <si>
    <t>Rottweil</t>
  </si>
  <si>
    <t>794.8999633789062</t>
  </si>
  <si>
    <t>0.04231645712979315</t>
  </si>
  <si>
    <t>42127</t>
  </si>
  <si>
    <t>981.2000732421875</t>
  </si>
  <si>
    <t>0.011219443572271004</t>
  </si>
  <si>
    <t>1015.4000244140625</t>
  </si>
  <si>
    <t>-0.016611200526398306</t>
  </si>
  <si>
    <t>42268</t>
  </si>
  <si>
    <t>998.800048828125</t>
  </si>
  <si>
    <t>0.019952633814883214</t>
  </si>
  <si>
    <t>42786</t>
  </si>
  <si>
    <t>946.7000122070312</t>
  </si>
  <si>
    <t>0.012180647695435809</t>
  </si>
  <si>
    <t>43007</t>
  </si>
  <si>
    <t>846.9000244140625</t>
  </si>
  <si>
    <t>0.00515194686804854</t>
  </si>
  <si>
    <t>875.8001098632812</t>
  </si>
  <si>
    <t>0.016351274672157246</t>
  </si>
  <si>
    <t>44591</t>
  </si>
  <si>
    <t>915.8001098632812</t>
  </si>
  <si>
    <t>0.01981787712652583</t>
  </si>
  <si>
    <t>45405</t>
  </si>
  <si>
    <t>1122.5</t>
  </si>
  <si>
    <t>0.018090186200838687</t>
  </si>
  <si>
    <t>46667</t>
  </si>
  <si>
    <t>1022.199951171875</t>
  </si>
  <si>
    <t>0.02741504563103625</t>
  </si>
  <si>
    <t>47675</t>
  </si>
  <si>
    <t>1017.7999877929688</t>
  </si>
  <si>
    <t>0.021369874713656145</t>
  </si>
  <si>
    <t>46390</t>
  </si>
  <si>
    <t>1220.0001220703125</t>
  </si>
  <si>
    <t>-0.027323232722830326</t>
  </si>
  <si>
    <t>45753</t>
  </si>
  <si>
    <t>9.308335304260254</t>
  </si>
  <si>
    <t>760.7999877929688</t>
  </si>
  <si>
    <t>-0.013826555421497133</t>
  </si>
  <si>
    <t>45702</t>
  </si>
  <si>
    <t>767.3999633789062</t>
  </si>
  <si>
    <t>-0.0011153027234502844</t>
  </si>
  <si>
    <t>46238</t>
  </si>
  <si>
    <t>8.491666793823242</t>
  </si>
  <si>
    <t>860.60009765625</t>
  </si>
  <si>
    <t>0.011659910214840252</t>
  </si>
  <si>
    <t>47829</t>
  </si>
  <si>
    <t>941.6000366210938</t>
  </si>
  <si>
    <t>0.033830179259792814</t>
  </si>
  <si>
    <t>49449</t>
  </si>
  <si>
    <t>985.699951171875</t>
  </si>
  <si>
    <t>0.03330968532399048</t>
  </si>
  <si>
    <t>50356</t>
  </si>
  <si>
    <t>0.01817594248668364</t>
  </si>
  <si>
    <t>44725</t>
  </si>
  <si>
    <t>937.800048828125</t>
  </si>
  <si>
    <t>-0.1185851485092293</t>
  </si>
  <si>
    <t>49523</t>
  </si>
  <si>
    <t>956.7999877929688</t>
  </si>
  <si>
    <t>0.10190457872976566</t>
  </si>
  <si>
    <t>52866</t>
  </si>
  <si>
    <t>881.7000732421875</t>
  </si>
  <si>
    <t>0.06532320198809849</t>
  </si>
  <si>
    <t>54213</t>
  </si>
  <si>
    <t>952.4000244140625</t>
  </si>
  <si>
    <t>0.025160321971489097</t>
  </si>
  <si>
    <t>54492</t>
  </si>
  <si>
    <t>0.0051331698196772635</t>
  </si>
  <si>
    <t>56428</t>
  </si>
  <si>
    <t>908.199951171875</t>
  </si>
  <si>
    <t>0.03491158730844113</t>
  </si>
  <si>
    <t>57721</t>
  </si>
  <si>
    <t>0.022655569560663835</t>
  </si>
  <si>
    <t>57111</t>
  </si>
  <si>
    <t>-0.010624316181157667</t>
  </si>
  <si>
    <t>58726</t>
  </si>
  <si>
    <t>1006.0</t>
  </si>
  <si>
    <t>0.027885816331007618</t>
  </si>
  <si>
    <t>59424</t>
  </si>
  <si>
    <t>722.7999877929688</t>
  </si>
  <si>
    <t>0.011815626247527078</t>
  </si>
  <si>
    <t>58672</t>
  </si>
  <si>
    <t>830.10009765625</t>
  </si>
  <si>
    <t>-0.012735573841325731</t>
  </si>
  <si>
    <t>874.7999267578125</t>
  </si>
  <si>
    <t>-0.0871353403462205</t>
  </si>
  <si>
    <t>55418</t>
  </si>
  <si>
    <t>904.2999877929688</t>
  </si>
  <si>
    <t>0.03007717974603885</t>
  </si>
  <si>
    <t>55979</t>
  </si>
  <si>
    <t>782.4000244140625</t>
  </si>
  <si>
    <t>0.010072169676277554</t>
  </si>
  <si>
    <t>799</t>
  </si>
  <si>
    <t>21294</t>
  </si>
  <si>
    <t>596.7000732421875</t>
  </si>
  <si>
    <t>152.94754028320312</t>
  </si>
  <si>
    <t>Saale-Orla-Kreis</t>
  </si>
  <si>
    <t>22214</t>
  </si>
  <si>
    <t>499.79998779296875</t>
  </si>
  <si>
    <t>0.04229737785251331</t>
  </si>
  <si>
    <t>22465</t>
  </si>
  <si>
    <t>0.011235821777194843</t>
  </si>
  <si>
    <t>22095</t>
  </si>
  <si>
    <t>-0.016607203939418724</t>
  </si>
  <si>
    <t>746.5000610351562</t>
  </si>
  <si>
    <t>0.01994017002892612</t>
  </si>
  <si>
    <t>22816</t>
  </si>
  <si>
    <t>0.012170535620255052</t>
  </si>
  <si>
    <t>592.0000610351562</t>
  </si>
  <si>
    <t>0.005158481384228253</t>
  </si>
  <si>
    <t>8.491665840148926</t>
  </si>
  <si>
    <t>621.9999389648438</t>
  </si>
  <si>
    <t>0.016347723836735994</t>
  </si>
  <si>
    <t>23779</t>
  </si>
  <si>
    <t>714.0999755859375</t>
  </si>
  <si>
    <t>0.01983458878091149</t>
  </si>
  <si>
    <t>644.6000366210938</t>
  </si>
  <si>
    <t>0.018086840776584623</t>
  </si>
  <si>
    <t>0.02741571734309467</t>
  </si>
  <si>
    <t>25347</t>
  </si>
  <si>
    <t>0.01835498348537712</t>
  </si>
  <si>
    <t>27330</t>
  </si>
  <si>
    <t>906.5999755859375</t>
  </si>
  <si>
    <t>0.07532462010115992</t>
  </si>
  <si>
    <t>26843</t>
  </si>
  <si>
    <t>490.7999572753906</t>
  </si>
  <si>
    <t>-0.017979920610255107</t>
  </si>
  <si>
    <t>0.019442443722866187</t>
  </si>
  <si>
    <t>26719</t>
  </si>
  <si>
    <t>591.1000366210938</t>
  </si>
  <si>
    <t>-0.024072600234182673</t>
  </si>
  <si>
    <t>28094</t>
  </si>
  <si>
    <t>646.5999755859375</t>
  </si>
  <si>
    <t>0.050181107590312024</t>
  </si>
  <si>
    <t>29634</t>
  </si>
  <si>
    <t>790.7999877929688</t>
  </si>
  <si>
    <t>0.05336632037782607</t>
  </si>
  <si>
    <t>29898</t>
  </si>
  <si>
    <t>595.5999755859375</t>
  </si>
  <si>
    <t>0.008869237740778857</t>
  </si>
  <si>
    <t>-0.033292769981207115</t>
  </si>
  <si>
    <t>31581</t>
  </si>
  <si>
    <t>0.0880568553911818</t>
  </si>
  <si>
    <t>621.7999877929688</t>
  </si>
  <si>
    <t>0.03512516761299622</t>
  </si>
  <si>
    <t>613.5</t>
  </si>
  <si>
    <t>0.05046292832887467</t>
  </si>
  <si>
    <t>35100</t>
  </si>
  <si>
    <t>667.4000244140625</t>
  </si>
  <si>
    <t>0.020057360592652174</t>
  </si>
  <si>
    <t>36328</t>
  </si>
  <si>
    <t>0.03438766332383025</t>
  </si>
  <si>
    <t>35261</t>
  </si>
  <si>
    <t>544.0000610351562</t>
  </si>
  <si>
    <t>-0.029811256479360893</t>
  </si>
  <si>
    <t>35622</t>
  </si>
  <si>
    <t>593.199951171875</t>
  </si>
  <si>
    <t>0.010185887200304222</t>
  </si>
  <si>
    <t>38414</t>
  </si>
  <si>
    <t>0.07545855196606688</t>
  </si>
  <si>
    <t>39583</t>
  </si>
  <si>
    <t>480.4999694824219</t>
  </si>
  <si>
    <t>0.02997775667589231</t>
  </si>
  <si>
    <t>39954</t>
  </si>
  <si>
    <t>0.009329059197987988</t>
  </si>
  <si>
    <t>39407</t>
  </si>
  <si>
    <t>655.800048828125</t>
  </si>
  <si>
    <t>-0.0137853268585868</t>
  </si>
  <si>
    <t>40611</t>
  </si>
  <si>
    <t>0.03009550037380393</t>
  </si>
  <si>
    <t>41021</t>
  </si>
  <si>
    <t>0.010045164827353403</t>
  </si>
  <si>
    <t>800</t>
  </si>
  <si>
    <t>28271</t>
  </si>
  <si>
    <t>498.4000549316406</t>
  </si>
  <si>
    <t>204.0396728515625</t>
  </si>
  <si>
    <t>Saalekreis</t>
  </si>
  <si>
    <t>414.9000244140625</t>
  </si>
  <si>
    <t>0.04231640278588955</t>
  </si>
  <si>
    <t>29826</t>
  </si>
  <si>
    <t>564.5000610351562</t>
  </si>
  <si>
    <t>0.011227549287694316</t>
  </si>
  <si>
    <t>-0.016633243516027463</t>
  </si>
  <si>
    <t>29925</t>
  </si>
  <si>
    <t>0.019946998619474243</t>
  </si>
  <si>
    <t>30292</t>
  </si>
  <si>
    <t>0.012189399807539303</t>
  </si>
  <si>
    <t>30449</t>
  </si>
  <si>
    <t>0.005169501642564356</t>
  </si>
  <si>
    <t>0.01631984623646332</t>
  </si>
  <si>
    <t>31570</t>
  </si>
  <si>
    <t>591.2000732421875</t>
  </si>
  <si>
    <t>0.019834303439296264</t>
  </si>
  <si>
    <t>32147</t>
  </si>
  <si>
    <t>0.018111831162634928</t>
  </si>
  <si>
    <t>33039</t>
  </si>
  <si>
    <t>529.4999389648438</t>
  </si>
  <si>
    <t>0.027369548118381104</t>
  </si>
  <si>
    <t>586.3999633789062</t>
  </si>
  <si>
    <t>0.0025090323163823314</t>
  </si>
  <si>
    <t>33065</t>
  </si>
  <si>
    <t>-0.0017223930406728982</t>
  </si>
  <si>
    <t>406.5</t>
  </si>
  <si>
    <t>0.043150447453848884</t>
  </si>
  <si>
    <t>542.7000122070312</t>
  </si>
  <si>
    <t>0.025283772124248927</t>
  </si>
  <si>
    <t>36393</t>
  </si>
  <si>
    <t>486.5000305175781</t>
  </si>
  <si>
    <t>0.027466907752167202</t>
  </si>
  <si>
    <t>39427</t>
  </si>
  <si>
    <t>526.8999633789062</t>
  </si>
  <si>
    <t>0.08007441233824686</t>
  </si>
  <si>
    <t>39783</t>
  </si>
  <si>
    <t>668.5999755859375</t>
  </si>
  <si>
    <t>0.008988824568433529</t>
  </si>
  <si>
    <t>39637</t>
  </si>
  <si>
    <t>497.29998779296875</t>
  </si>
  <si>
    <t>-0.003676659895917922</t>
  </si>
  <si>
    <t>37025</t>
  </si>
  <si>
    <t>-0.06816966531379087</t>
  </si>
  <si>
    <t>41932</t>
  </si>
  <si>
    <t>603.1000366210938</t>
  </si>
  <si>
    <t>0.1244558984364641</t>
  </si>
  <si>
    <t>43493</t>
  </si>
  <si>
    <t>516.9000244140625</t>
  </si>
  <si>
    <t>0.03655074701514316</t>
  </si>
  <si>
    <t>43332</t>
  </si>
  <si>
    <t>505.20001220703125</t>
  </si>
  <si>
    <t>-0.003708613522150017</t>
  </si>
  <si>
    <t>42839</t>
  </si>
  <si>
    <t>560.800048828125</t>
  </si>
  <si>
    <t>-0.011442489446618964</t>
  </si>
  <si>
    <t>42521</t>
  </si>
  <si>
    <t>566.2999877929688</t>
  </si>
  <si>
    <t>-0.0074508310951966195</t>
  </si>
  <si>
    <t>43561</t>
  </si>
  <si>
    <t>471.39996337890625</t>
  </si>
  <si>
    <t>0.024164183100889858</t>
  </si>
  <si>
    <t>45136</t>
  </si>
  <si>
    <t>495.2999572753906</t>
  </si>
  <si>
    <t>0.03551789961724516</t>
  </si>
  <si>
    <t>47077</t>
  </si>
  <si>
    <t>638.8999633789062</t>
  </si>
  <si>
    <t>0.042104404776742044</t>
  </si>
  <si>
    <t>47691</t>
  </si>
  <si>
    <t>383.1000061035156</t>
  </si>
  <si>
    <t>0.012958141810463175</t>
  </si>
  <si>
    <t>47588</t>
  </si>
  <si>
    <t>450.7000427246094</t>
  </si>
  <si>
    <t>-0.0021620722325650377</t>
  </si>
  <si>
    <t>44433</t>
  </si>
  <si>
    <t>526.4000244140625</t>
  </si>
  <si>
    <t>-0.06859819200133543</t>
  </si>
  <si>
    <t>45790</t>
  </si>
  <si>
    <t>0.030083290056060363</t>
  </si>
  <si>
    <t>46253</t>
  </si>
  <si>
    <t>448.4999694824219</t>
  </si>
  <si>
    <t>0.010060600050659119</t>
  </si>
  <si>
    <t>801</t>
  </si>
  <si>
    <t>20709</t>
  </si>
  <si>
    <t>605.0999755859375</t>
  </si>
  <si>
    <t>166.02294921875</t>
  </si>
  <si>
    <t>Saalfeld-Rudolstadt</t>
  </si>
  <si>
    <t>21604</t>
  </si>
  <si>
    <t>501.8000183105469</t>
  </si>
  <si>
    <t>0.042310094341194926</t>
  </si>
  <si>
    <t>21848</t>
  </si>
  <si>
    <t>697.2000122070312</t>
  </si>
  <si>
    <t>0.011230901440759666</t>
  </si>
  <si>
    <t>21488</t>
  </si>
  <si>
    <t>721.9999389648438</t>
  </si>
  <si>
    <t>21921</t>
  </si>
  <si>
    <t>752.5</t>
  </si>
  <si>
    <t>0.019950441696307664</t>
  </si>
  <si>
    <t>22190</t>
  </si>
  <si>
    <t>7.783334255218506</t>
  </si>
  <si>
    <t>648.4000244140625</t>
  </si>
  <si>
    <t>0.012196655467311857</t>
  </si>
  <si>
    <t>22305</t>
  </si>
  <si>
    <t>6.1583333015441895</t>
  </si>
  <si>
    <t>0.0051691316357267425</t>
  </si>
  <si>
    <t>22672</t>
  </si>
  <si>
    <t>615.9000244140625</t>
  </si>
  <si>
    <t>0.01631981436809582</t>
  </si>
  <si>
    <t>23126</t>
  </si>
  <si>
    <t>8.266666412353516</t>
  </si>
  <si>
    <t>716.3999633789062</t>
  </si>
  <si>
    <t>0.01982684275844626</t>
  </si>
  <si>
    <t>23548</t>
  </si>
  <si>
    <t>648.2999877929688</t>
  </si>
  <si>
    <t>0.01808336545924405</t>
  </si>
  <si>
    <t>24202</t>
  </si>
  <si>
    <t>9.183334350585938</t>
  </si>
  <si>
    <t>632.2999877929688</t>
  </si>
  <si>
    <t>0.02739438320984533</t>
  </si>
  <si>
    <t>23239</t>
  </si>
  <si>
    <t>720.2000122070312</t>
  </si>
  <si>
    <t>-0.040603372577830754</t>
  </si>
  <si>
    <t>24196</t>
  </si>
  <si>
    <t>911.5</t>
  </si>
  <si>
    <t>0.040355428446638086</t>
  </si>
  <si>
    <t>492.6000061035156</t>
  </si>
  <si>
    <t>0.0005371346064482196</t>
  </si>
  <si>
    <t>8.316667556762695</t>
  </si>
  <si>
    <t>0.06894605584556146</t>
  </si>
  <si>
    <t>26008</t>
  </si>
  <si>
    <t>592.5</t>
  </si>
  <si>
    <t>0.002733662304926554</t>
  </si>
  <si>
    <t>28155</t>
  </si>
  <si>
    <t>648.800048828125</t>
  </si>
  <si>
    <t>0.07932077570497853</t>
  </si>
  <si>
    <t>30865</t>
  </si>
  <si>
    <t>0.09189789713927787</t>
  </si>
  <si>
    <t>31687</t>
  </si>
  <si>
    <t>0.02628364628834845</t>
  </si>
  <si>
    <t>28353</t>
  </si>
  <si>
    <t>-0.11117365745317898</t>
  </si>
  <si>
    <t>29261</t>
  </si>
  <si>
    <t>0.03152272667691669</t>
  </si>
  <si>
    <t>614.9000244140625</t>
  </si>
  <si>
    <t>0.09874973744892834</t>
  </si>
  <si>
    <t>32669</t>
  </si>
  <si>
    <t>604.7999877929688</t>
  </si>
  <si>
    <t>0.011421307216117782</t>
  </si>
  <si>
    <t>33415</t>
  </si>
  <si>
    <t>668.39990234375</t>
  </si>
  <si>
    <t>0.02257828494004066</t>
  </si>
  <si>
    <t>33742</t>
  </si>
  <si>
    <t>680.0999755859375</t>
  </si>
  <si>
    <t>0.009738451220750122</t>
  </si>
  <si>
    <t>34133</t>
  </si>
  <si>
    <t>0.01152130608083013</t>
  </si>
  <si>
    <t>596.1000366210938</t>
  </si>
  <si>
    <t>0.008053499803104103</t>
  </si>
  <si>
    <t>35328</t>
  </si>
  <si>
    <t>744.1000366210938</t>
  </si>
  <si>
    <t>0.026357692586913117</t>
  </si>
  <si>
    <t>35778</t>
  </si>
  <si>
    <t>480.3999938964844</t>
  </si>
  <si>
    <t>0.012657328714393401</t>
  </si>
  <si>
    <t>36308</t>
  </si>
  <si>
    <t>523.800048828125</t>
  </si>
  <si>
    <t>0.014704923295356664</t>
  </si>
  <si>
    <t>34621</t>
  </si>
  <si>
    <t>651.5</t>
  </si>
  <si>
    <t>-0.04757766829593102</t>
  </si>
  <si>
    <t>35679</t>
  </si>
  <si>
    <t>718.1000366210938</t>
  </si>
  <si>
    <t>0.03010184604476862</t>
  </si>
  <si>
    <t>0.010039404994129697</t>
  </si>
  <si>
    <t>803</t>
  </si>
  <si>
    <t>38933</t>
  </si>
  <si>
    <t>755.1000366210938</t>
  </si>
  <si>
    <t>333.5111389160156</t>
  </si>
  <si>
    <t>Saarpfalz-Kreis</t>
  </si>
  <si>
    <t>40615</t>
  </si>
  <si>
    <t>0.04229523645738631</t>
  </si>
  <si>
    <t>41074</t>
  </si>
  <si>
    <t>10.150001525878906</t>
  </si>
  <si>
    <t>764.0999755859375</t>
  </si>
  <si>
    <t>0.011237861414985062</t>
  </si>
  <si>
    <t>40397</t>
  </si>
  <si>
    <t>789.3001098632812</t>
  </si>
  <si>
    <t>-0.016619793133758165</t>
  </si>
  <si>
    <t>41211</t>
  </si>
  <si>
    <t>0.019949686227034746</t>
  </si>
  <si>
    <t>41716</t>
  </si>
  <si>
    <t>673.5000610351562</t>
  </si>
  <si>
    <t>0.012179537247789085</t>
  </si>
  <si>
    <t>567.0</t>
  </si>
  <si>
    <t>0.005164510331360006</t>
  </si>
  <si>
    <t>42623</t>
  </si>
  <si>
    <t>10.191664695739746</t>
  </si>
  <si>
    <t>0.016344755091422414</t>
  </si>
  <si>
    <t>43476</t>
  </si>
  <si>
    <t>809.60009765625</t>
  </si>
  <si>
    <t>0.01981504801919165</t>
  </si>
  <si>
    <t>44270</t>
  </si>
  <si>
    <t>773.5</t>
  </si>
  <si>
    <t>0.018098185043108117</t>
  </si>
  <si>
    <t>45500</t>
  </si>
  <si>
    <t>959.10009765625</t>
  </si>
  <si>
    <t>0.027405079212854844</t>
  </si>
  <si>
    <t>45980</t>
  </si>
  <si>
    <t>893.9000244140625</t>
  </si>
  <si>
    <t>0.010494193378130845</t>
  </si>
  <si>
    <t>901.2999877929688</t>
  </si>
  <si>
    <t>0.007496839219697904</t>
  </si>
  <si>
    <t>46791</t>
  </si>
  <si>
    <t>627.7999877929688</t>
  </si>
  <si>
    <t>0.009987518183065092</t>
  </si>
  <si>
    <t>48747</t>
  </si>
  <si>
    <t>640.7999267578125</t>
  </si>
  <si>
    <t>0.040952780350950846</t>
  </si>
  <si>
    <t>49115</t>
  </si>
  <si>
    <t>620.300048828125</t>
  </si>
  <si>
    <t>0.007520830038084014</t>
  </si>
  <si>
    <t>50409</t>
  </si>
  <si>
    <t>786.2001342773438</t>
  </si>
  <si>
    <t>0.02600524343708166</t>
  </si>
  <si>
    <t>853.2000732421875</t>
  </si>
  <si>
    <t>0.029283925272297395</t>
  </si>
  <si>
    <t>52049</t>
  </si>
  <si>
    <t>0.002731926744338864</t>
  </si>
  <si>
    <t>46494</t>
  </si>
  <si>
    <t>729.6000366210938</t>
  </si>
  <si>
    <t>-0.11286231057068186</t>
  </si>
  <si>
    <t>51760</t>
  </si>
  <si>
    <t>844.5001220703125</t>
  </si>
  <si>
    <t>0.1072943781827771</t>
  </si>
  <si>
    <t>54219</t>
  </si>
  <si>
    <t>681.300048828125</t>
  </si>
  <si>
    <t>0.046413750328964554</t>
  </si>
  <si>
    <t>54236</t>
  </si>
  <si>
    <t>0.0003134940784530471</t>
  </si>
  <si>
    <t>52017</t>
  </si>
  <si>
    <t>-0.04177430636941892</t>
  </si>
  <si>
    <t>0.029157247204487646</t>
  </si>
  <si>
    <t>-0.009832330496042374</t>
  </si>
  <si>
    <t>-0.0020385827589262107</t>
  </si>
  <si>
    <t>53681</t>
  </si>
  <si>
    <t>797.300048828125</t>
  </si>
  <si>
    <t>0.014202199221818645</t>
  </si>
  <si>
    <t>53819</t>
  </si>
  <si>
    <t>616.4000244140625</t>
  </si>
  <si>
    <t>0.0025674432707951667</t>
  </si>
  <si>
    <t>52762</t>
  </si>
  <si>
    <t>-0.01983533003644844</t>
  </si>
  <si>
    <t>50249</t>
  </si>
  <si>
    <t>719.3999633789062</t>
  </si>
  <si>
    <t>-0.048800588392673205</t>
  </si>
  <si>
    <t>51784</t>
  </si>
  <si>
    <t>772.9000244140625</t>
  </si>
  <si>
    <t>0.030090574999553255</t>
  </si>
  <si>
    <t>52307</t>
  </si>
  <si>
    <t>631.4000244140625</t>
  </si>
  <si>
    <t>0.01004898408370103</t>
  </si>
  <si>
    <t>516.3999633789062</t>
  </si>
  <si>
    <t>185.9871063232422</t>
  </si>
  <si>
    <t>Salzlandkreis</t>
  </si>
  <si>
    <t>19289</t>
  </si>
  <si>
    <t>414.5</t>
  </si>
  <si>
    <t>0.04230493984306882</t>
  </si>
  <si>
    <t>19507</t>
  </si>
  <si>
    <t>552.7000122070312</t>
  </si>
  <si>
    <t>0.011238390270692733</t>
  </si>
  <si>
    <t>19185</t>
  </si>
  <si>
    <t>557.4000854492188</t>
  </si>
  <si>
    <t>-0.016644651813878752</t>
  </si>
  <si>
    <t>19572</t>
  </si>
  <si>
    <t>554.2000732421875</t>
  </si>
  <si>
    <t>0.019971249727960938</t>
  </si>
  <si>
    <t>19812</t>
  </si>
  <si>
    <t>474.0999755859375</t>
  </si>
  <si>
    <t>0.012187841299114766</t>
  </si>
  <si>
    <t>19914</t>
  </si>
  <si>
    <t>462.7000427246094</t>
  </si>
  <si>
    <t>0.005135187239901029</t>
  </si>
  <si>
    <t>521.9000244140625</t>
  </si>
  <si>
    <t>20648</t>
  </si>
  <si>
    <t>0.019858808649603432</t>
  </si>
  <si>
    <t>0.018093743442697985</t>
  </si>
  <si>
    <t>21609</t>
  </si>
  <si>
    <t>516.7000732421875</t>
  </si>
  <si>
    <t>0.027397688716323643</t>
  </si>
  <si>
    <t>0.023779070938394042</t>
  </si>
  <si>
    <t>0.010384682773169729</t>
  </si>
  <si>
    <t>23801</t>
  </si>
  <si>
    <t>413.6000061035156</t>
  </si>
  <si>
    <t>0.062453948314571406</t>
  </si>
  <si>
    <t>24663</t>
  </si>
  <si>
    <t>517.7999877929688</t>
  </si>
  <si>
    <t>0.035576548236635475</t>
  </si>
  <si>
    <t>485.9000244140625</t>
  </si>
  <si>
    <t>-0.04008229330553803</t>
  </si>
  <si>
    <t>10.833334922790527</t>
  </si>
  <si>
    <t>0.07545460329448517</t>
  </si>
  <si>
    <t>27428</t>
  </si>
  <si>
    <t>702.10009765625</t>
  </si>
  <si>
    <t>0.07088793459506526</t>
  </si>
  <si>
    <t>27622</t>
  </si>
  <si>
    <t>0.00704816723361823</t>
  </si>
  <si>
    <t>26631</t>
  </si>
  <si>
    <t>534.0</t>
  </si>
  <si>
    <t>-0.036536605901444474</t>
  </si>
  <si>
    <t>28412</t>
  </si>
  <si>
    <t>566.800048828125</t>
  </si>
  <si>
    <t>0.06473564038127222</t>
  </si>
  <si>
    <t>29798</t>
  </si>
  <si>
    <t>495.800048828125</t>
  </si>
  <si>
    <t>0.04762968602958395</t>
  </si>
  <si>
    <t>31405</t>
  </si>
  <si>
    <t>487.0</t>
  </si>
  <si>
    <t>0.05252583874119665</t>
  </si>
  <si>
    <t>32028</t>
  </si>
  <si>
    <t>0.01964340430404299</t>
  </si>
  <si>
    <t>31327</t>
  </si>
  <si>
    <t>503.00006103515625</t>
  </si>
  <si>
    <t>-0.02213017469861711</t>
  </si>
  <si>
    <t>31644</t>
  </si>
  <si>
    <t>457.2000427246094</t>
  </si>
  <si>
    <t>0.010068211647379144</t>
  </si>
  <si>
    <t>32763</t>
  </si>
  <si>
    <t>436.8000183105469</t>
  </si>
  <si>
    <t>0.03475127272455225</t>
  </si>
  <si>
    <t>34130</t>
  </si>
  <si>
    <t>10.666666030883789</t>
  </si>
  <si>
    <t>678.9000244140625</t>
  </si>
  <si>
    <t>0.04087693303491413</t>
  </si>
  <si>
    <t>33563</t>
  </si>
  <si>
    <t>336.6000061035156</t>
  </si>
  <si>
    <t>-0.01675249318135741</t>
  </si>
  <si>
    <t>35156</t>
  </si>
  <si>
    <t>11.400001525878906</t>
  </si>
  <si>
    <t>438.4000549316406</t>
  </si>
  <si>
    <t>0.04637103096514039</t>
  </si>
  <si>
    <t>34489</t>
  </si>
  <si>
    <t>10.933331489562988</t>
  </si>
  <si>
    <t>455.2000427246094</t>
  </si>
  <si>
    <t>-0.019154868085259125</t>
  </si>
  <si>
    <t>35542</t>
  </si>
  <si>
    <t>496.8000183105469</t>
  </si>
  <si>
    <t>0.030074663146153924</t>
  </si>
  <si>
    <t>35902</t>
  </si>
  <si>
    <t>402.0000305175781</t>
  </si>
  <si>
    <t>0.01007790848558443</t>
  </si>
  <si>
    <t>806</t>
  </si>
  <si>
    <t>25763</t>
  </si>
  <si>
    <t>767.5000610351562</t>
  </si>
  <si>
    <t>228.962158203125</t>
  </si>
  <si>
    <t>Schaumburg</t>
  </si>
  <si>
    <t>26876</t>
  </si>
  <si>
    <t>617.6000366210938</t>
  </si>
  <si>
    <t>0.042294340975319145</t>
  </si>
  <si>
    <t>27179</t>
  </si>
  <si>
    <t>844.9000854492188</t>
  </si>
  <si>
    <t>0.011210921229613646</t>
  </si>
  <si>
    <t>26732</t>
  </si>
  <si>
    <t>862.1000366210938</t>
  </si>
  <si>
    <t>-0.016583266638694028</t>
  </si>
  <si>
    <t>27270</t>
  </si>
  <si>
    <t>0.01992584720867363</t>
  </si>
  <si>
    <t>27604</t>
  </si>
  <si>
    <t>0.012173492900858562</t>
  </si>
  <si>
    <t>0.0051670364818772185</t>
  </si>
  <si>
    <t>28204</t>
  </si>
  <si>
    <t>734.2000122070312</t>
  </si>
  <si>
    <t>0.01633608561655997</t>
  </si>
  <si>
    <t>28769</t>
  </si>
  <si>
    <t>0.019834606673656552</t>
  </si>
  <si>
    <t>0.01808429836566461</t>
  </si>
  <si>
    <t>30108</t>
  </si>
  <si>
    <t>0.02740820027617019</t>
  </si>
  <si>
    <t>30396</t>
  </si>
  <si>
    <t>0.009520103635253463</t>
  </si>
  <si>
    <t>981.9000244140625</t>
  </si>
  <si>
    <t>-0.057448741854576824</t>
  </si>
  <si>
    <t>29278</t>
  </si>
  <si>
    <t>575.4000244140625</t>
  </si>
  <si>
    <t>0.019974101796258026</t>
  </si>
  <si>
    <t>28445</t>
  </si>
  <si>
    <t>-0.028863982546608824</t>
  </si>
  <si>
    <t>28246</t>
  </si>
  <si>
    <t>669.2000122070312</t>
  </si>
  <si>
    <t>-0.007020543555738001</t>
  </si>
  <si>
    <t>0.05523298519173814</t>
  </si>
  <si>
    <t>30061</t>
  </si>
  <si>
    <t>1019.300048828125</t>
  </si>
  <si>
    <t>0.007043810732623612</t>
  </si>
  <si>
    <t>-0.030876659022915476</t>
  </si>
  <si>
    <t>27639</t>
  </si>
  <si>
    <t>778.7999267578125</t>
  </si>
  <si>
    <t>-0.053124172753413745</t>
  </si>
  <si>
    <t>29026</t>
  </si>
  <si>
    <t>773.5999755859375</t>
  </si>
  <si>
    <t>0.048964161253266525</t>
  </si>
  <si>
    <t>30481</t>
  </si>
  <si>
    <t>708.4000854492188</t>
  </si>
  <si>
    <t>0.048911558631040464</t>
  </si>
  <si>
    <t>31440</t>
  </si>
  <si>
    <t>0.03097742888179411</t>
  </si>
  <si>
    <t>31427</t>
  </si>
  <si>
    <t>716.0</t>
  </si>
  <si>
    <t>-0.00041357151399878944</t>
  </si>
  <si>
    <t>32684</t>
  </si>
  <si>
    <t>0.03921826547545315</t>
  </si>
  <si>
    <t>33334</t>
  </si>
  <si>
    <t>680.3999633789062</t>
  </si>
  <si>
    <t>0.019692235597524643</t>
  </si>
  <si>
    <t>33506</t>
  </si>
  <si>
    <t>678.4000854492188</t>
  </si>
  <si>
    <t>0.0051466301513549695</t>
  </si>
  <si>
    <t>33995</t>
  </si>
  <si>
    <t>956.2999267578125</t>
  </si>
  <si>
    <t>0.014488927707082766</t>
  </si>
  <si>
    <t>35099</t>
  </si>
  <si>
    <t>492.6000671386719</t>
  </si>
  <si>
    <t>0.03195918505905837</t>
  </si>
  <si>
    <t>643.800048828125</t>
  </si>
  <si>
    <t>-0.005743119061442314</t>
  </si>
  <si>
    <t>-0.026833994778920456</t>
  </si>
  <si>
    <t>754.199951171875</t>
  </si>
  <si>
    <t>0.03009533367307249</t>
  </si>
  <si>
    <t>35366</t>
  </si>
  <si>
    <t>0.010060046762594865</t>
  </si>
  <si>
    <t>26405</t>
  </si>
  <si>
    <t>9.581954956054688</t>
  </si>
  <si>
    <t>890.0158081054688</t>
  </si>
  <si>
    <t>242.30145263671875</t>
  </si>
  <si>
    <t>Schleswig-Flensburg</t>
  </si>
  <si>
    <t>27547</t>
  </si>
  <si>
    <t>8.636307716369629</t>
  </si>
  <si>
    <t>694.5599365234375</t>
  </si>
  <si>
    <t>0.04234025058880242</t>
  </si>
  <si>
    <t>27857</t>
  </si>
  <si>
    <t>9.298622131347656</t>
  </si>
  <si>
    <t>860.4318237304688</t>
  </si>
  <si>
    <t>0.011190644542457662</t>
  </si>
  <si>
    <t>8.123620986938477</t>
  </si>
  <si>
    <t>878.9131469726562</t>
  </si>
  <si>
    <t>-0.016577764912504733</t>
  </si>
  <si>
    <t>27951</t>
  </si>
  <si>
    <t>8.836307525634766</t>
  </si>
  <si>
    <t>983.137939453125</t>
  </si>
  <si>
    <t>0.019946460758745843</t>
  </si>
  <si>
    <t>28293</t>
  </si>
  <si>
    <t>8.43667984008789</t>
  </si>
  <si>
    <t>647.4828491210938</t>
  </si>
  <si>
    <t>0.012161447093459898</t>
  </si>
  <si>
    <t>28439</t>
  </si>
  <si>
    <t>7.285935878753662</t>
  </si>
  <si>
    <t>556.0497436523438</t>
  </si>
  <si>
    <t>0.005147018342970711</t>
  </si>
  <si>
    <t>28908</t>
  </si>
  <si>
    <t>9.106955528259277</t>
  </si>
  <si>
    <t>743.0376586914062</t>
  </si>
  <si>
    <t>0.016356930847907236</t>
  </si>
  <si>
    <t>29487</t>
  </si>
  <si>
    <t>8.527974128723145</t>
  </si>
  <si>
    <t>983.8900756835938</t>
  </si>
  <si>
    <t>0.019831114831866614</t>
  </si>
  <si>
    <t>9.352974891662598</t>
  </si>
  <si>
    <t>892.7978515625</t>
  </si>
  <si>
    <t>0.01808087971344463</t>
  </si>
  <si>
    <t>30859</t>
  </si>
  <si>
    <t>9.482327461242676</t>
  </si>
  <si>
    <t>792.8928833007812</t>
  </si>
  <si>
    <t>0.027398074036934617</t>
  </si>
  <si>
    <t>30844</t>
  </si>
  <si>
    <t>8.63195514678955</t>
  </si>
  <si>
    <t>905.527099609375</t>
  </si>
  <si>
    <t>-0.000486200032266737</t>
  </si>
  <si>
    <t>29075</t>
  </si>
  <si>
    <t>9.145012855529785</t>
  </si>
  <si>
    <t>944.9049682617188</t>
  </si>
  <si>
    <t>-0.059063543565986976</t>
  </si>
  <si>
    <t>28957</t>
  </si>
  <si>
    <t>8.856582641601562</t>
  </si>
  <si>
    <t>737.7083129882812</t>
  </si>
  <si>
    <t>-0.004066727413368554</t>
  </si>
  <si>
    <t>28727</t>
  </si>
  <si>
    <t>9.261307716369629</t>
  </si>
  <si>
    <t>835.64697265625</t>
  </si>
  <si>
    <t>-0.007974523918768739</t>
  </si>
  <si>
    <t>28028</t>
  </si>
  <si>
    <t>8.677974700927734</t>
  </si>
  <si>
    <t>696.5369262695312</t>
  </si>
  <si>
    <t>-0.024633436564302613</t>
  </si>
  <si>
    <t>28827</t>
  </si>
  <si>
    <t>10.048250198364258</t>
  </si>
  <si>
    <t>927.5730590820312</t>
  </si>
  <si>
    <t>0.028108437454953616</t>
  </si>
  <si>
    <t>29519</t>
  </si>
  <si>
    <t>9.648621559143066</t>
  </si>
  <si>
    <t>926.210693359375</t>
  </si>
  <si>
    <t>0.02372167585649443</t>
  </si>
  <si>
    <t>30385</t>
  </si>
  <si>
    <t>9.407326698303223</t>
  </si>
  <si>
    <t>769.0126342773438</t>
  </si>
  <si>
    <t>0.028914941767583358</t>
  </si>
  <si>
    <t>30015</t>
  </si>
  <si>
    <t>8.781954765319824</t>
  </si>
  <si>
    <t>788.053466796875</t>
  </si>
  <si>
    <t>-0.012251808883512183</t>
  </si>
  <si>
    <t>30077</t>
  </si>
  <si>
    <t>7.690288066864014</t>
  </si>
  <si>
    <t>839.30810546875</t>
  </si>
  <si>
    <t>0.002063503361508623</t>
  </si>
  <si>
    <t>9.51093578338623</t>
  </si>
  <si>
    <t>893.4296875</t>
  </si>
  <si>
    <t>0.04543281986509484</t>
  </si>
  <si>
    <t>8.532326698303223</t>
  </si>
  <si>
    <t>810.0527954101562</t>
  </si>
  <si>
    <t>0.024882447144317865</t>
  </si>
  <si>
    <t>32676</t>
  </si>
  <si>
    <t>8.890288352966309</t>
  </si>
  <si>
    <t>755.361083984375</t>
  </si>
  <si>
    <t>0.012564836404894919</t>
  </si>
  <si>
    <t>34111</t>
  </si>
  <si>
    <t>10.60732650756836</t>
  </si>
  <si>
    <t>947.3191528320312</t>
  </si>
  <si>
    <t>0.04297904943705966</t>
  </si>
  <si>
    <t>33476</t>
  </si>
  <si>
    <t>9.390660285949707</t>
  </si>
  <si>
    <t>899.15966796875</t>
  </si>
  <si>
    <t>-0.018791148746055697</t>
  </si>
  <si>
    <t>9.486307144165039</t>
  </si>
  <si>
    <t>741.4872436523438</t>
  </si>
  <si>
    <t>0.0036377772173956657</t>
  </si>
  <si>
    <t>35410</t>
  </si>
  <si>
    <t>9.398621559143066</t>
  </si>
  <si>
    <t>1119.9976806640625</t>
  </si>
  <si>
    <t>0.05252772473578915</t>
  </si>
  <si>
    <t>9.732699394226074</t>
  </si>
  <si>
    <t>624.0777587890625</t>
  </si>
  <si>
    <t>0.0027355940181177374</t>
  </si>
  <si>
    <t>36434</t>
  </si>
  <si>
    <t>10.232699394226074</t>
  </si>
  <si>
    <t>950.600341796875</t>
  </si>
  <si>
    <t>0.02577254446670807</t>
  </si>
  <si>
    <t>35630</t>
  </si>
  <si>
    <t>9.957326889038086</t>
  </si>
  <si>
    <t>819.5425415039062</t>
  </si>
  <si>
    <t>-0.022314424990893755</t>
  </si>
  <si>
    <t>36719</t>
  </si>
  <si>
    <t>9.41565990447998</t>
  </si>
  <si>
    <t>826.8132934570312</t>
  </si>
  <si>
    <t>0.030106352648250123</t>
  </si>
  <si>
    <t>37090</t>
  </si>
  <si>
    <t>10.04862117767334</t>
  </si>
  <si>
    <t>792.668701171875</t>
  </si>
  <si>
    <t>0.010053059235504591</t>
  </si>
  <si>
    <t>22536</t>
  </si>
  <si>
    <t>712.300048828125</t>
  </si>
  <si>
    <t>154.83413696289062</t>
  </si>
  <si>
    <t>Schmalkalden-Meiningen</t>
  </si>
  <si>
    <t>23510</t>
  </si>
  <si>
    <t>0.04231183197790678</t>
  </si>
  <si>
    <t>23776</t>
  </si>
  <si>
    <t>829.9000244140625</t>
  </si>
  <si>
    <t>0.011250805983371137</t>
  </si>
  <si>
    <t>23384</t>
  </si>
  <si>
    <t>7.866666316986084</t>
  </si>
  <si>
    <t>-0.016624640726403683</t>
  </si>
  <si>
    <t>23855</t>
  </si>
  <si>
    <t>8.850001335144043</t>
  </si>
  <si>
    <t>0.019941811159124967</t>
  </si>
  <si>
    <t>24147</t>
  </si>
  <si>
    <t>723.2000122070312</t>
  </si>
  <si>
    <t>0.012166309811636467</t>
  </si>
  <si>
    <t>24272</t>
  </si>
  <si>
    <t>6.466665744781494</t>
  </si>
  <si>
    <t>0.005163273826470416</t>
  </si>
  <si>
    <t>24672</t>
  </si>
  <si>
    <t>0.016345574774740967</t>
  </si>
  <si>
    <t>25166</t>
  </si>
  <si>
    <t>824.0000610351562</t>
  </si>
  <si>
    <t>0.019824879788858496</t>
  </si>
  <si>
    <t>25626</t>
  </si>
  <si>
    <t>0.0181135839176072</t>
  </si>
  <si>
    <t>723.4999389648438</t>
  </si>
  <si>
    <t>0.027405302200644854</t>
  </si>
  <si>
    <t>0.015895471971999697</t>
  </si>
  <si>
    <t>27408</t>
  </si>
  <si>
    <t>1056.4000244140625</t>
  </si>
  <si>
    <t>0.02392670632173477</t>
  </si>
  <si>
    <t>28093</t>
  </si>
  <si>
    <t>575.9000244140625</t>
  </si>
  <si>
    <t>0.02468549340452242</t>
  </si>
  <si>
    <t>28977</t>
  </si>
  <si>
    <t>732.699951171875</t>
  </si>
  <si>
    <t>0.03098197687898363</t>
  </si>
  <si>
    <t>0.02847566998296891</t>
  </si>
  <si>
    <t>29752</t>
  </si>
  <si>
    <t>740.4999389648438</t>
  </si>
  <si>
    <t>-0.002081725225469455</t>
  </si>
  <si>
    <t>932.1000366210938</t>
  </si>
  <si>
    <t>0.02859372830714868</t>
  </si>
  <si>
    <t>30316</t>
  </si>
  <si>
    <t>674.5</t>
  </si>
  <si>
    <t>-0.009814458980134333</t>
  </si>
  <si>
    <t>833.2999877929688</t>
  </si>
  <si>
    <t>-0.05512699595650972</t>
  </si>
  <si>
    <t>31171</t>
  </si>
  <si>
    <t>0.08293954540160442</t>
  </si>
  <si>
    <t>33447</t>
  </si>
  <si>
    <t>699.300048828125</t>
  </si>
  <si>
    <t>0.07047392105866557</t>
  </si>
  <si>
    <t>33662</t>
  </si>
  <si>
    <t>678.7000122070312</t>
  </si>
  <si>
    <t>0.0064075082504313485</t>
  </si>
  <si>
    <t>33698</t>
  </si>
  <si>
    <t>745.5000610351562</t>
  </si>
  <si>
    <t>0.0010688837122181383</t>
  </si>
  <si>
    <t>35064</t>
  </si>
  <si>
    <t>759.3999633789062</t>
  </si>
  <si>
    <t>0.03973647470031594</t>
  </si>
  <si>
    <t>36469</t>
  </si>
  <si>
    <t>642.4000244140625</t>
  </si>
  <si>
    <t>0.03928762153105758</t>
  </si>
  <si>
    <t>692.300048828125</t>
  </si>
  <si>
    <t>0.014185021196796654</t>
  </si>
  <si>
    <t>37035</t>
  </si>
  <si>
    <t>0.0012158056208892987</t>
  </si>
  <si>
    <t>0.0009176293421617743</t>
  </si>
  <si>
    <t>37148</t>
  </si>
  <si>
    <t>0.0021288931063470073</t>
  </si>
  <si>
    <t>35460</t>
  </si>
  <si>
    <t>739.7999877929688</t>
  </si>
  <si>
    <t>-0.04650463326770016</t>
  </si>
  <si>
    <t>36544</t>
  </si>
  <si>
    <t>820.5</t>
  </si>
  <si>
    <t>0.030111713387483974</t>
  </si>
  <si>
    <t>36913</t>
  </si>
  <si>
    <t>610.7999877929688</t>
  </si>
  <si>
    <t>0.010046778491657804</t>
  </si>
  <si>
    <t>703.2999877929688</t>
  </si>
  <si>
    <t>151.19509887695312</t>
  </si>
  <si>
    <t>Schwandorf</t>
  </si>
  <si>
    <t>34549</t>
  </si>
  <si>
    <t>559.8001098632812</t>
  </si>
  <si>
    <t>0.04230166501445609</t>
  </si>
  <si>
    <t>34939</t>
  </si>
  <si>
    <t>716.699951171875</t>
  </si>
  <si>
    <t>0.0112250775693159</t>
  </si>
  <si>
    <t>34363</t>
  </si>
  <si>
    <t>716.9999389648438</t>
  </si>
  <si>
    <t>-0.016623279672835167</t>
  </si>
  <si>
    <t>35056</t>
  </si>
  <si>
    <t>698.0000610351562</t>
  </si>
  <si>
    <t>0.019966378721880673</t>
  </si>
  <si>
    <t>35485</t>
  </si>
  <si>
    <t>679.5000610351562</t>
  </si>
  <si>
    <t>0.012163289123837018</t>
  </si>
  <si>
    <t>35669</t>
  </si>
  <si>
    <t>7.383333683013916</t>
  </si>
  <si>
    <t>601.3999633789062</t>
  </si>
  <si>
    <t>0.005171892237765263</t>
  </si>
  <si>
    <t>36257</t>
  </si>
  <si>
    <t>8.983333587646484</t>
  </si>
  <si>
    <t>0.016350501892176794</t>
  </si>
  <si>
    <t>36983</t>
  </si>
  <si>
    <t>0.01982588149403597</t>
  </si>
  <si>
    <t>37658</t>
  </si>
  <si>
    <t>704.7999877929688</t>
  </si>
  <si>
    <t>0.01808706747331179</t>
  </si>
  <si>
    <t>38704</t>
  </si>
  <si>
    <t>707.800048828125</t>
  </si>
  <si>
    <t>0.027397538793435317</t>
  </si>
  <si>
    <t>8.666666030883789</t>
  </si>
  <si>
    <t>739.1000366210938</t>
  </si>
  <si>
    <t>0.024047106400347573</t>
  </si>
  <si>
    <t>40467</t>
  </si>
  <si>
    <t>977.10009765625</t>
  </si>
  <si>
    <t>0.020496766887632134</t>
  </si>
  <si>
    <t>38277</t>
  </si>
  <si>
    <t>513.9000244140625</t>
  </si>
  <si>
    <t>-0.055637633547936716</t>
  </si>
  <si>
    <t>38464</t>
  </si>
  <si>
    <t>606.199951171875</t>
  </si>
  <si>
    <t>0.0048735453050277044</t>
  </si>
  <si>
    <t>40819</t>
  </si>
  <si>
    <t>673.0999755859375</t>
  </si>
  <si>
    <t>0.05942492037368119</t>
  </si>
  <si>
    <t>41338</t>
  </si>
  <si>
    <t>0.012634514503220728</t>
  </si>
  <si>
    <t>41944</t>
  </si>
  <si>
    <t>0.014553221480586132</t>
  </si>
  <si>
    <t>40993</t>
  </si>
  <si>
    <t>616.5999755859375</t>
  </si>
  <si>
    <t>-0.022934074849557007</t>
  </si>
  <si>
    <t>38447</t>
  </si>
  <si>
    <t>708.3999633789062</t>
  </si>
  <si>
    <t>-0.06412065092002805</t>
  </si>
  <si>
    <t>40206</t>
  </si>
  <si>
    <t>714.0000610351562</t>
  </si>
  <si>
    <t>0.04473556871844231</t>
  </si>
  <si>
    <t>42431</t>
  </si>
  <si>
    <t>643.0999755859375</t>
  </si>
  <si>
    <t>0.053862988947445345</t>
  </si>
  <si>
    <t>45214</t>
  </si>
  <si>
    <t>0.06352754622709433</t>
  </si>
  <si>
    <t>46319</t>
  </si>
  <si>
    <t>668.300048828125</t>
  </si>
  <si>
    <t>0.02414547069160733</t>
  </si>
  <si>
    <t>649.7000732421875</t>
  </si>
  <si>
    <t>0.02233131524226195</t>
  </si>
  <si>
    <t>46656</t>
  </si>
  <si>
    <t>9.975001335144043</t>
  </si>
  <si>
    <t>514.7999877929688</t>
  </si>
  <si>
    <t>-0.015082022941303563</t>
  </si>
  <si>
    <t>47740</t>
  </si>
  <si>
    <t>9.116666793823242</t>
  </si>
  <si>
    <t>589.4000244140625</t>
  </si>
  <si>
    <t>0.02296808452449106</t>
  </si>
  <si>
    <t>48466</t>
  </si>
  <si>
    <t>703.800048828125</t>
  </si>
  <si>
    <t>0.01509290026783816</t>
  </si>
  <si>
    <t>49255</t>
  </si>
  <si>
    <t>0.01614836412911913</t>
  </si>
  <si>
    <t>49626</t>
  </si>
  <si>
    <t>546.5999755859375</t>
  </si>
  <si>
    <t>0.007504004630183303</t>
  </si>
  <si>
    <t>47772</t>
  </si>
  <si>
    <t>663.7000732421875</t>
  </si>
  <si>
    <t>-0.03807519613164523</t>
  </si>
  <si>
    <t>49231</t>
  </si>
  <si>
    <t>712.1000366210938</t>
  </si>
  <si>
    <t>0.03008381257501469</t>
  </si>
  <si>
    <t>49729</t>
  </si>
  <si>
    <t>549.2999877929688</t>
  </si>
  <si>
    <t>0.010064757556905946</t>
  </si>
  <si>
    <t>35528</t>
  </si>
  <si>
    <t>770.0000610351562</t>
  </si>
  <si>
    <t>123.42765045166016</t>
  </si>
  <si>
    <t>SchwÔøΩbisch Hall</t>
  </si>
  <si>
    <t>37064</t>
  </si>
  <si>
    <t>576.5</t>
  </si>
  <si>
    <t>0.04232503012454636</t>
  </si>
  <si>
    <t>757.2999877929688</t>
  </si>
  <si>
    <t>0.011214669625140061</t>
  </si>
  <si>
    <t>36865</t>
  </si>
  <si>
    <t>745.10009765625</t>
  </si>
  <si>
    <t>-0.016598226297872998</t>
  </si>
  <si>
    <t>37608</t>
  </si>
  <si>
    <t>777.7000122070312</t>
  </si>
  <si>
    <t>0.019954202280215938</t>
  </si>
  <si>
    <t>730.4000244140625</t>
  </si>
  <si>
    <t>0.012157240488267718</t>
  </si>
  <si>
    <t>38265</t>
  </si>
  <si>
    <t>624.800048828125</t>
  </si>
  <si>
    <t>0.005161606051785839</t>
  </si>
  <si>
    <t>679.4000244140625</t>
  </si>
  <si>
    <t>0.0163557773118832</t>
  </si>
  <si>
    <t>0.019829848838705644</t>
  </si>
  <si>
    <t>40399</t>
  </si>
  <si>
    <t>800.4000244140625</t>
  </si>
  <si>
    <t>0.01808376577303683</t>
  </si>
  <si>
    <t>41521</t>
  </si>
  <si>
    <t>787.199951171875</t>
  </si>
  <si>
    <t>0.027394291160510065</t>
  </si>
  <si>
    <t>-0.014458200088821371</t>
  </si>
  <si>
    <t>41794</t>
  </si>
  <si>
    <t>972.1000366210938</t>
  </si>
  <si>
    <t>0.021011665300708415</t>
  </si>
  <si>
    <t>40351</t>
  </si>
  <si>
    <t>562.5</t>
  </si>
  <si>
    <t>-0.035136611001586715</t>
  </si>
  <si>
    <t>41201</t>
  </si>
  <si>
    <t>8.766666412353516</t>
  </si>
  <si>
    <t>645.9000854492188</t>
  </si>
  <si>
    <t>0.020846350349264853</t>
  </si>
  <si>
    <t>43334</t>
  </si>
  <si>
    <t>8.149999618530273</t>
  </si>
  <si>
    <t>685.9000244140625</t>
  </si>
  <si>
    <t>0.05047501837893087</t>
  </si>
  <si>
    <t>45345</t>
  </si>
  <si>
    <t>817.300048828125</t>
  </si>
  <si>
    <t>0.045362370615015024</t>
  </si>
  <si>
    <t>47567</t>
  </si>
  <si>
    <t>0.047839326599076415</t>
  </si>
  <si>
    <t>48788</t>
  </si>
  <si>
    <t>656.7000122070312</t>
  </si>
  <si>
    <t>0.025345137482384317</t>
  </si>
  <si>
    <t>47534</t>
  </si>
  <si>
    <t>700.699951171875</t>
  </si>
  <si>
    <t>-0.026039136521816886</t>
  </si>
  <si>
    <t>49492</t>
  </si>
  <si>
    <t>736.4000244140625</t>
  </si>
  <si>
    <t>0.040365795892554956</t>
  </si>
  <si>
    <t>51265</t>
  </si>
  <si>
    <t>659.0999755859375</t>
  </si>
  <si>
    <t>0.035197217770324585</t>
  </si>
  <si>
    <t>52423</t>
  </si>
  <si>
    <t>0.022337168200490254</t>
  </si>
  <si>
    <t>52524</t>
  </si>
  <si>
    <t>735.8999633789062</t>
  </si>
  <si>
    <t>0.00192478167421406</t>
  </si>
  <si>
    <t>53501</t>
  </si>
  <si>
    <t>677.7000732421875</t>
  </si>
  <si>
    <t>0.018430137319302986</t>
  </si>
  <si>
    <t>54196</t>
  </si>
  <si>
    <t>568.2000122070312</t>
  </si>
  <si>
    <t>0.012906759668123158</t>
  </si>
  <si>
    <t>666.699951171875</t>
  </si>
  <si>
    <t>0.007206973391683746</t>
  </si>
  <si>
    <t>55859</t>
  </si>
  <si>
    <t>0.023016580083320193</t>
  </si>
  <si>
    <t>61469</t>
  </si>
  <si>
    <t>579.9000854492188</t>
  </si>
  <si>
    <t>0.09570232422914415</t>
  </si>
  <si>
    <t>61659</t>
  </si>
  <si>
    <t>0.003086221668649358</t>
  </si>
  <si>
    <t>61406</t>
  </si>
  <si>
    <t>10.008332252502441</t>
  </si>
  <si>
    <t>708.2000122070312</t>
  </si>
  <si>
    <t>-0.004111654108452711</t>
  </si>
  <si>
    <t>63281</t>
  </si>
  <si>
    <t>728.2000732421875</t>
  </si>
  <si>
    <t>0.030077575867295536</t>
  </si>
  <si>
    <t>63921</t>
  </si>
  <si>
    <t>624.5999755859375</t>
  </si>
  <si>
    <t>0.010062819775514598</t>
  </si>
  <si>
    <t>823</t>
  </si>
  <si>
    <t>25807</t>
  </si>
  <si>
    <t>128.49346923828125</t>
  </si>
  <si>
    <t>Spree-NeiÔøΩe</t>
  </si>
  <si>
    <t>26922</t>
  </si>
  <si>
    <t>490.2000427246094</t>
  </si>
  <si>
    <t>0.04229802326489818</t>
  </si>
  <si>
    <t>27226</t>
  </si>
  <si>
    <t>545.4999389648438</t>
  </si>
  <si>
    <t>0.011228602868380122</t>
  </si>
  <si>
    <t>26777</t>
  </si>
  <si>
    <t>-0.016629089000833375</t>
  </si>
  <si>
    <t>27317</t>
  </si>
  <si>
    <t>640.4999389648438</t>
  </si>
  <si>
    <t>0.019965908920367426</t>
  </si>
  <si>
    <t>560.2999267578125</t>
  </si>
  <si>
    <t>0.01215267466982084</t>
  </si>
  <si>
    <t>27795</t>
  </si>
  <si>
    <t>7.850000858306885</t>
  </si>
  <si>
    <t>529.199951171875</t>
  </si>
  <si>
    <t>0.0051942547257954885</t>
  </si>
  <si>
    <t>28253</t>
  </si>
  <si>
    <t>634.4999389648438</t>
  </si>
  <si>
    <t>0.016343498239026033</t>
  </si>
  <si>
    <t>667.900146484375</t>
  </si>
  <si>
    <t>0.01980054526628372</t>
  </si>
  <si>
    <t>29344</t>
  </si>
  <si>
    <t>526.0999755859375</t>
  </si>
  <si>
    <t>0.01808790416331263</t>
  </si>
  <si>
    <t>30159</t>
  </si>
  <si>
    <t>0.027395290017338425</t>
  </si>
  <si>
    <t>28944</t>
  </si>
  <si>
    <t>-0.041120457438454494</t>
  </si>
  <si>
    <t>0.030821911185672235</t>
  </si>
  <si>
    <t>28175</t>
  </si>
  <si>
    <t>435.4000244140625</t>
  </si>
  <si>
    <t>-0.057749779912770194</t>
  </si>
  <si>
    <t>28398</t>
  </si>
  <si>
    <t>583.4000244140625</t>
  </si>
  <si>
    <t>0.007883660226324807</t>
  </si>
  <si>
    <t>29184</t>
  </si>
  <si>
    <t>547.6000366210938</t>
  </si>
  <si>
    <t>0.027301893739755556</t>
  </si>
  <si>
    <t>33549</t>
  </si>
  <si>
    <t>560.7000122070312</t>
  </si>
  <si>
    <t>0.13938644282223933</t>
  </si>
  <si>
    <t>779.2999877929688</t>
  </si>
  <si>
    <t>0.13097962850904032</t>
  </si>
  <si>
    <t>42976</t>
  </si>
  <si>
    <t>558.5</t>
  </si>
  <si>
    <t>0.11665513511762704</t>
  </si>
  <si>
    <t>630.7000122070312</t>
  </si>
  <si>
    <t>0.002765160758535501</t>
  </si>
  <si>
    <t>47771</t>
  </si>
  <si>
    <t>714.2000122070312</t>
  </si>
  <si>
    <t>0.10301177972376152</t>
  </si>
  <si>
    <t>47306</t>
  </si>
  <si>
    <t>604.4000244140625</t>
  </si>
  <si>
    <t>-0.009781623475713985</t>
  </si>
  <si>
    <t>47601</t>
  </si>
  <si>
    <t>0.006216632072652217</t>
  </si>
  <si>
    <t>45568</t>
  </si>
  <si>
    <t>589.9999389648438</t>
  </si>
  <si>
    <t>-0.043648053630551686</t>
  </si>
  <si>
    <t>44866</t>
  </si>
  <si>
    <t>-0.015525446198397574</t>
  </si>
  <si>
    <t>42780</t>
  </si>
  <si>
    <t>-0.04760956593685428</t>
  </si>
  <si>
    <t>43750</t>
  </si>
  <si>
    <t>507.6999816894531</t>
  </si>
  <si>
    <t>0.02242090914936412</t>
  </si>
  <si>
    <t>46296</t>
  </si>
  <si>
    <t>785.2000732421875</t>
  </si>
  <si>
    <t>0.05656395146791482</t>
  </si>
  <si>
    <t>48072</t>
  </si>
  <si>
    <t>396.20001220703125</t>
  </si>
  <si>
    <t>0.03764432276008911</t>
  </si>
  <si>
    <t>48303</t>
  </si>
  <si>
    <t>11.691665649414062</t>
  </si>
  <si>
    <t>502.79998779296875</t>
  </si>
  <si>
    <t>0.0047937834992843875</t>
  </si>
  <si>
    <t>11.241668701171875</t>
  </si>
  <si>
    <t>521.0999755859375</t>
  </si>
  <si>
    <t>-0.06476075424997774</t>
  </si>
  <si>
    <t>46657</t>
  </si>
  <si>
    <t>0.03009005334607373</t>
  </si>
  <si>
    <t>47128</t>
  </si>
  <si>
    <t>11.425000190734863</t>
  </si>
  <si>
    <t>0.0100443345923793</t>
  </si>
  <si>
    <t>30826</t>
  </si>
  <si>
    <t>809.199951171875</t>
  </si>
  <si>
    <t>122.98484802246094</t>
  </si>
  <si>
    <t>Stade</t>
  </si>
  <si>
    <t>0.04230276359769114</t>
  </si>
  <si>
    <t>32521</t>
  </si>
  <si>
    <t>899.0000610351562</t>
  </si>
  <si>
    <t>0.011224781192112232</t>
  </si>
  <si>
    <t>31986</t>
  </si>
  <si>
    <t>929.800048828125</t>
  </si>
  <si>
    <t>-0.0165877274456534</t>
  </si>
  <si>
    <t>958.300048828125</t>
  </si>
  <si>
    <t>0.019933803536551054</t>
  </si>
  <si>
    <t>33030</t>
  </si>
  <si>
    <t>0.012184128797468219</t>
  </si>
  <si>
    <t>33201</t>
  </si>
  <si>
    <t>647.4000244140625</t>
  </si>
  <si>
    <t>0.005163756548061116</t>
  </si>
  <si>
    <t>33748</t>
  </si>
  <si>
    <t>785.800048828125</t>
  </si>
  <si>
    <t>0.016341160352620676</t>
  </si>
  <si>
    <t>34424</t>
  </si>
  <si>
    <t>963.7000732421875</t>
  </si>
  <si>
    <t>0.019832839232918786</t>
  </si>
  <si>
    <t>35052</t>
  </si>
  <si>
    <t>0.01807867765730542</t>
  </si>
  <si>
    <t>36026</t>
  </si>
  <si>
    <t>784.2000122070312</t>
  </si>
  <si>
    <t>0.027408226807763114</t>
  </si>
  <si>
    <t>881.0999755859375</t>
  </si>
  <si>
    <t>0.04647963993903659</t>
  </si>
  <si>
    <t>36569</t>
  </si>
  <si>
    <t>1023.6998901367188</t>
  </si>
  <si>
    <t>-0.03151965297114678</t>
  </si>
  <si>
    <t>34239</t>
  </si>
  <si>
    <t>636.7999877929688</t>
  </si>
  <si>
    <t>-0.0658355417296832</t>
  </si>
  <si>
    <t>836.7000732421875</t>
  </si>
  <si>
    <t>0.03850265047567447</t>
  </si>
  <si>
    <t>37884</t>
  </si>
  <si>
    <t>789.1000366210938</t>
  </si>
  <si>
    <t>0.06266086364860612</t>
  </si>
  <si>
    <t>37272</t>
  </si>
  <si>
    <t>-0.01628648484935802</t>
  </si>
  <si>
    <t>37030</t>
  </si>
  <si>
    <t>1047.2000732421875</t>
  </si>
  <si>
    <t>-0.0065139795889752605</t>
  </si>
  <si>
    <t>37500</t>
  </si>
  <si>
    <t>743.199951171875</t>
  </si>
  <si>
    <t>0.012612538050843725</t>
  </si>
  <si>
    <t>836.2000122070312</t>
  </si>
  <si>
    <t>-0.04090533132600349</t>
  </si>
  <si>
    <t>36760</t>
  </si>
  <si>
    <t>873.8999633789062</t>
  </si>
  <si>
    <t>0.020974695837125523</t>
  </si>
  <si>
    <t>0.04726041809412074</t>
  </si>
  <si>
    <t>38507</t>
  </si>
  <si>
    <t>-0.0008306726329720959</t>
  </si>
  <si>
    <t>39025</t>
  </si>
  <si>
    <t>0.013362423452861094</t>
  </si>
  <si>
    <t>39598</t>
  </si>
  <si>
    <t>769.5</t>
  </si>
  <si>
    <t>0.014576145533011342</t>
  </si>
  <si>
    <t>40825</t>
  </si>
  <si>
    <t>792.1000366210938</t>
  </si>
  <si>
    <t>0.0305160269220206</t>
  </si>
  <si>
    <t>40761</t>
  </si>
  <si>
    <t>701.7999877929688</t>
  </si>
  <si>
    <t>-0.001568896946231746</t>
  </si>
  <si>
    <t>40681</t>
  </si>
  <si>
    <t>1040.0999755859375</t>
  </si>
  <si>
    <t>-0.0019645889278443462</t>
  </si>
  <si>
    <t>41071</t>
  </si>
  <si>
    <t>512.800048828125</t>
  </si>
  <si>
    <t>0.009541123362588166</t>
  </si>
  <si>
    <t>42728</t>
  </si>
  <si>
    <t>735.0999755859375</t>
  </si>
  <si>
    <t>0.039552166692429225</t>
  </si>
  <si>
    <t>40014</t>
  </si>
  <si>
    <t>645.800048828125</t>
  </si>
  <si>
    <t>-0.06562505015924458</t>
  </si>
  <si>
    <t>41236</t>
  </si>
  <si>
    <t>0.030082268355913655</t>
  </si>
  <si>
    <t>656.4999389648438</t>
  </si>
  <si>
    <t>0.010061733596288036</t>
  </si>
  <si>
    <t>828</t>
  </si>
  <si>
    <t>777.2000732421875</t>
  </si>
  <si>
    <t>248.89637756347656</t>
  </si>
  <si>
    <t>Steinfurt</t>
  </si>
  <si>
    <t>29958</t>
  </si>
  <si>
    <t>0.04230711884701144</t>
  </si>
  <si>
    <t>30296</t>
  </si>
  <si>
    <t>878.5</t>
  </si>
  <si>
    <t>0.011219289852965275</t>
  </si>
  <si>
    <t>29797</t>
  </si>
  <si>
    <t>-0.016607973296753897</t>
  </si>
  <si>
    <t>30397</t>
  </si>
  <si>
    <t>883.7000122070312</t>
  </si>
  <si>
    <t>0.01993620202930302</t>
  </si>
  <si>
    <t>30769</t>
  </si>
  <si>
    <t>0.012163770286278464</t>
  </si>
  <si>
    <t>30929</t>
  </si>
  <si>
    <t>591.2999877929688</t>
  </si>
  <si>
    <t>0.005186565485839623</t>
  </si>
  <si>
    <t>0.016323097201885517</t>
  </si>
  <si>
    <t>32068</t>
  </si>
  <si>
    <t>961.2000732421875</t>
  </si>
  <si>
    <t>0.019841295874659437</t>
  </si>
  <si>
    <t>32653</t>
  </si>
  <si>
    <t>0.018078086934783855</t>
  </si>
  <si>
    <t>33560</t>
  </si>
  <si>
    <t>0.027398146483516683</t>
  </si>
  <si>
    <t>822.300048828125</t>
  </si>
  <si>
    <t>-0.005797464165523181</t>
  </si>
  <si>
    <t>33148</t>
  </si>
  <si>
    <t>962.3999633789062</t>
  </si>
  <si>
    <t>-0.006555034446686037</t>
  </si>
  <si>
    <t>33003</t>
  </si>
  <si>
    <t>612.0</t>
  </si>
  <si>
    <t>-0.00438391656138748</t>
  </si>
  <si>
    <t>33467</t>
  </si>
  <si>
    <t>855.4000854492188</t>
  </si>
  <si>
    <t>0.013961412273870266</t>
  </si>
  <si>
    <t>34166</t>
  </si>
  <si>
    <t>730.2000732421875</t>
  </si>
  <si>
    <t>0.02067111882558592</t>
  </si>
  <si>
    <t>35784</t>
  </si>
  <si>
    <t>11.175002098083496</t>
  </si>
  <si>
    <t>776.6000366210938</t>
  </si>
  <si>
    <t>0.04626986860568216</t>
  </si>
  <si>
    <t>37813</t>
  </si>
  <si>
    <t>978.9000854492188</t>
  </si>
  <si>
    <t>0.05515209271358401</t>
  </si>
  <si>
    <t>37835</t>
  </si>
  <si>
    <t>729.4000244140625</t>
  </si>
  <si>
    <t>0.0005816413023538303</t>
  </si>
  <si>
    <t>35375</t>
  </si>
  <si>
    <t>783.7000732421875</t>
  </si>
  <si>
    <t>-0.06722924418308374</t>
  </si>
  <si>
    <t>37188</t>
  </si>
  <si>
    <t>781.800048828125</t>
  </si>
  <si>
    <t>0.04998077263021017</t>
  </si>
  <si>
    <t>39987</t>
  </si>
  <si>
    <t>0.07256827269637967</t>
  </si>
  <si>
    <t>40240</t>
  </si>
  <si>
    <t>0.006307124501493178</t>
  </si>
  <si>
    <t>40023</t>
  </si>
  <si>
    <t>701.8999633789062</t>
  </si>
  <si>
    <t>-0.00540723692670575</t>
  </si>
  <si>
    <t>41654</t>
  </si>
  <si>
    <t>0.03994311355204516</t>
  </si>
  <si>
    <t>41823</t>
  </si>
  <si>
    <t>0.004049025022236918</t>
  </si>
  <si>
    <t>0.023465437066702677</t>
  </si>
  <si>
    <t>43620</t>
  </si>
  <si>
    <t>907.3001098632812</t>
  </si>
  <si>
    <t>0.018603896267720188</t>
  </si>
  <si>
    <t>44248</t>
  </si>
  <si>
    <t>507.39996337890625</t>
  </si>
  <si>
    <t>0.014294411918893246</t>
  </si>
  <si>
    <t>44358</t>
  </si>
  <si>
    <t>697.7000732421875</t>
  </si>
  <si>
    <t>0.0024829031106410326</t>
  </si>
  <si>
    <t>44046</t>
  </si>
  <si>
    <t>651.6000366210938</t>
  </si>
  <si>
    <t>-0.007058533446318904</t>
  </si>
  <si>
    <t>45391</t>
  </si>
  <si>
    <t>0.030079305153414282</t>
  </si>
  <si>
    <t>45850</t>
  </si>
  <si>
    <t>0.010061351192360846</t>
  </si>
  <si>
    <t>829</t>
  </si>
  <si>
    <t>19775</t>
  </si>
  <si>
    <t>10.161067008972168</t>
  </si>
  <si>
    <t>583.60107421875</t>
  </si>
  <si>
    <t>114.4749526977539</t>
  </si>
  <si>
    <t>Stendal</t>
  </si>
  <si>
    <t>20629</t>
  </si>
  <si>
    <t>8.9839506149292</t>
  </si>
  <si>
    <t>507.5163879394531</t>
  </si>
  <si>
    <t>0.04227933915715276</t>
  </si>
  <si>
    <t>20862</t>
  </si>
  <si>
    <t>10.127117156982422</t>
  </si>
  <si>
    <t>557.9259643554688</t>
  </si>
  <si>
    <t>0.011231469442908093</t>
  </si>
  <si>
    <t>20518</t>
  </si>
  <si>
    <t>659.5931396484375</t>
  </si>
  <si>
    <t>-0.01662677258825873</t>
  </si>
  <si>
    <t>20932</t>
  </si>
  <si>
    <t>9.77363395690918</t>
  </si>
  <si>
    <t>646.6253662109375</t>
  </si>
  <si>
    <t>0.01997653884444084</t>
  </si>
  <si>
    <t>21188</t>
  </si>
  <si>
    <t>9.045899391174316</t>
  </si>
  <si>
    <t>519.7989501953125</t>
  </si>
  <si>
    <t>0.01215589517231841</t>
  </si>
  <si>
    <t>21298</t>
  </si>
  <si>
    <t>7.593783855438232</t>
  </si>
  <si>
    <t>446.5704650878906</t>
  </si>
  <si>
    <t>0.005178187910912513</t>
  </si>
  <si>
    <t>9.743783950805664</t>
  </si>
  <si>
    <t>580.6836547851562</t>
  </si>
  <si>
    <t>0.0163460924121015</t>
  </si>
  <si>
    <t>22082</t>
  </si>
  <si>
    <t>9.613183975219727</t>
  </si>
  <si>
    <t>655.6290893554688</t>
  </si>
  <si>
    <t>0.019803533011652164</t>
  </si>
  <si>
    <t>22486</t>
  </si>
  <si>
    <t>10.104850769042969</t>
  </si>
  <si>
    <t>516.104248046875</t>
  </si>
  <si>
    <t>0.01813009631062279</t>
  </si>
  <si>
    <t>23110</t>
  </si>
  <si>
    <t>10.495150566101074</t>
  </si>
  <si>
    <t>538.179931640625</t>
  </si>
  <si>
    <t>0.027372530958720276</t>
  </si>
  <si>
    <t>23366</t>
  </si>
  <si>
    <t>9.478483200073242</t>
  </si>
  <si>
    <t>609.5660400390625</t>
  </si>
  <si>
    <t>0.011016550008667636</t>
  </si>
  <si>
    <t>717.6873168945312</t>
  </si>
  <si>
    <t>0.016889856198538666</t>
  </si>
  <si>
    <t>23344</t>
  </si>
  <si>
    <t>9.653483390808105</t>
  </si>
  <si>
    <t>446.0375671386719</t>
  </si>
  <si>
    <t>-0.017831838713064485</t>
  </si>
  <si>
    <t>24019</t>
  </si>
  <si>
    <t>9.836817741394043</t>
  </si>
  <si>
    <t>584.1417846679688</t>
  </si>
  <si>
    <t>0.028505192031417437</t>
  </si>
  <si>
    <t>23953</t>
  </si>
  <si>
    <t>527.2455444335938</t>
  </si>
  <si>
    <t>-0.002751606839089149</t>
  </si>
  <si>
    <t>25315</t>
  </si>
  <si>
    <t>10.870150566101074</t>
  </si>
  <si>
    <t>560.1158447265625</t>
  </si>
  <si>
    <t>0.055303528449114125</t>
  </si>
  <si>
    <t>26629</t>
  </si>
  <si>
    <t>10.423633575439453</t>
  </si>
  <si>
    <t>748.5772094726562</t>
  </si>
  <si>
    <t>0.05060374206539109</t>
  </si>
  <si>
    <t>27251</t>
  </si>
  <si>
    <t>9.88681697845459</t>
  </si>
  <si>
    <t>530.35400390625</t>
  </si>
  <si>
    <t>0.023089370196368364</t>
  </si>
  <si>
    <t>9.570150375366211</t>
  </si>
  <si>
    <t>580.5423583984375</t>
  </si>
  <si>
    <t>-0.01717352248044257</t>
  </si>
  <si>
    <t>8.856966972351074</t>
  </si>
  <si>
    <t>635.701171875</t>
  </si>
  <si>
    <t>0.047888467691914016</t>
  </si>
  <si>
    <t>29733</t>
  </si>
  <si>
    <t>582.7613525390625</t>
  </si>
  <si>
    <t>0.05645237719757645</t>
  </si>
  <si>
    <t>9.490300178527832</t>
  </si>
  <si>
    <t>571.281982421875</t>
  </si>
  <si>
    <t>0.04707021693074154</t>
  </si>
  <si>
    <t>31380</t>
  </si>
  <si>
    <t>9.448633193969727</t>
  </si>
  <si>
    <t>554.8460693359375</t>
  </si>
  <si>
    <t>0.006842990281464623</t>
  </si>
  <si>
    <t>11.12363338470459</t>
  </si>
  <si>
    <t>596.39306640625</t>
  </si>
  <si>
    <t>0.034022640583765806</t>
  </si>
  <si>
    <t>32629</t>
  </si>
  <si>
    <t>10.386816024780273</t>
  </si>
  <si>
    <t>532.00048828125</t>
  </si>
  <si>
    <t>0.005008075602766837</t>
  </si>
  <si>
    <t>33052</t>
  </si>
  <si>
    <t>10.152115821838379</t>
  </si>
  <si>
    <t>492.64813232421875</t>
  </si>
  <si>
    <t>0.012880615347517832</t>
  </si>
  <si>
    <t>34785</t>
  </si>
  <si>
    <t>753.8084716796875</t>
  </si>
  <si>
    <t>0.05110418053666699</t>
  </si>
  <si>
    <t>35436</t>
  </si>
  <si>
    <t>10.820151329040527</t>
  </si>
  <si>
    <t>386.940185546875</t>
  </si>
  <si>
    <t>0.018541993174181925</t>
  </si>
  <si>
    <t>36182</t>
  </si>
  <si>
    <t>11.293784141540527</t>
  </si>
  <si>
    <t>517.440185546875</t>
  </si>
  <si>
    <t>0.02083350504928383</t>
  </si>
  <si>
    <t>36559</t>
  </si>
  <si>
    <t>10.86181640625</t>
  </si>
  <si>
    <t>517.3983764648438</t>
  </si>
  <si>
    <t>0.010365636315205151</t>
  </si>
  <si>
    <t>37676</t>
  </si>
  <si>
    <t>10.095149993896484</t>
  </si>
  <si>
    <t>566.7174682617188</t>
  </si>
  <si>
    <t>0.030095893046295785</t>
  </si>
  <si>
    <t>38057</t>
  </si>
  <si>
    <t>479.2640380859375</t>
  </si>
  <si>
    <t>0.01006174888955158</t>
  </si>
  <si>
    <t>830</t>
  </si>
  <si>
    <t>551.1466674804688</t>
  </si>
  <si>
    <t>Stormarn</t>
  </si>
  <si>
    <t>613.6000366210938</t>
  </si>
  <si>
    <t>0.042335254142990664</t>
  </si>
  <si>
    <t>36839</t>
  </si>
  <si>
    <t>810.0</t>
  </si>
  <si>
    <t>0.011219356904865307</t>
  </si>
  <si>
    <t>36232</t>
  </si>
  <si>
    <t>861.4000244140625</t>
  </si>
  <si>
    <t>-0.016614360356525637</t>
  </si>
  <si>
    <t>36962</t>
  </si>
  <si>
    <t>887.5999755859375</t>
  </si>
  <si>
    <t>0.01994765160965173</t>
  </si>
  <si>
    <t>672.0000610351562</t>
  </si>
  <si>
    <t>0.012154608063148942</t>
  </si>
  <si>
    <t>0.005171827795116712</t>
  </si>
  <si>
    <t>38228</t>
  </si>
  <si>
    <t>0.016351437682102343</t>
  </si>
  <si>
    <t>38994</t>
  </si>
  <si>
    <t>851.2999877929688</t>
  </si>
  <si>
    <t>0.01983955673633453</t>
  </si>
  <si>
    <t>39705</t>
  </si>
  <si>
    <t>626.2000122070312</t>
  </si>
  <si>
    <t>0.018069336206908204</t>
  </si>
  <si>
    <t>40808</t>
  </si>
  <si>
    <t>701.9000244140625</t>
  </si>
  <si>
    <t>0.027401016273449486</t>
  </si>
  <si>
    <t>-0.009899851829274553</t>
  </si>
  <si>
    <t>38830</t>
  </si>
  <si>
    <t>934.4000244140625</t>
  </si>
  <si>
    <t>-0.03978514504777486</t>
  </si>
  <si>
    <t>38466</t>
  </si>
  <si>
    <t>569.6000366210938</t>
  </si>
  <si>
    <t>-0.009418409510399073</t>
  </si>
  <si>
    <t>40849</t>
  </si>
  <si>
    <t>759.800048828125</t>
  </si>
  <si>
    <t>0.06010760696903894</t>
  </si>
  <si>
    <t>697.4000854492188</t>
  </si>
  <si>
    <t>0.029452556400213936</t>
  </si>
  <si>
    <t>42192</t>
  </si>
  <si>
    <t>10.566668510437012</t>
  </si>
  <si>
    <t>705.2999877929688</t>
  </si>
  <si>
    <t>0.0028957320085023497</t>
  </si>
  <si>
    <t>42688</t>
  </si>
  <si>
    <t>978.7000122070312</t>
  </si>
  <si>
    <t>0.011687220682226496</t>
  </si>
  <si>
    <t>44876</t>
  </si>
  <si>
    <t>672.5</t>
  </si>
  <si>
    <t>0.04998528038955996</t>
  </si>
  <si>
    <t>41924</t>
  </si>
  <si>
    <t>-0.06804467537478764</t>
  </si>
  <si>
    <t>0.0038566885085007385</t>
  </si>
  <si>
    <t>715.2000122070312</t>
  </si>
  <si>
    <t>0.028968527996106275</t>
  </si>
  <si>
    <t>9.2333345413208</t>
  </si>
  <si>
    <t>699.5000610351562</t>
  </si>
  <si>
    <t>0.028197806102676637</t>
  </si>
  <si>
    <t>42584</t>
  </si>
  <si>
    <t>-0.045402882044758286</t>
  </si>
  <si>
    <t>44197</t>
  </si>
  <si>
    <t>699.4999389648438</t>
  </si>
  <si>
    <t>0.03717831760653212</t>
  </si>
  <si>
    <t>44187</t>
  </si>
  <si>
    <t>699.0</t>
  </si>
  <si>
    <t>-0.0002262853014727284</t>
  </si>
  <si>
    <t>9.783331871032715</t>
  </si>
  <si>
    <t>653.7999877929688</t>
  </si>
  <si>
    <t>0.01985276943584502</t>
  </si>
  <si>
    <t>46019</t>
  </si>
  <si>
    <t>973.5999755859375</t>
  </si>
  <si>
    <t>0.020770957077020924</t>
  </si>
  <si>
    <t>45799</t>
  </si>
  <si>
    <t>468.60003662109375</t>
  </si>
  <si>
    <t>-0.0047920978677442605</t>
  </si>
  <si>
    <t>667.800048828125</t>
  </si>
  <si>
    <t>0.010901302310450944</t>
  </si>
  <si>
    <t>46761</t>
  </si>
  <si>
    <t>10.591668128967285</t>
  </si>
  <si>
    <t>0.00988596304393674</t>
  </si>
  <si>
    <t>48189</t>
  </si>
  <si>
    <t>0.030081257068713896</t>
  </si>
  <si>
    <t>48676</t>
  </si>
  <si>
    <t>0.010055316230815237</t>
  </si>
  <si>
    <t>832</t>
  </si>
  <si>
    <t>23346</t>
  </si>
  <si>
    <t>820.0999755859375</t>
  </si>
  <si>
    <t>123.45796203613281</t>
  </si>
  <si>
    <t>Straubing-Bogen</t>
  </si>
  <si>
    <t>24355</t>
  </si>
  <si>
    <t>0.042311504028035074</t>
  </si>
  <si>
    <t>24630</t>
  </si>
  <si>
    <t>824.0</t>
  </si>
  <si>
    <t>0.011228044873940135</t>
  </si>
  <si>
    <t>24224</t>
  </si>
  <si>
    <t>-0.016621334877408245</t>
  </si>
  <si>
    <t>24712</t>
  </si>
  <si>
    <t>0.019945078361242707</t>
  </si>
  <si>
    <t>25015</t>
  </si>
  <si>
    <t>862.0</t>
  </si>
  <si>
    <t>0.012186689323886668</t>
  </si>
  <si>
    <t>25145</t>
  </si>
  <si>
    <t>7.683333873748779</t>
  </si>
  <si>
    <t>832.800048828125</t>
  </si>
  <si>
    <t>0.005183424683760762</t>
  </si>
  <si>
    <t>25559</t>
  </si>
  <si>
    <t>821.0001220703125</t>
  </si>
  <si>
    <t>0.016330435489383177</t>
  </si>
  <si>
    <t>26071</t>
  </si>
  <si>
    <t>875.5999755859375</t>
  </si>
  <si>
    <t>0.01983408036264578</t>
  </si>
  <si>
    <t>26547</t>
  </si>
  <si>
    <t>848.0999755859375</t>
  </si>
  <si>
    <t>0.01809316147736517</t>
  </si>
  <si>
    <t>27284</t>
  </si>
  <si>
    <t>857.4999389648438</t>
  </si>
  <si>
    <t>0.027383702839150814</t>
  </si>
  <si>
    <t>28310</t>
  </si>
  <si>
    <t>908.1000366210938</t>
  </si>
  <si>
    <t>0.036914649331334815</t>
  </si>
  <si>
    <t>1100.89990234375</t>
  </si>
  <si>
    <t>0.006197639388586751</t>
  </si>
  <si>
    <t>-0.03040202783818735</t>
  </si>
  <si>
    <t>28626</t>
  </si>
  <si>
    <t>0.03530468508781759</t>
  </si>
  <si>
    <t>27790</t>
  </si>
  <si>
    <t>-0.029639152007613134</t>
  </si>
  <si>
    <t>923.2999877929688</t>
  </si>
  <si>
    <t>0.06650447152108896</t>
  </si>
  <si>
    <t>29716</t>
  </si>
  <si>
    <t>0.0005049060140578376</t>
  </si>
  <si>
    <t>30626</t>
  </si>
  <si>
    <t>0.030163700103457813</t>
  </si>
  <si>
    <t>29135</t>
  </si>
  <si>
    <t>900.0</t>
  </si>
  <si>
    <t>-0.049909120797979156</t>
  </si>
  <si>
    <t>30921</t>
  </si>
  <si>
    <t>834.5000610351562</t>
  </si>
  <si>
    <t>0.05949536412772716</t>
  </si>
  <si>
    <t>33245</t>
  </si>
  <si>
    <t>829.3999633789062</t>
  </si>
  <si>
    <t>0.07246881513165349</t>
  </si>
  <si>
    <t>33642</t>
  </si>
  <si>
    <t>806.300048828125</t>
  </si>
  <si>
    <t>0.011870906515172308</t>
  </si>
  <si>
    <t>840.5000610351562</t>
  </si>
  <si>
    <t>0.023907861382218343</t>
  </si>
  <si>
    <t>34643</t>
  </si>
  <si>
    <t>0.005412537273253193</t>
  </si>
  <si>
    <t>36148</t>
  </si>
  <si>
    <t>0.042525937014646686</t>
  </si>
  <si>
    <t>37002</t>
  </si>
  <si>
    <t>9.516668319702148</t>
  </si>
  <si>
    <t>908.0999755859375</t>
  </si>
  <si>
    <t>0.023350343197702017</t>
  </si>
  <si>
    <t>37454</t>
  </si>
  <si>
    <t>993.5</t>
  </si>
  <si>
    <t>0.012141548100906618</t>
  </si>
  <si>
    <t>37549</t>
  </si>
  <si>
    <t>761.199951171875</t>
  </si>
  <si>
    <t>0.002533233358755993</t>
  </si>
  <si>
    <t>38034</t>
  </si>
  <si>
    <t>751.0</t>
  </si>
  <si>
    <t>0.012833749833010444</t>
  </si>
  <si>
    <t>924.2000122070312</t>
  </si>
  <si>
    <t>-0.020238122015587834</t>
  </si>
  <si>
    <t>38410</t>
  </si>
  <si>
    <t>842.7000122070312</t>
  </si>
  <si>
    <t>0.030075467843317938</t>
  </si>
  <si>
    <t>38798</t>
  </si>
  <si>
    <t>0.01005085655109994</t>
  </si>
  <si>
    <t>36886</t>
  </si>
  <si>
    <t>870.2999877929688</t>
  </si>
  <si>
    <t>506.99578857421875</t>
  </si>
  <si>
    <t>StÔøΩdteregion Aachen</t>
  </si>
  <si>
    <t>38480</t>
  </si>
  <si>
    <t>763.0</t>
  </si>
  <si>
    <t>0.04230655053689247</t>
  </si>
  <si>
    <t>38915</t>
  </si>
  <si>
    <t>1059.5999755859375</t>
  </si>
  <si>
    <t>0.011241154613845339</t>
  </si>
  <si>
    <t>38274</t>
  </si>
  <si>
    <t>1033.800048828125</t>
  </si>
  <si>
    <t>-0.016608965923477825</t>
  </si>
  <si>
    <t>39045</t>
  </si>
  <si>
    <t>1076.800048828125</t>
  </si>
  <si>
    <t>0.019944012626764263</t>
  </si>
  <si>
    <t>39523</t>
  </si>
  <si>
    <t>807.1001586914062</t>
  </si>
  <si>
    <t>0.012167953815113819</t>
  </si>
  <si>
    <t>39728</t>
  </si>
  <si>
    <t>0.0051734478360589975</t>
  </si>
  <si>
    <t>40382</t>
  </si>
  <si>
    <t>962.9000854492188</t>
  </si>
  <si>
    <t>0.016327912362370967</t>
  </si>
  <si>
    <t>41191</t>
  </si>
  <si>
    <t>1128.199951171875</t>
  </si>
  <si>
    <t>0.0198356447624235</t>
  </si>
  <si>
    <t>41943</t>
  </si>
  <si>
    <t>1008.0</t>
  </si>
  <si>
    <t>0.01809176778319177</t>
  </si>
  <si>
    <t>1168.800048828125</t>
  </si>
  <si>
    <t>0.027397041060789107</t>
  </si>
  <si>
    <t>1172.300048828125</t>
  </si>
  <si>
    <t>-0.03498362269852606</t>
  </si>
  <si>
    <t>43603</t>
  </si>
  <si>
    <t>1162.9000244140625</t>
  </si>
  <si>
    <t>0.046400983291261966</t>
  </si>
  <si>
    <t>41353</t>
  </si>
  <si>
    <t>831.9000244140625</t>
  </si>
  <si>
    <t>-0.05298098509877747</t>
  </si>
  <si>
    <t>42277</t>
  </si>
  <si>
    <t>895.5000610351562</t>
  </si>
  <si>
    <t>0.022098232721496913</t>
  </si>
  <si>
    <t>41482</t>
  </si>
  <si>
    <t>877.4000244140625</t>
  </si>
  <si>
    <t>-0.018983604743354476</t>
  </si>
  <si>
    <t>41852</t>
  </si>
  <si>
    <t>1017.4000244140625</t>
  </si>
  <si>
    <t>0.008879987312113258</t>
  </si>
  <si>
    <t>43822</t>
  </si>
  <si>
    <t>1077.7000732421875</t>
  </si>
  <si>
    <t>0.045996388866688775</t>
  </si>
  <si>
    <t>0.004167289440285771</t>
  </si>
  <si>
    <t>42199</t>
  </si>
  <si>
    <t>925.9999389648438</t>
  </si>
  <si>
    <t>-0.041906739747043176</t>
  </si>
  <si>
    <t>44145</t>
  </si>
  <si>
    <t>1010.199951171875</t>
  </si>
  <si>
    <t>0.04508314627481447</t>
  </si>
  <si>
    <t>0.04692767972533218</t>
  </si>
  <si>
    <t>47663</t>
  </si>
  <si>
    <t>0.029748065477264163</t>
  </si>
  <si>
    <t>966.60009765625</t>
  </si>
  <si>
    <t>-0.03510106086776155</t>
  </si>
  <si>
    <t>48959</t>
  </si>
  <si>
    <t>988.6000366210938</t>
  </si>
  <si>
    <t>0.06192885847049823</t>
  </si>
  <si>
    <t>49202</t>
  </si>
  <si>
    <t>0.004951059919681811</t>
  </si>
  <si>
    <t>49773</t>
  </si>
  <si>
    <t>963.5000610351562</t>
  </si>
  <si>
    <t>0.011538395250767053</t>
  </si>
  <si>
    <t>50743</t>
  </si>
  <si>
    <t>1045.0</t>
  </si>
  <si>
    <t>0.019301009044726314</t>
  </si>
  <si>
    <t>51318</t>
  </si>
  <si>
    <t>801.9000244140625</t>
  </si>
  <si>
    <t>0.01126789045264509</t>
  </si>
  <si>
    <t>51617</t>
  </si>
  <si>
    <t>900.5</t>
  </si>
  <si>
    <t>0.0058095077659992</t>
  </si>
  <si>
    <t>49555</t>
  </si>
  <si>
    <t>963.199951171875</t>
  </si>
  <si>
    <t>-0.040767911734027606</t>
  </si>
  <si>
    <t>51069</t>
  </si>
  <si>
    <t>1006.4000244140625</t>
  </si>
  <si>
    <t>0.0300944956418725</t>
  </si>
  <si>
    <t>51585</t>
  </si>
  <si>
    <t>875.7999267578125</t>
  </si>
  <si>
    <t>0.010053273051795486</t>
  </si>
  <si>
    <t>16081</t>
  </si>
  <si>
    <t>160.4156036376953</t>
  </si>
  <si>
    <t>SÔøΩdwestpfalz</t>
  </si>
  <si>
    <t>16776</t>
  </si>
  <si>
    <t>9.091668128967285</t>
  </si>
  <si>
    <t>494.60003662109375</t>
  </si>
  <si>
    <t>0.04231084272773167</t>
  </si>
  <si>
    <t>16966</t>
  </si>
  <si>
    <t>0.011262047785924878</t>
  </si>
  <si>
    <t>16686</t>
  </si>
  <si>
    <t>753.4000854492188</t>
  </si>
  <si>
    <t>-0.016641296905660852</t>
  </si>
  <si>
    <t>17022</t>
  </si>
  <si>
    <t>0.01993658057488723</t>
  </si>
  <si>
    <t>0.01220346210619283</t>
  </si>
  <si>
    <t>17320</t>
  </si>
  <si>
    <t>8.2333345413208</t>
  </si>
  <si>
    <t>0.005151815973325924</t>
  </si>
  <si>
    <t>17605</t>
  </si>
  <si>
    <t>739.0</t>
  </si>
  <si>
    <t>0.016321049472727722</t>
  </si>
  <si>
    <t>0.019852745491601098</t>
  </si>
  <si>
    <t>18286</t>
  </si>
  <si>
    <t>744.6000366210938</t>
  </si>
  <si>
    <t>0.018100041643617004</t>
  </si>
  <si>
    <t>18794</t>
  </si>
  <si>
    <t>872.4000244140625</t>
  </si>
  <si>
    <t>0.027401930218639237</t>
  </si>
  <si>
    <t>18549</t>
  </si>
  <si>
    <t>-0.01312179071633146</t>
  </si>
  <si>
    <t>18512</t>
  </si>
  <si>
    <t>894.199951171875</t>
  </si>
  <si>
    <t>-0.0019967087932215577</t>
  </si>
  <si>
    <t>18141</t>
  </si>
  <si>
    <t>568.300048828125</t>
  </si>
  <si>
    <t>-0.020244600492134168</t>
  </si>
  <si>
    <t>600.699951171875</t>
  </si>
  <si>
    <t>-0.005915704881472195</t>
  </si>
  <si>
    <t>18435</t>
  </si>
  <si>
    <t>587.4000244140625</t>
  </si>
  <si>
    <t>0.02199216660839376</t>
  </si>
  <si>
    <t>19016</t>
  </si>
  <si>
    <t>768.0000610351562</t>
  </si>
  <si>
    <t>0.031029698371785486</t>
  </si>
  <si>
    <t>19575</t>
  </si>
  <si>
    <t>798.300048828125</t>
  </si>
  <si>
    <t>0.02897251181897431</t>
  </si>
  <si>
    <t>19718</t>
  </si>
  <si>
    <t>0.0072786822759827174</t>
  </si>
  <si>
    <t>18664</t>
  </si>
  <si>
    <t>-0.05493538943372123</t>
  </si>
  <si>
    <t>19242</t>
  </si>
  <si>
    <t>824.1000366210938</t>
  </si>
  <si>
    <t>0.030498855219944332</t>
  </si>
  <si>
    <t>20179</t>
  </si>
  <si>
    <t>0.04754706974467382</t>
  </si>
  <si>
    <t>20724</t>
  </si>
  <si>
    <t>0.026649989268793917</t>
  </si>
  <si>
    <t>20982</t>
  </si>
  <si>
    <t>758.9000244140625</t>
  </si>
  <si>
    <t>0.012372478356752481</t>
  </si>
  <si>
    <t>21133</t>
  </si>
  <si>
    <t>771.300048828125</t>
  </si>
  <si>
    <t>0.00717087247072179</t>
  </si>
  <si>
    <t>598.4000244140625</t>
  </si>
  <si>
    <t>0.012040971403305178</t>
  </si>
  <si>
    <t>21547</t>
  </si>
  <si>
    <t>0.007359824538776039</t>
  </si>
  <si>
    <t>21597</t>
  </si>
  <si>
    <t>747.7999267578125</t>
  </si>
  <si>
    <t>0.002317820433178852</t>
  </si>
  <si>
    <t>21872</t>
  </si>
  <si>
    <t>10.949997901916504</t>
  </si>
  <si>
    <t>581.6000366210938</t>
  </si>
  <si>
    <t>0.01265286382631814</t>
  </si>
  <si>
    <t>21869</t>
  </si>
  <si>
    <t>-0.00013717107540678342</t>
  </si>
  <si>
    <t>21535</t>
  </si>
  <si>
    <t>671.8999633789062</t>
  </si>
  <si>
    <t>-0.015390590400112814</t>
  </si>
  <si>
    <t>22193</t>
  </si>
  <si>
    <t>747.5000610351562</t>
  </si>
  <si>
    <t>0.030097405334517546</t>
  </si>
  <si>
    <t>22417</t>
  </si>
  <si>
    <t>644.0</t>
  </si>
  <si>
    <t>0.010042675751167351</t>
  </si>
  <si>
    <t>30270</t>
  </si>
  <si>
    <t>576.800048828125</t>
  </si>
  <si>
    <t>735.0672607421875</t>
  </si>
  <si>
    <t>Teltow-FlÔøΩming</t>
  </si>
  <si>
    <t>31578</t>
  </si>
  <si>
    <t>0.04230355256606977</t>
  </si>
  <si>
    <t>31934</t>
  </si>
  <si>
    <t>0.011210597317813153</t>
  </si>
  <si>
    <t>680.5999755859375</t>
  </si>
  <si>
    <t>-0.01660863538340429</t>
  </si>
  <si>
    <t>630.1000366210938</t>
  </si>
  <si>
    <t>0.019953695165266794</t>
  </si>
  <si>
    <t>539.4000244140625</t>
  </si>
  <si>
    <t>0.01216009027937126</t>
  </si>
  <si>
    <t>32601</t>
  </si>
  <si>
    <t>500.89996337890625</t>
  </si>
  <si>
    <t>0.005166539770080192</t>
  </si>
  <si>
    <t>33139</t>
  </si>
  <si>
    <t>10.1416654586792</t>
  </si>
  <si>
    <t>599.1000366210938</t>
  </si>
  <si>
    <t>0.01636787377923099</t>
  </si>
  <si>
    <t>33802</t>
  </si>
  <si>
    <t>635.800048828125</t>
  </si>
  <si>
    <t>0.019809135807980383</t>
  </si>
  <si>
    <t>506.60003662109375</t>
  </si>
  <si>
    <t>0.018088765149080643</t>
  </si>
  <si>
    <t>560.9000244140625</t>
  </si>
  <si>
    <t>0.027396618478285006</t>
  </si>
  <si>
    <t>37155</t>
  </si>
  <si>
    <t>601.4000244140625</t>
  </si>
  <si>
    <t>0.04909299564603131</t>
  </si>
  <si>
    <t>35242</t>
  </si>
  <si>
    <t>-0.05285979846289379</t>
  </si>
  <si>
    <t>37080</t>
  </si>
  <si>
    <t>429.29998779296875</t>
  </si>
  <si>
    <t>0.05083918755111583</t>
  </si>
  <si>
    <t>42804</t>
  </si>
  <si>
    <t>568.7999877929688</t>
  </si>
  <si>
    <t>0.14355381546710078</t>
  </si>
  <si>
    <t>533.7999877929688</t>
  </si>
  <si>
    <t>-0.04040448053258139</t>
  </si>
  <si>
    <t>33612</t>
  </si>
  <si>
    <t>-0.2013439295662014</t>
  </si>
  <si>
    <t>34299</t>
  </si>
  <si>
    <t>779.8999633789062</t>
  </si>
  <si>
    <t>0.020233053161970105</t>
  </si>
  <si>
    <t>35051</t>
  </si>
  <si>
    <t>0.02168794451613465</t>
  </si>
  <si>
    <t>-0.07059182108952555</t>
  </si>
  <si>
    <t>0.1062388267863632</t>
  </si>
  <si>
    <t>39605</t>
  </si>
  <si>
    <t>0.0865042234753286</t>
  </si>
  <si>
    <t>41610</t>
  </si>
  <si>
    <t>0.04938515007860644</t>
  </si>
  <si>
    <t>577.2000732421875</t>
  </si>
  <si>
    <t>-0.007938177308757233</t>
  </si>
  <si>
    <t>44554</t>
  </si>
  <si>
    <t>0.07629959095658911</t>
  </si>
  <si>
    <t>45066</t>
  </si>
  <si>
    <t>506.3000183105469</t>
  </si>
  <si>
    <t>0.011426145289247458</t>
  </si>
  <si>
    <t>46322</t>
  </si>
  <si>
    <t>492.0999450683594</t>
  </si>
  <si>
    <t>0.027488928293591286</t>
  </si>
  <si>
    <t>48252</t>
  </si>
  <si>
    <t>779.199951171875</t>
  </si>
  <si>
    <t>0.04082026747761702</t>
  </si>
  <si>
    <t>48038</t>
  </si>
  <si>
    <t>380.1999816894531</t>
  </si>
  <si>
    <t>-0.004444913331346001</t>
  </si>
  <si>
    <t>11.783332824707031</t>
  </si>
  <si>
    <t>500.60003662109375</t>
  </si>
  <si>
    <t>0.06589330058208098</t>
  </si>
  <si>
    <t>47776</t>
  </si>
  <si>
    <t>505.99993896484375</t>
  </si>
  <si>
    <t>-0.07136224359709331</t>
  </si>
  <si>
    <t>49236</t>
  </si>
  <si>
    <t>557.1000366210938</t>
  </si>
  <si>
    <t>0.030101641891269182</t>
  </si>
  <si>
    <t>49734</t>
  </si>
  <si>
    <t>455.6000061035156</t>
  </si>
  <si>
    <t>0.010063740589394854</t>
  </si>
  <si>
    <t>844</t>
  </si>
  <si>
    <t>18910</t>
  </si>
  <si>
    <t>173.64776611328125</t>
  </si>
  <si>
    <t>Trier-Saarburg</t>
  </si>
  <si>
    <t>19727</t>
  </si>
  <si>
    <t>9.1416654586792</t>
  </si>
  <si>
    <t>546.2999267578125</t>
  </si>
  <si>
    <t>0.04229737309136539</t>
  </si>
  <si>
    <t>19949</t>
  </si>
  <si>
    <t>812.8999633789062</t>
  </si>
  <si>
    <t>0.011190761004542082</t>
  </si>
  <si>
    <t>-0.016578595528308426</t>
  </si>
  <si>
    <t>20016</t>
  </si>
  <si>
    <t>0.019931532486591408</t>
  </si>
  <si>
    <t>20261</t>
  </si>
  <si>
    <t>677.0000610351562</t>
  </si>
  <si>
    <t>0.012165902219457791</t>
  </si>
  <si>
    <t>20366</t>
  </si>
  <si>
    <t>0.005168987805459935</t>
  </si>
  <si>
    <t>20702</t>
  </si>
  <si>
    <t>0.016363470212084508</t>
  </si>
  <si>
    <t>21116</t>
  </si>
  <si>
    <t>823.7000122070312</t>
  </si>
  <si>
    <t>0.019800732999812</t>
  </si>
  <si>
    <t>21502</t>
  </si>
  <si>
    <t>777.2000122070312</t>
  </si>
  <si>
    <t>0.018114907101665523</t>
  </si>
  <si>
    <t>22099</t>
  </si>
  <si>
    <t>950.8999633789062</t>
  </si>
  <si>
    <t>0.027386404568131795</t>
  </si>
  <si>
    <t>21279</t>
  </si>
  <si>
    <t>883.1000366210938</t>
  </si>
  <si>
    <t>-0.03781168774310828</t>
  </si>
  <si>
    <t>21328</t>
  </si>
  <si>
    <t>966.5</t>
  </si>
  <si>
    <t>0.00230009254829433</t>
  </si>
  <si>
    <t>21425</t>
  </si>
  <si>
    <t>0.004537701047489406</t>
  </si>
  <si>
    <t>646.8999633789062</t>
  </si>
  <si>
    <t>-0.003881502289470262</t>
  </si>
  <si>
    <t>21462</t>
  </si>
  <si>
    <t>0.005606967310562538</t>
  </si>
  <si>
    <t>21781</t>
  </si>
  <si>
    <t>798.0999755859375</t>
  </si>
  <si>
    <t>0.014754100628156408</t>
  </si>
  <si>
    <t>23000</t>
  </si>
  <si>
    <t>847.199951171875</t>
  </si>
  <si>
    <t>0.05445618579605771</t>
  </si>
  <si>
    <t>-0.03468146592465082</t>
  </si>
  <si>
    <t>20863</t>
  </si>
  <si>
    <t>-0.06283549485676154</t>
  </si>
  <si>
    <t>22031</t>
  </si>
  <si>
    <t>851.9000854492188</t>
  </si>
  <si>
    <t>0.05447329728269068</t>
  </si>
  <si>
    <t>24150</t>
  </si>
  <si>
    <t>697.9999389648438</t>
  </si>
  <si>
    <t>0.09183382766815384</t>
  </si>
  <si>
    <t>774.300048828125</t>
  </si>
  <si>
    <t>0.010503649240529711</t>
  </si>
  <si>
    <t>25710</t>
  </si>
  <si>
    <t>790.9000854492188</t>
  </si>
  <si>
    <t>0.05209199193868663</t>
  </si>
  <si>
    <t>25801</t>
  </si>
  <si>
    <t>0.0035332295885588394</t>
  </si>
  <si>
    <t>25707</t>
  </si>
  <si>
    <t>672.0</t>
  </si>
  <si>
    <t>-0.003649922511264947</t>
  </si>
  <si>
    <t>0.0455488145862919</t>
  </si>
  <si>
    <t>27006</t>
  </si>
  <si>
    <t>0.0037469205974662856</t>
  </si>
  <si>
    <t>27087</t>
  </si>
  <si>
    <t>0.0029948444546015196</t>
  </si>
  <si>
    <t>27402</t>
  </si>
  <si>
    <t>698.2000122070312</t>
  </si>
  <si>
    <t>0.011562095437465558</t>
  </si>
  <si>
    <t>26374</t>
  </si>
  <si>
    <t>741.7999877929688</t>
  </si>
  <si>
    <t>-0.03823732704540994</t>
  </si>
  <si>
    <t>27180</t>
  </si>
  <si>
    <t>0.030102732337489613</t>
  </si>
  <si>
    <t>0.010030468106471346</t>
  </si>
  <si>
    <t>26647</t>
  </si>
  <si>
    <t>9.98424243927002</t>
  </si>
  <si>
    <t>562.3080444335938</t>
  </si>
  <si>
    <t>119.6088638305664</t>
  </si>
  <si>
    <t>Uckermark</t>
  </si>
  <si>
    <t>27798</t>
  </si>
  <si>
    <t>8.895054817199707</t>
  </si>
  <si>
    <t>518.3091430664062</t>
  </si>
  <si>
    <t>0.042287501743704325</t>
  </si>
  <si>
    <t>28112</t>
  </si>
  <si>
    <t>9.96509838104248</t>
  </si>
  <si>
    <t>537.9666137695312</t>
  </si>
  <si>
    <t>0.011232455782174355</t>
  </si>
  <si>
    <t>27649</t>
  </si>
  <si>
    <t>8.834242820739746</t>
  </si>
  <si>
    <t>669.785888671875</t>
  </si>
  <si>
    <t>-0.016606970495697482</t>
  </si>
  <si>
    <t>28206</t>
  </si>
  <si>
    <t>9.625908851623535</t>
  </si>
  <si>
    <t>600.256103515625</t>
  </si>
  <si>
    <t>0.01994516032100435</t>
  </si>
  <si>
    <t>8.800909996032715</t>
  </si>
  <si>
    <t>532.89111328125</t>
  </si>
  <si>
    <t>7.378837585449219</t>
  </si>
  <si>
    <t>490.4635009765625</t>
  </si>
  <si>
    <t>0.005170317194645335</t>
  </si>
  <si>
    <t>29172</t>
  </si>
  <si>
    <t>9.523431777954102</t>
  </si>
  <si>
    <t>594.6203002929688</t>
  </si>
  <si>
    <t>0.01634706616902548</t>
  </si>
  <si>
    <t>29756</t>
  </si>
  <si>
    <t>9.4346923828125</t>
  </si>
  <si>
    <t>657.0514526367188</t>
  </si>
  <si>
    <t>0.019821447207107212</t>
  </si>
  <si>
    <t>9.820954322814941</t>
  </si>
  <si>
    <t>528.8883666992188</t>
  </si>
  <si>
    <t>0.01808391634127915</t>
  </si>
  <si>
    <t>31141</t>
  </si>
  <si>
    <t>10.362170219421387</t>
  </si>
  <si>
    <t>552.9337768554688</t>
  </si>
  <si>
    <t>0.027410570257760725</t>
  </si>
  <si>
    <t>32807</t>
  </si>
  <si>
    <t>9.31757640838623</t>
  </si>
  <si>
    <t>620.25439453125</t>
  </si>
  <si>
    <t>0.0521166283264467</t>
  </si>
  <si>
    <t>31784</t>
  </si>
  <si>
    <t>9.653838157653809</t>
  </si>
  <si>
    <t>681.8184814453125</t>
  </si>
  <si>
    <t>-0.03167888874228275</t>
  </si>
  <si>
    <t>30109</t>
  </si>
  <si>
    <t>9.451358795166016</t>
  </si>
  <si>
    <t>435.9643859863281</t>
  </si>
  <si>
    <t>-0.05413888812779355</t>
  </si>
  <si>
    <t>9.709242820739746</t>
  </si>
  <si>
    <t>579.64013671875</t>
  </si>
  <si>
    <t>0.029904734486443374</t>
  </si>
  <si>
    <t>8.845503807067871</t>
  </si>
  <si>
    <t>538.6348876953125</t>
  </si>
  <si>
    <t>0.019661671966460403</t>
  </si>
  <si>
    <t>34592</t>
  </si>
  <si>
    <t>10.66217041015625</t>
  </si>
  <si>
    <t>557.1594848632812</t>
  </si>
  <si>
    <t>0.08923190461938901</t>
  </si>
  <si>
    <t>33387</t>
  </si>
  <si>
    <t>10.314648628234863</t>
  </si>
  <si>
    <t>771.9339599609375</t>
  </si>
  <si>
    <t>-0.03545583879740022</t>
  </si>
  <si>
    <t>33174</t>
  </si>
  <si>
    <t>9.75924301147461</t>
  </si>
  <si>
    <t>523.5719604492188</t>
  </si>
  <si>
    <t>-0.006400166075545499</t>
  </si>
  <si>
    <t>30325</t>
  </si>
  <si>
    <t>9.401359558105469</t>
  </si>
  <si>
    <t>599.542236328125</t>
  </si>
  <si>
    <t>-0.0897939817537381</t>
  </si>
  <si>
    <t>35062</t>
  </si>
  <si>
    <t>8.753837585449219</t>
  </si>
  <si>
    <t>668.96337890625</t>
  </si>
  <si>
    <t>0.14514546810156936</t>
  </si>
  <si>
    <t>34061</t>
  </si>
  <si>
    <t>10.11509895324707</t>
  </si>
  <si>
    <t>604.797607421875</t>
  </si>
  <si>
    <t>-0.02896488817511056</t>
  </si>
  <si>
    <t>35687</t>
  </si>
  <si>
    <t>9.38424301147461</t>
  </si>
  <si>
    <t>568.15869140625</t>
  </si>
  <si>
    <t>0.046633442053627405</t>
  </si>
  <si>
    <t>9.375909805297852</t>
  </si>
  <si>
    <t>561.0935668945312</t>
  </si>
  <si>
    <t>0.03839913293453634</t>
  </si>
  <si>
    <t>37395</t>
  </si>
  <si>
    <t>11.03176498413086</t>
  </si>
  <si>
    <t>604.8446655273438</t>
  </si>
  <si>
    <t>0.00835139589889522</t>
  </si>
  <si>
    <t>39668</t>
  </si>
  <si>
    <t>10.353837013244629</t>
  </si>
  <si>
    <t>490.1885986328125</t>
  </si>
  <si>
    <t>0.05900781168024771</t>
  </si>
  <si>
    <t>39713</t>
  </si>
  <si>
    <t>10.053837776184082</t>
  </si>
  <si>
    <t>481.017578125</t>
  </si>
  <si>
    <t>0.0011337726866731401</t>
  </si>
  <si>
    <t>10.526359558105469</t>
  </si>
  <si>
    <t>763.215576171875</t>
  </si>
  <si>
    <t>0.0332340411501999</t>
  </si>
  <si>
    <t>40078</t>
  </si>
  <si>
    <t>10.670504570007324</t>
  </si>
  <si>
    <t>381.3934631347656</t>
  </si>
  <si>
    <t>-0.024085075828800484</t>
  </si>
  <si>
    <t>40852</t>
  </si>
  <si>
    <t>11.178837776184082</t>
  </si>
  <si>
    <t>493.5081481933594</t>
  </si>
  <si>
    <t>0.019128224383901937</t>
  </si>
  <si>
    <t>39156</t>
  </si>
  <si>
    <t>10.748432159423828</t>
  </si>
  <si>
    <t>506.8453063964844</t>
  </si>
  <si>
    <t>-0.042402112316668905</t>
  </si>
  <si>
    <t>40352</t>
  </si>
  <si>
    <t>9.917576789855957</t>
  </si>
  <si>
    <t>566.0502319335938</t>
  </si>
  <si>
    <t>0.030087292383324638</t>
  </si>
  <si>
    <t>40760</t>
  </si>
  <si>
    <t>10.94009780883789</t>
  </si>
  <si>
    <t>467.6158447265625</t>
  </si>
  <si>
    <t>0.010060248572015595</t>
  </si>
  <si>
    <t>851</t>
  </si>
  <si>
    <t>20986</t>
  </si>
  <si>
    <t>9.27348804473877</t>
  </si>
  <si>
    <t>702.7017822265625</t>
  </si>
  <si>
    <t>248.306396484375</t>
  </si>
  <si>
    <t>Unstrut-Hainich-Kreis</t>
  </si>
  <si>
    <t>8.130457878112793</t>
  </si>
  <si>
    <t>563.0950317382812</t>
  </si>
  <si>
    <t>0.042311402289479716</t>
  </si>
  <si>
    <t>9.267645835876465</t>
  </si>
  <si>
    <t>783.6807250976562</t>
  </si>
  <si>
    <t>0.011218976255293</t>
  </si>
  <si>
    <t>21775</t>
  </si>
  <si>
    <t>8.234075546264648</t>
  </si>
  <si>
    <t>785.7764892578125</t>
  </si>
  <si>
    <t>-0.016623404541924458</t>
  </si>
  <si>
    <t>9.137188911437988</t>
  </si>
  <si>
    <t>846.4718627929688</t>
  </si>
  <si>
    <t>0.01996019800636084</t>
  </si>
  <si>
    <t>8.460439682006836</t>
  </si>
  <si>
    <t>675.6783447265625</t>
  </si>
  <si>
    <t>0.012170172582640859</t>
  </si>
  <si>
    <t>22603</t>
  </si>
  <si>
    <t>6.852609634399414</t>
  </si>
  <si>
    <t>608.9024658203125</t>
  </si>
  <si>
    <t>0.005189747503882458</t>
  </si>
  <si>
    <t>9.058453559875488</t>
  </si>
  <si>
    <t>687.1316528320312</t>
  </si>
  <si>
    <t>0.016324027410298925</t>
  </si>
  <si>
    <t>23435</t>
  </si>
  <si>
    <t>8.863672256469727</t>
  </si>
  <si>
    <t>797.04833984375</t>
  </si>
  <si>
    <t>0.019823963132919786</t>
  </si>
  <si>
    <t>23863</t>
  </si>
  <si>
    <t>9.262545585632324</t>
  </si>
  <si>
    <t>653.879638671875</t>
  </si>
  <si>
    <t>0.018098510836409787</t>
  </si>
  <si>
    <t>24526</t>
  </si>
  <si>
    <t>9.610676765441895</t>
  </si>
  <si>
    <t>687.0753784179688</t>
  </si>
  <si>
    <t>0.02740463712875396</t>
  </si>
  <si>
    <t>26176</t>
  </si>
  <si>
    <t>8.716904640197754</t>
  </si>
  <si>
    <t>740.8946533203125</t>
  </si>
  <si>
    <t>0.06510918108050312</t>
  </si>
  <si>
    <t>25290</t>
  </si>
  <si>
    <t>9.03792953491211</t>
  </si>
  <si>
    <t>945.1939086914062</t>
  </si>
  <si>
    <t>-0.034433899738463225</t>
  </si>
  <si>
    <t>24643</t>
  </si>
  <si>
    <t>8.988553047180176</t>
  </si>
  <si>
    <t>538.955078125</t>
  </si>
  <si>
    <t>-0.025916176181125294</t>
  </si>
  <si>
    <t>24920</t>
  </si>
  <si>
    <t>8.908185005187988</t>
  </si>
  <si>
    <t>705.3746337890625</t>
  </si>
  <si>
    <t>0.01117780941850377</t>
  </si>
  <si>
    <t>25372</t>
  </si>
  <si>
    <t>8.429596900939941</t>
  </si>
  <si>
    <t>674.4647827148438</t>
  </si>
  <si>
    <t>0.017975509852398375</t>
  </si>
  <si>
    <t>26414</t>
  </si>
  <si>
    <t>9.910795211791992</t>
  </si>
  <si>
    <t>675.1683349609375</t>
  </si>
  <si>
    <t>0.040247968849962845</t>
  </si>
  <si>
    <t>26474</t>
  </si>
  <si>
    <t>9.577342987060547</t>
  </si>
  <si>
    <t>939.4779052734375</t>
  </si>
  <si>
    <t>0.002268946669966354</t>
  </si>
  <si>
    <t>29416</t>
  </si>
  <si>
    <t>8.802580833435059</t>
  </si>
  <si>
    <t>634.4501342773438</t>
  </si>
  <si>
    <t>0.10537562470739203</t>
  </si>
  <si>
    <t>26530</t>
  </si>
  <si>
    <t>8.832206726074219</t>
  </si>
  <si>
    <t>773.0455322265625</t>
  </si>
  <si>
    <t>-0.10326257584932286</t>
  </si>
  <si>
    <t>28364</t>
  </si>
  <si>
    <t>8.023991584777832</t>
  </si>
  <si>
    <t>772.7283935546875</t>
  </si>
  <si>
    <t>0.06684456729210098</t>
  </si>
  <si>
    <t>29626</t>
  </si>
  <si>
    <t>9.522627830505371</t>
  </si>
  <si>
    <t>666.5519409179688</t>
  </si>
  <si>
    <t>0.043531618718111176</t>
  </si>
  <si>
    <t>29757</t>
  </si>
  <si>
    <t>8.736804008483887</t>
  </si>
  <si>
    <t>653.3455200195312</t>
  </si>
  <si>
    <t>0.004412044272106286</t>
  </si>
  <si>
    <t>30981</t>
  </si>
  <si>
    <t>8.623369216918945</t>
  </si>
  <si>
    <t>712.24267578125</t>
  </si>
  <si>
    <t>0.040309714925410134</t>
  </si>
  <si>
    <t>30928</t>
  </si>
  <si>
    <t>10.168505668640137</t>
  </si>
  <si>
    <t>684.8027954101562</t>
  </si>
  <si>
    <t>-0.0017121908914017325</t>
  </si>
  <si>
    <t>31950</t>
  </si>
  <si>
    <t>9.58419418334961</t>
  </si>
  <si>
    <t>613.0906982421875</t>
  </si>
  <si>
    <t>0.03251025835756849</t>
  </si>
  <si>
    <t>32462</t>
  </si>
  <si>
    <t>9.095492362976074</t>
  </si>
  <si>
    <t>630.5792846679688</t>
  </si>
  <si>
    <t>0.015897993659335086</t>
  </si>
  <si>
    <t>9.844395637512207</t>
  </si>
  <si>
    <t>884.0338134765625</t>
  </si>
  <si>
    <t>0.034009364235949135</t>
  </si>
  <si>
    <t>33527</t>
  </si>
  <si>
    <t>9.957444190979004</t>
  </si>
  <si>
    <t>466.1494140625</t>
  </si>
  <si>
    <t>-0.0017284543580835532</t>
  </si>
  <si>
    <t>10.305694580078125</t>
  </si>
  <si>
    <t>597.1333618164062</t>
  </si>
  <si>
    <t>0.0015497872144951685</t>
  </si>
  <si>
    <t>10.054093360900879</t>
  </si>
  <si>
    <t>638.8052978515625</t>
  </si>
  <si>
    <t>-0.03333793453234435</t>
  </si>
  <si>
    <t>33471</t>
  </si>
  <si>
    <t>9.135794639587402</t>
  </si>
  <si>
    <t>727.5526123046875</t>
  </si>
  <si>
    <t>0.030116455236257167</t>
  </si>
  <si>
    <t>33809</t>
  </si>
  <si>
    <t>10.365540504455566</t>
  </si>
  <si>
    <t>553.3587036132812</t>
  </si>
  <si>
    <t>0.01004764695502125</t>
  </si>
  <si>
    <t>852</t>
  </si>
  <si>
    <t>193.2721405029297</t>
  </si>
  <si>
    <t>UnterallgÔøΩu</t>
  </si>
  <si>
    <t>32150</t>
  </si>
  <si>
    <t>8.25833511352539</t>
  </si>
  <si>
    <t>0.042313515823966696</t>
  </si>
  <si>
    <t>32512</t>
  </si>
  <si>
    <t>0.011196801272388868</t>
  </si>
  <si>
    <t>31977</t>
  </si>
  <si>
    <t>-0.016592357580908157</t>
  </si>
  <si>
    <t>32621</t>
  </si>
  <si>
    <t>850.5999755859375</t>
  </si>
  <si>
    <t>0.019939358387111028</t>
  </si>
  <si>
    <t>33020</t>
  </si>
  <si>
    <t>846.0001220703125</t>
  </si>
  <si>
    <t>0.012157185729762432</t>
  </si>
  <si>
    <t>33192</t>
  </si>
  <si>
    <t>7.708333969116211</t>
  </si>
  <si>
    <t>0.005195444538584226</t>
  </si>
  <si>
    <t>33739</t>
  </si>
  <si>
    <t>9.349998474121094</t>
  </si>
  <si>
    <t>740.7999877929688</t>
  </si>
  <si>
    <t>0.016345555236647158</t>
  </si>
  <si>
    <t>34414</t>
  </si>
  <si>
    <t>794.0</t>
  </si>
  <si>
    <t>0.01980902006375196</t>
  </si>
  <si>
    <t>35042</t>
  </si>
  <si>
    <t>8.691668510437012</t>
  </si>
  <si>
    <t>925.4000244140625</t>
  </si>
  <si>
    <t>0.01808388373392944</t>
  </si>
  <si>
    <t>36016</t>
  </si>
  <si>
    <t>0.027415942099480617</t>
  </si>
  <si>
    <t>37797</t>
  </si>
  <si>
    <t>862.6998901367188</t>
  </si>
  <si>
    <t>0.04826645023222653</t>
  </si>
  <si>
    <t>1039.0999755859375</t>
  </si>
  <si>
    <t>0.006250762133481302</t>
  </si>
  <si>
    <t>36357</t>
  </si>
  <si>
    <t>-0.0450937388756234</t>
  </si>
  <si>
    <t>36061</t>
  </si>
  <si>
    <t>8.750000953674316</t>
  </si>
  <si>
    <t>673.4000244140625</t>
  </si>
  <si>
    <t>-0.008174808705287973</t>
  </si>
  <si>
    <t>36752</t>
  </si>
  <si>
    <t>8.141667366027832</t>
  </si>
  <si>
    <t>0.01898069699756988</t>
  </si>
  <si>
    <t>38497</t>
  </si>
  <si>
    <t>0.04638767023299195</t>
  </si>
  <si>
    <t>888.7000122070312</t>
  </si>
  <si>
    <t>0.008097629201079926</t>
  </si>
  <si>
    <t>756.5000610351562</t>
  </si>
  <si>
    <t>0.008696933945611107</t>
  </si>
  <si>
    <t>38499</t>
  </si>
  <si>
    <t>859.699951171875</t>
  </si>
  <si>
    <t>-0.016742612395992396</t>
  </si>
  <si>
    <t>40174</t>
  </si>
  <si>
    <t>8.391668319702148</t>
  </si>
  <si>
    <t>0.04258775328192321</t>
  </si>
  <si>
    <t>43912</t>
  </si>
  <si>
    <t>823.5</t>
  </si>
  <si>
    <t>0.08896761103523154</t>
  </si>
  <si>
    <t>45237</t>
  </si>
  <si>
    <t>0.029727704804180632</t>
  </si>
  <si>
    <t>45935</t>
  </si>
  <si>
    <t>856.699951171875</t>
  </si>
  <si>
    <t>0.015312017671661238</t>
  </si>
  <si>
    <t>48754</t>
  </si>
  <si>
    <t>827.9000244140625</t>
  </si>
  <si>
    <t>0.059559891636455475</t>
  </si>
  <si>
    <t>47720</t>
  </si>
  <si>
    <t>-0.021436648130169544</t>
  </si>
  <si>
    <t>50330</t>
  </si>
  <si>
    <t>830.0</t>
  </si>
  <si>
    <t>0.05325072355855376</t>
  </si>
  <si>
    <t>930.800048828125</t>
  </si>
  <si>
    <t>0.014909166281299235</t>
  </si>
  <si>
    <t>51545</t>
  </si>
  <si>
    <t>653.0999755859375</t>
  </si>
  <si>
    <t>0.008944725478778892</t>
  </si>
  <si>
    <t>51584</t>
  </si>
  <si>
    <t>0.0007563343358150121</t>
  </si>
  <si>
    <t>50022</t>
  </si>
  <si>
    <t>9.958334922790527</t>
  </si>
  <si>
    <t>813.0001831054688</t>
  </si>
  <si>
    <t>-0.03074863822763163</t>
  </si>
  <si>
    <t>51550</t>
  </si>
  <si>
    <t>0.030089301806437874</t>
  </si>
  <si>
    <t>52071</t>
  </si>
  <si>
    <t>724.2000122070312</t>
  </si>
  <si>
    <t>0.010055961443885764</t>
  </si>
  <si>
    <t>853</t>
  </si>
  <si>
    <t>135.89353942871094</t>
  </si>
  <si>
    <t>Vechta</t>
  </si>
  <si>
    <t>38526</t>
  </si>
  <si>
    <t>625.800048828125</t>
  </si>
  <si>
    <t>0.0423091091754948</t>
  </si>
  <si>
    <t>864.2999267578125</t>
  </si>
  <si>
    <t>0.011227807756096553</t>
  </si>
  <si>
    <t>891.7000732421875</t>
  </si>
  <si>
    <t>-0.01661528906731391</t>
  </si>
  <si>
    <t>39092</t>
  </si>
  <si>
    <t>935.2999267578125</t>
  </si>
  <si>
    <t>0.019971985747840648</t>
  </si>
  <si>
    <t>39570</t>
  </si>
  <si>
    <t>725.7999877929688</t>
  </si>
  <si>
    <t>0.012153412920742568</t>
  </si>
  <si>
    <t>39775</t>
  </si>
  <si>
    <t>7.8666672706604</t>
  </si>
  <si>
    <t>602.7000122070312</t>
  </si>
  <si>
    <t>0.005167318826517331</t>
  </si>
  <si>
    <t>40431</t>
  </si>
  <si>
    <t>0.016358243231282543</t>
  </si>
  <si>
    <t>41240</t>
  </si>
  <si>
    <t>0.019811841693627485</t>
  </si>
  <si>
    <t>41993</t>
  </si>
  <si>
    <t>722.1000366210938</t>
  </si>
  <si>
    <t>0.018094278577509115</t>
  </si>
  <si>
    <t>43159</t>
  </si>
  <si>
    <t>0.027388032793762562</t>
  </si>
  <si>
    <t>43808</t>
  </si>
  <si>
    <t>839.300048828125</t>
  </si>
  <si>
    <t>0.014925478586006236</t>
  </si>
  <si>
    <t>44733</t>
  </si>
  <si>
    <t>1007.4999389648438</t>
  </si>
  <si>
    <t>0.02089503517084168</t>
  </si>
  <si>
    <t>44264</t>
  </si>
  <si>
    <t>-0.010539778681071255</t>
  </si>
  <si>
    <t>44783</t>
  </si>
  <si>
    <t>825.7000122070312</t>
  </si>
  <si>
    <t>0.01165689752462562</t>
  </si>
  <si>
    <t>45173</t>
  </si>
  <si>
    <t>0.008670960103323466</t>
  </si>
  <si>
    <t>47710</t>
  </si>
  <si>
    <t>0.05464145630425854</t>
  </si>
  <si>
    <t>50001</t>
  </si>
  <si>
    <t>1032.7999267578125</t>
  </si>
  <si>
    <t>0.04690198570013315</t>
  </si>
  <si>
    <t>699.1000366210938</t>
  </si>
  <si>
    <t>0.02948054831761837</t>
  </si>
  <si>
    <t>48367</t>
  </si>
  <si>
    <t>817.2999877929688</t>
  </si>
  <si>
    <t>-0.0627057905487245</t>
  </si>
  <si>
    <t>51620</t>
  </si>
  <si>
    <t>822.0999755859375</t>
  </si>
  <si>
    <t>0.06509143129342476</t>
  </si>
  <si>
    <t>58196</t>
  </si>
  <si>
    <t>0.11990742956267475</t>
  </si>
  <si>
    <t>58774</t>
  </si>
  <si>
    <t>709.9999389648438</t>
  </si>
  <si>
    <t>0.009882956391670916</t>
  </si>
  <si>
    <t>60122</t>
  </si>
  <si>
    <t>0.02267625088636649</t>
  </si>
  <si>
    <t>58626</t>
  </si>
  <si>
    <t>762.0000610351562</t>
  </si>
  <si>
    <t>-0.025197546940917803</t>
  </si>
  <si>
    <t>59038</t>
  </si>
  <si>
    <t>735.2999877929688</t>
  </si>
  <si>
    <t>0.007003020189419118</t>
  </si>
  <si>
    <t>59701</t>
  </si>
  <si>
    <t>0.011167466297349549</t>
  </si>
  <si>
    <t>60382</t>
  </si>
  <si>
    <t>984.300048828125</t>
  </si>
  <si>
    <t>0.011342276603933499</t>
  </si>
  <si>
    <t>59916</t>
  </si>
  <si>
    <t>513.1000366210938</t>
  </si>
  <si>
    <t>-0.007747465974491163</t>
  </si>
  <si>
    <t>0.008757190868887932</t>
  </si>
  <si>
    <t>60077</t>
  </si>
  <si>
    <t>11.058331489562988</t>
  </si>
  <si>
    <t>675.4000244140625</t>
  </si>
  <si>
    <t>-0.006073699388300824</t>
  </si>
  <si>
    <t>61912</t>
  </si>
  <si>
    <t>771.7999877929688</t>
  </si>
  <si>
    <t>0.03008694918109711</t>
  </si>
  <si>
    <t>0.010060350017083053</t>
  </si>
  <si>
    <t>30185</t>
  </si>
  <si>
    <t>716.9000244140625</t>
  </si>
  <si>
    <t>525.22802734375</t>
  </si>
  <si>
    <t>Viersen</t>
  </si>
  <si>
    <t>0.04232492286454459</t>
  </si>
  <si>
    <t>31845</t>
  </si>
  <si>
    <t>0.011210348710395834</t>
  </si>
  <si>
    <t>31321</t>
  </si>
  <si>
    <t>-0.016591584730226927</t>
  </si>
  <si>
    <t>31952</t>
  </si>
  <si>
    <t>860.3999633789062</t>
  </si>
  <si>
    <t>0.0199459775803561</t>
  </si>
  <si>
    <t>32343</t>
  </si>
  <si>
    <t>0.012162837551631611</t>
  </si>
  <si>
    <t>32511</t>
  </si>
  <si>
    <t>519.9000244140625</t>
  </si>
  <si>
    <t>0.005180879383877013</t>
  </si>
  <si>
    <t>33046</t>
  </si>
  <si>
    <t>745.4000244140625</t>
  </si>
  <si>
    <t>0.016322036619831337</t>
  </si>
  <si>
    <t>33708</t>
  </si>
  <si>
    <t>0.019834667681308815</t>
  </si>
  <si>
    <t>34323</t>
  </si>
  <si>
    <t>11.266666412353516</t>
  </si>
  <si>
    <t>0.018080485476808406</t>
  </si>
  <si>
    <t>35277</t>
  </si>
  <si>
    <t>0.027415510122471787</t>
  </si>
  <si>
    <t>34870</t>
  </si>
  <si>
    <t>906.60009765625</t>
  </si>
  <si>
    <t>-0.011604332821828933</t>
  </si>
  <si>
    <t>34018</t>
  </si>
  <si>
    <t>915.0999755859375</t>
  </si>
  <si>
    <t>-0.024737064395658592</t>
  </si>
  <si>
    <t>33594</t>
  </si>
  <si>
    <t>658.5</t>
  </si>
  <si>
    <t>-0.012542316697089717</t>
  </si>
  <si>
    <t>34834</t>
  </si>
  <si>
    <t>775.2999877929688</t>
  </si>
  <si>
    <t>0.03624644171478231</t>
  </si>
  <si>
    <t>35004</t>
  </si>
  <si>
    <t>670.5000610351562</t>
  </si>
  <si>
    <t>0.0048684193639925155</t>
  </si>
  <si>
    <t>778.1000366210938</t>
  </si>
  <si>
    <t>0.0020833043593153633</t>
  </si>
  <si>
    <t>35914</t>
  </si>
  <si>
    <t>0.023581546586806112</t>
  </si>
  <si>
    <t>37673</t>
  </si>
  <si>
    <t>0.04781646588323163</t>
  </si>
  <si>
    <t>35297</t>
  </si>
  <si>
    <t>-0.06514568301088275</t>
  </si>
  <si>
    <t>35094</t>
  </si>
  <si>
    <t>-0.00576779880311129</t>
  </si>
  <si>
    <t>36708</t>
  </si>
  <si>
    <t>0.044964539267821735</t>
  </si>
  <si>
    <t>36445</t>
  </si>
  <si>
    <t>738.9000854492188</t>
  </si>
  <si>
    <t>-0.0071904401225904024</t>
  </si>
  <si>
    <t>36465</t>
  </si>
  <si>
    <t>696.3999633789062</t>
  </si>
  <si>
    <t>0.0005486216020198498</t>
  </si>
  <si>
    <t>37929</t>
  </si>
  <si>
    <t>11.966666221618652</t>
  </si>
  <si>
    <t>760.699951171875</t>
  </si>
  <si>
    <t>0.03936309456167386</t>
  </si>
  <si>
    <t>0.004288295333930492</t>
  </si>
  <si>
    <t>38193</t>
  </si>
  <si>
    <t>0.0026479664158181038</t>
  </si>
  <si>
    <t>38314</t>
  </si>
  <si>
    <t>0.003163111895291948</t>
  </si>
  <si>
    <t>589.5999755859375</t>
  </si>
  <si>
    <t>0.008213812035279489</t>
  </si>
  <si>
    <t>39267</t>
  </si>
  <si>
    <t>0.01635529479950293</t>
  </si>
  <si>
    <t>-0.01845431214203508</t>
  </si>
  <si>
    <t>830.4999389648438</t>
  </si>
  <si>
    <t>0.03007572583510587</t>
  </si>
  <si>
    <t>12.208334922790527</t>
  </si>
  <si>
    <t>641.9999389648438</t>
  </si>
  <si>
    <t>0.010068459839692068</t>
  </si>
  <si>
    <t>25322</t>
  </si>
  <si>
    <t>100.16651916503906</t>
  </si>
  <si>
    <t>Vogelsbergkreis</t>
  </si>
  <si>
    <t>573.5999755859375</t>
  </si>
  <si>
    <t>0.04229630407971108</t>
  </si>
  <si>
    <t>26714</t>
  </si>
  <si>
    <t>789.0000610351562</t>
  </si>
  <si>
    <t>0.011217885377140746</t>
  </si>
  <si>
    <t>795.9000854492188</t>
  </si>
  <si>
    <t>-0.016607915507597326</t>
  </si>
  <si>
    <t>26803</t>
  </si>
  <si>
    <t>805.0000610351562</t>
  </si>
  <si>
    <t>0.019933964503154655</t>
  </si>
  <si>
    <t>27131</t>
  </si>
  <si>
    <t>657.199951171875</t>
  </si>
  <si>
    <t>0.0121631640061306</t>
  </si>
  <si>
    <t>6.816666126251221</t>
  </si>
  <si>
    <t>591.6000366210938</t>
  </si>
  <si>
    <t>0.005183549279001554</t>
  </si>
  <si>
    <t>675.2999267578125</t>
  </si>
  <si>
    <t>0.016329713871487073</t>
  </si>
  <si>
    <t>28277</t>
  </si>
  <si>
    <t>791.6000366210938</t>
  </si>
  <si>
    <t>0.019858504657410236</t>
  </si>
  <si>
    <t>0.018083548679056705</t>
  </si>
  <si>
    <t>29593</t>
  </si>
  <si>
    <t>727.5</t>
  </si>
  <si>
    <t>0.02740554483263402</t>
  </si>
  <si>
    <t>30298</t>
  </si>
  <si>
    <t>782.9000854492188</t>
  </si>
  <si>
    <t>0.023543856859941314</t>
  </si>
  <si>
    <t>30365</t>
  </si>
  <si>
    <t>979.7000122070312</t>
  </si>
  <si>
    <t>0.0022089256134076862</t>
  </si>
  <si>
    <t>8.958334922790527</t>
  </si>
  <si>
    <t>563.2999877929688</t>
  </si>
  <si>
    <t>0.023724245178009085</t>
  </si>
  <si>
    <t>31145</t>
  </si>
  <si>
    <t>0.0016388441785597507</t>
  </si>
  <si>
    <t>31227</t>
  </si>
  <si>
    <t>0.0026293864953323975</t>
  </si>
  <si>
    <t>31350</t>
  </si>
  <si>
    <t>0.003931161877488876</t>
  </si>
  <si>
    <t>31907</t>
  </si>
  <si>
    <t>910.7999877929688</t>
  </si>
  <si>
    <t>0.017611154376046656</t>
  </si>
  <si>
    <t>32445</t>
  </si>
  <si>
    <t>678.199951171875</t>
  </si>
  <si>
    <t>0.01672092661815583</t>
  </si>
  <si>
    <t>30570</t>
  </si>
  <si>
    <t>768.8999633789062</t>
  </si>
  <si>
    <t>-0.05952721217038892</t>
  </si>
  <si>
    <t>31668</t>
  </si>
  <si>
    <t>8.066665649414062</t>
  </si>
  <si>
    <t>786.2000732421875</t>
  </si>
  <si>
    <t>0.03528757140644423</t>
  </si>
  <si>
    <t>33690</t>
  </si>
  <si>
    <t>0.06189435010927369</t>
  </si>
  <si>
    <t>660.0000610351562</t>
  </si>
  <si>
    <t>0.023961144588451333</t>
  </si>
  <si>
    <t>34800</t>
  </si>
  <si>
    <t>8.674999237060547</t>
  </si>
  <si>
    <t>703.60009765625</t>
  </si>
  <si>
    <t>0.008455184773517033</t>
  </si>
  <si>
    <t>35789</t>
  </si>
  <si>
    <t>0.028023196841576947</t>
  </si>
  <si>
    <t>0.0006424491499039675</t>
  </si>
  <si>
    <t>36400</t>
  </si>
  <si>
    <t>686.89990234375</t>
  </si>
  <si>
    <t>0.01628574187078513</t>
  </si>
  <si>
    <t>37056</t>
  </si>
  <si>
    <t>0.017861507307834756</t>
  </si>
  <si>
    <t>36781</t>
  </si>
  <si>
    <t>561.5000610351562</t>
  </si>
  <si>
    <t>-0.007448874454455634</t>
  </si>
  <si>
    <t>37083</t>
  </si>
  <si>
    <t>0.008177236077720806</t>
  </si>
  <si>
    <t>36078</t>
  </si>
  <si>
    <t>695.7999267578125</t>
  </si>
  <si>
    <t>-0.02747538228830848</t>
  </si>
  <si>
    <t>37180</t>
  </si>
  <si>
    <t>0.030087721007811652</t>
  </si>
  <si>
    <t>37556</t>
  </si>
  <si>
    <t>0.010062170103003254</t>
  </si>
  <si>
    <t>857</t>
  </si>
  <si>
    <t>22456</t>
  </si>
  <si>
    <t>147.84368896484375</t>
  </si>
  <si>
    <t>Vogtlandkreis</t>
  </si>
  <si>
    <t>23426</t>
  </si>
  <si>
    <t>6.76666784286499</t>
  </si>
  <si>
    <t>539.7999877929688</t>
  </si>
  <si>
    <t>0.0422886775881004</t>
  </si>
  <si>
    <t>23691</t>
  </si>
  <si>
    <t>710.300048828125</t>
  </si>
  <si>
    <t>0.011248712535870453</t>
  </si>
  <si>
    <t>23300</t>
  </si>
  <si>
    <t>-0.016641868611898758</t>
  </si>
  <si>
    <t>7.875</t>
  </si>
  <si>
    <t>780.2999877929688</t>
  </si>
  <si>
    <t>0.019970920800448155</t>
  </si>
  <si>
    <t>24061</t>
  </si>
  <si>
    <t>0.012167991070489492</t>
  </si>
  <si>
    <t>5.541666507720947</t>
  </si>
  <si>
    <t>598.2000122070312</t>
  </si>
  <si>
    <t>0.005181680920491871</t>
  </si>
  <si>
    <t>635.2000732421875</t>
  </si>
  <si>
    <t>0.016321871465100557</t>
  </si>
  <si>
    <t>25076</t>
  </si>
  <si>
    <t>0.01981538858353815</t>
  </si>
  <si>
    <t>25534</t>
  </si>
  <si>
    <t>0.018099683986436688</t>
  </si>
  <si>
    <t>26243</t>
  </si>
  <si>
    <t>685.8999633789062</t>
  </si>
  <si>
    <t>0.027388389410928582</t>
  </si>
  <si>
    <t>25440</t>
  </si>
  <si>
    <t>742.6000366210938</t>
  </si>
  <si>
    <t>-0.031076548337166443</t>
  </si>
  <si>
    <t>941.5999145507812</t>
  </si>
  <si>
    <t>0.028061681627045587</t>
  </si>
  <si>
    <t>510.0</t>
  </si>
  <si>
    <t>0.011363110845772795</t>
  </si>
  <si>
    <t>0.02853505086532948</t>
  </si>
  <si>
    <t>26788</t>
  </si>
  <si>
    <t>635.2000122070312</t>
  </si>
  <si>
    <t>-0.01632855576226433</t>
  </si>
  <si>
    <t>0.06054556661390187</t>
  </si>
  <si>
    <t>29265</t>
  </si>
  <si>
    <t>0.02789267008147789</t>
  </si>
  <si>
    <t>29896</t>
  </si>
  <si>
    <t>643.199951171875</t>
  </si>
  <si>
    <t>0.021332429439999245</t>
  </si>
  <si>
    <t>28729</t>
  </si>
  <si>
    <t>739.4000854492188</t>
  </si>
  <si>
    <t>-0.03981762661989485</t>
  </si>
  <si>
    <t>29660</t>
  </si>
  <si>
    <t>798.8999633789062</t>
  </si>
  <si>
    <t>0.0318922711464964</t>
  </si>
  <si>
    <t>31454</t>
  </si>
  <si>
    <t>677.2000122070312</t>
  </si>
  <si>
    <t>0.05872682435874843</t>
  </si>
  <si>
    <t>7.608333110809326</t>
  </si>
  <si>
    <t>0.011285980853537936</t>
  </si>
  <si>
    <t>31957</t>
  </si>
  <si>
    <t>0.004579107236020619</t>
  </si>
  <si>
    <t>32563</t>
  </si>
  <si>
    <t>693.800048828125</t>
  </si>
  <si>
    <t>0.01878542532397809</t>
  </si>
  <si>
    <t>32977</t>
  </si>
  <si>
    <t>576.5999755859375</t>
  </si>
  <si>
    <t>0.01263367429114659</t>
  </si>
  <si>
    <t>33231</t>
  </si>
  <si>
    <t>616.5000610351562</t>
  </si>
  <si>
    <t>0.007672826429688584</t>
  </si>
  <si>
    <t>0.021847407440359845</t>
  </si>
  <si>
    <t>34375</t>
  </si>
  <si>
    <t>520.3999633789062</t>
  </si>
  <si>
    <t>0.011998973343469999</t>
  </si>
  <si>
    <t>34838</t>
  </si>
  <si>
    <t>0.013379189068535524</t>
  </si>
  <si>
    <t>686.1000366210938</t>
  </si>
  <si>
    <t>-0.019477747530405765</t>
  </si>
  <si>
    <t>35210</t>
  </si>
  <si>
    <t>0.03009913564209654</t>
  </si>
  <si>
    <t>0.010031875018517766</t>
  </si>
  <si>
    <t>571.7000122070312</t>
  </si>
  <si>
    <t>40.78325653076172</t>
  </si>
  <si>
    <t>Vorpommern-Greifswald</t>
  </si>
  <si>
    <t>21192</t>
  </si>
  <si>
    <t>527.2000122070312</t>
  </si>
  <si>
    <t>0.04231344845245921</t>
  </si>
  <si>
    <t>21431</t>
  </si>
  <si>
    <t>555.4000244140625</t>
  </si>
  <si>
    <t>0.011214719982771015</t>
  </si>
  <si>
    <t>21078</t>
  </si>
  <si>
    <t>659.3001098632812</t>
  </si>
  <si>
    <t>-0.01660862944079433</t>
  </si>
  <si>
    <t>21503</t>
  </si>
  <si>
    <t>623.7000122070312</t>
  </si>
  <si>
    <t>0.01996261777150643</t>
  </si>
  <si>
    <t>527.7000122070312</t>
  </si>
  <si>
    <t>0.012156658990619462</t>
  </si>
  <si>
    <t>21879</t>
  </si>
  <si>
    <t>7.266666889190674</t>
  </si>
  <si>
    <t>461.79998779296875</t>
  </si>
  <si>
    <t>0.0051781533963346504</t>
  </si>
  <si>
    <t>22240</t>
  </si>
  <si>
    <t>572.1000366210938</t>
  </si>
  <si>
    <t>0.016365196712175845</t>
  </si>
  <si>
    <t>22685</t>
  </si>
  <si>
    <t>666.7000732421875</t>
  </si>
  <si>
    <t>0.019811443733546596</t>
  </si>
  <si>
    <t>0.018085413431489172</t>
  </si>
  <si>
    <t>23741</t>
  </si>
  <si>
    <t>541.6000366210938</t>
  </si>
  <si>
    <t>0.02741418474611379</t>
  </si>
  <si>
    <t>24071</t>
  </si>
  <si>
    <t>0.013804285130774474</t>
  </si>
  <si>
    <t>23979</t>
  </si>
  <si>
    <t>9.558331489562988</t>
  </si>
  <si>
    <t>694.800048828125</t>
  </si>
  <si>
    <t>-0.003829349112313807</t>
  </si>
  <si>
    <t>24014</t>
  </si>
  <si>
    <t>449.6000061035156</t>
  </si>
  <si>
    <t>0.0014585462965346352</t>
  </si>
  <si>
    <t>23993</t>
  </si>
  <si>
    <t>583.3999633789062</t>
  </si>
  <si>
    <t>-0.0008748724702414279</t>
  </si>
  <si>
    <t>24133</t>
  </si>
  <si>
    <t>548.7000122070312</t>
  </si>
  <si>
    <t>0.005818077335192129</t>
  </si>
  <si>
    <t>25234</t>
  </si>
  <si>
    <t>0.044612093032073474</t>
  </si>
  <si>
    <t>26669</t>
  </si>
  <si>
    <t>760.60009765625</t>
  </si>
  <si>
    <t>0.055309550672319574</t>
  </si>
  <si>
    <t>27545</t>
  </si>
  <si>
    <t>0.0323191887468095</t>
  </si>
  <si>
    <t>27160</t>
  </si>
  <si>
    <t>0.038710783682473604</t>
  </si>
  <si>
    <t>599.5</t>
  </si>
  <si>
    <t>0.03890460068001289</t>
  </si>
  <si>
    <t>29546</t>
  </si>
  <si>
    <t>570.8999633789062</t>
  </si>
  <si>
    <t>0.006587683846435155</t>
  </si>
  <si>
    <t>30132</t>
  </si>
  <si>
    <t>550.2000122070312</t>
  </si>
  <si>
    <t>0.01963935906403158</t>
  </si>
  <si>
    <t>580.0</t>
  </si>
  <si>
    <t>0.02620351678334032</t>
  </si>
  <si>
    <t>31206</t>
  </si>
  <si>
    <t>514.3999633789062</t>
  </si>
  <si>
    <t>0.008819137272201516</t>
  </si>
  <si>
    <t>32004</t>
  </si>
  <si>
    <t>472.3999938964844</t>
  </si>
  <si>
    <t>0.025250510968888307</t>
  </si>
  <si>
    <t>754.800048828125</t>
  </si>
  <si>
    <t>0.05457032126460959</t>
  </si>
  <si>
    <t>374.20001220703125</t>
  </si>
  <si>
    <t>-0.003734886959582795</t>
  </si>
  <si>
    <t>34938</t>
  </si>
  <si>
    <t>513.4000244140625</t>
  </si>
  <si>
    <t>0.03687873279013232</t>
  </si>
  <si>
    <t>34389</t>
  </si>
  <si>
    <t>-0.01583831628205523</t>
  </si>
  <si>
    <t>35440</t>
  </si>
  <si>
    <t>566.7000122070312</t>
  </si>
  <si>
    <t>0.03010437993589754</t>
  </si>
  <si>
    <t>35798</t>
  </si>
  <si>
    <t>474.70001220703125</t>
  </si>
  <si>
    <t>0.010050900187428269</t>
  </si>
  <si>
    <t>859</t>
  </si>
  <si>
    <t>9.850041389465332</t>
  </si>
  <si>
    <t>564.5435180664062</t>
  </si>
  <si>
    <t>291.69708251953125</t>
  </si>
  <si>
    <t>Vorpommern-RÔøΩgen</t>
  </si>
  <si>
    <t>21483</t>
  </si>
  <si>
    <t>8.815346717834473</t>
  </si>
  <si>
    <t>524.7199096679688</t>
  </si>
  <si>
    <t>0.04231071246970153</t>
  </si>
  <si>
    <t>21725</t>
  </si>
  <si>
    <t>9.449700355529785</t>
  </si>
  <si>
    <t>545.59228515625</t>
  </si>
  <si>
    <t>0.011201746458542772</t>
  </si>
  <si>
    <t>21368</t>
  </si>
  <si>
    <t>8.386077880859375</t>
  </si>
  <si>
    <t>582.2748413085938</t>
  </si>
  <si>
    <t>-0.016569195343794973</t>
  </si>
  <si>
    <t>21798</t>
  </si>
  <si>
    <t>8.927971839904785</t>
  </si>
  <si>
    <t>636.297607421875</t>
  </si>
  <si>
    <t>0.01992374665945995</t>
  </si>
  <si>
    <t>22065</t>
  </si>
  <si>
    <t>8.614006996154785</t>
  </si>
  <si>
    <t>492.1294860839844</t>
  </si>
  <si>
    <t>0.012174420254391194</t>
  </si>
  <si>
    <t>7.500938892364502</t>
  </si>
  <si>
    <t>425.9522399902344</t>
  </si>
  <si>
    <t>0.005153252521560958</t>
  </si>
  <si>
    <t>22545</t>
  </si>
  <si>
    <t>9.244637489318848</t>
  </si>
  <si>
    <t>539.09765625</t>
  </si>
  <si>
    <t>0.01636741662997565</t>
  </si>
  <si>
    <t>22996</t>
  </si>
  <si>
    <t>8.552287101745605</t>
  </si>
  <si>
    <t>653.4100341796875</t>
  </si>
  <si>
    <t>0.01980697588799707</t>
  </si>
  <si>
    <t>23416</t>
  </si>
  <si>
    <t>9.513665199279785</t>
  </si>
  <si>
    <t>614.59326171875</t>
  </si>
  <si>
    <t>0.018099261628540475</t>
  </si>
  <si>
    <t>24066</t>
  </si>
  <si>
    <t>9.814348220825195</t>
  </si>
  <si>
    <t>550.7345581054688</t>
  </si>
  <si>
    <t>0.027380506626386136</t>
  </si>
  <si>
    <t>24129</t>
  </si>
  <si>
    <t>8.936762809753418</t>
  </si>
  <si>
    <t>593.8222045898438</t>
  </si>
  <si>
    <t>0.002614380574069486</t>
  </si>
  <si>
    <t>24941</t>
  </si>
  <si>
    <t>9.340587615966797</t>
  </si>
  <si>
    <t>625.658447265625</t>
  </si>
  <si>
    <t>0.03309859908897117</t>
  </si>
  <si>
    <t>8.933944702148438</t>
  </si>
  <si>
    <t>461.22943115234375</t>
  </si>
  <si>
    <t>0.01393556554180364</t>
  </si>
  <si>
    <t>9.310955047607422</t>
  </si>
  <si>
    <t>585.1983032226562</t>
  </si>
  <si>
    <t>0.02599272153352672</t>
  </si>
  <si>
    <t>8.711639404296875</t>
  </si>
  <si>
    <t>478.9837341308594</t>
  </si>
  <si>
    <t>-0.0008864736276503749</t>
  </si>
  <si>
    <t>10.170876502990723</t>
  </si>
  <si>
    <t>596.695556640625</t>
  </si>
  <si>
    <t>0.02419027350469527</t>
  </si>
  <si>
    <t>28179</t>
  </si>
  <si>
    <t>9.750151634216309</t>
  </si>
  <si>
    <t>670.0574340820312</t>
  </si>
  <si>
    <t>0.0588318970491013</t>
  </si>
  <si>
    <t>9.664902687072754</t>
  </si>
  <si>
    <t>513.2788696289062</t>
  </si>
  <si>
    <t>0.05790928225154701</t>
  </si>
  <si>
    <t>8.77706241607666</t>
  </si>
  <si>
    <t>548.0404052734375</t>
  </si>
  <si>
    <t>-0.019308426114100996</t>
  </si>
  <si>
    <t>29770</t>
  </si>
  <si>
    <t>7.945206165313721</t>
  </si>
  <si>
    <t>631.0885009765625</t>
  </si>
  <si>
    <t>0.016323299209750175</t>
  </si>
  <si>
    <t>9.636734008789062</t>
  </si>
  <si>
    <t>622.8330078125</t>
  </si>
  <si>
    <t>0.06069970445677164</t>
  </si>
  <si>
    <t>8.676165580749512</t>
  </si>
  <si>
    <t>548.7957153320312</t>
  </si>
  <si>
    <t>-0.028636141374006385</t>
  </si>
  <si>
    <t>30709</t>
  </si>
  <si>
    <t>9.178292274475098</t>
  </si>
  <si>
    <t>541.1025390625</t>
  </si>
  <si>
    <t>-0.001008966871060224</t>
  </si>
  <si>
    <t>31303</t>
  </si>
  <si>
    <t>10.691813468933105</t>
  </si>
  <si>
    <t>639.5072631835938</t>
  </si>
  <si>
    <t>0.019158168359089345</t>
  </si>
  <si>
    <t>31471</t>
  </si>
  <si>
    <t>9.615914344787598</t>
  </si>
  <si>
    <t>538.1055297851562</t>
  </si>
  <si>
    <t>0.005352547267865049</t>
  </si>
  <si>
    <t>31614</t>
  </si>
  <si>
    <t>9.783251762390137</t>
  </si>
  <si>
    <t>483.0993957519531</t>
  </si>
  <si>
    <t>0.0045335735888585305</t>
  </si>
  <si>
    <t>9.737658500671387</t>
  </si>
  <si>
    <t>748.3352661132812</t>
  </si>
  <si>
    <t>0.05420705626521105</t>
  </si>
  <si>
    <t>33406</t>
  </si>
  <si>
    <t>10.018965721130371</t>
  </si>
  <si>
    <t>389.4991455078125</t>
  </si>
  <si>
    <t>0.0009284078473417168</t>
  </si>
  <si>
    <t>35107</t>
  </si>
  <si>
    <t>10.570088386535645</t>
  </si>
  <si>
    <t>560.039306640625</t>
  </si>
  <si>
    <t>0.049665016219936575</t>
  </si>
  <si>
    <t>10.204085350036621</t>
  </si>
  <si>
    <t>530.333984375</t>
  </si>
  <si>
    <t>-0.04595998030955606</t>
  </si>
  <si>
    <t>34554</t>
  </si>
  <si>
    <t>9.63044261932373</t>
  </si>
  <si>
    <t>585.3238525390625</t>
  </si>
  <si>
    <t>0.030082757274454863</t>
  </si>
  <si>
    <t>34904</t>
  </si>
  <si>
    <t>10.265812873840332</t>
  </si>
  <si>
    <t>483.5235900878906</t>
  </si>
  <si>
    <t>0.010078118068717501</t>
  </si>
  <si>
    <t>860</t>
  </si>
  <si>
    <t>829.2000732421875</t>
  </si>
  <si>
    <t>69.12332153320312</t>
  </si>
  <si>
    <t>Vulkaneifel</t>
  </si>
  <si>
    <t>616.2999877929688</t>
  </si>
  <si>
    <t>0.042294987833559006</t>
  </si>
  <si>
    <t>30403</t>
  </si>
  <si>
    <t>896.7000122070312</t>
  </si>
  <si>
    <t>0.011246108009434153</t>
  </si>
  <si>
    <t>29902</t>
  </si>
  <si>
    <t>8.508333206176758</t>
  </si>
  <si>
    <t>917.9000244140625</t>
  </si>
  <si>
    <t>-0.016615919961999737</t>
  </si>
  <si>
    <t>30504</t>
  </si>
  <si>
    <t>886.9000244140625</t>
  </si>
  <si>
    <t>0.01993245476352712</t>
  </si>
  <si>
    <t>30878</t>
  </si>
  <si>
    <t>730.89990234375</t>
  </si>
  <si>
    <t>0.012186133664473076</t>
  </si>
  <si>
    <t>31038</t>
  </si>
  <si>
    <t>637.5</t>
  </si>
  <si>
    <t>0.005168304029696813</t>
  </si>
  <si>
    <t>31549</t>
  </si>
  <si>
    <t>835.800048828125</t>
  </si>
  <si>
    <t>0.01632963251439179</t>
  </si>
  <si>
    <t>32181</t>
  </si>
  <si>
    <t>0.01983432351957859</t>
  </si>
  <si>
    <t>32769</t>
  </si>
  <si>
    <t>858.7999877929688</t>
  </si>
  <si>
    <t>0.018106730246113756</t>
  </si>
  <si>
    <t>33679</t>
  </si>
  <si>
    <t>0.027391551192415875</t>
  </si>
  <si>
    <t>33766</t>
  </si>
  <si>
    <t>982.6000366210938</t>
  </si>
  <si>
    <t>0.0025798813330695225</t>
  </si>
  <si>
    <t>33926</t>
  </si>
  <si>
    <t>1055.800048828125</t>
  </si>
  <si>
    <t>0.004727303018528417</t>
  </si>
  <si>
    <t>695.0999755859375</t>
  </si>
  <si>
    <t>-0.007812077369555581</t>
  </si>
  <si>
    <t>723.8999633789062</t>
  </si>
  <si>
    <t>0.009579070407939483</t>
  </si>
  <si>
    <t>717.60009765625</t>
  </si>
  <si>
    <t>0.037254170914019724</t>
  </si>
  <si>
    <t>34425</t>
  </si>
  <si>
    <t>874.5000610351562</t>
  </si>
  <si>
    <t>-0.024419801411214692</t>
  </si>
  <si>
    <t>928.4000244140625</t>
  </si>
  <si>
    <t>0.014534385108269987</t>
  </si>
  <si>
    <t>36654</t>
  </si>
  <si>
    <t>0.04820513317269537</t>
  </si>
  <si>
    <t>34992</t>
  </si>
  <si>
    <t>823.2999877929688</t>
  </si>
  <si>
    <t>-0.046403098961272704</t>
  </si>
  <si>
    <t>36974</t>
  </si>
  <si>
    <t>8.3916654586792</t>
  </si>
  <si>
    <t>929.4999389648438</t>
  </si>
  <si>
    <t>0.05509549899584165</t>
  </si>
  <si>
    <t>39091</t>
  </si>
  <si>
    <t>771.0</t>
  </si>
  <si>
    <t>0.05567729853767567</t>
  </si>
  <si>
    <t>866.9000854492188</t>
  </si>
  <si>
    <t>-0.0046666751358301894</t>
  </si>
  <si>
    <t>39606</t>
  </si>
  <si>
    <t>856.7000122070312</t>
  </si>
  <si>
    <t>0.017755035602590397</t>
  </si>
  <si>
    <t>40779</t>
  </si>
  <si>
    <t>893.2000122070312</t>
  </si>
  <si>
    <t>0.029186621086530806</t>
  </si>
  <si>
    <t>41737</t>
  </si>
  <si>
    <t>0.0232207825421753</t>
  </si>
  <si>
    <t>42453</t>
  </si>
  <si>
    <t>815.3001098632812</t>
  </si>
  <si>
    <t>0.017009556074947696</t>
  </si>
  <si>
    <t>43613</t>
  </si>
  <si>
    <t>903.300048828125</t>
  </si>
  <si>
    <t>0.026957689411869268</t>
  </si>
  <si>
    <t>44709</t>
  </si>
  <si>
    <t>10.149998664855957</t>
  </si>
  <si>
    <t>0.02481955258455315</t>
  </si>
  <si>
    <t>44379</t>
  </si>
  <si>
    <t>-0.0074084390565580804</t>
  </si>
  <si>
    <t>41199</t>
  </si>
  <si>
    <t>817.10009765625</t>
  </si>
  <si>
    <t>-0.07435240036195268</t>
  </si>
  <si>
    <t>42458</t>
  </si>
  <si>
    <t>881.2000122070312</t>
  </si>
  <si>
    <t>0.030101367793555767</t>
  </si>
  <si>
    <t>42887</t>
  </si>
  <si>
    <t>733.5999755859375</t>
  </si>
  <si>
    <t>0.010053397698170485</t>
  </si>
  <si>
    <t>30398</t>
  </si>
  <si>
    <t>10.675002098083496</t>
  </si>
  <si>
    <t>764.5</t>
  </si>
  <si>
    <t>559.514892578125</t>
  </si>
  <si>
    <t>Warendorf</t>
  </si>
  <si>
    <t>31712</t>
  </si>
  <si>
    <t>0.042318341373308144</t>
  </si>
  <si>
    <t>32070</t>
  </si>
  <si>
    <t>873.7999877929688</t>
  </si>
  <si>
    <t>0.011225855557485787</t>
  </si>
  <si>
    <t>31542</t>
  </si>
  <si>
    <t>854.10009765625</t>
  </si>
  <si>
    <t>-0.01660102263969776</t>
  </si>
  <si>
    <t>10.900001525878906</t>
  </si>
  <si>
    <t>874.800048828125</t>
  </si>
  <si>
    <t>0.019931920547128</t>
  </si>
  <si>
    <t>32571</t>
  </si>
  <si>
    <t>0.012170410305330392</t>
  </si>
  <si>
    <t>32740</t>
  </si>
  <si>
    <t>587.8999633789062</t>
  </si>
  <si>
    <t>0.005175250025164502</t>
  </si>
  <si>
    <t>33279</t>
  </si>
  <si>
    <t>0.01632899548164346</t>
  </si>
  <si>
    <t>33946</t>
  </si>
  <si>
    <t>10.375001907348633</t>
  </si>
  <si>
    <t>0.019844459314706242</t>
  </si>
  <si>
    <t>34565</t>
  </si>
  <si>
    <t>0.018070582657889744</t>
  </si>
  <si>
    <t>35525</t>
  </si>
  <si>
    <t>0.027395064585935103</t>
  </si>
  <si>
    <t>34573</t>
  </si>
  <si>
    <t>814.7000732421875</t>
  </si>
  <si>
    <t>-0.027163643369362944</t>
  </si>
  <si>
    <t>34680</t>
  </si>
  <si>
    <t>0.0030901212985412485</t>
  </si>
  <si>
    <t>35011</t>
  </si>
  <si>
    <t>0.009499145913947515</t>
  </si>
  <si>
    <t>35229</t>
  </si>
  <si>
    <t>852.60009765625</t>
  </si>
  <si>
    <t>0.0062073092247647566</t>
  </si>
  <si>
    <t>35208</t>
  </si>
  <si>
    <t>722.0000610351562</t>
  </si>
  <si>
    <t>-0.000596277542264545</t>
  </si>
  <si>
    <t>36344</t>
  </si>
  <si>
    <t>768.7000732421875</t>
  </si>
  <si>
    <t>0.031755798948312375</t>
  </si>
  <si>
    <t>38733</t>
  </si>
  <si>
    <t>965.5999755859375</t>
  </si>
  <si>
    <t>0.06366282140358948</t>
  </si>
  <si>
    <t>725.6998901367188</t>
  </si>
  <si>
    <t>-0.0018088795050630324</t>
  </si>
  <si>
    <t>37546</t>
  </si>
  <si>
    <t>783.3001098632812</t>
  </si>
  <si>
    <t>-0.029316222453457996</t>
  </si>
  <si>
    <t>38016</t>
  </si>
  <si>
    <t>0.012440275838009995</t>
  </si>
  <si>
    <t>40631</t>
  </si>
  <si>
    <t>737.5</t>
  </si>
  <si>
    <t>0.06652419831197776</t>
  </si>
  <si>
    <t>41225</t>
  </si>
  <si>
    <t>656.4000244140625</t>
  </si>
  <si>
    <t>0.014513546393503773</t>
  </si>
  <si>
    <t>0.0071544549003572655</t>
  </si>
  <si>
    <t>41582</t>
  </si>
  <si>
    <t>763.7000732421875</t>
  </si>
  <si>
    <t>0.0014680579751775724</t>
  </si>
  <si>
    <t>41133</t>
  </si>
  <si>
    <t>-0.010856662278568407</t>
  </si>
  <si>
    <t>0.016540062668136457</t>
  </si>
  <si>
    <t>888.9000244140625</t>
  </si>
  <si>
    <t>0.021246185756202962</t>
  </si>
  <si>
    <t>41886</t>
  </si>
  <si>
    <t>507.5</t>
  </si>
  <si>
    <t>-0.019645325250648327</t>
  </si>
  <si>
    <t>43022</t>
  </si>
  <si>
    <t>0.026759970547287182</t>
  </si>
  <si>
    <t>42509</t>
  </si>
  <si>
    <t>11.641667366027832</t>
  </si>
  <si>
    <t>649.300048828125</t>
  </si>
  <si>
    <t>-0.011995794546333371</t>
  </si>
  <si>
    <t>833.4000244140625</t>
  </si>
  <si>
    <t>0.030100630888764357</t>
  </si>
  <si>
    <t>11.95000171661377</t>
  </si>
  <si>
    <t>0.010061520962606707</t>
  </si>
  <si>
    <t>869</t>
  </si>
  <si>
    <t>163.78500366210938</t>
  </si>
  <si>
    <t>Werra-MeiÔøΩner-Kreis</t>
  </si>
  <si>
    <t>27965</t>
  </si>
  <si>
    <t>8.274999618530273</t>
  </si>
  <si>
    <t>612.9000244140625</t>
  </si>
  <si>
    <t>0.0423279852172449</t>
  </si>
  <si>
    <t>28280</t>
  </si>
  <si>
    <t>841.10009765625</t>
  </si>
  <si>
    <t>0.011201112754822162</t>
  </si>
  <si>
    <t>27814</t>
  </si>
  <si>
    <t>854.0</t>
  </si>
  <si>
    <t>-0.016615349971953464</t>
  </si>
  <si>
    <t>28375</t>
  </si>
  <si>
    <t>0.019968984745148077</t>
  </si>
  <si>
    <t>28722</t>
  </si>
  <si>
    <t>0.012154903836860242</t>
  </si>
  <si>
    <t>6.916666030883789</t>
  </si>
  <si>
    <t>626.7999877929688</t>
  </si>
  <si>
    <t>0.005174251469092894</t>
  </si>
  <si>
    <t>29347</t>
  </si>
  <si>
    <t>736.7000122070312</t>
  </si>
  <si>
    <t>0.016352695291544705</t>
  </si>
  <si>
    <t>832.60009765625</t>
  </si>
  <si>
    <t>0.019804631707890152</t>
  </si>
  <si>
    <t>0.018108580572256727</t>
  </si>
  <si>
    <t>0.027376806832558387</t>
  </si>
  <si>
    <t>31766</t>
  </si>
  <si>
    <t>0.013916189901193476</t>
  </si>
  <si>
    <t>31160</t>
  </si>
  <si>
    <t>999.8001098632812</t>
  </si>
  <si>
    <t>-0.01926131441041612</t>
  </si>
  <si>
    <t>583.2000732421875</t>
  </si>
  <si>
    <t>0.04262780849917469</t>
  </si>
  <si>
    <t>31722</t>
  </si>
  <si>
    <t>-0.02475258302035499</t>
  </si>
  <si>
    <t>31703</t>
  </si>
  <si>
    <t>732.9000854492188</t>
  </si>
  <si>
    <t>-0.0005991328519776573</t>
  </si>
  <si>
    <t>32226</t>
  </si>
  <si>
    <t>0.01636226652198758</t>
  </si>
  <si>
    <t>32903</t>
  </si>
  <si>
    <t>1003.6000366210938</t>
  </si>
  <si>
    <t>0.020790258873146783</t>
  </si>
  <si>
    <t>32847</t>
  </si>
  <si>
    <t>-0.0017034224651268914</t>
  </si>
  <si>
    <t>-0.054363250171624244</t>
  </si>
  <si>
    <t>822.4000854492188</t>
  </si>
  <si>
    <t>0.0046821969960024745</t>
  </si>
  <si>
    <t>33310</t>
  </si>
  <si>
    <t>0.06367828882181215</t>
  </si>
  <si>
    <t>693.7999877929688</t>
  </si>
  <si>
    <t>0.0020393481156233406</t>
  </si>
  <si>
    <t>33423</t>
  </si>
  <si>
    <t>768.2000732421875</t>
  </si>
  <si>
    <t>0.0013472854240781373</t>
  </si>
  <si>
    <t>-0.0045581390581030945</t>
  </si>
  <si>
    <t>33634</t>
  </si>
  <si>
    <t>9.625001907348633</t>
  </si>
  <si>
    <t>684.4999389648438</t>
  </si>
  <si>
    <t>0.01085131341337231</t>
  </si>
  <si>
    <t>33477</t>
  </si>
  <si>
    <t>689.1000366210938</t>
  </si>
  <si>
    <t>-0.004678824228884437</t>
  </si>
  <si>
    <t>33904</t>
  </si>
  <si>
    <t>935.1000366210938</t>
  </si>
  <si>
    <t>0.012674365654270048</t>
  </si>
  <si>
    <t>527.9999389648438</t>
  </si>
  <si>
    <t>-0.005530840321704034</t>
  </si>
  <si>
    <t>33902</t>
  </si>
  <si>
    <t>661.699951171875</t>
  </si>
  <si>
    <t>0.005471848492055287</t>
  </si>
  <si>
    <t>33183</t>
  </si>
  <si>
    <t>-0.021436313108068816</t>
  </si>
  <si>
    <t>34197</t>
  </si>
  <si>
    <t>782.2999877929688</t>
  </si>
  <si>
    <t>0.030100224334525194</t>
  </si>
  <si>
    <t>34542</t>
  </si>
  <si>
    <t>0.010038053998975727</t>
  </si>
  <si>
    <t>871</t>
  </si>
  <si>
    <t>34392</t>
  </si>
  <si>
    <t>781.1998901367188</t>
  </si>
  <si>
    <t>222.9675750732422</t>
  </si>
  <si>
    <t>Wesermarsch</t>
  </si>
  <si>
    <t>35878</t>
  </si>
  <si>
    <t>628.4000244140625</t>
  </si>
  <si>
    <t>0.04230031508291887</t>
  </si>
  <si>
    <t>36283</t>
  </si>
  <si>
    <t>855.4000244140625</t>
  </si>
  <si>
    <t>0.01122501773882334</t>
  </si>
  <si>
    <t>35686</t>
  </si>
  <si>
    <t>-0.016590857006486104</t>
  </si>
  <si>
    <t>954.1998901367188</t>
  </si>
  <si>
    <t>0.01994767283743748</t>
  </si>
  <si>
    <t>36850</t>
  </si>
  <si>
    <t>0.012149490788671002</t>
  </si>
  <si>
    <t>37041</t>
  </si>
  <si>
    <t>7.875001430511475</t>
  </si>
  <si>
    <t>0.0051697886183710295</t>
  </si>
  <si>
    <t>37652</t>
  </si>
  <si>
    <t>756.3999633789062</t>
  </si>
  <si>
    <t>0.016360666431257442</t>
  </si>
  <si>
    <t>956.5999145507812</t>
  </si>
  <si>
    <t>0.019827623702948216</t>
  </si>
  <si>
    <t>39107</t>
  </si>
  <si>
    <t>739.5</t>
  </si>
  <si>
    <t>0.018087781712766926</t>
  </si>
  <si>
    <t>40193</t>
  </si>
  <si>
    <t>774.5999755859375</t>
  </si>
  <si>
    <t>0.02739137200877728</t>
  </si>
  <si>
    <t>42920</t>
  </si>
  <si>
    <t>9.874999046325684</t>
  </si>
  <si>
    <t>845.3999633789062</t>
  </si>
  <si>
    <t>0.06564506665303149</t>
  </si>
  <si>
    <t>38287</t>
  </si>
  <si>
    <t>987.9000244140625</t>
  </si>
  <si>
    <t>-0.11422750478126709</t>
  </si>
  <si>
    <t>627.2000122070312</t>
  </si>
  <si>
    <t>-0.049608008372592494</t>
  </si>
  <si>
    <t>37918</t>
  </si>
  <si>
    <t>0.03992352877120808</t>
  </si>
  <si>
    <t>41542</t>
  </si>
  <si>
    <t>760.1000366210938</t>
  </si>
  <si>
    <t>0.09127903027407136</t>
  </si>
  <si>
    <t>40951</t>
  </si>
  <si>
    <t>771.5999755859375</t>
  </si>
  <si>
    <t>-0.014328733628582668</t>
  </si>
  <si>
    <t>41202</t>
  </si>
  <si>
    <t>997.2000732421875</t>
  </si>
  <si>
    <t>0.0061105688412599335</t>
  </si>
  <si>
    <t>48516</t>
  </si>
  <si>
    <t>0.1634068415800396</t>
  </si>
  <si>
    <t>44450</t>
  </si>
  <si>
    <t>-0.08752867848671997</t>
  </si>
  <si>
    <t>52932</t>
  </si>
  <si>
    <t>814.7000122070312</t>
  </si>
  <si>
    <t>0.17464310895088886</t>
  </si>
  <si>
    <t>46112</t>
  </si>
  <si>
    <t>749.699951171875</t>
  </si>
  <si>
    <t>-0.13793485109369108</t>
  </si>
  <si>
    <t>46918</t>
  </si>
  <si>
    <t>691.699951171875</t>
  </si>
  <si>
    <t>0.017328177313709503</t>
  </si>
  <si>
    <t>40894</t>
  </si>
  <si>
    <t>734.0999145507812</t>
  </si>
  <si>
    <t>-0.13741804410995861</t>
  </si>
  <si>
    <t>40765</t>
  </si>
  <si>
    <t>765.199951171875</t>
  </si>
  <si>
    <t>-0.0031594829059891083</t>
  </si>
  <si>
    <t>42974</t>
  </si>
  <si>
    <t>0.05277141154066278</t>
  </si>
  <si>
    <t>47295</t>
  </si>
  <si>
    <t>692.4000244140625</t>
  </si>
  <si>
    <t>0.09580930000959675</t>
  </si>
  <si>
    <t>48271</t>
  </si>
  <si>
    <t>979.199951171875</t>
  </si>
  <si>
    <t>0.020426384594005143</t>
  </si>
  <si>
    <t>507.4000549316406</t>
  </si>
  <si>
    <t>-0.10597989678005781</t>
  </si>
  <si>
    <t>44057</t>
  </si>
  <si>
    <t>719.10009765625</t>
  </si>
  <si>
    <t>0.014633180607370733</t>
  </si>
  <si>
    <t>46336</t>
  </si>
  <si>
    <t>647.0</t>
  </si>
  <si>
    <t>0.05043494667680015</t>
  </si>
  <si>
    <t>0.030101754103096567</t>
  </si>
  <si>
    <t>48234</t>
  </si>
  <si>
    <t>661.800048828125</t>
  </si>
  <si>
    <t>0.010043215707531417</t>
  </si>
  <si>
    <t>873</t>
  </si>
  <si>
    <t>27172</t>
  </si>
  <si>
    <t>648.0000610351562</t>
  </si>
  <si>
    <t>864.37158203125</t>
  </si>
  <si>
    <t>Wetteraukreis</t>
  </si>
  <si>
    <t>28346</t>
  </si>
  <si>
    <t>465.3000183105469</t>
  </si>
  <si>
    <t>0.04229889541565868</t>
  </si>
  <si>
    <t>28666</t>
  </si>
  <si>
    <t>688.0999755859375</t>
  </si>
  <si>
    <t>0.011225824756310843</t>
  </si>
  <si>
    <t>28194</t>
  </si>
  <si>
    <t>-0.016602562152289835</t>
  </si>
  <si>
    <t>672.2000732421875</t>
  </si>
  <si>
    <t>0.01994588211545434</t>
  </si>
  <si>
    <t>0.012164086678280839</t>
  </si>
  <si>
    <t>514.9000244140625</t>
  </si>
  <si>
    <t>0.005173104600714851</t>
  </si>
  <si>
    <t>661.60009765625</t>
  </si>
  <si>
    <t>0.01633602382759136</t>
  </si>
  <si>
    <t>30343</t>
  </si>
  <si>
    <t>706.7000732421875</t>
  </si>
  <si>
    <t>0.019837561828540018</t>
  </si>
  <si>
    <t>669.2999877929688</t>
  </si>
  <si>
    <t>0.01809324341245855</t>
  </si>
  <si>
    <t>31755</t>
  </si>
  <si>
    <t>0.0273911014431647</t>
  </si>
  <si>
    <t>33073</t>
  </si>
  <si>
    <t>0.040667046285880915</t>
  </si>
  <si>
    <t>33224</t>
  </si>
  <si>
    <t>796.300048828125</t>
  </si>
  <si>
    <t>0.004555266787631851</t>
  </si>
  <si>
    <t>34307</t>
  </si>
  <si>
    <t>514.8999633789062</t>
  </si>
  <si>
    <t>0.03207690865427182</t>
  </si>
  <si>
    <t>34742</t>
  </si>
  <si>
    <t>560.8999633789062</t>
  </si>
  <si>
    <t>0.01259991469700772</t>
  </si>
  <si>
    <t>35234</t>
  </si>
  <si>
    <t>550.3999633789062</t>
  </si>
  <si>
    <t>0.014062195825216506</t>
  </si>
  <si>
    <t>35728</t>
  </si>
  <si>
    <t>698.6000366210938</t>
  </si>
  <si>
    <t>0.013923169592853668</t>
  </si>
  <si>
    <t>725.199951171875</t>
  </si>
  <si>
    <t>0.028230741075189414</t>
  </si>
  <si>
    <t>37234</t>
  </si>
  <si>
    <t>9.908334732055664</t>
  </si>
  <si>
    <t>0.013056886176714855</t>
  </si>
  <si>
    <t>34149</t>
  </si>
  <si>
    <t>636.2000122070312</t>
  </si>
  <si>
    <t>-0.08648901933851683</t>
  </si>
  <si>
    <t>35644</t>
  </si>
  <si>
    <t>0.04284752673928516</t>
  </si>
  <si>
    <t>604.5999755859375</t>
  </si>
  <si>
    <t>0.06166047769417915</t>
  </si>
  <si>
    <t>37763</t>
  </si>
  <si>
    <t>641.7999877929688</t>
  </si>
  <si>
    <t>-0.0039115201707282665</t>
  </si>
  <si>
    <t>37602</t>
  </si>
  <si>
    <t>655.5999755859375</t>
  </si>
  <si>
    <t>-0.004272546803331778</t>
  </si>
  <si>
    <t>38627</t>
  </si>
  <si>
    <t>701.0999755859375</t>
  </si>
  <si>
    <t>0.026894273342056962</t>
  </si>
  <si>
    <t>38096</t>
  </si>
  <si>
    <t>560.1000366210938</t>
  </si>
  <si>
    <t>-0.013842224068143949</t>
  </si>
  <si>
    <t>10.408332824707031</t>
  </si>
  <si>
    <t>651.5999755859375</t>
  </si>
  <si>
    <t>0.022426189029827626</t>
  </si>
  <si>
    <t>0.028666276709170546</t>
  </si>
  <si>
    <t>39893</t>
  </si>
  <si>
    <t>511.60003662109375</t>
  </si>
  <si>
    <t>-0.005000885575329406</t>
  </si>
  <si>
    <t>40121</t>
  </si>
  <si>
    <t>585.9999389648438</t>
  </si>
  <si>
    <t>0.005699018099258879</t>
  </si>
  <si>
    <t>38851</t>
  </si>
  <si>
    <t>-0.03216607149930617</t>
  </si>
  <si>
    <t>40038</t>
  </si>
  <si>
    <t>689.9000244140625</t>
  </si>
  <si>
    <t>0.030095186641396765</t>
  </si>
  <si>
    <t>40442</t>
  </si>
  <si>
    <t>0.010039845764014288</t>
  </si>
  <si>
    <t>876</t>
  </si>
  <si>
    <t>19574</t>
  </si>
  <si>
    <t>88.44229888916016</t>
  </si>
  <si>
    <t>Wittenberg</t>
  </si>
  <si>
    <t>20420</t>
  </si>
  <si>
    <t>0.04231265773289117</t>
  </si>
  <si>
    <t>20650</t>
  </si>
  <si>
    <t>551.7999877929688</t>
  </si>
  <si>
    <t>0.01120050667052297</t>
  </si>
  <si>
    <t>665.7000122070312</t>
  </si>
  <si>
    <t>-0.016601943814748665</t>
  </si>
  <si>
    <t>20719</t>
  </si>
  <si>
    <t>649.4000244140625</t>
  </si>
  <si>
    <t>0.019937778086053015</t>
  </si>
  <si>
    <t>542.1000366210938</t>
  </si>
  <si>
    <t>0.012184742519611547</t>
  </si>
  <si>
    <t>21082</t>
  </si>
  <si>
    <t>488.1000061035156</t>
  </si>
  <si>
    <t>0.005183699635040284</t>
  </si>
  <si>
    <t>21429</t>
  </si>
  <si>
    <t>0.016325549007946805</t>
  </si>
  <si>
    <t>21858</t>
  </si>
  <si>
    <t>628.5</t>
  </si>
  <si>
    <t>0.019821842413536572</t>
  </si>
  <si>
    <t>519.3999633789062</t>
  </si>
  <si>
    <t>0.018089578621017566</t>
  </si>
  <si>
    <t>22875</t>
  </si>
  <si>
    <t>549.4000244140625</t>
  </si>
  <si>
    <t>0.027388045286086182</t>
  </si>
  <si>
    <t>22233</t>
  </si>
  <si>
    <t>609.699951171875</t>
  </si>
  <si>
    <t>-0.02846693952425383</t>
  </si>
  <si>
    <t>23646</t>
  </si>
  <si>
    <t>726.5</t>
  </si>
  <si>
    <t>0.061616295803590404</t>
  </si>
  <si>
    <t>23833</t>
  </si>
  <si>
    <t>434.0000305175781</t>
  </si>
  <si>
    <t>0.007877207479140225</t>
  </si>
  <si>
    <t>24848</t>
  </si>
  <si>
    <t>578.0000610351562</t>
  </si>
  <si>
    <t>0.041706091486268804</t>
  </si>
  <si>
    <t>24815</t>
  </si>
  <si>
    <t>532.5999755859375</t>
  </si>
  <si>
    <t>-0.0013289573669261756</t>
  </si>
  <si>
    <t>25579</t>
  </si>
  <si>
    <t>0.030323393305700108</t>
  </si>
  <si>
    <t>26552</t>
  </si>
  <si>
    <t>744.3999633789062</t>
  </si>
  <si>
    <t>0.037333372072568594</t>
  </si>
  <si>
    <t>27998</t>
  </si>
  <si>
    <t>526.2999877929688</t>
  </si>
  <si>
    <t>0.05302800463496027</t>
  </si>
  <si>
    <t>26236</t>
  </si>
  <si>
    <t>-0.06500056562114409</t>
  </si>
  <si>
    <t>29088</t>
  </si>
  <si>
    <t>663.0000610351562</t>
  </si>
  <si>
    <t>0.1031932045635795</t>
  </si>
  <si>
    <t>558.800048828125</t>
  </si>
  <si>
    <t>0.0678462664584476</t>
  </si>
  <si>
    <t>567.300048828125</t>
  </si>
  <si>
    <t>0.03186714616604469</t>
  </si>
  <si>
    <t>32199</t>
  </si>
  <si>
    <t>569.7999877929688</t>
  </si>
  <si>
    <t>0.0018962655479359825</t>
  </si>
  <si>
    <t>33779</t>
  </si>
  <si>
    <t>589.5</t>
  </si>
  <si>
    <t>0.04790391145839834</t>
  </si>
  <si>
    <t>34199</t>
  </si>
  <si>
    <t>499.39996337890625</t>
  </si>
  <si>
    <t>0.012357096249091981</t>
  </si>
  <si>
    <t>33950</t>
  </si>
  <si>
    <t>483.3999938964844</t>
  </si>
  <si>
    <t>-0.007307549870281704</t>
  </si>
  <si>
    <t>33640</t>
  </si>
  <si>
    <t>738.4000244140625</t>
  </si>
  <si>
    <t>-0.009173018899957697</t>
  </si>
  <si>
    <t>33615</t>
  </si>
  <si>
    <t>373.1999816894531</t>
  </si>
  <si>
    <t>-0.0007434391837470855</t>
  </si>
  <si>
    <t>34191</t>
  </si>
  <si>
    <t>471.8000183105469</t>
  </si>
  <si>
    <t>0.016990055620707878</t>
  </si>
  <si>
    <t>11.108332633972168</t>
  </si>
  <si>
    <t>492.7000427246094</t>
  </si>
  <si>
    <t>0.0217270925105435</t>
  </si>
  <si>
    <t>36009</t>
  </si>
  <si>
    <t>0.030079363159064343</t>
  </si>
  <si>
    <t>36373</t>
  </si>
  <si>
    <t>442.4000244140625</t>
  </si>
  <si>
    <t>0.010057833950860129</t>
  </si>
  <si>
    <t>877</t>
  </si>
  <si>
    <t>22870</t>
  </si>
  <si>
    <t>125.68016052246094</t>
  </si>
  <si>
    <t>Wittmund</t>
  </si>
  <si>
    <t>0.042335496608417955</t>
  </si>
  <si>
    <t>24128</t>
  </si>
  <si>
    <t>874.699951171875</t>
  </si>
  <si>
    <t>0.011211487182437807</t>
  </si>
  <si>
    <t>23731</t>
  </si>
  <si>
    <t>941.7999877929688</t>
  </si>
  <si>
    <t>-0.016590781515665398</t>
  </si>
  <si>
    <t>969.10009765625</t>
  </si>
  <si>
    <t>0.01994225454123466</t>
  </si>
  <si>
    <t>24505</t>
  </si>
  <si>
    <t>717.3999633789062</t>
  </si>
  <si>
    <t>0.01215271351039604</t>
  </si>
  <si>
    <t>596.8999633789062</t>
  </si>
  <si>
    <t>0.005169232260687551</t>
  </si>
  <si>
    <t>25038</t>
  </si>
  <si>
    <t>776.5001220703125</t>
  </si>
  <si>
    <t>0.016348260215272248</t>
  </si>
  <si>
    <t>25539</t>
  </si>
  <si>
    <t>1044.599853515625</t>
  </si>
  <si>
    <t>0.019812024732559053</t>
  </si>
  <si>
    <t>26006</t>
  </si>
  <si>
    <t>780.4999389648438</t>
  </si>
  <si>
    <t>0.01812058505909775</t>
  </si>
  <si>
    <t>26728</t>
  </si>
  <si>
    <t>796.0000610351562</t>
  </si>
  <si>
    <t>0.027384424425326515</t>
  </si>
  <si>
    <t>27288</t>
  </si>
  <si>
    <t>942.8999633789062</t>
  </si>
  <si>
    <t>0.02073534006188993</t>
  </si>
  <si>
    <t>26297</t>
  </si>
  <si>
    <t>962.5</t>
  </si>
  <si>
    <t>-0.03699218087998979</t>
  </si>
  <si>
    <t>26808</t>
  </si>
  <si>
    <t>669.3999633789062</t>
  </si>
  <si>
    <t>0.019245486198654405</t>
  </si>
  <si>
    <t>27346</t>
  </si>
  <si>
    <t>868.3999633789062</t>
  </si>
  <si>
    <t>0.019869915451881326</t>
  </si>
  <si>
    <t>27021</t>
  </si>
  <si>
    <t>-0.011955924417174302</t>
  </si>
  <si>
    <t>28396</t>
  </si>
  <si>
    <t>802.2000732421875</t>
  </si>
  <si>
    <t>0.04963394870742377</t>
  </si>
  <si>
    <t>1003.7000732421875</t>
  </si>
  <si>
    <t>0.01825052836897534</t>
  </si>
  <si>
    <t>28312</t>
  </si>
  <si>
    <t>-0.021213075502952705</t>
  </si>
  <si>
    <t>-0.03234135035856944</t>
  </si>
  <si>
    <t>28505</t>
  </si>
  <si>
    <t>836.5</t>
  </si>
  <si>
    <t>0.039135117798952734</t>
  </si>
  <si>
    <t>30951</t>
  </si>
  <si>
    <t>811.9000244140625</t>
  </si>
  <si>
    <t>0.08232579830280251</t>
  </si>
  <si>
    <t>33393</t>
  </si>
  <si>
    <t>0.07594098839284946</t>
  </si>
  <si>
    <t>33094</t>
  </si>
  <si>
    <t>-0.008994300109545605</t>
  </si>
  <si>
    <t>32815</t>
  </si>
  <si>
    <t>-0.008466269143966088</t>
  </si>
  <si>
    <t>807.1000366210938</t>
  </si>
  <si>
    <t>0.008949623633467851</t>
  </si>
  <si>
    <t>701.3999633789062</t>
  </si>
  <si>
    <t>0.01703914616277835</t>
  </si>
  <si>
    <t>10.641666412353516</t>
  </si>
  <si>
    <t>1005.0999755859375</t>
  </si>
  <si>
    <t>0.04081368069965663</t>
  </si>
  <si>
    <t>34748</t>
  </si>
  <si>
    <t>541.8999633789062</t>
  </si>
  <si>
    <t>-0.009566162023915581</t>
  </si>
  <si>
    <t>764.4000854492188</t>
  </si>
  <si>
    <t>0.0670032491276018</t>
  </si>
  <si>
    <t>34547</t>
  </si>
  <si>
    <t>-0.07280454976177175</t>
  </si>
  <si>
    <t>35602</t>
  </si>
  <si>
    <t>0.030081100291738494</t>
  </si>
  <si>
    <t>35962</t>
  </si>
  <si>
    <t>711.5999755859375</t>
  </si>
  <si>
    <t>0.010061009354204842</t>
  </si>
  <si>
    <t>882</t>
  </si>
  <si>
    <t>40214</t>
  </si>
  <si>
    <t>821.5999755859375</t>
  </si>
  <si>
    <t>1255.4871826171875</t>
  </si>
  <si>
    <t>Wuppertal, Kreisfreie Stadt</t>
  </si>
  <si>
    <t>41952</t>
  </si>
  <si>
    <t>676.0000610351562</t>
  </si>
  <si>
    <t>0.042310913877834366</t>
  </si>
  <si>
    <t>988.60009765625</t>
  </si>
  <si>
    <t>0.011211703539000695</t>
  </si>
  <si>
    <t>41726</t>
  </si>
  <si>
    <t>934.2000122070312</t>
  </si>
  <si>
    <t>-0.016613375412607212</t>
  </si>
  <si>
    <t>42567</t>
  </si>
  <si>
    <t>1005.2999877929688</t>
  </si>
  <si>
    <t>0.019954869485603766</t>
  </si>
  <si>
    <t>43088</t>
  </si>
  <si>
    <t>780.5999755859375</t>
  </si>
  <si>
    <t>0.012165230875956112</t>
  </si>
  <si>
    <t>43312</t>
  </si>
  <si>
    <t>0.005185196802703018</t>
  </si>
  <si>
    <t>44025</t>
  </si>
  <si>
    <t>832.199951171875</t>
  </si>
  <si>
    <t>0.016327921510324472</t>
  </si>
  <si>
    <t>44907</t>
  </si>
  <si>
    <t>10.04999828338623</t>
  </si>
  <si>
    <t>1140.7000732421875</t>
  </si>
  <si>
    <t>0.019836030218938205</t>
  </si>
  <si>
    <t>45727</t>
  </si>
  <si>
    <t>0.018095248467663083</t>
  </si>
  <si>
    <t>950.300048828125</t>
  </si>
  <si>
    <t>0.027394836816746704</t>
  </si>
  <si>
    <t>44649</t>
  </si>
  <si>
    <t>-0.051251859230486474</t>
  </si>
  <si>
    <t>1055.5999755859375</t>
  </si>
  <si>
    <t>-0.009813047168536926</t>
  </si>
  <si>
    <t>43039</t>
  </si>
  <si>
    <t>727.0000610351562</t>
  </si>
  <si>
    <t>-0.026912182103727034</t>
  </si>
  <si>
    <t>896.5999755859375</t>
  </si>
  <si>
    <t>0.02817797644556208</t>
  </si>
  <si>
    <t>44689</t>
  </si>
  <si>
    <t>791.8999633789062</t>
  </si>
  <si>
    <t>0.009442728496022568</t>
  </si>
  <si>
    <t>45143</t>
  </si>
  <si>
    <t>0.01010784275910126</t>
  </si>
  <si>
    <t>45994</t>
  </si>
  <si>
    <t>1064.39990234375</t>
  </si>
  <si>
    <t>0.018675724115576386</t>
  </si>
  <si>
    <t>46624</t>
  </si>
  <si>
    <t>0.013604476813664945</t>
  </si>
  <si>
    <t>45220</t>
  </si>
  <si>
    <t>856.5000610351562</t>
  </si>
  <si>
    <t>-0.03057596316297051</t>
  </si>
  <si>
    <t>45620</t>
  </si>
  <si>
    <t>0.00880675000641773</t>
  </si>
  <si>
    <t>10.791665077209473</t>
  </si>
  <si>
    <t>0.05355946645877552</t>
  </si>
  <si>
    <t>47494</t>
  </si>
  <si>
    <t>-0.01330229604240607</t>
  </si>
  <si>
    <t>47502</t>
  </si>
  <si>
    <t>775.9000244140625</t>
  </si>
  <si>
    <t>0.00016842814473960743</t>
  </si>
  <si>
    <t>49403</t>
  </si>
  <si>
    <t>0.03923933567755</t>
  </si>
  <si>
    <t>49526</t>
  </si>
  <si>
    <t>0.0024866331081732085</t>
  </si>
  <si>
    <t>50991</t>
  </si>
  <si>
    <t>0.029151362360250843</t>
  </si>
  <si>
    <t>50472</t>
  </si>
  <si>
    <t>1004.8001098632812</t>
  </si>
  <si>
    <t>-0.010230419494815735</t>
  </si>
  <si>
    <t>49559</t>
  </si>
  <si>
    <t>644.2000122070312</t>
  </si>
  <si>
    <t>-0.01825484807368838</t>
  </si>
  <si>
    <t>49835</t>
  </si>
  <si>
    <t>824.4000244140625</t>
  </si>
  <si>
    <t>0.00555366942459834</t>
  </si>
  <si>
    <t>11.24166488647461</t>
  </si>
  <si>
    <t>831.0000610351562</t>
  </si>
  <si>
    <t>-0.08517609106208646</t>
  </si>
  <si>
    <t>47164</t>
  </si>
  <si>
    <t>10.366665840148926</t>
  </si>
  <si>
    <t>0.03008943235709438</t>
  </si>
  <si>
    <t>47641</t>
  </si>
  <si>
    <t>0.010062845316433311</t>
  </si>
  <si>
    <t>884</t>
  </si>
  <si>
    <t>195.53196716308594</t>
  </si>
  <si>
    <t>WÔøΩrzburg, Landkreis</t>
  </si>
  <si>
    <t>25622</t>
  </si>
  <si>
    <t>0.04229153837182231</t>
  </si>
  <si>
    <t>731.4000854492188</t>
  </si>
  <si>
    <t>0.011216231532015897</t>
  </si>
  <si>
    <t>-0.016616784712017107</t>
  </si>
  <si>
    <t>25998</t>
  </si>
  <si>
    <t>0.019968807731586935</t>
  </si>
  <si>
    <t>26316</t>
  </si>
  <si>
    <t>0.012157507237922971</t>
  </si>
  <si>
    <t>26452</t>
  </si>
  <si>
    <t>0.005154650588664822</t>
  </si>
  <si>
    <t>26888</t>
  </si>
  <si>
    <t>0.01634832061038871</t>
  </si>
  <si>
    <t>27427</t>
  </si>
  <si>
    <t>698.7999877929688</t>
  </si>
  <si>
    <t>0.019847839241766252</t>
  </si>
  <si>
    <t>27927</t>
  </si>
  <si>
    <t>0.01806603313789168</t>
  </si>
  <si>
    <t>28703</t>
  </si>
  <si>
    <t>10.166666030883789</t>
  </si>
  <si>
    <t>0.0274076841169979</t>
  </si>
  <si>
    <t>30685</t>
  </si>
  <si>
    <t>0.06677228892159981</t>
  </si>
  <si>
    <t>31824</t>
  </si>
  <si>
    <t>9.600001335144043</t>
  </si>
  <si>
    <t>938.6000366210938</t>
  </si>
  <si>
    <t>0.036446786270555975</t>
  </si>
  <si>
    <t>32166</t>
  </si>
  <si>
    <t>543.800048828125</t>
  </si>
  <si>
    <t>0.010689271961838998</t>
  </si>
  <si>
    <t>32399</t>
  </si>
  <si>
    <t>621.5000610351562</t>
  </si>
  <si>
    <t>0.007217564050987946</t>
  </si>
  <si>
    <t>33345</t>
  </si>
  <si>
    <t>0.02878027795982696</t>
  </si>
  <si>
    <t>34570</t>
  </si>
  <si>
    <t>772.800048828125</t>
  </si>
  <si>
    <t>0.03607841784926258</t>
  </si>
  <si>
    <t>36407</t>
  </si>
  <si>
    <t>10.041665077209473</t>
  </si>
  <si>
    <t>0.051774809912716435</t>
  </si>
  <si>
    <t>-0.022359247791007064</t>
  </si>
  <si>
    <t>32883</t>
  </si>
  <si>
    <t>-0.07944600915354627</t>
  </si>
  <si>
    <t>710.7999877929688</t>
  </si>
  <si>
    <t>0.022046337200949395</t>
  </si>
  <si>
    <t>35231</t>
  </si>
  <si>
    <t>634.0000610351562</t>
  </si>
  <si>
    <t>0.04692423274689084</t>
  </si>
  <si>
    <t>35699</t>
  </si>
  <si>
    <t>669.5</t>
  </si>
  <si>
    <t>0.013196300339254563</t>
  </si>
  <si>
    <t>34915</t>
  </si>
  <si>
    <t>705.2000122070312</t>
  </si>
  <si>
    <t>-0.022206140890791204</t>
  </si>
  <si>
    <t>35853</t>
  </si>
  <si>
    <t>654.7999877929688</t>
  </si>
  <si>
    <t>0.026510709254853992</t>
  </si>
  <si>
    <t>37505</t>
  </si>
  <si>
    <t>544.1000366210938</t>
  </si>
  <si>
    <t>0.04504701186874627</t>
  </si>
  <si>
    <t>38559</t>
  </si>
  <si>
    <t>0.027715278374504493</t>
  </si>
  <si>
    <t>39223</t>
  </si>
  <si>
    <t>736.5999755859375</t>
  </si>
  <si>
    <t>0.017073773632690248</t>
  </si>
  <si>
    <t>38724</t>
  </si>
  <si>
    <t>-0.0128037465709685</t>
  </si>
  <si>
    <t>38859</t>
  </si>
  <si>
    <t>0.003480147358402519</t>
  </si>
  <si>
    <t>36618</t>
  </si>
  <si>
    <t>-0.059399787425816086</t>
  </si>
  <si>
    <t>37737</t>
  </si>
  <si>
    <t>695.7999877929688</t>
  </si>
  <si>
    <t>0.03010112273443255</t>
  </si>
  <si>
    <t>38118</t>
  </si>
  <si>
    <t>603.2999877929688</t>
  </si>
  <si>
    <t>0.010045565987606864</t>
  </si>
  <si>
    <t>887</t>
  </si>
  <si>
    <t>24771</t>
  </si>
  <si>
    <t>564.4000244140625</t>
  </si>
  <si>
    <t>295.8439025878906</t>
  </si>
  <si>
    <t>Zwickau</t>
  </si>
  <si>
    <t>25841</t>
  </si>
  <si>
    <t>7.774999618530273</t>
  </si>
  <si>
    <t>488.9000244140625</t>
  </si>
  <si>
    <t>0.042288763752589276</t>
  </si>
  <si>
    <t>26133</t>
  </si>
  <si>
    <t>0.011236505648874129</t>
  </si>
  <si>
    <t>25702</t>
  </si>
  <si>
    <t>-0.016630073619914754</t>
  </si>
  <si>
    <t>26220</t>
  </si>
  <si>
    <t>683.8999633789062</t>
  </si>
  <si>
    <t>0.01995366845060431</t>
  </si>
  <si>
    <t>26541</t>
  </si>
  <si>
    <t>0.012168228833804307</t>
  </si>
  <si>
    <t>26679</t>
  </si>
  <si>
    <t>545.6000366210938</t>
  </si>
  <si>
    <t>0.005186031916254663</t>
  </si>
  <si>
    <t>27118</t>
  </si>
  <si>
    <t>596.0999145507812</t>
  </si>
  <si>
    <t>0.01632097495450502</t>
  </si>
  <si>
    <t>0.019825764832928527</t>
  </si>
  <si>
    <t>28166</t>
  </si>
  <si>
    <t>0.0180920979028123</t>
  </si>
  <si>
    <t>28949</t>
  </si>
  <si>
    <t>0.027420084332209882</t>
  </si>
  <si>
    <t>670.5</t>
  </si>
  <si>
    <t>0.04190883331455275</t>
  </si>
  <si>
    <t>840.7999877929688</t>
  </si>
  <si>
    <t>-0.009652905895299213</t>
  </si>
  <si>
    <t>30092</t>
  </si>
  <si>
    <t>471.6999816894531</t>
  </si>
  <si>
    <t>0.006467767170653005</t>
  </si>
  <si>
    <t>640.6000366210938</t>
  </si>
  <si>
    <t>0.022963083788329897</t>
  </si>
  <si>
    <t>30243</t>
  </si>
  <si>
    <t>-0.017957686746390422</t>
  </si>
  <si>
    <t>31263</t>
  </si>
  <si>
    <t>0.03317053693848493</t>
  </si>
  <si>
    <t>750.2999877929688</t>
  </si>
  <si>
    <t>0.05827554684965541</t>
  </si>
  <si>
    <t>33113</t>
  </si>
  <si>
    <t>574.199951171875</t>
  </si>
  <si>
    <t>-0.0007848820061209238</t>
  </si>
  <si>
    <t>32008</t>
  </si>
  <si>
    <t>-0.033940082966999796</t>
  </si>
  <si>
    <t>33752</t>
  </si>
  <si>
    <t>0.05305380326710285</t>
  </si>
  <si>
    <t>36240</t>
  </si>
  <si>
    <t>0.07112380635274107</t>
  </si>
  <si>
    <t>36519</t>
  </si>
  <si>
    <t>8.591667175292969</t>
  </si>
  <si>
    <t>597.1000366210938</t>
  </si>
  <si>
    <t>0.007669191920790297</t>
  </si>
  <si>
    <t>36466</t>
  </si>
  <si>
    <t>645.2999267578125</t>
  </si>
  <si>
    <t>-0.0014523534785553238</t>
  </si>
  <si>
    <t>38957</t>
  </si>
  <si>
    <t>0.06607815413912199</t>
  </si>
  <si>
    <t>0.030363199590425438</t>
  </si>
  <si>
    <t>40770</t>
  </si>
  <si>
    <t>8.941665649414062</t>
  </si>
  <si>
    <t>0.015124843484601413</t>
  </si>
  <si>
    <t>42071</t>
  </si>
  <si>
    <t>731.300048828125</t>
  </si>
  <si>
    <t>0.03141215039606493</t>
  </si>
  <si>
    <t>458.6999816894531</t>
  </si>
  <si>
    <t>-0.010849929590097673</t>
  </si>
  <si>
    <t>42398</t>
  </si>
  <si>
    <t>513.300048828125</t>
  </si>
  <si>
    <t>0.01859245367693063</t>
  </si>
  <si>
    <t>39567</t>
  </si>
  <si>
    <t>615.5000610351562</t>
  </si>
  <si>
    <t>-0.0691057538022033</t>
  </si>
  <si>
    <t>40775</t>
  </si>
  <si>
    <t>0.030073710995219827</t>
  </si>
  <si>
    <t>41187</t>
  </si>
  <si>
    <t>510.90008544921875</t>
  </si>
  <si>
    <t>0.010053524076500508</t>
  </si>
  <si>
    <t>888</t>
  </si>
  <si>
    <t>DNK</t>
  </si>
  <si>
    <t>28098</t>
  </si>
  <si>
    <t>79.74994659423828</t>
  </si>
  <si>
    <t>Bornholm</t>
  </si>
  <si>
    <t>Denmark</t>
  </si>
  <si>
    <t>28416</t>
  </si>
  <si>
    <t>527.5</t>
  </si>
  <si>
    <t>0.011253967380300267</t>
  </si>
  <si>
    <t>28876</t>
  </si>
  <si>
    <t>616.9000244140625</t>
  </si>
  <si>
    <t>0.016058433467154742</t>
  </si>
  <si>
    <t>28783</t>
  </si>
  <si>
    <t>600.7999877929688</t>
  </si>
  <si>
    <t>-0.003225865195306099</t>
  </si>
  <si>
    <t>0.048586650328548586</t>
  </si>
  <si>
    <t>30969</t>
  </si>
  <si>
    <t>497.7999572753906</t>
  </si>
  <si>
    <t>0.02461511874140676</t>
  </si>
  <si>
    <t>31679</t>
  </si>
  <si>
    <t>6.666666030883789</t>
  </si>
  <si>
    <t>454.5999755859375</t>
  </si>
  <si>
    <t>0.022667296639889756</t>
  </si>
  <si>
    <t>32568</t>
  </si>
  <si>
    <t>529.4000244140625</t>
  </si>
  <si>
    <t>0.027676210409225632</t>
  </si>
  <si>
    <t>33162</t>
  </si>
  <si>
    <t>7.816666126251221</t>
  </si>
  <si>
    <t>721.2000732421875</t>
  </si>
  <si>
    <t>0.018074430878503023</t>
  </si>
  <si>
    <t>34019</t>
  </si>
  <si>
    <t>0.025514549982668555</t>
  </si>
  <si>
    <t>35167</t>
  </si>
  <si>
    <t>593.0</t>
  </si>
  <si>
    <t>0.03318895081422468</t>
  </si>
  <si>
    <t>35572</t>
  </si>
  <si>
    <t>0.011450668661318275</t>
  </si>
  <si>
    <t>0.007449971440831149</t>
  </si>
  <si>
    <t>35370</t>
  </si>
  <si>
    <t>498.6999816894531</t>
  </si>
  <si>
    <t>-0.013144779760834169</t>
  </si>
  <si>
    <t>35135</t>
  </si>
  <si>
    <t>609.5</t>
  </si>
  <si>
    <t>-0.0066662185732297985</t>
  </si>
  <si>
    <t>36360</t>
  </si>
  <si>
    <t>7.983333110809326</t>
  </si>
  <si>
    <t>494.5000305175781</t>
  </si>
  <si>
    <t>0.03427148466511731</t>
  </si>
  <si>
    <t>38237</t>
  </si>
  <si>
    <t>0.05033436391356716</t>
  </si>
  <si>
    <t>38732</t>
  </si>
  <si>
    <t>651.7000122070312</t>
  </si>
  <si>
    <t>0.012862498526439836</t>
  </si>
  <si>
    <t>610.2999877929688</t>
  </si>
  <si>
    <t>-0.0442358497987545</t>
  </si>
  <si>
    <t>574.7000122070312</t>
  </si>
  <si>
    <t>-0.040506081199294997</t>
  </si>
  <si>
    <t>35628</t>
  </si>
  <si>
    <t>7.099999904632568</t>
  </si>
  <si>
    <t>677.3999633789062</t>
  </si>
  <si>
    <t>0.0012076448183879762</t>
  </si>
  <si>
    <t>673.199951171875</t>
  </si>
  <si>
    <t>0.02939964780908433</t>
  </si>
  <si>
    <t>37235</t>
  </si>
  <si>
    <t>0.014717685783901757</t>
  </si>
  <si>
    <t>-0.003982675267824476</t>
  </si>
  <si>
    <t>38794</t>
  </si>
  <si>
    <t>0.044999091601315655</t>
  </si>
  <si>
    <t>38884</t>
  </si>
  <si>
    <t>572.800048828125</t>
  </si>
  <si>
    <t>0.002317259462722987</t>
  </si>
  <si>
    <t>38819</t>
  </si>
  <si>
    <t>518.5000610351562</t>
  </si>
  <si>
    <t>-0.0016730374673201709</t>
  </si>
  <si>
    <t>39185</t>
  </si>
  <si>
    <t>791.9999389648438</t>
  </si>
  <si>
    <t>0.00938420301332421</t>
  </si>
  <si>
    <t>39799</t>
  </si>
  <si>
    <t>442.5</t>
  </si>
  <si>
    <t>0.0155477658417702</t>
  </si>
  <si>
    <t>40438</t>
  </si>
  <si>
    <t>615.0</t>
  </si>
  <si>
    <t>0.015928150598512048</t>
  </si>
  <si>
    <t>39100</t>
  </si>
  <si>
    <t>574.1000366210938</t>
  </si>
  <si>
    <t>-0.033647469953789866</t>
  </si>
  <si>
    <t>41571</t>
  </si>
  <si>
    <t>626.2000732421875</t>
  </si>
  <si>
    <t>0.06128034179336872</t>
  </si>
  <si>
    <t>528.6000366210938</t>
  </si>
  <si>
    <t>0.01849477155157153</t>
  </si>
  <si>
    <t>891</t>
  </si>
  <si>
    <t>9.0648832321167</t>
  </si>
  <si>
    <t>717.4425659179688</t>
  </si>
  <si>
    <t>764.579833984375</t>
  </si>
  <si>
    <t>East Jutland</t>
  </si>
  <si>
    <t>36768</t>
  </si>
  <si>
    <t>8.062740325927734</t>
  </si>
  <si>
    <t>590.381103515625</t>
  </si>
  <si>
    <t>0.01124114401188514</t>
  </si>
  <si>
    <t>8.702170372009277</t>
  </si>
  <si>
    <t>685.6280517578125</t>
  </si>
  <si>
    <t>0.016079772344257393</t>
  </si>
  <si>
    <t>37243</t>
  </si>
  <si>
    <t>7.544632434844971</t>
  </si>
  <si>
    <t>691.7359619140625</t>
  </si>
  <si>
    <t>-0.003243666307195525</t>
  </si>
  <si>
    <t>39097</t>
  </si>
  <si>
    <t>8.228780746459961</t>
  </si>
  <si>
    <t>759.3189086914062</t>
  </si>
  <si>
    <t>0.048581730001584944</t>
  </si>
  <si>
    <t>40071</t>
  </si>
  <si>
    <t>7.8575215339660645</t>
  </si>
  <si>
    <t>531.7575073242188</t>
  </si>
  <si>
    <t>0.02460714295808586</t>
  </si>
  <si>
    <t>40991</t>
  </si>
  <si>
    <t>6.719232559204102</t>
  </si>
  <si>
    <t>476.0056457519531</t>
  </si>
  <si>
    <t>0.022699649749778672</t>
  </si>
  <si>
    <t>42141</t>
  </si>
  <si>
    <t>8.543807983398438</t>
  </si>
  <si>
    <t>625.8020629882812</t>
  </si>
  <si>
    <t>0.02766860810402605</t>
  </si>
  <si>
    <t>42910</t>
  </si>
  <si>
    <t>7.895267486572266</t>
  </si>
  <si>
    <t>802.3318481445312</t>
  </si>
  <si>
    <t>0.018083760486550915</t>
  </si>
  <si>
    <t>44018</t>
  </si>
  <si>
    <t>8.74561882019043</t>
  </si>
  <si>
    <t>752.7041015625</t>
  </si>
  <si>
    <t>0.025493742169047096</t>
  </si>
  <si>
    <t>45504</t>
  </si>
  <si>
    <t>9.026252746582031</t>
  </si>
  <si>
    <t>684.938720703125</t>
  </si>
  <si>
    <t>0.03320159300829495</t>
  </si>
  <si>
    <t>45934</t>
  </si>
  <si>
    <t>8.098958969116211</t>
  </si>
  <si>
    <t>711.0091552734375</t>
  </si>
  <si>
    <t>0.009405349413446729</t>
  </si>
  <si>
    <t>46440</t>
  </si>
  <si>
    <t>8.589215278625488</t>
  </si>
  <si>
    <t>748.3735961914062</t>
  </si>
  <si>
    <t>0.010955573235468918</t>
  </si>
  <si>
    <t>45828</t>
  </si>
  <si>
    <t>8.278553009033203</t>
  </si>
  <si>
    <t>608.4417114257812</t>
  </si>
  <si>
    <t>-0.013265898798312747</t>
  </si>
  <si>
    <t>8.722298622131348</t>
  </si>
  <si>
    <t>664.9248657226562</t>
  </si>
  <si>
    <t>0.011067100783803241</t>
  </si>
  <si>
    <t>46839</t>
  </si>
  <si>
    <t>8.084307670593262</t>
  </si>
  <si>
    <t>568.2499389648438</t>
  </si>
  <si>
    <t>0.010753830412310705</t>
  </si>
  <si>
    <t>49491</t>
  </si>
  <si>
    <t>9.526707649230957</t>
  </si>
  <si>
    <t>783.5638427734375</t>
  </si>
  <si>
    <t>0.05507464563440401</t>
  </si>
  <si>
    <t>49428</t>
  </si>
  <si>
    <t>9.081292152404785</t>
  </si>
  <si>
    <t>757.9378662109375</t>
  </si>
  <si>
    <t>-0.001273769619952958</t>
  </si>
  <si>
    <t>49069</t>
  </si>
  <si>
    <t>8.958300590515137</t>
  </si>
  <si>
    <t>642.3070678710938</t>
  </si>
  <si>
    <t>-0.007289594398123711</t>
  </si>
  <si>
    <t>47118</t>
  </si>
  <si>
    <t>8.186186790466309</t>
  </si>
  <si>
    <t>649.1752319335938</t>
  </si>
  <si>
    <t>-0.04057237722302709</t>
  </si>
  <si>
    <t>45922</t>
  </si>
  <si>
    <t>7.1514973640441895</t>
  </si>
  <si>
    <t>690.9666137695312</t>
  </si>
  <si>
    <t>-0.02571078855096154</t>
  </si>
  <si>
    <t>9.03520679473877</t>
  </si>
  <si>
    <t>751.8587646484375</t>
  </si>
  <si>
    <t>0.020454842246314442</t>
  </si>
  <si>
    <t>46212</t>
  </si>
  <si>
    <t>8.037957191467285</t>
  </si>
  <si>
    <t>665.8397827148438</t>
  </si>
  <si>
    <t>-0.01415964269537362</t>
  </si>
  <si>
    <t>8.475088119506836</t>
  </si>
  <si>
    <t>612.2339477539062</t>
  </si>
  <si>
    <t>-0.012060666493351135</t>
  </si>
  <si>
    <t>45682</t>
  </si>
  <si>
    <t>10.090142250061035</t>
  </si>
  <si>
    <t>794.7755737304688</t>
  </si>
  <si>
    <t>0.0005255090990203826</t>
  </si>
  <si>
    <t>45801</t>
  </si>
  <si>
    <t>8.794203758239746</t>
  </si>
  <si>
    <t>746.0872192382812</t>
  </si>
  <si>
    <t>0.0026015777164740683</t>
  </si>
  <si>
    <t>48521</t>
  </si>
  <si>
    <t>8.992218971252441</t>
  </si>
  <si>
    <t>613.4537353515625</t>
  </si>
  <si>
    <t>0.05769076897825798</t>
  </si>
  <si>
    <t>49269</t>
  </si>
  <si>
    <t>8.828091621398926</t>
  </si>
  <si>
    <t>922.0510864257812</t>
  </si>
  <si>
    <t>0.01529838610236034</t>
  </si>
  <si>
    <t>49972</t>
  </si>
  <si>
    <t>9.18930721282959</t>
  </si>
  <si>
    <t>518.8600463867188</t>
  </si>
  <si>
    <t>0.01416776854604862</t>
  </si>
  <si>
    <t>9.680495262145996</t>
  </si>
  <si>
    <t>811.7642211914062</t>
  </si>
  <si>
    <t>0.023299643828053718</t>
  </si>
  <si>
    <t>50345</t>
  </si>
  <si>
    <t>9.452335357666016</t>
  </si>
  <si>
    <t>661.9542236328125</t>
  </si>
  <si>
    <t>-0.01586318303005818</t>
  </si>
  <si>
    <t>53527</t>
  </si>
  <si>
    <t>8.895251274108887</t>
  </si>
  <si>
    <t>657.0657348632812</t>
  </si>
  <si>
    <t>0.06128689012704136</t>
  </si>
  <si>
    <t>54526</t>
  </si>
  <si>
    <t>9.420108795166016</t>
  </si>
  <si>
    <t>680.0928344726562</t>
  </si>
  <si>
    <t>0.018491452635805317</t>
  </si>
  <si>
    <t>32822</t>
  </si>
  <si>
    <t>9.601178169250488</t>
  </si>
  <si>
    <t>656.1797485351562</t>
  </si>
  <si>
    <t>372.65301513671875</t>
  </si>
  <si>
    <t>Fyn</t>
  </si>
  <si>
    <t>8.614563941955566</t>
  </si>
  <si>
    <t>601.0462036132812</t>
  </si>
  <si>
    <t>0.011239988060923523</t>
  </si>
  <si>
    <t>9.202064514160156</t>
  </si>
  <si>
    <t>632.2919311523438</t>
  </si>
  <si>
    <t>0.016078285514069535</t>
  </si>
  <si>
    <t>33623</t>
  </si>
  <si>
    <t>8.071065902709961</t>
  </si>
  <si>
    <t>647.0801391601562</t>
  </si>
  <si>
    <t>-0.0032069392333085034</t>
  </si>
  <si>
    <t>35296</t>
  </si>
  <si>
    <t>8.706013679504395</t>
  </si>
  <si>
    <t>725.0772094726562</t>
  </si>
  <si>
    <t>0.04855928647197061</t>
  </si>
  <si>
    <t>36176</t>
  </si>
  <si>
    <t>8.375786781311035</t>
  </si>
  <si>
    <t>487.14544677734375</t>
  </si>
  <si>
    <t>0.024626272464521648</t>
  </si>
  <si>
    <t>7.254065990447998</t>
  </si>
  <si>
    <t>447.5470275878906</t>
  </si>
  <si>
    <t>0.022657123113816624</t>
  </si>
  <si>
    <t>38044</t>
  </si>
  <si>
    <t>9.003397941589355</t>
  </si>
  <si>
    <t>582.0153198242188</t>
  </si>
  <si>
    <t>0.02769034597070963</t>
  </si>
  <si>
    <t>38738</t>
  </si>
  <si>
    <t>8.375175476074219</t>
  </si>
  <si>
    <t>766.4407958984375</t>
  </si>
  <si>
    <t>0.01807764579990767</t>
  </si>
  <si>
    <t>39738</t>
  </si>
  <si>
    <t>9.249175071716309</t>
  </si>
  <si>
    <t>698.0045166015625</t>
  </si>
  <si>
    <t>0.025486878310850614</t>
  </si>
  <si>
    <t>41080</t>
  </si>
  <si>
    <t>9.598402976989746</t>
  </si>
  <si>
    <t>605.4935302734375</t>
  </si>
  <si>
    <t>0.03321347632945937</t>
  </si>
  <si>
    <t>41329</t>
  </si>
  <si>
    <t>8.649970054626465</t>
  </si>
  <si>
    <t>663.2578735351562</t>
  </si>
  <si>
    <t>0.006043047670930335</t>
  </si>
  <si>
    <t>41680</t>
  </si>
  <si>
    <t>9.156965255737305</t>
  </si>
  <si>
    <t>741.82763671875</t>
  </si>
  <si>
    <t>0.008456964713824178</t>
  </si>
  <si>
    <t>8.824634552001953</t>
  </si>
  <si>
    <t>550.6751708984375</t>
  </si>
  <si>
    <t>-0.01080674353510247</t>
  </si>
  <si>
    <t>41882</t>
  </si>
  <si>
    <t>9.263792037963867</t>
  </si>
  <si>
    <t>632.0955200195312</t>
  </si>
  <si>
    <t>0.01564148644395047</t>
  </si>
  <si>
    <t>41639</t>
  </si>
  <si>
    <t>8.59706974029541</t>
  </si>
  <si>
    <t>524.6464233398438</t>
  </si>
  <si>
    <t>-0.005818912265402432</t>
  </si>
  <si>
    <t>10.11056900024414</t>
  </si>
  <si>
    <t>712.8434448242188</t>
  </si>
  <si>
    <t>0.04833375704636289</t>
  </si>
  <si>
    <t>44054</t>
  </si>
  <si>
    <t>9.684290885925293</t>
  </si>
  <si>
    <t>719.0272827148438</t>
  </si>
  <si>
    <t>0.008045169027045773</t>
  </si>
  <si>
    <t>44293</t>
  </si>
  <si>
    <t>9.482508659362793</t>
  </si>
  <si>
    <t>598.6912841796875</t>
  </si>
  <si>
    <t>0.005410496859649783</t>
  </si>
  <si>
    <t>8.754009246826172</t>
  </si>
  <si>
    <t>619.1159057617188</t>
  </si>
  <si>
    <t>-0.05604214305029842</t>
  </si>
  <si>
    <t>40707</t>
  </si>
  <si>
    <t>7.7752909660339355</t>
  </si>
  <si>
    <t>706.6736450195312</t>
  </si>
  <si>
    <t>-0.028384440139392453</t>
  </si>
  <si>
    <t>41609</t>
  </si>
  <si>
    <t>9.612661361694336</t>
  </si>
  <si>
    <t>728.5699462890625</t>
  </si>
  <si>
    <t>0.021916422189685036</t>
  </si>
  <si>
    <t>8.617060661315918</t>
  </si>
  <si>
    <t>631.9541625976562</t>
  </si>
  <si>
    <t>-0.01916883073518605</t>
  </si>
  <si>
    <t>40722</t>
  </si>
  <si>
    <t>9.031111717224121</t>
  </si>
  <si>
    <t>584.5611572265625</t>
  </si>
  <si>
    <t>-0.002379172336747004</t>
  </si>
  <si>
    <t>10.648954391479492</t>
  </si>
  <si>
    <t>693.8302001953125</t>
  </si>
  <si>
    <t>0.006681621098463708</t>
  </si>
  <si>
    <t>41173</t>
  </si>
  <si>
    <t>9.366842269897461</t>
  </si>
  <si>
    <t>667.6622924804688</t>
  </si>
  <si>
    <t>0.004332593672522478</t>
  </si>
  <si>
    <t>9.55728816986084</t>
  </si>
  <si>
    <t>556.8724365234375</t>
  </si>
  <si>
    <t>0.0278787064922561</t>
  </si>
  <si>
    <t>9.486342430114746</t>
  </si>
  <si>
    <t>843.2578735351562</t>
  </si>
  <si>
    <t>0.02135894628495727</t>
  </si>
  <si>
    <t>43406</t>
  </si>
  <si>
    <t>9.816786766052246</t>
  </si>
  <si>
    <t>457.6266174316406</t>
  </si>
  <si>
    <t>0.003577325900916861</t>
  </si>
  <si>
    <t>10.32250690460205</t>
  </si>
  <si>
    <t>682.0390625</t>
  </si>
  <si>
    <t>0.004620007528064463</t>
  </si>
  <si>
    <t>42216</t>
  </si>
  <si>
    <t>10.06817626953125</t>
  </si>
  <si>
    <t>611.9736938476562</t>
  </si>
  <si>
    <t>-0.03241839182349082</t>
  </si>
  <si>
    <t>9.502788543701172</t>
  </si>
  <si>
    <t>628.8035278320312</t>
  </si>
  <si>
    <t>0.061282087699252585</t>
  </si>
  <si>
    <t>45722</t>
  </si>
  <si>
    <t>10.020676612854004</t>
  </si>
  <si>
    <t>602.755615234375</t>
  </si>
  <si>
    <t>0.018498198699159474</t>
  </si>
  <si>
    <t>9.185229301452637</t>
  </si>
  <si>
    <t>797.2863159179688</t>
  </si>
  <si>
    <t>489.6046447753906</t>
  </si>
  <si>
    <t>North Jutland</t>
  </si>
  <si>
    <t>35252</t>
  </si>
  <si>
    <t>8.247227668762207</t>
  </si>
  <si>
    <t>628.6092529296875</t>
  </si>
  <si>
    <t>0.011268287368579877</t>
  </si>
  <si>
    <t>35823</t>
  </si>
  <si>
    <t>8.823285102844238</t>
  </si>
  <si>
    <t>750.825927734375</t>
  </si>
  <si>
    <t>0.016067879981942923</t>
  </si>
  <si>
    <t>35707</t>
  </si>
  <si>
    <t>7.5766825675964355</t>
  </si>
  <si>
    <t>734.2295532226562</t>
  </si>
  <si>
    <t>-0.003243397223252842</t>
  </si>
  <si>
    <t>8.271332740783691</t>
  </si>
  <si>
    <t>808.4757080078125</t>
  </si>
  <si>
    <t>0.04856742726547303</t>
  </si>
  <si>
    <t>38418</t>
  </si>
  <si>
    <t>7.929487705230713</t>
  </si>
  <si>
    <t>581.9191284179688</t>
  </si>
  <si>
    <t>0.024611924503142646</t>
  </si>
  <si>
    <t>39300</t>
  </si>
  <si>
    <t>6.856542587280273</t>
  </si>
  <si>
    <t>529.2461547851562</t>
  </si>
  <si>
    <t>0.02269841911049575</t>
  </si>
  <si>
    <t>40403</t>
  </si>
  <si>
    <t>8.647701263427734</t>
  </si>
  <si>
    <t>679.1098022460938</t>
  </si>
  <si>
    <t>0.02767952076068525</t>
  </si>
  <si>
    <t>41140</t>
  </si>
  <si>
    <t>7.913583278656006</t>
  </si>
  <si>
    <t>883.8363647460938</t>
  </si>
  <si>
    <t>0.018076844588911456</t>
  </si>
  <si>
    <t>42202</t>
  </si>
  <si>
    <t>8.753227233886719</t>
  </si>
  <si>
    <t>866.6320190429688</t>
  </si>
  <si>
    <t>0.025486729059053914</t>
  </si>
  <si>
    <t>43627</t>
  </si>
  <si>
    <t>9.041028022766113</t>
  </si>
  <si>
    <t>810.8001098632812</t>
  </si>
  <si>
    <t>0.03320861146007026</t>
  </si>
  <si>
    <t>8.115798950195312</t>
  </si>
  <si>
    <t>764.7800903320312</t>
  </si>
  <si>
    <t>0.00038959104891667096</t>
  </si>
  <si>
    <t>44817</t>
  </si>
  <si>
    <t>8.695423126220703</t>
  </si>
  <si>
    <t>776.9326782226562</t>
  </si>
  <si>
    <t>0.02652171593543784</t>
  </si>
  <si>
    <t>44910</t>
  </si>
  <si>
    <t>8.47867488861084</t>
  </si>
  <si>
    <t>674.970947265625</t>
  </si>
  <si>
    <t>0.002072955371355434</t>
  </si>
  <si>
    <t>44397</t>
  </si>
  <si>
    <t>8.913625717163086</t>
  </si>
  <si>
    <t>716.0318603515625</t>
  </si>
  <si>
    <t>-0.011488587511825799</t>
  </si>
  <si>
    <t>44775</t>
  </si>
  <si>
    <t>8.30638599395752</t>
  </si>
  <si>
    <t>623.3196411132812</t>
  </si>
  <si>
    <t>0.008478048358956158</t>
  </si>
  <si>
    <t>47562</t>
  </si>
  <si>
    <t>9.639974594116211</t>
  </si>
  <si>
    <t>891.6809692382812</t>
  </si>
  <si>
    <t>0.06038417513629746</t>
  </si>
  <si>
    <t>48352</t>
  </si>
  <si>
    <t>9.177050590515137</t>
  </si>
  <si>
    <t>804.1600341796875</t>
  </si>
  <si>
    <t>0.016473463007255162</t>
  </si>
  <si>
    <t>47362</t>
  </si>
  <si>
    <t>9.141432762145996</t>
  </si>
  <si>
    <t>735.5860595703125</t>
  </si>
  <si>
    <t>-0.020687366676499508</t>
  </si>
  <si>
    <t>44749</t>
  </si>
  <si>
    <t>8.259259223937988</t>
  </si>
  <si>
    <t>719.8870239257812</t>
  </si>
  <si>
    <t>-0.05675112131136473</t>
  </si>
  <si>
    <t>44035</t>
  </si>
  <si>
    <t>7.142665386199951</t>
  </si>
  <si>
    <t>743.4856567382812</t>
  </si>
  <si>
    <t>-0.016084325845040937</t>
  </si>
  <si>
    <t>44483</t>
  </si>
  <si>
    <t>9.044988632202148</t>
  </si>
  <si>
    <t>854.47216796875</t>
  </si>
  <si>
    <t>0.010122321453685856</t>
  </si>
  <si>
    <t>44793</t>
  </si>
  <si>
    <t>8.039742469787598</t>
  </si>
  <si>
    <t>764.4884643554688</t>
  </si>
  <si>
    <t>0.006944783501527496</t>
  </si>
  <si>
    <t>44674</t>
  </si>
  <si>
    <t>8.483901023864746</t>
  </si>
  <si>
    <t>691.3383178710938</t>
  </si>
  <si>
    <t>-0.0026602003012712316</t>
  </si>
  <si>
    <t>44421</t>
  </si>
  <si>
    <t>10.160676002502441</t>
  </si>
  <si>
    <t>906.1564331054688</t>
  </si>
  <si>
    <t>-0.005679346316673772</t>
  </si>
  <si>
    <t>8.828956604003906</t>
  </si>
  <si>
    <t>828.0806274414062</t>
  </si>
  <si>
    <t>0.013438928597279798</t>
  </si>
  <si>
    <t>45965</t>
  </si>
  <si>
    <t>9.05034351348877</t>
  </si>
  <si>
    <t>664.5281372070312</t>
  </si>
  <si>
    <t>0.020728978123745634</t>
  </si>
  <si>
    <t>47169</t>
  </si>
  <si>
    <t>8.780688285827637</t>
  </si>
  <si>
    <t>1005.51513671875</t>
  </si>
  <si>
    <t>0.02585665984053165</t>
  </si>
  <si>
    <t>9.17766284942627</t>
  </si>
  <si>
    <t>572.0245971679688</t>
  </si>
  <si>
    <t>0.0029002401911615294</t>
  </si>
  <si>
    <t>47575</t>
  </si>
  <si>
    <t>9.6438570022583</t>
  </si>
  <si>
    <t>936.1796264648438</t>
  </si>
  <si>
    <t>0.005670275834802396</t>
  </si>
  <si>
    <t>45566</t>
  </si>
  <si>
    <t>9.46081256866455</t>
  </si>
  <si>
    <t>729.67724609375</t>
  </si>
  <si>
    <t>-0.043145588805353796</t>
  </si>
  <si>
    <t>48446</t>
  </si>
  <si>
    <t>8.946260452270508</t>
  </si>
  <si>
    <t>697.1188354492188</t>
  </si>
  <si>
    <t>0.06128795121218111</t>
  </si>
  <si>
    <t>49350</t>
  </si>
  <si>
    <t>9.420334815979004</t>
  </si>
  <si>
    <t>728.534912109375</t>
  </si>
  <si>
    <t>0.018487990290450895</t>
  </si>
  <si>
    <t>33887</t>
  </si>
  <si>
    <t>608.4443969726562</t>
  </si>
  <si>
    <t>North Zealand</t>
  </si>
  <si>
    <t>558.0</t>
  </si>
  <si>
    <t>0.011238875873647913</t>
  </si>
  <si>
    <t>34825</t>
  </si>
  <si>
    <t>0.016065183779351955</t>
  </si>
  <si>
    <t>626.300048828125</t>
  </si>
  <si>
    <t>-0.00322126310356019</t>
  </si>
  <si>
    <t>0.04858025782393405</t>
  </si>
  <si>
    <t>0.024611623072445354</t>
  </si>
  <si>
    <t>38206</t>
  </si>
  <si>
    <t>453.9000549316406</t>
  </si>
  <si>
    <t>0.022686433882771695</t>
  </si>
  <si>
    <t>39278</t>
  </si>
  <si>
    <t>0.027671994351571527</t>
  </si>
  <si>
    <t>39994</t>
  </si>
  <si>
    <t>740.3999633789062</t>
  </si>
  <si>
    <t>0.018064877169779336</t>
  </si>
  <si>
    <t>41027</t>
  </si>
  <si>
    <t>680.1000366210938</t>
  </si>
  <si>
    <t>0.025500943686793676</t>
  </si>
  <si>
    <t>42412</t>
  </si>
  <si>
    <t>627.10009765625</t>
  </si>
  <si>
    <t>0.033200954513946</t>
  </si>
  <si>
    <t>42044</t>
  </si>
  <si>
    <t>619.6000366210938</t>
  </si>
  <si>
    <t>-0.0087146521024426</t>
  </si>
  <si>
    <t>650.5</t>
  </si>
  <si>
    <t>-0.023341371043207104</t>
  </si>
  <si>
    <t>42036</t>
  </si>
  <si>
    <t>540.4000244140625</t>
  </si>
  <si>
    <t>0.023151076085449418</t>
  </si>
  <si>
    <t>633.9000244140625</t>
  </si>
  <si>
    <t>0.02385906540432181</t>
  </si>
  <si>
    <t>45349</t>
  </si>
  <si>
    <t>487.20001220703125</t>
  </si>
  <si>
    <t>0.05200266619370453</t>
  </si>
  <si>
    <t>45033</t>
  </si>
  <si>
    <t>716.4999389648438</t>
  </si>
  <si>
    <t>-0.0069925712552283414</t>
  </si>
  <si>
    <t>45153</t>
  </si>
  <si>
    <t>691.89990234375</t>
  </si>
  <si>
    <t>0.002661168492187116</t>
  </si>
  <si>
    <t>45045</t>
  </si>
  <si>
    <t>628.1000366210938</t>
  </si>
  <si>
    <t>-0.0023947327349329584</t>
  </si>
  <si>
    <t>42324</t>
  </si>
  <si>
    <t>9.05000114440918</t>
  </si>
  <si>
    <t>591.0</t>
  </si>
  <si>
    <t>-0.06230768906148754</t>
  </si>
  <si>
    <t>41401</t>
  </si>
  <si>
    <t>-0.022049265912992055</t>
  </si>
  <si>
    <t>40676</t>
  </si>
  <si>
    <t>736.60009765625</t>
  </si>
  <si>
    <t>-0.01766679720003239</t>
  </si>
  <si>
    <t>41377</t>
  </si>
  <si>
    <t>0.017086932968654267</t>
  </si>
  <si>
    <t>41842</t>
  </si>
  <si>
    <t>554.3999633789062</t>
  </si>
  <si>
    <t>0.011175448863911086</t>
  </si>
  <si>
    <t>41995</t>
  </si>
  <si>
    <t>720.5999755859375</t>
  </si>
  <si>
    <t>0.003649943816133927</t>
  </si>
  <si>
    <t>0.040941049226033144</t>
  </si>
  <si>
    <t>44211</t>
  </si>
  <si>
    <t>537.3999633789062</t>
  </si>
  <si>
    <t>0.010482014095611447</t>
  </si>
  <si>
    <t>44600</t>
  </si>
  <si>
    <t>828.2000732421875</t>
  </si>
  <si>
    <t>0.008760232126784118</t>
  </si>
  <si>
    <t>46398</t>
  </si>
  <si>
    <t>455.4999694824219</t>
  </si>
  <si>
    <t>0.03952249582893508</t>
  </si>
  <si>
    <t>683.7999877929688</t>
  </si>
  <si>
    <t>0.018619489950191692</t>
  </si>
  <si>
    <t>591.5</t>
  </si>
  <si>
    <t>-0.017090421199538852</t>
  </si>
  <si>
    <t>49406</t>
  </si>
  <si>
    <t>620.6000366210938</t>
  </si>
  <si>
    <t>0.06128645070278438</t>
  </si>
  <si>
    <t>50328</t>
  </si>
  <si>
    <t>558.5999755859375</t>
  </si>
  <si>
    <t>0.01848970795933802</t>
  </si>
  <si>
    <t>896</t>
  </si>
  <si>
    <t>38764</t>
  </si>
  <si>
    <t>9.270608901977539</t>
  </si>
  <si>
    <t>952.484375</t>
  </si>
  <si>
    <t>288.8843078613281</t>
  </si>
  <si>
    <t>South Jutland</t>
  </si>
  <si>
    <t>39202</t>
  </si>
  <si>
    <t>8.292274475097656</t>
  </si>
  <si>
    <t>743.111328125</t>
  </si>
  <si>
    <t>0.011235785030779155</t>
  </si>
  <si>
    <t>39837</t>
  </si>
  <si>
    <t>8.942824363708496</t>
  </si>
  <si>
    <t>892.3936157226562</t>
  </si>
  <si>
    <t>0.01606836277321655</t>
  </si>
  <si>
    <t>39709</t>
  </si>
  <si>
    <t>7.763049602508545</t>
  </si>
  <si>
    <t>883.8938598632812</t>
  </si>
  <si>
    <t>-0.003218266423886007</t>
  </si>
  <si>
    <t>41685</t>
  </si>
  <si>
    <t>8.478231430053711</t>
  </si>
  <si>
    <t>1001.446533203125</t>
  </si>
  <si>
    <t>0.04856348961016188</t>
  </si>
  <si>
    <t>42724</t>
  </si>
  <si>
    <t>8.081918716430664</t>
  </si>
  <si>
    <t>642.8707275390625</t>
  </si>
  <si>
    <t>0.024619471364873746</t>
  </si>
  <si>
    <t>43704</t>
  </si>
  <si>
    <t>6.88828706741333</t>
  </si>
  <si>
    <t>582.2943725585938</t>
  </si>
  <si>
    <t>0.022678807865966988</t>
  </si>
  <si>
    <t>44931</t>
  </si>
  <si>
    <t>8.70560073852539</t>
  </si>
  <si>
    <t>769.365966796875</t>
  </si>
  <si>
    <t>0.027688348584952394</t>
  </si>
  <si>
    <t>45750</t>
  </si>
  <si>
    <t>8.1295166015625</t>
  </si>
  <si>
    <t>1010.4536743164062</t>
  </si>
  <si>
    <t>0.01806381204316132</t>
  </si>
  <si>
    <t>46932</t>
  </si>
  <si>
    <t>8.949914932250977</t>
  </si>
  <si>
    <t>935.6384887695312</t>
  </si>
  <si>
    <t>0.025507953839847275</t>
  </si>
  <si>
    <t>9.20582389831543</t>
  </si>
  <si>
    <t>830.8885498046875</t>
  </si>
  <si>
    <t>0.03319389488525637</t>
  </si>
  <si>
    <t>8.306790351867676</t>
  </si>
  <si>
    <t>914.8723754882812</t>
  </si>
  <si>
    <t>-0.004648432554432702</t>
  </si>
  <si>
    <t>48714</t>
  </si>
  <si>
    <t>8.772619247436523</t>
  </si>
  <si>
    <t>952.75390625</t>
  </si>
  <si>
    <t>0.008721255216162405</t>
  </si>
  <si>
    <t>48968</t>
  </si>
  <si>
    <t>8.47268295288086</t>
  </si>
  <si>
    <t>760.8043823242188</t>
  </si>
  <si>
    <t>49616</t>
  </si>
  <si>
    <t>8.905739784240723</t>
  </si>
  <si>
    <t>847.3726196289062</t>
  </si>
  <si>
    <t>0.013146338809324476</t>
  </si>
  <si>
    <t>49494</t>
  </si>
  <si>
    <t>8.297300338745117</t>
  </si>
  <si>
    <t>738.9032592773438</t>
  </si>
  <si>
    <t>-0.0024619122514444314</t>
  </si>
  <si>
    <t>52682</t>
  </si>
  <si>
    <t>9.752446174621582</t>
  </si>
  <si>
    <t>978.9497680664062</t>
  </si>
  <si>
    <t>0.06242239111990955</t>
  </si>
  <si>
    <t>53929</t>
  </si>
  <si>
    <t>9.304739952087402</t>
  </si>
  <si>
    <t>954.806884765625</t>
  </si>
  <si>
    <t>0.023394525395497467</t>
  </si>
  <si>
    <t>52929</t>
  </si>
  <si>
    <t>9.065773963928223</t>
  </si>
  <si>
    <t>825.0062255859375</t>
  </si>
  <si>
    <t>-0.018716973808018622</t>
  </si>
  <si>
    <t>49416</t>
  </si>
  <si>
    <t>8.461480140686035</t>
  </si>
  <si>
    <t>829.9974365234375</t>
  </si>
  <si>
    <t>-0.06867713442044021</t>
  </si>
  <si>
    <t>51009</t>
  </si>
  <si>
    <t>7.445068359375</t>
  </si>
  <si>
    <t>878.0568237304688</t>
  </si>
  <si>
    <t>0.031727829349861736</t>
  </si>
  <si>
    <t>52232</t>
  </si>
  <si>
    <t>9.102869987487793</t>
  </si>
  <si>
    <t>933.7553100585938</t>
  </si>
  <si>
    <t>0.02369324614087276</t>
  </si>
  <si>
    <t>51992</t>
  </si>
  <si>
    <t>8.199939727783203</t>
  </si>
  <si>
    <t>827.660400390625</t>
  </si>
  <si>
    <t>-0.004605473292283335</t>
  </si>
  <si>
    <t>52755</t>
  </si>
  <si>
    <t>8.508886337280273</t>
  </si>
  <si>
    <t>783.431884765625</t>
  </si>
  <si>
    <t>0.014568694002006666</t>
  </si>
  <si>
    <t>10.272648811340332</t>
  </si>
  <si>
    <t>981.4080200195312</t>
  </si>
  <si>
    <t>0.00937680797561491</t>
  </si>
  <si>
    <t>53415</t>
  </si>
  <si>
    <t>9.018771171569824</t>
  </si>
  <si>
    <t>944.0262451171875</t>
  </si>
  <si>
    <t>0.003056242828179734</t>
  </si>
  <si>
    <t>54036</t>
  </si>
  <si>
    <t>9.130888938903809</t>
  </si>
  <si>
    <t>768.675537109375</t>
  </si>
  <si>
    <t>0.011558885709584743</t>
  </si>
  <si>
    <t>53905</t>
  </si>
  <si>
    <t>9.098830223083496</t>
  </si>
  <si>
    <t>1166.83447265625</t>
  </si>
  <si>
    <t>-0.0024272531163536115</t>
  </si>
  <si>
    <t>54738</t>
  </si>
  <si>
    <t>9.496280670166016</t>
  </si>
  <si>
    <t>663.1923217773438</t>
  </si>
  <si>
    <t>0.015334928600310604</t>
  </si>
  <si>
    <t>55964</t>
  </si>
  <si>
    <t>9.90491008758545</t>
  </si>
  <si>
    <t>1015.260986328125</t>
  </si>
  <si>
    <t>0.022150460279647177</t>
  </si>
  <si>
    <t>54390</t>
  </si>
  <si>
    <t>9.627254486083984</t>
  </si>
  <si>
    <t>842.4281005859375</t>
  </si>
  <si>
    <t>-0.028528313436169128</t>
  </si>
  <si>
    <t>57828</t>
  </si>
  <si>
    <t>9.074710845947266</t>
  </si>
  <si>
    <t>826.2395629882812</t>
  </si>
  <si>
    <t>0.061292774011326046</t>
  </si>
  <si>
    <t>58907</t>
  </si>
  <si>
    <t>9.692856788635254</t>
  </si>
  <si>
    <t>845.0919189453125</t>
  </si>
  <si>
    <t>0.01848684165062764</t>
  </si>
  <si>
    <t>897</t>
  </si>
  <si>
    <t>39953</t>
  </si>
  <si>
    <t>9.296507835388184</t>
  </si>
  <si>
    <t>931.1917724609375</t>
  </si>
  <si>
    <t>111.85537719726562</t>
  </si>
  <si>
    <t>West Jutland</t>
  </si>
  <si>
    <t>40404</t>
  </si>
  <si>
    <t>8.23564338684082</t>
  </si>
  <si>
    <t>708.5944213867188</t>
  </si>
  <si>
    <t>0.01122502670672354</t>
  </si>
  <si>
    <t>41059</t>
  </si>
  <si>
    <t>8.988174438476562</t>
  </si>
  <si>
    <t>877.8624877929688</t>
  </si>
  <si>
    <t>0.016081266724251364</t>
  </si>
  <si>
    <t>40927</t>
  </si>
  <si>
    <t>7.745769023895264</t>
  </si>
  <si>
    <t>843.2142333984375</t>
  </si>
  <si>
    <t>-0.003220064744150264</t>
  </si>
  <si>
    <t>42964</t>
  </si>
  <si>
    <t>8.513175010681152</t>
  </si>
  <si>
    <t>954.5474853515625</t>
  </si>
  <si>
    <t>0.048572563788761514</t>
  </si>
  <si>
    <t>44034</t>
  </si>
  <si>
    <t>8.088174819946289</t>
  </si>
  <si>
    <t>622.2454833984375</t>
  </si>
  <si>
    <t>0.024599507055180325</t>
  </si>
  <si>
    <t>45044</t>
  </si>
  <si>
    <t>6.824039459228516</t>
  </si>
  <si>
    <t>577.1563110351562</t>
  </si>
  <si>
    <t>0.022677727043797447</t>
  </si>
  <si>
    <t>46309</t>
  </si>
  <si>
    <t>8.724040031433105</t>
  </si>
  <si>
    <t>745.8659057617188</t>
  </si>
  <si>
    <t>0.02769653681644435</t>
  </si>
  <si>
    <t>47153</t>
  </si>
  <si>
    <t>8.204840660095215</t>
  </si>
  <si>
    <t>973.2479248046875</t>
  </si>
  <si>
    <t>0.018061307127373638</t>
  </si>
  <si>
    <t>48371</t>
  </si>
  <si>
    <t>9.024039268493652</t>
  </si>
  <si>
    <t>974.14453125</t>
  </si>
  <si>
    <t>0.02550282681406202</t>
  </si>
  <si>
    <t>50004</t>
  </si>
  <si>
    <t>9.171507835388184</t>
  </si>
  <si>
    <t>850.3942260742188</t>
  </si>
  <si>
    <t>0.03320254163565828</t>
  </si>
  <si>
    <t>50120</t>
  </si>
  <si>
    <t>8.363173484802246</t>
  </si>
  <si>
    <t>895.8181762695312</t>
  </si>
  <si>
    <t>0.0023171277995501782</t>
  </si>
  <si>
    <t>50763</t>
  </si>
  <si>
    <t>8.732373237609863</t>
  </si>
  <si>
    <t>901.6463623046875</t>
  </si>
  <si>
    <t>0.012747612726732527</t>
  </si>
  <si>
    <t>49988</t>
  </si>
  <si>
    <t>8.46064281463623</t>
  </si>
  <si>
    <t>762.8321533203125</t>
  </si>
  <si>
    <t>-0.015384766131061767</t>
  </si>
  <si>
    <t>51136</t>
  </si>
  <si>
    <t>8.946507453918457</t>
  </si>
  <si>
    <t>819.0153198242188</t>
  </si>
  <si>
    <t>0.022705773520272032</t>
  </si>
  <si>
    <t>50109</t>
  </si>
  <si>
    <t>8.321507453918457</t>
  </si>
  <si>
    <t>702.8261108398438</t>
  </si>
  <si>
    <t>-0.020288117467890388</t>
  </si>
  <si>
    <t>54121</t>
  </si>
  <si>
    <t>9.765706062316895</t>
  </si>
  <si>
    <t>996.524169921875</t>
  </si>
  <si>
    <t>0.07702164791346355</t>
  </si>
  <si>
    <t>54366</t>
  </si>
  <si>
    <t>9.338174819946289</t>
  </si>
  <si>
    <t>917.8032836914062</t>
  </si>
  <si>
    <t>0.004516677878594777</t>
  </si>
  <si>
    <t>52896</t>
  </si>
  <si>
    <t>9.118975639343262</t>
  </si>
  <si>
    <t>807.401123046875</t>
  </si>
  <si>
    <t>-0.027411236829363972</t>
  </si>
  <si>
    <t>8.4381742477417</t>
  </si>
  <si>
    <t>799.898193359375</t>
  </si>
  <si>
    <t>-0.07095145795730673</t>
  </si>
  <si>
    <t>48172</t>
  </si>
  <si>
    <t>7.36897611618042</t>
  </si>
  <si>
    <t>834.8922729492188</t>
  </si>
  <si>
    <t>-0.022598324283073623</t>
  </si>
  <si>
    <t>50600</t>
  </si>
  <si>
    <t>9.071507453918457</t>
  </si>
  <si>
    <t>929.8319702148438</t>
  </si>
  <si>
    <t>0.049173636895186945</t>
  </si>
  <si>
    <t>49170</t>
  </si>
  <si>
    <t>8.1881742477417</t>
  </si>
  <si>
    <t>824.4585571289062</t>
  </si>
  <si>
    <t>-0.028667894869572663</t>
  </si>
  <si>
    <t>49928</t>
  </si>
  <si>
    <t>8.479840278625488</t>
  </si>
  <si>
    <t>774.2442016601562</t>
  </si>
  <si>
    <t>0.015298286207894307</t>
  </si>
  <si>
    <t>50737</t>
  </si>
  <si>
    <t>10.2914457321167</t>
  </si>
  <si>
    <t>995.5218505859375</t>
  </si>
  <si>
    <t>0.016073459840715287</t>
  </si>
  <si>
    <t>48871</t>
  </si>
  <si>
    <t>9.004841804504395</t>
  </si>
  <si>
    <t>968.0390625</t>
  </si>
  <si>
    <t>-0.03747125394834505</t>
  </si>
  <si>
    <t>53344</t>
  </si>
  <si>
    <t>9.12150764465332</t>
  </si>
  <si>
    <t>765.869384765625</t>
  </si>
  <si>
    <t>0.08757733304427084</t>
  </si>
  <si>
    <t>54283</t>
  </si>
  <si>
    <t>9.129841804504395</t>
  </si>
  <si>
    <t>1169.6195068359375</t>
  </si>
  <si>
    <t>0.01744959584669381</t>
  </si>
  <si>
    <t>54258</t>
  </si>
  <si>
    <t>9.538174629211426</t>
  </si>
  <si>
    <t>674.2361450195312</t>
  </si>
  <si>
    <t>-0.00046065542867879117</t>
  </si>
  <si>
    <t>55504</t>
  </si>
  <si>
    <t>9.943976402282715</t>
  </si>
  <si>
    <t>1065.6591796875</t>
  </si>
  <si>
    <t>0.022704643240995637</t>
  </si>
  <si>
    <t>54453</t>
  </si>
  <si>
    <t>9.643976211547852</t>
  </si>
  <si>
    <t>814.5179443359375</t>
  </si>
  <si>
    <t>-0.01911714594744396</t>
  </si>
  <si>
    <t>57895</t>
  </si>
  <si>
    <t>9.088174819946289</t>
  </si>
  <si>
    <t>799.9439697265625</t>
  </si>
  <si>
    <t>0.06129308078428686</t>
  </si>
  <si>
    <t>58976</t>
  </si>
  <si>
    <t>9.6881742477417</t>
  </si>
  <si>
    <t>880.7345581054688</t>
  </si>
  <si>
    <t>0.018499556423176244</t>
  </si>
  <si>
    <t>898</t>
  </si>
  <si>
    <t>9.789422035217285</t>
  </si>
  <si>
    <t>618.3575439453125</t>
  </si>
  <si>
    <t>677.6771850585938</t>
  </si>
  <si>
    <t>West and South Zealand</t>
  </si>
  <si>
    <t>29210</t>
  </si>
  <si>
    <t>8.76696491241455</t>
  </si>
  <si>
    <t>565.8692626953125</t>
  </si>
  <si>
    <t>0.011223307810713123</t>
  </si>
  <si>
    <t>29684</t>
  </si>
  <si>
    <t>9.38408088684082</t>
  </si>
  <si>
    <t>604.318359375</t>
  </si>
  <si>
    <t>0.016097063708238935</t>
  </si>
  <si>
    <t>8.250577926635742</t>
  </si>
  <si>
    <t>633.887939453125</t>
  </si>
  <si>
    <t>-0.003239306382265994</t>
  </si>
  <si>
    <t>31060</t>
  </si>
  <si>
    <t>8.903719902038574</t>
  </si>
  <si>
    <t>702.7034912109375</t>
  </si>
  <si>
    <t>0.048551943994919355</t>
  </si>
  <si>
    <t>31834</t>
  </si>
  <si>
    <t>8.572110176086426</t>
  </si>
  <si>
    <t>487.7609558105469</t>
  </si>
  <si>
    <t>0.02461408328712089</t>
  </si>
  <si>
    <t>7.439987659454346</t>
  </si>
  <si>
    <t>442.7917175292969</t>
  </si>
  <si>
    <t>0.022703190990702282</t>
  </si>
  <si>
    <t>9.217501640319824</t>
  </si>
  <si>
    <t>561.8493041992188</t>
  </si>
  <si>
    <t>0.02768028459857952</t>
  </si>
  <si>
    <t>34089</t>
  </si>
  <si>
    <t>8.575326919555664</t>
  </si>
  <si>
    <t>740.9960327148438</t>
  </si>
  <si>
    <t>0.018056375007038383</t>
  </si>
  <si>
    <t>34970</t>
  </si>
  <si>
    <t>9.459074020385742</t>
  </si>
  <si>
    <t>683.1297607421875</t>
  </si>
  <si>
    <t>0.025515799471302003</t>
  </si>
  <si>
    <t>36150</t>
  </si>
  <si>
    <t>9.771841049194336</t>
  </si>
  <si>
    <t>599.5888061523438</t>
  </si>
  <si>
    <t>0.03318639752948904</t>
  </si>
  <si>
    <t>36696</t>
  </si>
  <si>
    <t>8.772663116455078</t>
  </si>
  <si>
    <t>643.2745971679688</t>
  </si>
  <si>
    <t>0.014990808690097168</t>
  </si>
  <si>
    <t>36950</t>
  </si>
  <si>
    <t>9.272904396057129</t>
  </si>
  <si>
    <t>687.5835571289062</t>
  </si>
  <si>
    <t>0.006897890099340387</t>
  </si>
  <si>
    <t>36838</t>
  </si>
  <si>
    <t>8.928727149963379</t>
  </si>
  <si>
    <t>528.9951782226562</t>
  </si>
  <si>
    <t>-0.003035726297300201</t>
  </si>
  <si>
    <t>9.391768455505371</t>
  </si>
  <si>
    <t>608.9116821289062</t>
  </si>
  <si>
    <t>0.010719258065698511</t>
  </si>
  <si>
    <t>37342</t>
  </si>
  <si>
    <t>8.748063087463379</t>
  </si>
  <si>
    <t>493.93243408203125</t>
  </si>
  <si>
    <t>0.002869519380535479</t>
  </si>
  <si>
    <t>38968</t>
  </si>
  <si>
    <t>10.219620704650879</t>
  </si>
  <si>
    <t>694.6323852539062</t>
  </si>
  <si>
    <t>0.04262209796109673</t>
  </si>
  <si>
    <t>38462</t>
  </si>
  <si>
    <t>9.786395072937012</t>
  </si>
  <si>
    <t>698.194091796875</t>
  </si>
  <si>
    <t>-0.01307005561558583</t>
  </si>
  <si>
    <t>9.63476276397705</t>
  </si>
  <si>
    <t>579.1644287109375</t>
  </si>
  <si>
    <t>-0.03212618437934189</t>
  </si>
  <si>
    <t>33960</t>
  </si>
  <si>
    <t>8.898316383361816</t>
  </si>
  <si>
    <t>588.6722412109375</t>
  </si>
  <si>
    <t>-0.09236119506616625</t>
  </si>
  <si>
    <t>7.887006759643555</t>
  </si>
  <si>
    <t>681.9953002929688</t>
  </si>
  <si>
    <t>0.031078568055949773</t>
  </si>
  <si>
    <t>35320</t>
  </si>
  <si>
    <t>9.763588905334473</t>
  </si>
  <si>
    <t>724.818115234375</t>
  </si>
  <si>
    <t>0.008187446236661344</t>
  </si>
  <si>
    <t>35917</t>
  </si>
  <si>
    <t>8.784941673278809</t>
  </si>
  <si>
    <t>606.8239135742188</t>
  </si>
  <si>
    <t>0.016761345279382667</t>
  </si>
  <si>
    <t>9.225190162658691</t>
  </si>
  <si>
    <t>554.3855590820312</t>
  </si>
  <si>
    <t>-0.015516367471583692</t>
  </si>
  <si>
    <t>10.829360008239746</t>
  </si>
  <si>
    <t>680.5345458984375</t>
  </si>
  <si>
    <t>0.0039228464095479865</t>
  </si>
  <si>
    <t>37141</t>
  </si>
  <si>
    <t>9.535720825195312</t>
  </si>
  <si>
    <t>627.8687133789062</t>
  </si>
  <si>
    <t>0.04510428075706763</t>
  </si>
  <si>
    <t>36587</t>
  </si>
  <si>
    <t>9.738419532775879</t>
  </si>
  <si>
    <t>529.0250244140625</t>
  </si>
  <si>
    <t>-0.01502849465503786</t>
  </si>
  <si>
    <t>37951</t>
  </si>
  <si>
    <t>9.679343223571777</t>
  </si>
  <si>
    <t>805.6377563476562</t>
  </si>
  <si>
    <t>0.03660286790046996</t>
  </si>
  <si>
    <t>38427</t>
  </si>
  <si>
    <t>9.981508255004883</t>
  </si>
  <si>
    <t>440.3377380371094</t>
  </si>
  <si>
    <t>0.012464483561503314</t>
  </si>
  <si>
    <t>39454</t>
  </si>
  <si>
    <t>10.516681671142578</t>
  </si>
  <si>
    <t>653.5203857421875</t>
  </si>
  <si>
    <t>0.026375098804567898</t>
  </si>
  <si>
    <t>10.25244140625</t>
  </si>
  <si>
    <t>581.7433471679688</t>
  </si>
  <si>
    <t>-0.04171583941210777</t>
  </si>
  <si>
    <t>40234</t>
  </si>
  <si>
    <t>9.69455623626709</t>
  </si>
  <si>
    <t>608.60400390625</t>
  </si>
  <si>
    <t>0.06129281239681106</t>
  </si>
  <si>
    <t>40985</t>
  </si>
  <si>
    <t>10.20258903503418</t>
  </si>
  <si>
    <t>561.418701171875</t>
  </si>
  <si>
    <t>0.018493736798614435</t>
  </si>
  <si>
    <t>899</t>
  </si>
  <si>
    <t>ECU</t>
  </si>
  <si>
    <t>13.893260955810547</t>
  </si>
  <si>
    <t>601.540283203125</t>
  </si>
  <si>
    <t>93.14183044433594</t>
  </si>
  <si>
    <t>Azuay</t>
  </si>
  <si>
    <t>Ecuador</t>
  </si>
  <si>
    <t>9826</t>
  </si>
  <si>
    <t>13.866868019104004</t>
  </si>
  <si>
    <t>595.4044189453125</t>
  </si>
  <si>
    <t>0.01828129376162657</t>
  </si>
  <si>
    <t>13.996761322021484</t>
  </si>
  <si>
    <t>1208.5343017578125</t>
  </si>
  <si>
    <t>-0.0014258073502126933</t>
  </si>
  <si>
    <t>13.757568359375</t>
  </si>
  <si>
    <t>1019.5662231445312</t>
  </si>
  <si>
    <t>-0.001427843179859778</t>
  </si>
  <si>
    <t>9947</t>
  </si>
  <si>
    <t>13.768802642822266</t>
  </si>
  <si>
    <t>919.5198974609375</t>
  </si>
  <si>
    <t>0.015092714953892639</t>
  </si>
  <si>
    <t>14.003982543945312</t>
  </si>
  <si>
    <t>628.5297241210938</t>
  </si>
  <si>
    <t>-0.0038275630935142857</t>
  </si>
  <si>
    <t>9818</t>
  </si>
  <si>
    <t>13.54362964630127</t>
  </si>
  <si>
    <t>628.6743774414062</t>
  </si>
  <si>
    <t>-0.009225999440900523</t>
  </si>
  <si>
    <t>10278</t>
  </si>
  <si>
    <t>14.755038261413574</t>
  </si>
  <si>
    <t>1462.546875</t>
  </si>
  <si>
    <t>0.045788252934176654</t>
  </si>
  <si>
    <t>14.78879451751709</t>
  </si>
  <si>
    <t>1523.9698486328125</t>
  </si>
  <si>
    <t>0.0359297199247699</t>
  </si>
  <si>
    <t>13.413283348083496</t>
  </si>
  <si>
    <t>1232.57470703125</t>
  </si>
  <si>
    <t>-0.04462670150265957</t>
  </si>
  <si>
    <t>13.291298866271973</t>
  </si>
  <si>
    <t>1383.1373291015625</t>
  </si>
  <si>
    <t>0.024910423021959005</t>
  </si>
  <si>
    <t>13.175201416015625</t>
  </si>
  <si>
    <t>829.0344848632812</t>
  </si>
  <si>
    <t>0.052857263168698765</t>
  </si>
  <si>
    <t>14.068289756774902</t>
  </si>
  <si>
    <t>1148.038818359375</t>
  </si>
  <si>
    <t>0.020313479353324837</t>
  </si>
  <si>
    <t>11287</t>
  </si>
  <si>
    <t>13.809414863586426</t>
  </si>
  <si>
    <t>891.8671875</t>
  </si>
  <si>
    <t>0.004261748437357937</t>
  </si>
  <si>
    <t>11653</t>
  </si>
  <si>
    <t>13.833961486816406</t>
  </si>
  <si>
    <t>657.134033203125</t>
  </si>
  <si>
    <t>0.031912036617637085</t>
  </si>
  <si>
    <t>11789</t>
  </si>
  <si>
    <t>13.582993507385254</t>
  </si>
  <si>
    <t>468.187744140625</t>
  </si>
  <si>
    <t>0.011603235718864013</t>
  </si>
  <si>
    <t>13.93151569366455</t>
  </si>
  <si>
    <t>692.2322998046875</t>
  </si>
  <si>
    <t>0.027442531939396275</t>
  </si>
  <si>
    <t>12108</t>
  </si>
  <si>
    <t>12.972213745117188</t>
  </si>
  <si>
    <t>666.6011962890625</t>
  </si>
  <si>
    <t>-0.0007430340899148291</t>
  </si>
  <si>
    <t>11920</t>
  </si>
  <si>
    <t>13.61974048614502</t>
  </si>
  <si>
    <t>1319.1761474609375</t>
  </si>
  <si>
    <t>-0.015648729522267146</t>
  </si>
  <si>
    <t>11694</t>
  </si>
  <si>
    <t>14.223153114318848</t>
  </si>
  <si>
    <t>992.686279296875</t>
  </si>
  <si>
    <t>-0.019141771883726122</t>
  </si>
  <si>
    <t>13.827960014343262</t>
  </si>
  <si>
    <t>1355.8123779296875</t>
  </si>
  <si>
    <t>0.01611706784688316</t>
  </si>
  <si>
    <t>12413</t>
  </si>
  <si>
    <t>13.547157287597656</t>
  </si>
  <si>
    <t>1216.095458984375</t>
  </si>
  <si>
    <t>0.04355135293345036</t>
  </si>
  <si>
    <t>13.720793724060059</t>
  </si>
  <si>
    <t>1016.9732666015625</t>
  </si>
  <si>
    <t>0.004902167570119076</t>
  </si>
  <si>
    <t>12682</t>
  </si>
  <si>
    <t>13.629467010498047</t>
  </si>
  <si>
    <t>876.1492309570312</t>
  </si>
  <si>
    <t>0.01653718717390973</t>
  </si>
  <si>
    <t>12467</t>
  </si>
  <si>
    <t>13.990815162658691</t>
  </si>
  <si>
    <t>941.3458862304688</t>
  </si>
  <si>
    <t>-0.01709851191500178</t>
  </si>
  <si>
    <t>12994</t>
  </si>
  <si>
    <t>14.693774223327637</t>
  </si>
  <si>
    <t>1310.6854248046875</t>
  </si>
  <si>
    <t>0.04140255909550028</t>
  </si>
  <si>
    <t>12380</t>
  </si>
  <si>
    <t>14.39766788482666</t>
  </si>
  <si>
    <t>982.2833862304688</t>
  </si>
  <si>
    <t>-0.0484054452018885</t>
  </si>
  <si>
    <t>12683</t>
  </si>
  <si>
    <t>14.086918830871582</t>
  </si>
  <si>
    <t>1243.0042724609375</t>
  </si>
  <si>
    <t>0.024180246828841234</t>
  </si>
  <si>
    <t>13227</t>
  </si>
  <si>
    <t>13.806031227111816</t>
  </si>
  <si>
    <t>802.83251953125</t>
  </si>
  <si>
    <t>0.04199768095861778</t>
  </si>
  <si>
    <t>14.462372779846191</t>
  </si>
  <si>
    <t>1125.0103759765625</t>
  </si>
  <si>
    <t>-0.01969830069030465</t>
  </si>
  <si>
    <t>14.062886238098145</t>
  </si>
  <si>
    <t>829.3301391601562</t>
  </si>
  <si>
    <t>-0.09573435796550989</t>
  </si>
  <si>
    <t>13.75549030303955</t>
  </si>
  <si>
    <t>866.6131591796875</t>
  </si>
  <si>
    <t>0.029183893132010752</t>
  </si>
  <si>
    <t>13.301594734191895</t>
  </si>
  <si>
    <t>765.9567260742188</t>
  </si>
  <si>
    <t>0.017158685540753282</t>
  </si>
  <si>
    <t>900</t>
  </si>
  <si>
    <t>4948</t>
  </si>
  <si>
    <t>20.058332443237305</t>
  </si>
  <si>
    <t>1720.7000732421875</t>
  </si>
  <si>
    <t>63.814552307128906</t>
  </si>
  <si>
    <t>20.33333396911621</t>
  </si>
  <si>
    <t>1853.10009765625</t>
  </si>
  <si>
    <t>0.018422627553036364</t>
  </si>
  <si>
    <t>20.200000762939453</t>
  </si>
  <si>
    <t>3067.600341796875</t>
  </si>
  <si>
    <t>-0.0015885626851375179</t>
  </si>
  <si>
    <t>20.216665267944336</t>
  </si>
  <si>
    <t>2907.60009765625</t>
  </si>
  <si>
    <t>-0.0013920654530004128</t>
  </si>
  <si>
    <t>19.96666717529297</t>
  </si>
  <si>
    <t>2326.2001953125</t>
  </si>
  <si>
    <t>0.011869575555383705</t>
  </si>
  <si>
    <t>5048</t>
  </si>
  <si>
    <t>20.01666831970215</t>
  </si>
  <si>
    <t>1779.800048828125</t>
  </si>
  <si>
    <t>-0.007302904261610621</t>
  </si>
  <si>
    <t>4985</t>
  </si>
  <si>
    <t>19.450000762939453</t>
  </si>
  <si>
    <t>1936.60009765625</t>
  </si>
  <si>
    <t>-0.012558721825111974</t>
  </si>
  <si>
    <t>5543</t>
  </si>
  <si>
    <t>21.016664505004883</t>
  </si>
  <si>
    <t>2523.699951171875</t>
  </si>
  <si>
    <t>0.10610246702386661</t>
  </si>
  <si>
    <t>6067</t>
  </si>
  <si>
    <t>20.875</t>
  </si>
  <si>
    <t>3983.7998046875</t>
  </si>
  <si>
    <t>0.09032837852249287</t>
  </si>
  <si>
    <t>19.44999885559082</t>
  </si>
  <si>
    <t>3015.799560546875</t>
  </si>
  <si>
    <t>0.004932597965519037</t>
  </si>
  <si>
    <t>5632</t>
  </si>
  <si>
    <t>19.516666412353516</t>
  </si>
  <si>
    <t>2604.999755859375</t>
  </si>
  <si>
    <t>-0.07933222806993889</t>
  </si>
  <si>
    <t>19.508333206176758</t>
  </si>
  <si>
    <t>1680.5</t>
  </si>
  <si>
    <t>-0.056239718322874666</t>
  </si>
  <si>
    <t>20.16666603088379</t>
  </si>
  <si>
    <t>2753.89990234375</t>
  </si>
  <si>
    <t>-0.0005636449186336989</t>
  </si>
  <si>
    <t>19.866666793823242</t>
  </si>
  <si>
    <t>2106.800048828125</t>
  </si>
  <si>
    <t>0.04015272343673537</t>
  </si>
  <si>
    <t>5946</t>
  </si>
  <si>
    <t>19.95833396911621</t>
  </si>
  <si>
    <t>1908.800048828125</t>
  </si>
  <si>
    <t>0.0709047455249383</t>
  </si>
  <si>
    <t>19.741666793823242</t>
  </si>
  <si>
    <t>1737.5001220703125</t>
  </si>
  <si>
    <t>-0.02987334884707593</t>
  </si>
  <si>
    <t>19.983333587646484</t>
  </si>
  <si>
    <t>1843.5001220703125</t>
  </si>
  <si>
    <t>0.0072514129903833435</t>
  </si>
  <si>
    <t>19.258333206176758</t>
  </si>
  <si>
    <t>2036.9002685546875</t>
  </si>
  <si>
    <t>0.017056528119478997</t>
  </si>
  <si>
    <t>5206</t>
  </si>
  <si>
    <t>19.683334350585938</t>
  </si>
  <si>
    <t>2753.699951171875</t>
  </si>
  <si>
    <t>-0.12734151026631935</t>
  </si>
  <si>
    <t>5527</t>
  </si>
  <si>
    <t>20.375</t>
  </si>
  <si>
    <t>1638.5</t>
  </si>
  <si>
    <t>0.059833366278752464</t>
  </si>
  <si>
    <t>5218</t>
  </si>
  <si>
    <t>19.933334350585938</t>
  </si>
  <si>
    <t>2917.900390625</t>
  </si>
  <si>
    <t>-0.057530986136589135</t>
  </si>
  <si>
    <t>19.808334350585938</t>
  </si>
  <si>
    <t>2934.7001953125</t>
  </si>
  <si>
    <t>0.036504523594006244</t>
  </si>
  <si>
    <t>5286</t>
  </si>
  <si>
    <t>20.19999885559082</t>
  </si>
  <si>
    <t>-0.023556894126445016</t>
  </si>
  <si>
    <t>2323.699951171875</t>
  </si>
  <si>
    <t>0.0071630843507684006</t>
  </si>
  <si>
    <t>5308</t>
  </si>
  <si>
    <t>20.450000762939453</t>
  </si>
  <si>
    <t>2129.10009765625</t>
  </si>
  <si>
    <t>-0.003009784062903975</t>
  </si>
  <si>
    <t>21.10833168029785</t>
  </si>
  <si>
    <t>2719.5</t>
  </si>
  <si>
    <t>0.10692297185513588</t>
  </si>
  <si>
    <t>5863</t>
  </si>
  <si>
    <t>20.575002670288086</t>
  </si>
  <si>
    <t>2485.80029296875</t>
  </si>
  <si>
    <t>-0.00747667034301891</t>
  </si>
  <si>
    <t>6269</t>
  </si>
  <si>
    <t>20.275001525878906</t>
  </si>
  <si>
    <t>3282.39990234375</t>
  </si>
  <si>
    <t>0.0669554343097527</t>
  </si>
  <si>
    <t>20.17500114440918</t>
  </si>
  <si>
    <t>2089.699951171875</t>
  </si>
  <si>
    <t>-0.014946039569355918</t>
  </si>
  <si>
    <t>6056</t>
  </si>
  <si>
    <t>20.658334732055664</t>
  </si>
  <si>
    <t>2750.699951171875</t>
  </si>
  <si>
    <t>-0.01962129658732792</t>
  </si>
  <si>
    <t>20.375001907348633</t>
  </si>
  <si>
    <t>2050.10009765625</t>
  </si>
  <si>
    <t>-0.09575611805752615</t>
  </si>
  <si>
    <t>20.0</t>
  </si>
  <si>
    <t>1965.9000244140625</t>
  </si>
  <si>
    <t>0.029190003330702652</t>
  </si>
  <si>
    <t>5764</t>
  </si>
  <si>
    <t>19.524999618530273</t>
  </si>
  <si>
    <t>2293.400146484375</t>
  </si>
  <si>
    <t>0.017148276728951473</t>
  </si>
  <si>
    <t>4702</t>
  </si>
  <si>
    <t>125.21084594726562</t>
  </si>
  <si>
    <t>Caar</t>
  </si>
  <si>
    <t>522.8999633789062</t>
  </si>
  <si>
    <t>0.018333671242594107</t>
  </si>
  <si>
    <t>4782</t>
  </si>
  <si>
    <t>13.524998664855957</t>
  </si>
  <si>
    <t>-0.0014627523243397889</t>
  </si>
  <si>
    <t>4775</t>
  </si>
  <si>
    <t>-0.0014648951034388347</t>
  </si>
  <si>
    <t>13.275001525878906</t>
  </si>
  <si>
    <t>0.018261557488955305</t>
  </si>
  <si>
    <t>4859</t>
  </si>
  <si>
    <t>13.558333396911621</t>
  </si>
  <si>
    <t>-0.0008228759978834432</t>
  </si>
  <si>
    <t>-0.005986187759283723</t>
  </si>
  <si>
    <t>14.341668128967285</t>
  </si>
  <si>
    <t>1515.9000244140625</t>
  </si>
  <si>
    <t>0.10150215005224439</t>
  </si>
  <si>
    <t>14.241667747497559</t>
  </si>
  <si>
    <t>1444.10009765625</t>
  </si>
  <si>
    <t>0.08649684134668689</t>
  </si>
  <si>
    <t>13.016666412353516</t>
  </si>
  <si>
    <t>952.800048828125</t>
  </si>
  <si>
    <t>0.0015428133685091439</t>
  </si>
  <si>
    <t>12.908332824707031</t>
  </si>
  <si>
    <t>1106.300048828125</t>
  </si>
  <si>
    <t>0.18109321333183814</t>
  </si>
  <si>
    <t>8378</t>
  </si>
  <si>
    <t>618.4000244140625</t>
  </si>
  <si>
    <t>0.18012773676108296</t>
  </si>
  <si>
    <t>13.583334922790527</t>
  </si>
  <si>
    <t>939.199951171875</t>
  </si>
  <si>
    <t>-0.007668381694397652</t>
  </si>
  <si>
    <t>8411</t>
  </si>
  <si>
    <t>13.333334922790527</t>
  </si>
  <si>
    <t>849.5999755859375</t>
  </si>
  <si>
    <t>0.011599532149855207</t>
  </si>
  <si>
    <t>13.433334350585938</t>
  </si>
  <si>
    <t>617.7000122070312</t>
  </si>
  <si>
    <t>0.06088335312541382</t>
  </si>
  <si>
    <t>9081</t>
  </si>
  <si>
    <t>13.141667366027832</t>
  </si>
  <si>
    <t>398.70001220703125</t>
  </si>
  <si>
    <t>0.015760592601976597</t>
  </si>
  <si>
    <t>13.416667938232422</t>
  </si>
  <si>
    <t>597.8999633789062</t>
  </si>
  <si>
    <t>0.03930118224578116</t>
  </si>
  <si>
    <t>12.550000190734863</t>
  </si>
  <si>
    <t>0.012102226109837133</t>
  </si>
  <si>
    <t>13.208334922790527</t>
  </si>
  <si>
    <t>1072.800048828125</t>
  </si>
  <si>
    <t>-0.2921551019953412</t>
  </si>
  <si>
    <t>13.708333015441895</t>
  </si>
  <si>
    <t>888.9999389648438</t>
  </si>
  <si>
    <t>0.028587184557872902</t>
  </si>
  <si>
    <t>6991</t>
  </si>
  <si>
    <t>1191.1998291015625</t>
  </si>
  <si>
    <t>-0.04939620209599305</t>
  </si>
  <si>
    <t>7705</t>
  </si>
  <si>
    <t>0.09724586124223045</t>
  </si>
  <si>
    <t>7578</t>
  </si>
  <si>
    <t>13.283333778381348</t>
  </si>
  <si>
    <t>-0.016620156175669365</t>
  </si>
  <si>
    <t>696.2001342773438</t>
  </si>
  <si>
    <t>0.060422778834062996</t>
  </si>
  <si>
    <t>13.47499942779541</t>
  </si>
  <si>
    <t>896.8999633789062</t>
  </si>
  <si>
    <t>-0.058972261008696236</t>
  </si>
  <si>
    <t>8035</t>
  </si>
  <si>
    <t>1308.300048828125</t>
  </si>
  <si>
    <t>0.0571071687677005</t>
  </si>
  <si>
    <t>7623</t>
  </si>
  <si>
    <t>14.016666412353516</t>
  </si>
  <si>
    <t>779.0</t>
  </si>
  <si>
    <t>-0.05263700618334077</t>
  </si>
  <si>
    <t>1024.800048828125</t>
  </si>
  <si>
    <t>0.06954368394923982</t>
  </si>
  <si>
    <t>712.0999755859375</t>
  </si>
  <si>
    <t>-0.07546436435896631</t>
  </si>
  <si>
    <t>7431</t>
  </si>
  <si>
    <t>14.108333587646484</t>
  </si>
  <si>
    <t>1021.5</t>
  </si>
  <si>
    <t>-0.019588873421076514</t>
  </si>
  <si>
    <t>6752</t>
  </si>
  <si>
    <t>-0.09582168188167728</t>
  </si>
  <si>
    <t>745.5999755859375</t>
  </si>
  <si>
    <t>0.029190630669434725</t>
  </si>
  <si>
    <t>12.941668510437012</t>
  </si>
  <si>
    <t>733.4000244140625</t>
  </si>
  <si>
    <t>0.0172553300907623</t>
  </si>
  <si>
    <t>901.699951171875</t>
  </si>
  <si>
    <t>70.55860900878906</t>
  </si>
  <si>
    <t>Carchi</t>
  </si>
  <si>
    <t>8198</t>
  </si>
  <si>
    <t>884.300048828125</t>
  </si>
  <si>
    <t>0.01834236197055006</t>
  </si>
  <si>
    <t>8186</t>
  </si>
  <si>
    <t>1021.9000244140625</t>
  </si>
  <si>
    <t>-0.0014648440119344741</t>
  </si>
  <si>
    <t>964.9999389648438</t>
  </si>
  <si>
    <t>-0.0014669929281261318</t>
  </si>
  <si>
    <t>994.2000732421875</t>
  </si>
  <si>
    <t>0.031431330855845374</t>
  </si>
  <si>
    <t>910.60009765625</t>
  </si>
  <si>
    <t>0.012371291802548257</t>
  </si>
  <si>
    <t>0.007001195458983034</t>
  </si>
  <si>
    <t>9147</t>
  </si>
  <si>
    <t>1026.10009765625</t>
  </si>
  <si>
    <t>0.0616637534147646</t>
  </si>
  <si>
    <t>9624</t>
  </si>
  <si>
    <t>1280.7000732421875</t>
  </si>
  <si>
    <t>0.0508340219981509</t>
  </si>
  <si>
    <t>9335</t>
  </si>
  <si>
    <t>-0.030489201678690847</t>
  </si>
  <si>
    <t>953.60009765625</t>
  </si>
  <si>
    <t>-0.1104319742766684</t>
  </si>
  <si>
    <t>7612</t>
  </si>
  <si>
    <t>-0.09361285328311553</t>
  </si>
  <si>
    <t>7333</t>
  </si>
  <si>
    <t>1117.0</t>
  </si>
  <si>
    <t>-0.037341240322239955</t>
  </si>
  <si>
    <t>1101.300048828125</t>
  </si>
  <si>
    <t>-0.009041157477163608</t>
  </si>
  <si>
    <t>0.03528585064857914</t>
  </si>
  <si>
    <t>8137</t>
  </si>
  <si>
    <t>819.300048828125</t>
  </si>
  <si>
    <t>0.07779215943144102</t>
  </si>
  <si>
    <t>8457</t>
  </si>
  <si>
    <t>926.7999877929688</t>
  </si>
  <si>
    <t>0.03857293908556514</t>
  </si>
  <si>
    <t>964.8999633789062</t>
  </si>
  <si>
    <t>0.02717843847721646</t>
  </si>
  <si>
    <t>6263</t>
  </si>
  <si>
    <t>1091.7999267578125</t>
  </si>
  <si>
    <t>-0.32751363573402514</t>
  </si>
  <si>
    <t>6683</t>
  </si>
  <si>
    <t>781.39990234375</t>
  </si>
  <si>
    <t>0.06490768498565735</t>
  </si>
  <si>
    <t>1162.699951171875</t>
  </si>
  <si>
    <t>-0.007057616200734529</t>
  </si>
  <si>
    <t>1034.5</t>
  </si>
  <si>
    <t>0.025735894172630225</t>
  </si>
  <si>
    <t>7035</t>
  </si>
  <si>
    <t>972.0999755859375</t>
  </si>
  <si>
    <t>0.03265242406552282</t>
  </si>
  <si>
    <t>-0.05492836743786711</t>
  </si>
  <si>
    <t>959.0000610351562</t>
  </si>
  <si>
    <t>0.04147653322896261</t>
  </si>
  <si>
    <t>1174.400146484375</t>
  </si>
  <si>
    <t>0.041899068784102766</t>
  </si>
  <si>
    <t>6660</t>
  </si>
  <si>
    <t>922.300048828125</t>
  </si>
  <si>
    <t>-0.08322544058925274</t>
  </si>
  <si>
    <t>6502</t>
  </si>
  <si>
    <t>1131.89990234375</t>
  </si>
  <si>
    <t>-0.0240096626705828</t>
  </si>
  <si>
    <t>6373</t>
  </si>
  <si>
    <t>914.2999877929688</t>
  </si>
  <si>
    <t>-0.02003950554955658</t>
  </si>
  <si>
    <t>1125.900146484375</t>
  </si>
  <si>
    <t>-0.01964886538521249</t>
  </si>
  <si>
    <t>5678</t>
  </si>
  <si>
    <t>992.5000610351562</t>
  </si>
  <si>
    <t>-0.09582239289616545</t>
  </si>
  <si>
    <t>1027.800048828125</t>
  </si>
  <si>
    <t>0.029158608638274686</t>
  </si>
  <si>
    <t>1026.89990234375</t>
  </si>
  <si>
    <t>0.017297361908854114</t>
  </si>
  <si>
    <t>903</t>
  </si>
  <si>
    <t>4247</t>
  </si>
  <si>
    <t>11.397987365722656</t>
  </si>
  <si>
    <t>666.0394287109375</t>
  </si>
  <si>
    <t>128.99234008789062</t>
  </si>
  <si>
    <t>Chimborazo</t>
  </si>
  <si>
    <t>4326</t>
  </si>
  <si>
    <t>11.626876831054688</t>
  </si>
  <si>
    <t>537.1845092773438</t>
  </si>
  <si>
    <t>0.018430476199732482</t>
  </si>
  <si>
    <t>4320</t>
  </si>
  <si>
    <t>11.676669120788574</t>
  </si>
  <si>
    <t>884.6897583007812</t>
  </si>
  <si>
    <t>-0.0013879252748481008</t>
  </si>
  <si>
    <t>11.642131805419922</t>
  </si>
  <si>
    <t>763.8474731445312</t>
  </si>
  <si>
    <t>-0.0016216845903134214</t>
  </si>
  <si>
    <t>4350</t>
  </si>
  <si>
    <t>11.398819923400879</t>
  </si>
  <si>
    <t>697.7254028320312</t>
  </si>
  <si>
    <t>0.008542127434887803</t>
  </si>
  <si>
    <t>11.397778511047363</t>
  </si>
  <si>
    <t>575.6875</t>
  </si>
  <si>
    <t>-0.010631022241110344</t>
  </si>
  <si>
    <t>10.925209045410156</t>
  </si>
  <si>
    <t>559.0120239257812</t>
  </si>
  <si>
    <t>-0.016161494755465355</t>
  </si>
  <si>
    <t>12.275650024414062</t>
  </si>
  <si>
    <t>1041.225830078125</t>
  </si>
  <si>
    <t>0.09154653215502151</t>
  </si>
  <si>
    <t>5016</t>
  </si>
  <si>
    <t>12.176852226257324</t>
  </si>
  <si>
    <t>1205.7493896484375</t>
  </si>
  <si>
    <t>0.07770294307158032</t>
  </si>
  <si>
    <t>4986</t>
  </si>
  <si>
    <t>11.024212837219238</t>
  </si>
  <si>
    <t>859.2905883789062</t>
  </si>
  <si>
    <t>-0.005998818229253189</t>
  </si>
  <si>
    <t>11.159607887268066</t>
  </si>
  <si>
    <t>825.5302734375</t>
  </si>
  <si>
    <t>0.016114941392407545</t>
  </si>
  <si>
    <t>10.860812187194824</t>
  </si>
  <si>
    <t>676.8231201171875</t>
  </si>
  <si>
    <t>0.04458046435610363</t>
  </si>
  <si>
    <t>11.573821067810059</t>
  </si>
  <si>
    <t>710.9871826171875</t>
  </si>
  <si>
    <t>0.01610220149254893</t>
  </si>
  <si>
    <t>5442</t>
  </si>
  <si>
    <t>11.324423789978027</t>
  </si>
  <si>
    <t>709.7865600585938</t>
  </si>
  <si>
    <t>0.010715048018628437</t>
  </si>
  <si>
    <t>11.38662052154541</t>
  </si>
  <si>
    <t>744.2671508789062</t>
  </si>
  <si>
    <t>0.12781867092406607</t>
  </si>
  <si>
    <t>6096</t>
  </si>
  <si>
    <t>11.141297340393066</t>
  </si>
  <si>
    <t>662.1002807617188</t>
  </si>
  <si>
    <t>-0.014332492900775762</t>
  </si>
  <si>
    <t>11.434794425964355</t>
  </si>
  <si>
    <t>637.1693725585938</t>
  </si>
  <si>
    <t>0.03132825232800407</t>
  </si>
  <si>
    <t>6302</t>
  </si>
  <si>
    <t>10.620556831359863</t>
  </si>
  <si>
    <t>744.3123168945312</t>
  </si>
  <si>
    <t>0.0019059726227332874</t>
  </si>
  <si>
    <t>6022</t>
  </si>
  <si>
    <t>11.07097339630127</t>
  </si>
  <si>
    <t>934.6152954101562</t>
  </si>
  <si>
    <t>-0.04544761327553992</t>
  </si>
  <si>
    <t>11.749214172363281</t>
  </si>
  <si>
    <t>525.66845703125</t>
  </si>
  <si>
    <t>0.010900190499842921</t>
  </si>
  <si>
    <t>6016</t>
  </si>
  <si>
    <t>11.291065216064453</t>
  </si>
  <si>
    <t>832.2754516601562</t>
  </si>
  <si>
    <t>-0.011897033911846933</t>
  </si>
  <si>
    <t>6468</t>
  </si>
  <si>
    <t>11.190071105957031</t>
  </si>
  <si>
    <t>888.5798950195312</t>
  </si>
  <si>
    <t>0.07244435506732216</t>
  </si>
  <si>
    <t>6316</t>
  </si>
  <si>
    <t>11.507362365722656</t>
  </si>
  <si>
    <t>771.0908203125</t>
  </si>
  <si>
    <t>-0.02378084532146474</t>
  </si>
  <si>
    <t>6435</t>
  </si>
  <si>
    <t>11.125208854675293</t>
  </si>
  <si>
    <t>749.9977416992188</t>
  </si>
  <si>
    <t>0.01866574465469384</t>
  </si>
  <si>
    <t>6899</t>
  </si>
  <si>
    <t>11.771782875061035</t>
  </si>
  <si>
    <t>733.1970825195312</t>
  </si>
  <si>
    <t>0.06962463251588247</t>
  </si>
  <si>
    <t>7647</t>
  </si>
  <si>
    <t>12.408382415771484</t>
  </si>
  <si>
    <t>880.31298828125</t>
  </si>
  <si>
    <t>0.10293694049811641</t>
  </si>
  <si>
    <t>11.939468383789062</t>
  </si>
  <si>
    <t>727.200927734375</t>
  </si>
  <si>
    <t>0.008204773513149632</t>
  </si>
  <si>
    <t>11.620765686035156</t>
  </si>
  <si>
    <t>962.0445556640625</t>
  </si>
  <si>
    <t>-0.061378797185781764</t>
  </si>
  <si>
    <t>11.49597454071045</t>
  </si>
  <si>
    <t>608.27783203125</t>
  </si>
  <si>
    <t>-0.046001338316054685</t>
  </si>
  <si>
    <t>11.990280151367188</t>
  </si>
  <si>
    <t>786.3807373046875</t>
  </si>
  <si>
    <t>-0.019687110502797367</t>
  </si>
  <si>
    <t>11.681136131286621</t>
  </si>
  <si>
    <t>674.4850463867188</t>
  </si>
  <si>
    <t>-0.09575210365330733</t>
  </si>
  <si>
    <t>6353</t>
  </si>
  <si>
    <t>11.436019897460938</t>
  </si>
  <si>
    <t>679.3850708007812</t>
  </si>
  <si>
    <t>0.029228304367098445</t>
  </si>
  <si>
    <t>6463</t>
  </si>
  <si>
    <t>10.968127250671387</t>
  </si>
  <si>
    <t>709.6368408203125</t>
  </si>
  <si>
    <t>0.01716646399636268</t>
  </si>
  <si>
    <t>904</t>
  </si>
  <si>
    <t>62.55893325805664</t>
  </si>
  <si>
    <t>Cotopaxi</t>
  </si>
  <si>
    <t>813.7999267578125</t>
  </si>
  <si>
    <t>0.018434678208901545</t>
  </si>
  <si>
    <t>4756</t>
  </si>
  <si>
    <t>12.241665840148926</t>
  </si>
  <si>
    <t>1318.9000244140625</t>
  </si>
  <si>
    <t>-0.001470742990187901</t>
  </si>
  <si>
    <t>4749</t>
  </si>
  <si>
    <t>12.233332633972168</t>
  </si>
  <si>
    <t>1123.9000244140625</t>
  </si>
  <si>
    <t>-0.0014729092615510808</t>
  </si>
  <si>
    <t>1053.7000732421875</t>
  </si>
  <si>
    <t>0.03740491848761529</t>
  </si>
  <si>
    <t>0.018489272680794144</t>
  </si>
  <si>
    <t>5087</t>
  </si>
  <si>
    <t>816.1000366210938</t>
  </si>
  <si>
    <t>0.01286000510523344</t>
  </si>
  <si>
    <t>5835</t>
  </si>
  <si>
    <t>1494.0001220703125</t>
  </si>
  <si>
    <t>0.13718599989789126</t>
  </si>
  <si>
    <t>12.600001335144043</t>
  </si>
  <si>
    <t>1895.5001220703125</t>
  </si>
  <si>
    <t>0.11635385147714494</t>
  </si>
  <si>
    <t>1269.3001708984375</t>
  </si>
  <si>
    <t>0.02679269234748105</t>
  </si>
  <si>
    <t>7282</t>
  </si>
  <si>
    <t>1176.300048828125</t>
  </si>
  <si>
    <t>0.07838474019009745</t>
  </si>
  <si>
    <t>0.10063914306016564</t>
  </si>
  <si>
    <t>8372</t>
  </si>
  <si>
    <t>12.02500057220459</t>
  </si>
  <si>
    <t>1370.3001708984375</t>
  </si>
  <si>
    <t>0.03884811177034564</t>
  </si>
  <si>
    <t>8513</t>
  </si>
  <si>
    <t>1226.599853515625</t>
  </si>
  <si>
    <t>0.01670160231816631</t>
  </si>
  <si>
    <t>11.799999237060547</t>
  </si>
  <si>
    <t>827.7999877929688</t>
  </si>
  <si>
    <t>0.06403916001567644</t>
  </si>
  <si>
    <t>9596</t>
  </si>
  <si>
    <t>596.7999877929688</t>
  </si>
  <si>
    <t>0.05571277805985275</t>
  </si>
  <si>
    <t>9691</t>
  </si>
  <si>
    <t>818.3999633789062</t>
  </si>
  <si>
    <t>0.009851274774964836</t>
  </si>
  <si>
    <t>914.0999145507812</t>
  </si>
  <si>
    <t>0.009244108555941821</t>
  </si>
  <si>
    <t>7088</t>
  </si>
  <si>
    <t>1186.9000244140625</t>
  </si>
  <si>
    <t>-0.3220385150055751</t>
  </si>
  <si>
    <t>7182</t>
  </si>
  <si>
    <t>0.01317468250111098</t>
  </si>
  <si>
    <t>1334.800048828125</t>
  </si>
  <si>
    <t>0.04744993931532271</t>
  </si>
  <si>
    <t>7699</t>
  </si>
  <si>
    <t>1219.900146484375</t>
  </si>
  <si>
    <t>0.02206261517669894</t>
  </si>
  <si>
    <t>7907</t>
  </si>
  <si>
    <t>12.066665649414062</t>
  </si>
  <si>
    <t>1213.3001708984375</t>
  </si>
  <si>
    <t>0.026657992792877394</t>
  </si>
  <si>
    <t>11.749999046325684</t>
  </si>
  <si>
    <t>1013.39990234375</t>
  </si>
  <si>
    <t>-0.006980166674575017</t>
  </si>
  <si>
    <t>1043.5999755859375</t>
  </si>
  <si>
    <t>-0.0252786222635617</t>
  </si>
  <si>
    <t>12.933333396911621</t>
  </si>
  <si>
    <t>1442.39990234375</t>
  </si>
  <si>
    <t>0.05637440752773948</t>
  </si>
  <si>
    <t>12.47499942779541</t>
  </si>
  <si>
    <t>1021.300048828125</t>
  </si>
  <si>
    <t>-0.07044895752090596</t>
  </si>
  <si>
    <t>7977</t>
  </si>
  <si>
    <t>1459.5999755859375</t>
  </si>
  <si>
    <t>0.05514729677150498</t>
  </si>
  <si>
    <t>0.03909052271341551</t>
  </si>
  <si>
    <t>12.533332824707031</t>
  </si>
  <si>
    <t>1371.0</t>
  </si>
  <si>
    <t>-0.019723064457769723</t>
  </si>
  <si>
    <t>1005.6000366210938</t>
  </si>
  <si>
    <t>-0.09566681538188782</t>
  </si>
  <si>
    <t>7609</t>
  </si>
  <si>
    <t>993.9000244140625</t>
  </si>
  <si>
    <t>0.02906871339163608</t>
  </si>
  <si>
    <t>7741</t>
  </si>
  <si>
    <t>1002.5999755859375</t>
  </si>
  <si>
    <t>0.01719912102818988</t>
  </si>
  <si>
    <t>905</t>
  </si>
  <si>
    <t>9442</t>
  </si>
  <si>
    <t>22.51072883605957</t>
  </si>
  <si>
    <t>529.8453979492188</t>
  </si>
  <si>
    <t>170.60574340820312</t>
  </si>
  <si>
    <t>El Oro</t>
  </si>
  <si>
    <t>22.730451583862305</t>
  </si>
  <si>
    <t>535.5847778320312</t>
  </si>
  <si>
    <t>0.01836454360624984</t>
  </si>
  <si>
    <t>9603</t>
  </si>
  <si>
    <t>22.86225700378418</t>
  </si>
  <si>
    <t>903.000244140625</t>
  </si>
  <si>
    <t>-0.001456816074508538</t>
  </si>
  <si>
    <t>22.71836280822754</t>
  </si>
  <si>
    <t>996.6638793945312</t>
  </si>
  <si>
    <t>-0.0014589414842927084</t>
  </si>
  <si>
    <t>22.5410099029541</t>
  </si>
  <si>
    <t>878.0465087890625</t>
  </si>
  <si>
    <t>-0.001983402706681403</t>
  </si>
  <si>
    <t>22.35767364501953</t>
  </si>
  <si>
    <t>499.0087890625</t>
  </si>
  <si>
    <t>-0.02154709470351257</t>
  </si>
  <si>
    <t>21.6811466217041</t>
  </si>
  <si>
    <t>522.5950317382812</t>
  </si>
  <si>
    <t>-0.027493884616468733</t>
  </si>
  <si>
    <t>9208</t>
  </si>
  <si>
    <t>23.45697784423828</t>
  </si>
  <si>
    <t>920.524658203125</t>
  </si>
  <si>
    <t>0.010480445274700045</t>
  </si>
  <si>
    <t>9216</t>
  </si>
  <si>
    <t>23.228225708007812</t>
  </si>
  <si>
    <t>1038.0601806640625</t>
  </si>
  <si>
    <t>0.0008684325339540777</t>
  </si>
  <si>
    <t>8512</t>
  </si>
  <si>
    <t>21.72892189025879</t>
  </si>
  <si>
    <t>1138.3013916015625</t>
  </si>
  <si>
    <t>-0.0794641713542461</t>
  </si>
  <si>
    <t>8161</t>
  </si>
  <si>
    <t>21.89253807067871</t>
  </si>
  <si>
    <t>1238.693115234375</t>
  </si>
  <si>
    <t>-0.04211022211218385</t>
  </si>
  <si>
    <t>22.0530948638916</t>
  </si>
  <si>
    <t>759.8192749023438</t>
  </si>
  <si>
    <t>-0.014564562565173134</t>
  </si>
  <si>
    <t>22.79253578186035</t>
  </si>
  <si>
    <t>910.3572998046875</t>
  </si>
  <si>
    <t>0.01737888072739402</t>
  </si>
  <si>
    <t>8341</t>
  </si>
  <si>
    <t>22.331146240234375</t>
  </si>
  <si>
    <t>740.8489990234375</t>
  </si>
  <si>
    <t>0.01900208461014863</t>
  </si>
  <si>
    <t>9053</t>
  </si>
  <si>
    <t>22.50309181213379</t>
  </si>
  <si>
    <t>609.2019653320312</t>
  </si>
  <si>
    <t>0.08191308123382868</t>
  </si>
  <si>
    <t>22.274343490600586</t>
  </si>
  <si>
    <t>536.1893310546875</t>
  </si>
  <si>
    <t>0.05908348386570417</t>
  </si>
  <si>
    <t>22.642534255981445</t>
  </si>
  <si>
    <t>641.9472045898438</t>
  </si>
  <si>
    <t>0.04140491496812082</t>
  </si>
  <si>
    <t>10171</t>
  </si>
  <si>
    <t>21.684898376464844</t>
  </si>
  <si>
    <t>551.7196655273438</t>
  </si>
  <si>
    <t>0.015955940316331407</t>
  </si>
  <si>
    <t>9345</t>
  </si>
  <si>
    <t>22.275869369506836</t>
  </si>
  <si>
    <t>1367.6556396484375</t>
  </si>
  <si>
    <t>-0.08469909273593323</t>
  </si>
  <si>
    <t>9463</t>
  </si>
  <si>
    <t>22.8001708984375</t>
  </si>
  <si>
    <t>807.4249877929688</t>
  </si>
  <si>
    <t>0.012548016618568525</t>
  </si>
  <si>
    <t>22.018234252929688</t>
  </si>
  <si>
    <t>1029.470703125</t>
  </si>
  <si>
    <t>-0.05976638300173143</t>
  </si>
  <si>
    <t>9898</t>
  </si>
  <si>
    <t>22.057676315307617</t>
  </si>
  <si>
    <t>953.1038208007812</t>
  </si>
  <si>
    <t>0.1047096420053304</t>
  </si>
  <si>
    <t>10695</t>
  </si>
  <si>
    <t>22.676000595092773</t>
  </si>
  <si>
    <t>908.7128295898438</t>
  </si>
  <si>
    <t>0.07744362600467447</t>
  </si>
  <si>
    <t>10789</t>
  </si>
  <si>
    <t>21.953094482421875</t>
  </si>
  <si>
    <t>768.0444946289062</t>
  </si>
  <si>
    <t>0.008750754034833719</t>
  </si>
  <si>
    <t>22.634336471557617</t>
  </si>
  <si>
    <t>748.4832153320312</t>
  </si>
  <si>
    <t>0.027155954428410567</t>
  </si>
  <si>
    <t>10625</t>
  </si>
  <si>
    <t>23.39947509765625</t>
  </si>
  <si>
    <t>978.9553833007812</t>
  </si>
  <si>
    <t>-0.04247333618713256</t>
  </si>
  <si>
    <t>9721</t>
  </si>
  <si>
    <t>22.995590209960938</t>
  </si>
  <si>
    <t>968.8410034179688</t>
  </si>
  <si>
    <t>-0.08892122097154775</t>
  </si>
  <si>
    <t>22.814481735229492</t>
  </si>
  <si>
    <t>1015.1533203125</t>
  </si>
  <si>
    <t>0.06559238389881017</t>
  </si>
  <si>
    <t>22.49170684814453</t>
  </si>
  <si>
    <t>624.1051635742188</t>
  </si>
  <si>
    <t>0.0077731786238803835</t>
  </si>
  <si>
    <t>10257</t>
  </si>
  <si>
    <t>23.047815322875977</t>
  </si>
  <si>
    <t>823.3447265625</t>
  </si>
  <si>
    <t>-0.019693657036349066</t>
  </si>
  <si>
    <t>22.722814559936523</t>
  </si>
  <si>
    <t>667.8950805664062</t>
  </si>
  <si>
    <t>-0.0956904802462546</t>
  </si>
  <si>
    <t>22.243932723999023</t>
  </si>
  <si>
    <t>687.2073974609375</t>
  </si>
  <si>
    <t>0.029076425898429292</t>
  </si>
  <si>
    <t>21.855186462402344</t>
  </si>
  <si>
    <t>672.1231079101562</t>
  </si>
  <si>
    <t>0.017253385266085886</t>
  </si>
  <si>
    <t>906</t>
  </si>
  <si>
    <t>25.104164123535156</t>
  </si>
  <si>
    <t>1866.1121826171875</t>
  </si>
  <si>
    <t>138.18649291992188</t>
  </si>
  <si>
    <t>Esmeraldas</t>
  </si>
  <si>
    <t>7394</t>
  </si>
  <si>
    <t>25.37900733947754</t>
  </si>
  <si>
    <t>1652.073974609375</t>
  </si>
  <si>
    <t>0.01842678221173699</t>
  </si>
  <si>
    <t>7383</t>
  </si>
  <si>
    <t>25.2681884765625</t>
  </si>
  <si>
    <t>2834.40283203125</t>
  </si>
  <si>
    <t>-0.0014888004374125074</t>
  </si>
  <si>
    <t>25.397916793823242</t>
  </si>
  <si>
    <t>2014.95458984375</t>
  </si>
  <si>
    <t>-0.0014910202694515817</t>
  </si>
  <si>
    <t>7409</t>
  </si>
  <si>
    <t>24.98734474182129</t>
  </si>
  <si>
    <t>2042.01806640625</t>
  </si>
  <si>
    <t>0.005006437626942528</t>
  </si>
  <si>
    <t>24.952177047729492</t>
  </si>
  <si>
    <t>1643.1824951171875</t>
  </si>
  <si>
    <t>-0.01441025479654634</t>
  </si>
  <si>
    <t>7160</t>
  </si>
  <si>
    <t>24.447568893432617</t>
  </si>
  <si>
    <t>1617.919921875</t>
  </si>
  <si>
    <t>-0.01977524166541933</t>
  </si>
  <si>
    <t>7698</t>
  </si>
  <si>
    <t>25.76481056213379</t>
  </si>
  <si>
    <t>2458.294189453125</t>
  </si>
  <si>
    <t>0.07245057388900022</t>
  </si>
  <si>
    <t>8182</t>
  </si>
  <si>
    <t>25.605056762695312</t>
  </si>
  <si>
    <t>3949.79443359375</t>
  </si>
  <si>
    <t>0.06097606464565253</t>
  </si>
  <si>
    <t>24.569135665893555</t>
  </si>
  <si>
    <t>2354.173095703125</t>
  </si>
  <si>
    <t>-0.02137071016566061</t>
  </si>
  <si>
    <t>7173</t>
  </si>
  <si>
    <t>24.598466873168945</t>
  </si>
  <si>
    <t>2093.815673828125</t>
  </si>
  <si>
    <t>-0.11024193219724765</t>
  </si>
  <si>
    <t>24.577484130859375</t>
  </si>
  <si>
    <t>1455.2041015625</t>
  </si>
  <si>
    <t>-0.09330466396541937</t>
  </si>
  <si>
    <t>25.079118728637695</t>
  </si>
  <si>
    <t>2435.407958984375</t>
  </si>
  <si>
    <t>-0.008298802814694639</t>
  </si>
  <si>
    <t>6611</t>
  </si>
  <si>
    <t>24.806486129760742</t>
  </si>
  <si>
    <t>1998.05908203125</t>
  </si>
  <si>
    <t>0.020014417987257005</t>
  </si>
  <si>
    <t>7201</t>
  </si>
  <si>
    <t>24.746423721313477</t>
  </si>
  <si>
    <t>1621.7269287109375</t>
  </si>
  <si>
    <t>0.08548497691528922</t>
  </si>
  <si>
    <t>7439</t>
  </si>
  <si>
    <t>24.602636337280273</t>
  </si>
  <si>
    <t>1311.1463623046875</t>
  </si>
  <si>
    <t>0.03251652594247467</t>
  </si>
  <si>
    <t>24.866933822631836</t>
  </si>
  <si>
    <t>1698.3450927734375</t>
  </si>
  <si>
    <t>-0.002692154001815439</t>
  </si>
  <si>
    <t>24.31023597717285</t>
  </si>
  <si>
    <t>1945.5587158203125</t>
  </si>
  <si>
    <t>0.033663395988138944</t>
  </si>
  <si>
    <t>24.652814865112305</t>
  </si>
  <si>
    <t>2190.924072265625</t>
  </si>
  <si>
    <t>0.5666842662956935</t>
  </si>
  <si>
    <t>25.180997848510742</t>
  </si>
  <si>
    <t>1503.0223388671875</t>
  </si>
  <si>
    <t>-0.03284898304367445</t>
  </si>
  <si>
    <t>24.794511795043945</t>
  </si>
  <si>
    <t>2723.51318359375</t>
  </si>
  <si>
    <t>-0.04950109999728802</t>
  </si>
  <si>
    <t>13192</t>
  </si>
  <si>
    <t>24.99082374572754</t>
  </si>
  <si>
    <t>2290.67236328125</t>
  </si>
  <si>
    <t>0.05756872880703767</t>
  </si>
  <si>
    <t>11518</t>
  </si>
  <si>
    <t>25.267562866210938</t>
  </si>
  <si>
    <t>2559.611083984375</t>
  </si>
  <si>
    <t>-0.13569955617281693</t>
  </si>
  <si>
    <t>10849</t>
  </si>
  <si>
    <t>24.938552856445312</t>
  </si>
  <si>
    <t>2019.2607421875</t>
  </si>
  <si>
    <t>-0.05983811924416749</t>
  </si>
  <si>
    <t>11016</t>
  </si>
  <si>
    <t>25.589784622192383</t>
  </si>
  <si>
    <t>1883.852294921875</t>
  </si>
  <si>
    <t>0.015275851586041611</t>
  </si>
  <si>
    <t>12547</t>
  </si>
  <si>
    <t>26.13317108154297</t>
  </si>
  <si>
    <t>2969.736083984375</t>
  </si>
  <si>
    <t>0.13013283175120804</t>
  </si>
  <si>
    <t>13933</t>
  </si>
  <si>
    <t>25.735139846801758</t>
  </si>
  <si>
    <t>1950.5352783203125</t>
  </si>
  <si>
    <t>0.10477853395389225</t>
  </si>
  <si>
    <t>14082</t>
  </si>
  <si>
    <t>25.42388916015625</t>
  </si>
  <si>
    <t>2872.620849609375</t>
  </si>
  <si>
    <t>0.010637258965486396</t>
  </si>
  <si>
    <t>13959</t>
  </si>
  <si>
    <t>25.418241500854492</t>
  </si>
  <si>
    <t>2008.7130126953125</t>
  </si>
  <si>
    <t>-0.008772924566320839</t>
  </si>
  <si>
    <t>13687</t>
  </si>
  <si>
    <t>25.892030715942383</t>
  </si>
  <si>
    <t>2420.49755859375</t>
  </si>
  <si>
    <t>-0.01967798430149159</t>
  </si>
  <si>
    <t>12437</t>
  </si>
  <si>
    <t>25.593923568725586</t>
  </si>
  <si>
    <t>2092.355712890625</t>
  </si>
  <si>
    <t>-0.09577057655752519</t>
  </si>
  <si>
    <t>12805</t>
  </si>
  <si>
    <t>25.13050651550293</t>
  </si>
  <si>
    <t>1985.0633544921875</t>
  </si>
  <si>
    <t>0.029159818979884733</t>
  </si>
  <si>
    <t>13028</t>
  </si>
  <si>
    <t>24.629623413085938</t>
  </si>
  <si>
    <t>2039.4814453125</t>
  </si>
  <si>
    <t>0.01726516776249909</t>
  </si>
  <si>
    <t>61736</t>
  </si>
  <si>
    <t>23.080263137817383</t>
  </si>
  <si>
    <t>629.935791015625</t>
  </si>
  <si>
    <t>13.849529266357422</t>
  </si>
  <si>
    <t>Galapagos</t>
  </si>
  <si>
    <t>62878</t>
  </si>
  <si>
    <t>23.60322380065918</t>
  </si>
  <si>
    <t>1531.163818359375</t>
  </si>
  <si>
    <t>0.018329111844032298</t>
  </si>
  <si>
    <t>62788</t>
  </si>
  <si>
    <t>23.244691848754883</t>
  </si>
  <si>
    <t>993.6710815429688</t>
  </si>
  <si>
    <t>-0.0014323685863733004</t>
  </si>
  <si>
    <t>62695</t>
  </si>
  <si>
    <t>23.64299201965332</t>
  </si>
  <si>
    <t>795.2464599609375</t>
  </si>
  <si>
    <t>-0.0014822727704597582</t>
  </si>
  <si>
    <t>64846</t>
  </si>
  <si>
    <t>23.307275772094727</t>
  </si>
  <si>
    <t>814.8101806640625</t>
  </si>
  <si>
    <t>0.03373352841576249</t>
  </si>
  <si>
    <t>65800</t>
  </si>
  <si>
    <t>22.814605712890625</t>
  </si>
  <si>
    <t>637.09765625</t>
  </si>
  <si>
    <t>0.014604610273007523</t>
  </si>
  <si>
    <t>66413</t>
  </si>
  <si>
    <t>22.15746307373047</t>
  </si>
  <si>
    <t>313.60052490234375</t>
  </si>
  <si>
    <t>0.009272982120631212</t>
  </si>
  <si>
    <t>66698</t>
  </si>
  <si>
    <t>23.729440689086914</t>
  </si>
  <si>
    <t>761.0057373046875</t>
  </si>
  <si>
    <t>0.004282147012620641</t>
  </si>
  <si>
    <t>66325</t>
  </si>
  <si>
    <t>24.15118408203125</t>
  </si>
  <si>
    <t>697.2107543945312</t>
  </si>
  <si>
    <t>-0.005608067440720177</t>
  </si>
  <si>
    <t>60853</t>
  </si>
  <si>
    <t>22.59062385559082</t>
  </si>
  <si>
    <t>657.95458984375</t>
  </si>
  <si>
    <t>-0.08610578024433302</t>
  </si>
  <si>
    <t>48439</t>
  </si>
  <si>
    <t>22.919931411743164</t>
  </si>
  <si>
    <t>793.1007080078125</t>
  </si>
  <si>
    <t>-0.22815584540345846</t>
  </si>
  <si>
    <t>37245</t>
  </si>
  <si>
    <t>22.930265426635742</t>
  </si>
  <si>
    <t>647.6344604492188</t>
  </si>
  <si>
    <t>-0.2627875667477717</t>
  </si>
  <si>
    <t>34614</t>
  </si>
  <si>
    <t>22.923959732055664</t>
  </si>
  <si>
    <t>1309.232177734375</t>
  </si>
  <si>
    <t>-0.0732594831254314</t>
  </si>
  <si>
    <t>33353</t>
  </si>
  <si>
    <t>410.8567199707031</t>
  </si>
  <si>
    <t>-0.03711050116439729</t>
  </si>
  <si>
    <t>34647</t>
  </si>
  <si>
    <t>860.90087890625</t>
  </si>
  <si>
    <t>0.03806341846264871</t>
  </si>
  <si>
    <t>329.74468994140625</t>
  </si>
  <si>
    <t>0.0658959421383365</t>
  </si>
  <si>
    <t>36320</t>
  </si>
  <si>
    <t>681.216552734375</t>
  </si>
  <si>
    <t>-0.018738530206302784</t>
  </si>
  <si>
    <t>35802</t>
  </si>
  <si>
    <t>461.8204345703125</t>
  </si>
  <si>
    <t>-0.014364795965093435</t>
  </si>
  <si>
    <t>28268</t>
  </si>
  <si>
    <t>23.432268142700195</t>
  </si>
  <si>
    <t>1015.1151123046875</t>
  </si>
  <si>
    <t>-0.2362733349393924</t>
  </si>
  <si>
    <t>24.038612365722656</t>
  </si>
  <si>
    <t>857.1387939453125</t>
  </si>
  <si>
    <t>-0.025364976683150076</t>
  </si>
  <si>
    <t>22849</t>
  </si>
  <si>
    <t>23.027427673339844</t>
  </si>
  <si>
    <t>521.477783203125</t>
  </si>
  <si>
    <t>-0.18745809343904973</t>
  </si>
  <si>
    <t>21222</t>
  </si>
  <si>
    <t>23.55931854248047</t>
  </si>
  <si>
    <t>963.743408203125</t>
  </si>
  <si>
    <t>-0.07386897325500996</t>
  </si>
  <si>
    <t>20817</t>
  </si>
  <si>
    <t>23.90937614440918</t>
  </si>
  <si>
    <t>1021.4273071289062</t>
  </si>
  <si>
    <t>-0.019268418865875603</t>
  </si>
  <si>
    <t>19761</t>
  </si>
  <si>
    <t>22.863611221313477</t>
  </si>
  <si>
    <t>739.6203002929688</t>
  </si>
  <si>
    <t>-0.052059662258857387</t>
  </si>
  <si>
    <t>20292</t>
  </si>
  <si>
    <t>24.43431854248047</t>
  </si>
  <si>
    <t>647.424072265625</t>
  </si>
  <si>
    <t>0.026516421377777988</t>
  </si>
  <si>
    <t>24.354063034057617</t>
  </si>
  <si>
    <t>1027.60302734375</t>
  </si>
  <si>
    <t>-0.028694795551592378</t>
  </si>
  <si>
    <t>20597</t>
  </si>
  <si>
    <t>23.59610939025879</t>
  </si>
  <si>
    <t>312.31683349609375</t>
  </si>
  <si>
    <t>0.04361350996948943</t>
  </si>
  <si>
    <t>23.564422607421875</t>
  </si>
  <si>
    <t>893.3299560546875</t>
  </si>
  <si>
    <t>0.04048596681131755</t>
  </si>
  <si>
    <t>22012</t>
  </si>
  <si>
    <t>23.39893341064453</t>
  </si>
  <si>
    <t>658.3604125976562</t>
  </si>
  <si>
    <t>0.025956358263854895</t>
  </si>
  <si>
    <t>21584</t>
  </si>
  <si>
    <t>23.17193031311035</t>
  </si>
  <si>
    <t>810.4884643554688</t>
  </si>
  <si>
    <t>-0.019635459732112892</t>
  </si>
  <si>
    <t>19613</t>
  </si>
  <si>
    <t>22.990625381469727</t>
  </si>
  <si>
    <t>493.30792236328125</t>
  </si>
  <si>
    <t>-0.09575968778602473</t>
  </si>
  <si>
    <t>20193</t>
  </si>
  <si>
    <t>22.965627670288086</t>
  </si>
  <si>
    <t>702.7421875</t>
  </si>
  <si>
    <t>0.02914339801731103</t>
  </si>
  <si>
    <t>20543</t>
  </si>
  <si>
    <t>22.882291793823242</t>
  </si>
  <si>
    <t>569.39404296875</t>
  </si>
  <si>
    <t>0.017184240613689283</t>
  </si>
  <si>
    <t>25.06224822998047</t>
  </si>
  <si>
    <t>564.4641723632812</t>
  </si>
  <si>
    <t>1251.91552734375</t>
  </si>
  <si>
    <t>Guayas</t>
  </si>
  <si>
    <t>10016</t>
  </si>
  <si>
    <t>25.169898986816406</t>
  </si>
  <si>
    <t>659.4396362304688</t>
  </si>
  <si>
    <t>0.01833804536799377</t>
  </si>
  <si>
    <t>25.227190017700195</t>
  </si>
  <si>
    <t>1114.92138671875</t>
  </si>
  <si>
    <t>-0.0013987413610294652</t>
  </si>
  <si>
    <t>9987</t>
  </si>
  <si>
    <t>25.10984230041504</t>
  </si>
  <si>
    <t>1140.478515625</t>
  </si>
  <si>
    <t>-0.0015008257357145283</t>
  </si>
  <si>
    <t>10391</t>
  </si>
  <si>
    <t>24.991273880004883</t>
  </si>
  <si>
    <t>942.7982177734375</t>
  </si>
  <si>
    <t>0.03965579960951082</t>
  </si>
  <si>
    <t>10605</t>
  </si>
  <si>
    <t>25.15172576904297</t>
  </si>
  <si>
    <t>560.031494140625</t>
  </si>
  <si>
    <t>0.020385541146136887</t>
  </si>
  <si>
    <t>10764</t>
  </si>
  <si>
    <t>24.638587951660156</t>
  </si>
  <si>
    <t>685.802734375</t>
  </si>
  <si>
    <t>0.01488164484801402</t>
  </si>
  <si>
    <t>10743</t>
  </si>
  <si>
    <t>26.05640411376953</t>
  </si>
  <si>
    <t>971.6194458007812</t>
  </si>
  <si>
    <t>-0.0019528531802546212</t>
  </si>
  <si>
    <t>25.918210983276367</t>
  </si>
  <si>
    <t>1344.4766845703125</t>
  </si>
  <si>
    <t>-0.012174714904720219</t>
  </si>
  <si>
    <t>9671</t>
  </si>
  <si>
    <t>24.562891006469727</t>
  </si>
  <si>
    <t>1310.52099609375</t>
  </si>
  <si>
    <t>-0.09294794804485917</t>
  </si>
  <si>
    <t>9236</t>
  </si>
  <si>
    <t>24.474191665649414</t>
  </si>
  <si>
    <t>1152.87353515625</t>
  </si>
  <si>
    <t>-0.04602282524257717</t>
  </si>
  <si>
    <t>24.391481399536133</t>
  </si>
  <si>
    <t>676.4644775390625</t>
  </si>
  <si>
    <t>-0.018798367766542867</t>
  </si>
  <si>
    <t>9264</t>
  </si>
  <si>
    <t>25.308744430541992</t>
  </si>
  <si>
    <t>1014.5127563476562</t>
  </si>
  <si>
    <t>0.021825397104933586</t>
  </si>
  <si>
    <t>24.98124885559082</t>
  </si>
  <si>
    <t>752.4619140625</t>
  </si>
  <si>
    <t>0.019667158064422097</t>
  </si>
  <si>
    <t>25.065689086914062</t>
  </si>
  <si>
    <t>682.5167846679688</t>
  </si>
  <si>
    <t>0.05307515216765779</t>
  </si>
  <si>
    <t>10346</t>
  </si>
  <si>
    <t>24.78761863708496</t>
  </si>
  <si>
    <t>654.64599609375</t>
  </si>
  <si>
    <t>0.03772174051860411</t>
  </si>
  <si>
    <t>25.094934463500977</t>
  </si>
  <si>
    <t>734.8978881835938</t>
  </si>
  <si>
    <t>0.04470387612411386</t>
  </si>
  <si>
    <t>10902</t>
  </si>
  <si>
    <t>24.161291122436523</t>
  </si>
  <si>
    <t>694.8378295898438</t>
  </si>
  <si>
    <t>0.007642410936652411</t>
  </si>
  <si>
    <t>11328</t>
  </si>
  <si>
    <t>24.853822708129883</t>
  </si>
  <si>
    <t>1197.736572265625</t>
  </si>
  <si>
    <t>0.03833127830927374</t>
  </si>
  <si>
    <t>11172</t>
  </si>
  <si>
    <t>25.44281578063965</t>
  </si>
  <si>
    <t>694.3756103515625</t>
  </si>
  <si>
    <t>-0.013866888868433236</t>
  </si>
  <si>
    <t>24.905563354492188</t>
  </si>
  <si>
    <t>1065.0205078125</t>
  </si>
  <si>
    <t>0.00891112651344983</t>
  </si>
  <si>
    <t>24.810836791992188</t>
  </si>
  <si>
    <t>989.4807739257812</t>
  </si>
  <si>
    <t>0.04425116850311639</t>
  </si>
  <si>
    <t>25.10640525817871</t>
  </si>
  <si>
    <t>1090.0211181640625</t>
  </si>
  <si>
    <t>0.055468913350763316</t>
  </si>
  <si>
    <t>13159</t>
  </si>
  <si>
    <t>24.70686912536621</t>
  </si>
  <si>
    <t>875.1292114257812</t>
  </si>
  <si>
    <t>0.055064078717743214</t>
  </si>
  <si>
    <t>13398</t>
  </si>
  <si>
    <t>25.337488174438477</t>
  </si>
  <si>
    <t>761.9454956054688</t>
  </si>
  <si>
    <t>0.017999506918073394</t>
  </si>
  <si>
    <t>12811</t>
  </si>
  <si>
    <t>26.065393447875977</t>
  </si>
  <si>
    <t>988.4442749023438</t>
  </si>
  <si>
    <t>-0.044801265211779295</t>
  </si>
  <si>
    <t>12689</t>
  </si>
  <si>
    <t>25.610450744628906</t>
  </si>
  <si>
    <t>1014.9885864257812</t>
  </si>
  <si>
    <t>-0.009568700459519519</t>
  </si>
  <si>
    <t>12570</t>
  </si>
  <si>
    <t>25.35251808166504</t>
  </si>
  <si>
    <t>1202.521240234375</t>
  </si>
  <si>
    <t>-0.009422453812621967</t>
  </si>
  <si>
    <t>25.064804077148438</t>
  </si>
  <si>
    <t>735.271728515625</t>
  </si>
  <si>
    <t>0.009658851118793166</t>
  </si>
  <si>
    <t>25.619285583496094</t>
  </si>
  <si>
    <t>964.4694213867188</t>
  </si>
  <si>
    <t>-0.019652937901392775</t>
  </si>
  <si>
    <t>11309</t>
  </si>
  <si>
    <t>25.241910934448242</t>
  </si>
  <si>
    <t>708.4854736328125</t>
  </si>
  <si>
    <t>-0.09572006693036528</t>
  </si>
  <si>
    <t>11643</t>
  </si>
  <si>
    <t>24.997901916503906</t>
  </si>
  <si>
    <t>735.4420776367188</t>
  </si>
  <si>
    <t>0.02910627216568784</t>
  </si>
  <si>
    <t>11845</t>
  </si>
  <si>
    <t>24.523544311523438</t>
  </si>
  <si>
    <t>830.8760375976562</t>
  </si>
  <si>
    <t>0.017200696555869754</t>
  </si>
  <si>
    <t>14.265297889709473</t>
  </si>
  <si>
    <t>1110.9951171875</t>
  </si>
  <si>
    <t>148.05458068847656</t>
  </si>
  <si>
    <t>Imbabura</t>
  </si>
  <si>
    <t>7241</t>
  </si>
  <si>
    <t>14.487500190734863</t>
  </si>
  <si>
    <t>1003.9901733398438</t>
  </si>
  <si>
    <t>0.01825707459153314</t>
  </si>
  <si>
    <t>7231</t>
  </si>
  <si>
    <t>14.364140510559082</t>
  </si>
  <si>
    <t>1423.369384765625</t>
  </si>
  <si>
    <t>-0.0013819792138693998</t>
  </si>
  <si>
    <t>7220</t>
  </si>
  <si>
    <t>14.517539024353027</t>
  </si>
  <si>
    <t>1194.454345703125</t>
  </si>
  <si>
    <t>-0.0015223862880784367</t>
  </si>
  <si>
    <t>7317</t>
  </si>
  <si>
    <t>14.113364219665527</t>
  </si>
  <si>
    <t>1235.98291015625</t>
  </si>
  <si>
    <t>0.013345454997157447</t>
  </si>
  <si>
    <t>14.037373542785645</t>
  </si>
  <si>
    <t>1007.2572021484375</t>
  </si>
  <si>
    <t>-0.00561914724601742</t>
  </si>
  <si>
    <t>7196</t>
  </si>
  <si>
    <t>13.546648979187012</t>
  </si>
  <si>
    <t>942.44970703125</t>
  </si>
  <si>
    <t>-0.011055944567589293</t>
  </si>
  <si>
    <t>7433</t>
  </si>
  <si>
    <t>14.779826164245605</t>
  </si>
  <si>
    <t>1456.8316650390625</t>
  </si>
  <si>
    <t>0.032404229654870775</t>
  </si>
  <si>
    <t>14.690975189208984</t>
  </si>
  <si>
    <t>1967.3599853515625</t>
  </si>
  <si>
    <t>0.02287637996809977</t>
  </si>
  <si>
    <t>7181</t>
  </si>
  <si>
    <t>13.679168701171875</t>
  </si>
  <si>
    <t>1375.396240234375</t>
  </si>
  <si>
    <t>-0.05736727658307572</t>
  </si>
  <si>
    <t>6976</t>
  </si>
  <si>
    <t>13.763237953186035</t>
  </si>
  <si>
    <t>1269.777099609375</t>
  </si>
  <si>
    <t>-0.028962962521502433</t>
  </si>
  <si>
    <t>13.760567665100098</t>
  </si>
  <si>
    <t>818.0010375976562</t>
  </si>
  <si>
    <t>-0.0007170001024174866</t>
  </si>
  <si>
    <t>14.199317932128906</t>
  </si>
  <si>
    <t>1626.4952392578125</t>
  </si>
  <si>
    <t>0.003293952136923295</t>
  </si>
  <si>
    <t>13.950821876525879</t>
  </si>
  <si>
    <t>1471.3642578125</t>
  </si>
  <si>
    <t>0.05548096793377866</t>
  </si>
  <si>
    <t>8126</t>
  </si>
  <si>
    <t>13.904903411865234</t>
  </si>
  <si>
    <t>910.5611572265625</t>
  </si>
  <si>
    <t>0.0945351909905714</t>
  </si>
  <si>
    <t>8006</t>
  </si>
  <si>
    <t>13.80197811126709</t>
  </si>
  <si>
    <t>711.3640747070312</t>
  </si>
  <si>
    <t>-0.014877536995152596</t>
  </si>
  <si>
    <t>13.998505592346191</t>
  </si>
  <si>
    <t>982.3228149414062</t>
  </si>
  <si>
    <t>0.021011772890966895</t>
  </si>
  <si>
    <t>13.486685752868652</t>
  </si>
  <si>
    <t>1041.9312744140625</t>
  </si>
  <si>
    <t>0.0013444969329619028</t>
  </si>
  <si>
    <t>7712</t>
  </si>
  <si>
    <t>13.795883178710938</t>
  </si>
  <si>
    <t>1231.8369140625</t>
  </si>
  <si>
    <t>-0.05976997308606613</t>
  </si>
  <si>
    <t>7924</t>
  </si>
  <si>
    <t>14.29532527923584</t>
  </si>
  <si>
    <t>801.4868774414062</t>
  </si>
  <si>
    <t>0.027118571528060187</t>
  </si>
  <si>
    <t>8568</t>
  </si>
  <si>
    <t>13.933162689208984</t>
  </si>
  <si>
    <t>1529.4954833984375</t>
  </si>
  <si>
    <t>0.07813820430914298</t>
  </si>
  <si>
    <t>9278</t>
  </si>
  <si>
    <t>14.090424537658691</t>
  </si>
  <si>
    <t>1255.1168212890625</t>
  </si>
  <si>
    <t>0.07961167318410389</t>
  </si>
  <si>
    <t>9803</t>
  </si>
  <si>
    <t>14.390297889709473</t>
  </si>
  <si>
    <t>1359.379638671875</t>
  </si>
  <si>
    <t>0.05504245495003701</t>
  </si>
  <si>
    <t>14.051762580871582</t>
  </si>
  <si>
    <t>1106.07958984375</t>
  </si>
  <si>
    <t>-0.024577858387372586</t>
  </si>
  <si>
    <t>9552</t>
  </si>
  <si>
    <t>14.691238403320312</t>
  </si>
  <si>
    <t>1147.643798828125</t>
  </si>
  <si>
    <t>-0.0013600462419702808</t>
  </si>
  <si>
    <t>15.223072052001953</t>
  </si>
  <si>
    <t>1708.93896484375</t>
  </si>
  <si>
    <t>-0.025661465361270785</t>
  </si>
  <si>
    <t>8531</t>
  </si>
  <si>
    <t>14.8651704788208</t>
  </si>
  <si>
    <t>1119.9951171875</t>
  </si>
  <si>
    <t>-0.08738250336241826</t>
  </si>
  <si>
    <t>14.596699714660645</t>
  </si>
  <si>
    <t>1582.3514404296875</t>
  </si>
  <si>
    <t>-0.004346556035477178</t>
  </si>
  <si>
    <t>8692</t>
  </si>
  <si>
    <t>14.604167938232422</t>
  </si>
  <si>
    <t>1131.46533203125</t>
  </si>
  <si>
    <t>0.023043030503103523</t>
  </si>
  <si>
    <t>15.045411109924316</t>
  </si>
  <si>
    <t>1615.56640625</t>
  </si>
  <si>
    <t>-0.01975200731646254</t>
  </si>
  <si>
    <t>14.754559516906738</t>
  </si>
  <si>
    <t>1213.4881591796875</t>
  </si>
  <si>
    <t>-0.095732705103444</t>
  </si>
  <si>
    <t>7973</t>
  </si>
  <si>
    <t>14.265769004821777</t>
  </si>
  <si>
    <t>1174.2337646484375</t>
  </si>
  <si>
    <t>0.02914248354608162</t>
  </si>
  <si>
    <t>13.804726600646973</t>
  </si>
  <si>
    <t>1167.800048828125</t>
  </si>
  <si>
    <t>0.017283613328469727</t>
  </si>
  <si>
    <t>3904</t>
  </si>
  <si>
    <t>17.333663940429688</t>
  </si>
  <si>
    <t>620.5750732421875</t>
  </si>
  <si>
    <t>125.10043334960938</t>
  </si>
  <si>
    <t>Loja</t>
  </si>
  <si>
    <t>3976</t>
  </si>
  <si>
    <t>17.57597541809082</t>
  </si>
  <si>
    <t>621.81591796875</t>
  </si>
  <si>
    <t>0.018274620243481365</t>
  </si>
  <si>
    <t>17.677448272705078</t>
  </si>
  <si>
    <t>912.9307861328125</t>
  </si>
  <si>
    <t>-0.0012583366452130207</t>
  </si>
  <si>
    <t>17.578161239624023</t>
  </si>
  <si>
    <t>1101.76904296875</t>
  </si>
  <si>
    <t>-0.0015120970623030416</t>
  </si>
  <si>
    <t>4016</t>
  </si>
  <si>
    <t>17.378032684326172</t>
  </si>
  <si>
    <t>899.3493041992188</t>
  </si>
  <si>
    <t>0.012780527302616917</t>
  </si>
  <si>
    <t>3992</t>
  </si>
  <si>
    <t>17.195154190063477</t>
  </si>
  <si>
    <t>653.7058715820312</t>
  </si>
  <si>
    <t>-0.00599402394021098</t>
  </si>
  <si>
    <t>3946</t>
  </si>
  <si>
    <t>16.426694869995117</t>
  </si>
  <si>
    <t>633.0070190429688</t>
  </si>
  <si>
    <t>-0.011589950848794217</t>
  </si>
  <si>
    <t>18.42538833618164</t>
  </si>
  <si>
    <t>1135.0447998046875</t>
  </si>
  <si>
    <t>0.0937884955137438</t>
  </si>
  <si>
    <t>4693</t>
  </si>
  <si>
    <t>18.06349754333496</t>
  </si>
  <si>
    <t>1138.2132568359375</t>
  </si>
  <si>
    <t>0.07958113369811315</t>
  </si>
  <si>
    <t>4672</t>
  </si>
  <si>
    <t>16.54933738708496</t>
  </si>
  <si>
    <t>1310.714599609375</t>
  </si>
  <si>
    <t>-0.0044847912863534845</t>
  </si>
  <si>
    <t>16.63705062866211</t>
  </si>
  <si>
    <t>1211.0811767578125</t>
  </si>
  <si>
    <t>0.14518200984449692</t>
  </si>
  <si>
    <t>6301</t>
  </si>
  <si>
    <t>16.865732192993164</t>
  </si>
  <si>
    <t>901.9583740234375</t>
  </si>
  <si>
    <t>0.1539390955894948</t>
  </si>
  <si>
    <t>17.66184425354004</t>
  </si>
  <si>
    <t>1044.1180419921875</t>
  </si>
  <si>
    <t>-0.015514105645625165</t>
  </si>
  <si>
    <t>6305</t>
  </si>
  <si>
    <t>17.220279693603516</t>
  </si>
  <si>
    <t>872.653076171875</t>
  </si>
  <si>
    <t>0.016148724102590606</t>
  </si>
  <si>
    <t>17.341819763183594</t>
  </si>
  <si>
    <t>843.9392700195312</t>
  </si>
  <si>
    <t>0.056126954233285176</t>
  </si>
  <si>
    <t>7116</t>
  </si>
  <si>
    <t>17.096078872680664</t>
  </si>
  <si>
    <t>603.6913452148438</t>
  </si>
  <si>
    <t>0.06487584615342001</t>
  </si>
  <si>
    <t>17.500032424926758</t>
  </si>
  <si>
    <t>877.716552734375</t>
  </si>
  <si>
    <t>0.012845750502448183</t>
  </si>
  <si>
    <t>16.52564811706543</t>
  </si>
  <si>
    <t>756.6209716796875</t>
  </si>
  <si>
    <t>0.01295676292740744</t>
  </si>
  <si>
    <t>17.164709091186523</t>
  </si>
  <si>
    <t>1659.3162841796875</t>
  </si>
  <si>
    <t>-0.01782430608914609</t>
  </si>
  <si>
    <t>7184</t>
  </si>
  <si>
    <t>17.6290340423584</t>
  </si>
  <si>
    <t>869.8104248046875</t>
  </si>
  <si>
    <t>0.0015323538556000216</t>
  </si>
  <si>
    <t>16.814544677734375</t>
  </si>
  <si>
    <t>1194.931884765625</t>
  </si>
  <si>
    <t>-0.04556596881423758</t>
  </si>
  <si>
    <t>16.9287052154541</t>
  </si>
  <si>
    <t>1059.357666015625</t>
  </si>
  <si>
    <t>0.08111797659434394</t>
  </si>
  <si>
    <t>7553</t>
  </si>
  <si>
    <t>17.567686080932617</t>
  </si>
  <si>
    <t>860.91064453125</t>
  </si>
  <si>
    <t>0.0145364965513064</t>
  </si>
  <si>
    <t>16.706432342529297</t>
  </si>
  <si>
    <t>966.7051391601562</t>
  </si>
  <si>
    <t>0.001587511909008299</t>
  </si>
  <si>
    <t>7084</t>
  </si>
  <si>
    <t>17.474308013916016</t>
  </si>
  <si>
    <t>886.6402587890625</t>
  </si>
  <si>
    <t>-0.06569362731973172</t>
  </si>
  <si>
    <t>18.318666458129883</t>
  </si>
  <si>
    <t>1114.078125</t>
  </si>
  <si>
    <t>0.05546301925470409</t>
  </si>
  <si>
    <t>6961</t>
  </si>
  <si>
    <t>17.909494400024414</t>
  </si>
  <si>
    <t>1023.6737670898438</t>
  </si>
  <si>
    <t>-0.07297859698876152</t>
  </si>
  <si>
    <t>17.73567008972168</t>
  </si>
  <si>
    <t>1049.50341796875</t>
  </si>
  <si>
    <t>-0.0499257030614757</t>
  </si>
  <si>
    <t>17.398828506469727</t>
  </si>
  <si>
    <t>711.9090576171875</t>
  </si>
  <si>
    <t>-0.008644931370294984</t>
  </si>
  <si>
    <t>6438</t>
  </si>
  <si>
    <t>17.969038009643555</t>
  </si>
  <si>
    <t>956.1776123046875</t>
  </si>
  <si>
    <t>-0.019534574878143474</t>
  </si>
  <si>
    <t>17.65500831604004</t>
  </si>
  <si>
    <t>805.52197265625</t>
  </si>
  <si>
    <t>-0.0957762716328503</t>
  </si>
  <si>
    <t>17.198287963867188</t>
  </si>
  <si>
    <t>877.9768676757812</t>
  </si>
  <si>
    <t>0.02914381281781786</t>
  </si>
  <si>
    <t>16.660594940185547</t>
  </si>
  <si>
    <t>828.3908081054688</t>
  </si>
  <si>
    <t>0.017119759681934354</t>
  </si>
  <si>
    <t>911</t>
  </si>
  <si>
    <t>24.288198471069336</t>
  </si>
  <si>
    <t>1361.2762451171875</t>
  </si>
  <si>
    <t>294.4033203125</t>
  </si>
  <si>
    <t>Los Rios</t>
  </si>
  <si>
    <t>5900</t>
  </si>
  <si>
    <t>24.47089958190918</t>
  </si>
  <si>
    <t>1547.364990234375</t>
  </si>
  <si>
    <t>0.01830205879718605</t>
  </si>
  <si>
    <t>5892</t>
  </si>
  <si>
    <t>24.580610275268555</t>
  </si>
  <si>
    <t>2589.103271484375</t>
  </si>
  <si>
    <t>-0.0013568523112894582</t>
  </si>
  <si>
    <t>5883</t>
  </si>
  <si>
    <t>24.470230102539062</t>
  </si>
  <si>
    <t>2368.12841796875</t>
  </si>
  <si>
    <t>-0.001528662718065732</t>
  </si>
  <si>
    <t>6277</t>
  </si>
  <si>
    <t>24.263879776000977</t>
  </si>
  <si>
    <t>1898.8973388671875</t>
  </si>
  <si>
    <t>0.06482532345307668</t>
  </si>
  <si>
    <t>24.130765914916992</t>
  </si>
  <si>
    <t>1329.2301025390625</t>
  </si>
  <si>
    <t>0.04425087102734615</t>
  </si>
  <si>
    <t>23.580047607421875</t>
  </si>
  <si>
    <t>1545.3507080078125</t>
  </si>
  <si>
    <t>0.03739592189644014</t>
  </si>
  <si>
    <t>25.204504013061523</t>
  </si>
  <si>
    <t>1965.4898681640625</t>
  </si>
  <si>
    <t>0.03576444615415397</t>
  </si>
  <si>
    <t>25.041831970214844</t>
  </si>
  <si>
    <t>3200.193115234375</t>
  </si>
  <si>
    <t>0.026146194059549543</t>
  </si>
  <si>
    <t>23.739295959472656</t>
  </si>
  <si>
    <t>2513.72802734375</t>
  </si>
  <si>
    <t>-0.05415923028722425</t>
  </si>
  <si>
    <t>23.908714294433594</t>
  </si>
  <si>
    <t>2166.117919921875</t>
  </si>
  <si>
    <t>-0.008779687652046064</t>
  </si>
  <si>
    <t>23.681501388549805</t>
  </si>
  <si>
    <t>1368.1365966796875</t>
  </si>
  <si>
    <t>0.019935181823832693</t>
  </si>
  <si>
    <t>6938</t>
  </si>
  <si>
    <t>24.384681701660156</t>
  </si>
  <si>
    <t>2209.990478515625</t>
  </si>
  <si>
    <t>-0.00043230780988956496</t>
  </si>
  <si>
    <t>24.099214553833008</t>
  </si>
  <si>
    <t>1641.06103515625</t>
  </si>
  <si>
    <t>0.026175036308028865</t>
  </si>
  <si>
    <t>24.15083885192871</t>
  </si>
  <si>
    <t>1523.247314453125</t>
  </si>
  <si>
    <t>0.08140267938850343</t>
  </si>
  <si>
    <t>23.906801223754883</t>
  </si>
  <si>
    <t>1453.3099365234375</t>
  </si>
  <si>
    <t>0.05379469343668397</t>
  </si>
  <si>
    <t>24.17868995666504</t>
  </si>
  <si>
    <t>1536.126953125</t>
  </si>
  <si>
    <t>-0.010728261229598246</t>
  </si>
  <si>
    <t>23.369422912597656</t>
  </si>
  <si>
    <t>1603.5555419921875</t>
  </si>
  <si>
    <t>0.021827966577037117</t>
  </si>
  <si>
    <t>7812</t>
  </si>
  <si>
    <t>23.88347053527832</t>
  </si>
  <si>
    <t>2292.609130859375</t>
  </si>
  <si>
    <t>-0.05382465001378023</t>
  </si>
  <si>
    <t>24.64525032043457</t>
  </si>
  <si>
    <t>1418.79638671875</t>
  </si>
  <si>
    <t>0.014613640840586584</t>
  </si>
  <si>
    <t>8254</t>
  </si>
  <si>
    <t>24.159530639648438</t>
  </si>
  <si>
    <t>2316.528076171875</t>
  </si>
  <si>
    <t>0.04042327747537122</t>
  </si>
  <si>
    <t>24.033552169799805</t>
  </si>
  <si>
    <t>2357.396240234375</t>
  </si>
  <si>
    <t>0.05147500794691062</t>
  </si>
  <si>
    <t>8374</t>
  </si>
  <si>
    <t>24.496782302856445</t>
  </si>
  <si>
    <t>2510.697265625</t>
  </si>
  <si>
    <t>-0.03704127168034965</t>
  </si>
  <si>
    <t>8681</t>
  </si>
  <si>
    <t>24.03252601623535</t>
  </si>
  <si>
    <t>1962.0198974609375</t>
  </si>
  <si>
    <t>0.036005061812719674</t>
  </si>
  <si>
    <t>9002</t>
  </si>
  <si>
    <t>24.602170944213867</t>
  </si>
  <si>
    <t>1634.525390625</t>
  </si>
  <si>
    <t>0.03631004546106986</t>
  </si>
  <si>
    <t>9350</t>
  </si>
  <si>
    <t>25.30015754699707</t>
  </si>
  <si>
    <t>2231.715576171875</t>
  </si>
  <si>
    <t>0.0379295684298544</t>
  </si>
  <si>
    <t>8851</t>
  </si>
  <si>
    <t>24.758451461791992</t>
  </si>
  <si>
    <t>2068.74072265625</t>
  </si>
  <si>
    <t>-0.05484589631385539</t>
  </si>
  <si>
    <t>8966</t>
  </si>
  <si>
    <t>24.43914222717285</t>
  </si>
  <si>
    <t>2725.871826171875</t>
  </si>
  <si>
    <t>0.012909198746507755</t>
  </si>
  <si>
    <t>24.295270919799805</t>
  </si>
  <si>
    <t>1742.0020751953125</t>
  </si>
  <si>
    <t>-0.05443286671602188</t>
  </si>
  <si>
    <t>8326</t>
  </si>
  <si>
    <t>24.792312622070312</t>
  </si>
  <si>
    <t>2110.044189453125</t>
  </si>
  <si>
    <t>-0.01962363024444258</t>
  </si>
  <si>
    <t>24.500633239746094</t>
  </si>
  <si>
    <t>1712.009765625</t>
  </si>
  <si>
    <t>-0.09571862256194485</t>
  </si>
  <si>
    <t>24.13639259338379</t>
  </si>
  <si>
    <t>1610.214599609375</t>
  </si>
  <si>
    <t>0.02917633367181871</t>
  </si>
  <si>
    <t>23.774011611938477</t>
  </si>
  <si>
    <t>1872.3795166015625</t>
  </si>
  <si>
    <t>0.0171814598806872</t>
  </si>
  <si>
    <t>6584</t>
  </si>
  <si>
    <t>24.77911376953125</t>
  </si>
  <si>
    <t>720.0232543945312</t>
  </si>
  <si>
    <t>381.4939880371094</t>
  </si>
  <si>
    <t>Manabi</t>
  </si>
  <si>
    <t>6706</t>
  </si>
  <si>
    <t>25.018774032592773</t>
  </si>
  <si>
    <t>804.4119262695312</t>
  </si>
  <si>
    <t>0.01836018466926781</t>
  </si>
  <si>
    <t>6696</t>
  </si>
  <si>
    <t>24.952451705932617</t>
  </si>
  <si>
    <t>1516.7216796875</t>
  </si>
  <si>
    <t>-0.001492314856863075</t>
  </si>
  <si>
    <t>24.9086856842041</t>
  </si>
  <si>
    <t>1246.227294921875</t>
  </si>
  <si>
    <t>-0.0014945451892671713</t>
  </si>
  <si>
    <t>24.759645462036133</t>
  </si>
  <si>
    <t>1041.03759765625</t>
  </si>
  <si>
    <t>0.020723062486608157</t>
  </si>
  <si>
    <t>24.79042625427246</t>
  </si>
  <si>
    <t>742.5399780273438</t>
  </si>
  <si>
    <t>0.001756440732595621</t>
  </si>
  <si>
    <t>6814</t>
  </si>
  <si>
    <t>24.191476821899414</t>
  </si>
  <si>
    <t>884.461181640625</t>
  </si>
  <si>
    <t>-0.0035159719783361965</t>
  </si>
  <si>
    <t>25.579294204711914</t>
  </si>
  <si>
    <t>1116.193359375</t>
  </si>
  <si>
    <t>0.04463040691594067</t>
  </si>
  <si>
    <t>25.54897117614746</t>
  </si>
  <si>
    <t>1942.6029052734375</t>
  </si>
  <si>
    <t>0.03489287301976951</t>
  </si>
  <si>
    <t>24.090728759765625</t>
  </si>
  <si>
    <t>1385.8795166015625</t>
  </si>
  <si>
    <t>-0.04561683638274516</t>
  </si>
  <si>
    <t>24.11231231689453</t>
  </si>
  <si>
    <t>1136.13525390625</t>
  </si>
  <si>
    <t>-0.08169915993236287</t>
  </si>
  <si>
    <t>6124</t>
  </si>
  <si>
    <t>24.44660186767578</t>
  </si>
  <si>
    <t>727.4430541992188</t>
  </si>
  <si>
    <t>-0.05897112506393931</t>
  </si>
  <si>
    <t>24.986051559448242</t>
  </si>
  <si>
    <t>1261.63330078125</t>
  </si>
  <si>
    <t>-0.0042546292293739185</t>
  </si>
  <si>
    <t>6429</t>
  </si>
  <si>
    <t>24.623125076293945</t>
  </si>
  <si>
    <t>876.2174682617188</t>
  </si>
  <si>
    <t>0.05285815659348714</t>
  </si>
  <si>
    <t>7266</t>
  </si>
  <si>
    <t>24.778427124023438</t>
  </si>
  <si>
    <t>803.231689453125</t>
  </si>
  <si>
    <t>0.12238692863945921</t>
  </si>
  <si>
    <t>7692</t>
  </si>
  <si>
    <t>24.642364501953125</t>
  </si>
  <si>
    <t>713.5264282226562</t>
  </si>
  <si>
    <t>0.056974893927524306</t>
  </si>
  <si>
    <t>24.794527053833008</t>
  </si>
  <si>
    <t>868.7490844726562</t>
  </si>
  <si>
    <t>0.046732728792003186</t>
  </si>
  <si>
    <t>24.15976905822754</t>
  </si>
  <si>
    <t>915.95068359375</t>
  </si>
  <si>
    <t>0.0192916224305133</t>
  </si>
  <si>
    <t>7316</t>
  </si>
  <si>
    <t>24.530397415161133</t>
  </si>
  <si>
    <t>1159.22802734375</t>
  </si>
  <si>
    <t>-0.1161414484204304</t>
  </si>
  <si>
    <t>7022</t>
  </si>
  <si>
    <t>25.093374252319336</t>
  </si>
  <si>
    <t>759.4378662109375</t>
  </si>
  <si>
    <t>-0.041015652782379064</t>
  </si>
  <si>
    <t>6978</t>
  </si>
  <si>
    <t>24.479825973510742</t>
  </si>
  <si>
    <t>1353.9681396484375</t>
  </si>
  <si>
    <t>-0.006285734981657853</t>
  </si>
  <si>
    <t>24.55438804626465</t>
  </si>
  <si>
    <t>1248.24267578125</t>
  </si>
  <si>
    <t>0.12978045722409703</t>
  </si>
  <si>
    <t>24.920202255249023</t>
  </si>
  <si>
    <t>1437.994140625</t>
  </si>
  <si>
    <t>0.01956814479181901</t>
  </si>
  <si>
    <t>24.429443359375</t>
  </si>
  <si>
    <t>1160.5531005859375</t>
  </si>
  <si>
    <t>0.024746798284759564</t>
  </si>
  <si>
    <t>25.197189331054688</t>
  </si>
  <si>
    <t>866.3758544921875</t>
  </si>
  <si>
    <t>-0.02920004661408271</t>
  </si>
  <si>
    <t>25.836015701293945</t>
  </si>
  <si>
    <t>1289.369384765625</t>
  </si>
  <si>
    <t>-0.006218152108667496</t>
  </si>
  <si>
    <t>25.275014877319336</t>
  </si>
  <si>
    <t>1092.099609375</t>
  </si>
  <si>
    <t>0.02476563460654191</t>
  </si>
  <si>
    <t>25.045724868774414</t>
  </si>
  <si>
    <t>1626.4122314453125</t>
  </si>
  <si>
    <t>0.004129226173155587</t>
  </si>
  <si>
    <t>24.920286178588867</t>
  </si>
  <si>
    <t>986.0358276367188</t>
  </si>
  <si>
    <t>-0.04613341285865502</t>
  </si>
  <si>
    <t>25.371009826660156</t>
  </si>
  <si>
    <t>1187.226806640625</t>
  </si>
  <si>
    <t>-0.019609728019460704</t>
  </si>
  <si>
    <t>7020</t>
  </si>
  <si>
    <t>25.07500457763672</t>
  </si>
  <si>
    <t>907.702880859375</t>
  </si>
  <si>
    <t>-0.09582804620636942</t>
  </si>
  <si>
    <t>24.617429733276367</t>
  </si>
  <si>
    <t>907.789306640625</t>
  </si>
  <si>
    <t>0.029199154692260976</t>
  </si>
  <si>
    <t>24.322362899780273</t>
  </si>
  <si>
    <t>1004.7020874023438</t>
  </si>
  <si>
    <t>0.01714602048410363</t>
  </si>
  <si>
    <t>913</t>
  </si>
  <si>
    <t>6275</t>
  </si>
  <si>
    <t>18.390783309936523</t>
  </si>
  <si>
    <t>1379.7877197265625</t>
  </si>
  <si>
    <t>49.49243927001953</t>
  </si>
  <si>
    <t>Morona Santiago</t>
  </si>
  <si>
    <t>18.480215072631836</t>
  </si>
  <si>
    <t>1236.615478515625</t>
  </si>
  <si>
    <t>0.018317265650297898</t>
  </si>
  <si>
    <t>6382</t>
  </si>
  <si>
    <t>18.498598098754883</t>
  </si>
  <si>
    <t>2360.47998046875</t>
  </si>
  <si>
    <t>-0.0014092228120929917</t>
  </si>
  <si>
    <t>18.38807487487793</t>
  </si>
  <si>
    <t>1685.25537109375</t>
  </si>
  <si>
    <t>-0.0015681358082506591</t>
  </si>
  <si>
    <t>18.309091567993164</t>
  </si>
  <si>
    <t>1580.296142578125</t>
  </si>
  <si>
    <t>-0.004246290881450676</t>
  </si>
  <si>
    <t>18.304790496826172</t>
  </si>
  <si>
    <t>1475.2320556640625</t>
  </si>
  <si>
    <t>-0.024247479210426803</t>
  </si>
  <si>
    <t>17.741392135620117</t>
  </si>
  <si>
    <t>1350.2679443359375</t>
  </si>
  <si>
    <t>-0.030161276604133036</t>
  </si>
  <si>
    <t>19.1014461517334</t>
  </si>
  <si>
    <t>3014.282958984375</t>
  </si>
  <si>
    <t>0.07283526092896686</t>
  </si>
  <si>
    <t>6871</t>
  </si>
  <si>
    <t>19.0093936920166</t>
  </si>
  <si>
    <t>3023.3310546875</t>
  </si>
  <si>
    <t>0.061216049768180625</t>
  </si>
  <si>
    <t>6728</t>
  </si>
  <si>
    <t>17.6663761138916</t>
  </si>
  <si>
    <t>2003.4908447265625</t>
  </si>
  <si>
    <t>-0.021031733378292117</t>
  </si>
  <si>
    <t>5635</t>
  </si>
  <si>
    <t>17.774147033691406</t>
  </si>
  <si>
    <t>1953.6131591796875</t>
  </si>
  <si>
    <t>-0.1772807751789074</t>
  </si>
  <si>
    <t>4691</t>
  </si>
  <si>
    <t>17.9329833984375</t>
  </si>
  <si>
    <t>1328.846435546875</t>
  </si>
  <si>
    <t>-0.1833513681454182</t>
  </si>
  <si>
    <t>4959</t>
  </si>
  <si>
    <t>18.553293228149414</t>
  </si>
  <si>
    <t>1831.0399169921875</t>
  </si>
  <si>
    <t>0.055558328160675075</t>
  </si>
  <si>
    <t>18.22349739074707</t>
  </si>
  <si>
    <t>1794.2049560546875</t>
  </si>
  <si>
    <t>-0.015239551258538597</t>
  </si>
  <si>
    <t>5192</t>
  </si>
  <si>
    <t>18.340360641479492</t>
  </si>
  <si>
    <t>1466.5625</t>
  </si>
  <si>
    <t>0.061154423153331194</t>
  </si>
  <si>
    <t>5301</t>
  </si>
  <si>
    <t>18.170549392700195</t>
  </si>
  <si>
    <t>1074.9154052734375</t>
  </si>
  <si>
    <t>0.020776502603879976</t>
  </si>
  <si>
    <t>5319</t>
  </si>
  <si>
    <t>18.398176193237305</t>
  </si>
  <si>
    <t>1380.5235595703125</t>
  </si>
  <si>
    <t>0.0033898337545110735</t>
  </si>
  <si>
    <t>5333</t>
  </si>
  <si>
    <t>17.630521774291992</t>
  </si>
  <si>
    <t>1638.77685546875</t>
  </si>
  <si>
    <t>0.0026286158582848884</t>
  </si>
  <si>
    <t>18.035200119018555</t>
  </si>
  <si>
    <t>2181.66552734375</t>
  </si>
  <si>
    <t>0.01968128882235831</t>
  </si>
  <si>
    <t>18.62322425842285</t>
  </si>
  <si>
    <t>1432.778076171875</t>
  </si>
  <si>
    <t>0.004585901827665495</t>
  </si>
  <si>
    <t>5606</t>
  </si>
  <si>
    <t>18.104230880737305</t>
  </si>
  <si>
    <t>2333.084228515625</t>
  </si>
  <si>
    <t>0.025656330474108202</t>
  </si>
  <si>
    <t>18.01133918762207</t>
  </si>
  <si>
    <t>2193.654296875</t>
  </si>
  <si>
    <t>0.1557802570071427</t>
  </si>
  <si>
    <t>6406</t>
  </si>
  <si>
    <t>18.39430046081543</t>
  </si>
  <si>
    <t>1678.9990234375</t>
  </si>
  <si>
    <t>-0.02238265856277266</t>
  </si>
  <si>
    <t>5968</t>
  </si>
  <si>
    <t>18.005699157714844</t>
  </si>
  <si>
    <t>1516.2286376953125</t>
  </si>
  <si>
    <t>-0.07082318828550704</t>
  </si>
  <si>
    <t>18.525344848632812</t>
  </si>
  <si>
    <t>1861.4781494140625</t>
  </si>
  <si>
    <t>0.005514259105916963</t>
  </si>
  <si>
    <t>19.176103591918945</t>
  </si>
  <si>
    <t>2579.396240234375</t>
  </si>
  <si>
    <t>0.07741148186605251</t>
  </si>
  <si>
    <t>6254</t>
  </si>
  <si>
    <t>18.821739196777344</t>
  </si>
  <si>
    <t>1669.5003662109375</t>
  </si>
  <si>
    <t>-0.03611634483777948</t>
  </si>
  <si>
    <t>18.586801528930664</t>
  </si>
  <si>
    <t>2042.9432373046875</t>
  </si>
  <si>
    <t>0.07112257093955066</t>
  </si>
  <si>
    <t>18.37311553955078</t>
  </si>
  <si>
    <t>1513.9041748046875</t>
  </si>
  <si>
    <t>-0.017122677268567088</t>
  </si>
  <si>
    <t>18.887989044189453</t>
  </si>
  <si>
    <t>2131.2197265625</t>
  </si>
  <si>
    <t>-0.019581473143260197</t>
  </si>
  <si>
    <t>18.59990119934082</t>
  </si>
  <si>
    <t>1774.713623046875</t>
  </si>
  <si>
    <t>-0.09574283943156914</t>
  </si>
  <si>
    <t>18.219655990600586</t>
  </si>
  <si>
    <t>1585.8338623046875</t>
  </si>
  <si>
    <t>0.029152676003343814</t>
  </si>
  <si>
    <t>6161</t>
  </si>
  <si>
    <t>17.879316329956055</t>
  </si>
  <si>
    <t>1679.212646484375</t>
  </si>
  <si>
    <t>0.017189585897286364</t>
  </si>
  <si>
    <t>914</t>
  </si>
  <si>
    <t>15.908653259277344</t>
  </si>
  <si>
    <t>1544.2161865234375</t>
  </si>
  <si>
    <t>73.3582992553711</t>
  </si>
  <si>
    <t>Napo w/ Orellana</t>
  </si>
  <si>
    <t>16.020872116088867</t>
  </si>
  <si>
    <t>1403.237060546875</t>
  </si>
  <si>
    <t>0.018287155704941327</t>
  </si>
  <si>
    <t>8652</t>
  </si>
  <si>
    <t>16.064470291137695</t>
  </si>
  <si>
    <t>2282.89306640625</t>
  </si>
  <si>
    <t>-0.001386001607876608</t>
  </si>
  <si>
    <t>8639</t>
  </si>
  <si>
    <t>16.051429748535156</t>
  </si>
  <si>
    <t>1681.7802734375</t>
  </si>
  <si>
    <t>-0.0015036727140653738</t>
  </si>
  <si>
    <t>15.81851577758789</t>
  </si>
  <si>
    <t>1684.922119140625</t>
  </si>
  <si>
    <t>0.005886103900554218</t>
  </si>
  <si>
    <t>8574</t>
  </si>
  <si>
    <t>15.646446228027344</t>
  </si>
  <si>
    <t>1690.6263427734375</t>
  </si>
  <si>
    <t>-0.013438571101515251</t>
  </si>
  <si>
    <t>8414</t>
  </si>
  <si>
    <t>15.081061363220215</t>
  </si>
  <si>
    <t>1489.459716796875</t>
  </si>
  <si>
    <t>-0.01883738300745641</t>
  </si>
  <si>
    <t>16.514667510986328</t>
  </si>
  <si>
    <t>2708.612548828125</t>
  </si>
  <si>
    <t>0.057501698016599434</t>
  </si>
  <si>
    <t>9341</t>
  </si>
  <si>
    <t>16.34309959411621</t>
  </si>
  <si>
    <t>3102.28125</t>
  </si>
  <si>
    <t>0.047014629705783406</t>
  </si>
  <si>
    <t>15.312132835388184</t>
  </si>
  <si>
    <t>1954.179931640625</t>
  </si>
  <si>
    <t>-0.03408245393542231</t>
  </si>
  <si>
    <t>7632</t>
  </si>
  <si>
    <t>15.587654113769531</t>
  </si>
  <si>
    <t>1796.6444091796875</t>
  </si>
  <si>
    <t>-0.1679809248093047</t>
  </si>
  <si>
    <t>6437</t>
  </si>
  <si>
    <t>15.407858848571777</t>
  </si>
  <si>
    <t>1236.2996826171875</t>
  </si>
  <si>
    <t>-0.1702873410755057</t>
  </si>
  <si>
    <t>6525</t>
  </si>
  <si>
    <t>15.95995807647705</t>
  </si>
  <si>
    <t>2008.9576416015625</t>
  </si>
  <si>
    <t>0.01357836013827729</t>
  </si>
  <si>
    <t>15.699996948242188</t>
  </si>
  <si>
    <t>2009.601806640625</t>
  </si>
  <si>
    <t>0.03108276781981978</t>
  </si>
  <si>
    <t>15.674147605895996</t>
  </si>
  <si>
    <t>1504.16943359375</t>
  </si>
  <si>
    <t>0.054356492816181046</t>
  </si>
  <si>
    <t>7017</t>
  </si>
  <si>
    <t>15.531865119934082</t>
  </si>
  <si>
    <t>1085.5257568359375</t>
  </si>
  <si>
    <t>-0.012744437574605527</t>
  </si>
  <si>
    <t>6873</t>
  </si>
  <si>
    <t>15.773719787597656</t>
  </si>
  <si>
    <t>1468.2596435546875</t>
  </si>
  <si>
    <t>-0.020735084130683035</t>
  </si>
  <si>
    <t>15.14340591430664</t>
  </si>
  <si>
    <t>1817.5916748046875</t>
  </si>
  <si>
    <t>-0.024598044095432314</t>
  </si>
  <si>
    <t>6840</t>
  </si>
  <si>
    <t>15.495536804199219</t>
  </si>
  <si>
    <t>2160.114501953125</t>
  </si>
  <si>
    <t>0.019785083590422303</t>
  </si>
  <si>
    <t>16.06254005432129</t>
  </si>
  <si>
    <t>1275.955078125</t>
  </si>
  <si>
    <t>0.004521924414479628</t>
  </si>
  <si>
    <t>15.679966926574707</t>
  </si>
  <si>
    <t>2334.82958984375</t>
  </si>
  <si>
    <t>0.02557610674280042</t>
  </si>
  <si>
    <t>8238</t>
  </si>
  <si>
    <t>15.667342185974121</t>
  </si>
  <si>
    <t>2004.3697509765625</t>
  </si>
  <si>
    <t>0.15587183322215026</t>
  </si>
  <si>
    <t>16.041601181030273</t>
  </si>
  <si>
    <t>1778.904296875</t>
  </si>
  <si>
    <t>-0.02234044059762752</t>
  </si>
  <si>
    <t>15.691901206970215</t>
  </si>
  <si>
    <t>1572.691650390625</t>
  </si>
  <si>
    <t>-0.0708476903308366</t>
  </si>
  <si>
    <t>16.174089431762695</t>
  </si>
  <si>
    <t>1829.056396484375</t>
  </si>
  <si>
    <t>0.005448156456694164</t>
  </si>
  <si>
    <t>8154</t>
  </si>
  <si>
    <t>16.765478134155273</t>
  </si>
  <si>
    <t>2645.545166015625</t>
  </si>
  <si>
    <t>0.07749098285494149</t>
  </si>
  <si>
    <t>7864</t>
  </si>
  <si>
    <t>16.45903968811035</t>
  </si>
  <si>
    <t>1667.38720703125</t>
  </si>
  <si>
    <t>-0.03621322155219531</t>
  </si>
  <si>
    <t>8444</t>
  </si>
  <si>
    <t>16.22951316833496</t>
  </si>
  <si>
    <t>2094.21337890625</t>
  </si>
  <si>
    <t>0.07116074714120835</t>
  </si>
  <si>
    <t>8301</t>
  </si>
  <si>
    <t>16.150707244873047</t>
  </si>
  <si>
    <t>1633.3536376953125</t>
  </si>
  <si>
    <t>-0.01708014051317619</t>
  </si>
  <si>
    <t>16.62782096862793</t>
  </si>
  <si>
    <t>2202.675537109375</t>
  </si>
  <si>
    <t>-0.01970866712799335</t>
  </si>
  <si>
    <t>16.361583709716797</t>
  </si>
  <si>
    <t>1866.916015625</t>
  </si>
  <si>
    <t>-0.09572800882002674</t>
  </si>
  <si>
    <t>15.9356107711792</t>
  </si>
  <si>
    <t>1708.0968017578125</t>
  </si>
  <si>
    <t>0.0291806728222479</t>
  </si>
  <si>
    <t>15.468788146972656</t>
  </si>
  <si>
    <t>1808.528076171875</t>
  </si>
  <si>
    <t>0.017185685302639087</t>
  </si>
  <si>
    <t>915</t>
  </si>
  <si>
    <t>9741</t>
  </si>
  <si>
    <t>23.55879783630371</t>
  </si>
  <si>
    <t>3583.55615234375</t>
  </si>
  <si>
    <t>18.52512550354004</t>
  </si>
  <si>
    <t>Pastaza</t>
  </si>
  <si>
    <t>23.527902603149414</t>
  </si>
  <si>
    <t>3244.357177734375</t>
  </si>
  <si>
    <t>0.018309940878946662</t>
  </si>
  <si>
    <t>9907</t>
  </si>
  <si>
    <t>23.650123596191406</t>
  </si>
  <si>
    <t>5452.224609375</t>
  </si>
  <si>
    <t>-0.0014121446768733392</t>
  </si>
  <si>
    <t>23.424924850463867</t>
  </si>
  <si>
    <t>4083.68359375</t>
  </si>
  <si>
    <t>-0.0015152283317227955</t>
  </si>
  <si>
    <t>23.352127075195312</t>
  </si>
  <si>
    <t>3913.44140625</t>
  </si>
  <si>
    <t>-0.017129293205291773</t>
  </si>
  <si>
    <t>23.36307716369629</t>
  </si>
  <si>
    <t>3883.403564453125</t>
  </si>
  <si>
    <t>-0.03761772055782586</t>
  </si>
  <si>
    <t>8955</t>
  </si>
  <si>
    <t>22.921781539916992</t>
  </si>
  <si>
    <t>3409.515625</t>
  </si>
  <si>
    <t>-0.04476730038337706</t>
  </si>
  <si>
    <t>9548</t>
  </si>
  <si>
    <t>24.105260848999023</t>
  </si>
  <si>
    <t>6612.0380859375</t>
  </si>
  <si>
    <t>0.06411967296390841</t>
  </si>
  <si>
    <t>10069</t>
  </si>
  <si>
    <t>24.134798049926758</t>
  </si>
  <si>
    <t>7429.36865234375</t>
  </si>
  <si>
    <t>0.05312968845689525</t>
  </si>
  <si>
    <t>9787</t>
  </si>
  <si>
    <t>22.83219337463379</t>
  </si>
  <si>
    <t>4737.43994140625</t>
  </si>
  <si>
    <t>-0.028406422489796412</t>
  </si>
  <si>
    <t>22.914459228515625</t>
  </si>
  <si>
    <t>4308.70166015625</t>
  </si>
  <si>
    <t>-0.1867248202700953</t>
  </si>
  <si>
    <t>22.96977424621582</t>
  </si>
  <si>
    <t>3102.31298828125</t>
  </si>
  <si>
    <t>-0.19761024930904547</t>
  </si>
  <si>
    <t>23.608198165893555</t>
  </si>
  <si>
    <t>4516.6865234375</t>
  </si>
  <si>
    <t>-0.03714603605262923</t>
  </si>
  <si>
    <t>23.322607040405273</t>
  </si>
  <si>
    <t>4548.9619140625</t>
  </si>
  <si>
    <t>0.002644064064703855</t>
  </si>
  <si>
    <t>23.495466232299805</t>
  </si>
  <si>
    <t>3701.224609375</t>
  </si>
  <si>
    <t>6632</t>
  </si>
  <si>
    <t>23.34156036376953</t>
  </si>
  <si>
    <t>2747.0888671875</t>
  </si>
  <si>
    <t>0.016265464624236614</t>
  </si>
  <si>
    <t>23.453142166137695</t>
  </si>
  <si>
    <t>3439.672119140625</t>
  </si>
  <si>
    <t>-0.0009051139552891385</t>
  </si>
  <si>
    <t>6573</t>
  </si>
  <si>
    <t>22.92253303527832</t>
  </si>
  <si>
    <t>4421.6103515625</t>
  </si>
  <si>
    <t>-0.008030954596264905</t>
  </si>
  <si>
    <t>5852</t>
  </si>
  <si>
    <t>23.140092849731445</t>
  </si>
  <si>
    <t>5289.26220703125</t>
  </si>
  <si>
    <t>-0.11618686612356122</t>
  </si>
  <si>
    <t>5616</t>
  </si>
  <si>
    <t>23.742103576660156</t>
  </si>
  <si>
    <t>2964.17724609375</t>
  </si>
  <si>
    <t>-0.04116381643436817</t>
  </si>
  <si>
    <t>5581</t>
  </si>
  <si>
    <t>23.478147506713867</t>
  </si>
  <si>
    <t>5452.09912109375</t>
  </si>
  <si>
    <t>-0.006251694917214223</t>
  </si>
  <si>
    <t>6355</t>
  </si>
  <si>
    <t>23.26049041748047</t>
  </si>
  <si>
    <t>4972.29443359375</t>
  </si>
  <si>
    <t>0.12987393283512105</t>
  </si>
  <si>
    <t>23.55678367614746</t>
  </si>
  <si>
    <t>4204.130859375</t>
  </si>
  <si>
    <t>0.019478605722767384</t>
  </si>
  <si>
    <t>23.39080238342285</t>
  </si>
  <si>
    <t>3772.465087890625</t>
  </si>
  <si>
    <t>0.024692612590371255</t>
  </si>
  <si>
    <t>6451</t>
  </si>
  <si>
    <t>23.71240997314453</t>
  </si>
  <si>
    <t>4413.7275390625</t>
  </si>
  <si>
    <t>-0.02917796540445039</t>
  </si>
  <si>
    <t>6412</t>
  </si>
  <si>
    <t>24.290185928344727</t>
  </si>
  <si>
    <t>6121.00830078125</t>
  </si>
  <si>
    <t>-0.006063922802798771</t>
  </si>
  <si>
    <t>23.903474807739258</t>
  </si>
  <si>
    <t>4047.1259765625</t>
  </si>
  <si>
    <t>0.024646965427715273</t>
  </si>
  <si>
    <t>6599</t>
  </si>
  <si>
    <t>23.6436710357666</t>
  </si>
  <si>
    <t>4914.408203125</t>
  </si>
  <si>
    <t>0.0040999222262634305</t>
  </si>
  <si>
    <t>23.48065185546875</t>
  </si>
  <si>
    <t>3775.784912109375</t>
  </si>
  <si>
    <t>-0.04605107906620276</t>
  </si>
  <si>
    <t>6179</t>
  </si>
  <si>
    <t>23.96137237548828</t>
  </si>
  <si>
    <t>5217.994140625</t>
  </si>
  <si>
    <t>-0.019710597256239026</t>
  </si>
  <si>
    <t>5615</t>
  </si>
  <si>
    <t>23.742055892944336</t>
  </si>
  <si>
    <t>4309.62060546875</t>
  </si>
  <si>
    <t>-0.09571485788843681</t>
  </si>
  <si>
    <t>5781</t>
  </si>
  <si>
    <t>23.36354637145996</t>
  </si>
  <si>
    <t>3934.79150390625</t>
  </si>
  <si>
    <t>0.029135089909932077</t>
  </si>
  <si>
    <t>23.16295623779297</t>
  </si>
  <si>
    <t>4337.66064453125</t>
  </si>
  <si>
    <t>0.017150137377480945</t>
  </si>
  <si>
    <t>10624</t>
  </si>
  <si>
    <t>15.418784141540527</t>
  </si>
  <si>
    <t>1484.581787109375</t>
  </si>
  <si>
    <t>739.5736083984375</t>
  </si>
  <si>
    <t>Pichincha</t>
  </si>
  <si>
    <t>10821</t>
  </si>
  <si>
    <t>15.57888412475586</t>
  </si>
  <si>
    <t>1364.3055419921875</t>
  </si>
  <si>
    <t>0.018373097855434395</t>
  </si>
  <si>
    <t>10805</t>
  </si>
  <si>
    <t>15.493210792541504</t>
  </si>
  <si>
    <t>2367.89111328125</t>
  </si>
  <si>
    <t>-0.001479700630662606</t>
  </si>
  <si>
    <t>15.606060981750488</t>
  </si>
  <si>
    <t>1897.74853515625</t>
  </si>
  <si>
    <t>-0.0014818933896467712</t>
  </si>
  <si>
    <t>10906</t>
  </si>
  <si>
    <t>15.274237632751465</t>
  </si>
  <si>
    <t>1779.035888671875</t>
  </si>
  <si>
    <t>0.01078599993466689</t>
  </si>
  <si>
    <t>15.208850860595703</t>
  </si>
  <si>
    <t>1386.83447265625</t>
  </si>
  <si>
    <t>-0.008286577203261203</t>
  </si>
  <si>
    <t>10669</t>
  </si>
  <si>
    <t>14.614314079284668</t>
  </si>
  <si>
    <t>1374.4696044921875</t>
  </si>
  <si>
    <t>-0.01368417909128361</t>
  </si>
  <si>
    <t>10546</t>
  </si>
  <si>
    <t>16.050457000732422</t>
  </si>
  <si>
    <t>2292.051025390625</t>
  </si>
  <si>
    <t>-0.011595699101047074</t>
  </si>
  <si>
    <t>15.932002067565918</t>
  </si>
  <si>
    <t>3188.11279296875</t>
  </si>
  <si>
    <t>-0.02243837547139016</t>
  </si>
  <si>
    <t>9294</t>
  </si>
  <si>
    <t>14.780891418457031</t>
  </si>
  <si>
    <t>2146.10107421875</t>
  </si>
  <si>
    <t>-0.10393923497410107</t>
  </si>
  <si>
    <t>14.949885368347168</t>
  </si>
  <si>
    <t>1955.2935791015625</t>
  </si>
  <si>
    <t>0.05688340771036238</t>
  </si>
  <si>
    <t>10680</t>
  </si>
  <si>
    <t>14.898741722106934</t>
  </si>
  <si>
    <t>1131.8572998046875</t>
  </si>
  <si>
    <t>0.0821203951589009</t>
  </si>
  <si>
    <t>11204</t>
  </si>
  <si>
    <t>15.446579933166504</t>
  </si>
  <si>
    <t>2339.04833984375</t>
  </si>
  <si>
    <t>0.047898023865812434</t>
  </si>
  <si>
    <t>10984</t>
  </si>
  <si>
    <t>15.164877891540527</t>
  </si>
  <si>
    <t>1895.7183837890625</t>
  </si>
  <si>
    <t>-0.01983118893219249</t>
  </si>
  <si>
    <t>15.114238739013672</t>
  </si>
  <si>
    <t>1307.2659912109375</t>
  </si>
  <si>
    <t>0.04329526267560979</t>
  </si>
  <si>
    <t>11814</t>
  </si>
  <si>
    <t>14.973210334777832</t>
  </si>
  <si>
    <t>951.683837890625</t>
  </si>
  <si>
    <t>0.029550337743764032</t>
  </si>
  <si>
    <t>11995</t>
  </si>
  <si>
    <t>15.242341041564941</t>
  </si>
  <si>
    <t>1347.7921142578125</t>
  </si>
  <si>
    <t>0.015204627406614435</t>
  </si>
  <si>
    <t>11841</t>
  </si>
  <si>
    <t>14.635353088378906</t>
  </si>
  <si>
    <t>1516.38623046875</t>
  </si>
  <si>
    <t>-0.012921810942838619</t>
  </si>
  <si>
    <t>14439</t>
  </si>
  <si>
    <t>14.99622631072998</t>
  </si>
  <si>
    <t>1882.7242431640625</t>
  </si>
  <si>
    <t>0.1983647936402626</t>
  </si>
  <si>
    <t>15.51805591583252</t>
  </si>
  <si>
    <t>1167.131591796875</t>
  </si>
  <si>
    <t>-0.02738166011956622</t>
  </si>
  <si>
    <t>14839</t>
  </si>
  <si>
    <t>15.057456970214844</t>
  </si>
  <si>
    <t>2333.227783203125</t>
  </si>
  <si>
    <t>0.05470763115447497</t>
  </si>
  <si>
    <t>15506</t>
  </si>
  <si>
    <t>15.214129447937012</t>
  </si>
  <si>
    <t>2017.443359375</t>
  </si>
  <si>
    <t>0.04396819577277711</t>
  </si>
  <si>
    <t>16630</t>
  </si>
  <si>
    <t>15.53472900390625</t>
  </si>
  <si>
    <t>2131.0810546875</t>
  </si>
  <si>
    <t>0.06998124740806944</t>
  </si>
  <si>
    <t>15.09308910369873</t>
  </si>
  <si>
    <t>1736.49072265625</t>
  </si>
  <si>
    <t>0.05452918373296711</t>
  </si>
  <si>
    <t>18529</t>
  </si>
  <si>
    <t>15.779926300048828</t>
  </si>
  <si>
    <t>1655.47021484375</t>
  </si>
  <si>
    <t>0.05359959536247416</t>
  </si>
  <si>
    <t>17581</t>
  </si>
  <si>
    <t>16.360490798950195</t>
  </si>
  <si>
    <t>2431.88671875</t>
  </si>
  <si>
    <t>-0.052518298839626</t>
  </si>
  <si>
    <t>16912</t>
  </si>
  <si>
    <t>16.025259017944336</t>
  </si>
  <si>
    <t>1715.3863525390625</t>
  </si>
  <si>
    <t>-0.038795344332770654</t>
  </si>
  <si>
    <t>17015</t>
  </si>
  <si>
    <t>15.786541938781738</t>
  </si>
  <si>
    <t>2546.296875</t>
  </si>
  <si>
    <t>0.006071878824988275</t>
  </si>
  <si>
    <t>16754</t>
  </si>
  <si>
    <t>15.72958755493164</t>
  </si>
  <si>
    <t>1633.957763671875</t>
  </si>
  <si>
    <t>-0.0154582722212524</t>
  </si>
  <si>
    <t>16428</t>
  </si>
  <si>
    <t>16.233747482299805</t>
  </si>
  <si>
    <t>2251.482177734375</t>
  </si>
  <si>
    <t>-0.019649839637304822</t>
  </si>
  <si>
    <t>14928</t>
  </si>
  <si>
    <t>15.939414024353027</t>
  </si>
  <si>
    <t>1695.0316162109375</t>
  </si>
  <si>
    <t>-0.09574855198932397</t>
  </si>
  <si>
    <t>15.486115455627441</t>
  </si>
  <si>
    <t>1627.446533203125</t>
  </si>
  <si>
    <t>0.029178913445516486</t>
  </si>
  <si>
    <t>15636</t>
  </si>
  <si>
    <t>14.986339569091797</t>
  </si>
  <si>
    <t>1676.6390380859375</t>
  </si>
  <si>
    <t>0.01715839038020306</t>
  </si>
  <si>
    <t>23.559423446655273</t>
  </si>
  <si>
    <t>2903.48779296875</t>
  </si>
  <si>
    <t>94.7115249633789</t>
  </si>
  <si>
    <t>Sucumbios</t>
  </si>
  <si>
    <t>23.58867645263672</t>
  </si>
  <si>
    <t>3142.907470703125</t>
  </si>
  <si>
    <t>0.018370887018042126</t>
  </si>
  <si>
    <t>5102</t>
  </si>
  <si>
    <t>23.68193817138672</t>
  </si>
  <si>
    <t>3601.99072265625</t>
  </si>
  <si>
    <t>-0.0013710706290410712</t>
  </si>
  <si>
    <t>5094</t>
  </si>
  <si>
    <t>23.60505485534668</t>
  </si>
  <si>
    <t>3358.36083984375</t>
  </si>
  <si>
    <t>-0.0015692431623541836</t>
  </si>
  <si>
    <t>23.407690048217773</t>
  </si>
  <si>
    <t>3332.109619140625</t>
  </si>
  <si>
    <t>0.019055602844522568</t>
  </si>
  <si>
    <t>23.338624954223633</t>
  </si>
  <si>
    <t>3400.45361328125</t>
  </si>
  <si>
    <t>22.831375122070312</t>
  </si>
  <si>
    <t>3324.96484375</t>
  </si>
  <si>
    <t>-0.005213876830186592</t>
  </si>
  <si>
    <t>5552</t>
  </si>
  <si>
    <t>23.926576614379883</t>
  </si>
  <si>
    <t>3595.021728515625</t>
  </si>
  <si>
    <t>0.0722531206329009</t>
  </si>
  <si>
    <t>23.90436553955078</t>
  </si>
  <si>
    <t>4031.30615234375</t>
  </si>
  <si>
    <t>5773</t>
  </si>
  <si>
    <t>22.908599853515625</t>
  </si>
  <si>
    <t>3615.8330078125</t>
  </si>
  <si>
    <t>-0.021590968942142297</t>
  </si>
  <si>
    <t>5213</t>
  </si>
  <si>
    <t>23.06298828125</t>
  </si>
  <si>
    <t>3323.72607421875</t>
  </si>
  <si>
    <t>-0.10203637029282753</t>
  </si>
  <si>
    <t>4797</t>
  </si>
  <si>
    <t>23.09879493713379</t>
  </si>
  <si>
    <t>2985.041015625</t>
  </si>
  <si>
    <t>-0.08316478326604226</t>
  </si>
  <si>
    <t>23.543481826782227</t>
  </si>
  <si>
    <t>3591.779541015625</t>
  </si>
  <si>
    <t>0.02185654014916949</t>
  </si>
  <si>
    <t>23.34452247619629</t>
  </si>
  <si>
    <t>3503.2626953125</t>
  </si>
  <si>
    <t>0.027558819414181812</t>
  </si>
  <si>
    <t>23.32019805908203</t>
  </si>
  <si>
    <t>3136.980224609375</t>
  </si>
  <si>
    <t>0.09873144900987896</t>
  </si>
  <si>
    <t>23.238922119140625</t>
  </si>
  <si>
    <t>2975.7578125</t>
  </si>
  <si>
    <t>0.0025134663142605262</t>
  </si>
  <si>
    <t>23.35912322998047</t>
  </si>
  <si>
    <t>3236.522705078125</t>
  </si>
  <si>
    <t>-0.020469875138928728</t>
  </si>
  <si>
    <t>22.837656021118164</t>
  </si>
  <si>
    <t>3438.681884765625</t>
  </si>
  <si>
    <t>-0.01735321374771459</t>
  </si>
  <si>
    <t>5058</t>
  </si>
  <si>
    <t>23.045486450195312</t>
  </si>
  <si>
    <t>3835.689453125</t>
  </si>
  <si>
    <t>-0.05985676027300002</t>
  </si>
  <si>
    <t>5197</t>
  </si>
  <si>
    <t>23.67072868347168</t>
  </si>
  <si>
    <t>3005.3857421875</t>
  </si>
  <si>
    <t>0.027110387778531475</t>
  </si>
  <si>
    <t>5620</t>
  </si>
  <si>
    <t>23.3085880279541</t>
  </si>
  <si>
    <t>3946.474853515625</t>
  </si>
  <si>
    <t>0.0782501278792953</t>
  </si>
  <si>
    <t>23.262550354003906</t>
  </si>
  <si>
    <t>3593.131591796875</t>
  </si>
  <si>
    <t>0.0794950625338906</t>
  </si>
  <si>
    <t>23.625192642211914</t>
  </si>
  <si>
    <t>3312.57177734375</t>
  </si>
  <si>
    <t>0.055147811810037695</t>
  </si>
  <si>
    <t>6274</t>
  </si>
  <si>
    <t>23.449724197387695</t>
  </si>
  <si>
    <t>3136.98486328125</t>
  </si>
  <si>
    <t>-0.024560428481041896</t>
  </si>
  <si>
    <t>23.84248924255371</t>
  </si>
  <si>
    <t>3343.498779296875</t>
  </si>
  <si>
    <t>-0.0014355214204559985</t>
  </si>
  <si>
    <t>24.357765197753906</t>
  </si>
  <si>
    <t>3912.9599609375</t>
  </si>
  <si>
    <t>-0.025706694035344313</t>
  </si>
  <si>
    <t>5595</t>
  </si>
  <si>
    <t>24.045257568359375</t>
  </si>
  <si>
    <t>3264.96240234375</t>
  </si>
  <si>
    <t>-0.08739855254879814</t>
  </si>
  <si>
    <t>5571</t>
  </si>
  <si>
    <t>23.74505043029785</t>
  </si>
  <si>
    <t>3690.099609375</t>
  </si>
  <si>
    <t>-0.0042987707252102325</t>
  </si>
  <si>
    <t>5701</t>
  </si>
  <si>
    <t>23.772422790527344</t>
  </si>
  <si>
    <t>3215.445556640625</t>
  </si>
  <si>
    <t>0.02306702701076624</t>
  </si>
  <si>
    <t>5590</t>
  </si>
  <si>
    <t>24.1840763092041</t>
  </si>
  <si>
    <t>3611.840576171875</t>
  </si>
  <si>
    <t>-0.01966231088243653</t>
  </si>
  <si>
    <t>5079</t>
  </si>
  <si>
    <t>23.95588493347168</t>
  </si>
  <si>
    <t>3512.192138671875</t>
  </si>
  <si>
    <t>-0.09586489534789955</t>
  </si>
  <si>
    <t>23.486974716186523</t>
  </si>
  <si>
    <t>3580.1494140625</t>
  </si>
  <si>
    <t>0.029296886257723642</t>
  </si>
  <si>
    <t>5320</t>
  </si>
  <si>
    <t>23.095800399780273</t>
  </si>
  <si>
    <t>3603.841796875</t>
  </si>
  <si>
    <t>0.017062025276720405</t>
  </si>
  <si>
    <t>918</t>
  </si>
  <si>
    <t>6134</t>
  </si>
  <si>
    <t>655.4000244140625</t>
  </si>
  <si>
    <t>152.73147583007812</t>
  </si>
  <si>
    <t>Tungurahua</t>
  </si>
  <si>
    <t>6248</t>
  </si>
  <si>
    <t>0.018414346845323948</t>
  </si>
  <si>
    <t>901.8999633789062</t>
  </si>
  <si>
    <t>-0.0014414994087346145</t>
  </si>
  <si>
    <t>-0.0014435803292887073</t>
  </si>
  <si>
    <t>0.00719715221848638</t>
  </si>
  <si>
    <t>6200</t>
  </si>
  <si>
    <t>-0.012024192966801905</t>
  </si>
  <si>
    <t>-0.017572857018130605</t>
  </si>
  <si>
    <t>6719</t>
  </si>
  <si>
    <t>11.8583345413208</t>
  </si>
  <si>
    <t>1077.2000732421875</t>
  </si>
  <si>
    <t>0.09796289890509868</t>
  </si>
  <si>
    <t>11.666667938232422</t>
  </si>
  <si>
    <t>1348.7999267578125</t>
  </si>
  <si>
    <t>0.0833458886999594</t>
  </si>
  <si>
    <t>7295</t>
  </si>
  <si>
    <t>-0.0010960406632243291</t>
  </si>
  <si>
    <t>7826</t>
  </si>
  <si>
    <t>762.300048828125</t>
  </si>
  <si>
    <t>0.07026234181347135</t>
  </si>
  <si>
    <t>499.1000671386719</t>
  </si>
  <si>
    <t>0.093845454992044</t>
  </si>
  <si>
    <t>8802</t>
  </si>
  <si>
    <t>11.13333511352539</t>
  </si>
  <si>
    <t>850.4999389648438</t>
  </si>
  <si>
    <t>0.02368198960863488</t>
  </si>
  <si>
    <t>810.2000122070312</t>
  </si>
  <si>
    <t>-0.010851668542420256</t>
  </si>
  <si>
    <t>0.04962657944095206</t>
  </si>
  <si>
    <t>454.79998779296875</t>
  </si>
  <si>
    <t>0.03795888333285902</t>
  </si>
  <si>
    <t>571.8999633789062</t>
  </si>
  <si>
    <t>0.01597027836449172</t>
  </si>
  <si>
    <t>0.023638859730553463</t>
  </si>
  <si>
    <t>8801</t>
  </si>
  <si>
    <t>-0.11645654932365979</t>
  </si>
  <si>
    <t>464.89996337890625</t>
  </si>
  <si>
    <t>0.041180980185131943</t>
  </si>
  <si>
    <t>-0.022160655506102245</t>
  </si>
  <si>
    <t>9542</t>
  </si>
  <si>
    <t>861.199951171875</t>
  </si>
  <si>
    <t>0.06181743102320958</t>
  </si>
  <si>
    <t>10138</t>
  </si>
  <si>
    <t>787.7000122070312</t>
  </si>
  <si>
    <t>0.06058763295624381</t>
  </si>
  <si>
    <t>671.7000122070312</t>
  </si>
  <si>
    <t>-0.007624176740245403</t>
  </si>
  <si>
    <t>10013</t>
  </si>
  <si>
    <t>724.5999755859375</t>
  </si>
  <si>
    <t>-0.00478231458424716</t>
  </si>
  <si>
    <t>10602</t>
  </si>
  <si>
    <t>12.033333778381348</t>
  </si>
  <si>
    <t>1011.7999877929688</t>
  </si>
  <si>
    <t>9792</t>
  </si>
  <si>
    <t>-0.07947693679564338</t>
  </si>
  <si>
    <t>931.300048828125</t>
  </si>
  <si>
    <t>0.040331678256448455</t>
  </si>
  <si>
    <t>-0.018712490960405503</t>
  </si>
  <si>
    <t>11.625</t>
  </si>
  <si>
    <t>913.4000244140625</t>
  </si>
  <si>
    <t>-0.01968070788475984</t>
  </si>
  <si>
    <t>689.2000122070312</t>
  </si>
  <si>
    <t>-0.09576895386615014</t>
  </si>
  <si>
    <t>9179</t>
  </si>
  <si>
    <t>681.5999755859375</t>
  </si>
  <si>
    <t>0.02918301492185016</t>
  </si>
  <si>
    <t>9338</t>
  </si>
  <si>
    <t>715.1998901367188</t>
  </si>
  <si>
    <t>0.017173830311792315</t>
  </si>
  <si>
    <t>919</t>
  </si>
  <si>
    <t>7387</t>
  </si>
  <si>
    <t>19.073171615600586</t>
  </si>
  <si>
    <t>1030.15283203125</t>
  </si>
  <si>
    <t>27.827857971191406</t>
  </si>
  <si>
    <t>Zamora Chinchipe</t>
  </si>
  <si>
    <t>7524</t>
  </si>
  <si>
    <t>19.32665252685547</t>
  </si>
  <si>
    <t>931.0978393554688</t>
  </si>
  <si>
    <t>0.01837621289218383</t>
  </si>
  <si>
    <t>19.42658805847168</t>
  </si>
  <si>
    <t>1433.95556640625</t>
  </si>
  <si>
    <t>-0.0014630580517618341</t>
  </si>
  <si>
    <t>7502</t>
  </si>
  <si>
    <t>19.31993293762207</t>
  </si>
  <si>
    <t>1490.7645263671875</t>
  </si>
  <si>
    <t>-0.0014652017273277806</t>
  </si>
  <si>
    <t>19.13783836364746</t>
  </si>
  <si>
    <t>1242.004150390625</t>
  </si>
  <si>
    <t>0.002795342918389565</t>
  </si>
  <si>
    <t>18.938093185424805</t>
  </si>
  <si>
    <t>1023.1212768554688</t>
  </si>
  <si>
    <t>-0.016755301167822978</t>
  </si>
  <si>
    <t>18.237119674682617</t>
  </si>
  <si>
    <t>1039.812255859375</t>
  </si>
  <si>
    <t>-0.02227933332681431</t>
  </si>
  <si>
    <t>20.051679611206055</t>
  </si>
  <si>
    <t>1714.5009765625</t>
  </si>
  <si>
    <t>0.06566090416064263</t>
  </si>
  <si>
    <t>8160</t>
  </si>
  <si>
    <t>19.777315139770508</t>
  </si>
  <si>
    <t>1643.9248046875</t>
  </si>
  <si>
    <t>0.054652904731925744</t>
  </si>
  <si>
    <t>18.35601234436035</t>
  </si>
  <si>
    <t>1776.9686279296875</t>
  </si>
  <si>
    <t>-0.02707903626695618</t>
  </si>
  <si>
    <t>7406</t>
  </si>
  <si>
    <t>18.534561157226562</t>
  </si>
  <si>
    <t>1730.29541015625</t>
  </si>
  <si>
    <t>-0.06987465021763839</t>
  </si>
  <si>
    <t>18.640827178955078</t>
  </si>
  <si>
    <t>1318.9420166015625</t>
  </si>
  <si>
    <t>-0.04529910056814934</t>
  </si>
  <si>
    <t>7010</t>
  </si>
  <si>
    <t>19.385608673095703</t>
  </si>
  <si>
    <t>1346.4278564453125</t>
  </si>
  <si>
    <t>-0.009653680876773763</t>
  </si>
  <si>
    <t>6942</t>
  </si>
  <si>
    <t>18.970680236816406</t>
  </si>
  <si>
    <t>1226.622802734375</t>
  </si>
  <si>
    <t>-0.009747783606902871</t>
  </si>
  <si>
    <t>19.10015296936035</t>
  </si>
  <si>
    <t>1151.9088134765625</t>
  </si>
  <si>
    <t>0.07571182173569646</t>
  </si>
  <si>
    <t>7469</t>
  </si>
  <si>
    <t>18.878049850463867</t>
  </si>
  <si>
    <t>796.9951782226562</t>
  </si>
  <si>
    <t>-0.002540617800361744</t>
  </si>
  <si>
    <t>19.24872589111328</t>
  </si>
  <si>
    <t>1162.0535888671875</t>
  </si>
  <si>
    <t>0.030329328920982945</t>
  </si>
  <si>
    <t>7547</t>
  </si>
  <si>
    <t>18.30323600769043</t>
  </si>
  <si>
    <t>1132.8433837890625</t>
  </si>
  <si>
    <t>-0.019940316993181995</t>
  </si>
  <si>
    <t>7330</t>
  </si>
  <si>
    <t>18.9134578704834</t>
  </si>
  <si>
    <t>2171.444580078125</t>
  </si>
  <si>
    <t>-0.0291746174041716</t>
  </si>
  <si>
    <t>19.396764755249023</t>
  </si>
  <si>
    <t>1535.7801513671875</t>
  </si>
  <si>
    <t>0.1082485649638052</t>
  </si>
  <si>
    <t>18.688461303710938</t>
  </si>
  <si>
    <t>1745.488525390625</t>
  </si>
  <si>
    <t>-0.09996103705961445</t>
  </si>
  <si>
    <t>8150</t>
  </si>
  <si>
    <t>18.681331634521484</t>
  </si>
  <si>
    <t>1839.7542724609375</t>
  </si>
  <si>
    <t>0.09775488345002081</t>
  </si>
  <si>
    <t>19.25271224975586</t>
  </si>
  <si>
    <t>1214.956298828125</t>
  </si>
  <si>
    <t>-0.01695270445683761</t>
  </si>
  <si>
    <t>7243</t>
  </si>
  <si>
    <t>18.56835174560547</t>
  </si>
  <si>
    <t>1423.26416015625</t>
  </si>
  <si>
    <t>-0.1010297375827438</t>
  </si>
  <si>
    <t>19.18700408935547</t>
  </si>
  <si>
    <t>1482.2705078125</t>
  </si>
  <si>
    <t>-0.013622673831358512</t>
  </si>
  <si>
    <t>7801</t>
  </si>
  <si>
    <t>19.99444007873535</t>
  </si>
  <si>
    <t>1759.38671875</t>
  </si>
  <si>
    <t>0.08783911922434484</t>
  </si>
  <si>
    <t>7485</t>
  </si>
  <si>
    <t>19.66455078125</t>
  </si>
  <si>
    <t>1468.7474365234375</t>
  </si>
  <si>
    <t>-0.041350912734584355</t>
  </si>
  <si>
    <t>19.442312240600586</t>
  </si>
  <si>
    <t>1462.34521484375</t>
  </si>
  <si>
    <t>-0.0763199641047958</t>
  </si>
  <si>
    <t>19.118398666381836</t>
  </si>
  <si>
    <t>1121.9361572265625</t>
  </si>
  <si>
    <t>0.06435825975808207</t>
  </si>
  <si>
    <t>19.683536529541016</t>
  </si>
  <si>
    <t>1465.8060302734375</t>
  </si>
  <si>
    <t>-0.01966202063227307</t>
  </si>
  <si>
    <t>19.393081665039062</t>
  </si>
  <si>
    <t>1287.6534423828125</t>
  </si>
  <si>
    <t>-0.09572394437818943</t>
  </si>
  <si>
    <t>18.88232421875</t>
  </si>
  <si>
    <t>1294.1640625</t>
  </si>
  <si>
    <t>0.029160944772417707</t>
  </si>
  <si>
    <t>18.453258514404297</t>
  </si>
  <si>
    <t>1161.31884765625</t>
  </si>
  <si>
    <t>0.017241806434505236</t>
  </si>
  <si>
    <t>EGY</t>
  </si>
  <si>
    <t>6834</t>
  </si>
  <si>
    <t>113.30000305175781</t>
  </si>
  <si>
    <t>172.09848022460938</t>
  </si>
  <si>
    <t>Alexandria</t>
  </si>
  <si>
    <t>Egypt</t>
  </si>
  <si>
    <t>20.124998092651367</t>
  </si>
  <si>
    <t>286.79998779296875</t>
  </si>
  <si>
    <t>-0.012960417053641038</t>
  </si>
  <si>
    <t>19.533334732055664</t>
  </si>
  <si>
    <t>168.40000915527344</t>
  </si>
  <si>
    <t>0.020395395541159544</t>
  </si>
  <si>
    <t>20.46666717529297</t>
  </si>
  <si>
    <t>123.4000015258789</t>
  </si>
  <si>
    <t>0.0646746774452236</t>
  </si>
  <si>
    <t>7894</t>
  </si>
  <si>
    <t>20.508333206176758</t>
  </si>
  <si>
    <t>205.10000610351562</t>
  </si>
  <si>
    <t>0.0720831676148137</t>
  </si>
  <si>
    <t>20.300003051757812</t>
  </si>
  <si>
    <t>145.40000915527344</t>
  </si>
  <si>
    <t>0.07596118891828851</t>
  </si>
  <si>
    <t>114.19999694824219</t>
  </si>
  <si>
    <t>0.07757400601417608</t>
  </si>
  <si>
    <t>129.60000610351562</t>
  </si>
  <si>
    <t>0.07994241180062645</t>
  </si>
  <si>
    <t>10786</t>
  </si>
  <si>
    <t>20.900001525878906</t>
  </si>
  <si>
    <t>116.20000457763672</t>
  </si>
  <si>
    <t>0.07866841294128868</t>
  </si>
  <si>
    <t>11214</t>
  </si>
  <si>
    <t>20.70833396911621</t>
  </si>
  <si>
    <t>110.30000305175781</t>
  </si>
  <si>
    <t>0.03891400078644658</t>
  </si>
  <si>
    <t>20.549999237060547</t>
  </si>
  <si>
    <t>153.60000610351562</t>
  </si>
  <si>
    <t>0.042254889319352174</t>
  </si>
  <si>
    <t>11885</t>
  </si>
  <si>
    <t>20.799997329711914</t>
  </si>
  <si>
    <t>180.3000030517578</t>
  </si>
  <si>
    <t>0.015859213791323157</t>
  </si>
  <si>
    <t>11335</t>
  </si>
  <si>
    <t>21.225000381469727</t>
  </si>
  <si>
    <t>102.99999237060547</t>
  </si>
  <si>
    <t>-0.04738181685266518</t>
  </si>
  <si>
    <t>10863</t>
  </si>
  <si>
    <t>20.666667938232422</t>
  </si>
  <si>
    <t>192.09999084472656</t>
  </si>
  <si>
    <t>-0.04253276450787702</t>
  </si>
  <si>
    <t>20.774999618530273</t>
  </si>
  <si>
    <t>153.40000915527344</t>
  </si>
  <si>
    <t>-0.03675298814629002</t>
  </si>
  <si>
    <t>20.558332443237305</t>
  </si>
  <si>
    <t>104.4000015258789</t>
  </si>
  <si>
    <t>-0.03627214686860114</t>
  </si>
  <si>
    <t>9922</t>
  </si>
  <si>
    <t>20.633337020874023</t>
  </si>
  <si>
    <t>101.9000015258789</t>
  </si>
  <si>
    <t>-0.01758287055786667</t>
  </si>
  <si>
    <t>20.874998092651367</t>
  </si>
  <si>
    <t>135.60000610351562</t>
  </si>
  <si>
    <t>-0.0199518018972622</t>
  </si>
  <si>
    <t>21.51666831970215</t>
  </si>
  <si>
    <t>59.999996185302734</t>
  </si>
  <si>
    <t>0.049348158927012165</t>
  </si>
  <si>
    <t>21.174999237060547</t>
  </si>
  <si>
    <t>0.02598552394366216</t>
  </si>
  <si>
    <t>10804</t>
  </si>
  <si>
    <t>22.23333168029785</t>
  </si>
  <si>
    <t>0.029780041078099728</t>
  </si>
  <si>
    <t>10754</t>
  </si>
  <si>
    <t>20.66666603088379</t>
  </si>
  <si>
    <t>102.69999694824219</t>
  </si>
  <si>
    <t>-0.004638657542882285</t>
  </si>
  <si>
    <t>10747</t>
  </si>
  <si>
    <t>115.0999984741211</t>
  </si>
  <si>
    <t>-0.0006511325284694891</t>
  </si>
  <si>
    <t>10730</t>
  </si>
  <si>
    <t>21.441667556762695</t>
  </si>
  <si>
    <t>153.50001525878906</t>
  </si>
  <si>
    <t>-0.0015830892164103716</t>
  </si>
  <si>
    <t>10787</t>
  </si>
  <si>
    <t>21.19999885559082</t>
  </si>
  <si>
    <t>152.60000610351562</t>
  </si>
  <si>
    <t>0.005298148750686238</t>
  </si>
  <si>
    <t>11012</t>
  </si>
  <si>
    <t>21.17500114440918</t>
  </si>
  <si>
    <t>138.5</t>
  </si>
  <si>
    <t>0.020643881887068005</t>
  </si>
  <si>
    <t>11257</t>
  </si>
  <si>
    <t>53.19999694824219</t>
  </si>
  <si>
    <t>0.022004570092306608</t>
  </si>
  <si>
    <t>21.116668701171875</t>
  </si>
  <si>
    <t>81.5</t>
  </si>
  <si>
    <t>0.021269917693860663</t>
  </si>
  <si>
    <t>11887</t>
  </si>
  <si>
    <t>21.81667137145996</t>
  </si>
  <si>
    <t>106.0999984741211</t>
  </si>
  <si>
    <t>0.03318529093195899</t>
  </si>
  <si>
    <t>21.183332443237305</t>
  </si>
  <si>
    <t>123.69999694824219</t>
  </si>
  <si>
    <t>0.03634661257089533</t>
  </si>
  <si>
    <t>21.350000381469727</t>
  </si>
  <si>
    <t>67.79999542236328</t>
  </si>
  <si>
    <t>0.017769311759050055</t>
  </si>
  <si>
    <t>12753</t>
  </si>
  <si>
    <t>21.525001525878906</t>
  </si>
  <si>
    <t>142.09999084472656</t>
  </si>
  <si>
    <t>0.016205247716330362</t>
  </si>
  <si>
    <t>13387</t>
  </si>
  <si>
    <t>21.30833625793457</t>
  </si>
  <si>
    <t>90.19999694824219</t>
  </si>
  <si>
    <t>0.04851754875899772</t>
  </si>
  <si>
    <t>922</t>
  </si>
  <si>
    <t>26.143285751342773</t>
  </si>
  <si>
    <t>0.2451600730419159</t>
  </si>
  <si>
    <t>3.302434206008911</t>
  </si>
  <si>
    <t>Aswan</t>
  </si>
  <si>
    <t>26.30914306640625</t>
  </si>
  <si>
    <t>-0.012960894272239898</t>
  </si>
  <si>
    <t>5007</t>
  </si>
  <si>
    <t>25.708337783813477</t>
  </si>
  <si>
    <t>0.020377987511510653</t>
  </si>
  <si>
    <t>26.800811767578125</t>
  </si>
  <si>
    <t>0.02426872583486883</t>
  </si>
  <si>
    <t>5310</t>
  </si>
  <si>
    <t>26.26747703552246</t>
  </si>
  <si>
    <t>0.03448617607116944</t>
  </si>
  <si>
    <t>5533</t>
  </si>
  <si>
    <t>26.597047805786133</t>
  </si>
  <si>
    <t>0.04113832866212519</t>
  </si>
  <si>
    <t>26.758333206176758</t>
  </si>
  <si>
    <t>0.04488385867573008</t>
  </si>
  <si>
    <t>26.088714599609375</t>
  </si>
  <si>
    <t>0.04939067338637315</t>
  </si>
  <si>
    <t>6392</t>
  </si>
  <si>
    <t>27.1395206451416</t>
  </si>
  <si>
    <t>0.05004251248589853</t>
  </si>
  <si>
    <t>6646</t>
  </si>
  <si>
    <t>26.975004196166992</t>
  </si>
  <si>
    <t>0.6645197868347168</t>
  </si>
  <si>
    <t>0.03896796146842796</t>
  </si>
  <si>
    <t>6932</t>
  </si>
  <si>
    <t>26.32419776916504</t>
  </si>
  <si>
    <t>0.04213320192095793</t>
  </si>
  <si>
    <t>7043</t>
  </si>
  <si>
    <t>26.787099838256836</t>
  </si>
  <si>
    <t>0.015885843909913433</t>
  </si>
  <si>
    <t>6988</t>
  </si>
  <si>
    <t>-0.007839823491462283</t>
  </si>
  <si>
    <t>6984</t>
  </si>
  <si>
    <t>26.584144592285156</t>
  </si>
  <si>
    <t>-0.0005725737345088078</t>
  </si>
  <si>
    <t>26.684141159057617</t>
  </si>
  <si>
    <t>0.00812838699969376</t>
  </si>
  <si>
    <t>26.79328155517578</t>
  </si>
  <si>
    <t>0.011859520617719</t>
  </si>
  <si>
    <t>7374</t>
  </si>
  <si>
    <t>26.691667556762695</t>
  </si>
  <si>
    <t>0.034350573657238925</t>
  </si>
  <si>
    <t>7645</t>
  </si>
  <si>
    <t>26.734949111938477</t>
  </si>
  <si>
    <t>0.03609153956907285</t>
  </si>
  <si>
    <t>27.284141540527344</t>
  </si>
  <si>
    <t>0.049381723568346914</t>
  </si>
  <si>
    <t>27.11452293395996</t>
  </si>
  <si>
    <t>0.025930792381716472</t>
  </si>
  <si>
    <t>8492</t>
  </si>
  <si>
    <t>28.332529067993164</t>
  </si>
  <si>
    <t>3.161318302154541</t>
  </si>
  <si>
    <t>0.029760188509920127</t>
  </si>
  <si>
    <t>26.550809860229492</t>
  </si>
  <si>
    <t>-0.00460313589421979</t>
  </si>
  <si>
    <t>8448</t>
  </si>
  <si>
    <t>-0.0005916809828843128</t>
  </si>
  <si>
    <t>8434</t>
  </si>
  <si>
    <t>27.283334732055664</t>
  </si>
  <si>
    <t>-0.0016585716395383088</t>
  </si>
  <si>
    <t>27.584951400756836</t>
  </si>
  <si>
    <t>0.6096798777580261</t>
  </si>
  <si>
    <t>0.0053213629974990795</t>
  </si>
  <si>
    <t>27.455381393432617</t>
  </si>
  <si>
    <t>0.020660203782259856</t>
  </si>
  <si>
    <t>27.64704704284668</t>
  </si>
  <si>
    <t>0.021938722675852063</t>
  </si>
  <si>
    <t>9039</t>
  </si>
  <si>
    <t>27.175003051757812</t>
  </si>
  <si>
    <t>0.021357104036296093</t>
  </si>
  <si>
    <t>9344</t>
  </si>
  <si>
    <t>0.033185877269596986</t>
  </si>
  <si>
    <t>9690</t>
  </si>
  <si>
    <t>27.11505889892578</t>
  </si>
  <si>
    <t>0.03635999981680271</t>
  </si>
  <si>
    <t>9863</t>
  </si>
  <si>
    <t>27.137100219726562</t>
  </si>
  <si>
    <t>0.7193596959114075</t>
  </si>
  <si>
    <t>0.017695956069182728</t>
  </si>
  <si>
    <t>27.354570388793945</t>
  </si>
  <si>
    <t>0.01629159122077617</t>
  </si>
  <si>
    <t>27.143281936645508</t>
  </si>
  <si>
    <t>0.04848136456604202</t>
  </si>
  <si>
    <t>4633</t>
  </si>
  <si>
    <t>20.795934677124023</t>
  </si>
  <si>
    <t>107.59778594970703</t>
  </si>
  <si>
    <t>3495.381591796875</t>
  </si>
  <si>
    <t>Behera</t>
  </si>
  <si>
    <t>20.478221893310547</t>
  </si>
  <si>
    <t>263.58477783203125</t>
  </si>
  <si>
    <t>-0.01303516175859265</t>
  </si>
  <si>
    <t>4668</t>
  </si>
  <si>
    <t>19.873437881469727</t>
  </si>
  <si>
    <t>150.92710876464844</t>
  </si>
  <si>
    <t>0.020561269748391453</t>
  </si>
  <si>
    <t>20.724489212036133</t>
  </si>
  <si>
    <t>108.84678649902344</t>
  </si>
  <si>
    <t>0.032872745000574355</t>
  </si>
  <si>
    <t>5036</t>
  </si>
  <si>
    <t>20.792537689208984</t>
  </si>
  <si>
    <t>172.7828369140625</t>
  </si>
  <si>
    <t>0.0430086567572161</t>
  </si>
  <si>
    <t>5289</t>
  </si>
  <si>
    <t>20.595746994018555</t>
  </si>
  <si>
    <t>131.96604919433594</t>
  </si>
  <si>
    <t>0.04901707590174276</t>
  </si>
  <si>
    <t>20.864973068237305</t>
  </si>
  <si>
    <t>102.11558532714844</t>
  </si>
  <si>
    <t>0.05266312526233996</t>
  </si>
  <si>
    <t>5901</t>
  </si>
  <si>
    <t>20.307357788085938</t>
  </si>
  <si>
    <t>117.47016906738281</t>
  </si>
  <si>
    <t>0.05682951072884812</t>
  </si>
  <si>
    <t>21.231565475463867</t>
  </si>
  <si>
    <t>114.43289184570312</t>
  </si>
  <si>
    <t>0.057139584462353454</t>
  </si>
  <si>
    <t>21.00772476196289</t>
  </si>
  <si>
    <t>98.43868255615234</t>
  </si>
  <si>
    <t>0.03892519032199182</t>
  </si>
  <si>
    <t>6776</t>
  </si>
  <si>
    <t>20.760412216186523</t>
  </si>
  <si>
    <t>134.7432403564453</t>
  </si>
  <si>
    <t>0.042200354490377734</t>
  </si>
  <si>
    <t>21.006593704223633</t>
  </si>
  <si>
    <t>143.93934631347656</t>
  </si>
  <si>
    <t>0.015958174830863925</t>
  </si>
  <si>
    <t>21.4553279876709</t>
  </si>
  <si>
    <t>95.30904388427734</t>
  </si>
  <si>
    <t>0.04847888012022672</t>
  </si>
  <si>
    <t>7629</t>
  </si>
  <si>
    <t>20.84348487854004</t>
  </si>
  <si>
    <t>169.5519561767578</t>
  </si>
  <si>
    <t>0.05413276280724766</t>
  </si>
  <si>
    <t>8111</t>
  </si>
  <si>
    <t>20.98950958251953</t>
  </si>
  <si>
    <t>127.54447937011719</t>
  </si>
  <si>
    <t>0.0612643899801153</t>
  </si>
  <si>
    <t>8642</t>
  </si>
  <si>
    <t>20.76778793334961</t>
  </si>
  <si>
    <t>87.97443389892578</t>
  </si>
  <si>
    <t>0.0634128724215337</t>
  </si>
  <si>
    <t>9404</t>
  </si>
  <si>
    <t>20.90620231628418</t>
  </si>
  <si>
    <t>93.43524169921875</t>
  </si>
  <si>
    <t>0.08450109316808252</t>
  </si>
  <si>
    <t>21.161392211914062</t>
  </si>
  <si>
    <t>125.1934814453125</t>
  </si>
  <si>
    <t>0.08497115735756822</t>
  </si>
  <si>
    <t>10757</t>
  </si>
  <si>
    <t>21.73164176940918</t>
  </si>
  <si>
    <t>50.73606872558594</t>
  </si>
  <si>
    <t>0.04945041741447653</t>
  </si>
  <si>
    <t>11040</t>
  </si>
  <si>
    <t>21.385194778442383</t>
  </si>
  <si>
    <t>12.82033920288086</t>
  </si>
  <si>
    <t>0.02596833539908161</t>
  </si>
  <si>
    <t>11374</t>
  </si>
  <si>
    <t>22.5100154876709</t>
  </si>
  <si>
    <t>55.290138244628906</t>
  </si>
  <si>
    <t>0.02980500803565711</t>
  </si>
  <si>
    <t>11321</t>
  </si>
  <si>
    <t>20.74551010131836</t>
  </si>
  <si>
    <t>92.27857208251953</t>
  </si>
  <si>
    <t>-0.004670640788635438</t>
  </si>
  <si>
    <t>21.816797256469727</t>
  </si>
  <si>
    <t>99.12126159667969</t>
  </si>
  <si>
    <t>-0.0006185111750074412</t>
  </si>
  <si>
    <t>11296</t>
  </si>
  <si>
    <t>21.61606788635254</t>
  </si>
  <si>
    <t>133.607666015625</t>
  </si>
  <si>
    <t>-0.0015922161700778759</t>
  </si>
  <si>
    <t>11355</t>
  </si>
  <si>
    <t>21.490697860717773</t>
  </si>
  <si>
    <t>131.31607055664062</t>
  </si>
  <si>
    <t>0.005209494806635462</t>
  </si>
  <si>
    <t>11593</t>
  </si>
  <si>
    <t>21.48323631286621</t>
  </si>
  <si>
    <t>130.05084228515625</t>
  </si>
  <si>
    <t>0.02074329213074222</t>
  </si>
  <si>
    <t>11850</t>
  </si>
  <si>
    <t>21.812429428100586</t>
  </si>
  <si>
    <t>47.94047546386719</t>
  </si>
  <si>
    <t>0.021926399892876702</t>
  </si>
  <si>
    <t>12105</t>
  </si>
  <si>
    <t>21.400983810424805</t>
  </si>
  <si>
    <t>76.827880859375</t>
  </si>
  <si>
    <t>0.021290722808881668</t>
  </si>
  <si>
    <t>12514</t>
  </si>
  <si>
    <t>22.051549911499023</t>
  </si>
  <si>
    <t>114.62863159179688</t>
  </si>
  <si>
    <t>0.03322942718614996</t>
  </si>
  <si>
    <t>12977</t>
  </si>
  <si>
    <t>21.454660415649414</t>
  </si>
  <si>
    <t>125.70809936523438</t>
  </si>
  <si>
    <t>0.03633054217892173</t>
  </si>
  <si>
    <t>21.634849548339844</t>
  </si>
  <si>
    <t>61.953285217285156</t>
  </si>
  <si>
    <t>0.017795558779139853</t>
  </si>
  <si>
    <t>13426</t>
  </si>
  <si>
    <t>21.805543899536133</t>
  </si>
  <si>
    <t>151.76693725585938</t>
  </si>
  <si>
    <t>0.016219006982325368</t>
  </si>
  <si>
    <t>14093</t>
  </si>
  <si>
    <t>21.587202072143555</t>
  </si>
  <si>
    <t>98.39384460449219</t>
  </si>
  <si>
    <t>0.04848509469281481</t>
  </si>
  <si>
    <t>924</t>
  </si>
  <si>
    <t>4920</t>
  </si>
  <si>
    <t>21.775001525878906</t>
  </si>
  <si>
    <t>556.5941162109375</t>
  </si>
  <si>
    <t>Beni Suef</t>
  </si>
  <si>
    <t>4856</t>
  </si>
  <si>
    <t>21.650001525878906</t>
  </si>
  <si>
    <t>-0.013093476747020105</t>
  </si>
  <si>
    <t>21.108335494995117</t>
  </si>
  <si>
    <t>12.100000381469727</t>
  </si>
  <si>
    <t>0.020585665281240395</t>
  </si>
  <si>
    <t>4804</t>
  </si>
  <si>
    <t>21.950002670288086</t>
  </si>
  <si>
    <t>6.600000381469727</t>
  </si>
  <si>
    <t>-0.031351814820700596</t>
  </si>
  <si>
    <t>22.025001525878906</t>
  </si>
  <si>
    <t>-0.02188639550172411</t>
  </si>
  <si>
    <t>4623</t>
  </si>
  <si>
    <t>6.099999904632568</t>
  </si>
  <si>
    <t>-0.016518663709923942</t>
  </si>
  <si>
    <t>4558</t>
  </si>
  <si>
    <t>22.0333309173584</t>
  </si>
  <si>
    <t>5.800000190734863</t>
  </si>
  <si>
    <t>-0.014159914182595656</t>
  </si>
  <si>
    <t>4508</t>
  </si>
  <si>
    <t>21.558332443237305</t>
  </si>
  <si>
    <t>-0.01103033464596237</t>
  </si>
  <si>
    <t>22.46666717529297</t>
  </si>
  <si>
    <t>7.100000858306885</t>
  </si>
  <si>
    <t>-0.012051027342353748</t>
  </si>
  <si>
    <t>4631</t>
  </si>
  <si>
    <t>22.25</t>
  </si>
  <si>
    <t>7.300000190734863</t>
  </si>
  <si>
    <t>0.03897025866343817</t>
  </si>
  <si>
    <t>4831</t>
  </si>
  <si>
    <t>21.91666603088379</t>
  </si>
  <si>
    <t>0.04228065807365411</t>
  </si>
  <si>
    <t>4908</t>
  </si>
  <si>
    <t>22.325002670288086</t>
  </si>
  <si>
    <t>6.300000190734863</t>
  </si>
  <si>
    <t>0.015813041276395268</t>
  </si>
  <si>
    <t>22.79166603088379</t>
  </si>
  <si>
    <t>5.100000381469727</t>
  </si>
  <si>
    <t>0.11060347103192925</t>
  </si>
  <si>
    <t>6105</t>
  </si>
  <si>
    <t>22.308332443237305</t>
  </si>
  <si>
    <t>0.10763810968207466</t>
  </si>
  <si>
    <t>6802</t>
  </si>
  <si>
    <t>22.450002670288086</t>
  </si>
  <si>
    <t>0.1081085790223355</t>
  </si>
  <si>
    <t>22.225004196166992</t>
  </si>
  <si>
    <t>12.300000190734863</t>
  </si>
  <si>
    <t>0.10472814874630743</t>
  </si>
  <si>
    <t>8527</t>
  </si>
  <si>
    <t>22.333335876464844</t>
  </si>
  <si>
    <t>0.12129276442860082</t>
  </si>
  <si>
    <t>22.55000114440918</t>
  </si>
  <si>
    <t>0.11800452969975161</t>
  </si>
  <si>
    <t>10081</t>
  </si>
  <si>
    <t>23.03333282470703</t>
  </si>
  <si>
    <t>3.4000003337860107</t>
  </si>
  <si>
    <t>0.049410334612140616</t>
  </si>
  <si>
    <t>5.5</t>
  </si>
  <si>
    <t>0.02594750750951924</t>
  </si>
  <si>
    <t>23.800003051757812</t>
  </si>
  <si>
    <t>0.0298046341256768</t>
  </si>
  <si>
    <t>10609</t>
  </si>
  <si>
    <t>4.0</t>
  </si>
  <si>
    <t>-0.004701908229865381</t>
  </si>
  <si>
    <t>22.84166717529297</t>
  </si>
  <si>
    <t>13.40000057220459</t>
  </si>
  <si>
    <t>-0.0006600349115206683</t>
  </si>
  <si>
    <t>22.525001525878906</t>
  </si>
  <si>
    <t>-0.0015102891298184318</t>
  </si>
  <si>
    <t>10641</t>
  </si>
  <si>
    <t>16.799999237060547</t>
  </si>
  <si>
    <t>0.005182091023799629</t>
  </si>
  <si>
    <t>10864</t>
  </si>
  <si>
    <t>0.020740106356745613</t>
  </si>
  <si>
    <t>11105</t>
  </si>
  <si>
    <t>23.09166717529297</t>
  </si>
  <si>
    <t>2.299999952316284</t>
  </si>
  <si>
    <t>0.021940886530050108</t>
  </si>
  <si>
    <t>11344</t>
  </si>
  <si>
    <t>0.02129351244338018</t>
  </si>
  <si>
    <t>11727</t>
  </si>
  <si>
    <t>23.258337020874023</t>
  </si>
  <si>
    <t>0.033204905689157016</t>
  </si>
  <si>
    <t>12161</t>
  </si>
  <si>
    <t>22.69999885559082</t>
  </si>
  <si>
    <t>0.036340234519935066</t>
  </si>
  <si>
    <t>12379</t>
  </si>
  <si>
    <t>22.75</t>
  </si>
  <si>
    <t>0.017767378550809454</t>
  </si>
  <si>
    <t>22.950002670288086</t>
  </si>
  <si>
    <t>13.300000190734863</t>
  </si>
  <si>
    <t>0.016265732598165883</t>
  </si>
  <si>
    <t>13207</t>
  </si>
  <si>
    <t>22.700002670288086</t>
  </si>
  <si>
    <t>0.04847977091382916</t>
  </si>
  <si>
    <t>925</t>
  </si>
  <si>
    <t>8230</t>
  </si>
  <si>
    <t>20.433332443237305</t>
  </si>
  <si>
    <t>34.5</t>
  </si>
  <si>
    <t>15.716911315917969</t>
  </si>
  <si>
    <t>Cairo</t>
  </si>
  <si>
    <t>8124</t>
  </si>
  <si>
    <t>20.325000762939453</t>
  </si>
  <si>
    <t>51.5</t>
  </si>
  <si>
    <t>-0.012963370970838994</t>
  </si>
  <si>
    <t>8292</t>
  </si>
  <si>
    <t>19.791669845581055</t>
  </si>
  <si>
    <t>32.29999923706055</t>
  </si>
  <si>
    <t>0.02046855085539434</t>
  </si>
  <si>
    <t>8934</t>
  </si>
  <si>
    <t>20.625001907348633</t>
  </si>
  <si>
    <t>26.599998474121094</t>
  </si>
  <si>
    <t>0.07457302835639368</t>
  </si>
  <si>
    <t>20.691667556762695</t>
  </si>
  <si>
    <t>30.899999618530273</t>
  </si>
  <si>
    <t>0.0809205575143217</t>
  </si>
  <si>
    <t>20.599998474121094</t>
  </si>
  <si>
    <t>0.08382334061694863</t>
  </si>
  <si>
    <t>20.716665267944336</t>
  </si>
  <si>
    <t>18.5</t>
  </si>
  <si>
    <t>0.08442909506834795</t>
  </si>
  <si>
    <t>20.225000381469727</t>
  </si>
  <si>
    <t>31.799999237060547</t>
  </si>
  <si>
    <t>0.0862913481573706</t>
  </si>
  <si>
    <t>13595</t>
  </si>
  <si>
    <t>21.133333206176758</t>
  </si>
  <si>
    <t>31.80000114440918</t>
  </si>
  <si>
    <t>0.08437351379751767</t>
  </si>
  <si>
    <t>14134</t>
  </si>
  <si>
    <t>20.90833282470703</t>
  </si>
  <si>
    <t>16.69999885559082</t>
  </si>
  <si>
    <t>0.03888116418422882</t>
  </si>
  <si>
    <t>14744</t>
  </si>
  <si>
    <t>20.58333396911621</t>
  </si>
  <si>
    <t>28.199996948242188</t>
  </si>
  <si>
    <t>0.04225297809886008</t>
  </si>
  <si>
    <t>14980</t>
  </si>
  <si>
    <t>21.01666831970215</t>
  </si>
  <si>
    <t>23.80000114440918</t>
  </si>
  <si>
    <t>0.015879757721551258</t>
  </si>
  <si>
    <t>13729</t>
  </si>
  <si>
    <t>-0.0872055941736054</t>
  </si>
  <si>
    <t>12563</t>
  </si>
  <si>
    <t>20.975000381469727</t>
  </si>
  <si>
    <t>30.700000762939453</t>
  </si>
  <si>
    <t>-0.08875439789318662</t>
  </si>
  <si>
    <t>21.116666793823242</t>
  </si>
  <si>
    <t>24.900001525878906</t>
  </si>
  <si>
    <t>-0.09102105488100243</t>
  </si>
  <si>
    <t>20.88333511352539</t>
  </si>
  <si>
    <t>29.100000381469727</t>
  </si>
  <si>
    <t>-0.10091434556513867</t>
  </si>
  <si>
    <t>9418</t>
  </si>
  <si>
    <t>21.000001907348633</t>
  </si>
  <si>
    <t>31.30000114440918</t>
  </si>
  <si>
    <t>-0.0961978337547773</t>
  </si>
  <si>
    <t>8370</t>
  </si>
  <si>
    <t>21.21666717529297</t>
  </si>
  <si>
    <t>37.5</t>
  </si>
  <si>
    <t>-0.1179688673199788</t>
  </si>
  <si>
    <t>21.69999885559082</t>
  </si>
  <si>
    <t>0.04930206589548014</t>
  </si>
  <si>
    <t>9025</t>
  </si>
  <si>
    <t>24.5</t>
  </si>
  <si>
    <t>0.026042553822080095</t>
  </si>
  <si>
    <t>9298</t>
  </si>
  <si>
    <t>22.491668701171875</t>
  </si>
  <si>
    <t>0.029800819049448535</t>
  </si>
  <si>
    <t>20.566665649414062</t>
  </si>
  <si>
    <t>-0.0046353772429323925</t>
  </si>
  <si>
    <t>9249</t>
  </si>
  <si>
    <t>21.508333206176758</t>
  </si>
  <si>
    <t>29.400001525878906</t>
  </si>
  <si>
    <t>-0.0006485084533380814</t>
  </si>
  <si>
    <t>21.149999618530273</t>
  </si>
  <si>
    <t>28.400001525878906</t>
  </si>
  <si>
    <t>-0.001623113487324801</t>
  </si>
  <si>
    <t>9283</t>
  </si>
  <si>
    <t>21.316667556762695</t>
  </si>
  <si>
    <t>47.80000305175781</t>
  </si>
  <si>
    <t>0.005292446332997969</t>
  </si>
  <si>
    <t>21.333335876464844</t>
  </si>
  <si>
    <t>25.700000762939453</t>
  </si>
  <si>
    <t>0.020683040070261782</t>
  </si>
  <si>
    <t>21.741668701171875</t>
  </si>
  <si>
    <t>12.400001525878906</t>
  </si>
  <si>
    <t>0.021916969956190968</t>
  </si>
  <si>
    <t>9896</t>
  </si>
  <si>
    <t>21.283334732055664</t>
  </si>
  <si>
    <t>22.5</t>
  </si>
  <si>
    <t>0.02134585464593819</t>
  </si>
  <si>
    <t>21.933334350585938</t>
  </si>
  <si>
    <t>42.70000076293945</t>
  </si>
  <si>
    <t>0.03319394487334826</t>
  </si>
  <si>
    <t>10608</t>
  </si>
  <si>
    <t>43.999996185302734</t>
  </si>
  <si>
    <t>0.036283853479972095</t>
  </si>
  <si>
    <t>10798</t>
  </si>
  <si>
    <t>21.433334350585938</t>
  </si>
  <si>
    <t>31.899999618530273</t>
  </si>
  <si>
    <t>0.01775249835258741</t>
  </si>
  <si>
    <t>10975</t>
  </si>
  <si>
    <t>21.64166831970215</t>
  </si>
  <si>
    <t>40.0</t>
  </si>
  <si>
    <t>0.01625902716514105</t>
  </si>
  <si>
    <t>32.60000228881836</t>
  </si>
  <si>
    <t>0.04855149809468173</t>
  </si>
  <si>
    <t>926</t>
  </si>
  <si>
    <t>10322</t>
  </si>
  <si>
    <t>20.823406219482422</t>
  </si>
  <si>
    <t>44.077430725097656</t>
  </si>
  <si>
    <t>2507.8564453125</t>
  </si>
  <si>
    <t>Dakahlia</t>
  </si>
  <si>
    <t>20.686548233032227</t>
  </si>
  <si>
    <t>92.25621795654297</t>
  </si>
  <si>
    <t>-0.012968832734387092</t>
  </si>
  <si>
    <t>10399</t>
  </si>
  <si>
    <t>20.082164764404297</t>
  </si>
  <si>
    <t>64.16719055175781</t>
  </si>
  <si>
    <t>0.020400940685947333</t>
  </si>
  <si>
    <t>21.05236053466797</t>
  </si>
  <si>
    <t>48.81003189086914</t>
  </si>
  <si>
    <t>-0.08318094088097006</t>
  </si>
  <si>
    <t>8822</t>
  </si>
  <si>
    <t>21.09050178527832</t>
  </si>
  <si>
    <t>70.69634246826172</t>
  </si>
  <si>
    <t>-0.08128010511437722</t>
  </si>
  <si>
    <t>20.80914306640625</t>
  </si>
  <si>
    <t>44.49091339111328</t>
  </si>
  <si>
    <t>-0.0847674464951087</t>
  </si>
  <si>
    <t>21.216352462768555</t>
  </si>
  <si>
    <t>34.21034622192383</t>
  </si>
  <si>
    <t>-0.09384302711140968</t>
  </si>
  <si>
    <t>6639</t>
  </si>
  <si>
    <t>20.579492568969727</t>
  </si>
  <si>
    <t>53.46531295776367</t>
  </si>
  <si>
    <t>-0.10567677833920719</t>
  </si>
  <si>
    <t>21.53611946105957</t>
  </si>
  <si>
    <t>47.37931442260742</t>
  </si>
  <si>
    <t>-0.12686162728954464</t>
  </si>
  <si>
    <t>21.336973190307617</t>
  </si>
  <si>
    <t>32.92267608642578</t>
  </si>
  <si>
    <t>0.038904973530597076</t>
  </si>
  <si>
    <t>6342</t>
  </si>
  <si>
    <t>21.030460357666016</t>
  </si>
  <si>
    <t>53.82194900512695</t>
  </si>
  <si>
    <t>0.04218948013808088</t>
  </si>
  <si>
    <t>21.452787399291992</t>
  </si>
  <si>
    <t>47.0944709777832</t>
  </si>
  <si>
    <t>0.015955289198572586</t>
  </si>
  <si>
    <t>6806</t>
  </si>
  <si>
    <t>21.874258041381836</t>
  </si>
  <si>
    <t>42.984432220458984</t>
  </si>
  <si>
    <t>0.05465511076398499</t>
  </si>
  <si>
    <t>7224</t>
  </si>
  <si>
    <t>21.26042366027832</t>
  </si>
  <si>
    <t>62.513065338134766</t>
  </si>
  <si>
    <t>0.05960424003596998</t>
  </si>
  <si>
    <t>7719</t>
  </si>
  <si>
    <t>21.401662826538086</t>
  </si>
  <si>
    <t>43.79927062988281</t>
  </si>
  <si>
    <t>0.06627600585303384</t>
  </si>
  <si>
    <t>21.2025146484375</t>
  </si>
  <si>
    <t>23.613271713256836</t>
  </si>
  <si>
    <t>0.06810289575133055</t>
  </si>
  <si>
    <t>21.252246856689453</t>
  </si>
  <si>
    <t>42.38631057739258</t>
  </si>
  <si>
    <t>0.08876464970984621</t>
  </si>
  <si>
    <t>9870</t>
  </si>
  <si>
    <t>21.454648971557617</t>
  </si>
  <si>
    <t>49.24075698852539</t>
  </si>
  <si>
    <t>0.0889474860164956</t>
  </si>
  <si>
    <t>10370</t>
  </si>
  <si>
    <t>22.048988342285156</t>
  </si>
  <si>
    <t>20.71755599975586</t>
  </si>
  <si>
    <t>0.04941716879604563</t>
  </si>
  <si>
    <t>21.8129825592041</t>
  </si>
  <si>
    <t>12.409402847290039</t>
  </si>
  <si>
    <t>0.025985376817471817</t>
  </si>
  <si>
    <t>10964</t>
  </si>
  <si>
    <t>22.922170639038086</t>
  </si>
  <si>
    <t>18.6951961517334</t>
  </si>
  <si>
    <t>0.029714779381631473</t>
  </si>
  <si>
    <t>20.941083908081055</t>
  </si>
  <si>
    <t>45.191749572753906</t>
  </si>
  <si>
    <t>-0.0045708096764993655</t>
  </si>
  <si>
    <t>10907</t>
  </si>
  <si>
    <t>21.955345153808594</t>
  </si>
  <si>
    <t>51.452667236328125</t>
  </si>
  <si>
    <t>-0.0006415838174333999</t>
  </si>
  <si>
    <t>21.72553825378418</t>
  </si>
  <si>
    <t>36.714317321777344</t>
  </si>
  <si>
    <t>-0.0016516795826824193</t>
  </si>
  <si>
    <t>10947</t>
  </si>
  <si>
    <t>21.776662826538086</t>
  </si>
  <si>
    <t>52.8453483581543</t>
  </si>
  <si>
    <t>0.005312340758496958</t>
  </si>
  <si>
    <t>21.66410255432129</t>
  </si>
  <si>
    <t>53.37419128417969</t>
  </si>
  <si>
    <t>0.02070317583224046</t>
  </si>
  <si>
    <t>11424</t>
  </si>
  <si>
    <t>22.205345153808594</t>
  </si>
  <si>
    <t>25.24159049987793</t>
  </si>
  <si>
    <t>0.021947783642566776</t>
  </si>
  <si>
    <t>21.69049835205078</t>
  </si>
  <si>
    <t>32.54503631591797</t>
  </si>
  <si>
    <t>0.021305040701236067</t>
  </si>
  <si>
    <t>22.376663208007812</t>
  </si>
  <si>
    <t>59.43834686279297</t>
  </si>
  <si>
    <t>0.03320436496713697</t>
  </si>
  <si>
    <t>21.765073776245117</t>
  </si>
  <si>
    <t>74.6914291381836</t>
  </si>
  <si>
    <t>0.036302513213218646</t>
  </si>
  <si>
    <t>12734</t>
  </si>
  <si>
    <t>21.942903518676758</t>
  </si>
  <si>
    <t>49.78067398071289</t>
  </si>
  <si>
    <t>0.01774725711601377</t>
  </si>
  <si>
    <t>12943</t>
  </si>
  <si>
    <t>22.060691833496094</t>
  </si>
  <si>
    <t>74.14859771728516</t>
  </si>
  <si>
    <t>0.01627951986546705</t>
  </si>
  <si>
    <t>13586</t>
  </si>
  <si>
    <t>21.833715438842773</t>
  </si>
  <si>
    <t>50.682552337646484</t>
  </si>
  <si>
    <t>0.04848474930881075</t>
  </si>
  <si>
    <t>9470</t>
  </si>
  <si>
    <t>83.89999389648438</t>
  </si>
  <si>
    <t>1000.5404052734375</t>
  </si>
  <si>
    <t>Damietta</t>
  </si>
  <si>
    <t>9348</t>
  </si>
  <si>
    <t>20.45833396911621</t>
  </si>
  <si>
    <t>190.10000610351562</t>
  </si>
  <si>
    <t>-0.012966490521375107</t>
  </si>
  <si>
    <t>9541</t>
  </si>
  <si>
    <t>19.933332443237305</t>
  </si>
  <si>
    <t>102.10000610351562</t>
  </si>
  <si>
    <t>0.020435885093096573</t>
  </si>
  <si>
    <t>20.766666412353516</t>
  </si>
  <si>
    <t>87.0999984741211</t>
  </si>
  <si>
    <t>-0.03465719781617338</t>
  </si>
  <si>
    <t>20.84166717529297</t>
  </si>
  <si>
    <t>123.39999389648438</t>
  </si>
  <si>
    <t>-0.025607201706465688</t>
  </si>
  <si>
    <t>94.80000305175781</t>
  </si>
  <si>
    <t>-0.020582180762907853</t>
  </si>
  <si>
    <t>20.91666603088379</t>
  </si>
  <si>
    <t>85.60000610351562</t>
  </si>
  <si>
    <t>-0.018464886107414813</t>
  </si>
  <si>
    <t>8503</t>
  </si>
  <si>
    <t>20.283334732055664</t>
  </si>
  <si>
    <t>95.99999237060547</t>
  </si>
  <si>
    <t>-0.01586779297309171</t>
  </si>
  <si>
    <t>21.191667556762695</t>
  </si>
  <si>
    <t>99.40000915527344</t>
  </si>
  <si>
    <t>-0.01719987837793191</t>
  </si>
  <si>
    <t>21.008333206176758</t>
  </si>
  <si>
    <t>0.03895377525157784</t>
  </si>
  <si>
    <t>20.82499885559082</t>
  </si>
  <si>
    <t>110.5999984741211</t>
  </si>
  <si>
    <t>0.042247904929514135</t>
  </si>
  <si>
    <t>9210</t>
  </si>
  <si>
    <t>21.32499885559082</t>
  </si>
  <si>
    <t>89.10000610351562</t>
  </si>
  <si>
    <t>0.015869006060400537</t>
  </si>
  <si>
    <t>8928</t>
  </si>
  <si>
    <t>21.716665267944336</t>
  </si>
  <si>
    <t>69.89999389648438</t>
  </si>
  <si>
    <t>-0.031097444628260362</t>
  </si>
  <si>
    <t>125.50000762939453</t>
  </si>
  <si>
    <t>-0.024835431928352136</t>
  </si>
  <si>
    <t>21.25</t>
  </si>
  <si>
    <t>82.69999694824219</t>
  </si>
  <si>
    <t>-0.01725678355695237</t>
  </si>
  <si>
    <t>21.05000114440918</t>
  </si>
  <si>
    <t>48.400001525878906</t>
  </si>
  <si>
    <t>-0.014947609561145825</t>
  </si>
  <si>
    <t>8485</t>
  </si>
  <si>
    <t>72.00000762939453</t>
  </si>
  <si>
    <t>0.006147318093685072</t>
  </si>
  <si>
    <t>21.33333396911621</t>
  </si>
  <si>
    <t>92.80000305175781</t>
  </si>
  <si>
    <t>0.006461109114288988</t>
  </si>
  <si>
    <t>21.85833168029785</t>
  </si>
  <si>
    <t>39.19999694824219</t>
  </si>
  <si>
    <t>0.04934760885748268</t>
  </si>
  <si>
    <t>3.3000001907348633</t>
  </si>
  <si>
    <t>0.025964054761619337</t>
  </si>
  <si>
    <t>9487</t>
  </si>
  <si>
    <t>22.558332443237305</t>
  </si>
  <si>
    <t>40.40000534057617</t>
  </si>
  <si>
    <t>0.02984976899115921</t>
  </si>
  <si>
    <t>87.60000610351562</t>
  </si>
  <si>
    <t>-0.004648714129807274</t>
  </si>
  <si>
    <t>9437</t>
  </si>
  <si>
    <t>21.691665649414062</t>
  </si>
  <si>
    <t>90.10000610351562</t>
  </si>
  <si>
    <t>-0.0006355932417374532</t>
  </si>
  <si>
    <t>9422</t>
  </si>
  <si>
    <t>65.4000015258789</t>
  </si>
  <si>
    <t>-0.001590752761346792</t>
  </si>
  <si>
    <t>9471</t>
  </si>
  <si>
    <t>21.616668701171875</t>
  </si>
  <si>
    <t>92.4000015258789</t>
  </si>
  <si>
    <t>102.29999542236328</t>
  </si>
  <si>
    <t>0.02199239662495245</t>
  </si>
  <si>
    <t>10097</t>
  </si>
  <si>
    <t>21.599998474121094</t>
  </si>
  <si>
    <t>58.099998474121094</t>
  </si>
  <si>
    <t>0.021321061895820392</t>
  </si>
  <si>
    <t>106.59999084472656</t>
  </si>
  <si>
    <t>0.03321464319903811</t>
  </si>
  <si>
    <t>10824</t>
  </si>
  <si>
    <t>21.625</t>
  </si>
  <si>
    <t>142.00001525878906</t>
  </si>
  <si>
    <t>0.03631289764726553</t>
  </si>
  <si>
    <t>11018</t>
  </si>
  <si>
    <t>21.79166603088379</t>
  </si>
  <si>
    <t>88.5999984741211</t>
  </si>
  <si>
    <t>0.017764408182037172</t>
  </si>
  <si>
    <t>21.94999885559082</t>
  </si>
  <si>
    <t>134.0</t>
  </si>
  <si>
    <t>0.016204891876176575</t>
  </si>
  <si>
    <t>21.71666717529297</t>
  </si>
  <si>
    <t>91.9000015258789</t>
  </si>
  <si>
    <t>0.04854349106533107</t>
  </si>
  <si>
    <t>928</t>
  </si>
  <si>
    <t>4677</t>
  </si>
  <si>
    <t>21.93207550048828</t>
  </si>
  <si>
    <t>7.624695777893066</t>
  </si>
  <si>
    <t>903.62548828125</t>
  </si>
  <si>
    <t>Fayoum</t>
  </si>
  <si>
    <t>21.80760955810547</t>
  </si>
  <si>
    <t>14.17905044555664</t>
  </si>
  <si>
    <t>-0.012911735218896325</t>
  </si>
  <si>
    <t>4712</t>
  </si>
  <si>
    <t>21.265941619873047</t>
  </si>
  <si>
    <t>10.893438339233398</t>
  </si>
  <si>
    <t>0.020367302824432443</t>
  </si>
  <si>
    <t>22.107343673706055</t>
  </si>
  <si>
    <t>5.794321537017822</t>
  </si>
  <si>
    <t>-0.01238538146918522</t>
  </si>
  <si>
    <t>4645</t>
  </si>
  <si>
    <t>22.174806594848633</t>
  </si>
  <si>
    <t>11.271058082580566</t>
  </si>
  <si>
    <t>-0.0019356926142979347</t>
  </si>
  <si>
    <t>4666</t>
  </si>
  <si>
    <t>21.932741165161133</t>
  </si>
  <si>
    <t>5.402314186096191</t>
  </si>
  <si>
    <t>0.004510801333436731</t>
  </si>
  <si>
    <t>22.20734214782715</t>
  </si>
  <si>
    <t>5.26234769821167</t>
  </si>
  <si>
    <t>0.008536116705933239</t>
  </si>
  <si>
    <t>4766</t>
  </si>
  <si>
    <t>21.71620750427246</t>
  </si>
  <si>
    <t>8.621499061584473</t>
  </si>
  <si>
    <t>0.012669088371378479</t>
  </si>
  <si>
    <t>22.623876571655273</t>
  </si>
  <si>
    <t>4.994320869445801</t>
  </si>
  <si>
    <t>0.013546106895718779</t>
  </si>
  <si>
    <t>22.415674209594727</t>
  </si>
  <si>
    <t>4.679933547973633</t>
  </si>
  <si>
    <t>0.038774775163124886</t>
  </si>
  <si>
    <t>22.073875427246094</t>
  </si>
  <si>
    <t>8.226295471191406</t>
  </si>
  <si>
    <t>22.474143981933594</t>
  </si>
  <si>
    <t>6.002315044403076</t>
  </si>
  <si>
    <t>0.015906413764538385</t>
  </si>
  <si>
    <t>5763</t>
  </si>
  <si>
    <t>22.95720863342285</t>
  </si>
  <si>
    <t>5.492722511291504</t>
  </si>
  <si>
    <t>0.07942111826390885</t>
  </si>
  <si>
    <t>6253</t>
  </si>
  <si>
    <t>22.465009689331055</t>
  </si>
  <si>
    <t>9.148675918579102</t>
  </si>
  <si>
    <t>0.08160317613063128</t>
  </si>
  <si>
    <t>6813</t>
  </si>
  <si>
    <t>22.615142822265625</t>
  </si>
  <si>
    <t>6.499117374420166</t>
  </si>
  <si>
    <t>0.08577120320637022</t>
  </si>
  <si>
    <t>22.3901424407959</t>
  </si>
  <si>
    <t>5.18472957611084</t>
  </si>
  <si>
    <t>0.08561601084687354</t>
  </si>
  <si>
    <t>22.490541458129883</t>
  </si>
  <si>
    <t>7.679933547973633</t>
  </si>
  <si>
    <t>0.10443041469504877</t>
  </si>
  <si>
    <t>9136</t>
  </si>
  <si>
    <t>22.707473754882812</t>
  </si>
  <si>
    <t>8.035886764526367</t>
  </si>
  <si>
    <t>0.10334367558020041</t>
  </si>
  <si>
    <t>9598</t>
  </si>
  <si>
    <t>23.173078536987305</t>
  </si>
  <si>
    <t>2.967144012451172</t>
  </si>
  <si>
    <t>0.04933209052239995</t>
  </si>
  <si>
    <t>9851</t>
  </si>
  <si>
    <t>22.663942337036133</t>
  </si>
  <si>
    <t>4.167144298553467</t>
  </si>
  <si>
    <t>0.026018229437488216</t>
  </si>
  <si>
    <t>23.931673049926758</t>
  </si>
  <si>
    <t>2.759150743484497</t>
  </si>
  <si>
    <t>0.029802205593139064</t>
  </si>
  <si>
    <t>22.063810348510742</t>
  </si>
  <si>
    <t>3.50303053855896</t>
  </si>
  <si>
    <t>-0.0046417544208203765</t>
  </si>
  <si>
    <t>22.981544494628906</t>
  </si>
  <si>
    <t>11.100716590881348</t>
  </si>
  <si>
    <t>-0.0006931722810605834</t>
  </si>
  <si>
    <t>10079</t>
  </si>
  <si>
    <t>22.69147491455078</t>
  </si>
  <si>
    <t>5.557552337646484</t>
  </si>
  <si>
    <t>-0.0015862003920599221</t>
  </si>
  <si>
    <t>10132</t>
  </si>
  <si>
    <t>22.80707550048828</t>
  </si>
  <si>
    <t>11.069625854492188</t>
  </si>
  <si>
    <t>0.005244680766688603</t>
  </si>
  <si>
    <t>10344</t>
  </si>
  <si>
    <t>22.789609909057617</t>
  </si>
  <si>
    <t>6.6358866691589355</t>
  </si>
  <si>
    <t>0.02070790933012745</t>
  </si>
  <si>
    <t>23.2476749420166</t>
  </si>
  <si>
    <t>1.6543545722961426</t>
  </si>
  <si>
    <t>0.02199151634370189</t>
  </si>
  <si>
    <t>22.74067497253418</t>
  </si>
  <si>
    <t>5.527893543243408</t>
  </si>
  <si>
    <t>0.021333144357441824</t>
  </si>
  <si>
    <t>11166</t>
  </si>
  <si>
    <t>23.407743453979492</t>
  </si>
  <si>
    <t>9.33588695526123</t>
  </si>
  <si>
    <t>0.033142144717468014</t>
  </si>
  <si>
    <t>11579</t>
  </si>
  <si>
    <t>22.84914207458496</t>
  </si>
  <si>
    <t>11.188642501831055</t>
  </si>
  <si>
    <t>0.0363196657419671</t>
  </si>
  <si>
    <t>22.89160919189453</t>
  </si>
  <si>
    <t>14.317418098449707</t>
  </si>
  <si>
    <t>0.017804116614296817</t>
  </si>
  <si>
    <t>23.107343673706055</t>
  </si>
  <si>
    <t>11.393438339233398</t>
  </si>
  <si>
    <t>0.016241363442871304</t>
  </si>
  <si>
    <t>12575</t>
  </si>
  <si>
    <t>22.86634063720703</t>
  </si>
  <si>
    <t>7.308709144592285</t>
  </si>
  <si>
    <t>0.048472123298498815</t>
  </si>
  <si>
    <t>6281</t>
  </si>
  <si>
    <t>21.80786895751953</t>
  </si>
  <si>
    <t>18.944229125976562</t>
  </si>
  <si>
    <t>1501.9942626953125</t>
  </si>
  <si>
    <t>Giza</t>
  </si>
  <si>
    <t>21.50804901123047</t>
  </si>
  <si>
    <t>30.2591552734375</t>
  </si>
  <si>
    <t>-0.012979911421197698</t>
  </si>
  <si>
    <t>6328</t>
  </si>
  <si>
    <t>20.98224639892578</t>
  </si>
  <si>
    <t>26.633081436157227</t>
  </si>
  <si>
    <t>0.02043493841430788</t>
  </si>
  <si>
    <t>21.830602645874023</t>
  </si>
  <si>
    <t>15.421920776367188</t>
  </si>
  <si>
    <t>0.02743314178015588</t>
  </si>
  <si>
    <t>6755</t>
  </si>
  <si>
    <t>21.89238739013672</t>
  </si>
  <si>
    <t>19.581817626953125</t>
  </si>
  <si>
    <t>0.03786559916665233</t>
  </si>
  <si>
    <t>21.691801071166992</t>
  </si>
  <si>
    <t>12.19750690460205</t>
  </si>
  <si>
    <t>0.044162080092988276</t>
  </si>
  <si>
    <t>21.98195457458496</t>
  </si>
  <si>
    <t>11.640804290771484</t>
  </si>
  <si>
    <t>0.04784543098627125</t>
  </si>
  <si>
    <t>7804</t>
  </si>
  <si>
    <t>21.467092514038086</t>
  </si>
  <si>
    <t>17.452878952026367</t>
  </si>
  <si>
    <t>0.0523459402694435</t>
  </si>
  <si>
    <t>8228</t>
  </si>
  <si>
    <t>22.33050537109375</t>
  </si>
  <si>
    <t>15.02776050567627</t>
  </si>
  <si>
    <t>0.052906549029845706</t>
  </si>
  <si>
    <t>8554</t>
  </si>
  <si>
    <t>22.212800979614258</t>
  </si>
  <si>
    <t>10.451568603515625</t>
  </si>
  <si>
    <t>0.038856038014007055</t>
  </si>
  <si>
    <t>21.865087509155273</t>
  </si>
  <si>
    <t>20.849674224853516</t>
  </si>
  <si>
    <t>0.04223320311329637</t>
  </si>
  <si>
    <t>22.247785568237305</t>
  </si>
  <si>
    <t>14.562492370605469</t>
  </si>
  <si>
    <t>0.01589893960064437</t>
  </si>
  <si>
    <t>8863</t>
  </si>
  <si>
    <t>22.69078826904297</t>
  </si>
  <si>
    <t>12.472455978393555</t>
  </si>
  <si>
    <t>-0.022645844762397616</t>
  </si>
  <si>
    <t>22.230056762695312</t>
  </si>
  <si>
    <t>21.74540138244629</t>
  </si>
  <si>
    <t>-0.015807459416878444</t>
  </si>
  <si>
    <t>8658</t>
  </si>
  <si>
    <t>22.38047981262207</t>
  </si>
  <si>
    <t>15.993075370788574</t>
  </si>
  <si>
    <t>-0.007594099319593539</t>
  </si>
  <si>
    <t>22.138731002807617</t>
  </si>
  <si>
    <t>12.25922966003418</t>
  </si>
  <si>
    <t>-0.0045146803545268455</t>
  </si>
  <si>
    <t>8768</t>
  </si>
  <si>
    <t>22.257553100585938</t>
  </si>
  <si>
    <t>16.013957977294922</t>
  </si>
  <si>
    <t>0.01713966154039781</t>
  </si>
  <si>
    <t>22.464670181274414</t>
  </si>
  <si>
    <t>20.13530921936035</t>
  </si>
  <si>
    <t>0.01819567632941954</t>
  </si>
  <si>
    <t>22.962385177612305</t>
  </si>
  <si>
    <t>7.395956516265869</t>
  </si>
  <si>
    <t>0.04938196060873423</t>
  </si>
  <si>
    <t>9628</t>
  </si>
  <si>
    <t>22.449058532714844</t>
  </si>
  <si>
    <t>10.531515121459961</t>
  </si>
  <si>
    <t>0.025989152777011526</t>
  </si>
  <si>
    <t>23.635217666625977</t>
  </si>
  <si>
    <t>6.765049457550049</t>
  </si>
  <si>
    <t>0.02977658984303133</t>
  </si>
  <si>
    <t>9873</t>
  </si>
  <si>
    <t>21.8619384765625</t>
  </si>
  <si>
    <t>10.481304168701172</t>
  </si>
  <si>
    <t>-0.004648351134543205</t>
  </si>
  <si>
    <t>22.843231201171875</t>
  </si>
  <si>
    <t>15.074299812316895</t>
  </si>
  <si>
    <t>-0.0006079027542824633</t>
  </si>
  <si>
    <t>22.536775588989258</t>
  </si>
  <si>
    <t>22.694852828979492</t>
  </si>
  <si>
    <t>-0.0016228830014881623</t>
  </si>
  <si>
    <t>9903</t>
  </si>
  <si>
    <t>22.65388298034668</t>
  </si>
  <si>
    <t>26.864286422729492</t>
  </si>
  <si>
    <t>0.005264768665623976</t>
  </si>
  <si>
    <t>22.563322067260742</t>
  </si>
  <si>
    <t>15.662455558776855</t>
  </si>
  <si>
    <t>0.020687291493214133</t>
  </si>
  <si>
    <t>23.02789878845215</t>
  </si>
  <si>
    <t>4.821701526641846</t>
  </si>
  <si>
    <t>0.02191439683261187</t>
  </si>
  <si>
    <t>10557</t>
  </si>
  <si>
    <t>22.520593643188477</t>
  </si>
  <si>
    <t>14.617037773132324</t>
  </si>
  <si>
    <t>0.021349717142564728</t>
  </si>
  <si>
    <t>10913</t>
  </si>
  <si>
    <t>23.22502326965332</t>
  </si>
  <si>
    <t>21.311630249023438</t>
  </si>
  <si>
    <t>0.03316559212339598</t>
  </si>
  <si>
    <t>11317</t>
  </si>
  <si>
    <t>22.6446533203125</t>
  </si>
  <si>
    <t>25.99497413635254</t>
  </si>
  <si>
    <t>0.036351280852851886</t>
  </si>
  <si>
    <t>22.69969940185547</t>
  </si>
  <si>
    <t>20.676122665405273</t>
  </si>
  <si>
    <t>0.017778635283940858</t>
  </si>
  <si>
    <t>22.90602684020996</t>
  </si>
  <si>
    <t>26.07950210571289</t>
  </si>
  <si>
    <t>0.016187713561894412</t>
  </si>
  <si>
    <t>22.674400329589844</t>
  </si>
  <si>
    <t>20.032451629638672</t>
  </si>
  <si>
    <t>0.048594918403203735</t>
  </si>
  <si>
    <t>931</t>
  </si>
  <si>
    <t>6937</t>
  </si>
  <si>
    <t>21.388486862182617</t>
  </si>
  <si>
    <t>32.253414154052734</t>
  </si>
  <si>
    <t>451.0365905761719</t>
  </si>
  <si>
    <t>Ismailia</t>
  </si>
  <si>
    <t>21.22920036315918</t>
  </si>
  <si>
    <t>68.34512329101562</t>
  </si>
  <si>
    <t>-0.012912765563724449</t>
  </si>
  <si>
    <t>6990</t>
  </si>
  <si>
    <t>20.673891067504883</t>
  </si>
  <si>
    <t>42.35984802246094</t>
  </si>
  <si>
    <t>0.020523917406277903</t>
  </si>
  <si>
    <t>21.602685928344727</t>
  </si>
  <si>
    <t>35.077293395996094</t>
  </si>
  <si>
    <t>0.005279315964342501</t>
  </si>
  <si>
    <t>7141</t>
  </si>
  <si>
    <t>21.65028190612793</t>
  </si>
  <si>
    <t>56.50350570678711</t>
  </si>
  <si>
    <t>0.016092950356911828</t>
  </si>
  <si>
    <t>7306</t>
  </si>
  <si>
    <t>21.393613815307617</t>
  </si>
  <si>
    <t>32.17027282714844</t>
  </si>
  <si>
    <t>0.022843105806117592</t>
  </si>
  <si>
    <t>21.766767501831055</t>
  </si>
  <si>
    <t>32.95581817626953</t>
  </si>
  <si>
    <t>0.027006772339738916</t>
  </si>
  <si>
    <t>21.18373680114746</t>
  </si>
  <si>
    <t>43.4643669128418</t>
  </si>
  <si>
    <t>0.03186110206898363</t>
  </si>
  <si>
    <t>22.10099220275879</t>
  </si>
  <si>
    <t>38.83641815185547</t>
  </si>
  <si>
    <t>0.03287723923110697</t>
  </si>
  <si>
    <t>21.861534118652344</t>
  </si>
  <si>
    <t>22.73555564880371</t>
  </si>
  <si>
    <t>0.03894210675986365</t>
  </si>
  <si>
    <t>21.487985610961914</t>
  </si>
  <si>
    <t>40.12239456176758</t>
  </si>
  <si>
    <t>0.04221425092028497</t>
  </si>
  <si>
    <t>21.90497398376465</t>
  </si>
  <si>
    <t>31.01296615600586</t>
  </si>
  <si>
    <t>0.015877882258132914</t>
  </si>
  <si>
    <t>8774</t>
  </si>
  <si>
    <t>22.3313045501709</t>
  </si>
  <si>
    <t>31.882888793945312</t>
  </si>
  <si>
    <t>-0.005682479207179014</t>
  </si>
  <si>
    <t>8790</t>
  </si>
  <si>
    <t>21.86109733581543</t>
  </si>
  <si>
    <t>45.789363861083984</t>
  </si>
  <si>
    <t>0.0018219089530635557</t>
  </si>
  <si>
    <t>21.98887825012207</t>
  </si>
  <si>
    <t>29.50665283203125</t>
  </si>
  <si>
    <t>0.01052462609047744</t>
  </si>
  <si>
    <t>21.747909545898438</t>
  </si>
  <si>
    <t>20.56106948852539</t>
  </si>
  <si>
    <t>0.014306715465338016</t>
  </si>
  <si>
    <t>9349</t>
  </si>
  <si>
    <t>21.85125160217285</t>
  </si>
  <si>
    <t>33.383487701416016</t>
  </si>
  <si>
    <t>0.03682333245627767</t>
  </si>
  <si>
    <t>22.07611656188965</t>
  </si>
  <si>
    <t>34.334651947021484</t>
  </si>
  <si>
    <t>0.03860754314812276</t>
  </si>
  <si>
    <t>22.57915496826172</t>
  </si>
  <si>
    <t>15.495185852050781</t>
  </si>
  <si>
    <t>22.459251403808594</t>
  </si>
  <si>
    <t>12.145326614379883</t>
  </si>
  <si>
    <t>0.02591269418394937</t>
  </si>
  <si>
    <t>10794</t>
  </si>
  <si>
    <t>13.161735534667969</t>
  </si>
  <si>
    <t>0.029808045825623353</t>
  </si>
  <si>
    <t>10744</t>
  </si>
  <si>
    <t>21.699087142944336</t>
  </si>
  <si>
    <t>36.14886474609375</t>
  </si>
  <si>
    <t>-0.004642964975515085</t>
  </si>
  <si>
    <t>22.658355712890625</t>
  </si>
  <si>
    <t>37.52458953857422</t>
  </si>
  <si>
    <t>-0.0006517387689388698</t>
  </si>
  <si>
    <t>22.37816619873047</t>
  </si>
  <si>
    <t>24.709049224853516</t>
  </si>
  <si>
    <t>-0.0015845648093417708</t>
  </si>
  <si>
    <t>22.514266967773438</t>
  </si>
  <si>
    <t>43.96780014038086</t>
  </si>
  <si>
    <t>0.005303077972039105</t>
  </si>
  <si>
    <t>11002</t>
  </si>
  <si>
    <t>22.451475143432617</t>
  </si>
  <si>
    <t>35.164878845214844</t>
  </si>
  <si>
    <t>0.02066284083857184</t>
  </si>
  <si>
    <t>11246</t>
  </si>
  <si>
    <t>22.830453872680664</t>
  </si>
  <si>
    <t>21.66994285583496</t>
  </si>
  <si>
    <t>0.021935435416743587</t>
  </si>
  <si>
    <t>11489</t>
  </si>
  <si>
    <t>22.46009063720703</t>
  </si>
  <si>
    <t>19.02775764465332</t>
  </si>
  <si>
    <t>0.021377546001216885</t>
  </si>
  <si>
    <t>11876</t>
  </si>
  <si>
    <t>23.042566299438477</t>
  </si>
  <si>
    <t>44.10177230834961</t>
  </si>
  <si>
    <t>0.033129501030286335</t>
  </si>
  <si>
    <t>12316</t>
  </si>
  <si>
    <t>22.48912811279297</t>
  </si>
  <si>
    <t>44.71018981933594</t>
  </si>
  <si>
    <t>0.036379673160739756</t>
  </si>
  <si>
    <t>22.65863800048828</t>
  </si>
  <si>
    <t>38.247650146484375</t>
  </si>
  <si>
    <t>0.017785042071635004</t>
  </si>
  <si>
    <t>12742</t>
  </si>
  <si>
    <t>22.790002822875977</t>
  </si>
  <si>
    <t>49.051536560058594</t>
  </si>
  <si>
    <t>0.01621935156040699</t>
  </si>
  <si>
    <t>13375</t>
  </si>
  <si>
    <t>22.55376625061035</t>
  </si>
  <si>
    <t>37.34249496459961</t>
  </si>
  <si>
    <t>0.04848366908777457</t>
  </si>
  <si>
    <t>932</t>
  </si>
  <si>
    <t>20.39421272277832</t>
  </si>
  <si>
    <t>96.4828109741211</t>
  </si>
  <si>
    <t>1873.7747802734375</t>
  </si>
  <si>
    <t>Kafr El Sheikh</t>
  </si>
  <si>
    <t>20.153453826904297</t>
  </si>
  <si>
    <t>245.0338897705078</t>
  </si>
  <si>
    <t>-0.01289500121327336</t>
  </si>
  <si>
    <t>7785</t>
  </si>
  <si>
    <t>19.591276168823242</t>
  </si>
  <si>
    <t>140.98934936523438</t>
  </si>
  <si>
    <t>0.0203731175477877</t>
  </si>
  <si>
    <t>20.570898056030273</t>
  </si>
  <si>
    <t>103.21119689941406</t>
  </si>
  <si>
    <t>-0.03622968656169867</t>
  </si>
  <si>
    <t>7305</t>
  </si>
  <si>
    <t>20.604360580444336</t>
  </si>
  <si>
    <t>147.4754180908203</t>
  </si>
  <si>
    <t>-0.027410073521599188</t>
  </si>
  <si>
    <t>7142</t>
  </si>
  <si>
    <t>120.66461181640625</t>
  </si>
  <si>
    <t>-0.02256619603040555</t>
  </si>
  <si>
    <t>20.678972244262695</t>
  </si>
  <si>
    <t>93.64549255371094</t>
  </si>
  <si>
    <t>-0.02051136340849702</t>
  </si>
  <si>
    <t>20.029102325439453</t>
  </si>
  <si>
    <t>105.34805297851562</t>
  </si>
  <si>
    <t>-0.018171829714821897</t>
  </si>
  <si>
    <t>21.10038948059082</t>
  </si>
  <si>
    <t>112.94548797607422</t>
  </si>
  <si>
    <t>-0.019843379108912984</t>
  </si>
  <si>
    <t>7003</t>
  </si>
  <si>
    <t>84.81439208984375</t>
  </si>
  <si>
    <t>0.038872351733354904</t>
  </si>
  <si>
    <t>20.641925811767578</t>
  </si>
  <si>
    <t>126.26042175292969</t>
  </si>
  <si>
    <t>0.042220416529282545</t>
  </si>
  <si>
    <t>20.908594131469727</t>
  </si>
  <si>
    <t>140.20021057128906</t>
  </si>
  <si>
    <t>0.01588951743574185</t>
  </si>
  <si>
    <t>7595</t>
  </si>
  <si>
    <t>21.287694931030273</t>
  </si>
  <si>
    <t>87.67658996582031</t>
  </si>
  <si>
    <t>0.02304157340933166</t>
  </si>
  <si>
    <t>7828</t>
  </si>
  <si>
    <t>20.721288681030273</t>
  </si>
  <si>
    <t>157.083740234375</t>
  </si>
  <si>
    <t>0.030216913486093233</t>
  </si>
  <si>
    <t>20.891796112060547</t>
  </si>
  <si>
    <t>118.01065063476562</t>
  </si>
  <si>
    <t>0.03871451218068955</t>
  </si>
  <si>
    <t>8488</t>
  </si>
  <si>
    <t>20.612565994262695</t>
  </si>
  <si>
    <t>71.11748504638672</t>
  </si>
  <si>
    <t>0.04223183959716259</t>
  </si>
  <si>
    <t>20.5916690826416</t>
  </si>
  <si>
    <t>89.43350982666016</t>
  </si>
  <si>
    <t>0.06444279318162138</t>
  </si>
  <si>
    <t>20.865501403808594</t>
  </si>
  <si>
    <t>104.88639068603516</t>
  </si>
  <si>
    <t>0.06603552224152232</t>
  </si>
  <si>
    <t>21.508073806762695</t>
  </si>
  <si>
    <t>43.73879623413086</t>
  </si>
  <si>
    <t>0.0494251457689181</t>
  </si>
  <si>
    <t>10428</t>
  </si>
  <si>
    <t>21.145898818969727</t>
  </si>
  <si>
    <t>7.7947893142700195</t>
  </si>
  <si>
    <t>0.02593763356751211</t>
  </si>
  <si>
    <t>22.200002670288086</t>
  </si>
  <si>
    <t>40.99113082885742</t>
  </si>
  <si>
    <t>0.029759883613149185</t>
  </si>
  <si>
    <t>10694</t>
  </si>
  <si>
    <t>20.36243438720703</t>
  </si>
  <si>
    <t>96.63926696777344</t>
  </si>
  <si>
    <t>-0.004571543157865676</t>
  </si>
  <si>
    <t>21.37923240661621</t>
  </si>
  <si>
    <t>108.02059936523438</t>
  </si>
  <si>
    <t>-0.0006547869837802978</t>
  </si>
  <si>
    <t>21.200000762939453</t>
  </si>
  <si>
    <t>89.08584594726562</t>
  </si>
  <si>
    <t>-0.001591984229097676</t>
  </si>
  <si>
    <t>10726</t>
  </si>
  <si>
    <t>21.29166603088379</t>
  </si>
  <si>
    <t>102.98538208007812</t>
  </si>
  <si>
    <t>0.005234635247072461</t>
  </si>
  <si>
    <t>21.01679801940918</t>
  </si>
  <si>
    <t>123.65682983398438</t>
  </si>
  <si>
    <t>0.02066875570177551</t>
  </si>
  <si>
    <t>11193</t>
  </si>
  <si>
    <t>21.637563705444336</t>
  </si>
  <si>
    <t>47.46733856201172</t>
  </si>
  <si>
    <t>0.02194912664462123</t>
  </si>
  <si>
    <t>11435</t>
  </si>
  <si>
    <t>21.312437057495117</t>
  </si>
  <si>
    <t>73.90248107910156</t>
  </si>
  <si>
    <t>0.021390244567614403</t>
  </si>
  <si>
    <t>11820</t>
  </si>
  <si>
    <t>135.0718536376953</t>
  </si>
  <si>
    <t>0.0331141845032068</t>
  </si>
  <si>
    <t>12258</t>
  </si>
  <si>
    <t>21.387435913085938</t>
  </si>
  <si>
    <t>170.14227294921875</t>
  </si>
  <si>
    <t>0.03638577308558766</t>
  </si>
  <si>
    <t>12478</t>
  </si>
  <si>
    <t>21.47089958190918</t>
  </si>
  <si>
    <t>96.87036895751953</t>
  </si>
  <si>
    <t>0.01778830862505565</t>
  </si>
  <si>
    <t>21.67513084411621</t>
  </si>
  <si>
    <t>176.9779815673828</t>
  </si>
  <si>
    <t>0.016216571589245277</t>
  </si>
  <si>
    <t>13312</t>
  </si>
  <si>
    <t>21.429231643676758</t>
  </si>
  <si>
    <t>110.96772766113281</t>
  </si>
  <si>
    <t>0.04848221880101278</t>
  </si>
  <si>
    <t>933</t>
  </si>
  <si>
    <t>21.54166603088379</t>
  </si>
  <si>
    <t>5007.498046875</t>
  </si>
  <si>
    <t>Kaliobia</t>
  </si>
  <si>
    <t>4538</t>
  </si>
  <si>
    <t>39.20000076293945</t>
  </si>
  <si>
    <t>-0.012917530466440397</t>
  </si>
  <si>
    <t>4632</t>
  </si>
  <si>
    <t>20.791667938232422</t>
  </si>
  <si>
    <t>0.020502353913043336</t>
  </si>
  <si>
    <t>17.30000114440918</t>
  </si>
  <si>
    <t>0.06316127783647119</t>
  </si>
  <si>
    <t>5297</t>
  </si>
  <si>
    <t>21.750001907348633</t>
  </si>
  <si>
    <t>33.900001525878906</t>
  </si>
  <si>
    <t>0.07099060445522376</t>
  </si>
  <si>
    <t>18.0</t>
  </si>
  <si>
    <t>0.07490325441973411</t>
  </si>
  <si>
    <t>6162</t>
  </si>
  <si>
    <t>21.983335494995117</t>
  </si>
  <si>
    <t>12.600000381469727</t>
  </si>
  <si>
    <t>0.07635752319235323</t>
  </si>
  <si>
    <t>21.34166717529297</t>
  </si>
  <si>
    <t>21.0</t>
  </si>
  <si>
    <t>0.07906852347569249</t>
  </si>
  <si>
    <t>7209</t>
  </si>
  <si>
    <t>22.375001907348633</t>
  </si>
  <si>
    <t>0.0778603217722722</t>
  </si>
  <si>
    <t>22.208335876464844</t>
  </si>
  <si>
    <t>13.500000953674316</t>
  </si>
  <si>
    <t>0.038905886132120315</t>
  </si>
  <si>
    <t>21.791669845581055</t>
  </si>
  <si>
    <t>0.042320537587816176</t>
  </si>
  <si>
    <t>19.60000228881836</t>
  </si>
  <si>
    <t>0.01586025760049381</t>
  </si>
  <si>
    <t>22.650001525878906</t>
  </si>
  <si>
    <t>16.200000762939453</t>
  </si>
  <si>
    <t>-0.004542021434501109</t>
  </si>
  <si>
    <t>22.158334732055664</t>
  </si>
  <si>
    <t>0.002904225792812909</t>
  </si>
  <si>
    <t>8025</t>
  </si>
  <si>
    <t>22.30833625793457</t>
  </si>
  <si>
    <t>17.600000381469727</t>
  </si>
  <si>
    <t>0.011782537914896807</t>
  </si>
  <si>
    <t>22.108335494995117</t>
  </si>
  <si>
    <t>19.200000762939453</t>
  </si>
  <si>
    <t>0.015578950096241329</t>
  </si>
  <si>
    <t>22.166669845581055</t>
  </si>
  <si>
    <t>0.038035635547819524</t>
  </si>
  <si>
    <t>8812</t>
  </si>
  <si>
    <t>25.399999618530273</t>
  </si>
  <si>
    <t>0.03993817427995694</t>
  </si>
  <si>
    <t>9258</t>
  </si>
  <si>
    <t>22.825002670288086</t>
  </si>
  <si>
    <t>0.04937361366898152</t>
  </si>
  <si>
    <t>9501</t>
  </si>
  <si>
    <t>22.508337020874023</t>
  </si>
  <si>
    <t>15.899999618530273</t>
  </si>
  <si>
    <t>0.025909013615533993</t>
  </si>
  <si>
    <t>9788</t>
  </si>
  <si>
    <t>23.68333625793457</t>
  </si>
  <si>
    <t>0.02976008935581298</t>
  </si>
  <si>
    <t>21.691667556762695</t>
  </si>
  <si>
    <t>20.000001907348633</t>
  </si>
  <si>
    <t>-0.004608067137221283</t>
  </si>
  <si>
    <t>9737</t>
  </si>
  <si>
    <t>20.299999237060547</t>
  </si>
  <si>
    <t>-0.0006160164465853768</t>
  </si>
  <si>
    <t>9722</t>
  </si>
  <si>
    <t>22.4666690826416</t>
  </si>
  <si>
    <t>25.499998092651367</t>
  </si>
  <si>
    <t>-0.001541703373355574</t>
  </si>
  <si>
    <t>22.483335494995117</t>
  </si>
  <si>
    <t>29.700002670288086</t>
  </si>
  <si>
    <t>0.005232122733435318</t>
  </si>
  <si>
    <t>26.80000114440918</t>
  </si>
  <si>
    <t>0.02065896257467159</t>
  </si>
  <si>
    <t>10199</t>
  </si>
  <si>
    <t>22.908334732055664</t>
  </si>
  <si>
    <t>0.022007232337010407</t>
  </si>
  <si>
    <t>10418</t>
  </si>
  <si>
    <t>22.408334732055664</t>
  </si>
  <si>
    <t>18.200000762939453</t>
  </si>
  <si>
    <t>0.021245403054619416</t>
  </si>
  <si>
    <t>10770</t>
  </si>
  <si>
    <t>23.0916690826416</t>
  </si>
  <si>
    <t>30.0</t>
  </si>
  <si>
    <t>0.03322941184529604</t>
  </si>
  <si>
    <t>11168</t>
  </si>
  <si>
    <t>22.458335876464844</t>
  </si>
  <si>
    <t>38.30000305175781</t>
  </si>
  <si>
    <t>0.036288054851720375</t>
  </si>
  <si>
    <t>11369</t>
  </si>
  <si>
    <t>22.658334732055664</t>
  </si>
  <si>
    <t>0.017837807126952043</t>
  </si>
  <si>
    <t>40.20000076293945</t>
  </si>
  <si>
    <t>0.01622789057937446</t>
  </si>
  <si>
    <t>12129</t>
  </si>
  <si>
    <t>22.533334732055664</t>
  </si>
  <si>
    <t>26.200000762939453</t>
  </si>
  <si>
    <t>0.048481035600399736</t>
  </si>
  <si>
    <t>934</t>
  </si>
  <si>
    <t>6501</t>
  </si>
  <si>
    <t>19.77974510192871</t>
  </si>
  <si>
    <t>141.84622192382812</t>
  </si>
  <si>
    <t>149.20045471191406</t>
  </si>
  <si>
    <t>Matrouh</t>
  </si>
  <si>
    <t>19.474241256713867</t>
  </si>
  <si>
    <t>253.7023162841797</t>
  </si>
  <si>
    <t>-0.013005292453954098</t>
  </si>
  <si>
    <t>6550</t>
  </si>
  <si>
    <t>18.903181076049805</t>
  </si>
  <si>
    <t>166.3745880126953</t>
  </si>
  <si>
    <t>0.020514330878782516</t>
  </si>
  <si>
    <t>19.778657913208008</t>
  </si>
  <si>
    <t>130.7788848876953</t>
  </si>
  <si>
    <t>0.027407226681399166</t>
  </si>
  <si>
    <t>6992</t>
  </si>
  <si>
    <t>19.81913185119629</t>
  </si>
  <si>
    <t>175.42723083496094</t>
  </si>
  <si>
    <t>0.03789436202467478</t>
  </si>
  <si>
    <t>7307</t>
  </si>
  <si>
    <t>19.62803077697754</t>
  </si>
  <si>
    <t>149.26235961914062</t>
  </si>
  <si>
    <t>0.044066154455846274</t>
  </si>
  <si>
    <t>19.82444190979004</t>
  </si>
  <si>
    <t>126.7940902709961</t>
  </si>
  <si>
    <t>0.04796217414928172</t>
  </si>
  <si>
    <t>8077</t>
  </si>
  <si>
    <t>19.333280563354492</t>
  </si>
  <si>
    <t>134.7546844482422</t>
  </si>
  <si>
    <t>0.05222554950179692</t>
  </si>
  <si>
    <t>8516</t>
  </si>
  <si>
    <t>20.200136184692383</t>
  </si>
  <si>
    <t>150.9700164794922</t>
  </si>
  <si>
    <t>0.052926230571074484</t>
  </si>
  <si>
    <t>8854</t>
  </si>
  <si>
    <t>20.03986167907715</t>
  </si>
  <si>
    <t>128.3398895263672</t>
  </si>
  <si>
    <t>0.03892258727871578</t>
  </si>
  <si>
    <t>19.868976593017578</t>
  </si>
  <si>
    <t>165.21310424804688</t>
  </si>
  <si>
    <t>0.04223955718229888</t>
  </si>
  <si>
    <t>20.160634994506836</t>
  </si>
  <si>
    <t>154.83946228027344</t>
  </si>
  <si>
    <t>0.015897219858926448</t>
  </si>
  <si>
    <t>20.584524154663086</t>
  </si>
  <si>
    <t>101.79784393310547</t>
  </si>
  <si>
    <t>0.0076433493125680485</t>
  </si>
  <si>
    <t>9601</t>
  </si>
  <si>
    <t>20.018543243408203</t>
  </si>
  <si>
    <t>184.0411834716797</t>
  </si>
  <si>
    <t>0.015217799051743697</t>
  </si>
  <si>
    <t>20.145143508911133</t>
  </si>
  <si>
    <t>139.0584259033203</t>
  </si>
  <si>
    <t>0.02408019212553647</t>
  </si>
  <si>
    <t>10113</t>
  </si>
  <si>
    <t>19.943998336791992</t>
  </si>
  <si>
    <t>124.7264404296875</t>
  </si>
  <si>
    <t>0.027874273079010692</t>
  </si>
  <si>
    <t>10636</t>
  </si>
  <si>
    <t>20.02899742126465</t>
  </si>
  <si>
    <t>99.29585266113281</t>
  </si>
  <si>
    <t>0.0504227484607398</t>
  </si>
  <si>
    <t>20.28731346130371</t>
  </si>
  <si>
    <t>137.02688598632812</t>
  </si>
  <si>
    <t>0.05229410968911807</t>
  </si>
  <si>
    <t>11775</t>
  </si>
  <si>
    <t>20.85430335998535</t>
  </si>
  <si>
    <t>93.92533874511719</t>
  </si>
  <si>
    <t>0.04944005683258901</t>
  </si>
  <si>
    <t>12085</t>
  </si>
  <si>
    <t>20.45432472229004</t>
  </si>
  <si>
    <t>52.46266555786133</t>
  </si>
  <si>
    <t>0.025986374252966016</t>
  </si>
  <si>
    <t>21.509483337402344</t>
  </si>
  <si>
    <t>63.94272232055664</t>
  </si>
  <si>
    <t>0.029755608755269947</t>
  </si>
  <si>
    <t>12392</t>
  </si>
  <si>
    <t>19.924440383911133</t>
  </si>
  <si>
    <t>118.53926849365234</t>
  </si>
  <si>
    <t>-0.0046695197961490464</t>
  </si>
  <si>
    <t>20.940704345703125</t>
  </si>
  <si>
    <t>134.5743865966797</t>
  </si>
  <si>
    <t>-0.0006457862671958026</t>
  </si>
  <si>
    <t>12365</t>
  </si>
  <si>
    <t>20.751985549926758</t>
  </si>
  <si>
    <t>87.56708526611328</t>
  </si>
  <si>
    <t>-0.0015354158739917523</t>
  </si>
  <si>
    <t>12430</t>
  </si>
  <si>
    <t>20.60901641845703</t>
  </si>
  <si>
    <t>92.35755920410156</t>
  </si>
  <si>
    <t>0.005243004549239316</t>
  </si>
  <si>
    <t>20.440784454345703</t>
  </si>
  <si>
    <t>143.77102661132812</t>
  </si>
  <si>
    <t>0.020701376203676958</t>
  </si>
  <si>
    <t>20.967100143432617</t>
  </si>
  <si>
    <t>59.87606430053711</t>
  </si>
  <si>
    <t>0.0219018146322405</t>
  </si>
  <si>
    <t>13251</t>
  </si>
  <si>
    <t>20.50699806213379</t>
  </si>
  <si>
    <t>87.12189483642578</t>
  </si>
  <si>
    <t>0.02135692492396224</t>
  </si>
  <si>
    <t>13698</t>
  </si>
  <si>
    <t>21.161287307739258</t>
  </si>
  <si>
    <t>155.42503356933594</t>
  </si>
  <si>
    <t>0.033176815493213496</t>
  </si>
  <si>
    <t>14205</t>
  </si>
  <si>
    <t>20.534711837768555</t>
  </si>
  <si>
    <t>145.58888244628906</t>
  </si>
  <si>
    <t>0.03634417853043814</t>
  </si>
  <si>
    <t>14460</t>
  </si>
  <si>
    <t>20.662370681762695</t>
  </si>
  <si>
    <t>138.00149536132812</t>
  </si>
  <si>
    <t>0.017792201424468246</t>
  </si>
  <si>
    <t>20.8510684967041</t>
  </si>
  <si>
    <t>185.77467346191406</t>
  </si>
  <si>
    <t>0.01618913118220533</t>
  </si>
  <si>
    <t>20.688783645629883</t>
  </si>
  <si>
    <t>109.02762603759766</t>
  </si>
  <si>
    <t>0.048543873116978276</t>
  </si>
  <si>
    <t>935</t>
  </si>
  <si>
    <t>21.67869758605957</t>
  </si>
  <si>
    <t>4.865263938903809</t>
  </si>
  <si>
    <t>1740.650634765625</t>
  </si>
  <si>
    <t>Menia</t>
  </si>
  <si>
    <t>21.56770896911621</t>
  </si>
  <si>
    <t>7.235487937927246</t>
  </si>
  <si>
    <t>20.998193740844727</t>
  </si>
  <si>
    <t>5.294917106628418</t>
  </si>
  <si>
    <t>4695</t>
  </si>
  <si>
    <t>21.84833335876465</t>
  </si>
  <si>
    <t>3.9622316360473633</t>
  </si>
  <si>
    <t>0.013509372389531649</t>
  </si>
  <si>
    <t>21.94550323486328</t>
  </si>
  <si>
    <t>4.533044338226318</t>
  </si>
  <si>
    <t>0.02419897145744443</t>
  </si>
  <si>
    <t>21.72019386291504</t>
  </si>
  <si>
    <t>3.827195644378662</t>
  </si>
  <si>
    <t>0.030910249201241413</t>
  </si>
  <si>
    <t>21.934844970703125</t>
  </si>
  <si>
    <t>2.4123806953430176</t>
  </si>
  <si>
    <t>0.03505656536878021</t>
  </si>
  <si>
    <t>21.512380599975586</t>
  </si>
  <si>
    <t>4.825625896453857</t>
  </si>
  <si>
    <t>0.039871757278902464</t>
  </si>
  <si>
    <t>5569</t>
  </si>
  <si>
    <t>22.35466957092285</t>
  </si>
  <si>
    <t>3.550292730331421</t>
  </si>
  <si>
    <t>0.04067984864093788</t>
  </si>
  <si>
    <t>22.187536239624023</t>
  </si>
  <si>
    <t>2.8211545944213867</t>
  </si>
  <si>
    <t>0.01867883177912688</t>
  </si>
  <si>
    <t>5799</t>
  </si>
  <si>
    <t>21.78493309020996</t>
  </si>
  <si>
    <t>3.0600132942199707</t>
  </si>
  <si>
    <t>0.021791152507644185</t>
  </si>
  <si>
    <t>22.22621726989746</t>
  </si>
  <si>
    <t>2.9777767658233643</t>
  </si>
  <si>
    <t>-0.0051867336195510205</t>
  </si>
  <si>
    <t>22.690658569335938</t>
  </si>
  <si>
    <t>3.7541050910949707</t>
  </si>
  <si>
    <t>0.06736214406417851</t>
  </si>
  <si>
    <t>6625</t>
  </si>
  <si>
    <t>22.184274673461914</t>
  </si>
  <si>
    <t>4.499362945556641</t>
  </si>
  <si>
    <t>0.07098947253335552</t>
  </si>
  <si>
    <t>22.345191955566406</t>
  </si>
  <si>
    <t>3.475691318511963</t>
  </si>
  <si>
    <t>0.07640183519397326</t>
  </si>
  <si>
    <t>7725</t>
  </si>
  <si>
    <t>22.148664474487305</t>
  </si>
  <si>
    <t>3.3419504165649414</t>
  </si>
  <si>
    <t>0.0772096157175497</t>
  </si>
  <si>
    <t>22.2371883392334</t>
  </si>
  <si>
    <t>3.6516711711883545</t>
  </si>
  <si>
    <t>0.09713258411811054</t>
  </si>
  <si>
    <t>22.437170028686523</t>
  </si>
  <si>
    <t>4.093969821929932</t>
  </si>
  <si>
    <t>0.09655882593273724</t>
  </si>
  <si>
    <t>22.867881774902344</t>
  </si>
  <si>
    <t>1.5446834564208984</t>
  </si>
  <si>
    <t>0.04941974003888561</t>
  </si>
  <si>
    <t>22.35486602783203</t>
  </si>
  <si>
    <t>2.748854637145996</t>
  </si>
  <si>
    <t>0.02595206015883811</t>
  </si>
  <si>
    <t>23.548086166381836</t>
  </si>
  <si>
    <t>2.8768298625946045</t>
  </si>
  <si>
    <t>0.02981805243383384</t>
  </si>
  <si>
    <t>21.757400512695312</t>
  </si>
  <si>
    <t>1.7674086093902588</t>
  </si>
  <si>
    <t>-0.004618945856295298</t>
  </si>
  <si>
    <t>10361</t>
  </si>
  <si>
    <t>22.710664749145508</t>
  </si>
  <si>
    <t>3.723695993423462</t>
  </si>
  <si>
    <t>-0.0006753823403045089</t>
  </si>
  <si>
    <t>22.463531494140625</t>
  </si>
  <si>
    <t>2.913818836212158</t>
  </si>
  <si>
    <t>-0.0015454460721073815</t>
  </si>
  <si>
    <t>22.63100242614746</t>
  </si>
  <si>
    <t>6.391898155212402</t>
  </si>
  <si>
    <t>0.005206336480588547</t>
  </si>
  <si>
    <t>22.59111213684082</t>
  </si>
  <si>
    <t>3.5375638008117676</t>
  </si>
  <si>
    <t>0.0207468423533399</t>
  </si>
  <si>
    <t>22.92729377746582</t>
  </si>
  <si>
    <t>1.1068310737609863</t>
  </si>
  <si>
    <t>0.02189290476525052</t>
  </si>
  <si>
    <t>22.421707153320312</t>
  </si>
  <si>
    <t>1.9351191520690918</t>
  </si>
  <si>
    <t>0.021333656200926754</t>
  </si>
  <si>
    <t>11460</t>
  </si>
  <si>
    <t>23.19059181213379</t>
  </si>
  <si>
    <t>4.38145637512207</t>
  </si>
  <si>
    <t>0.03317966028898134</t>
  </si>
  <si>
    <t>22.583253860473633</t>
  </si>
  <si>
    <t>5.598443031311035</t>
  </si>
  <si>
    <t>0.036330246313767134</t>
  </si>
  <si>
    <t>12098</t>
  </si>
  <si>
    <t>22.68522834777832</t>
  </si>
  <si>
    <t>7.239674091339111</t>
  </si>
  <si>
    <t>0.017847192084360586</t>
  </si>
  <si>
    <t>12295</t>
  </si>
  <si>
    <t>22.801355361938477</t>
  </si>
  <si>
    <t>4.011241912841797</t>
  </si>
  <si>
    <t>0.01615252598343453</t>
  </si>
  <si>
    <t>12907</t>
  </si>
  <si>
    <t>22.612672805786133</t>
  </si>
  <si>
    <t>4.1492133140563965</t>
  </si>
  <si>
    <t>0.048577124184895126</t>
  </si>
  <si>
    <t>23.34161949157715</t>
  </si>
  <si>
    <t>3.4169929027557373</t>
  </si>
  <si>
    <t>1439.300537109375</t>
  </si>
  <si>
    <t>New valley</t>
  </si>
  <si>
    <t>23.24818992614746</t>
  </si>
  <si>
    <t>2.3511385917663574</t>
  </si>
  <si>
    <t>-0.01296282862326592</t>
  </si>
  <si>
    <t>22.720083236694336</t>
  </si>
  <si>
    <t>1.8982237577438354</t>
  </si>
  <si>
    <t>0.020559725124140726</t>
  </si>
  <si>
    <t>6091</t>
  </si>
  <si>
    <t>23.681320190429688</t>
  </si>
  <si>
    <t>5.270866394042969</t>
  </si>
  <si>
    <t>0.024093547278441818</t>
  </si>
  <si>
    <t>23.45450782775879</t>
  </si>
  <si>
    <t>2.041485548019409</t>
  </si>
  <si>
    <t>0.034530697562535906</t>
  </si>
  <si>
    <t>23.48017692565918</t>
  </si>
  <si>
    <t>1.8370016813278198</t>
  </si>
  <si>
    <t>0.04101864449345172</t>
  </si>
  <si>
    <t>23.72321319580078</t>
  </si>
  <si>
    <t>1.8425204753875732</t>
  </si>
  <si>
    <t>0.04494804213860348</t>
  </si>
  <si>
    <t>23.0943603515625</t>
  </si>
  <si>
    <t>2.498046636581421</t>
  </si>
  <si>
    <t>0.04940678310808444</t>
  </si>
  <si>
    <t>24.079465866088867</t>
  </si>
  <si>
    <t>2.6982879638671875</t>
  </si>
  <si>
    <t>0.050115152250516104</t>
  </si>
  <si>
    <t>7891</t>
  </si>
  <si>
    <t>23.892118453979492</t>
  </si>
  <si>
    <t>2.8302226066589355</t>
  </si>
  <si>
    <t>0.038891278131359286</t>
  </si>
  <si>
    <t>8231</t>
  </si>
  <si>
    <t>23.408836364746094</t>
  </si>
  <si>
    <t>2.125366687774658</t>
  </si>
  <si>
    <t>0.04218464445160919</t>
  </si>
  <si>
    <t>8363</t>
  </si>
  <si>
    <t>23.785253524780273</t>
  </si>
  <si>
    <t>1.7248848676681519</t>
  </si>
  <si>
    <t>0.015909700408881733</t>
  </si>
  <si>
    <t>24.34535789489746</t>
  </si>
  <si>
    <t>2.31422758102417</t>
  </si>
  <si>
    <t>0.06962243133385826</t>
  </si>
  <si>
    <t>9645</t>
  </si>
  <si>
    <t>23.756608963012695</t>
  </si>
  <si>
    <t>1.6636250019073486</t>
  </si>
  <si>
    <t>0.0730000006244449</t>
  </si>
  <si>
    <t>23.92621612548828</t>
  </si>
  <si>
    <t>3.0278759002685547</t>
  </si>
  <si>
    <t>0.07834249533614113</t>
  </si>
  <si>
    <t>23.816017150878906</t>
  </si>
  <si>
    <t>5.946093559265137</t>
  </si>
  <si>
    <t>0.07886947927965515</t>
  </si>
  <si>
    <t>12456</t>
  </si>
  <si>
    <t>23.77545928955078</t>
  </si>
  <si>
    <t>1.993446946144104</t>
  </si>
  <si>
    <t>0.09855081355820872</t>
  </si>
  <si>
    <t>13738</t>
  </si>
  <si>
    <t>23.925886154174805</t>
  </si>
  <si>
    <t>2.1957833766937256</t>
  </si>
  <si>
    <t>0.0979632812599931</t>
  </si>
  <si>
    <t>14434</t>
  </si>
  <si>
    <t>24.539140701293945</t>
  </si>
  <si>
    <t>2.0125732421875</t>
  </si>
  <si>
    <t>0.04942081885839045</t>
  </si>
  <si>
    <t>14813</t>
  </si>
  <si>
    <t>24.199365615844727</t>
  </si>
  <si>
    <t>2.0388405323028564</t>
  </si>
  <si>
    <t>0.02591863894983426</t>
  </si>
  <si>
    <t>25.444948196411133</t>
  </si>
  <si>
    <t>3.219698429107666</t>
  </si>
  <si>
    <t>0.02979538090882272</t>
  </si>
  <si>
    <t>15191</t>
  </si>
  <si>
    <t>23.48394203186035</t>
  </si>
  <si>
    <t>2.4989099502563477</t>
  </si>
  <si>
    <t>-0.004597407283212007</t>
  </si>
  <si>
    <t>15181</t>
  </si>
  <si>
    <t>24.57131004333496</t>
  </si>
  <si>
    <t>2.4917163848876953</t>
  </si>
  <si>
    <t>-0.0006585012749482644</t>
  </si>
  <si>
    <t>15157</t>
  </si>
  <si>
    <t>24.32111358642578</t>
  </si>
  <si>
    <t>2.5833539962768555</t>
  </si>
  <si>
    <t>-0.0015821745010580202</t>
  </si>
  <si>
    <t>15237</t>
  </si>
  <si>
    <t>24.380491256713867</t>
  </si>
  <si>
    <t>2.7006046772003174</t>
  </si>
  <si>
    <t>0.0052642090376977535</t>
  </si>
  <si>
    <t>15555</t>
  </si>
  <si>
    <t>24.393857955932617</t>
  </si>
  <si>
    <t>2.886390209197998</t>
  </si>
  <si>
    <t>0.020655449862383435</t>
  </si>
  <si>
    <t>15900</t>
  </si>
  <si>
    <t>24.739065170288086</t>
  </si>
  <si>
    <t>2.238109827041626</t>
  </si>
  <si>
    <t>0.0219369788765853</t>
  </si>
  <si>
    <t>16243</t>
  </si>
  <si>
    <t>24.22760009765625</t>
  </si>
  <si>
    <t>2.2143466472625732</t>
  </si>
  <si>
    <t>0.02134293751107208</t>
  </si>
  <si>
    <t>16791</t>
  </si>
  <si>
    <t>24.865800857543945</t>
  </si>
  <si>
    <t>4.598657131195068</t>
  </si>
  <si>
    <t>0.0331809818400739</t>
  </si>
  <si>
    <t>24.227968215942383</t>
  </si>
  <si>
    <t>3.3179306983947754</t>
  </si>
  <si>
    <t>0.03631659511271934</t>
  </si>
  <si>
    <t>17725</t>
  </si>
  <si>
    <t>24.398313522338867</t>
  </si>
  <si>
    <t>3.2902748584747314</t>
  </si>
  <si>
    <t>0.017816448728138923</t>
  </si>
  <si>
    <t>18015</t>
  </si>
  <si>
    <t>24.501052856445312</t>
  </si>
  <si>
    <t>2.3494389057159424</t>
  </si>
  <si>
    <t>0.0162286717818656</t>
  </si>
  <si>
    <t>24.301462173461914</t>
  </si>
  <si>
    <t>2.9699621200561523</t>
  </si>
  <si>
    <t>0.04848613847030947</t>
  </si>
  <si>
    <t>938</t>
  </si>
  <si>
    <t>20.379825592041016</t>
  </si>
  <si>
    <t>73.8668212890625</t>
  </si>
  <si>
    <t>66.3770751953125</t>
  </si>
  <si>
    <t>North Sinai</t>
  </si>
  <si>
    <t>7156</t>
  </si>
  <si>
    <t>20.17685890197754</t>
  </si>
  <si>
    <t>139.5913848876953</t>
  </si>
  <si>
    <t>-0.013050303220110138</t>
  </si>
  <si>
    <t>7304</t>
  </si>
  <si>
    <t>19.5007381439209</t>
  </si>
  <si>
    <t>101.13446044921875</t>
  </si>
  <si>
    <t>0.020470977646194655</t>
  </si>
  <si>
    <t>20.492464065551758</t>
  </si>
  <si>
    <t>73.77395629882812</t>
  </si>
  <si>
    <t>0.005325335176804558</t>
  </si>
  <si>
    <t>7462</t>
  </si>
  <si>
    <t>20.692121505737305</t>
  </si>
  <si>
    <t>114.8453140258789</t>
  </si>
  <si>
    <t>0.016075996329494302</t>
  </si>
  <si>
    <t>7635</t>
  </si>
  <si>
    <t>20.406570434570312</t>
  </si>
  <si>
    <t>68.85037994384766</t>
  </si>
  <si>
    <t>0.02291946387162902</t>
  </si>
  <si>
    <t>20.87009048461914</t>
  </si>
  <si>
    <t>68.35073852539062</t>
  </si>
  <si>
    <t>0.027005969663504104</t>
  </si>
  <si>
    <t>8098</t>
  </si>
  <si>
    <t>20.1302490234375</t>
  </si>
  <si>
    <t>86.20657348632812</t>
  </si>
  <si>
    <t>0.031868209275868864</t>
  </si>
  <si>
    <t>8369</t>
  </si>
  <si>
    <t>21.303466796875</t>
  </si>
  <si>
    <t>63.10485076904297</t>
  </si>
  <si>
    <t>0.03291728544076733</t>
  </si>
  <si>
    <t>8701</t>
  </si>
  <si>
    <t>21.001100540161133</t>
  </si>
  <si>
    <t>50.350364685058594</t>
  </si>
  <si>
    <t>0.03890355853315164</t>
  </si>
  <si>
    <t>20.664121627807617</t>
  </si>
  <si>
    <t>81.18597412109375</t>
  </si>
  <si>
    <t>0.04219560533370803</t>
  </si>
  <si>
    <t>9221</t>
  </si>
  <si>
    <t>21.059125900268555</t>
  </si>
  <si>
    <t>80.49406433105469</t>
  </si>
  <si>
    <t>0.01584992463940793</t>
  </si>
  <si>
    <t>21.396080017089844</t>
  </si>
  <si>
    <t>76.17805480957031</t>
  </si>
  <si>
    <t>-0.013978604813228657</t>
  </si>
  <si>
    <t>9031</t>
  </si>
  <si>
    <t>20.944257736206055</t>
  </si>
  <si>
    <t>96.4372329711914</t>
  </si>
  <si>
    <t>-0.006841783475113772</t>
  </si>
  <si>
    <t>9047</t>
  </si>
  <si>
    <t>20.922388076782227</t>
  </si>
  <si>
    <t>64.41499328613281</t>
  </si>
  <si>
    <t>0.0017701077749432415</t>
  </si>
  <si>
    <t>20.7628173828125</t>
  </si>
  <si>
    <t>48.13074493408203</t>
  </si>
  <si>
    <t>0.005291600926481621</t>
  </si>
  <si>
    <t>20.7795467376709</t>
  </si>
  <si>
    <t>76.66638946533203</t>
  </si>
  <si>
    <t>0.027437604706525676</t>
  </si>
  <si>
    <t>9623</t>
  </si>
  <si>
    <t>21.00718879699707</t>
  </si>
  <si>
    <t>79.21088409423828</t>
  </si>
  <si>
    <t>0.028993649697651946</t>
  </si>
  <si>
    <t>21.558298110961914</t>
  </si>
  <si>
    <t>31.093233108520508</t>
  </si>
  <si>
    <t>0.049467873734998946</t>
  </si>
  <si>
    <t>21.572097778320312</t>
  </si>
  <si>
    <t>38.77483367919922</t>
  </si>
  <si>
    <t>0.025967878513878162</t>
  </si>
  <si>
    <t>22.63116455078125</t>
  </si>
  <si>
    <t>45.140018463134766</t>
  </si>
  <si>
    <t>0.029716906413812083</t>
  </si>
  <si>
    <t>20.847890853881836</t>
  </si>
  <si>
    <t>79.1341552734375</t>
  </si>
  <si>
    <t>-0.0045942605773579</t>
  </si>
  <si>
    <t>21.879640579223633</t>
  </si>
  <si>
    <t>87.81434631347656</t>
  </si>
  <si>
    <t>-0.0006580493774492879</t>
  </si>
  <si>
    <t>21.59857749938965</t>
  </si>
  <si>
    <t>60.35649871826172</t>
  </si>
  <si>
    <t>-0.0015999250507103824</t>
  </si>
  <si>
    <t>21.63616180419922</t>
  </si>
  <si>
    <t>86.42339324951172</t>
  </si>
  <si>
    <t>0.00526069790039152</t>
  </si>
  <si>
    <t>10896</t>
  </si>
  <si>
    <t>21.49408531188965</t>
  </si>
  <si>
    <t>73.51399230957031</t>
  </si>
  <si>
    <t>0.02067856147532865</t>
  </si>
  <si>
    <t>11138</t>
  </si>
  <si>
    <t>21.9832763671875</t>
  </si>
  <si>
    <t>60.5780029296875</t>
  </si>
  <si>
    <t>0.021966935760321604</t>
  </si>
  <si>
    <t>21.640838623046875</t>
  </si>
  <si>
    <t>48.50571060180664</t>
  </si>
  <si>
    <t>0.021318981160979078</t>
  </si>
  <si>
    <t>11762</t>
  </si>
  <si>
    <t>22.201871871948242</t>
  </si>
  <si>
    <t>94.75900268554688</t>
  </si>
  <si>
    <t>0.03319232970930841</t>
  </si>
  <si>
    <t>12197</t>
  </si>
  <si>
    <t>21.652467727661133</t>
  </si>
  <si>
    <t>88.79424285888672</t>
  </si>
  <si>
    <t>0.03631602382333732</t>
  </si>
  <si>
    <t>21.816612243652344</t>
  </si>
  <si>
    <t>80.66487884521484</t>
  </si>
  <si>
    <t>0.017795943579761442</t>
  </si>
  <si>
    <t>12619</t>
  </si>
  <si>
    <t>21.858720779418945</t>
  </si>
  <si>
    <t>98.37932586669922</t>
  </si>
  <si>
    <t>0.016217651229910146</t>
  </si>
  <si>
    <t>13247</t>
  </si>
  <si>
    <t>21.7165470123291</t>
  </si>
  <si>
    <t>90.18123626708984</t>
  </si>
  <si>
    <t>0.048567497031351436</t>
  </si>
  <si>
    <t>940</t>
  </si>
  <si>
    <t>23.97580909729004</t>
  </si>
  <si>
    <t>3.530353546142578</t>
  </si>
  <si>
    <t>735.9863891601562</t>
  </si>
  <si>
    <t>Qena</t>
  </si>
  <si>
    <t>5163</t>
  </si>
  <si>
    <t>23.994306564331055</t>
  </si>
  <si>
    <t>1.9539952278137207</t>
  </si>
  <si>
    <t>-0.012893472179319687</t>
  </si>
  <si>
    <t>23.513999938964844</t>
  </si>
  <si>
    <t>2.2624120712280273</t>
  </si>
  <si>
    <t>0.02051255665575802</t>
  </si>
  <si>
    <t>5183</t>
  </si>
  <si>
    <t>24.466873168945312</t>
  </si>
  <si>
    <t>21.73235321044922</t>
  </si>
  <si>
    <t>-0.016646323345700154</t>
  </si>
  <si>
    <t>24.194204330444336</t>
  </si>
  <si>
    <t>3.3622303009033203</t>
  </si>
  <si>
    <t>-0.006193168624122336</t>
  </si>
  <si>
    <t>24.262161254882812</t>
  </si>
  <si>
    <t>2.126739025115967</t>
  </si>
  <si>
    <t>5170</t>
  </si>
  <si>
    <t>24.494794845581055</t>
  </si>
  <si>
    <t>1.8344568014144897</t>
  </si>
  <si>
    <t>0.0036818179368900417</t>
  </si>
  <si>
    <t>5212</t>
  </si>
  <si>
    <t>23.79560661315918</t>
  </si>
  <si>
    <t>6.312639236450195</t>
  </si>
  <si>
    <t>0.00809097074226095</t>
  </si>
  <si>
    <t>5255</t>
  </si>
  <si>
    <t>24.741121292114258</t>
  </si>
  <si>
    <t>5.2488579750061035</t>
  </si>
  <si>
    <t>0.008216345066315967</t>
  </si>
  <si>
    <t>24.637163162231445</t>
  </si>
  <si>
    <t>2.785655975341797</t>
  </si>
  <si>
    <t>0.039001117939573504</t>
  </si>
  <si>
    <t>24.13640785217285</t>
  </si>
  <si>
    <t>3.1325416564941406</t>
  </si>
  <si>
    <t>0.04210959858437491</t>
  </si>
  <si>
    <t>24.581436157226562</t>
  </si>
  <si>
    <t>1.8896681070327759</t>
  </si>
  <si>
    <t>0.016014267390788817</t>
  </si>
  <si>
    <t>25.03723907470703</t>
  </si>
  <si>
    <t>8.416861534118652</t>
  </si>
  <si>
    <t>0.007740642416887766</t>
  </si>
  <si>
    <t>5926</t>
  </si>
  <si>
    <t>24.368188858032227</t>
  </si>
  <si>
    <t>2.13515567779541</t>
  </si>
  <si>
    <t>0.01530381849083362</t>
  </si>
  <si>
    <t>6070</t>
  </si>
  <si>
    <t>24.457651138305664</t>
  </si>
  <si>
    <t>1.6532963514328003</t>
  </si>
  <si>
    <t>0.02400915592003372</t>
  </si>
  <si>
    <t>6243</t>
  </si>
  <si>
    <t>24.42669677734375</t>
  </si>
  <si>
    <t>2.629046678543091</t>
  </si>
  <si>
    <t>0.02810223100819975</t>
  </si>
  <si>
    <t>24.4753360748291</t>
  </si>
  <si>
    <t>1.6169242858886719</t>
  </si>
  <si>
    <t>0.050443982999793135</t>
  </si>
  <si>
    <t>24.512786865234375</t>
  </si>
  <si>
    <t>1.9624121189117432</t>
  </si>
  <si>
    <t>0.052366431437274485</t>
  </si>
  <si>
    <t>25.096994400024414</t>
  </si>
  <si>
    <t>3.0889689922332764</t>
  </si>
  <si>
    <t>0.04948504102875262</t>
  </si>
  <si>
    <t>25.02864646911621</t>
  </si>
  <si>
    <t>2.0624120235443115</t>
  </si>
  <si>
    <t>0.02593316194395001</t>
  </si>
  <si>
    <t>7686</t>
  </si>
  <si>
    <t>26.133752822875977</t>
  </si>
  <si>
    <t>4.718986988067627</t>
  </si>
  <si>
    <t>0.029711038653275068</t>
  </si>
  <si>
    <t>24.34449577331543</t>
  </si>
  <si>
    <t>3.190457820892334</t>
  </si>
  <si>
    <t>-0.0045641338929378605</t>
  </si>
  <si>
    <t>25.397689819335938</t>
  </si>
  <si>
    <t>3.9045863151550293</t>
  </si>
  <si>
    <t>-0.0006537229754925988</t>
  </si>
  <si>
    <t>25.09087562561035</t>
  </si>
  <si>
    <t>3.343663454055786</t>
  </si>
  <si>
    <t>-0.0015706809511844</t>
  </si>
  <si>
    <t>25.206947326660156</t>
  </si>
  <si>
    <t>3.6383440494537354</t>
  </si>
  <si>
    <t>0.005226037501723013</t>
  </si>
  <si>
    <t>7834</t>
  </si>
  <si>
    <t>25.17213249206543</t>
  </si>
  <si>
    <t>3.49686861038208</t>
  </si>
  <si>
    <t>0.020635243418878346</t>
  </si>
  <si>
    <t>25.521818161010742</t>
  </si>
  <si>
    <t>3.6170151233673096</t>
  </si>
  <si>
    <t>0.021967806769280784</t>
  </si>
  <si>
    <t>8181</t>
  </si>
  <si>
    <t>24.98610496520996</t>
  </si>
  <si>
    <t>3.4332401752471924</t>
  </si>
  <si>
    <t>0.021373350518642198</t>
  </si>
  <si>
    <t>25.687219619750977</t>
  </si>
  <si>
    <t>4.023426055908203</t>
  </si>
  <si>
    <t>0.0331801082685228</t>
  </si>
  <si>
    <t>25.065269470214844</t>
  </si>
  <si>
    <t>4.057791233062744</t>
  </si>
  <si>
    <t>0.036342305584007306</t>
  </si>
  <si>
    <t>8927</t>
  </si>
  <si>
    <t>25.152435302734375</t>
  </si>
  <si>
    <t>3.2800352573394775</t>
  </si>
  <si>
    <t>0.017743585813132512</t>
  </si>
  <si>
    <t>25.23679542541504</t>
  </si>
  <si>
    <t>3.051471471786499</t>
  </si>
  <si>
    <t>0.01622257799026805</t>
  </si>
  <si>
    <t>9524</t>
  </si>
  <si>
    <t>25.031015396118164</t>
  </si>
  <si>
    <t>3.089150905609131</t>
  </si>
  <si>
    <t>0.04851195843712475</t>
  </si>
  <si>
    <t>941</t>
  </si>
  <si>
    <t>22.396196365356445</t>
  </si>
  <si>
    <t>5.248837947845459</t>
  </si>
  <si>
    <t>834.7332763671875</t>
  </si>
  <si>
    <t>Red sea</t>
  </si>
  <si>
    <t>22.309728622436523</t>
  </si>
  <si>
    <t>3.71927547454834</t>
  </si>
  <si>
    <t>-0.012929912477515515</t>
  </si>
  <si>
    <t>21.778398513793945</t>
  </si>
  <si>
    <t>3.112542152404785</t>
  </si>
  <si>
    <t>0.020465382618308325</t>
  </si>
  <si>
    <t>8597</t>
  </si>
  <si>
    <t>22.771156311035156</t>
  </si>
  <si>
    <t>8.332244873046875</t>
  </si>
  <si>
    <t>0.024134434098311175</t>
  </si>
  <si>
    <t>8899</t>
  </si>
  <si>
    <t>22.46807289123535</t>
  </si>
  <si>
    <t>3.2175304889678955</t>
  </si>
  <si>
    <t>0.03452560568241836</t>
  </si>
  <si>
    <t>9272</t>
  </si>
  <si>
    <t>22.56410026550293</t>
  </si>
  <si>
    <t>2.771834373474121</t>
  </si>
  <si>
    <t>0.041060195162724966</t>
  </si>
  <si>
    <t>9698</t>
  </si>
  <si>
    <t>22.792455673217773</t>
  </si>
  <si>
    <t>2.5022621154785156</t>
  </si>
  <si>
    <t>0.04492057264570981</t>
  </si>
  <si>
    <t>22.136289596557617</t>
  </si>
  <si>
    <t>3.6962451934814453</t>
  </si>
  <si>
    <t>0.049389028308988614</t>
  </si>
  <si>
    <t>23.10133171081543</t>
  </si>
  <si>
    <t>4.095590591430664</t>
  </si>
  <si>
    <t>0.050149250288272995</t>
  </si>
  <si>
    <t>22.919710159301758</t>
  </si>
  <si>
    <t>4.349698543548584</t>
  </si>
  <si>
    <t>0.03881494113054096</t>
  </si>
  <si>
    <t>11618</t>
  </si>
  <si>
    <t>22.427108764648438</t>
  </si>
  <si>
    <t>3.087731122970581</t>
  </si>
  <si>
    <t>0.0422827211593777</t>
  </si>
  <si>
    <t>11804</t>
  </si>
  <si>
    <t>22.792160034179688</t>
  </si>
  <si>
    <t>2.471923589706421</t>
  </si>
  <si>
    <t>0.01588283751035391</t>
  </si>
  <si>
    <t>23.414133071899414</t>
  </si>
  <si>
    <t>2.9666757583618164</t>
  </si>
  <si>
    <t>-0.05368606721590119</t>
  </si>
  <si>
    <t>22.802534103393555</t>
  </si>
  <si>
    <t>2.4042482376098633</t>
  </si>
  <si>
    <t>-0.04966209151934997</t>
  </si>
  <si>
    <t>10180</t>
  </si>
  <si>
    <t>22.979782104492188</t>
  </si>
  <si>
    <t>4.489727020263672</t>
  </si>
  <si>
    <t>-0.04466528722306684</t>
  </si>
  <si>
    <t>9729</t>
  </si>
  <si>
    <t>22.90557861328125</t>
  </si>
  <si>
    <t>10.120806694030762</t>
  </si>
  <si>
    <t>-0.04531389512908568</t>
  </si>
  <si>
    <t>9462</t>
  </si>
  <si>
    <t>22.809051513671875</t>
  </si>
  <si>
    <t>2.5611257553100586</t>
  </si>
  <si>
    <t>-0.027827338784334188</t>
  </si>
  <si>
    <t>23.022262573242188</t>
  </si>
  <si>
    <t>2.9095911979675293</t>
  </si>
  <si>
    <t>-0.031891895917286917</t>
  </si>
  <si>
    <t>23.604154586791992</t>
  </si>
  <si>
    <t>1.927921175956726</t>
  </si>
  <si>
    <t>0.04938749696647804</t>
  </si>
  <si>
    <t>23.27552032470703</t>
  </si>
  <si>
    <t>2.775155782699585</t>
  </si>
  <si>
    <t>0.025935542165411718</t>
  </si>
  <si>
    <t>10181</t>
  </si>
  <si>
    <t>24.52374839782715</t>
  </si>
  <si>
    <t>4.694543838500977</t>
  </si>
  <si>
    <t>0.02980831770149983</t>
  </si>
  <si>
    <t>10134</t>
  </si>
  <si>
    <t>22.593124389648438</t>
  </si>
  <si>
    <t>3.0241479873657227</t>
  </si>
  <si>
    <t>-0.004627131071341495</t>
  </si>
  <si>
    <t>10127</t>
  </si>
  <si>
    <t>23.69483757019043</t>
  </si>
  <si>
    <t>3.415262222290039</t>
  </si>
  <si>
    <t>-0.000690982703568821</t>
  </si>
  <si>
    <t>23.43646240234375</t>
  </si>
  <si>
    <t>3.5578482151031494</t>
  </si>
  <si>
    <t>-0.0015811842408854915</t>
  </si>
  <si>
    <t>10165</t>
  </si>
  <si>
    <t>23.47722816467285</t>
  </si>
  <si>
    <t>4.909775733947754</t>
  </si>
  <si>
    <t>0.005326506971046641</t>
  </si>
  <si>
    <t>23.48506736755371</t>
  </si>
  <si>
    <t>3.6351780891418457</t>
  </si>
  <si>
    <t>0.02064137154283152</t>
  </si>
  <si>
    <t>23.80281639099121</t>
  </si>
  <si>
    <t>3.210977792739868</t>
  </si>
  <si>
    <t>0.022016614820365987</t>
  </si>
  <si>
    <t>10836</t>
  </si>
  <si>
    <t>23.31940269470215</t>
  </si>
  <si>
    <t>3.03140926361084</t>
  </si>
  <si>
    <t>0.021265490779342144</t>
  </si>
  <si>
    <t>11202</t>
  </si>
  <si>
    <t>23.92729949951172</t>
  </si>
  <si>
    <t>6.516997814178467</t>
  </si>
  <si>
    <t>0.03321840956479072</t>
  </si>
  <si>
    <t>23.2989444732666</t>
  </si>
  <si>
    <t>3.8688151836395264</t>
  </si>
  <si>
    <t>0.036291124294800525</t>
  </si>
  <si>
    <t>11825</t>
  </si>
  <si>
    <t>23.548370361328125</t>
  </si>
  <si>
    <t>4.645956039428711</t>
  </si>
  <si>
    <t>0.017832476295556177</t>
  </si>
  <si>
    <t>23.60758399963379</t>
  </si>
  <si>
    <t>3.67741060256958</t>
  </si>
  <si>
    <t>0.01618959153374</t>
  </si>
  <si>
    <t>23.422849655151367</t>
  </si>
  <si>
    <t>4.6144585609436035</t>
  </si>
  <si>
    <t>0.0485603237490011</t>
  </si>
  <si>
    <t>6065</t>
  </si>
  <si>
    <t>21.255441665649414</t>
  </si>
  <si>
    <t>33.964778900146484</t>
  </si>
  <si>
    <t>1296.3175048828125</t>
  </si>
  <si>
    <t>Shrkia</t>
  </si>
  <si>
    <t>5987</t>
  </si>
  <si>
    <t>21.10544204711914</t>
  </si>
  <si>
    <t>69.32390594482422</t>
  </si>
  <si>
    <t>-0.012944090452798207</t>
  </si>
  <si>
    <t>6110</t>
  </si>
  <si>
    <t>20.589200973510742</t>
  </si>
  <si>
    <t>48.17902755737305</t>
  </si>
  <si>
    <t>0.020336321240288058</t>
  </si>
  <si>
    <t>5937</t>
  </si>
  <si>
    <t>21.461950302124023</t>
  </si>
  <si>
    <t>34.41935729980469</t>
  </si>
  <si>
    <t>-0.028722817894964336</t>
  </si>
  <si>
    <t>5824</t>
  </si>
  <si>
    <t>21.541839599609375</t>
  </si>
  <si>
    <t>57.620365142822266</t>
  </si>
  <si>
    <t>-0.01921664439415416</t>
  </si>
  <si>
    <t>5744</t>
  </si>
  <si>
    <t>21.28694725036621</t>
  </si>
  <si>
    <t>30.407114028930664</t>
  </si>
  <si>
    <t>-0.013831479148462833</t>
  </si>
  <si>
    <t>5682</t>
  </si>
  <si>
    <t>21.641624450683594</t>
  </si>
  <si>
    <t>30.775480270385742</t>
  </si>
  <si>
    <t>-0.01085254831392568</t>
  </si>
  <si>
    <t>21.07232093811035</t>
  </si>
  <si>
    <t>45.14179229736328</t>
  </si>
  <si>
    <t>-0.0077738907400757284</t>
  </si>
  <si>
    <t>5592</t>
  </si>
  <si>
    <t>22.01011848449707</t>
  </si>
  <si>
    <t>41.18822479248047</t>
  </si>
  <si>
    <t>-0.008192387760411535</t>
  </si>
  <si>
    <t>21.857484817504883</t>
  </si>
  <si>
    <t>23.998958587646484</t>
  </si>
  <si>
    <t>0.03875978378770384</t>
  </si>
  <si>
    <t>6064</t>
  </si>
  <si>
    <t>21.491836547851562</t>
  </si>
  <si>
    <t>45.892818450927734</t>
  </si>
  <si>
    <t>0.042272859620856806</t>
  </si>
  <si>
    <t>21.89447593688965</t>
  </si>
  <si>
    <t>30.562728881835938</t>
  </si>
  <si>
    <t>0.015869453692364033</t>
  </si>
  <si>
    <t>6506</t>
  </si>
  <si>
    <t>22.2952823638916</t>
  </si>
  <si>
    <t>33.90251541137695</t>
  </si>
  <si>
    <t>0.0544857260187257</t>
  </si>
  <si>
    <t>21.88086700439453</t>
  </si>
  <si>
    <t>46.53465270996094</t>
  </si>
  <si>
    <t>0.0593761257299672</t>
  </si>
  <si>
    <t>7375</t>
  </si>
  <si>
    <t>21.99468421936035</t>
  </si>
  <si>
    <t>30.645891189575195</t>
  </si>
  <si>
    <t>0.06599494844475728</t>
  </si>
  <si>
    <t>7893</t>
  </si>
  <si>
    <t>21.787160873413086</t>
  </si>
  <si>
    <t>24.829586029052734</t>
  </si>
  <si>
    <t>0.06788038850038092</t>
  </si>
  <si>
    <t>8624</t>
  </si>
  <si>
    <t>21.82415008544922</t>
  </si>
  <si>
    <t>34.82140350341797</t>
  </si>
  <si>
    <t>0.08857272344037703</t>
  </si>
  <si>
    <t>22.02414894104004</t>
  </si>
  <si>
    <t>39.711708068847656</t>
  </si>
  <si>
    <t>0.08881671916743272</t>
  </si>
  <si>
    <t>9902</t>
  </si>
  <si>
    <t>22.518667221069336</t>
  </si>
  <si>
    <t>15.015295028686523</t>
  </si>
  <si>
    <t>0.049371023605155884</t>
  </si>
  <si>
    <t>10162</t>
  </si>
  <si>
    <t>22.221303939819336</t>
  </si>
  <si>
    <t>19.536230087280273</t>
  </si>
  <si>
    <t>0.02591851623230923</t>
  </si>
  <si>
    <t>10470</t>
  </si>
  <si>
    <t>23.283889770507812</t>
  </si>
  <si>
    <t>14.305601119995117</t>
  </si>
  <si>
    <t>0.029858751710905906</t>
  </si>
  <si>
    <t>21.412160873413086</t>
  </si>
  <si>
    <t>37.27088165283203</t>
  </si>
  <si>
    <t>-0.004691023872155142</t>
  </si>
  <si>
    <t>10414</t>
  </si>
  <si>
    <t>22.409311294555664</t>
  </si>
  <si>
    <t>36.682621002197266</t>
  </si>
  <si>
    <t>-0.0006719462695841116</t>
  </si>
  <si>
    <t>10398</t>
  </si>
  <si>
    <t>22.159311294555664</t>
  </si>
  <si>
    <t>29.615297317504883</t>
  </si>
  <si>
    <t>-0.0015375747791832595</t>
  </si>
  <si>
    <t>10453</t>
  </si>
  <si>
    <t>22.294897079467773</t>
  </si>
  <si>
    <t>44.37192153930664</t>
  </si>
  <si>
    <t>0.005275538589046391</t>
  </si>
  <si>
    <t>10671</t>
  </si>
  <si>
    <t>22.174150466918945</t>
  </si>
  <si>
    <t>43.248939514160156</t>
  </si>
  <si>
    <t>0.02064076308385765</t>
  </si>
  <si>
    <t>10908</t>
  </si>
  <si>
    <t>22.592432022094727</t>
  </si>
  <si>
    <t>21.320898056030273</t>
  </si>
  <si>
    <t>0.021966683348914273</t>
  </si>
  <si>
    <t>22.250595092773438</t>
  </si>
  <si>
    <t>22.23468589782715</t>
  </si>
  <si>
    <t>0.02131503308157434</t>
  </si>
  <si>
    <t>22.8038272857666</t>
  </si>
  <si>
    <t>47.74384689331055</t>
  </si>
  <si>
    <t>0.03318634787945385</t>
  </si>
  <si>
    <t>11945</t>
  </si>
  <si>
    <t>22.294090270996094</t>
  </si>
  <si>
    <t>60.29841613769531</t>
  </si>
  <si>
    <t>0.036314934833402646</t>
  </si>
  <si>
    <t>22.462373733520508</t>
  </si>
  <si>
    <t>41.4239501953125</t>
  </si>
  <si>
    <t>0.017839095760248114</t>
  </si>
  <si>
    <t>22.595918655395508</t>
  </si>
  <si>
    <t>59.50556182861328</t>
  </si>
  <si>
    <t>0.016232666069578627</t>
  </si>
  <si>
    <t>12973</t>
  </si>
  <si>
    <t>22.36726188659668</t>
  </si>
  <si>
    <t>44.097415924072266</t>
  </si>
  <si>
    <t>0.048485731981276814</t>
  </si>
  <si>
    <t>943</t>
  </si>
  <si>
    <t>21.135570526123047</t>
  </si>
  <si>
    <t>34.40165328979492</t>
  </si>
  <si>
    <t>150.4988250732422</t>
  </si>
  <si>
    <t>South Sinai</t>
  </si>
  <si>
    <t>13215</t>
  </si>
  <si>
    <t>20.98078727722168</t>
  </si>
  <si>
    <t>46.07256317138672</t>
  </si>
  <si>
    <t>-0.012931538747507076</t>
  </si>
  <si>
    <t>13488</t>
  </si>
  <si>
    <t>20.41094970703125</t>
  </si>
  <si>
    <t>30.951501846313477</t>
  </si>
  <si>
    <t>0.020447853203245714</t>
  </si>
  <si>
    <t>13560</t>
  </si>
  <si>
    <t>21.28324317932129</t>
  </si>
  <si>
    <t>27.504837036132812</t>
  </si>
  <si>
    <t>0.005323881252749629</t>
  </si>
  <si>
    <t>13779</t>
  </si>
  <si>
    <t>21.445098876953125</t>
  </si>
  <si>
    <t>35.142337799072266</t>
  </si>
  <si>
    <t>0.016021411499517413</t>
  </si>
  <si>
    <t>14099</t>
  </si>
  <si>
    <t>21.197805404663086</t>
  </si>
  <si>
    <t>21.666757583618164</t>
  </si>
  <si>
    <t>0.022958178871457235</t>
  </si>
  <si>
    <t>14485</t>
  </si>
  <si>
    <t>21.47926139831543</t>
  </si>
  <si>
    <t>20.329431533813477</t>
  </si>
  <si>
    <t>0.027009758338090606</t>
  </si>
  <si>
    <t>14954</t>
  </si>
  <si>
    <t>20.907690048217773</t>
  </si>
  <si>
    <t>33.49642562866211</t>
  </si>
  <si>
    <t>0.03186519135640964</t>
  </si>
  <si>
    <t>15454</t>
  </si>
  <si>
    <t>21.86326026916504</t>
  </si>
  <si>
    <t>30.674522399902344</t>
  </si>
  <si>
    <t>0.03288904693366845</t>
  </si>
  <si>
    <t>21.694730758666992</t>
  </si>
  <si>
    <t>18.290794372558594</t>
  </si>
  <si>
    <t>0.03889960954980687</t>
  </si>
  <si>
    <t>21.36351203918457</t>
  </si>
  <si>
    <t>26.676340103149414</t>
  </si>
  <si>
    <t>0.042227615992738166</t>
  </si>
  <si>
    <t>17028</t>
  </si>
  <si>
    <t>21.798744201660156</t>
  </si>
  <si>
    <t>23.319904327392578</t>
  </si>
  <si>
    <t>0.015863952911969292</t>
  </si>
  <si>
    <t>16177</t>
  </si>
  <si>
    <t>22.192956924438477</t>
  </si>
  <si>
    <t>22.702970504760742</t>
  </si>
  <si>
    <t>-0.05126856761834908</t>
  </si>
  <si>
    <t>21.75054931640625</t>
  </si>
  <si>
    <t>29.01062774658203</t>
  </si>
  <si>
    <t>-0.046952822393434346</t>
  </si>
  <si>
    <t>14806</t>
  </si>
  <si>
    <t>21.843482971191406</t>
  </si>
  <si>
    <t>20.641298294067383</t>
  </si>
  <si>
    <t>-0.041605153933216954</t>
  </si>
  <si>
    <t>14199</t>
  </si>
  <si>
    <t>21.597335815429688</t>
  </si>
  <si>
    <t>26.429597854614258</t>
  </si>
  <si>
    <t>-0.04186096442868603</t>
  </si>
  <si>
    <t>13864</t>
  </si>
  <si>
    <t>21.65570831298828</t>
  </si>
  <si>
    <t>32.973358154296875</t>
  </si>
  <si>
    <t>-0.023875987178914926</t>
  </si>
  <si>
    <t>13491</t>
  </si>
  <si>
    <t>21.832239151000977</t>
  </si>
  <si>
    <t>34.95936584472656</t>
  </si>
  <si>
    <t>-0.02727275595662526</t>
  </si>
  <si>
    <t>14174</t>
  </si>
  <si>
    <t>22.325254440307617</t>
  </si>
  <si>
    <t>15.34891128540039</t>
  </si>
  <si>
    <t>0.049386503931383885</t>
  </si>
  <si>
    <t>14547</t>
  </si>
  <si>
    <t>21.93408966064453</t>
  </si>
  <si>
    <t>24.61257553100586</t>
  </si>
  <si>
    <t>14987</t>
  </si>
  <si>
    <t>23.222021102905273</t>
  </si>
  <si>
    <t>20.609182357788086</t>
  </si>
  <si>
    <t>0.029798371871534002</t>
  </si>
  <si>
    <t>21.178293228149414</t>
  </si>
  <si>
    <t>23.140474319458008</t>
  </si>
  <si>
    <t>-0.0046146211298871975</t>
  </si>
  <si>
    <t>14908</t>
  </si>
  <si>
    <t>22.234155654907227</t>
  </si>
  <si>
    <t>26.179466247558594</t>
  </si>
  <si>
    <t>-0.0006705559159598806</t>
  </si>
  <si>
    <t>14885</t>
  </si>
  <si>
    <t>21.995267868041992</t>
  </si>
  <si>
    <t>30.55792999267578</t>
  </si>
  <si>
    <t>-0.0015439871492723967</t>
  </si>
  <si>
    <t>14963</t>
  </si>
  <si>
    <t>22.059022903442383</t>
  </si>
  <si>
    <t>41.92392349243164</t>
  </si>
  <si>
    <t>0.005226492733543253</t>
  </si>
  <si>
    <t>22.06144905090332</t>
  </si>
  <si>
    <t>27.99762535095215</t>
  </si>
  <si>
    <t>0.02070248216198678</t>
  </si>
  <si>
    <t>15615</t>
  </si>
  <si>
    <t>22.359039306640625</t>
  </si>
  <si>
    <t>22.56464385986328</t>
  </si>
  <si>
    <t>0.021949021371773014</t>
  </si>
  <si>
    <t>15951</t>
  </si>
  <si>
    <t>22.041915893554688</t>
  </si>
  <si>
    <t>23.66384506225586</t>
  </si>
  <si>
    <t>0.021289532455268656</t>
  </si>
  <si>
    <t>22.60297203063965</t>
  </si>
  <si>
    <t>43.878387451171875</t>
  </si>
  <si>
    <t>0.03323261338119643</t>
  </si>
  <si>
    <t>17100</t>
  </si>
  <si>
    <t>22.062776565551758</t>
  </si>
  <si>
    <t>35.6058464050293</t>
  </si>
  <si>
    <t>0.03632432693710719</t>
  </si>
  <si>
    <t>17406</t>
  </si>
  <si>
    <t>22.254600524902344</t>
  </si>
  <si>
    <t>25.87676239013672</t>
  </si>
  <si>
    <t>0.017736510858707533</t>
  </si>
  <si>
    <t>17691</t>
  </si>
  <si>
    <t>22.2916202545166</t>
  </si>
  <si>
    <t>32.906280517578125</t>
  </si>
  <si>
    <t>0.016241061319155037</t>
  </si>
  <si>
    <t>18571</t>
  </si>
  <si>
    <t>22.122495651245117</t>
  </si>
  <si>
    <t>36.401145935058594</t>
  </si>
  <si>
    <t>0.04854518852443768</t>
  </si>
  <si>
    <t>20.734312057495117</t>
  </si>
  <si>
    <t>32.935489654541016</t>
  </si>
  <si>
    <t>14.131431579589844</t>
  </si>
  <si>
    <t>Suez</t>
  </si>
  <si>
    <t>6337</t>
  </si>
  <si>
    <t>20.51409149169922</t>
  </si>
  <si>
    <t>48.962188720703125</t>
  </si>
  <si>
    <t>-0.013012647360488572</t>
  </si>
  <si>
    <t>20.010278701782227</t>
  </si>
  <si>
    <t>31.223495483398438</t>
  </si>
  <si>
    <t>0.020461471373479867</t>
  </si>
  <si>
    <t>20.809568405151367</t>
  </si>
  <si>
    <t>24.846364974975586</t>
  </si>
  <si>
    <t>0.10832457859117639</t>
  </si>
  <si>
    <t>20.95575714111328</t>
  </si>
  <si>
    <t>33.028564453125</t>
  </si>
  <si>
    <t>0.10961062761589524</t>
  </si>
  <si>
    <t>8964</t>
  </si>
  <si>
    <t>20.777658462524414</t>
  </si>
  <si>
    <t>18.604578018188477</t>
  </si>
  <si>
    <t>0.10841440801674906</t>
  </si>
  <si>
    <t>9965</t>
  </si>
  <si>
    <t>20.98670196533203</t>
  </si>
  <si>
    <t>16.951059341430664</t>
  </si>
  <si>
    <t>0.1058623977260762</t>
  </si>
  <si>
    <t>20.45646858215332</t>
  </si>
  <si>
    <t>32.68122482299805</t>
  </si>
  <si>
    <t>0.10497910825992207</t>
  </si>
  <si>
    <t>12244</t>
  </si>
  <si>
    <t>21.37122917175293</t>
  </si>
  <si>
    <t>32.344017028808594</t>
  </si>
  <si>
    <t>0.10097795915848629</t>
  </si>
  <si>
    <t>12729</t>
  </si>
  <si>
    <t>21.27455711364746</t>
  </si>
  <si>
    <t>14.364280700683594</t>
  </si>
  <si>
    <t>0.0388468338051311</t>
  </si>
  <si>
    <t>13279</t>
  </si>
  <si>
    <t>20.894325256347656</t>
  </si>
  <si>
    <t>25.342529296875</t>
  </si>
  <si>
    <t>0.04230098511989411</t>
  </si>
  <si>
    <t>21.300752639770508</t>
  </si>
  <si>
    <t>20.113479614257812</t>
  </si>
  <si>
    <t>0.015838956448488872</t>
  </si>
  <si>
    <t>12642</t>
  </si>
  <si>
    <t>21.73980140686035</t>
  </si>
  <si>
    <t>19.722009658813477</t>
  </si>
  <si>
    <t>-0.06499819240657345</t>
  </si>
  <si>
    <t>21.298845291137695</t>
  </si>
  <si>
    <t>28.622753143310547</t>
  </si>
  <si>
    <t>-0.0625050471485924</t>
  </si>
  <si>
    <t>11190</t>
  </si>
  <si>
    <t>21.432180404663086</t>
  </si>
  <si>
    <t>20.222379684448242</t>
  </si>
  <si>
    <t>-0.05949903457768002</t>
  </si>
  <si>
    <t>10512</t>
  </si>
  <si>
    <t>21.230274200439453</t>
  </si>
  <si>
    <t>25.796051025390625</t>
  </si>
  <si>
    <t>-0.0625030605815784</t>
  </si>
  <si>
    <t>21.269323348999023</t>
  </si>
  <si>
    <t>34.21645736694336</t>
  </si>
  <si>
    <t>-0.04803417146512956</t>
  </si>
  <si>
    <t>21.425750732421875</t>
  </si>
  <si>
    <t>31.240554809570312</t>
  </si>
  <si>
    <t>-0.05593208577556652</t>
  </si>
  <si>
    <t>9953</t>
  </si>
  <si>
    <t>21.8859920501709</t>
  </si>
  <si>
    <t>13.587520599365234</t>
  </si>
  <si>
    <t>0.04932280876236739</t>
  </si>
  <si>
    <t>21.390512466430664</t>
  </si>
  <si>
    <t>19.803836822509766</t>
  </si>
  <si>
    <t>0.02598321500565781</t>
  </si>
  <si>
    <t>10524</t>
  </si>
  <si>
    <t>22.645292282104492</t>
  </si>
  <si>
    <t>12.918546676635742</t>
  </si>
  <si>
    <t>0.029801134908462146</t>
  </si>
  <si>
    <t>10476</t>
  </si>
  <si>
    <t>20.680273056030273</t>
  </si>
  <si>
    <t>17.598770141601562</t>
  </si>
  <si>
    <t>-0.004571436532581075</t>
  </si>
  <si>
    <t>10469</t>
  </si>
  <si>
    <t>21.721940994262695</t>
  </si>
  <si>
    <t>28.08901023864746</t>
  </si>
  <si>
    <t>-0.0006684173082476264</t>
  </si>
  <si>
    <t>10452</t>
  </si>
  <si>
    <t>21.50075340270996</t>
  </si>
  <si>
    <t>25.759586334228516</t>
  </si>
  <si>
    <t>-0.0016251616788522938</t>
  </si>
  <si>
    <t>10507</t>
  </si>
  <si>
    <t>21.57384490966797</t>
  </si>
  <si>
    <t>48.55131530761719</t>
  </si>
  <si>
    <t>0.005248354048273285</t>
  </si>
  <si>
    <t>21.5878963470459</t>
  </si>
  <si>
    <t>22.71347999572754</t>
  </si>
  <si>
    <t>0.020722225908652803</t>
  </si>
  <si>
    <t>21.93860626220703</t>
  </si>
  <si>
    <t>15.510388374328613</t>
  </si>
  <si>
    <t>0.02194445425455882</t>
  </si>
  <si>
    <t>11201</t>
  </si>
  <si>
    <t>21.576461791992188</t>
  </si>
  <si>
    <t>21.171207427978516</t>
  </si>
  <si>
    <t>0.021294678159751612</t>
  </si>
  <si>
    <t>22.175750732421875</t>
  </si>
  <si>
    <t>41.23820495605469</t>
  </si>
  <si>
    <t>0.03319005260053309</t>
  </si>
  <si>
    <t>12008</t>
  </si>
  <si>
    <t>21.630273818969727</t>
  </si>
  <si>
    <t>38.08122253417969</t>
  </si>
  <si>
    <t>0.03637998170102463</t>
  </si>
  <si>
    <t>21.77455711364746</t>
  </si>
  <si>
    <t>31.564167022705078</t>
  </si>
  <si>
    <t>0.017746328463966066</t>
  </si>
  <si>
    <t>12423</t>
  </si>
  <si>
    <t>21.880273818969727</t>
  </si>
  <si>
    <t>36.01731491088867</t>
  </si>
  <si>
    <t>0.016230170436413616</t>
  </si>
  <si>
    <t>13041</t>
  </si>
  <si>
    <t>21.69122314453125</t>
  </si>
  <si>
    <t>28.95686912536621</t>
  </si>
  <si>
    <t>0.048548647443224624</t>
  </si>
  <si>
    <t>5115</t>
  </si>
  <si>
    <t>23.25788116455078</t>
  </si>
  <si>
    <t>6.272595405578613</t>
  </si>
  <si>
    <t>1066.96435546875</t>
  </si>
  <si>
    <t>Suhag</t>
  </si>
  <si>
    <t>5049</t>
  </si>
  <si>
    <t>23.06861686706543</t>
  </si>
  <si>
    <t>3.861595869064331</t>
  </si>
  <si>
    <t>-0.01298719552681149</t>
  </si>
  <si>
    <t>5154</t>
  </si>
  <si>
    <t>22.581972122192383</t>
  </si>
  <si>
    <t>3.2766809463500977</t>
  </si>
  <si>
    <t>0.02058290835339527</t>
  </si>
  <si>
    <t>23.47957420349121</t>
  </si>
  <si>
    <t>11.52199935913086</t>
  </si>
  <si>
    <t>-0.03856900472317726</t>
  </si>
  <si>
    <t>23.33094596862793</t>
  </si>
  <si>
    <t>3.530106544494629</t>
  </si>
  <si>
    <t>-0.029883517186023667</t>
  </si>
  <si>
    <t>23.322954177856445</t>
  </si>
  <si>
    <t>3.497234344482422</t>
  </si>
  <si>
    <t>-0.025248553508692595</t>
  </si>
  <si>
    <t>4584</t>
  </si>
  <si>
    <t>23.55023765563965</t>
  </si>
  <si>
    <t>3.797234296798706</t>
  </si>
  <si>
    <t>-0.023500057399841623</t>
  </si>
  <si>
    <t>4487</t>
  </si>
  <si>
    <t>22.916900634765625</t>
  </si>
  <si>
    <t>4.064362049102783</t>
  </si>
  <si>
    <t>-0.021387652418590974</t>
  </si>
  <si>
    <t>4383</t>
  </si>
  <si>
    <t>23.89076042175293</t>
  </si>
  <si>
    <t>6.279447078704834</t>
  </si>
  <si>
    <t>-0.02345090555717455</t>
  </si>
  <si>
    <t>23.745214462280273</t>
  </si>
  <si>
    <t>5.0534257888793945</t>
  </si>
  <si>
    <t>0.03893109084507351</t>
  </si>
  <si>
    <t>23.270212173461914</t>
  </si>
  <si>
    <t>4.658893585205078</t>
  </si>
  <si>
    <t>0.04232185665625643</t>
  </si>
  <si>
    <t>23.74053382873535</t>
  </si>
  <si>
    <t>3.5438084602355957</t>
  </si>
  <si>
    <t>0.01586009872647942</t>
  </si>
  <si>
    <t>24.234710693359375</t>
  </si>
  <si>
    <t>4.491765975952148</t>
  </si>
  <si>
    <t>0.06976551977727219</t>
  </si>
  <si>
    <t>23.683683395385742</t>
  </si>
  <si>
    <t>3.7301065921783447</t>
  </si>
  <si>
    <t>0.07314206847580529</t>
  </si>
  <si>
    <t>6027</t>
  </si>
  <si>
    <t>23.793500900268555</t>
  </si>
  <si>
    <t>5.119170188903809</t>
  </si>
  <si>
    <t>0.07849531858334835</t>
  </si>
  <si>
    <t>23.618955612182617</t>
  </si>
  <si>
    <t>11.95487117767334</t>
  </si>
  <si>
    <t>0.07893170286621931</t>
  </si>
  <si>
    <t>23.650236129760742</t>
  </si>
  <si>
    <t>3.582149028778076</t>
  </si>
  <si>
    <t>0.09876105012003933</t>
  </si>
  <si>
    <t>23.817358016967773</t>
  </si>
  <si>
    <t>4.382148742675781</t>
  </si>
  <si>
    <t>0.09797114777187765</t>
  </si>
  <si>
    <t>8342</t>
  </si>
  <si>
    <t>24.392356872558594</t>
  </si>
  <si>
    <t>4.045191764831543</t>
  </si>
  <si>
    <t>0.049389720515709</t>
  </si>
  <si>
    <t>8561</t>
  </si>
  <si>
    <t>24.099777221679688</t>
  </si>
  <si>
    <t>4.043808460235596</t>
  </si>
  <si>
    <t>0.025914009985594788</t>
  </si>
  <si>
    <t>25.181169509887695</t>
  </si>
  <si>
    <t>8.224637985229492</t>
  </si>
  <si>
    <t>0.02980486425835238</t>
  </si>
  <si>
    <t>8779</t>
  </si>
  <si>
    <t>23.41530418395996</t>
  </si>
  <si>
    <t>5.579446315765381</t>
  </si>
  <si>
    <t>-0.004659364074628414</t>
  </si>
  <si>
    <t>5.532871723175049</t>
  </si>
  <si>
    <t>-0.000569703200049787</t>
  </si>
  <si>
    <t>24.243614196777344</t>
  </si>
  <si>
    <t>5.672595500946045</t>
  </si>
  <si>
    <t>-0.0015968977957214747</t>
  </si>
  <si>
    <t>24.284255981445312</t>
  </si>
  <si>
    <t>5.719170093536377</t>
  </si>
  <si>
    <t>0.005237402385262158</t>
  </si>
  <si>
    <t>24.31085205078125</t>
  </si>
  <si>
    <t>5.812318801879883</t>
  </si>
  <si>
    <t>0.02067954114996695</t>
  </si>
  <si>
    <t>9190</t>
  </si>
  <si>
    <t>24.644187927246094</t>
  </si>
  <si>
    <t>5.346574783325195</t>
  </si>
  <si>
    <t>0.02200308788406602</t>
  </si>
  <si>
    <t>24.138017654418945</t>
  </si>
  <si>
    <t>5.393148899078369</t>
  </si>
  <si>
    <t>0.021316341621181678</t>
  </si>
  <si>
    <t>9705</t>
  </si>
  <si>
    <t>24.7747802734375</t>
  </si>
  <si>
    <t>7.38353157043457</t>
  </si>
  <si>
    <t>0.033208938632196094</t>
  </si>
  <si>
    <t>10064</t>
  </si>
  <si>
    <t>24.137680053710938</t>
  </si>
  <si>
    <t>6.6479573249816895</t>
  </si>
  <si>
    <t>0.036323483337111995</t>
  </si>
  <si>
    <t>24.34635353088379</t>
  </si>
  <si>
    <t>5.958893775939941</t>
  </si>
  <si>
    <t>0.017727468379193922</t>
  </si>
  <si>
    <t>10412</t>
  </si>
  <si>
    <t>24.436424255371094</t>
  </si>
  <si>
    <t>5.439723014831543</t>
  </si>
  <si>
    <t>0.016266818795038773</t>
  </si>
  <si>
    <t>10929</t>
  </si>
  <si>
    <t>24.229116439819336</t>
  </si>
  <si>
    <t>5.958893299102783</t>
  </si>
  <si>
    <t>0.048460819562217594</t>
  </si>
  <si>
    <t>ESP</t>
  </si>
  <si>
    <t>20478</t>
  </si>
  <si>
    <t>14.222882270812988</t>
  </si>
  <si>
    <t>344.8179931640625</t>
  </si>
  <si>
    <t>210.5471649169922</t>
  </si>
  <si>
    <t>Albacete</t>
  </si>
  <si>
    <t>Spain</t>
  </si>
  <si>
    <t>20933</t>
  </si>
  <si>
    <t>13.530241966247559</t>
  </si>
  <si>
    <t>425.5365295410156</t>
  </si>
  <si>
    <t>0.021975721959757166</t>
  </si>
  <si>
    <t>21011</t>
  </si>
  <si>
    <t>13.723481178283691</t>
  </si>
  <si>
    <t>437.831298828125</t>
  </si>
  <si>
    <t>0.0037192489945301332</t>
  </si>
  <si>
    <t>20674</t>
  </si>
  <si>
    <t>13.162842750549316</t>
  </si>
  <si>
    <t>479.9433898925781</t>
  </si>
  <si>
    <t>-0.016169237960619753</t>
  </si>
  <si>
    <t>21053</t>
  </si>
  <si>
    <t>14.182063102722168</t>
  </si>
  <si>
    <t>303.38873291015625</t>
  </si>
  <si>
    <t>0.018166195642125516</t>
  </si>
  <si>
    <t>21525</t>
  </si>
  <si>
    <t>14.6716890335083</t>
  </si>
  <si>
    <t>400.6548156738281</t>
  </si>
  <si>
    <t>0.022171982525376777</t>
  </si>
  <si>
    <t>21988</t>
  </si>
  <si>
    <t>13.718026161193848</t>
  </si>
  <si>
    <t>583.2882080078125</t>
  </si>
  <si>
    <t>0.021281799684619074</t>
  </si>
  <si>
    <t>22688</t>
  </si>
  <si>
    <t>14.70792007446289</t>
  </si>
  <si>
    <t>531.9014282226562</t>
  </si>
  <si>
    <t>0.03133930035130206</t>
  </si>
  <si>
    <t>14.164868354797363</t>
  </si>
  <si>
    <t>360.12847900390625</t>
  </si>
  <si>
    <t>0.03805370937055841</t>
  </si>
  <si>
    <t>13.85537052154541</t>
  </si>
  <si>
    <t>375.7050476074219</t>
  </si>
  <si>
    <t>0.0390689313075665</t>
  </si>
  <si>
    <t>25657</t>
  </si>
  <si>
    <t>14.296069145202637</t>
  </si>
  <si>
    <t>434.6327209472656</t>
  </si>
  <si>
    <t>0.045857647840712445</t>
  </si>
  <si>
    <t>27001</t>
  </si>
  <si>
    <t>14.244495391845703</t>
  </si>
  <si>
    <t>404.88916015625</t>
  </si>
  <si>
    <t>0.05105746348695739</t>
  </si>
  <si>
    <t>27990</t>
  </si>
  <si>
    <t>14.14846134185791</t>
  </si>
  <si>
    <t>492.93548583984375</t>
  </si>
  <si>
    <t>0.03597340117185155</t>
  </si>
  <si>
    <t>14.549560546875</t>
  </si>
  <si>
    <t>461.56854248046875</t>
  </si>
  <si>
    <t>-0.008647500020268595</t>
  </si>
  <si>
    <t>13.929333686828613</t>
  </si>
  <si>
    <t>505.4165954589844</t>
  </si>
  <si>
    <t>0.01619309390794399</t>
  </si>
  <si>
    <t>13.896109580993652</t>
  </si>
  <si>
    <t>345.40631103515625</t>
  </si>
  <si>
    <t>0.023444733692482345</t>
  </si>
  <si>
    <t>29439</t>
  </si>
  <si>
    <t>14.565078735351562</t>
  </si>
  <si>
    <t>402.8836364746094</t>
  </si>
  <si>
    <t>0.01948269478494602</t>
  </si>
  <si>
    <t>29609</t>
  </si>
  <si>
    <t>14.128555297851562</t>
  </si>
  <si>
    <t>446.882568359375</t>
  </si>
  <si>
    <t>0.005758043276536284</t>
  </si>
  <si>
    <t>30228</t>
  </si>
  <si>
    <t>13.824549674987793</t>
  </si>
  <si>
    <t>543.879150390625</t>
  </si>
  <si>
    <t>0.020690277989469763</t>
  </si>
  <si>
    <t>14.470938682556152</t>
  </si>
  <si>
    <t>496.33477783203125</t>
  </si>
  <si>
    <t>-0.009740282781157461</t>
  </si>
  <si>
    <t>29755</t>
  </si>
  <si>
    <t>14.006072044372559</t>
  </si>
  <si>
    <t>576.9674682617188</t>
  </si>
  <si>
    <t>-0.006031179280499899</t>
  </si>
  <si>
    <t>14.591076850891113</t>
  </si>
  <si>
    <t>385.46368408203125</t>
  </si>
  <si>
    <t>-0.023565706198311887</t>
  </si>
  <si>
    <t>28279</t>
  </si>
  <si>
    <t>14.160388946533203</t>
  </si>
  <si>
    <t>439.3992004394531</t>
  </si>
  <si>
    <t>-0.027311999174260748</t>
  </si>
  <si>
    <t>28055</t>
  </si>
  <si>
    <t>14.087239265441895</t>
  </si>
  <si>
    <t>526.4944458007812</t>
  </si>
  <si>
    <t>-0.00795261052130769</t>
  </si>
  <si>
    <t>14.598946571350098</t>
  </si>
  <si>
    <t>399.4830017089844</t>
  </si>
  <si>
    <t>-0.007082587912778493</t>
  </si>
  <si>
    <t>14.923877716064453</t>
  </si>
  <si>
    <t>364.0193176269531</t>
  </si>
  <si>
    <t>0.05533794504566458</t>
  </si>
  <si>
    <t>30114</t>
  </si>
  <si>
    <t>14.477883338928223</t>
  </si>
  <si>
    <t>462.4490051269531</t>
  </si>
  <si>
    <t>0.022567953565030052</t>
  </si>
  <si>
    <t>14.965165138244629</t>
  </si>
  <si>
    <t>315.8875427246094</t>
  </si>
  <si>
    <t>0.04302717240519449</t>
  </si>
  <si>
    <t>32342</t>
  </si>
  <si>
    <t>14.285223960876465</t>
  </si>
  <si>
    <t>568.9337158203125</t>
  </si>
  <si>
    <t>0.02834934284970636</t>
  </si>
  <si>
    <t>14.641620635986328</t>
  </si>
  <si>
    <t>428.5375061035156</t>
  </si>
  <si>
    <t>0.022169111061318247</t>
  </si>
  <si>
    <t>14.919270515441895</t>
  </si>
  <si>
    <t>500.5879821777344</t>
  </si>
  <si>
    <t>-0.09470855236889797</t>
  </si>
  <si>
    <t>31954</t>
  </si>
  <si>
    <t>14.70655345916748</t>
  </si>
  <si>
    <t>419.82110595703125</t>
  </si>
  <si>
    <t>0.06047011475720687</t>
  </si>
  <si>
    <t>15.280858039855957</t>
  </si>
  <si>
    <t>431.9355773925781</t>
  </si>
  <si>
    <t>0.04790457109968749</t>
  </si>
  <si>
    <t>947</t>
  </si>
  <si>
    <t>24491</t>
  </si>
  <si>
    <t>17.2570743560791</t>
  </si>
  <si>
    <t>353.87579345703125</t>
  </si>
  <si>
    <t>527.883544921875</t>
  </si>
  <si>
    <t>Alicante</t>
  </si>
  <si>
    <t>25035</t>
  </si>
  <si>
    <t>16.318002700805664</t>
  </si>
  <si>
    <t>379.5206604003906</t>
  </si>
  <si>
    <t>0.021969142658416985</t>
  </si>
  <si>
    <t>25129</t>
  </si>
  <si>
    <t>16.592449188232422</t>
  </si>
  <si>
    <t>354.78033447265625</t>
  </si>
  <si>
    <t>0.0037477119058220154</t>
  </si>
  <si>
    <t>24725</t>
  </si>
  <si>
    <t>16.44244956970215</t>
  </si>
  <si>
    <t>385.3490905761719</t>
  </si>
  <si>
    <t>-0.016207680178954575</t>
  </si>
  <si>
    <t>17.495595932006836</t>
  </si>
  <si>
    <t>287.4156799316406</t>
  </si>
  <si>
    <t>0.018195436260024067</t>
  </si>
  <si>
    <t>17.532073974609375</t>
  </si>
  <si>
    <t>301.9975891113281</t>
  </si>
  <si>
    <t>0.022191276481228428</t>
  </si>
  <si>
    <t>16.70133399963379</t>
  </si>
  <si>
    <t>464.28125</t>
  </si>
  <si>
    <t>0.021253273986326704</t>
  </si>
  <si>
    <t>27135</t>
  </si>
  <si>
    <t>17.684667587280273</t>
  </si>
  <si>
    <t>379.69305419921875</t>
  </si>
  <si>
    <t>0.031369543279012646</t>
  </si>
  <si>
    <t>28187</t>
  </si>
  <si>
    <t>16.934667587280273</t>
  </si>
  <si>
    <t>256.4279479980469</t>
  </si>
  <si>
    <t>0.038036471231000846</t>
  </si>
  <si>
    <t>29310</t>
  </si>
  <si>
    <t>17.201335906982422</t>
  </si>
  <si>
    <t>299.9546813964844</t>
  </si>
  <si>
    <t>0.03906787597643202</t>
  </si>
  <si>
    <t>17.662261962890625</t>
  </si>
  <si>
    <t>338.8453063964844</t>
  </si>
  <si>
    <t>0.04587776980021374</t>
  </si>
  <si>
    <t>31928</t>
  </si>
  <si>
    <t>17.256521224975586</t>
  </si>
  <si>
    <t>358.0591735839844</t>
  </si>
  <si>
    <t>0.039676843223418246</t>
  </si>
  <si>
    <t>31763</t>
  </si>
  <si>
    <t>17.425783157348633</t>
  </si>
  <si>
    <t>395.5804443359375</t>
  </si>
  <si>
    <t>-0.0051812773901271925</t>
  </si>
  <si>
    <t>31584</t>
  </si>
  <si>
    <t>17.937814712524414</t>
  </si>
  <si>
    <t>394.14605712890625</t>
  </si>
  <si>
    <t>-0.005651427105233253</t>
  </si>
  <si>
    <t>17.08152198791504</t>
  </si>
  <si>
    <t>409.3460693359375</t>
  </si>
  <si>
    <t>0.007947061692531676</t>
  </si>
  <si>
    <t>32120</t>
  </si>
  <si>
    <t>16.768001556396484</t>
  </si>
  <si>
    <t>368.9398498535156</t>
  </si>
  <si>
    <t>0.008881164134956876</t>
  </si>
  <si>
    <t>18.037813186645508</t>
  </si>
  <si>
    <t>313.28656005859375</t>
  </si>
  <si>
    <t>0.0036049513837053127</t>
  </si>
  <si>
    <t>17.362262725830078</t>
  </si>
  <si>
    <t>426.9713439941406</t>
  </si>
  <si>
    <t>-0.01254893945460367</t>
  </si>
  <si>
    <t>31217</t>
  </si>
  <si>
    <t>17.167449951171875</t>
  </si>
  <si>
    <t>415.2089538574219</t>
  </si>
  <si>
    <t>-0.019572082786091016</t>
  </si>
  <si>
    <t>17.68781280517578</t>
  </si>
  <si>
    <t>439.0409240722656</t>
  </si>
  <si>
    <t>-0.07063710022650227</t>
  </si>
  <si>
    <t>28552</t>
  </si>
  <si>
    <t>16.97059440612793</t>
  </si>
  <si>
    <t>378.2998352050781</t>
  </si>
  <si>
    <t>-0.01859873180720939</t>
  </si>
  <si>
    <t>27439</t>
  </si>
  <si>
    <t>17.870595932006836</t>
  </si>
  <si>
    <t>342.64178466796875</t>
  </si>
  <si>
    <t>-0.03976162714292997</t>
  </si>
  <si>
    <t>17.551334381103516</t>
  </si>
  <si>
    <t>369.3877258300781</t>
  </si>
  <si>
    <t>-0.04819265329444633</t>
  </si>
  <si>
    <t>25826</t>
  </si>
  <si>
    <t>17.320592880249023</t>
  </si>
  <si>
    <t>374.7685546875</t>
  </si>
  <si>
    <t>-0.012390969326023793</t>
  </si>
  <si>
    <t>26688</t>
  </si>
  <si>
    <t>18.095041275024414</t>
  </si>
  <si>
    <t>305.7266845703125</t>
  </si>
  <si>
    <t>0.032832289751876687</t>
  </si>
  <si>
    <t>18.103927612304688</t>
  </si>
  <si>
    <t>325.7447204589844</t>
  </si>
  <si>
    <t>0.032514198859368904</t>
  </si>
  <si>
    <t>28759</t>
  </si>
  <si>
    <t>17.712263107299805</t>
  </si>
  <si>
    <t>401.593017578125</t>
  </si>
  <si>
    <t>0.04222253669802889</t>
  </si>
  <si>
    <t>18.01744842529297</t>
  </si>
  <si>
    <t>250.48081970214844</t>
  </si>
  <si>
    <t>0.031926887521565916</t>
  </si>
  <si>
    <t>29962</t>
  </si>
  <si>
    <t>17.76744842529297</t>
  </si>
  <si>
    <t>447.31866455078125</t>
  </si>
  <si>
    <t>0.009052262839890801</t>
  </si>
  <si>
    <t>30315</t>
  </si>
  <si>
    <t>18.087261199951172</t>
  </si>
  <si>
    <t>414.2247314453125</t>
  </si>
  <si>
    <t>0.011712727428504266</t>
  </si>
  <si>
    <t>26972</t>
  </si>
  <si>
    <t>18.051334381103516</t>
  </si>
  <si>
    <t>394.3720703125</t>
  </si>
  <si>
    <t>-0.11684334865135959</t>
  </si>
  <si>
    <t>28653</t>
  </si>
  <si>
    <t>17.726333618164062</t>
  </si>
  <si>
    <t>390.060546875</t>
  </si>
  <si>
    <t>0.06045885884837432</t>
  </si>
  <si>
    <t>30060</t>
  </si>
  <si>
    <t>18.717449188232422</t>
  </si>
  <si>
    <t>391.81500244140625</t>
  </si>
  <si>
    <t>0.04793723460411847</t>
  </si>
  <si>
    <t>26330</t>
  </si>
  <si>
    <t>15.6322660446167</t>
  </si>
  <si>
    <t>365.7650146484375</t>
  </si>
  <si>
    <t>187.48825073242188</t>
  </si>
  <si>
    <t>AlmerÔøΩa</t>
  </si>
  <si>
    <t>26915</t>
  </si>
  <si>
    <t>14.915287971496582</t>
  </si>
  <si>
    <t>393.5043640136719</t>
  </si>
  <si>
    <t>0.02197477850470264</t>
  </si>
  <si>
    <t>15.017924308776855</t>
  </si>
  <si>
    <t>371.36077880859375</t>
  </si>
  <si>
    <t>0.003708515283108227</t>
  </si>
  <si>
    <t>26582</t>
  </si>
  <si>
    <t>14.898056983947754</t>
  </si>
  <si>
    <t>495.1163635253906</t>
  </si>
  <si>
    <t>-0.01615797229688809</t>
  </si>
  <si>
    <t>27069</t>
  </si>
  <si>
    <t>15.829867362976074</t>
  </si>
  <si>
    <t>251.79690551757812</t>
  </si>
  <si>
    <t>0.018154866681332038</t>
  </si>
  <si>
    <t>27677</t>
  </si>
  <si>
    <t>16.15448570251465</t>
  </si>
  <si>
    <t>378.4502258300781</t>
  </si>
  <si>
    <t>0.02221258169240592</t>
  </si>
  <si>
    <t>15.164005279541016</t>
  </si>
  <si>
    <t>551.7301635742188</t>
  </si>
  <si>
    <t>0.0212701722044617</t>
  </si>
  <si>
    <t>15.996596336364746</t>
  </si>
  <si>
    <t>430.3359680175781</t>
  </si>
  <si>
    <t>0.0313374295446458</t>
  </si>
  <si>
    <t>15.432700157165527</t>
  </si>
  <si>
    <t>270.02825927734375</t>
  </si>
  <si>
    <t>0.03803737239316973</t>
  </si>
  <si>
    <t>31511</t>
  </si>
  <si>
    <t>15.435847282409668</t>
  </si>
  <si>
    <t>342.64141845703125</t>
  </si>
  <si>
    <t>0.03908997370729139</t>
  </si>
  <si>
    <t>15.98721694946289</t>
  </si>
  <si>
    <t>387.43536376953125</t>
  </si>
  <si>
    <t>0.04586779401804186</t>
  </si>
  <si>
    <t>15.941861152648926</t>
  </si>
  <si>
    <t>324.2381286621094</t>
  </si>
  <si>
    <t>0.007519400058358272</t>
  </si>
  <si>
    <t>15.544723510742188</t>
  </si>
  <si>
    <t>414.44195556640625</t>
  </si>
  <si>
    <t>0.02113551319104623</t>
  </si>
  <si>
    <t>34024</t>
  </si>
  <si>
    <t>16.037351608276367</t>
  </si>
  <si>
    <t>402.36334228515625</t>
  </si>
  <si>
    <t>0.0022067594614387787</t>
  </si>
  <si>
    <t>33494</t>
  </si>
  <si>
    <t>15.30959415435791</t>
  </si>
  <si>
    <t>359.5215148925781</t>
  </si>
  <si>
    <t>-0.015699839639045976</t>
  </si>
  <si>
    <t>15.308979034423828</t>
  </si>
  <si>
    <t>380.7837829589844</t>
  </si>
  <si>
    <t>0.014641202829007938</t>
  </si>
  <si>
    <t>33834</t>
  </si>
  <si>
    <t>16.133169174194336</t>
  </si>
  <si>
    <t>362.5116882324219</t>
  </si>
  <si>
    <t>-0.004541307088194557</t>
  </si>
  <si>
    <t>34499</t>
  </si>
  <si>
    <t>15.574275016784668</t>
  </si>
  <si>
    <t>380.6374206542969</t>
  </si>
  <si>
    <t>0.019464124056879584</t>
  </si>
  <si>
    <t>33755</t>
  </si>
  <si>
    <t>15.409632682800293</t>
  </si>
  <si>
    <t>492.2049255371094</t>
  </si>
  <si>
    <t>-0.021801783616146153</t>
  </si>
  <si>
    <t>30753</t>
  </si>
  <si>
    <t>16.093782424926758</t>
  </si>
  <si>
    <t>509.12933349609375</t>
  </si>
  <si>
    <t>-0.09314100402446002</t>
  </si>
  <si>
    <t>29820</t>
  </si>
  <si>
    <t>15.838522911071777</t>
  </si>
  <si>
    <t>592.93359375</t>
  </si>
  <si>
    <t>-0.03080824113278169</t>
  </si>
  <si>
    <t>27625</t>
  </si>
  <si>
    <t>15.906720161437988</t>
  </si>
  <si>
    <t>350.9053649902344</t>
  </si>
  <si>
    <t>-0.07645814949867535</t>
  </si>
  <si>
    <t>27178</t>
  </si>
  <si>
    <t>15.726548194885254</t>
  </si>
  <si>
    <t>365.7861022949219</t>
  </si>
  <si>
    <t>-0.016313337339610712</t>
  </si>
  <si>
    <t>26630</t>
  </si>
  <si>
    <t>15.40799331665039</t>
  </si>
  <si>
    <t>356.9757385253906</t>
  </si>
  <si>
    <t>-0.020369422672464665</t>
  </si>
  <si>
    <t>27852</t>
  </si>
  <si>
    <t>16.052522659301758</t>
  </si>
  <si>
    <t>303.8262939453125</t>
  </si>
  <si>
    <t>0.04486637725445952</t>
  </si>
  <si>
    <t>16.448665618896484</t>
  </si>
  <si>
    <t>322.7909851074219</t>
  </si>
  <si>
    <t>0.06026129116887802</t>
  </si>
  <si>
    <t>31857</t>
  </si>
  <si>
    <t>16.150854110717773</t>
  </si>
  <si>
    <t>369.9180603027344</t>
  </si>
  <si>
    <t>0.07409106984063918</t>
  </si>
  <si>
    <t>33498</t>
  </si>
  <si>
    <t>16.579896926879883</t>
  </si>
  <si>
    <t>284.0836181640625</t>
  </si>
  <si>
    <t>0.05022859746646091</t>
  </si>
  <si>
    <t>15.50450611114502</t>
  </si>
  <si>
    <t>421.3528137207031</t>
  </si>
  <si>
    <t>-0.006949881187935603</t>
  </si>
  <si>
    <t>33806</t>
  </si>
  <si>
    <t>16.02886199951172</t>
  </si>
  <si>
    <t>328.5871887207031</t>
  </si>
  <si>
    <t>0.016102447159642708</t>
  </si>
  <si>
    <t>30446</t>
  </si>
  <si>
    <t>16.33087730407715</t>
  </si>
  <si>
    <t>348.4771423339844</t>
  </si>
  <si>
    <t>-0.10468367889092356</t>
  </si>
  <si>
    <t>16.223155975341797</t>
  </si>
  <si>
    <t>269.2579040527344</t>
  </si>
  <si>
    <t>0.060442991588027795</t>
  </si>
  <si>
    <t>33931</t>
  </si>
  <si>
    <t>16.856464385986328</t>
  </si>
  <si>
    <t>412.0242004394531</t>
  </si>
  <si>
    <t>0.047931436580009645</t>
  </si>
  <si>
    <t>949</t>
  </si>
  <si>
    <t>38324</t>
  </si>
  <si>
    <t>11.994902610778809</t>
  </si>
  <si>
    <t>601.8275146484375</t>
  </si>
  <si>
    <t>155.2135009765625</t>
  </si>
  <si>
    <t>Araba/ÔøΩlava</t>
  </si>
  <si>
    <t>39175</t>
  </si>
  <si>
    <t>11.43489933013916</t>
  </si>
  <si>
    <t>593.5441284179688</t>
  </si>
  <si>
    <t>0.021962456453456625</t>
  </si>
  <si>
    <t>11.609898567199707</t>
  </si>
  <si>
    <t>676.06494140625</t>
  </si>
  <si>
    <t>0.003719939063433486</t>
  </si>
  <si>
    <t>38690</t>
  </si>
  <si>
    <t>11.076565742492676</t>
  </si>
  <si>
    <t>783.7138671875</t>
  </si>
  <si>
    <t>-0.01617755859309611</t>
  </si>
  <si>
    <t>39400</t>
  </si>
  <si>
    <t>11.97656536102295</t>
  </si>
  <si>
    <t>641.4461669921875</t>
  </si>
  <si>
    <t>0.01818464759146643</t>
  </si>
  <si>
    <t>40284</t>
  </si>
  <si>
    <t>12.45156478881836</t>
  </si>
  <si>
    <t>784.0211181640625</t>
  </si>
  <si>
    <t>0.022188551482010155</t>
  </si>
  <si>
    <t>41150</t>
  </si>
  <si>
    <t>11.509900093078613</t>
  </si>
  <si>
    <t>977.8143310546875</t>
  </si>
  <si>
    <t>0.02126955933718122</t>
  </si>
  <si>
    <t>42460</t>
  </si>
  <si>
    <t>12.566561698913574</t>
  </si>
  <si>
    <t>1052.4432373046875</t>
  </si>
  <si>
    <t>0.0313385291520305</t>
  </si>
  <si>
    <t>44107</t>
  </si>
  <si>
    <t>11.93989086151123</t>
  </si>
  <si>
    <t>681.2941284179688</t>
  </si>
  <si>
    <t>0.03805604374012184</t>
  </si>
  <si>
    <t>45864</t>
  </si>
  <si>
    <t>11.6282377243042</t>
  </si>
  <si>
    <t>774.9971313476562</t>
  </si>
  <si>
    <t>0.039061995590850884</t>
  </si>
  <si>
    <t>48017</t>
  </si>
  <si>
    <t>12.01156997680664</t>
  </si>
  <si>
    <t>999.013427734375</t>
  </si>
  <si>
    <t>0.04587461926626624</t>
  </si>
  <si>
    <t>49885</t>
  </si>
  <si>
    <t>11.934898376464844</t>
  </si>
  <si>
    <t>652.4351196289062</t>
  </si>
  <si>
    <t>0.03816524149312173</t>
  </si>
  <si>
    <t>51498</t>
  </si>
  <si>
    <t>11.873223304748535</t>
  </si>
  <si>
    <t>972.3489379882812</t>
  </si>
  <si>
    <t>0.03182261559866717</t>
  </si>
  <si>
    <t>51882</t>
  </si>
  <si>
    <t>12.316561698913574</t>
  </si>
  <si>
    <t>978.825439453125</t>
  </si>
  <si>
    <t>0.007428937242210054</t>
  </si>
  <si>
    <t>11.699894905090332</t>
  </si>
  <si>
    <t>816.3087768554688</t>
  </si>
  <si>
    <t>0.02201787398564825</t>
  </si>
  <si>
    <t>11.799895286560059</t>
  </si>
  <si>
    <t>606.0050048828125</t>
  </si>
  <si>
    <t>0.03255441470360765</t>
  </si>
  <si>
    <t>57727</t>
  </si>
  <si>
    <t>12.374894142150879</t>
  </si>
  <si>
    <t>810.75048828125</t>
  </si>
  <si>
    <t>0.05218080377810885</t>
  </si>
  <si>
    <t>59718</t>
  </si>
  <si>
    <t>815.8026733398438</t>
  </si>
  <si>
    <t>0.03390848081826903</t>
  </si>
  <si>
    <t>60593</t>
  </si>
  <si>
    <t>11.63155746459961</t>
  </si>
  <si>
    <t>921.7688598632812</t>
  </si>
  <si>
    <t>0.01454589236015913</t>
  </si>
  <si>
    <t>55461</t>
  </si>
  <si>
    <t>12.143233299255371</t>
  </si>
  <si>
    <t>741.135009765625</t>
  </si>
  <si>
    <t>-0.0884993038137214</t>
  </si>
  <si>
    <t>54771</t>
  </si>
  <si>
    <t>11.634899139404297</t>
  </si>
  <si>
    <t>853.4666748046875</t>
  </si>
  <si>
    <t>-0.012519214238936982</t>
  </si>
  <si>
    <t>54904</t>
  </si>
  <si>
    <t>12.51488971710205</t>
  </si>
  <si>
    <t>567.4171142578125</t>
  </si>
  <si>
    <t>0.0024253488068506357</t>
  </si>
  <si>
    <t>53357</t>
  </si>
  <si>
    <t>11.841561317443848</t>
  </si>
  <si>
    <t>700.2091064453125</t>
  </si>
  <si>
    <t>-0.02858102746852964</t>
  </si>
  <si>
    <t>53650</t>
  </si>
  <si>
    <t>882.2887573242188</t>
  </si>
  <si>
    <t>0.005476290938904782</t>
  </si>
  <si>
    <t>55178</t>
  </si>
  <si>
    <t>12.359898567199707</t>
  </si>
  <si>
    <t>759.467529296875</t>
  </si>
  <si>
    <t>0.028082854039254812</t>
  </si>
  <si>
    <t>55952</t>
  </si>
  <si>
    <t>12.643233299255371</t>
  </si>
  <si>
    <t>764.6878662109375</t>
  </si>
  <si>
    <t>0.013929857205058127</t>
  </si>
  <si>
    <t>12.15822696685791</t>
  </si>
  <si>
    <t>715.8869018554688</t>
  </si>
  <si>
    <t>0.0487288852789689</t>
  </si>
  <si>
    <t>59475</t>
  </si>
  <si>
    <t>12.7532377243042</t>
  </si>
  <si>
    <t>694.1715698242188</t>
  </si>
  <si>
    <t>0.012332990589031922</t>
  </si>
  <si>
    <t>60184</t>
  </si>
  <si>
    <t>11.95989990234375</t>
  </si>
  <si>
    <t>944.5852661132812</t>
  </si>
  <si>
    <t>0.011850480068899216</t>
  </si>
  <si>
    <t>59258</t>
  </si>
  <si>
    <t>12.468232154846191</t>
  </si>
  <si>
    <t>797.9525146484375</t>
  </si>
  <si>
    <t>-0.015505744260162047</t>
  </si>
  <si>
    <t>53332</t>
  </si>
  <si>
    <t>12.82656478881836</t>
  </si>
  <si>
    <t>940.0109252929688</t>
  </si>
  <si>
    <t>-0.10536426574454616</t>
  </si>
  <si>
    <t>56656</t>
  </si>
  <si>
    <t>12.51156997680664</t>
  </si>
  <si>
    <t>769.8239135742188</t>
  </si>
  <si>
    <t>0.06046136911633582</t>
  </si>
  <si>
    <t>13.00989818572998</t>
  </si>
  <si>
    <t>729.3651123046875</t>
  </si>
  <si>
    <t>0.047919032702990805</t>
  </si>
  <si>
    <t>950</t>
  </si>
  <si>
    <t>11.785258293151855</t>
  </si>
  <si>
    <t>794.3959350585938</t>
  </si>
  <si>
    <t>334.5135803222656</t>
  </si>
  <si>
    <t>Asturias</t>
  </si>
  <si>
    <t>11.203429222106934</t>
  </si>
  <si>
    <t>698.2718505859375</t>
  </si>
  <si>
    <t>0.021981710316913095</t>
  </si>
  <si>
    <t>23867</t>
  </si>
  <si>
    <t>11.364906311035156</t>
  </si>
  <si>
    <t>815.1314086914062</t>
  </si>
  <si>
    <t>0.0036939134476465796</t>
  </si>
  <si>
    <t>23484</t>
  </si>
  <si>
    <t>10.724398612976074</t>
  </si>
  <si>
    <t>1171.03564453125</t>
  </si>
  <si>
    <t>-0.016177413479468328</t>
  </si>
  <si>
    <t>23915</t>
  </si>
  <si>
    <t>11.706831932067871</t>
  </si>
  <si>
    <t>827.9522094726562</t>
  </si>
  <si>
    <t>0.01818653893032085</t>
  </si>
  <si>
    <t>24451</t>
  </si>
  <si>
    <t>12.120205879211426</t>
  </si>
  <si>
    <t>1109.6739501953125</t>
  </si>
  <si>
    <t>0.022165237747747923</t>
  </si>
  <si>
    <t>24977</t>
  </si>
  <si>
    <t>11.156271934509277</t>
  </si>
  <si>
    <t>1114.0364990234375</t>
  </si>
  <si>
    <t>0.02128428652845038</t>
  </si>
  <si>
    <t>25772</t>
  </si>
  <si>
    <t>12.321612358093262</t>
  </si>
  <si>
    <t>1258.223876953125</t>
  </si>
  <si>
    <t>0.03133322986793807</t>
  </si>
  <si>
    <t>26772</t>
  </si>
  <si>
    <t>11.625194549560547</t>
  </si>
  <si>
    <t>829.5838623046875</t>
  </si>
  <si>
    <t>0.038067933961999145</t>
  </si>
  <si>
    <t>11.35240650177002</t>
  </si>
  <si>
    <t>1005.796875</t>
  </si>
  <si>
    <t>0.03908135004247093</t>
  </si>
  <si>
    <t>29145</t>
  </si>
  <si>
    <t>11.702324867248535</t>
  </si>
  <si>
    <t>1342.031982421875</t>
  </si>
  <si>
    <t>0.045845456216646596</t>
  </si>
  <si>
    <t>30240</t>
  </si>
  <si>
    <t>11.572924613952637</t>
  </si>
  <si>
    <t>927.100341796875</t>
  </si>
  <si>
    <t>0.03688217981381925</t>
  </si>
  <si>
    <t>11.554573059082031</t>
  </si>
  <si>
    <t>1196.3944091796875</t>
  </si>
  <si>
    <t>0.01740713668205096</t>
  </si>
  <si>
    <t>31265</t>
  </si>
  <si>
    <t>12.031235694885254</t>
  </si>
  <si>
    <t>1062.9560546875</t>
  </si>
  <si>
    <t>0.015926573025877744</t>
  </si>
  <si>
    <t>32003</t>
  </si>
  <si>
    <t>11.366129875183105</t>
  </si>
  <si>
    <t>816.8546142578125</t>
  </si>
  <si>
    <t>0.02333038738620985</t>
  </si>
  <si>
    <t>11.516325950622559</t>
  </si>
  <si>
    <t>804.680419921875</t>
  </si>
  <si>
    <t>0.04002800380011706</t>
  </si>
  <si>
    <t>12.193596839904785</t>
  </si>
  <si>
    <t>1061.7508544921875</t>
  </si>
  <si>
    <t>0.04189017193925615</t>
  </si>
  <si>
    <t>35835</t>
  </si>
  <si>
    <t>11.567675590515137</t>
  </si>
  <si>
    <t>913.215087890625</t>
  </si>
  <si>
    <t>0.03117724530103949</t>
  </si>
  <si>
    <t>11.296048164367676</t>
  </si>
  <si>
    <t>1036.5369873046875</t>
  </si>
  <si>
    <t>0.0035655627066990547</t>
  </si>
  <si>
    <t>12.009834289550781</t>
  </si>
  <si>
    <t>945.8358764648438</t>
  </si>
  <si>
    <t>-0.06120177023260709</t>
  </si>
  <si>
    <t>34062</t>
  </si>
  <si>
    <t>11.556262969970703</t>
  </si>
  <si>
    <t>1141.968994140625</t>
  </si>
  <si>
    <t>0.0068935314966687145</t>
  </si>
  <si>
    <t>33514</t>
  </si>
  <si>
    <t>12.017695426940918</t>
  </si>
  <si>
    <t>676.0342407226562</t>
  </si>
  <si>
    <t>-0.01621913143811149</t>
  </si>
  <si>
    <t>11.62972354888916</t>
  </si>
  <si>
    <t>925.279296875</t>
  </si>
  <si>
    <t>-0.04363696714310983</t>
  </si>
  <si>
    <t>31241</t>
  </si>
  <si>
    <t>11.538996696472168</t>
  </si>
  <si>
    <t>1184.658203125</t>
  </si>
  <si>
    <t>-0.026594960132976908</t>
  </si>
  <si>
    <t>31398</t>
  </si>
  <si>
    <t>11.970413208007812</t>
  </si>
  <si>
    <t>979.1339111328125</t>
  </si>
  <si>
    <t>0.005012861915679068</t>
  </si>
  <si>
    <t>12.209521293640137</t>
  </si>
  <si>
    <t>925.1764526367188</t>
  </si>
  <si>
    <t>0.03566444046885309</t>
  </si>
  <si>
    <t>11.690895080566406</t>
  </si>
  <si>
    <t>919.917236328125</t>
  </si>
  <si>
    <t>0.017819268038131497</t>
  </si>
  <si>
    <t>34269</t>
  </si>
  <si>
    <t>12.399357795715332</t>
  </si>
  <si>
    <t>776.1478881835938</t>
  </si>
  <si>
    <t>0.034013250294810504</t>
  </si>
  <si>
    <t>34975</t>
  </si>
  <si>
    <t>11.612071990966797</t>
  </si>
  <si>
    <t>1195.1956787109375</t>
  </si>
  <si>
    <t>0.020392365131625567</t>
  </si>
  <si>
    <t>11.980671882629395</t>
  </si>
  <si>
    <t>1033.2117919921875</t>
  </si>
  <si>
    <t>0.010014023543037709</t>
  </si>
  <si>
    <t>12.328193664550781</t>
  </si>
  <si>
    <t>1089.908935546875</t>
  </si>
  <si>
    <t>-0.11825374964616486</t>
  </si>
  <si>
    <t>33343</t>
  </si>
  <si>
    <t>12.133899688720703</t>
  </si>
  <si>
    <t>975.088134765625</t>
  </si>
  <si>
    <t>0.060454060829691514</t>
  </si>
  <si>
    <t>34980</t>
  </si>
  <si>
    <t>12.765284538269043</t>
  </si>
  <si>
    <t>930.0690307617188</t>
  </si>
  <si>
    <t>0.04792861431234563</t>
  </si>
  <si>
    <t>951</t>
  </si>
  <si>
    <t>17636</t>
  </si>
  <si>
    <t>16.798734664916992</t>
  </si>
  <si>
    <t>429.919189453125</t>
  </si>
  <si>
    <t>249.74017333984375</t>
  </si>
  <si>
    <t>Badajoz</t>
  </si>
  <si>
    <t>18028</t>
  </si>
  <si>
    <t>16.202138900756836</t>
  </si>
  <si>
    <t>427.4583740234375</t>
  </si>
  <si>
    <t>0.021983837332710365</t>
  </si>
  <si>
    <t>18095</t>
  </si>
  <si>
    <t>16.372346878051758</t>
  </si>
  <si>
    <t>425.28460693359375</t>
  </si>
  <si>
    <t>0.00370955218730451</t>
  </si>
  <si>
    <t>17805</t>
  </si>
  <si>
    <t>15.736456871032715</t>
  </si>
  <si>
    <t>555.30322265625</t>
  </si>
  <si>
    <t>-0.016156340285965243</t>
  </si>
  <si>
    <t>18131</t>
  </si>
  <si>
    <t>16.733423233032227</t>
  </si>
  <si>
    <t>387.9759826660156</t>
  </si>
  <si>
    <t>0.01814386371393084</t>
  </si>
  <si>
    <t>18538</t>
  </si>
  <si>
    <t>17.24958610534668</t>
  </si>
  <si>
    <t>701.9132080078125</t>
  </si>
  <si>
    <t>0.02219949900996987</t>
  </si>
  <si>
    <t>18936</t>
  </si>
  <si>
    <t>16.272579193115234</t>
  </si>
  <si>
    <t>751.7247924804688</t>
  </si>
  <si>
    <t>0.02124219275804151</t>
  </si>
  <si>
    <t>17.249187469482422</t>
  </si>
  <si>
    <t>716.4129638671875</t>
  </si>
  <si>
    <t>0.031347596020690816</t>
  </si>
  <si>
    <t>20297</t>
  </si>
  <si>
    <t>16.686874389648438</t>
  </si>
  <si>
    <t>412.6597595214844</t>
  </si>
  <si>
    <t>0.038060623643115576</t>
  </si>
  <si>
    <t>16.379846572875977</t>
  </si>
  <si>
    <t>482.9417419433594</t>
  </si>
  <si>
    <t>0.039084268373409614</t>
  </si>
  <si>
    <t>22097</t>
  </si>
  <si>
    <t>16.828508377075195</t>
  </si>
  <si>
    <t>714.6864013671875</t>
  </si>
  <si>
    <t>0.04588449245406956</t>
  </si>
  <si>
    <t>22679</t>
  </si>
  <si>
    <t>16.798681259155273</t>
  </si>
  <si>
    <t>531.4337768554688</t>
  </si>
  <si>
    <t>0.025997533473756107</t>
  </si>
  <si>
    <t>23163</t>
  </si>
  <si>
    <t>16.49693489074707</t>
  </si>
  <si>
    <t>597.5963134765625</t>
  </si>
  <si>
    <t>0.021116791818064584</t>
  </si>
  <si>
    <t>17.14314079284668</t>
  </si>
  <si>
    <t>597.5101318359375</t>
  </si>
  <si>
    <t>0.0292699671817509</t>
  </si>
  <si>
    <t>23934</t>
  </si>
  <si>
    <t>16.51560401916504</t>
  </si>
  <si>
    <t>442.3519592285156</t>
  </si>
  <si>
    <t>0.003473896974783841</t>
  </si>
  <si>
    <t>25520</t>
  </si>
  <si>
    <t>16.68910026550293</t>
  </si>
  <si>
    <t>371.0703430175781</t>
  </si>
  <si>
    <t>0.06416241632526543</t>
  </si>
  <si>
    <t>17.281496047973633</t>
  </si>
  <si>
    <t>614.5175170898438</t>
  </si>
  <si>
    <t>0.014201191877274866</t>
  </si>
  <si>
    <t>26892</t>
  </si>
  <si>
    <t>16.654741287231445</t>
  </si>
  <si>
    <t>458.8114013671875</t>
  </si>
  <si>
    <t>0.03816519425292597</t>
  </si>
  <si>
    <t>16.42231559753418</t>
  </si>
  <si>
    <t>556.4599609375</t>
  </si>
  <si>
    <t>0.020683032222677866</t>
  </si>
  <si>
    <t>26579</t>
  </si>
  <si>
    <t>17.208662033081055</t>
  </si>
  <si>
    <t>613.7183837890625</t>
  </si>
  <si>
    <t>-0.03239044652448975</t>
  </si>
  <si>
    <t>16.81382942199707</t>
  </si>
  <si>
    <t>860.2034912109375</t>
  </si>
  <si>
    <t>0.00011286469416305067</t>
  </si>
  <si>
    <t>25993</t>
  </si>
  <si>
    <t>17.141998291015625</t>
  </si>
  <si>
    <t>468.1220703125</t>
  </si>
  <si>
    <t>-0.022407023995999253</t>
  </si>
  <si>
    <t>24591</t>
  </si>
  <si>
    <t>16.860809326171875</t>
  </si>
  <si>
    <t>502.0379638671875</t>
  </si>
  <si>
    <t>-0.05544674866413857</t>
  </si>
  <si>
    <t>24578</t>
  </si>
  <si>
    <t>16.668701171875</t>
  </si>
  <si>
    <t>597.0106811523438</t>
  </si>
  <si>
    <t>-0.0005287884765987627</t>
  </si>
  <si>
    <t>24557</t>
  </si>
  <si>
    <t>17.105384826660156</t>
  </si>
  <si>
    <t>551.8938598632812</t>
  </si>
  <si>
    <t>-0.0008547878814955112</t>
  </si>
  <si>
    <t>25921</t>
  </si>
  <si>
    <t>17.473417282104492</t>
  </si>
  <si>
    <t>367.375</t>
  </si>
  <si>
    <t>0.054056505005879885</t>
  </si>
  <si>
    <t>17.097816467285156</t>
  </si>
  <si>
    <t>558.6473388671875</t>
  </si>
  <si>
    <t>0.0313314784638159</t>
  </si>
  <si>
    <t>17.693815231323242</t>
  </si>
  <si>
    <t>346.1710205078125</t>
  </si>
  <si>
    <t>0.042564288003926976</t>
  </si>
  <si>
    <t>28250</t>
  </si>
  <si>
    <t>16.691396713256836</t>
  </si>
  <si>
    <t>607.710693359375</t>
  </si>
  <si>
    <t>0.012144240137917706</t>
  </si>
  <si>
    <t>28275</t>
  </si>
  <si>
    <t>17.177011489868164</t>
  </si>
  <si>
    <t>365.492431640625</t>
  </si>
  <si>
    <t>0.0008845644097341676</t>
  </si>
  <si>
    <t>17.46138572692871</t>
  </si>
  <si>
    <t>490.1735534667969</t>
  </si>
  <si>
    <t>-0.08004270767353638</t>
  </si>
  <si>
    <t>27726</t>
  </si>
  <si>
    <t>17.27553939819336</t>
  </si>
  <si>
    <t>388.4588317871094</t>
  </si>
  <si>
    <t>0.06043528678753596</t>
  </si>
  <si>
    <t>17.949331283569336</t>
  </si>
  <si>
    <t>546.8064575195312</t>
  </si>
  <si>
    <t>0.04795511687888521</t>
  </si>
  <si>
    <t>14.385162353515625</t>
  </si>
  <si>
    <t>702.7225952148438</t>
  </si>
  <si>
    <t>1069.982177734375</t>
  </si>
  <si>
    <t>Barcelona</t>
  </si>
  <si>
    <t>34303</t>
  </si>
  <si>
    <t>13.540926933288574</t>
  </si>
  <si>
    <t>827.3568115234375</t>
  </si>
  <si>
    <t>0.021957528836527018</t>
  </si>
  <si>
    <t>13.996955871582031</t>
  </si>
  <si>
    <t>773.0484008789062</t>
  </si>
  <si>
    <t>0.0037245074626088837</t>
  </si>
  <si>
    <t>13.544564247131348</t>
  </si>
  <si>
    <t>709.6513061523438</t>
  </si>
  <si>
    <t>-0.016191485202451616</t>
  </si>
  <si>
    <t>34500</t>
  </si>
  <si>
    <t>14.731414794921875</t>
  </si>
  <si>
    <t>630.8784790039062</t>
  </si>
  <si>
    <t>0.018193487873125136</t>
  </si>
  <si>
    <t>35274</t>
  </si>
  <si>
    <t>14.60721492767334</t>
  </si>
  <si>
    <t>772.3524780273438</t>
  </si>
  <si>
    <t>0.022186824610857414</t>
  </si>
  <si>
    <t>36032</t>
  </si>
  <si>
    <t>13.510716438293457</t>
  </si>
  <si>
    <t>1082.108642578125</t>
  </si>
  <si>
    <t>0.02126128386905357</t>
  </si>
  <si>
    <t>37179</t>
  </si>
  <si>
    <t>15.004467964172363</t>
  </si>
  <si>
    <t>601.0244140625</t>
  </si>
  <si>
    <t>0.03133665323362145</t>
  </si>
  <si>
    <t>38621</t>
  </si>
  <si>
    <t>14.10695743560791</t>
  </si>
  <si>
    <t>578.9015502929688</t>
  </si>
  <si>
    <t>0.03805208423381856</t>
  </si>
  <si>
    <t>14.301253318786621</t>
  </si>
  <si>
    <t>554.8977661132812</t>
  </si>
  <si>
    <t>0.0390753053988071</t>
  </si>
  <si>
    <t>42045</t>
  </si>
  <si>
    <t>14.90804386138916</t>
  </si>
  <si>
    <t>627.0726928710938</t>
  </si>
  <si>
    <t>0.04586899790138865</t>
  </si>
  <si>
    <t>14.155585289001465</t>
  </si>
  <si>
    <t>530.7821044921875</t>
  </si>
  <si>
    <t>0.027909879127532733</t>
  </si>
  <si>
    <t>43131</t>
  </si>
  <si>
    <t>14.480010986328125</t>
  </si>
  <si>
    <t>813.9762573242188</t>
  </si>
  <si>
    <t>-0.0024083563038299616</t>
  </si>
  <si>
    <t>14.945598602294922</t>
  </si>
  <si>
    <t>705.7341918945312</t>
  </si>
  <si>
    <t>0.006194403257682168</t>
  </si>
  <si>
    <t>14.149060249328613</t>
  </si>
  <si>
    <t>688.8680419921875</t>
  </si>
  <si>
    <t>0.007758026424548703</t>
  </si>
  <si>
    <t>44806</t>
  </si>
  <si>
    <t>13.90249252319336</t>
  </si>
  <si>
    <t>742.2962646484375</t>
  </si>
  <si>
    <t>0.024147633233942756</t>
  </si>
  <si>
    <t>45686</t>
  </si>
  <si>
    <t>15.049317359924316</t>
  </si>
  <si>
    <t>411.7301025390625</t>
  </si>
  <si>
    <t>0.019449846208939192</t>
  </si>
  <si>
    <t>46500</t>
  </si>
  <si>
    <t>14.289530754089355</t>
  </si>
  <si>
    <t>520.6113891601562</t>
  </si>
  <si>
    <t>0.017660407359633368</t>
  </si>
  <si>
    <t>45838</t>
  </si>
  <si>
    <t>13.825583457946777</t>
  </si>
  <si>
    <t>820.6968383789062</t>
  </si>
  <si>
    <t>-0.014338871156095223</t>
  </si>
  <si>
    <t>43532</t>
  </si>
  <si>
    <t>14.583965301513672</t>
  </si>
  <si>
    <t>600.6466674804688</t>
  </si>
  <si>
    <t>-0.051617141603399475</t>
  </si>
  <si>
    <t>43547</t>
  </si>
  <si>
    <t>13.674466133117676</t>
  </si>
  <si>
    <t>816.5371704101562</t>
  </si>
  <si>
    <t>0.0003445147543796878</t>
  </si>
  <si>
    <t>15.16279125213623</t>
  </si>
  <si>
    <t>795.6461791992188</t>
  </si>
  <si>
    <t>-0.018120803555451204</t>
  </si>
  <si>
    <t>41536</t>
  </si>
  <si>
    <t>14.290400505065918</t>
  </si>
  <si>
    <t>554.7737426757812</t>
  </si>
  <si>
    <t>-0.02915948995111961</t>
  </si>
  <si>
    <t>41354</t>
  </si>
  <si>
    <t>14.132392883300781</t>
  </si>
  <si>
    <t>702.147216796875</t>
  </si>
  <si>
    <t>-0.004391369103046827</t>
  </si>
  <si>
    <t>42415</t>
  </si>
  <si>
    <t>15.061714172363281</t>
  </si>
  <si>
    <t>749.1718139648438</t>
  </si>
  <si>
    <t>0.025332921281119525</t>
  </si>
  <si>
    <t>44021</t>
  </si>
  <si>
    <t>15.090145111083984</t>
  </si>
  <si>
    <t>420.4673767089844</t>
  </si>
  <si>
    <t>0.03716471952743383</t>
  </si>
  <si>
    <t>14.450810432434082</t>
  </si>
  <si>
    <t>616.3405151367188</t>
  </si>
  <si>
    <t>0.03528478242052557</t>
  </si>
  <si>
    <t>47070</t>
  </si>
  <si>
    <t>15.164225578308105</t>
  </si>
  <si>
    <t>520.4400634765625</t>
  </si>
  <si>
    <t>0.03168428020539338</t>
  </si>
  <si>
    <t>15.068161010742188</t>
  </si>
  <si>
    <t>987.3065185546875</t>
  </si>
  <si>
    <t>0.016539750234819905</t>
  </si>
  <si>
    <t>48611</t>
  </si>
  <si>
    <t>15.344178199768066</t>
  </si>
  <si>
    <t>736.9517822265625</t>
  </si>
  <si>
    <t>0.0156742370966807</t>
  </si>
  <si>
    <t>42492</t>
  </si>
  <si>
    <t>15.212672233581543</t>
  </si>
  <si>
    <t>705.4157104492188</t>
  </si>
  <si>
    <t>-0.13453401982678415</t>
  </si>
  <si>
    <t>45140</t>
  </si>
  <si>
    <t>14.532623291015625</t>
  </si>
  <si>
    <t>405.4347229003906</t>
  </si>
  <si>
    <t>0.06045294847162275</t>
  </si>
  <si>
    <t>47356</t>
  </si>
  <si>
    <t>16.113178253173828</t>
  </si>
  <si>
    <t>460.55548095703125</t>
  </si>
  <si>
    <t>0.04792475616000047</t>
  </si>
  <si>
    <t>953</t>
  </si>
  <si>
    <t>13.508334159851074</t>
  </si>
  <si>
    <t>1017.300048828125</t>
  </si>
  <si>
    <t>444.48028564453125</t>
  </si>
  <si>
    <t>Biscay</t>
  </si>
  <si>
    <t>33071</t>
  </si>
  <si>
    <t>12.941666603088379</t>
  </si>
  <si>
    <t>0.021980922585663976</t>
  </si>
  <si>
    <t>13.133334159851074</t>
  </si>
  <si>
    <t>1174.0</t>
  </si>
  <si>
    <t>0.0037123712748030613</t>
  </si>
  <si>
    <t>12.608333587646484</t>
  </si>
  <si>
    <t>1163.9000244140625</t>
  </si>
  <si>
    <t>-0.016156814043975842</t>
  </si>
  <si>
    <t>33261</t>
  </si>
  <si>
    <t>1209.9000244140625</t>
  </si>
  <si>
    <t>0.018173216803772263</t>
  </si>
  <si>
    <t>34007</t>
  </si>
  <si>
    <t>13.9833345413208</t>
  </si>
  <si>
    <t>1027.4000244140625</t>
  </si>
  <si>
    <t>0.022180846319916014</t>
  </si>
  <si>
    <t>1492.4000244140625</t>
  </si>
  <si>
    <t>0.021267802853580875</t>
  </si>
  <si>
    <t>35844</t>
  </si>
  <si>
    <t>1332.9998779296875</t>
  </si>
  <si>
    <t>0.031342000390152336</t>
  </si>
  <si>
    <t>13.449999809265137</t>
  </si>
  <si>
    <t>1123.300048828125</t>
  </si>
  <si>
    <t>0.038046133327732434</t>
  </si>
  <si>
    <t>38718</t>
  </si>
  <si>
    <t>1179.5001220703125</t>
  </si>
  <si>
    <t>0.039082285832051866</t>
  </si>
  <si>
    <t>40535</t>
  </si>
  <si>
    <t>13.516666412353516</t>
  </si>
  <si>
    <t>1376.2999267578125</t>
  </si>
  <si>
    <t>0.04586119025791291</t>
  </si>
  <si>
    <t>40767</t>
  </si>
  <si>
    <t>857.7999877929688</t>
  </si>
  <si>
    <t>0.005707132166799411</t>
  </si>
  <si>
    <t>1369.5</t>
  </si>
  <si>
    <t>0.016108188092815112</t>
  </si>
  <si>
    <t>42340</t>
  </si>
  <si>
    <t>13.833333015441895</t>
  </si>
  <si>
    <t>1273.800048828125</t>
  </si>
  <si>
    <t>0.021751147007433858</t>
  </si>
  <si>
    <t>13.233333587646484</t>
  </si>
  <si>
    <t>1078.2000732421875</t>
  </si>
  <si>
    <t>0.01681577833241832</t>
  </si>
  <si>
    <t>44403</t>
  </si>
  <si>
    <t>1102.5</t>
  </si>
  <si>
    <t>0.030758990684024212</t>
  </si>
  <si>
    <t>45074</t>
  </si>
  <si>
    <t>13.908332824707031</t>
  </si>
  <si>
    <t>944.9000244140625</t>
  </si>
  <si>
    <t>0.014998548873313311</t>
  </si>
  <si>
    <t>45916</t>
  </si>
  <si>
    <t>1054.7000732421875</t>
  </si>
  <si>
    <t>0.018508056606775014</t>
  </si>
  <si>
    <t>46919</t>
  </si>
  <si>
    <t>13.175000190734863</t>
  </si>
  <si>
    <t>1461.7999267578125</t>
  </si>
  <si>
    <t>0.021609070481927617</t>
  </si>
  <si>
    <t>45338</t>
  </si>
  <si>
    <t>13.691668510437012</t>
  </si>
  <si>
    <t>1161.2000732421875</t>
  </si>
  <si>
    <t>-0.034277177738843534</t>
  </si>
  <si>
    <t>13.158332824707031</t>
  </si>
  <si>
    <t>966.1998901367188</t>
  </si>
  <si>
    <t>0.011861963087762106</t>
  </si>
  <si>
    <t>44982</t>
  </si>
  <si>
    <t>13.916665077209473</t>
  </si>
  <si>
    <t>923.300048828125</t>
  </si>
  <si>
    <t>-0.019745086285116287</t>
  </si>
  <si>
    <t>43930</t>
  </si>
  <si>
    <t>13.3916654586792</t>
  </si>
  <si>
    <t>1219.10009765625</t>
  </si>
  <si>
    <t>-0.02366495176129213</t>
  </si>
  <si>
    <t>43112</t>
  </si>
  <si>
    <t>13.241665840148926</t>
  </si>
  <si>
    <t>1516.8001708984375</t>
  </si>
  <si>
    <t>-0.018796077356492802</t>
  </si>
  <si>
    <t>44281</t>
  </si>
  <si>
    <t>13.891667366027832</t>
  </si>
  <si>
    <t>1215.300048828125</t>
  </si>
  <si>
    <t>0.0267543105134056</t>
  </si>
  <si>
    <t>45999</t>
  </si>
  <si>
    <t>14.125</t>
  </si>
  <si>
    <t>1080.7999267578125</t>
  </si>
  <si>
    <t>0.03806396597776107</t>
  </si>
  <si>
    <t>47026</t>
  </si>
  <si>
    <t>13.683333396911621</t>
  </si>
  <si>
    <t>1104.5999755859375</t>
  </si>
  <si>
    <t>0.022080983123052178</t>
  </si>
  <si>
    <t>47325</t>
  </si>
  <si>
    <t>14.241665840148926</t>
  </si>
  <si>
    <t>0.006338056849973128</t>
  </si>
  <si>
    <t>48346</t>
  </si>
  <si>
    <t>13.466666221618652</t>
  </si>
  <si>
    <t>1287.199951171875</t>
  </si>
  <si>
    <t>0.021344791288521847</t>
  </si>
  <si>
    <t>49042</t>
  </si>
  <si>
    <t>1243.5999755859375</t>
  </si>
  <si>
    <t>0.014293585446699453</t>
  </si>
  <si>
    <t>43200</t>
  </si>
  <si>
    <t>14.200000762939453</t>
  </si>
  <si>
    <t>1376.599853515625</t>
  </si>
  <si>
    <t>-0.12683657858054254</t>
  </si>
  <si>
    <t>45892</t>
  </si>
  <si>
    <t>14.066665649414062</t>
  </si>
  <si>
    <t>1130.800048828125</t>
  </si>
  <si>
    <t>0.06045031468683071</t>
  </si>
  <si>
    <t>48145</t>
  </si>
  <si>
    <t>14.541665077209473</t>
  </si>
  <si>
    <t>0.04792648075535055</t>
  </si>
  <si>
    <t>30715</t>
  </si>
  <si>
    <t>11.151646614074707</t>
  </si>
  <si>
    <t>487.80712890625</t>
  </si>
  <si>
    <t>139.01080322265625</t>
  </si>
  <si>
    <t>Burgos</t>
  </si>
  <si>
    <t>10.586142539978027</t>
  </si>
  <si>
    <t>422.2161865234375</t>
  </si>
  <si>
    <t>0.02196121233267334</t>
  </si>
  <si>
    <t>31514</t>
  </si>
  <si>
    <t>10.750767707824707</t>
  </si>
  <si>
    <t>494.2742004394531</t>
  </si>
  <si>
    <t>0.0037195445912896474</t>
  </si>
  <si>
    <t>31008</t>
  </si>
  <si>
    <t>10.203250885009766</t>
  </si>
  <si>
    <t>644.0812377929688</t>
  </si>
  <si>
    <t>-0.01618665583149692</t>
  </si>
  <si>
    <t>31577</t>
  </si>
  <si>
    <t>11.110926628112793</t>
  </si>
  <si>
    <t>499.0456237792969</t>
  </si>
  <si>
    <t>0.018183771773216506</t>
  </si>
  <si>
    <t>32285</t>
  </si>
  <si>
    <t>11.601993560791016</t>
  </si>
  <si>
    <t>632.4031982421875</t>
  </si>
  <si>
    <t>0.022173718596857128</t>
  </si>
  <si>
    <t>32979</t>
  </si>
  <si>
    <t>10.659049987792969</t>
  </si>
  <si>
    <t>696.1800537109375</t>
  </si>
  <si>
    <t>0.021268269186405675</t>
  </si>
  <si>
    <t>11.700648307800293</t>
  </si>
  <si>
    <t>731.9946899414062</t>
  </si>
  <si>
    <t>0.03137149324797939</t>
  </si>
  <si>
    <t>11.085556030273438</t>
  </si>
  <si>
    <t>485.7726745605469</t>
  </si>
  <si>
    <t>0.03802761488649864</t>
  </si>
  <si>
    <t>36758</t>
  </si>
  <si>
    <t>10.763274192810059</t>
  </si>
  <si>
    <t>552.5901489257812</t>
  </si>
  <si>
    <t>0.03908578564396947</t>
  </si>
  <si>
    <t>38483</t>
  </si>
  <si>
    <t>11.155184745788574</t>
  </si>
  <si>
    <t>725.3910522460938</t>
  </si>
  <si>
    <t>0.04586069629326062</t>
  </si>
  <si>
    <t>11.0908784866333</t>
  </si>
  <si>
    <t>515.63623046875</t>
  </si>
  <si>
    <t>0.00376081676812845</t>
  </si>
  <si>
    <t>11.013157844543457</t>
  </si>
  <si>
    <t>724.4948120117188</t>
  </si>
  <si>
    <t>0.012068335600320168</t>
  </si>
  <si>
    <t>11.467778205871582</t>
  </si>
  <si>
    <t>634.4361572265625</t>
  </si>
  <si>
    <t>0.026726131124288344</t>
  </si>
  <si>
    <t>41093</t>
  </si>
  <si>
    <t>10.86657428741455</t>
  </si>
  <si>
    <t>533.0826416015625</t>
  </si>
  <si>
    <t>0.023065921865736527</t>
  </si>
  <si>
    <t>42006</t>
  </si>
  <si>
    <t>10.944679260253906</t>
  </si>
  <si>
    <t>443.2666931152344</t>
  </si>
  <si>
    <t>0.021974674528097538</t>
  </si>
  <si>
    <t>42129</t>
  </si>
  <si>
    <t>11.524654388427734</t>
  </si>
  <si>
    <t>616.1448364257812</t>
  </si>
  <si>
    <t>0.0029238744310386977</t>
  </si>
  <si>
    <t>43090</t>
  </si>
  <si>
    <t>11.086978912353516</t>
  </si>
  <si>
    <t>592.4347534179688</t>
  </si>
  <si>
    <t>0.022554611973593097</t>
  </si>
  <si>
    <t>43519</t>
  </si>
  <si>
    <t>10.798514366149902</t>
  </si>
  <si>
    <t>654.2278442382812</t>
  </si>
  <si>
    <t>0.009906672714766529</t>
  </si>
  <si>
    <t>41126</t>
  </si>
  <si>
    <t>11.30853271484375</t>
  </si>
  <si>
    <t>560.867919921875</t>
  </si>
  <si>
    <t>-0.056557099443185876</t>
  </si>
  <si>
    <t>10.842583656311035</t>
  </si>
  <si>
    <t>714.7727661132812</t>
  </si>
  <si>
    <t>0.003228745901353136</t>
  </si>
  <si>
    <t>41490</t>
  </si>
  <si>
    <t>11.614691734313965</t>
  </si>
  <si>
    <t>438.85162353515625</t>
  </si>
  <si>
    <t>0.005583163544095271</t>
  </si>
  <si>
    <t>40989</t>
  </si>
  <si>
    <t>11.01102066040039</t>
  </si>
  <si>
    <t>531.7697143554688</t>
  </si>
  <si>
    <t>-0.012148696320315011</t>
  </si>
  <si>
    <t>39562</t>
  </si>
  <si>
    <t>10.880366325378418</t>
  </si>
  <si>
    <t>671.842041015625</t>
  </si>
  <si>
    <t>-0.03543467643057596</t>
  </si>
  <si>
    <t>11.48876953125</t>
  </si>
  <si>
    <t>551.0821533203125</t>
  </si>
  <si>
    <t>-0.0004803741954457763</t>
  </si>
  <si>
    <t>40614</t>
  </si>
  <si>
    <t>11.77685260772705</t>
  </si>
  <si>
    <t>523.8969116210938</t>
  </si>
  <si>
    <t>0.026724147356086192</t>
  </si>
  <si>
    <t>42210</t>
  </si>
  <si>
    <t>11.299078941345215</t>
  </si>
  <si>
    <t>530.9547729492188</t>
  </si>
  <si>
    <t>0.03854432503988292</t>
  </si>
  <si>
    <t>43968</t>
  </si>
  <si>
    <t>11.9022216796875</t>
  </si>
  <si>
    <t>454.1557312011719</t>
  </si>
  <si>
    <t>0.04080493680547548</t>
  </si>
  <si>
    <t>45462</t>
  </si>
  <si>
    <t>11.105015754699707</t>
  </si>
  <si>
    <t>710.3383178710938</t>
  </si>
  <si>
    <t>0.033414715577407605</t>
  </si>
  <si>
    <t>11.564711570739746</t>
  </si>
  <si>
    <t>559.77001953125</t>
  </si>
  <si>
    <t>-0.0032387086705458756</t>
  </si>
  <si>
    <t>40499</t>
  </si>
  <si>
    <t>11.923544883728027</t>
  </si>
  <si>
    <t>646.592041015625</t>
  </si>
  <si>
    <t>-0.11236082105711276</t>
  </si>
  <si>
    <t>43023</t>
  </si>
  <si>
    <t>11.69402027130127</t>
  </si>
  <si>
    <t>562.953369140625</t>
  </si>
  <si>
    <t>0.06045757396555196</t>
  </si>
  <si>
    <t>45135</t>
  </si>
  <si>
    <t>12.160117149353027</t>
  </si>
  <si>
    <t>552.359619140625</t>
  </si>
  <si>
    <t>0.047923142334934</t>
  </si>
  <si>
    <t>25889</t>
  </si>
  <si>
    <t>12.754118919372559</t>
  </si>
  <si>
    <t>887.7451782226562</t>
  </si>
  <si>
    <t>439.84820556640625</t>
  </si>
  <si>
    <t>Cantabria</t>
  </si>
  <si>
    <t>26464</t>
  </si>
  <si>
    <t>12.192984580993652</t>
  </si>
  <si>
    <t>834.456298828125</t>
  </si>
  <si>
    <t>0.021967150775516586</t>
  </si>
  <si>
    <t>12.37081241607666</t>
  </si>
  <si>
    <t>991.63623046875</t>
  </si>
  <si>
    <t>0.003696304136777684</t>
  </si>
  <si>
    <t>26136</t>
  </si>
  <si>
    <t>11.833325386047363</t>
  </si>
  <si>
    <t>1152.5634765625</t>
  </si>
  <si>
    <t>-0.016167948679289168</t>
  </si>
  <si>
    <t>26616</t>
  </si>
  <si>
    <t>12.704146385192871</t>
  </si>
  <si>
    <t>927.30859375</t>
  </si>
  <si>
    <t>0.018198864417405147</t>
  </si>
  <si>
    <t>27213</t>
  </si>
  <si>
    <t>13.209651947021484</t>
  </si>
  <si>
    <t>1103.441650390625</t>
  </si>
  <si>
    <t>0.022182261584742236</t>
  </si>
  <si>
    <t>12.265280723571777</t>
  </si>
  <si>
    <t>1245.028076171875</t>
  </si>
  <si>
    <t>0.02126927536165013</t>
  </si>
  <si>
    <t>28683</t>
  </si>
  <si>
    <t>13.336030006408691</t>
  </si>
  <si>
    <t>1387.62451171875</t>
  </si>
  <si>
    <t>0.03134053710885176</t>
  </si>
  <si>
    <t>29795</t>
  </si>
  <si>
    <t>12.676318168640137</t>
  </si>
  <si>
    <t>950.6297607421875</t>
  </si>
  <si>
    <t>0.03803598142752307</t>
  </si>
  <si>
    <t>30983</t>
  </si>
  <si>
    <t>12.384651184082031</t>
  </si>
  <si>
    <t>1056.5191650390625</t>
  </si>
  <si>
    <t>0.039098072770231695</t>
  </si>
  <si>
    <t>32437</t>
  </si>
  <si>
    <t>12.744338035583496</t>
  </si>
  <si>
    <t>1386.289306640625</t>
  </si>
  <si>
    <t>0.045861079579944786</t>
  </si>
  <si>
    <t>12.684679985046387</t>
  </si>
  <si>
    <t>884.8635864257812</t>
  </si>
  <si>
    <t>0.035672649371882414</t>
  </si>
  <si>
    <t>34228</t>
  </si>
  <si>
    <t>12.623517036437988</t>
  </si>
  <si>
    <t>1267.663330078125</t>
  </si>
  <si>
    <t>0.018071626634807103</t>
  </si>
  <si>
    <t>34321</t>
  </si>
  <si>
    <t>13.067984580993652</t>
  </si>
  <si>
    <t>1238.536376953125</t>
  </si>
  <si>
    <t>0.00271338916860131</t>
  </si>
  <si>
    <t>34764</t>
  </si>
  <si>
    <t>12.473518371582031</t>
  </si>
  <si>
    <t>964.1544799804688</t>
  </si>
  <si>
    <t>0.01282495685080498</t>
  </si>
  <si>
    <t>35632</t>
  </si>
  <si>
    <t>12.56380558013916</t>
  </si>
  <si>
    <t>857.8130493164062</t>
  </si>
  <si>
    <t>0.024661741939796755</t>
  </si>
  <si>
    <t>36259</t>
  </si>
  <si>
    <t>13.149842262268066</t>
  </si>
  <si>
    <t>1122.383544921875</t>
  </si>
  <si>
    <t>0.017443515832390233</t>
  </si>
  <si>
    <t>12.666604042053223</t>
  </si>
  <si>
    <t>1013.8401489257812</t>
  </si>
  <si>
    <t>0.0223901143502534</t>
  </si>
  <si>
    <t>36963</t>
  </si>
  <si>
    <t>12.413805961608887</t>
  </si>
  <si>
    <t>1198.304931640625</t>
  </si>
  <si>
    <t>-0.0031603283870129673</t>
  </si>
  <si>
    <t>35227</t>
  </si>
  <si>
    <t>12.9276704788208</t>
  </si>
  <si>
    <t>1027.4912109375</t>
  </si>
  <si>
    <t>-0.048104578281062516</t>
  </si>
  <si>
    <t>35112</t>
  </si>
  <si>
    <t>12.390156745910645</t>
  </si>
  <si>
    <t>1191.1568603515625</t>
  </si>
  <si>
    <t>-0.0032698816436464995</t>
  </si>
  <si>
    <t>34356</t>
  </si>
  <si>
    <t>13.244460105895996</t>
  </si>
  <si>
    <t>802.5333862304688</t>
  </si>
  <si>
    <t>-0.02176627648195506</t>
  </si>
  <si>
    <t>33101</t>
  </si>
  <si>
    <t>12.619336128234863</t>
  </si>
  <si>
    <t>960.6323852539062</t>
  </si>
  <si>
    <t>-0.03721318249695571</t>
  </si>
  <si>
    <t>32267</t>
  </si>
  <si>
    <t>12.495784759521484</t>
  </si>
  <si>
    <t>1258.3436279296875</t>
  </si>
  <si>
    <t>-0.025518457267448724</t>
  </si>
  <si>
    <t>32959</t>
  </si>
  <si>
    <t>13.124992370605469</t>
  </si>
  <si>
    <t>1015.9368896484375</t>
  </si>
  <si>
    <t>0.02121932863561149</t>
  </si>
  <si>
    <t>13.362479209899902</t>
  </si>
  <si>
    <t>1001.9931640625</t>
  </si>
  <si>
    <t>0.019202176612838073</t>
  </si>
  <si>
    <t>34670</t>
  </si>
  <si>
    <t>12.87634563446045</t>
  </si>
  <si>
    <t>955.4336547851562</t>
  </si>
  <si>
    <t>0.0314082183089095</t>
  </si>
  <si>
    <t>35577</t>
  </si>
  <si>
    <t>13.49571704864502</t>
  </si>
  <si>
    <t>879.9910888671875</t>
  </si>
  <si>
    <t>0.02582460195383618</t>
  </si>
  <si>
    <t>36481</t>
  </si>
  <si>
    <t>12.7068510055542</t>
  </si>
  <si>
    <t>1271.305908203125</t>
  </si>
  <si>
    <t>0.02509221546035434</t>
  </si>
  <si>
    <t>37047</t>
  </si>
  <si>
    <t>13.122138023376465</t>
  </si>
  <si>
    <t>1077.5748291015625</t>
  </si>
  <si>
    <t>0.015395799692672796</t>
  </si>
  <si>
    <t>33011</t>
  </si>
  <si>
    <t>13.484652519226074</t>
  </si>
  <si>
    <t>1245.725341796875</t>
  </si>
  <si>
    <t>-0.11534653754719493</t>
  </si>
  <si>
    <t>35068</t>
  </si>
  <si>
    <t>13.341606140136719</t>
  </si>
  <si>
    <t>1079.3525390625</t>
  </si>
  <si>
    <t>0.060448194469739036</t>
  </si>
  <si>
    <t>36789</t>
  </si>
  <si>
    <t>13.787449836730957</t>
  </si>
  <si>
    <t>1012.4622802734375</t>
  </si>
  <si>
    <t>0.047909853721659346</t>
  </si>
  <si>
    <t>31895</t>
  </si>
  <si>
    <t>16.48663330078125</t>
  </si>
  <si>
    <t>440.5482177734375</t>
  </si>
  <si>
    <t>521.6765747070312</t>
  </si>
  <si>
    <t>CastellÔøΩn</t>
  </si>
  <si>
    <t>32603</t>
  </si>
  <si>
    <t>15.602020263671875</t>
  </si>
  <si>
    <t>593.09326171875</t>
  </si>
  <si>
    <t>0.021955050984622915</t>
  </si>
  <si>
    <t>15.878783226013184</t>
  </si>
  <si>
    <t>525.5060424804688</t>
  </si>
  <si>
    <t>0.003735003117421698</t>
  </si>
  <si>
    <t>15.753059387207031</t>
  </si>
  <si>
    <t>410.6745300292969</t>
  </si>
  <si>
    <t>-0.01617285924560008</t>
  </si>
  <si>
    <t>32790</t>
  </si>
  <si>
    <t>16.73158836364746</t>
  </si>
  <si>
    <t>525.478271484375</t>
  </si>
  <si>
    <t>0.018157138306193588</t>
  </si>
  <si>
    <t>33526</t>
  </si>
  <si>
    <t>16.69182014465332</t>
  </si>
  <si>
    <t>429.8257751464844</t>
  </si>
  <si>
    <t>0.022197666352528955</t>
  </si>
  <si>
    <t>34246</t>
  </si>
  <si>
    <t>15.933485984802246</t>
  </si>
  <si>
    <t>592.7581787109375</t>
  </si>
  <si>
    <t>0.021248512357693983</t>
  </si>
  <si>
    <t>16.845211029052734</t>
  </si>
  <si>
    <t>457.7603454589844</t>
  </si>
  <si>
    <t>0.03136080407797692</t>
  </si>
  <si>
    <t>36707</t>
  </si>
  <si>
    <t>16.059627532958984</t>
  </si>
  <si>
    <t>346.46820068359375</t>
  </si>
  <si>
    <t>0.03803689892285078</t>
  </si>
  <si>
    <t>38170</t>
  </si>
  <si>
    <t>16.411911010742188</t>
  </si>
  <si>
    <t>428.4007263183594</t>
  </si>
  <si>
    <t>0.0390823941895313</t>
  </si>
  <si>
    <t>39962</t>
  </si>
  <si>
    <t>16.84220314025879</t>
  </si>
  <si>
    <t>586.82373046875</t>
  </si>
  <si>
    <t>0.04587913582080283</t>
  </si>
  <si>
    <t>40613</t>
  </si>
  <si>
    <t>16.38324737548828</t>
  </si>
  <si>
    <t>452.5987243652344</t>
  </si>
  <si>
    <t>0.01615920982194652</t>
  </si>
  <si>
    <t>16.57615852355957</t>
  </si>
  <si>
    <t>547.7402954101562</t>
  </si>
  <si>
    <t>-0.011988947444754317</t>
  </si>
  <si>
    <t>39398</t>
  </si>
  <si>
    <t>17.114919662475586</t>
  </si>
  <si>
    <t>585.68896484375</t>
  </si>
  <si>
    <t>-0.01838421136097068</t>
  </si>
  <si>
    <t>16.26720428466797</t>
  </si>
  <si>
    <t>595.3063354492188</t>
  </si>
  <si>
    <t>-0.02012604625881309</t>
  </si>
  <si>
    <t>40266</t>
  </si>
  <si>
    <t>16.060771942138672</t>
  </si>
  <si>
    <t>540.80078125</t>
  </si>
  <si>
    <t>0.04191843306880649</t>
  </si>
  <si>
    <t>41091</t>
  </si>
  <si>
    <t>17.301502227783203</t>
  </si>
  <si>
    <t>348.220703125</t>
  </si>
  <si>
    <t>0.020281679016637355</t>
  </si>
  <si>
    <t>39500</t>
  </si>
  <si>
    <t>16.614919662475586</t>
  </si>
  <si>
    <t>536.70458984375</t>
  </si>
  <si>
    <t>-0.03948844751371716</t>
  </si>
  <si>
    <t>16.439435958862305</t>
  </si>
  <si>
    <t>618.6888427734375</t>
  </si>
  <si>
    <t>-0.036033897713833696</t>
  </si>
  <si>
    <t>16.893583297729492</t>
  </si>
  <si>
    <t>482.84442138671875</t>
  </si>
  <si>
    <t>-0.059668764164797494</t>
  </si>
  <si>
    <t>16.22757339477539</t>
  </si>
  <si>
    <t>469.3411560058594</t>
  </si>
  <si>
    <t>0.0028375916219154362</t>
  </si>
  <si>
    <t>17.11197853088379</t>
  </si>
  <si>
    <t>476.2183532714844</t>
  </si>
  <si>
    <t>0.015874661600758344</t>
  </si>
  <si>
    <t>16.69839096069336</t>
  </si>
  <si>
    <t>457.78179931640625</t>
  </si>
  <si>
    <t>-0.05904683346596684</t>
  </si>
  <si>
    <t>34625</t>
  </si>
  <si>
    <t>16.46730613708496</t>
  </si>
  <si>
    <t>565.1384887695312</t>
  </si>
  <si>
    <t>0.004312534722350492</t>
  </si>
  <si>
    <t>35257</t>
  </si>
  <si>
    <t>17.241165161132812</t>
  </si>
  <si>
    <t>501.84490966796875</t>
  </si>
  <si>
    <t>0.01808812659634995</t>
  </si>
  <si>
    <t>17.300016403198242</t>
  </si>
  <si>
    <t>438.5541076660156</t>
  </si>
  <si>
    <t>0.06612028845874285</t>
  </si>
  <si>
    <t>39362</t>
  </si>
  <si>
    <t>16.930444717407227</t>
  </si>
  <si>
    <t>518.8681640625</t>
  </si>
  <si>
    <t>0.04401650433865001</t>
  </si>
  <si>
    <t>42480</t>
  </si>
  <si>
    <t>17.362014770507812</t>
  </si>
  <si>
    <t>278.5417785644531</t>
  </si>
  <si>
    <t>0.07623249303243718</t>
  </si>
  <si>
    <t>42319</t>
  </si>
  <si>
    <t>17.004369735717773</t>
  </si>
  <si>
    <t>676.2536010742188</t>
  </si>
  <si>
    <t>-0.003797219152422926</t>
  </si>
  <si>
    <t>42656</t>
  </si>
  <si>
    <t>17.3125</t>
  </si>
  <si>
    <t>539.8292236328125</t>
  </si>
  <si>
    <t>0.007931786215038983</t>
  </si>
  <si>
    <t>17.219070434570312</t>
  </si>
  <si>
    <t>527.4284057617188</t>
  </si>
  <si>
    <t>-0.14025202868940134</t>
  </si>
  <si>
    <t>16.94952964782715</t>
  </si>
  <si>
    <t>488.09814453125</t>
  </si>
  <si>
    <t>0.0604437271490017</t>
  </si>
  <si>
    <t>41318</t>
  </si>
  <si>
    <t>18.012535095214844</t>
  </si>
  <si>
    <t>428.7121276855469</t>
  </si>
  <si>
    <t>0.047938597913537606</t>
  </si>
  <si>
    <t>958</t>
  </si>
  <si>
    <t>15.124403953552246</t>
  </si>
  <si>
    <t>316.6337585449219</t>
  </si>
  <si>
    <t>148.88003540039062</t>
  </si>
  <si>
    <t>Ciudad Real</t>
  </si>
  <si>
    <t>14.556305885314941</t>
  </si>
  <si>
    <t>405.74713134765625</t>
  </si>
  <si>
    <t>0.02198293322121536</t>
  </si>
  <si>
    <t>22158</t>
  </si>
  <si>
    <t>14.677599906921387</t>
  </si>
  <si>
    <t>399.5122985839844</t>
  </si>
  <si>
    <t>0.0037075595212261447</t>
  </si>
  <si>
    <t>21803</t>
  </si>
  <si>
    <t>14.045140266418457</t>
  </si>
  <si>
    <t>464.0786437988281</t>
  </si>
  <si>
    <t>-0.016151030092570906</t>
  </si>
  <si>
    <t>22203</t>
  </si>
  <si>
    <t>15.10815715789795</t>
  </si>
  <si>
    <t>296.8298645019531</t>
  </si>
  <si>
    <t>0.018179839877529247</t>
  </si>
  <si>
    <t>15.595566749572754</t>
  </si>
  <si>
    <t>507.6846618652344</t>
  </si>
  <si>
    <t>0.022181561497054858</t>
  </si>
  <si>
    <t>23189</t>
  </si>
  <si>
    <t>14.574909210205078</t>
  </si>
  <si>
    <t>654.631103515625</t>
  </si>
  <si>
    <t>0.02126905192180395</t>
  </si>
  <si>
    <t>23927</t>
  </si>
  <si>
    <t>15.52762222290039</t>
  </si>
  <si>
    <t>580.9007568359375</t>
  </si>
  <si>
    <t>0.0313295001092424</t>
  </si>
  <si>
    <t>14.973762512207031</t>
  </si>
  <si>
    <t>376.73626708984375</t>
  </si>
  <si>
    <t>0.03805141113509514</t>
  </si>
  <si>
    <t>25846</t>
  </si>
  <si>
    <t>14.656051635742188</t>
  </si>
  <si>
    <t>405.82757568359375</t>
  </si>
  <si>
    <t>0.03909691055636344</t>
  </si>
  <si>
    <t>27059</t>
  </si>
  <si>
    <t>15.082595825195312</t>
  </si>
  <si>
    <t>561.3201293945312</t>
  </si>
  <si>
    <t>0.045863817041789545</t>
  </si>
  <si>
    <t>27624</t>
  </si>
  <si>
    <t>15.06964111328125</t>
  </si>
  <si>
    <t>454.3274230957031</t>
  </si>
  <si>
    <t>0.02066529294290298</t>
  </si>
  <si>
    <t>28587</t>
  </si>
  <si>
    <t>14.881388664245605</t>
  </si>
  <si>
    <t>509.528564453125</t>
  </si>
  <si>
    <t>0.03426710894646945</t>
  </si>
  <si>
    <t>15.416394233703613</t>
  </si>
  <si>
    <t>483.67822265625</t>
  </si>
  <si>
    <t>0.04804529262532675</t>
  </si>
  <si>
    <t>30724</t>
  </si>
  <si>
    <t>14.793437004089355</t>
  </si>
  <si>
    <t>461.8189697265625</t>
  </si>
  <si>
    <t>0.024046746476948044</t>
  </si>
  <si>
    <t>30537</t>
  </si>
  <si>
    <t>14.918167114257812</t>
  </si>
  <si>
    <t>304.69598388671875</t>
  </si>
  <si>
    <t>-0.006105044998124143</t>
  </si>
  <si>
    <t>31302</t>
  </si>
  <si>
    <t>15.461483001708984</t>
  </si>
  <si>
    <t>490.97735595703125</t>
  </si>
  <si>
    <t>0.02474293012999773</t>
  </si>
  <si>
    <t>32362</t>
  </si>
  <si>
    <t>14.930781364440918</t>
  </si>
  <si>
    <t>452.70843505859375</t>
  </si>
  <si>
    <t>0.033302901709307164</t>
  </si>
  <si>
    <t>14.68713092803955</t>
  </si>
  <si>
    <t>530.3353881835938</t>
  </si>
  <si>
    <t>-0.0035598793185815936</t>
  </si>
  <si>
    <t>30597</t>
  </si>
  <si>
    <t>15.438153266906738</t>
  </si>
  <si>
    <t>509.1961364746094</t>
  </si>
  <si>
    <t>-0.05252305072254515</t>
  </si>
  <si>
    <t>31003</t>
  </si>
  <si>
    <t>15.000839233398438</t>
  </si>
  <si>
    <t>700.09423828125</t>
  </si>
  <si>
    <t>0.013182009059883981</t>
  </si>
  <si>
    <t>15.50727367401123</t>
  </si>
  <si>
    <t>385.0359802246094</t>
  </si>
  <si>
    <t>-0.010538188670457416</t>
  </si>
  <si>
    <t>15.055924415588379</t>
  </si>
  <si>
    <t>466.2274169921875</t>
  </si>
  <si>
    <t>-0.029104508160768816</t>
  </si>
  <si>
    <t>28922</t>
  </si>
  <si>
    <t>14.900558471679688</t>
  </si>
  <si>
    <t>554.1881103515625</t>
  </si>
  <si>
    <t>-0.029838725972547664</t>
  </si>
  <si>
    <t>28380</t>
  </si>
  <si>
    <t>15.429200172424316</t>
  </si>
  <si>
    <t>426.03558349609375</t>
  </si>
  <si>
    <t>-0.018917879460703446</t>
  </si>
  <si>
    <t>15.838147163391113</t>
  </si>
  <si>
    <t>316.6781005859375</t>
  </si>
  <si>
    <t>0.07662167314049384</t>
  </si>
  <si>
    <t>31663</t>
  </si>
  <si>
    <t>15.417193412780762</t>
  </si>
  <si>
    <t>461.5491027832031</t>
  </si>
  <si>
    <t>0.03284246188223783</t>
  </si>
  <si>
    <t>16.01939582824707</t>
  </si>
  <si>
    <t>325.18316650390625</t>
  </si>
  <si>
    <t>0.029194155994195725</t>
  </si>
  <si>
    <t>33272</t>
  </si>
  <si>
    <t>15.04615306854248</t>
  </si>
  <si>
    <t>589.0300903320312</t>
  </si>
  <si>
    <t>0.020373239691785727</t>
  </si>
  <si>
    <t>15.516751289367676</t>
  </si>
  <si>
    <t>363.76824951171875</t>
  </si>
  <si>
    <t>-0.005062081437422705</t>
  </si>
  <si>
    <t>30238</t>
  </si>
  <si>
    <t>15.804476737976074</t>
  </si>
  <si>
    <t>459.16436767578125</t>
  </si>
  <si>
    <t>-0.0905547094451773</t>
  </si>
  <si>
    <t>32123</t>
  </si>
  <si>
    <t>15.65622615814209</t>
  </si>
  <si>
    <t>384.4178466796875</t>
  </si>
  <si>
    <t>0.06047287290999925</t>
  </si>
  <si>
    <t>16.179967880249023</t>
  </si>
  <si>
    <t>450.6375732421875</t>
  </si>
  <si>
    <t>0.04792555289030709</t>
  </si>
  <si>
    <t>18576</t>
  </si>
  <si>
    <t>17.420255661010742</t>
  </si>
  <si>
    <t>386.19305419921875</t>
  </si>
  <si>
    <t>305.44378662109375</t>
  </si>
  <si>
    <t>18988</t>
  </si>
  <si>
    <t>16.86866569519043</t>
  </si>
  <si>
    <t>513.0072631835938</t>
  </si>
  <si>
    <t>0.02193677573353625</t>
  </si>
  <si>
    <t>19059</t>
  </si>
  <si>
    <t>16.906265258789062</t>
  </si>
  <si>
    <t>443.7999572753906</t>
  </si>
  <si>
    <t>0.0037322302634343885</t>
  </si>
  <si>
    <t>16.323719024658203</t>
  </si>
  <si>
    <t>515.6102905273438</t>
  </si>
  <si>
    <t>-0.016185691334721142</t>
  </si>
  <si>
    <t>19097</t>
  </si>
  <si>
    <t>17.293529510498047</t>
  </si>
  <si>
    <t>336.5437927246094</t>
  </si>
  <si>
    <t>0.018177515035491254</t>
  </si>
  <si>
    <t>19526</t>
  </si>
  <si>
    <t>17.808307647705078</t>
  </si>
  <si>
    <t>664.3951416015625</t>
  </si>
  <si>
    <t>0.0222156561502036</t>
  </si>
  <si>
    <t>19946</t>
  </si>
  <si>
    <t>16.844633102416992</t>
  </si>
  <si>
    <t>835.8259887695312</t>
  </si>
  <si>
    <t>0.021281711176195373</t>
  </si>
  <si>
    <t>20581</t>
  </si>
  <si>
    <t>17.700361251831055</t>
  </si>
  <si>
    <t>671.4078369140625</t>
  </si>
  <si>
    <t>0.03133969811064752</t>
  </si>
  <si>
    <t>21379</t>
  </si>
  <si>
    <t>17.213266372680664</t>
  </si>
  <si>
    <t>391.1103210449219</t>
  </si>
  <si>
    <t>0.0380408117279476</t>
  </si>
  <si>
    <t>22231</t>
  </si>
  <si>
    <t>16.895992279052734</t>
  </si>
  <si>
    <t>455.3048400878906</t>
  </si>
  <si>
    <t>0.039078579401584435</t>
  </si>
  <si>
    <t>17.372343063354492</t>
  </si>
  <si>
    <t>665.5291137695312</t>
  </si>
  <si>
    <t>0.04584914646603089</t>
  </si>
  <si>
    <t>17.38824462890625</t>
  </si>
  <si>
    <t>544.6802368164062</t>
  </si>
  <si>
    <t>0.015857109755035736</t>
  </si>
  <si>
    <t>23974</t>
  </si>
  <si>
    <t>16.979196548461914</t>
  </si>
  <si>
    <t>625.1134033203125</t>
  </si>
  <si>
    <t>0.013775942343986713</t>
  </si>
  <si>
    <t>17.62206268310547</t>
  </si>
  <si>
    <t>570.9515380859375</t>
  </si>
  <si>
    <t>0.0484444919228757</t>
  </si>
  <si>
    <t>26166</t>
  </si>
  <si>
    <t>17.01605987548828</t>
  </si>
  <si>
    <t>486.97442626953125</t>
  </si>
  <si>
    <t>0.039046456380900096</t>
  </si>
  <si>
    <t>26557</t>
  </si>
  <si>
    <t>17.136083602905273</t>
  </si>
  <si>
    <t>386.35540771484375</t>
  </si>
  <si>
    <t>0.014832508332784045</t>
  </si>
  <si>
    <t>17.615087509155273</t>
  </si>
  <si>
    <t>559.833984375</t>
  </si>
  <si>
    <t>0.04282473221343963</t>
  </si>
  <si>
    <t>28639</t>
  </si>
  <si>
    <t>17.212522506713867</t>
  </si>
  <si>
    <t>462.9145202636719</t>
  </si>
  <si>
    <t>0.032651326646835344</t>
  </si>
  <si>
    <t>28201</t>
  </si>
  <si>
    <t>16.933624267578125</t>
  </si>
  <si>
    <t>583.2015991210938</t>
  </si>
  <si>
    <t>-0.015411986973493441</t>
  </si>
  <si>
    <t>17.736783981323242</t>
  </si>
  <si>
    <t>674.039306640625</t>
  </si>
  <si>
    <t>-0.0435205723039207</t>
  </si>
  <si>
    <t>26648</t>
  </si>
  <si>
    <t>17.411237716674805</t>
  </si>
  <si>
    <t>864.3629150390625</t>
  </si>
  <si>
    <t>-0.013122765112949963</t>
  </si>
  <si>
    <t>17.67644691467285</t>
  </si>
  <si>
    <t>478.48931884765625</t>
  </si>
  <si>
    <t>-0.01657308355606446</t>
  </si>
  <si>
    <t>24693</t>
  </si>
  <si>
    <t>17.36281967163086</t>
  </si>
  <si>
    <t>539.800048828125</t>
  </si>
  <si>
    <t>-0.059621214676697676</t>
  </si>
  <si>
    <t>24912</t>
  </si>
  <si>
    <t>17.134048461914062</t>
  </si>
  <si>
    <t>617.1119995117188</t>
  </si>
  <si>
    <t>0.008829812433026163</t>
  </si>
  <si>
    <t>25110</t>
  </si>
  <si>
    <t>17.624313354492188</t>
  </si>
  <si>
    <t>518.27587890625</t>
  </si>
  <si>
    <t>0.00791655807785041</t>
  </si>
  <si>
    <t>26477</t>
  </si>
  <si>
    <t>18.08357048034668</t>
  </si>
  <si>
    <t>353.3114318847656</t>
  </si>
  <si>
    <t>0.05301025842981133</t>
  </si>
  <si>
    <t>26919</t>
  </si>
  <si>
    <t>17.688539505004883</t>
  </si>
  <si>
    <t>528.7183837890625</t>
  </si>
  <si>
    <t>0.01655592538472561</t>
  </si>
  <si>
    <t>27761</t>
  </si>
  <si>
    <t>18.308029174804688</t>
  </si>
  <si>
    <t>414.9325866699219</t>
  </si>
  <si>
    <t>0.030799801060513943</t>
  </si>
  <si>
    <t>17.124818801879883</t>
  </si>
  <si>
    <t>676.9229125976562</t>
  </si>
  <si>
    <t>0.005603664219744786</t>
  </si>
  <si>
    <t>27385</t>
  </si>
  <si>
    <t>17.72649383544922</t>
  </si>
  <si>
    <t>389.5634765625</t>
  </si>
  <si>
    <t>-0.019240404028604274</t>
  </si>
  <si>
    <t>25030</t>
  </si>
  <si>
    <t>18.065397262573242</t>
  </si>
  <si>
    <t>507.55584716796875</t>
  </si>
  <si>
    <t>-0.08992031279200141</t>
  </si>
  <si>
    <t>26590</t>
  </si>
  <si>
    <t>17.969938278198242</t>
  </si>
  <si>
    <t>362.8619384765625</t>
  </si>
  <si>
    <t>0.06046009981124456</t>
  </si>
  <si>
    <t>18.348834991455078</t>
  </si>
  <si>
    <t>524.8890380859375</t>
  </si>
  <si>
    <t>0.04791225604256333</t>
  </si>
  <si>
    <t>20814</t>
  </si>
  <si>
    <t>12.442975044250488</t>
  </si>
  <si>
    <t>385.0073547363281</t>
  </si>
  <si>
    <t>70.11795043945312</t>
  </si>
  <si>
    <t>Cuenca</t>
  </si>
  <si>
    <t>21277</t>
  </si>
  <si>
    <t>11.779080390930176</t>
  </si>
  <si>
    <t>427.24261474609375</t>
  </si>
  <si>
    <t>0.022000839875914835</t>
  </si>
  <si>
    <t>21356</t>
  </si>
  <si>
    <t>11.974268913269043</t>
  </si>
  <si>
    <t>496.1715393066406</t>
  </si>
  <si>
    <t>0.0037060535463577793</t>
  </si>
  <si>
    <t>21013</t>
  </si>
  <si>
    <t>11.38669490814209</t>
  </si>
  <si>
    <t>542.2836303710938</t>
  </si>
  <si>
    <t>-0.016191436826405337</t>
  </si>
  <si>
    <t>21399</t>
  </si>
  <si>
    <t>12.417553901672363</t>
  </si>
  <si>
    <t>337.5950927734375</t>
  </si>
  <si>
    <t>0.01820289815247733</t>
  </si>
  <si>
    <t>12.911209106445312</t>
  </si>
  <si>
    <t>524.4715576171875</t>
  </si>
  <si>
    <t>0.022183080706193792</t>
  </si>
  <si>
    <t>22349</t>
  </si>
  <si>
    <t>11.918166160583496</t>
  </si>
  <si>
    <t>647.5620727539062</t>
  </si>
  <si>
    <t>0.021254304659080958</t>
  </si>
  <si>
    <t>23061</t>
  </si>
  <si>
    <t>12.923290252685547</t>
  </si>
  <si>
    <t>634.83056640625</t>
  </si>
  <si>
    <t>0.03136130170581808</t>
  </si>
  <si>
    <t>12.349732398986816</t>
  </si>
  <si>
    <t>439.8551330566406</t>
  </si>
  <si>
    <t>0.03803419129998176</t>
  </si>
  <si>
    <t>24910</t>
  </si>
  <si>
    <t>12.048630714416504</t>
  </si>
  <si>
    <t>481.2257385253906</t>
  </si>
  <si>
    <t>0.0390922589390037</t>
  </si>
  <si>
    <t>26079</t>
  </si>
  <si>
    <t>12.470358848571777</t>
  </si>
  <si>
    <t>561.9959716796875</t>
  </si>
  <si>
    <t>0.045861063490947984</t>
  </si>
  <si>
    <t>26779</t>
  </si>
  <si>
    <t>12.419873237609863</t>
  </si>
  <si>
    <t>470.3324890136719</t>
  </si>
  <si>
    <t>0.026487605501307243</t>
  </si>
  <si>
    <t>27089</t>
  </si>
  <si>
    <t>12.321346282958984</t>
  </si>
  <si>
    <t>586.9623413085938</t>
  </si>
  <si>
    <t>0.011509743158917729</t>
  </si>
  <si>
    <t>27789</t>
  </si>
  <si>
    <t>12.762622833251953</t>
  </si>
  <si>
    <t>587.7939453125</t>
  </si>
  <si>
    <t>0.02551251751473771</t>
  </si>
  <si>
    <t>29351</t>
  </si>
  <si>
    <t>12.130306243896484</t>
  </si>
  <si>
    <t>584.656005859375</t>
  </si>
  <si>
    <t>0.054686358303937865</t>
  </si>
  <si>
    <t>12.168669700622559</t>
  </si>
  <si>
    <t>367.9897155761719</t>
  </si>
  <si>
    <t>0.019735152287795543</t>
  </si>
  <si>
    <t>30994</t>
  </si>
  <si>
    <t>12.809459686279297</t>
  </si>
  <si>
    <t>553.16259765625</t>
  </si>
  <si>
    <t>0.034731867833409424</t>
  </si>
  <si>
    <t>32442</t>
  </si>
  <si>
    <t>12.307551383972168</t>
  </si>
  <si>
    <t>568.8687744140625</t>
  </si>
  <si>
    <t>0.045660242262780315</t>
  </si>
  <si>
    <t>31565</t>
  </si>
  <si>
    <t>12.026500701904297</t>
  </si>
  <si>
    <t>648.4293823242188</t>
  </si>
  <si>
    <t>-0.02740496780833368</t>
  </si>
  <si>
    <t>30275</t>
  </si>
  <si>
    <t>12.668445587158203</t>
  </si>
  <si>
    <t>496.9986572265625</t>
  </si>
  <si>
    <t>-0.04172662238043401</t>
  </si>
  <si>
    <t>31139</t>
  </si>
  <si>
    <t>12.180506706237793</t>
  </si>
  <si>
    <t>683.3419189453125</t>
  </si>
  <si>
    <t>0.028138763413167567</t>
  </si>
  <si>
    <t>12.863919258117676</t>
  </si>
  <si>
    <t>428.1414489746094</t>
  </si>
  <si>
    <t>0.011526492979264447</t>
  </si>
  <si>
    <t>30836</t>
  </si>
  <si>
    <t>12.338835716247559</t>
  </si>
  <si>
    <t>476.0661315917969</t>
  </si>
  <si>
    <t>-0.021304707234572007</t>
  </si>
  <si>
    <t>30633</t>
  </si>
  <si>
    <t>12.25510311126709</t>
  </si>
  <si>
    <t>578.82421875</t>
  </si>
  <si>
    <t>-0.0066049793555045255</t>
  </si>
  <si>
    <t>30301</t>
  </si>
  <si>
    <t>12.794410705566406</t>
  </si>
  <si>
    <t>476.22088623046875</t>
  </si>
  <si>
    <t>-0.010897143970455048</t>
  </si>
  <si>
    <t>13.13533878326416</t>
  </si>
  <si>
    <t>415.39349365234375</t>
  </si>
  <si>
    <t>0.055117529384846264</t>
  </si>
  <si>
    <t>32871</t>
  </si>
  <si>
    <t>12.680397987365723</t>
  </si>
  <si>
    <t>509.4210205078125</t>
  </si>
  <si>
    <t>0.026292565435463544</t>
  </si>
  <si>
    <t>13.242446899414062</t>
  </si>
  <si>
    <t>389.69635009765625</t>
  </si>
  <si>
    <t>0.028343253173122918</t>
  </si>
  <si>
    <t>35025</t>
  </si>
  <si>
    <t>12.46934986114502</t>
  </si>
  <si>
    <t>667.0908813476562</t>
  </si>
  <si>
    <t>0.03512802895858158</t>
  </si>
  <si>
    <t>34376</t>
  </si>
  <si>
    <t>12.900928497314453</t>
  </si>
  <si>
    <t>470.2941589355469</t>
  </si>
  <si>
    <t>-0.018703445750377412</t>
  </si>
  <si>
    <t>31407</t>
  </si>
  <si>
    <t>13.170353889465332</t>
  </si>
  <si>
    <t>588.620849609375</t>
  </si>
  <si>
    <t>-0.09032784846736597</t>
  </si>
  <si>
    <t>12.95036792755127</t>
  </si>
  <si>
    <t>534.6981201171875</t>
  </si>
  <si>
    <t>0.06047664835024236</t>
  </si>
  <si>
    <t>35003</t>
  </si>
  <si>
    <t>13.497960090637207</t>
  </si>
  <si>
    <t>481.6849060058594</t>
  </si>
  <si>
    <t>0.047926325746299625</t>
  </si>
  <si>
    <t>961</t>
  </si>
  <si>
    <t>15.997427940368652</t>
  </si>
  <si>
    <t>406.98822021484375</t>
  </si>
  <si>
    <t>240.7660369873047</t>
  </si>
  <si>
    <t>CÔøΩceres</t>
  </si>
  <si>
    <t>17926</t>
  </si>
  <si>
    <t>15.346699714660645</t>
  </si>
  <si>
    <t>390.6336669921875</t>
  </si>
  <si>
    <t>0.021939238248014803</t>
  </si>
  <si>
    <t>17993</t>
  </si>
  <si>
    <t>15.499367713928223</t>
  </si>
  <si>
    <t>402.4854736328125</t>
  </si>
  <si>
    <t>0.0037306204352116623</t>
  </si>
  <si>
    <t>17705</t>
  </si>
  <si>
    <t>14.918559074401855</t>
  </si>
  <si>
    <t>559.6281127929688</t>
  </si>
  <si>
    <t>-0.016135707806515853</t>
  </si>
  <si>
    <t>18029</t>
  </si>
  <si>
    <t>15.906159400939941</t>
  </si>
  <si>
    <t>394.4140930175781</t>
  </si>
  <si>
    <t>0.01813448699619613</t>
  </si>
  <si>
    <t>18434</t>
  </si>
  <si>
    <t>16.412893295288086</t>
  </si>
  <si>
    <t>667.244873046875</t>
  </si>
  <si>
    <t>0.022215213011410384</t>
  </si>
  <si>
    <t>18830</t>
  </si>
  <si>
    <t>15.435652732849121</t>
  </si>
  <si>
    <t>686.644775390625</t>
  </si>
  <si>
    <t>0.02125455709758839</t>
  </si>
  <si>
    <t>19430</t>
  </si>
  <si>
    <t>16.44989585876465</t>
  </si>
  <si>
    <t>671.4708251953125</t>
  </si>
  <si>
    <t>0.031366920720287794</t>
  </si>
  <si>
    <t>20183</t>
  </si>
  <si>
    <t>15.839393615722656</t>
  </si>
  <si>
    <t>412.8627624511719</t>
  </si>
  <si>
    <t>0.038022402528632426</t>
  </si>
  <si>
    <t>20987</t>
  </si>
  <si>
    <t>15.525588989257812</t>
  </si>
  <si>
    <t>462.88775634765625</t>
  </si>
  <si>
    <t>0.03906253249730263</t>
  </si>
  <si>
    <t>21972</t>
  </si>
  <si>
    <t>15.944231986999512</t>
  </si>
  <si>
    <t>683.1036376953125</t>
  </si>
  <si>
    <t>0.04586571706508913</t>
  </si>
  <si>
    <t>22775</t>
  </si>
  <si>
    <t>15.887398719787598</t>
  </si>
  <si>
    <t>499.8262634277344</t>
  </si>
  <si>
    <t>0.03589452766564882</t>
  </si>
  <si>
    <t>23342</t>
  </si>
  <si>
    <t>15.70356273651123</t>
  </si>
  <si>
    <t>582.7564697265625</t>
  </si>
  <si>
    <t>0.024590869844139718</t>
  </si>
  <si>
    <t>23819</t>
  </si>
  <si>
    <t>16.23650550842285</t>
  </si>
  <si>
    <t>567.278564453125</t>
  </si>
  <si>
    <t>0.020229268527614863</t>
  </si>
  <si>
    <t>25243</t>
  </si>
  <si>
    <t>15.638310432434082</t>
  </si>
  <si>
    <t>437.0576477050781</t>
  </si>
  <si>
    <t>0.05806530804611043</t>
  </si>
  <si>
    <t>25202</t>
  </si>
  <si>
    <t>15.756802558898926</t>
  </si>
  <si>
    <t>356.2705078125</t>
  </si>
  <si>
    <t>-0.0016255331163854692</t>
  </si>
  <si>
    <t>16.313583374023438</t>
  </si>
  <si>
    <t>585.5457153320312</t>
  </si>
  <si>
    <t>0.03109625553832629</t>
  </si>
  <si>
    <t>26645</t>
  </si>
  <si>
    <t>15.804367065429688</t>
  </si>
  <si>
    <t>467.33685302734375</t>
  </si>
  <si>
    <t>0.024581903762918245</t>
  </si>
  <si>
    <t>26400</t>
  </si>
  <si>
    <t>15.563359260559082</t>
  </si>
  <si>
    <t>545.947509765625</t>
  </si>
  <si>
    <t>-0.009237505596475515</t>
  </si>
  <si>
    <t>25718</t>
  </si>
  <si>
    <t>16.220539093017578</t>
  </si>
  <si>
    <t>566.0427856445312</t>
  </si>
  <si>
    <t>-0.026172874304023708</t>
  </si>
  <si>
    <t>26548</t>
  </si>
  <si>
    <t>15.852497100830078</t>
  </si>
  <si>
    <t>814.7059936523438</t>
  </si>
  <si>
    <t>0.031763279435431</t>
  </si>
  <si>
    <t>25714</t>
  </si>
  <si>
    <t>16.3043270111084</t>
  </si>
  <si>
    <t>440.6871337890625</t>
  </si>
  <si>
    <t>-0.031918824621621766</t>
  </si>
  <si>
    <t>25399</t>
  </si>
  <si>
    <t>15.866969108581543</t>
  </si>
  <si>
    <t>486.22821044921875</t>
  </si>
  <si>
    <t>-0.012325787491327844</t>
  </si>
  <si>
    <t>25337</t>
  </si>
  <si>
    <t>15.752486228942871</t>
  </si>
  <si>
    <t>585.8779296875</t>
  </si>
  <si>
    <t>-0.0024440251837685167</t>
  </si>
  <si>
    <t>16.2329158782959</t>
  </si>
  <si>
    <t>531.6221923828125</t>
  </si>
  <si>
    <t>0.010209379131564944</t>
  </si>
  <si>
    <t>26620</t>
  </si>
  <si>
    <t>16.569141387939453</t>
  </si>
  <si>
    <t>369.2537536621094</t>
  </si>
  <si>
    <t>0.03918765584844053</t>
  </si>
  <si>
    <t>27742</t>
  </si>
  <si>
    <t>16.176095962524414</t>
  </si>
  <si>
    <t>529.6676635742188</t>
  </si>
  <si>
    <t>0.04128469737413276</t>
  </si>
  <si>
    <t>29358</t>
  </si>
  <si>
    <t>16.74610710144043</t>
  </si>
  <si>
    <t>337.254150390625</t>
  </si>
  <si>
    <t>0.05661757119394295</t>
  </si>
  <si>
    <t>15.905169486999512</t>
  </si>
  <si>
    <t>592.6754150390625</t>
  </si>
  <si>
    <t>0.03425233148321638</t>
  </si>
  <si>
    <t>30985</t>
  </si>
  <si>
    <t>16.31448745727539</t>
  </si>
  <si>
    <t>369.31890869140625</t>
  </si>
  <si>
    <t>0.01968580339581294</t>
  </si>
  <si>
    <t>27772</t>
  </si>
  <si>
    <t>16.635406494140625</t>
  </si>
  <si>
    <t>495.8908996582031</t>
  </si>
  <si>
    <t>-0.10947489752304307</t>
  </si>
  <si>
    <t>16.423877716064453</t>
  </si>
  <si>
    <t>425.1556091308594</t>
  </si>
  <si>
    <t>0.06042973876683</t>
  </si>
  <si>
    <t>16.999544143676758</t>
  </si>
  <si>
    <t>537.8026733398438</t>
  </si>
  <si>
    <t>0.04791494147274733</t>
  </si>
  <si>
    <t>20977</t>
  </si>
  <si>
    <t>18.389074325561523</t>
  </si>
  <si>
    <t>481.6695556640625</t>
  </si>
  <si>
    <t>609.488525390625</t>
  </si>
  <si>
    <t>CÔøΩdiz</t>
  </si>
  <si>
    <t>21443</t>
  </si>
  <si>
    <t>17.792926788330078</t>
  </si>
  <si>
    <t>580.9263305664062</t>
  </si>
  <si>
    <t>0.021971652370440964</t>
  </si>
  <si>
    <t>17.88422203063965</t>
  </si>
  <si>
    <t>460.903564453125</t>
  </si>
  <si>
    <t>0.0037238789949487483</t>
  </si>
  <si>
    <t>21178</t>
  </si>
  <si>
    <t>17.28936004638672</t>
  </si>
  <si>
    <t>620.4473876953125</t>
  </si>
  <si>
    <t>-0.016159223773779985</t>
  </si>
  <si>
    <t>18.219812393188477</t>
  </si>
  <si>
    <t>375.4494934082031</t>
  </si>
  <si>
    <t>0.018155093451618143</t>
  </si>
  <si>
    <t>22050</t>
  </si>
  <si>
    <t>18.78413200378418</t>
  </si>
  <si>
    <t>846.0723876953125</t>
  </si>
  <si>
    <t>0.02219460143297347</t>
  </si>
  <si>
    <t>22524</t>
  </si>
  <si>
    <t>17.85494613647461</t>
  </si>
  <si>
    <t>1059.6944580078125</t>
  </si>
  <si>
    <t>0.02126880549951693</t>
  </si>
  <si>
    <t>23241</t>
  </si>
  <si>
    <t>18.69553565979004</t>
  </si>
  <si>
    <t>744.0931396484375</t>
  </si>
  <si>
    <t>0.03133655292550408</t>
  </si>
  <si>
    <t>24143</t>
  </si>
  <si>
    <t>18.183879852294922</t>
  </si>
  <si>
    <t>436.50555419921875</t>
  </si>
  <si>
    <t>0.038076522692142234</t>
  </si>
  <si>
    <t>25105</t>
  </si>
  <si>
    <t>17.845632553100586</t>
  </si>
  <si>
    <t>505.7483825683594</t>
  </si>
  <si>
    <t>0.03907254647665148</t>
  </si>
  <si>
    <t>26283</t>
  </si>
  <si>
    <t>18.345048904418945</t>
  </si>
  <si>
    <t>790.4492797851562</t>
  </si>
  <si>
    <t>0.04585531286566713</t>
  </si>
  <si>
    <t>26947</t>
  </si>
  <si>
    <t>18.395286560058594</t>
  </si>
  <si>
    <t>570.9886474609375</t>
  </si>
  <si>
    <t>0.02494963155226948</t>
  </si>
  <si>
    <t>27364</t>
  </si>
  <si>
    <t>17.9505615234375</t>
  </si>
  <si>
    <t>751.4381103515625</t>
  </si>
  <si>
    <t>0.015356306994146252</t>
  </si>
  <si>
    <t>18.61625099182129</t>
  </si>
  <si>
    <t>666.1392822265625</t>
  </si>
  <si>
    <t>0.01057826254788985</t>
  </si>
  <si>
    <t>28738</t>
  </si>
  <si>
    <t>18.059232711791992</t>
  </si>
  <si>
    <t>484.3019714355469</t>
  </si>
  <si>
    <t>0.038413745360372786</t>
  </si>
  <si>
    <t>29176</t>
  </si>
  <si>
    <t>18.134485244750977</t>
  </si>
  <si>
    <t>536.4826049804688</t>
  </si>
  <si>
    <t>0.015126164699363898</t>
  </si>
  <si>
    <t>29764</t>
  </si>
  <si>
    <t>18.62805938720703</t>
  </si>
  <si>
    <t>589.60546875</t>
  </si>
  <si>
    <t>0.019953156028636343</t>
  </si>
  <si>
    <t>18.19853973388672</t>
  </si>
  <si>
    <t>492.0334777832031</t>
  </si>
  <si>
    <t>0.0034211001000628016</t>
  </si>
  <si>
    <t>29165</t>
  </si>
  <si>
    <t>17.936115264892578</t>
  </si>
  <si>
    <t>738.4256591796875</t>
  </si>
  <si>
    <t>-0.02375134942947632</t>
  </si>
  <si>
    <t>18.766489028930664</t>
  </si>
  <si>
    <t>904.2288818359375</t>
  </si>
  <si>
    <t>-0.07232923353476117</t>
  </si>
  <si>
    <t>27292</t>
  </si>
  <si>
    <t>18.434328079223633</t>
  </si>
  <si>
    <t>1049.513671875</t>
  </si>
  <si>
    <t>0.005953492282337436</t>
  </si>
  <si>
    <t>18.706636428833008</t>
  </si>
  <si>
    <t>556.0285034179688</t>
  </si>
  <si>
    <t>-0.011534833352689233</t>
  </si>
  <si>
    <t>25827</t>
  </si>
  <si>
    <t>18.37166404724121</t>
  </si>
  <si>
    <t>695.6002197265625</t>
  </si>
  <si>
    <t>-0.04363832925656119</t>
  </si>
  <si>
    <t>25108</t>
  </si>
  <si>
    <t>18.135061264038086</t>
  </si>
  <si>
    <t>674.8460083007812</t>
  </si>
  <si>
    <t>-0.028233935888641426</t>
  </si>
  <si>
    <t>24870</t>
  </si>
  <si>
    <t>18.5770263671875</t>
  </si>
  <si>
    <t>590.3035888671875</t>
  </si>
  <si>
    <t>-0.009524262639972747</t>
  </si>
  <si>
    <t>25507</t>
  </si>
  <si>
    <t>19.085769653320312</t>
  </si>
  <si>
    <t>398.1924743652344</t>
  </si>
  <si>
    <t>0.025290666482066015</t>
  </si>
  <si>
    <t>18.720081329345703</t>
  </si>
  <si>
    <t>603.048583984375</t>
  </si>
  <si>
    <t>0.0284463625117084</t>
  </si>
  <si>
    <t>19.3186092376709</t>
  </si>
  <si>
    <t>528.958251953125</t>
  </si>
  <si>
    <t>0.03346197280040464</t>
  </si>
  <si>
    <t>27518</t>
  </si>
  <si>
    <t>18.114009857177734</t>
  </si>
  <si>
    <t>745.2820434570312</t>
  </si>
  <si>
    <t>0.013979076396132939</t>
  </si>
  <si>
    <t>28114</t>
  </si>
  <si>
    <t>18.713516235351562</t>
  </si>
  <si>
    <t>477.1076354980469</t>
  </si>
  <si>
    <t>0.021427336903949268</t>
  </si>
  <si>
    <t>19.064970016479492</t>
  </si>
  <si>
    <t>622.889404296875</t>
  </si>
  <si>
    <t>-0.1585055517712899</t>
  </si>
  <si>
    <t>25489</t>
  </si>
  <si>
    <t>18.948875427246094</t>
  </si>
  <si>
    <t>377.46142578125</t>
  </si>
  <si>
    <t>0.06048486540917253</t>
  </si>
  <si>
    <t>26740</t>
  </si>
  <si>
    <t>19.365612030029297</t>
  </si>
  <si>
    <t>579.8574829101562</t>
  </si>
  <si>
    <t>0.0479135851263397</t>
  </si>
  <si>
    <t>34564</t>
  </si>
  <si>
    <t>119.79999542236328</t>
  </si>
  <si>
    <t>36.67865753173828</t>
  </si>
  <si>
    <t>Fuerteventura</t>
  </si>
  <si>
    <t>19.358333587646484</t>
  </si>
  <si>
    <t>92.30001068115234</t>
  </si>
  <si>
    <t>0.021976390903732934</t>
  </si>
  <si>
    <t>35464</t>
  </si>
  <si>
    <t>19.424999237060547</t>
  </si>
  <si>
    <t>61.20000076293945</t>
  </si>
  <si>
    <t>0.0037290285598672313</t>
  </si>
  <si>
    <t>19.14166831970215</t>
  </si>
  <si>
    <t>111.79999542236328</t>
  </si>
  <si>
    <t>-0.016174544973639016</t>
  </si>
  <si>
    <t>35535</t>
  </si>
  <si>
    <t>19.791667938232422</t>
  </si>
  <si>
    <t>55.89999771118164</t>
  </si>
  <si>
    <t>0.018174573809744743</t>
  </si>
  <si>
    <t>36332</t>
  </si>
  <si>
    <t>20.69999885559082</t>
  </si>
  <si>
    <t>106.29999542236328</t>
  </si>
  <si>
    <t>0.022180769361108688</t>
  </si>
  <si>
    <t>20.133333206176758</t>
  </si>
  <si>
    <t>143.3000030517578</t>
  </si>
  <si>
    <t>0.021268416908837295</t>
  </si>
  <si>
    <t>38295</t>
  </si>
  <si>
    <t>20.758333206176758</t>
  </si>
  <si>
    <t>90.80000305175781</t>
  </si>
  <si>
    <t>0.03135202681275118</t>
  </si>
  <si>
    <t>39780</t>
  </si>
  <si>
    <t>20.649999618530273</t>
  </si>
  <si>
    <t>66.5999984741211</t>
  </si>
  <si>
    <t>0.038044934064270564</t>
  </si>
  <si>
    <t>41365</t>
  </si>
  <si>
    <t>20.09166717529297</t>
  </si>
  <si>
    <t>96.5</t>
  </si>
  <si>
    <t>0.03907083921632015</t>
  </si>
  <si>
    <t>43306</t>
  </si>
  <si>
    <t>20.29166603088379</t>
  </si>
  <si>
    <t>41.79999923706055</t>
  </si>
  <si>
    <t>0.045856080895951834</t>
  </si>
  <si>
    <t>45822</t>
  </si>
  <si>
    <t>20.80000114440918</t>
  </si>
  <si>
    <t>162.1999969482422</t>
  </si>
  <si>
    <t>0.05647313159620282</t>
  </si>
  <si>
    <t>45789</t>
  </si>
  <si>
    <t>20.38333511352539</t>
  </si>
  <si>
    <t>174.09999084472656</t>
  </si>
  <si>
    <t>-0.0007204375332072743</t>
  </si>
  <si>
    <t>44572</t>
  </si>
  <si>
    <t>62.60000228881836</t>
  </si>
  <si>
    <t>-0.02693802841628745</t>
  </si>
  <si>
    <t>20.399999618530273</t>
  </si>
  <si>
    <t>104.20000457763672</t>
  </si>
  <si>
    <t>-0.01987218010529901</t>
  </si>
  <si>
    <t>40755</t>
  </si>
  <si>
    <t>202.0</t>
  </si>
  <si>
    <t>-0.0696551475330871</t>
  </si>
  <si>
    <t>153.1999969482422</t>
  </si>
  <si>
    <t>-0.033508193086191795</t>
  </si>
  <si>
    <t>20.20833396911621</t>
  </si>
  <si>
    <t>55.29999923706055</t>
  </si>
  <si>
    <t>-0.04807743740148318</t>
  </si>
  <si>
    <t>20.041667938232422</t>
  </si>
  <si>
    <t>85.09999084472656</t>
  </si>
  <si>
    <t>-0.0633855378877417</t>
  </si>
  <si>
    <t>31896</t>
  </si>
  <si>
    <t>20.816665649414062</t>
  </si>
  <si>
    <t>94.50000762939453</t>
  </si>
  <si>
    <t>-0.10012675309195096</t>
  </si>
  <si>
    <t>21.016666412353516</t>
  </si>
  <si>
    <t>143.6999969482422</t>
  </si>
  <si>
    <t>0.002067087083863939</t>
  </si>
  <si>
    <t>31666</t>
  </si>
  <si>
    <t>37.10000228881836</t>
  </si>
  <si>
    <t>-0.009304147083675218</t>
  </si>
  <si>
    <t>20.725000381469727</t>
  </si>
  <si>
    <t>52.900001525878906</t>
  </si>
  <si>
    <t>-0.05654929863520408</t>
  </si>
  <si>
    <t>30317</t>
  </si>
  <si>
    <t>91.39999389648438</t>
  </si>
  <si>
    <t>0.013014359843765533</t>
  </si>
  <si>
    <t>30645</t>
  </si>
  <si>
    <t>0.010760905649892294</t>
  </si>
  <si>
    <t>20.71666717529297</t>
  </si>
  <si>
    <t>51.79999923706055</t>
  </si>
  <si>
    <t>0.036052931343729</t>
  </si>
  <si>
    <t>32037</t>
  </si>
  <si>
    <t>92.99999237060547</t>
  </si>
  <si>
    <t>0.008369036576093336</t>
  </si>
  <si>
    <t>32519</t>
  </si>
  <si>
    <t>77.19999694824219</t>
  </si>
  <si>
    <t>0.014933049041788493</t>
  </si>
  <si>
    <t>32791</t>
  </si>
  <si>
    <t>19.850000381469727</t>
  </si>
  <si>
    <t>94.89999389648438</t>
  </si>
  <si>
    <t>0.008329553594998984</t>
  </si>
  <si>
    <t>62.000003814697266</t>
  </si>
  <si>
    <t>-0.035447534979889284</t>
  </si>
  <si>
    <t>23102</t>
  </si>
  <si>
    <t>20.983335494995117</t>
  </si>
  <si>
    <t>85.59999084472656</t>
  </si>
  <si>
    <t>-0.3147873586479282</t>
  </si>
  <si>
    <t>24542</t>
  </si>
  <si>
    <t>50.900001525878906</t>
  </si>
  <si>
    <t>0.060466741687868364</t>
  </si>
  <si>
    <t>25747</t>
  </si>
  <si>
    <t>20.96666717529297</t>
  </si>
  <si>
    <t>59.70000076293945</t>
  </si>
  <si>
    <t>0.047932179913802386</t>
  </si>
  <si>
    <t>14.485541343688965</t>
  </si>
  <si>
    <t>787.2144775390625</t>
  </si>
  <si>
    <t>424.17840576171875</t>
  </si>
  <si>
    <t>Gerona</t>
  </si>
  <si>
    <t>13.536537170410156</t>
  </si>
  <si>
    <t>1092.423095703125</t>
  </si>
  <si>
    <t>0.021966691482454337</t>
  </si>
  <si>
    <t>14.00508975982666</t>
  </si>
  <si>
    <t>896.434814453125</t>
  </si>
  <si>
    <t>0.003725151941988969</t>
  </si>
  <si>
    <t>34137</t>
  </si>
  <si>
    <t>13.677987098693848</t>
  </si>
  <si>
    <t>889.6060180664062</t>
  </si>
  <si>
    <t>-0.01618492129623661</t>
  </si>
  <si>
    <t>34763</t>
  </si>
  <si>
    <t>14.73712158203125</t>
  </si>
  <si>
    <t>836.2557373046875</t>
  </si>
  <si>
    <t>0.018171762729018326</t>
  </si>
  <si>
    <t>35543</t>
  </si>
  <si>
    <t>14.584900856018066</t>
  </si>
  <si>
    <t>842.9698486328125</t>
  </si>
  <si>
    <t>0.022189628322239585</t>
  </si>
  <si>
    <t>36307</t>
  </si>
  <si>
    <t>13.701266288757324</t>
  </si>
  <si>
    <t>988.28369140625</t>
  </si>
  <si>
    <t>0.021267329051376294</t>
  </si>
  <si>
    <t>37463</t>
  </si>
  <si>
    <t>14.970199584960938</t>
  </si>
  <si>
    <t>647.8113403320312</t>
  </si>
  <si>
    <t>0.03134321908811444</t>
  </si>
  <si>
    <t>38916</t>
  </si>
  <si>
    <t>14.052607536315918</t>
  </si>
  <si>
    <t>701.5037841796875</t>
  </si>
  <si>
    <t>0.038051697879451396</t>
  </si>
  <si>
    <t>14.369739532470703</t>
  </si>
  <si>
    <t>658.9246826171875</t>
  </si>
  <si>
    <t>14.8843994140625</t>
  </si>
  <si>
    <t>768.771484375</t>
  </si>
  <si>
    <t>0.04585932660661207</t>
  </si>
  <si>
    <t>44534</t>
  </si>
  <si>
    <t>14.295257568359375</t>
  </si>
  <si>
    <t>545.0116577148438</t>
  </si>
  <si>
    <t>0.04990678862000131</t>
  </si>
  <si>
    <t>45681</t>
  </si>
  <si>
    <t>14.497965812683105</t>
  </si>
  <si>
    <t>1009.3502197265625</t>
  </si>
  <si>
    <t>0.025429514144439835</t>
  </si>
  <si>
    <t>45394</t>
  </si>
  <si>
    <t>15.049266815185547</t>
  </si>
  <si>
    <t>860.8424072265625</t>
  </si>
  <si>
    <t>-0.006302518803426693</t>
  </si>
  <si>
    <t>45522</t>
  </si>
  <si>
    <t>14.128203392028809</t>
  </si>
  <si>
    <t>777.809814453125</t>
  </si>
  <si>
    <t>0.00281578786071357</t>
  </si>
  <si>
    <t>45407</t>
  </si>
  <si>
    <t>13.923381805419922</t>
  </si>
  <si>
    <t>973.99755859375</t>
  </si>
  <si>
    <t>-0.0025294473999526446</t>
  </si>
  <si>
    <t>47002</t>
  </si>
  <si>
    <t>15.116171836853027</t>
  </si>
  <si>
    <t>439.1080627441406</t>
  </si>
  <si>
    <t>0.03452387581214644</t>
  </si>
  <si>
    <t>46491</t>
  </si>
  <si>
    <t>14.360787391662598</t>
  </si>
  <si>
    <t>593.54443359375</t>
  </si>
  <si>
    <t>-0.010931408522878883</t>
  </si>
  <si>
    <t>45018</t>
  </si>
  <si>
    <t>14.08311939239502</t>
  </si>
  <si>
    <t>865.6224365234375</t>
  </si>
  <si>
    <t>-0.032196335681661026</t>
  </si>
  <si>
    <t>42835</t>
  </si>
  <si>
    <t>14.675810813903809</t>
  </si>
  <si>
    <t>562.0748291015625</t>
  </si>
  <si>
    <t>-0.04970688437563808</t>
  </si>
  <si>
    <t>42939</t>
  </si>
  <si>
    <t>13.973156929016113</t>
  </si>
  <si>
    <t>978.104736328125</t>
  </si>
  <si>
    <t>0.0024249784541812147</t>
  </si>
  <si>
    <t>41887</t>
  </si>
  <si>
    <t>15.009552001953125</t>
  </si>
  <si>
    <t>899.7073974609375</t>
  </si>
  <si>
    <t>-0.024804987613306295</t>
  </si>
  <si>
    <t>40821</t>
  </si>
  <si>
    <t>14.522896766662598</t>
  </si>
  <si>
    <t>575.8505859375</t>
  </si>
  <si>
    <t>-0.025778861380052476</t>
  </si>
  <si>
    <t>40088</t>
  </si>
  <si>
    <t>14.328514099121094</t>
  </si>
  <si>
    <t>751.5054321289062</t>
  </si>
  <si>
    <t>-0.018119617219406692</t>
  </si>
  <si>
    <t>40863</t>
  </si>
  <si>
    <t>15.027318000793457</t>
  </si>
  <si>
    <t>885.4389038085938</t>
  </si>
  <si>
    <t>0.01914797047589012</t>
  </si>
  <si>
    <t>42186</t>
  </si>
  <si>
    <t>15.115047454833984</t>
  </si>
  <si>
    <t>555.5643920898438</t>
  </si>
  <si>
    <t>0.03186340431176582</t>
  </si>
  <si>
    <t>43803</t>
  </si>
  <si>
    <t>14.56697940826416</t>
  </si>
  <si>
    <t>760.6823120117188</t>
  </si>
  <si>
    <t>0.03761389574245655</t>
  </si>
  <si>
    <t>42675</t>
  </si>
  <si>
    <t>15.15619945526123</t>
  </si>
  <si>
    <t>503.164794921875</t>
  </si>
  <si>
    <t>-0.02608903950703123</t>
  </si>
  <si>
    <t>42884</t>
  </si>
  <si>
    <t>14.93240737915039</t>
  </si>
  <si>
    <t>1039.667724609375</t>
  </si>
  <si>
    <t>0.00488552731348868</t>
  </si>
  <si>
    <t>15.218546867370605</t>
  </si>
  <si>
    <t>823.466552734375</t>
  </si>
  <si>
    <t>0.015043445998651706</t>
  </si>
  <si>
    <t>38266</t>
  </si>
  <si>
    <t>15.144294738769531</t>
  </si>
  <si>
    <t>775.3784790039062</t>
  </si>
  <si>
    <t>-0.1289804685298339</t>
  </si>
  <si>
    <t>40651</t>
  </si>
  <si>
    <t>14.694506645202637</t>
  </si>
  <si>
    <t>532.2344970703125</t>
  </si>
  <si>
    <t>0.06046166247442919</t>
  </si>
  <si>
    <t>42647</t>
  </si>
  <si>
    <t>15.979290008544922</t>
  </si>
  <si>
    <t>534.5848388671875</t>
  </si>
  <si>
    <t>0.047933495549921545</t>
  </si>
  <si>
    <t>967</t>
  </si>
  <si>
    <t>34779</t>
  </si>
  <si>
    <t>1028.699951171875</t>
  </si>
  <si>
    <t>275.1903991699219</t>
  </si>
  <si>
    <t>Gipuzkoa</t>
  </si>
  <si>
    <t>35551</t>
  </si>
  <si>
    <t>12.875000953674316</t>
  </si>
  <si>
    <t>998.9999389648438</t>
  </si>
  <si>
    <t>0.021954528892470293</t>
  </si>
  <si>
    <t>1236.60009765625</t>
  </si>
  <si>
    <t>0.0037060996458677664</t>
  </si>
  <si>
    <t>35111</t>
  </si>
  <si>
    <t>12.5166654586792</t>
  </si>
  <si>
    <t>1221.2000732421875</t>
  </si>
  <si>
    <t>-0.01615991320598731</t>
  </si>
  <si>
    <t>35755</t>
  </si>
  <si>
    <t>13.424999237060547</t>
  </si>
  <si>
    <t>1171.0999755859375</t>
  </si>
  <si>
    <t>0.018175647811634832</t>
  </si>
  <si>
    <t>36557</t>
  </si>
  <si>
    <t>969.6000366210938</t>
  </si>
  <si>
    <t>0.022182566825961203</t>
  </si>
  <si>
    <t>37343</t>
  </si>
  <si>
    <t>1340.2999267578125</t>
  </si>
  <si>
    <t>0.021272791355876564</t>
  </si>
  <si>
    <t>38532</t>
  </si>
  <si>
    <t>14.02500057220459</t>
  </si>
  <si>
    <t>1058.0999755859375</t>
  </si>
  <si>
    <t>0.03134358721318087</t>
  </si>
  <si>
    <t>40026</t>
  </si>
  <si>
    <t>13.375000953674316</t>
  </si>
  <si>
    <t>1080.800048828125</t>
  </si>
  <si>
    <t>0.03804017806005611</t>
  </si>
  <si>
    <t>41621</t>
  </si>
  <si>
    <t>13.07500171661377</t>
  </si>
  <si>
    <t>1001.9002075195312</t>
  </si>
  <si>
    <t>0.03907560463155235</t>
  </si>
  <si>
    <t>43575</t>
  </si>
  <si>
    <t>13.441666603088379</t>
  </si>
  <si>
    <t>1288.4000244140625</t>
  </si>
  <si>
    <t>0.045878743819098844</t>
  </si>
  <si>
    <t>45950</t>
  </si>
  <si>
    <t>13.391666412353516</t>
  </si>
  <si>
    <t>772.8999633789062</t>
  </si>
  <si>
    <t>0.053070257395610554</t>
  </si>
  <si>
    <t>1170.60009765625</t>
  </si>
  <si>
    <t>-0.0037720672239878184</t>
  </si>
  <si>
    <t>1015.2999877929688</t>
  </si>
  <si>
    <t>-0.005586055993715533</t>
  </si>
  <si>
    <t>46493</t>
  </si>
  <si>
    <t>13.149998664855957</t>
  </si>
  <si>
    <t>886.0999755859375</t>
  </si>
  <si>
    <t>0.0211060380429835</t>
  </si>
  <si>
    <t>47345</t>
  </si>
  <si>
    <t>13.258334159851074</t>
  </si>
  <si>
    <t>949.5999755859375</t>
  </si>
  <si>
    <t>0.01815945380848838</t>
  </si>
  <si>
    <t>49686</t>
  </si>
  <si>
    <t>13.825000762939453</t>
  </si>
  <si>
    <t>925.1000366210938</t>
  </si>
  <si>
    <t>0.048261985844154864</t>
  </si>
  <si>
    <t>50892</t>
  </si>
  <si>
    <t>13.341666221618652</t>
  </si>
  <si>
    <t>989.5</t>
  </si>
  <si>
    <t>0.02398253700083508</t>
  </si>
  <si>
    <t>50050</t>
  </si>
  <si>
    <t>13.1083345413208</t>
  </si>
  <si>
    <t>1338.2000732421875</t>
  </si>
  <si>
    <t>-0.016683234519224044</t>
  </si>
  <si>
    <t>47310</t>
  </si>
  <si>
    <t>13.608333587646484</t>
  </si>
  <si>
    <t>1079.800048828125</t>
  </si>
  <si>
    <t>-0.05630081611817239</t>
  </si>
  <si>
    <t>13.083333015441895</t>
  </si>
  <si>
    <t>962.7999877929688</t>
  </si>
  <si>
    <t>0.01201796126873056</t>
  </si>
  <si>
    <t>47603</t>
  </si>
  <si>
    <t>13.833334922790527</t>
  </si>
  <si>
    <t>-0.00584386645033419</t>
  </si>
  <si>
    <t>46465</t>
  </si>
  <si>
    <t>1167.0999755859375</t>
  </si>
  <si>
    <t>-0.02419644345215133</t>
  </si>
  <si>
    <t>1358.10009765625</t>
  </si>
  <si>
    <t>-0.02248263843417142</t>
  </si>
  <si>
    <t>45739</t>
  </si>
  <si>
    <t>13.816665649414062</t>
  </si>
  <si>
    <t>1106.5999755859375</t>
  </si>
  <si>
    <t>0.006734623078282098</t>
  </si>
  <si>
    <t>46917</t>
  </si>
  <si>
    <t>973.4000244140625</t>
  </si>
  <si>
    <t>0.025428757468775487</t>
  </si>
  <si>
    <t>48022</t>
  </si>
  <si>
    <t>0.02327915611639675</t>
  </si>
  <si>
    <t>50594</t>
  </si>
  <si>
    <t>14.166667938232422</t>
  </si>
  <si>
    <t>1132.2000732421875</t>
  </si>
  <si>
    <t>0.05217375294891902</t>
  </si>
  <si>
    <t>51179</t>
  </si>
  <si>
    <t>1223.2000732421875</t>
  </si>
  <si>
    <t>0.011496299470875826</t>
  </si>
  <si>
    <t>52104</t>
  </si>
  <si>
    <t>13.824999809265137</t>
  </si>
  <si>
    <t>1156.7999267578125</t>
  </si>
  <si>
    <t>0.0179124295857207</t>
  </si>
  <si>
    <t>45608</t>
  </si>
  <si>
    <t>14.116665840148926</t>
  </si>
  <si>
    <t>1264.4000244140625</t>
  </si>
  <si>
    <t>-0.13315858151482018</t>
  </si>
  <si>
    <t>48450</t>
  </si>
  <si>
    <t>13.991668701171875</t>
  </si>
  <si>
    <t>1094.60009765625</t>
  </si>
  <si>
    <t>0.06044919860749509</t>
  </si>
  <si>
    <t>50828</t>
  </si>
  <si>
    <t>14.466667175292969</t>
  </si>
  <si>
    <t>852.0999755859375</t>
  </si>
  <si>
    <t>0.047915045505511955</t>
  </si>
  <si>
    <t>19.15833282470703</t>
  </si>
  <si>
    <t>273.3999938964844</t>
  </si>
  <si>
    <t>136.34982299804688</t>
  </si>
  <si>
    <t>Gran Canaria</t>
  </si>
  <si>
    <t>27323</t>
  </si>
  <si>
    <t>18.225000381469727</t>
  </si>
  <si>
    <t>216.6999969482422</t>
  </si>
  <si>
    <t>0.021942308186371662</t>
  </si>
  <si>
    <t>18.29166603088379</t>
  </si>
  <si>
    <t>141.40000915527344</t>
  </si>
  <si>
    <t>0.0037261678240945173</t>
  </si>
  <si>
    <t>26985</t>
  </si>
  <si>
    <t>18.066667556762695</t>
  </si>
  <si>
    <t>302.9999694824219</t>
  </si>
  <si>
    <t>-0.016173850090687836</t>
  </si>
  <si>
    <t>27480</t>
  </si>
  <si>
    <t>18.691667556762695</t>
  </si>
  <si>
    <t>162.8000030517578</t>
  </si>
  <si>
    <t>0.018177311283542608</t>
  </si>
  <si>
    <t>28096</t>
  </si>
  <si>
    <t>19.549999237060547</t>
  </si>
  <si>
    <t>259.0</t>
  </si>
  <si>
    <t>0.02216875009855812</t>
  </si>
  <si>
    <t>28701</t>
  </si>
  <si>
    <t>18.975000381469727</t>
  </si>
  <si>
    <t>351.70001220703125</t>
  </si>
  <si>
    <t>0.021304747911432997</t>
  </si>
  <si>
    <t>29615</t>
  </si>
  <si>
    <t>19.625001907348633</t>
  </si>
  <si>
    <t>206.39999389648438</t>
  </si>
  <si>
    <t>0.031349024364788036</t>
  </si>
  <si>
    <t>30763</t>
  </si>
  <si>
    <t>19.725000381469727</t>
  </si>
  <si>
    <t>195.5</t>
  </si>
  <si>
    <t>0.038031679411624</t>
  </si>
  <si>
    <t>18.983335494995117</t>
  </si>
  <si>
    <t>214.30001831054688</t>
  </si>
  <si>
    <t>0.039079424563599474</t>
  </si>
  <si>
    <t>117.70000457763672</t>
  </si>
  <si>
    <t>0.04585479310196128</t>
  </si>
  <si>
    <t>34314</t>
  </si>
  <si>
    <t>19.825000762939453</t>
  </si>
  <si>
    <t>313.4000244140625</t>
  </si>
  <si>
    <t>0.024306547355122277</t>
  </si>
  <si>
    <t>34022</t>
  </si>
  <si>
    <t>19.30000114440918</t>
  </si>
  <si>
    <t>337.6000061035156</t>
  </si>
  <si>
    <t>-0.008546059973843612</t>
  </si>
  <si>
    <t>33999</t>
  </si>
  <si>
    <t>19.41666603088379</t>
  </si>
  <si>
    <t>154.39999389648438</t>
  </si>
  <si>
    <t>-0.0006762617684703542</t>
  </si>
  <si>
    <t>33229</t>
  </si>
  <si>
    <t>18.94999885559082</t>
  </si>
  <si>
    <t>266.8000183105469</t>
  </si>
  <si>
    <t>-0.022908123794426416</t>
  </si>
  <si>
    <t>32855</t>
  </si>
  <si>
    <t>19.166667938232422</t>
  </si>
  <si>
    <t>454.3999938964844</t>
  </si>
  <si>
    <t>-0.01131904827466279</t>
  </si>
  <si>
    <t>33228</t>
  </si>
  <si>
    <t>19.483333587646484</t>
  </si>
  <si>
    <t>340.8999938964844</t>
  </si>
  <si>
    <t>0.011288953626992893</t>
  </si>
  <si>
    <t>33397</t>
  </si>
  <si>
    <t>19.091665267944336</t>
  </si>
  <si>
    <t>170.09999084472656</t>
  </si>
  <si>
    <t>0.005073181612457844</t>
  </si>
  <si>
    <t>32967</t>
  </si>
  <si>
    <t>18.941667556762695</t>
  </si>
  <si>
    <t>221.1999969482422</t>
  </si>
  <si>
    <t>-0.01295901445638492</t>
  </si>
  <si>
    <t>31282</t>
  </si>
  <si>
    <t>19.691667556762695</t>
  </si>
  <si>
    <t>196.90000915527344</t>
  </si>
  <si>
    <t>-0.05246420888084735</t>
  </si>
  <si>
    <t>30613</t>
  </si>
  <si>
    <t>20.024999618530273</t>
  </si>
  <si>
    <t>341.300048828125</t>
  </si>
  <si>
    <t>-0.021618096909925555</t>
  </si>
  <si>
    <t>29954</t>
  </si>
  <si>
    <t>19.23333168029785</t>
  </si>
  <si>
    <t>109.10000610351562</t>
  </si>
  <si>
    <t>-0.02176188377192112</t>
  </si>
  <si>
    <t>28537</t>
  </si>
  <si>
    <t>19.46666717529297</t>
  </si>
  <si>
    <t>179.3999786376953</t>
  </si>
  <si>
    <t>-0.04846138067373751</t>
  </si>
  <si>
    <t>28264</t>
  </si>
  <si>
    <t>257.5000305175781</t>
  </si>
  <si>
    <t>-0.009612580839622353</t>
  </si>
  <si>
    <t>277.20001220703125</t>
  </si>
  <si>
    <t>-0.0038639513502616296</t>
  </si>
  <si>
    <t>28442</t>
  </si>
  <si>
    <t>19.64166831970215</t>
  </si>
  <si>
    <t>168.79998779296875</t>
  </si>
  <si>
    <t>0.010141967243923133</t>
  </si>
  <si>
    <t>29863</t>
  </si>
  <si>
    <t>19.45833396911621</t>
  </si>
  <si>
    <t>238.7999725341797</t>
  </si>
  <si>
    <t>0.04875332996853743</t>
  </si>
  <si>
    <t>30664</t>
  </si>
  <si>
    <t>19.94999885559082</t>
  </si>
  <si>
    <t>165.10000610351562</t>
  </si>
  <si>
    <t>0.026469072159210683</t>
  </si>
  <si>
    <t>31254</t>
  </si>
  <si>
    <t>18.60000228881836</t>
  </si>
  <si>
    <t>255.3999786376953</t>
  </si>
  <si>
    <t>0.019058039912856373</t>
  </si>
  <si>
    <t>31444</t>
  </si>
  <si>
    <t>19.32499885559082</t>
  </si>
  <si>
    <t>150.8000030517578</t>
  </si>
  <si>
    <t>0.006060817940399588</t>
  </si>
  <si>
    <t>25483</t>
  </si>
  <si>
    <t>19.841665267944336</t>
  </si>
  <si>
    <t>213.7000274658203</t>
  </si>
  <si>
    <t>-0.21019662275483242</t>
  </si>
  <si>
    <t>27071</t>
  </si>
  <si>
    <t>19.42500114440918</t>
  </si>
  <si>
    <t>140.29998779296875</t>
  </si>
  <si>
    <t>0.06045148103061315</t>
  </si>
  <si>
    <t>28400</t>
  </si>
  <si>
    <t>150.0</t>
  </si>
  <si>
    <t>0.047926100959870155</t>
  </si>
  <si>
    <t>18380</t>
  </si>
  <si>
    <t>15.089180946350098</t>
  </si>
  <si>
    <t>340.79681396484375</t>
  </si>
  <si>
    <t>455.8305969238281</t>
  </si>
  <si>
    <t>Granada</t>
  </si>
  <si>
    <t>18788</t>
  </si>
  <si>
    <t>14.524524688720703</t>
  </si>
  <si>
    <t>443.7593994140625</t>
  </si>
  <si>
    <t>0.021955251237207207</t>
  </si>
  <si>
    <t>18858</t>
  </si>
  <si>
    <t>14.549861907958984</t>
  </si>
  <si>
    <t>423.44207763671875</t>
  </si>
  <si>
    <t>0.0037188588787380183</t>
  </si>
  <si>
    <t>18555</t>
  </si>
  <si>
    <t>14.051532745361328</t>
  </si>
  <si>
    <t>443.4244384765625</t>
  </si>
  <si>
    <t>-0.016197932530925385</t>
  </si>
  <si>
    <t>18896</t>
  </si>
  <si>
    <t>15.022439002990723</t>
  </si>
  <si>
    <t>290.7828369140625</t>
  </si>
  <si>
    <t>0.018210964942445784</t>
  </si>
  <si>
    <t>19319</t>
  </si>
  <si>
    <t>15.49876880645752</t>
  </si>
  <si>
    <t>522.73681640625</t>
  </si>
  <si>
    <t>0.022138808155411027</t>
  </si>
  <si>
    <t>19735</t>
  </si>
  <si>
    <t>14.536017417907715</t>
  </si>
  <si>
    <t>810.5552368164062</t>
  </si>
  <si>
    <t>0.021304641504393373</t>
  </si>
  <si>
    <t>20363</t>
  </si>
  <si>
    <t>15.388148307800293</t>
  </si>
  <si>
    <t>601.444091796875</t>
  </si>
  <si>
    <t>0.03132581945356705</t>
  </si>
  <si>
    <t>21153</t>
  </si>
  <si>
    <t>14.88062572479248</t>
  </si>
  <si>
    <t>340.53961181640625</t>
  </si>
  <si>
    <t>0.0380622108366353</t>
  </si>
  <si>
    <t>21996</t>
  </si>
  <si>
    <t>14.62661361694336</t>
  </si>
  <si>
    <t>381.5647888183594</t>
  </si>
  <si>
    <t>0.03907887924055409</t>
  </si>
  <si>
    <t>23028</t>
  </si>
  <si>
    <t>15.106765747070312</t>
  </si>
  <si>
    <t>550.2889404296875</t>
  </si>
  <si>
    <t>0.0458502481679961</t>
  </si>
  <si>
    <t>23952</t>
  </si>
  <si>
    <t>15.13193130493164</t>
  </si>
  <si>
    <t>457.3439025878906</t>
  </si>
  <si>
    <t>0.03934096086370964</t>
  </si>
  <si>
    <t>14.692370414733887</t>
  </si>
  <si>
    <t>562.7811889648438</t>
  </si>
  <si>
    <t>0.04366364458837069</t>
  </si>
  <si>
    <t>25722</t>
  </si>
  <si>
    <t>15.329402923583984</t>
  </si>
  <si>
    <t>475.255615234375</t>
  </si>
  <si>
    <t>0.027631184578250867</t>
  </si>
  <si>
    <t>14.710158348083496</t>
  </si>
  <si>
    <t>415.5863952636719</t>
  </si>
  <si>
    <t>0.013975442687060635</t>
  </si>
  <si>
    <t>26351</t>
  </si>
  <si>
    <t>14.794196128845215</t>
  </si>
  <si>
    <t>332.7348937988281</t>
  </si>
  <si>
    <t>0.010184125400444444</t>
  </si>
  <si>
    <t>27934</t>
  </si>
  <si>
    <t>15.327485084533691</t>
  </si>
  <si>
    <t>434.90869140625</t>
  </si>
  <si>
    <t>0.058338359952179175</t>
  </si>
  <si>
    <t>14.917054176330566</t>
  </si>
  <si>
    <t>399.1385498046875</t>
  </si>
  <si>
    <t>0.017916857689249</t>
  </si>
  <si>
    <t>14.649188041687012</t>
  </si>
  <si>
    <t>542.9378662109375</t>
  </si>
  <si>
    <t>-0.009077966299914308</t>
  </si>
  <si>
    <t>15.44289779663086</t>
  </si>
  <si>
    <t>609.6483154296875</t>
  </si>
  <si>
    <t>-0.053533137974092426</t>
  </si>
  <si>
    <t>15.108394622802734</t>
  </si>
  <si>
    <t>751.402099609375</t>
  </si>
  <si>
    <t>-0.015125229412065622</t>
  </si>
  <si>
    <t>26123</t>
  </si>
  <si>
    <t>15.344733238220215</t>
  </si>
  <si>
    <t>410.74169921875</t>
  </si>
  <si>
    <t>-0.00720895655618925</t>
  </si>
  <si>
    <t>15.063458442687988</t>
  </si>
  <si>
    <t>510.6674499511719</t>
  </si>
  <si>
    <t>-0.024843831771377722</t>
  </si>
  <si>
    <t>25175</t>
  </si>
  <si>
    <t>14.813316345214844</t>
  </si>
  <si>
    <t>504.6690368652344</t>
  </si>
  <si>
    <t>-0.01212088195456218</t>
  </si>
  <si>
    <t>26026</t>
  </si>
  <si>
    <t>15.367752075195312</t>
  </si>
  <si>
    <t>415.716796875</t>
  </si>
  <si>
    <t>0.03324459974993843</t>
  </si>
  <si>
    <t>15.79698657989502</t>
  </si>
  <si>
    <t>294.59283447265625</t>
  </si>
  <si>
    <t>0.04397386530964731</t>
  </si>
  <si>
    <t>15.408870697021484</t>
  </si>
  <si>
    <t>471.1213684082031</t>
  </si>
  <si>
    <t>-0.0006620811659061587</t>
  </si>
  <si>
    <t>27581</t>
  </si>
  <si>
    <t>15.991561889648438</t>
  </si>
  <si>
    <t>354.43865966796875</t>
  </si>
  <si>
    <t>0.014719307367624168</t>
  </si>
  <si>
    <t>28015</t>
  </si>
  <si>
    <t>14.833821296691895</t>
  </si>
  <si>
    <t>571.01220703125</t>
  </si>
  <si>
    <t>0.015612951151316778</t>
  </si>
  <si>
    <t>28655</t>
  </si>
  <si>
    <t>15.3712797164917</t>
  </si>
  <si>
    <t>359.9527893066406</t>
  </si>
  <si>
    <t>0.022587866986453875</t>
  </si>
  <si>
    <t>25619</t>
  </si>
  <si>
    <t>15.7411470413208</t>
  </si>
  <si>
    <t>419.09515380859375</t>
  </si>
  <si>
    <t>-0.11199368430312617</t>
  </si>
  <si>
    <t>27215</t>
  </si>
  <si>
    <t>15.64602279663086</t>
  </si>
  <si>
    <t>292.837890625</t>
  </si>
  <si>
    <t>0.06043402818558796</t>
  </si>
  <si>
    <t>16.100048065185547</t>
  </si>
  <si>
    <t>433.9709777832031</t>
  </si>
  <si>
    <t>0.04792366987215324</t>
  </si>
  <si>
    <t>24020</t>
  </si>
  <si>
    <t>13.234798431396484</t>
  </si>
  <si>
    <t>382.640380859375</t>
  </si>
  <si>
    <t>122.80937957763672</t>
  </si>
  <si>
    <t>Guadalajara</t>
  </si>
  <si>
    <t>24553</t>
  </si>
  <si>
    <t>12.642035484313965</t>
  </si>
  <si>
    <t>374.16400146484375</t>
  </si>
  <si>
    <t>0.021947229715598482</t>
  </si>
  <si>
    <t>24645</t>
  </si>
  <si>
    <t>12.831849098205566</t>
  </si>
  <si>
    <t>415.8246154785156</t>
  </si>
  <si>
    <t>0.0037399937899049718</t>
  </si>
  <si>
    <t>24250</t>
  </si>
  <si>
    <t>12.224581718444824</t>
  </si>
  <si>
    <t>502.2037353515625</t>
  </si>
  <si>
    <t>-0.01615742277384946</t>
  </si>
  <si>
    <t>24694</t>
  </si>
  <si>
    <t>13.259232521057129</t>
  </si>
  <si>
    <t>388.89581298828125</t>
  </si>
  <si>
    <t>0.018143681762060382</t>
  </si>
  <si>
    <t>25248</t>
  </si>
  <si>
    <t>13.754703521728516</t>
  </si>
  <si>
    <t>511.4376220703125</t>
  </si>
  <si>
    <t>0.02218664551791072</t>
  </si>
  <si>
    <t>25791</t>
  </si>
  <si>
    <t>12.735061645507812</t>
  </si>
  <si>
    <t>590.277587890625</t>
  </si>
  <si>
    <t>0.021278649196954547</t>
  </si>
  <si>
    <t>26612</t>
  </si>
  <si>
    <t>13.751358032226562</t>
  </si>
  <si>
    <t>590.37158203125</t>
  </si>
  <si>
    <t>0.031336648019223645</t>
  </si>
  <si>
    <t>13.141383171081543</t>
  </si>
  <si>
    <t>390.96826171875</t>
  </si>
  <si>
    <t>0.03804646434950598</t>
  </si>
  <si>
    <t>12.834274291992188</t>
  </si>
  <si>
    <t>429.0089111328125</t>
  </si>
  <si>
    <t>0.039089920899893826</t>
  </si>
  <si>
    <t>30095</t>
  </si>
  <si>
    <t>13.224310874938965</t>
  </si>
  <si>
    <t>579.104248046875</t>
  </si>
  <si>
    <t>0.04586041787069384</t>
  </si>
  <si>
    <t>13.18957805633545</t>
  </si>
  <si>
    <t>413.6120300292969</t>
  </si>
  <si>
    <t>0.05608161270305878</t>
  </si>
  <si>
    <t>32477</t>
  </si>
  <si>
    <t>13.089850425720215</t>
  </si>
  <si>
    <t>579.4718017578125</t>
  </si>
  <si>
    <t>0.020091488792797207</t>
  </si>
  <si>
    <t>13.56763744354248</t>
  </si>
  <si>
    <t>569.7713012695312</t>
  </si>
  <si>
    <t>-0.001355723516846652</t>
  </si>
  <si>
    <t>12.941147804260254</t>
  </si>
  <si>
    <t>472.2701721191406</t>
  </si>
  <si>
    <t>-0.015223358491200045</t>
  </si>
  <si>
    <t>33096</t>
  </si>
  <si>
    <t>13.066047668457031</t>
  </si>
  <si>
    <t>399.9510192871094</t>
  </si>
  <si>
    <t>0.03545936467156707</t>
  </si>
  <si>
    <t>32625</t>
  </si>
  <si>
    <t>13.622342109680176</t>
  </si>
  <si>
    <t>521.9144897460938</t>
  </si>
  <si>
    <t>-0.014333563516252923</t>
  </si>
  <si>
    <t>13.084784507751465</t>
  </si>
  <si>
    <t>516.2936401367188</t>
  </si>
  <si>
    <t>0.011489300047754725</t>
  </si>
  <si>
    <t>12.83160400390625</t>
  </si>
  <si>
    <t>600.8964233398438</t>
  </si>
  <si>
    <t>-0.001455516055372641</t>
  </si>
  <si>
    <t>30755</t>
  </si>
  <si>
    <t>13.487109184265137</t>
  </si>
  <si>
    <t>466.8594665527344</t>
  </si>
  <si>
    <t>-0.06906006697490952</t>
  </si>
  <si>
    <t>30880</t>
  </si>
  <si>
    <t>12.968281745910645</t>
  </si>
  <si>
    <t>605.3395385742188</t>
  </si>
  <si>
    <t>0.004056142496244419</t>
  </si>
  <si>
    <t>30641</t>
  </si>
  <si>
    <t>13.737326622009277</t>
  </si>
  <si>
    <t>392.18798828125</t>
  </si>
  <si>
    <t>-0.0077697437410435555</t>
  </si>
  <si>
    <t>29423</t>
  </si>
  <si>
    <t>13.13146686553955</t>
  </si>
  <si>
    <t>441.848876953125</t>
  </si>
  <si>
    <t>-0.04056229999298111</t>
  </si>
  <si>
    <t>13.033020973205566</t>
  </si>
  <si>
    <t>555.6240844726562</t>
  </si>
  <si>
    <t>-0.031556854525263134</t>
  </si>
  <si>
    <t>13.583697319030762</t>
  </si>
  <si>
    <t>487.61376953125</t>
  </si>
  <si>
    <t>-0.040699233807035995</t>
  </si>
  <si>
    <t>13.963176727294922</t>
  </si>
  <si>
    <t>431.0911560058594</t>
  </si>
  <si>
    <t>0.0002191780830695933</t>
  </si>
  <si>
    <t>13.47640323638916</t>
  </si>
  <si>
    <t>483.7188415527344</t>
  </si>
  <si>
    <t>0.047749510726195155</t>
  </si>
  <si>
    <t>30293</t>
  </si>
  <si>
    <t>14.130297660827637</t>
  </si>
  <si>
    <t>388.2257385253906</t>
  </si>
  <si>
    <t>0.0534273808235497</t>
  </si>
  <si>
    <t>31316</t>
  </si>
  <si>
    <t>13.26669979095459</t>
  </si>
  <si>
    <t>636.8837280273438</t>
  </si>
  <si>
    <t>0.03321248632260243</t>
  </si>
  <si>
    <t>31882</t>
  </si>
  <si>
    <t>13.726611137390137</t>
  </si>
  <si>
    <t>439.4308166503906</t>
  </si>
  <si>
    <t>0.017912438165787137</t>
  </si>
  <si>
    <t>14.006545066833496</t>
  </si>
  <si>
    <t>540.9451904296875</t>
  </si>
  <si>
    <t>-0.1019092851678991</t>
  </si>
  <si>
    <t>30587</t>
  </si>
  <si>
    <t>13.803181648254395</t>
  </si>
  <si>
    <t>462.7542419433594</t>
  </si>
  <si>
    <t>0.06044278004483594</t>
  </si>
  <si>
    <t>32089</t>
  </si>
  <si>
    <t>14.322611808776855</t>
  </si>
  <si>
    <t>471.7586364746094</t>
  </si>
  <si>
    <t>0.04793821019194233</t>
  </si>
  <si>
    <t>971</t>
  </si>
  <si>
    <t>22496</t>
  </si>
  <si>
    <t>18.39249610900879</t>
  </si>
  <si>
    <t>366.2078857421875</t>
  </si>
  <si>
    <t>244.47335815429688</t>
  </si>
  <si>
    <t>Huelva</t>
  </si>
  <si>
    <t>17.85584831237793</t>
  </si>
  <si>
    <t>439.6167297363281</t>
  </si>
  <si>
    <t>0.021982772132790984</t>
  </si>
  <si>
    <t>23082</t>
  </si>
  <si>
    <t>17.912588119506836</t>
  </si>
  <si>
    <t>388.9754333496094</t>
  </si>
  <si>
    <t>0.0037328052371687903</t>
  </si>
  <si>
    <t>17.3356876373291</t>
  </si>
  <si>
    <t>494.7229309082031</t>
  </si>
  <si>
    <t>-0.0162037043847576</t>
  </si>
  <si>
    <t>23128</t>
  </si>
  <si>
    <t>18.247936248779297</t>
  </si>
  <si>
    <t>346.4839172363281</t>
  </si>
  <si>
    <t>0.01819461610058859</t>
  </si>
  <si>
    <t>18.811368942260742</t>
  </si>
  <si>
    <t>744.3473510742188</t>
  </si>
  <si>
    <t>0.022149962726876637</t>
  </si>
  <si>
    <t>24155</t>
  </si>
  <si>
    <t>17.836803436279297</t>
  </si>
  <si>
    <t>784.4671020507812</t>
  </si>
  <si>
    <t>0.02129743056544875</t>
  </si>
  <si>
    <t>24924</t>
  </si>
  <si>
    <t>18.713747024536133</t>
  </si>
  <si>
    <t>676.9761962890625</t>
  </si>
  <si>
    <t>0.0313397966756046</t>
  </si>
  <si>
    <t>25891</t>
  </si>
  <si>
    <t>18.230863571166992</t>
  </si>
  <si>
    <t>363.6684875488281</t>
  </si>
  <si>
    <t>0.03806422328726633</t>
  </si>
  <si>
    <t>17.88738250732422</t>
  </si>
  <si>
    <t>447.44732666015625</t>
  </si>
  <si>
    <t>0.0390483782526605</t>
  </si>
  <si>
    <t>28186</t>
  </si>
  <si>
    <t>18.407493591308594</t>
  </si>
  <si>
    <t>706.9298095703125</t>
  </si>
  <si>
    <t>0.045881604547417965</t>
  </si>
  <si>
    <t>27736</t>
  </si>
  <si>
    <t>18.391910552978516</t>
  </si>
  <si>
    <t>524.7095947265625</t>
  </si>
  <si>
    <t>-0.01609419238659804</t>
  </si>
  <si>
    <t>17.927579879760742</t>
  </si>
  <si>
    <t>614.688232421875</t>
  </si>
  <si>
    <t>0.008007942964178838</t>
  </si>
  <si>
    <t>28735</t>
  </si>
  <si>
    <t>18.653268814086914</t>
  </si>
  <si>
    <t>585.7610473632812</t>
  </si>
  <si>
    <t>0.02737674061280515</t>
  </si>
  <si>
    <t>29851</t>
  </si>
  <si>
    <t>18.060335159301758</t>
  </si>
  <si>
    <t>426.38238525390625</t>
  </si>
  <si>
    <t>0.03810244815528563</t>
  </si>
  <si>
    <t>30651</t>
  </si>
  <si>
    <t>18.15615463256836</t>
  </si>
  <si>
    <t>386.98370361328125</t>
  </si>
  <si>
    <t>0.026446948162405448</t>
  </si>
  <si>
    <t>18.689790725708008</t>
  </si>
  <si>
    <t>584.7315063476562</t>
  </si>
  <si>
    <t>-0.010132396951496148</t>
  </si>
  <si>
    <t>18.19603729248047</t>
  </si>
  <si>
    <t>420.9071960449219</t>
  </si>
  <si>
    <t>-0.0033012046354237157</t>
  </si>
  <si>
    <t>29961</t>
  </si>
  <si>
    <t>17.948495864868164</t>
  </si>
  <si>
    <t>557.7636108398438</t>
  </si>
  <si>
    <t>-0.009335150761369704</t>
  </si>
  <si>
    <t>27356</t>
  </si>
  <si>
    <t>18.83680534362793</t>
  </si>
  <si>
    <t>666.8502807617188</t>
  </si>
  <si>
    <t>-0.0909606526932567</t>
  </si>
  <si>
    <t>27799</t>
  </si>
  <si>
    <t>18.504545211791992</t>
  </si>
  <si>
    <t>898.4370727539062</t>
  </si>
  <si>
    <t>0.01606416559073942</t>
  </si>
  <si>
    <t>18.733596801757812</t>
  </si>
  <si>
    <t>510.10186767578125</t>
  </si>
  <si>
    <t>0.02781208667576962</t>
  </si>
  <si>
    <t>27699</t>
  </si>
  <si>
    <t>18.406583786010742</t>
  </si>
  <si>
    <t>522.5323486328125</t>
  </si>
  <si>
    <t>-0.03141582404375853</t>
  </si>
  <si>
    <t>25662</t>
  </si>
  <si>
    <t>18.13457489013672</t>
  </si>
  <si>
    <t>605.2697143554688</t>
  </si>
  <si>
    <t>-0.07638501298577438</t>
  </si>
  <si>
    <t>25576</t>
  </si>
  <si>
    <t>18.63287925720215</t>
  </si>
  <si>
    <t>553.6015014648438</t>
  </si>
  <si>
    <t>-0.0033568867152862225</t>
  </si>
  <si>
    <t>26940</t>
  </si>
  <si>
    <t>19.098087310791016</t>
  </si>
  <si>
    <t>354.9891662597656</t>
  </si>
  <si>
    <t>0.0519577592246776</t>
  </si>
  <si>
    <t>27938</t>
  </si>
  <si>
    <t>18.727581024169922</t>
  </si>
  <si>
    <t>509.43670654296875</t>
  </si>
  <si>
    <t>0.036375598323141745</t>
  </si>
  <si>
    <t>29790</t>
  </si>
  <si>
    <t>19.35849952697754</t>
  </si>
  <si>
    <t>407.298828125</t>
  </si>
  <si>
    <t>0.06418499741983119</t>
  </si>
  <si>
    <t>31043</t>
  </si>
  <si>
    <t>18.159788131713867</t>
  </si>
  <si>
    <t>614.2332153320312</t>
  </si>
  <si>
    <t>0.04120057340410277</t>
  </si>
  <si>
    <t>18.746068954467773</t>
  </si>
  <si>
    <t>360.70489501953125</t>
  </si>
  <si>
    <t>-0.019057487335437884</t>
  </si>
  <si>
    <t>19.039194107055664</t>
  </si>
  <si>
    <t>482.353271484375</t>
  </si>
  <si>
    <t>-0.1170404608570852</t>
  </si>
  <si>
    <t>18.930797576904297</t>
  </si>
  <si>
    <t>322.3763122558594</t>
  </si>
  <si>
    <t>0.060474799811212065</t>
  </si>
  <si>
    <t>30195</t>
  </si>
  <si>
    <t>19.403806686401367</t>
  </si>
  <si>
    <t>532.9763793945312</t>
  </si>
  <si>
    <t>0.047926156011881105</t>
  </si>
  <si>
    <t>27842</t>
  </si>
  <si>
    <t>13.011496543884277</t>
  </si>
  <si>
    <t>566.03515625</t>
  </si>
  <si>
    <t>99.96827697753906</t>
  </si>
  <si>
    <t>Huesca</t>
  </si>
  <si>
    <t>12.18121337890625</t>
  </si>
  <si>
    <t>642.5103759765625</t>
  </si>
  <si>
    <t>0.02195392069533142</t>
  </si>
  <si>
    <t>28567</t>
  </si>
  <si>
    <t>12.576481819152832</t>
  </si>
  <si>
    <t>749.2119750976562</t>
  </si>
  <si>
    <t>0.003752612817274681</t>
  </si>
  <si>
    <t>28108</t>
  </si>
  <si>
    <t>12.294422149658203</t>
  </si>
  <si>
    <t>579.1480102539062</t>
  </si>
  <si>
    <t>-0.016197972149029738</t>
  </si>
  <si>
    <t>28624</t>
  </si>
  <si>
    <t>13.39299488067627</t>
  </si>
  <si>
    <t>663.9249267578125</t>
  </si>
  <si>
    <t>0.018191293436412792</t>
  </si>
  <si>
    <t>13.27164077758789</t>
  </si>
  <si>
    <t>640.575927734375</t>
  </si>
  <si>
    <t>0.022180905903869785</t>
  </si>
  <si>
    <t>29895</t>
  </si>
  <si>
    <t>12.28845500946045</t>
  </si>
  <si>
    <t>949.466064453125</t>
  </si>
  <si>
    <t>0.02126480966263422</t>
  </si>
  <si>
    <t>13.583319664001465</t>
  </si>
  <si>
    <t>723.5722045898438</t>
  </si>
  <si>
    <t>0.031348258557375885</t>
  </si>
  <si>
    <t>32043</t>
  </si>
  <si>
    <t>12.796942710876465</t>
  </si>
  <si>
    <t>522.2579345703125</t>
  </si>
  <si>
    <t>0.03803924988542384</t>
  </si>
  <si>
    <t>33320</t>
  </si>
  <si>
    <t>12.96835994720459</t>
  </si>
  <si>
    <t>688.9907836914062</t>
  </si>
  <si>
    <t>0.03907906652297477</t>
  </si>
  <si>
    <t>34884</t>
  </si>
  <si>
    <t>13.539694786071777</t>
  </si>
  <si>
    <t>728.5885620117188</t>
  </si>
  <si>
    <t>0.04587045406609569</t>
  </si>
  <si>
    <t>37172</t>
  </si>
  <si>
    <t>13.011292457580566</t>
  </si>
  <si>
    <t>553.48876953125</t>
  </si>
  <si>
    <t>0.06352751833035519</t>
  </si>
  <si>
    <t>38302</t>
  </si>
  <si>
    <t>13.134063720703125</t>
  </si>
  <si>
    <t>738.060546875</t>
  </si>
  <si>
    <t>0.029946324449273476</t>
  </si>
  <si>
    <t>39050</t>
  </si>
  <si>
    <t>13.604598045349121</t>
  </si>
  <si>
    <t>853.7755126953125</t>
  </si>
  <si>
    <t>0.019340762141327517</t>
  </si>
  <si>
    <t>39187</t>
  </si>
  <si>
    <t>12.796502113342285</t>
  </si>
  <si>
    <t>631.9590454101562</t>
  </si>
  <si>
    <t>0.0035021828553922774</t>
  </si>
  <si>
    <t>39064</t>
  </si>
  <si>
    <t>12.51008129119873</t>
  </si>
  <si>
    <t>645.3153076171875</t>
  </si>
  <si>
    <t>-0.0031437323817282703</t>
  </si>
  <si>
    <t>40180</t>
  </si>
  <si>
    <t>13.793116569519043</t>
  </si>
  <si>
    <t>395.9956970214844</t>
  </si>
  <si>
    <t>0.028168032627430506</t>
  </si>
  <si>
    <t>42420</t>
  </si>
  <si>
    <t>12.996394157409668</t>
  </si>
  <si>
    <t>552.8661499023438</t>
  </si>
  <si>
    <t>0.05425058974974739</t>
  </si>
  <si>
    <t>43809</t>
  </si>
  <si>
    <t>12.646025657653809</t>
  </si>
  <si>
    <t>860.3094482421875</t>
  </si>
  <si>
    <t>0.03221932658990845</t>
  </si>
  <si>
    <t>40906</t>
  </si>
  <si>
    <t>13.340386390686035</t>
  </si>
  <si>
    <t>673.7308349609375</t>
  </si>
  <si>
    <t>-0.0685625241704706</t>
  </si>
  <si>
    <t>41759</t>
  </si>
  <si>
    <t>12.465144157409668</t>
  </si>
  <si>
    <t>650.9710693359375</t>
  </si>
  <si>
    <t>0.020638245371536357</t>
  </si>
  <si>
    <t>13.730002403259277</t>
  </si>
  <si>
    <t>588.4503173828125</t>
  </si>
  <si>
    <t>-0.006655398720823769</t>
  </si>
  <si>
    <t>39611</t>
  </si>
  <si>
    <t>13.1110258102417</t>
  </si>
  <si>
    <t>627.3027954101562</t>
  </si>
  <si>
    <t>-0.0461527407415776</t>
  </si>
  <si>
    <t>12.865944862365723</t>
  </si>
  <si>
    <t>830.5093383789062</t>
  </si>
  <si>
    <t>0.028201732117194567</t>
  </si>
  <si>
    <t>40542</t>
  </si>
  <si>
    <t>13.761550903320312</t>
  </si>
  <si>
    <t>778.8685913085938</t>
  </si>
  <si>
    <t>-0.004970115784210805</t>
  </si>
  <si>
    <t>13.828476905822754</t>
  </si>
  <si>
    <t>538.5963745117188</t>
  </si>
  <si>
    <t>0.006098479531374323</t>
  </si>
  <si>
    <t>44377</t>
  </si>
  <si>
    <t>13.268081665039062</t>
  </si>
  <si>
    <t>653.31884765625</t>
  </si>
  <si>
    <t>0.08428436387300664</t>
  </si>
  <si>
    <t>44307</t>
  </si>
  <si>
    <t>13.87281322479248</t>
  </si>
  <si>
    <t>577.4866943359375</t>
  </si>
  <si>
    <t>-0.0015786390901908476</t>
  </si>
  <si>
    <t>44370</t>
  </si>
  <si>
    <t>13.586901664733887</t>
  </si>
  <si>
    <t>856.741455078125</t>
  </si>
  <si>
    <t>0.0014208872785346216</t>
  </si>
  <si>
    <t>44935</t>
  </si>
  <si>
    <t>13.897208213806152</t>
  </si>
  <si>
    <t>696.6396484375</t>
  </si>
  <si>
    <t>0.01265343571951938</t>
  </si>
  <si>
    <t>42981</t>
  </si>
  <si>
    <t>13.854659080505371</t>
  </si>
  <si>
    <t>769.973388671875</t>
  </si>
  <si>
    <t>-0.044458843530993164</t>
  </si>
  <si>
    <t>45659</t>
  </si>
  <si>
    <t>13.382080078125</t>
  </si>
  <si>
    <t>590.5398559570312</t>
  </si>
  <si>
    <t>0.0604425822750283</t>
  </si>
  <si>
    <t>14.677931785583496</t>
  </si>
  <si>
    <t>577.16650390625</t>
  </si>
  <si>
    <t>0.04793564117130167</t>
  </si>
  <si>
    <t>18026</t>
  </si>
  <si>
    <t>16.075532913208008</t>
  </si>
  <si>
    <t>337.8588562011719</t>
  </si>
  <si>
    <t>217.41546630859375</t>
  </si>
  <si>
    <t>JaÔøΩn</t>
  </si>
  <si>
    <t>18426</t>
  </si>
  <si>
    <t>15.484986305236816</t>
  </si>
  <si>
    <t>464.922119140625</t>
  </si>
  <si>
    <t>0.021947550552521733</t>
  </si>
  <si>
    <t>15.543519020080566</t>
  </si>
  <si>
    <t>411.2223205566406</t>
  </si>
  <si>
    <t>0.0037377145976780213</t>
  </si>
  <si>
    <t>18198</t>
  </si>
  <si>
    <t>15.011090278625488</t>
  </si>
  <si>
    <t>462.6717529296875</t>
  </si>
  <si>
    <t>-0.016188727349918608</t>
  </si>
  <si>
    <t>18532</t>
  </si>
  <si>
    <t>15.98147201538086</t>
  </si>
  <si>
    <t>276.2725524902344</t>
  </si>
  <si>
    <t>0.01818726961990258</t>
  </si>
  <si>
    <t>18948</t>
  </si>
  <si>
    <t>16.47314453125</t>
  </si>
  <si>
    <t>508.17889404296875</t>
  </si>
  <si>
    <t>0.022199417507103192</t>
  </si>
  <si>
    <t>19355</t>
  </si>
  <si>
    <t>15.487579345703125</t>
  </si>
  <si>
    <t>764.1351318359375</t>
  </si>
  <si>
    <t>0.021252398968107045</t>
  </si>
  <si>
    <t>16.452640533447266</t>
  </si>
  <si>
    <t>567.4415283203125</t>
  </si>
  <si>
    <t>0.03138050860875019</t>
  </si>
  <si>
    <t>20746</t>
  </si>
  <si>
    <t>15.876004219055176</t>
  </si>
  <si>
    <t>361.23284912109375</t>
  </si>
  <si>
    <t>0.0380221643712737</t>
  </si>
  <si>
    <t>21573</t>
  </si>
  <si>
    <t>15.574667930603027</t>
  </si>
  <si>
    <t>396.84014892578125</t>
  </si>
  <si>
    <t>0.03908907577883092</t>
  </si>
  <si>
    <t>22585</t>
  </si>
  <si>
    <t>16.02643394470215</t>
  </si>
  <si>
    <t>549.1162719726562</t>
  </si>
  <si>
    <t>0.04584343631810128</t>
  </si>
  <si>
    <t>23468</t>
  </si>
  <si>
    <t>16.014036178588867</t>
  </si>
  <si>
    <t>470.2920227050781</t>
  </si>
  <si>
    <t>0.03835182195704512</t>
  </si>
  <si>
    <t>23506</t>
  </si>
  <si>
    <t>15.81992244720459</t>
  </si>
  <si>
    <t>541.9736328125</t>
  </si>
  <si>
    <t>0.0016179166470493556</t>
  </si>
  <si>
    <t>16.27060317993164</t>
  </si>
  <si>
    <t>478.2961730957031</t>
  </si>
  <si>
    <t>0.09544166563304834</t>
  </si>
  <si>
    <t>25844</t>
  </si>
  <si>
    <t>15.692200660705566</t>
  </si>
  <si>
    <t>427.88934326171875</t>
  </si>
  <si>
    <t>-0.0006189076477909339</t>
  </si>
  <si>
    <t>25397</t>
  </si>
  <si>
    <t>15.764403343200684</t>
  </si>
  <si>
    <t>346.4130859375</t>
  </si>
  <si>
    <t>-0.01744740888321239</t>
  </si>
  <si>
    <t>26157</t>
  </si>
  <si>
    <t>16.29367446899414</t>
  </si>
  <si>
    <t>446.3089599609375</t>
  </si>
  <si>
    <t>0.029485784301080287</t>
  </si>
  <si>
    <t>15.889347076416016</t>
  </si>
  <si>
    <t>425.0902404785156</t>
  </si>
  <si>
    <t>0.04001882770523579</t>
  </si>
  <si>
    <t>26936</t>
  </si>
  <si>
    <t>15.613578796386719</t>
  </si>
  <si>
    <t>555.8538818359375</t>
  </si>
  <si>
    <t>-0.010671986960250734</t>
  </si>
  <si>
    <t>26249</t>
  </si>
  <si>
    <t>16.336532592773438</t>
  </si>
  <si>
    <t>577.8417358398438</t>
  </si>
  <si>
    <t>-0.025835788784878133</t>
  </si>
  <si>
    <t>26244</t>
  </si>
  <si>
    <t>16.010927200317383</t>
  </si>
  <si>
    <t>733.5633544921875</t>
  </si>
  <si>
    <t>-0.0001905015912644359</t>
  </si>
  <si>
    <t>26153</t>
  </si>
  <si>
    <t>16.358877182006836</t>
  </si>
  <si>
    <t>398.1339111328125</t>
  </si>
  <si>
    <t>-0.003473484798503179</t>
  </si>
  <si>
    <t>23429</t>
  </si>
  <si>
    <t>15.914706230163574</t>
  </si>
  <si>
    <t>489.4984436035156</t>
  </si>
  <si>
    <t>-0.1099893353996233</t>
  </si>
  <si>
    <t>25044</t>
  </si>
  <si>
    <t>15.769927024841309</t>
  </si>
  <si>
    <t>512.7203369140625</t>
  </si>
  <si>
    <t>0.06665970659856058</t>
  </si>
  <si>
    <t>16.278614044189453</t>
  </si>
  <si>
    <t>430.13323974609375</t>
  </si>
  <si>
    <t>-0.041997284274538416</t>
  </si>
  <si>
    <t>26973</t>
  </si>
  <si>
    <t>16.65827178955078</t>
  </si>
  <si>
    <t>310.76898193359375</t>
  </si>
  <si>
    <t>0.1161993720622192</t>
  </si>
  <si>
    <t>26571</t>
  </si>
  <si>
    <t>16.276042938232422</t>
  </si>
  <si>
    <t>471.5680236816406</t>
  </si>
  <si>
    <t>-0.015015970175189963</t>
  </si>
  <si>
    <t>16.857675552368164</t>
  </si>
  <si>
    <t>350.6361083984375</t>
  </si>
  <si>
    <t>0.01523839010493333</t>
  </si>
  <si>
    <t>28159</t>
  </si>
  <si>
    <t>15.915329933166504</t>
  </si>
  <si>
    <t>582.2380981445312</t>
  </si>
  <si>
    <t>0.04280823369517428</t>
  </si>
  <si>
    <t>26938</t>
  </si>
  <si>
    <t>16.37912940979004</t>
  </si>
  <si>
    <t>361.21685791015625</t>
  </si>
  <si>
    <t>-0.044329090119040515</t>
  </si>
  <si>
    <t>25423</t>
  </si>
  <si>
    <t>16.75087547302246</t>
  </si>
  <si>
    <t>442.5289611816406</t>
  </si>
  <si>
    <t>-0.05788365306960408</t>
  </si>
  <si>
    <t>27007</t>
  </si>
  <si>
    <t>16.53372573852539</t>
  </si>
  <si>
    <t>332.31243896484375</t>
  </si>
  <si>
    <t>0.06044181555469663</t>
  </si>
  <si>
    <t>28333</t>
  </si>
  <si>
    <t>451.36187744140625</t>
  </si>
  <si>
    <t>0.04793111138540418</t>
  </si>
  <si>
    <t>974</t>
  </si>
  <si>
    <t>22079</t>
  </si>
  <si>
    <t>14.133177757263184</t>
  </si>
  <si>
    <t>1199.1851806640625</t>
  </si>
  <si>
    <t>490.55804443359375</t>
  </si>
  <si>
    <t>La Corunna</t>
  </si>
  <si>
    <t>22569</t>
  </si>
  <si>
    <t>13.206284523010254</t>
  </si>
  <si>
    <t>1192.1197509765625</t>
  </si>
  <si>
    <t>0.02195035271798851</t>
  </si>
  <si>
    <t>22653</t>
  </si>
  <si>
    <t>13.663453102111816</t>
  </si>
  <si>
    <t>1131.697265625</t>
  </si>
  <si>
    <t>0.0037150102432050858</t>
  </si>
  <si>
    <t>22290</t>
  </si>
  <si>
    <t>13.097413063049316</t>
  </si>
  <si>
    <t>1609.9888916015625</t>
  </si>
  <si>
    <t>-0.016154146091620802</t>
  </si>
  <si>
    <t>22699</t>
  </si>
  <si>
    <t>14.017359733581543</t>
  </si>
  <si>
    <t>1503.0545654296875</t>
  </si>
  <si>
    <t>0.01818272325578718</t>
  </si>
  <si>
    <t>23208</t>
  </si>
  <si>
    <t>14.43581485748291</t>
  </si>
  <si>
    <t>1739.744140625</t>
  </si>
  <si>
    <t>0.022176176165537242</t>
  </si>
  <si>
    <t>23707</t>
  </si>
  <si>
    <t>13.191720008850098</t>
  </si>
  <si>
    <t>1733.72265625</t>
  </si>
  <si>
    <t>0.021273316361993366</t>
  </si>
  <si>
    <t>24462</t>
  </si>
  <si>
    <t>14.620835304260254</t>
  </si>
  <si>
    <t>1723.1378173828125</t>
  </si>
  <si>
    <t>0.03135052988407594</t>
  </si>
  <si>
    <t>25410</t>
  </si>
  <si>
    <t>13.819461822509766</t>
  </si>
  <si>
    <t>1288.0433349609375</t>
  </si>
  <si>
    <t>0.03802190426690011</t>
  </si>
  <si>
    <t>13.825797080993652</t>
  </si>
  <si>
    <t>1588.271484375</t>
  </si>
  <si>
    <t>0.03909204565640678</t>
  </si>
  <si>
    <t>27663</t>
  </si>
  <si>
    <t>14.076111793518066</t>
  </si>
  <si>
    <t>2291.9287109375</t>
  </si>
  <si>
    <t>0.04586093723663609</t>
  </si>
  <si>
    <t>28487</t>
  </si>
  <si>
    <t>13.643301963806152</t>
  </si>
  <si>
    <t>1335.30859375</t>
  </si>
  <si>
    <t>0.029352062634956155</t>
  </si>
  <si>
    <t>13.777690887451172</t>
  </si>
  <si>
    <t>1909.5281982421875</t>
  </si>
  <si>
    <t>0.044120511637594007</t>
  </si>
  <si>
    <t>30555</t>
  </si>
  <si>
    <t>14.32515811920166</t>
  </si>
  <si>
    <t>1525.4315185546875</t>
  </si>
  <si>
    <t>0.02595998384921394</t>
  </si>
  <si>
    <t>31556</t>
  </si>
  <si>
    <t>13.696995735168457</t>
  </si>
  <si>
    <t>1055.911376953125</t>
  </si>
  <si>
    <t>0.032235406885964935</t>
  </si>
  <si>
    <t>13.78803539276123</t>
  </si>
  <si>
    <t>1217.465087890625</t>
  </si>
  <si>
    <t>0.03768868418419835</t>
  </si>
  <si>
    <t>33788</t>
  </si>
  <si>
    <t>14.60163402557373</t>
  </si>
  <si>
    <t>1723.6173095703125</t>
  </si>
  <si>
    <t>0.03065328044820781</t>
  </si>
  <si>
    <t>13.743614196777344</t>
  </si>
  <si>
    <t>1186.97216796875</t>
  </si>
  <si>
    <t>0.043437252937389204</t>
  </si>
  <si>
    <t>35761</t>
  </si>
  <si>
    <t>13.447831153869629</t>
  </si>
  <si>
    <t>1569.39501953125</t>
  </si>
  <si>
    <t>0.013314951317498824</t>
  </si>
  <si>
    <t>34914</t>
  </si>
  <si>
    <t>14.079703330993652</t>
  </si>
  <si>
    <t>1595.5482177734375</t>
  </si>
  <si>
    <t>-0.023970019217550487</t>
  </si>
  <si>
    <t>35246</t>
  </si>
  <si>
    <t>13.423993110656738</t>
  </si>
  <si>
    <t>1770.480224609375</t>
  </si>
  <si>
    <t>0.009464152739589338</t>
  </si>
  <si>
    <t>34365</t>
  </si>
  <si>
    <t>14.675169944763184</t>
  </si>
  <si>
    <t>1026.7147216796875</t>
  </si>
  <si>
    <t>-0.025313443068608166</t>
  </si>
  <si>
    <t>33012</t>
  </si>
  <si>
    <t>13.876007080078125</t>
  </si>
  <si>
    <t>1446.8768310546875</t>
  </si>
  <si>
    <t>-0.04016747284313027</t>
  </si>
  <si>
    <t>32926</t>
  </si>
  <si>
    <t>13.794254302978516</t>
  </si>
  <si>
    <t>1827.304931640625</t>
  </si>
  <si>
    <t>-0.0026085125046080293</t>
  </si>
  <si>
    <t>32850</t>
  </si>
  <si>
    <t>14.53128433227539</t>
  </si>
  <si>
    <t>1558.10595703125</t>
  </si>
  <si>
    <t>-0.0023108742952100414</t>
  </si>
  <si>
    <t>14.491826057434082</t>
  </si>
  <si>
    <t>1405.5916748046875</t>
  </si>
  <si>
    <t>0.049036564193867704</t>
  </si>
  <si>
    <t>13.913348197937012</t>
  </si>
  <si>
    <t>1409.660400390625</t>
  </si>
  <si>
    <t>0.035506014394657726</t>
  </si>
  <si>
    <t>36261</t>
  </si>
  <si>
    <t>14.672101020812988</t>
  </si>
  <si>
    <t>1169.0401611328125</t>
  </si>
  <si>
    <t>0.014248460026283993</t>
  </si>
  <si>
    <t>14.01998519897461</t>
  </si>
  <si>
    <t>1743.6883544921875</t>
  </si>
  <si>
    <t>0.028706203350507664</t>
  </si>
  <si>
    <t>37536</t>
  </si>
  <si>
    <t>14.490455627441406</t>
  </si>
  <si>
    <t>1643.8511962890625</t>
  </si>
  <si>
    <t>0.005851485575128379</t>
  </si>
  <si>
    <t>14.597100257873535</t>
  </si>
  <si>
    <t>1581.4661865234375</t>
  </si>
  <si>
    <t>-0.1080994150526049</t>
  </si>
  <si>
    <t>14.199427604675293</t>
  </si>
  <si>
    <t>1424.8914794921875</t>
  </si>
  <si>
    <t>0.06043952620354531</t>
  </si>
  <si>
    <t>15.108593940734863</t>
  </si>
  <si>
    <t>1506.0133056640625</t>
  </si>
  <si>
    <t>0.04792626428016433</t>
  </si>
  <si>
    <t>19.191665649414062</t>
  </si>
  <si>
    <t>416.3000183105469</t>
  </si>
  <si>
    <t>46.0605583190918</t>
  </si>
  <si>
    <t>La Gomera</t>
  </si>
  <si>
    <t>21524</t>
  </si>
  <si>
    <t>18.349998474121094</t>
  </si>
  <si>
    <t>329.8000183105469</t>
  </si>
  <si>
    <t>0.021983036484266805</t>
  </si>
  <si>
    <t>18.408334732055664</t>
  </si>
  <si>
    <t>229.0</t>
  </si>
  <si>
    <t>0.0037098911034707527</t>
  </si>
  <si>
    <t>21257</t>
  </si>
  <si>
    <t>18.0916690826416</t>
  </si>
  <si>
    <t>473.6000671386719</t>
  </si>
  <si>
    <t>-0.01619222983965507</t>
  </si>
  <si>
    <t>18.666667938232422</t>
  </si>
  <si>
    <t>235.3000030517578</t>
  </si>
  <si>
    <t>0.018180623826729914</t>
  </si>
  <si>
    <t>22133</t>
  </si>
  <si>
    <t>19.299999237060547</t>
  </si>
  <si>
    <t>410.6000061035156</t>
  </si>
  <si>
    <t>0.02220283074218976</t>
  </si>
  <si>
    <t>22608</t>
  </si>
  <si>
    <t>18.591665267944336</t>
  </si>
  <si>
    <t>547.800048828125</t>
  </si>
  <si>
    <t>0.021234118482263753</t>
  </si>
  <si>
    <t>23328</t>
  </si>
  <si>
    <t>19.28333282470703</t>
  </si>
  <si>
    <t>302.8000183105469</t>
  </si>
  <si>
    <t>19.383333206176758</t>
  </si>
  <si>
    <t>322.1000061035156</t>
  </si>
  <si>
    <t>0.03806098479232922</t>
  </si>
  <si>
    <t>25199</t>
  </si>
  <si>
    <t>18.73333168029785</t>
  </si>
  <si>
    <t>330.1000061035156</t>
  </si>
  <si>
    <t>0.03908897057174521</t>
  </si>
  <si>
    <t>26382</t>
  </si>
  <si>
    <t>19.058332443237305</t>
  </si>
  <si>
    <t>189.30001831054688</t>
  </si>
  <si>
    <t>0.04587764823640583</t>
  </si>
  <si>
    <t>19.633333206176758</t>
  </si>
  <si>
    <t>494.10003662109375</t>
  </si>
  <si>
    <t>0.02337710411212157</t>
  </si>
  <si>
    <t>28612</t>
  </si>
  <si>
    <t>19.19999885559082</t>
  </si>
  <si>
    <t>548.0000610351562</t>
  </si>
  <si>
    <t>0.05776714670728822</t>
  </si>
  <si>
    <t>19.16666603088379</t>
  </si>
  <si>
    <t>244.49998474121094</t>
  </si>
  <si>
    <t>-0.014291488976089894</t>
  </si>
  <si>
    <t>27831</t>
  </si>
  <si>
    <t>18.808332443237305</t>
  </si>
  <si>
    <t>404.4999694824219</t>
  </si>
  <si>
    <t>-0.013384213930804023</t>
  </si>
  <si>
    <t>30440</t>
  </si>
  <si>
    <t>18.858335494995117</t>
  </si>
  <si>
    <t>0.0896070256542405</t>
  </si>
  <si>
    <t>30683</t>
  </si>
  <si>
    <t>0.007951222297428728</t>
  </si>
  <si>
    <t>30133</t>
  </si>
  <si>
    <t>18.91666603088379</t>
  </si>
  <si>
    <t>287.29998779296875</t>
  </si>
  <si>
    <t>-0.01808783856897911</t>
  </si>
  <si>
    <t>30682</t>
  </si>
  <si>
    <t>18.816667556762695</t>
  </si>
  <si>
    <t>352.20001220703125</t>
  </si>
  <si>
    <t>0.018055246700647842</t>
  </si>
  <si>
    <t>19.475000381469727</t>
  </si>
  <si>
    <t>297.3999938964844</t>
  </si>
  <si>
    <t>-0.022678801763094114</t>
  </si>
  <si>
    <t>29880</t>
  </si>
  <si>
    <t>19.674997329711914</t>
  </si>
  <si>
    <t>524.5999755859375</t>
  </si>
  <si>
    <t>-0.003808001394871141</t>
  </si>
  <si>
    <t>19.049999237060547</t>
  </si>
  <si>
    <t>168.50001525878906</t>
  </si>
  <si>
    <t>-0.003688185236931929</t>
  </si>
  <si>
    <t>19.391664505004883</t>
  </si>
  <si>
    <t>285.9000244140625</t>
  </si>
  <si>
    <t>0.04723738125500354</t>
  </si>
  <si>
    <t>19.366668701171875</t>
  </si>
  <si>
    <t>441.1999816894531</t>
  </si>
  <si>
    <t>-0.02692114326443118</t>
  </si>
  <si>
    <t>30439</t>
  </si>
  <si>
    <t>454.9000244140625</t>
  </si>
  <si>
    <t>0.0019072679244356294</t>
  </si>
  <si>
    <t>19.333335876464844</t>
  </si>
  <si>
    <t>268.79998779296875</t>
  </si>
  <si>
    <t>-0.010435681377284567</t>
  </si>
  <si>
    <t>19.241668701171875</t>
  </si>
  <si>
    <t>365.29998779296875</t>
  </si>
  <si>
    <t>-0.10030887564507651</t>
  </si>
  <si>
    <t>28524</t>
  </si>
  <si>
    <t>19.724998474121094</t>
  </si>
  <si>
    <t>262.9999694824219</t>
  </si>
  <si>
    <t>0.045765714245725064</t>
  </si>
  <si>
    <t>18.583332061767578</t>
  </si>
  <si>
    <t>400.1000061035156</t>
  </si>
  <si>
    <t>-0.008449564424061862</t>
  </si>
  <si>
    <t>28043</t>
  </si>
  <si>
    <t>19.33333396911621</t>
  </si>
  <si>
    <t>236.09999084472656</t>
  </si>
  <si>
    <t>-0.008557227284363478</t>
  </si>
  <si>
    <t>23096</t>
  </si>
  <si>
    <t>19.68333625793457</t>
  </si>
  <si>
    <t>347.10003662109375</t>
  </si>
  <si>
    <t>-0.19407960409699854</t>
  </si>
  <si>
    <t>24535</t>
  </si>
  <si>
    <t>19.308332443237305</t>
  </si>
  <si>
    <t>240.1999969482422</t>
  </si>
  <si>
    <t>0.060441227181232904</t>
  </si>
  <si>
    <t>25740</t>
  </si>
  <si>
    <t>19.600000381469727</t>
  </si>
  <si>
    <t>245.5</t>
  </si>
  <si>
    <t>0.04794553262611423</t>
  </si>
  <si>
    <t>19881</t>
  </si>
  <si>
    <t>17.125001907348633</t>
  </si>
  <si>
    <t>582.800048828125</t>
  </si>
  <si>
    <t>94.72140502929688</t>
  </si>
  <si>
    <t>La Palma</t>
  </si>
  <si>
    <t>20323</t>
  </si>
  <si>
    <t>16.325002670288086</t>
  </si>
  <si>
    <t>391.70001220703125</t>
  </si>
  <si>
    <t>0.021988747833969313</t>
  </si>
  <si>
    <t>20399</t>
  </si>
  <si>
    <t>16.366666793823242</t>
  </si>
  <si>
    <t>248.10000610351562</t>
  </si>
  <si>
    <t>0.003732630432658368</t>
  </si>
  <si>
    <t>20071</t>
  </si>
  <si>
    <t>503.3999938964844</t>
  </si>
  <si>
    <t>-0.016209892863471964</t>
  </si>
  <si>
    <t>20439</t>
  </si>
  <si>
    <t>284.0</t>
  </si>
  <si>
    <t>0.018168853282285014</t>
  </si>
  <si>
    <t>20898</t>
  </si>
  <si>
    <t>17.233333587646484</t>
  </si>
  <si>
    <t>476.29998779296875</t>
  </si>
  <si>
    <t>0.02220862015227887</t>
  </si>
  <si>
    <t>16.51666831970215</t>
  </si>
  <si>
    <t>0.02125775396704377</t>
  </si>
  <si>
    <t>22027</t>
  </si>
  <si>
    <t>17.216665267944336</t>
  </si>
  <si>
    <t>381.8000183105469</t>
  </si>
  <si>
    <t>0.031357759023057596</t>
  </si>
  <si>
    <t>22881</t>
  </si>
  <si>
    <t>283.0000305175781</t>
  </si>
  <si>
    <t>0.038037898248189705</t>
  </si>
  <si>
    <t>23793</t>
  </si>
  <si>
    <t>16.658334732055664</t>
  </si>
  <si>
    <t>438.5000305175781</t>
  </si>
  <si>
    <t>0.03908454791908156</t>
  </si>
  <si>
    <t>17.000001907348633</t>
  </si>
  <si>
    <t>241.8000030517578</t>
  </si>
  <si>
    <t>0.04587790950479764</t>
  </si>
  <si>
    <t>24902</t>
  </si>
  <si>
    <t>17.52500343322754</t>
  </si>
  <si>
    <t>-0.0003212077438696781</t>
  </si>
  <si>
    <t>17.108333587646484</t>
  </si>
  <si>
    <t>0.018500995187441305</t>
  </si>
  <si>
    <t>26602</t>
  </si>
  <si>
    <t>17.08333396911621</t>
  </si>
  <si>
    <t>378.4000244140625</t>
  </si>
  <si>
    <t>0.04753728421344228</t>
  </si>
  <si>
    <t>16.741666793823242</t>
  </si>
  <si>
    <t>467.8000793457031</t>
  </si>
  <si>
    <t>0.010842443675686653</t>
  </si>
  <si>
    <t>16.750001907348633</t>
  </si>
  <si>
    <t>0.06795609047481754</t>
  </si>
  <si>
    <t>29525</t>
  </si>
  <si>
    <t>17.21666717529297</t>
  </si>
  <si>
    <t>0.02545242700181838</t>
  </si>
  <si>
    <t>29462</t>
  </si>
  <si>
    <t>16.850000381469727</t>
  </si>
  <si>
    <t>289.4000244140625</t>
  </si>
  <si>
    <t>-0.0021360646906796177</t>
  </si>
  <si>
    <t>30889</t>
  </si>
  <si>
    <t>402.8999938964844</t>
  </si>
  <si>
    <t>0.047298836077503736</t>
  </si>
  <si>
    <t>17.366668701171875</t>
  </si>
  <si>
    <t>359.4000244140625</t>
  </si>
  <si>
    <t>-0.021300721912240306</t>
  </si>
  <si>
    <t>17.58333396911621</t>
  </si>
  <si>
    <t>0.018415278421519687</t>
  </si>
  <si>
    <t>29887</t>
  </si>
  <si>
    <t>16.958332061767578</t>
  </si>
  <si>
    <t>187.30001831054688</t>
  </si>
  <si>
    <t>-0.030091086736948824</t>
  </si>
  <si>
    <t>28323</t>
  </si>
  <si>
    <t>17.32499885559082</t>
  </si>
  <si>
    <t>335.7000427246094</t>
  </si>
  <si>
    <t>-0.05374940782409077</t>
  </si>
  <si>
    <t>17.28333282470703</t>
  </si>
  <si>
    <t>-0.04794844669856957</t>
  </si>
  <si>
    <t>27300</t>
  </si>
  <si>
    <t>17.00833511352539</t>
  </si>
  <si>
    <t>572.4000244140625</t>
  </si>
  <si>
    <t>0.011160953470993107</t>
  </si>
  <si>
    <t>17.250001907348633</t>
  </si>
  <si>
    <t>284.8999938964844</t>
  </si>
  <si>
    <t>0.01782552508305102</t>
  </si>
  <si>
    <t>27231</t>
  </si>
  <si>
    <t>17.133333206176758</t>
  </si>
  <si>
    <t>405.8000183105469</t>
  </si>
  <si>
    <t>-0.020356197061364156</t>
  </si>
  <si>
    <t>28526</t>
  </si>
  <si>
    <t>17.641666412353516</t>
  </si>
  <si>
    <t>331.20001220703125</t>
  </si>
  <si>
    <t>0.04645992188862991</t>
  </si>
  <si>
    <t>28767</t>
  </si>
  <si>
    <t>16.5</t>
  </si>
  <si>
    <t>449.4999694824219</t>
  </si>
  <si>
    <t>0.008412944738424244</t>
  </si>
  <si>
    <t>17.274999618530273</t>
  </si>
  <si>
    <t>291.9000244140625</t>
  </si>
  <si>
    <t>0.015727173617273493</t>
  </si>
  <si>
    <t>17.59166717529297</t>
  </si>
  <si>
    <t>401.29998779296875</t>
  </si>
  <si>
    <t>-0.1606506741034881</t>
  </si>
  <si>
    <t>26436</t>
  </si>
  <si>
    <t>17.258333206176758</t>
  </si>
  <si>
    <t>243.10000610351562</t>
  </si>
  <si>
    <t>0.060421321254766625</t>
  </si>
  <si>
    <t>27734</t>
  </si>
  <si>
    <t>17.500001907348633</t>
  </si>
  <si>
    <t>279.5</t>
  </si>
  <si>
    <t>0.04793237972346631</t>
  </si>
  <si>
    <t>30959</t>
  </si>
  <si>
    <t>11.53624439239502</t>
  </si>
  <si>
    <t>519.4588012695312</t>
  </si>
  <si>
    <t>99.3432846069336</t>
  </si>
  <si>
    <t>10.980307579040527</t>
  </si>
  <si>
    <t>554.568603515625</t>
  </si>
  <si>
    <t>0.02194800983851586</t>
  </si>
  <si>
    <t>31765</t>
  </si>
  <si>
    <t>11.132702827453613</t>
  </si>
  <si>
    <t>623.3076171875</t>
  </si>
  <si>
    <t>0.0037532964217046327</t>
  </si>
  <si>
    <t>10.594579696655273</t>
  </si>
  <si>
    <t>626.7177734375</t>
  </si>
  <si>
    <t>31828</t>
  </si>
  <si>
    <t>11.521973609924316</t>
  </si>
  <si>
    <t>597.3111572265625</t>
  </si>
  <si>
    <t>0.018167042131512545</t>
  </si>
  <si>
    <t>11.99697494506836</t>
  </si>
  <si>
    <t>563.2830810546875</t>
  </si>
  <si>
    <t>0.022185157201839445</t>
  </si>
  <si>
    <t>11.046975135803223</t>
  </si>
  <si>
    <t>808.0640869140625</t>
  </si>
  <si>
    <t>0.02128257393179034</t>
  </si>
  <si>
    <t>12.099370002746582</t>
  </si>
  <si>
    <t>737.1282348632812</t>
  </si>
  <si>
    <t>0.031331217522977184</t>
  </si>
  <si>
    <t>11.468432426452637</t>
  </si>
  <si>
    <t>540.8464965820312</t>
  </si>
  <si>
    <t>0.038070691288318415</t>
  </si>
  <si>
    <t>37050</t>
  </si>
  <si>
    <t>11.167182922363281</t>
  </si>
  <si>
    <t>639.150146484375</t>
  </si>
  <si>
    <t>0.0390523062818815</t>
  </si>
  <si>
    <t>38789</t>
  </si>
  <si>
    <t>11.55530834197998</t>
  </si>
  <si>
    <t>746.9091796875</t>
  </si>
  <si>
    <t>0.04586834953730978</t>
  </si>
  <si>
    <t>39564</t>
  </si>
  <si>
    <t>11.486245155334473</t>
  </si>
  <si>
    <t>491.72161865234375</t>
  </si>
  <si>
    <t>0.019782912598190094</t>
  </si>
  <si>
    <t>39528</t>
  </si>
  <si>
    <t>11.413641929626465</t>
  </si>
  <si>
    <t>752.2528076171875</t>
  </si>
  <si>
    <t>-0.0009103323341452807</t>
  </si>
  <si>
    <t>40219</t>
  </si>
  <si>
    <t>11.857704162597656</t>
  </si>
  <si>
    <t>713.3353881835938</t>
  </si>
  <si>
    <t>0.01733023923984689</t>
  </si>
  <si>
    <t>40137</t>
  </si>
  <si>
    <t>11.249370574951172</t>
  </si>
  <si>
    <t>601.4717407226562</t>
  </si>
  <si>
    <t>-0.0020409186237042576</t>
  </si>
  <si>
    <t>11.3362455368042</t>
  </si>
  <si>
    <t>543.8125</t>
  </si>
  <si>
    <t>0.014101465672332836</t>
  </si>
  <si>
    <t>41605</t>
  </si>
  <si>
    <t>11.90770435333252</t>
  </si>
  <si>
    <t>529.8344116210938</t>
  </si>
  <si>
    <t>0.02182028452046758</t>
  </si>
  <si>
    <t>42170</t>
  </si>
  <si>
    <t>11.471973419189453</t>
  </si>
  <si>
    <t>598.0355224609375</t>
  </si>
  <si>
    <t>0.013488715406076324</t>
  </si>
  <si>
    <t>41999</t>
  </si>
  <si>
    <t>11.188640594482422</t>
  </si>
  <si>
    <t>779.9003295898438</t>
  </si>
  <si>
    <t>-0.004063259282361287</t>
  </si>
  <si>
    <t>39871</t>
  </si>
  <si>
    <t>11.717183113098145</t>
  </si>
  <si>
    <t>593.6102294921875</t>
  </si>
  <si>
    <t>-0.05199656588245638</t>
  </si>
  <si>
    <t>40159</t>
  </si>
  <si>
    <t>11.210099220275879</t>
  </si>
  <si>
    <t>572.072021484375</t>
  </si>
  <si>
    <t>0.007197332081396723</t>
  </si>
  <si>
    <t>12.025516510009766</t>
  </si>
  <si>
    <t>503.2213439941406</t>
  </si>
  <si>
    <t>-0.01199929225837515</t>
  </si>
  <si>
    <t>38405</t>
  </si>
  <si>
    <t>11.388641357421875</t>
  </si>
  <si>
    <t>604.1112670898438</t>
  </si>
  <si>
    <t>-0.03265962296602787</t>
  </si>
  <si>
    <t>38083</t>
  </si>
  <si>
    <t>11.246973991394043</t>
  </si>
  <si>
    <t>788.8113403320312</t>
  </si>
  <si>
    <t>-0.00841967111797537</t>
  </si>
  <si>
    <t>39176</t>
  </si>
  <si>
    <t>11.896973609924316</t>
  </si>
  <si>
    <t>642.9525756835938</t>
  </si>
  <si>
    <t>0.028296326067346556</t>
  </si>
  <si>
    <t>40455</t>
  </si>
  <si>
    <t>12.19103717803955</t>
  </si>
  <si>
    <t>563.8815307617188</t>
  </si>
  <si>
    <t>0.03212593085978632</t>
  </si>
  <si>
    <t>40602</t>
  </si>
  <si>
    <t>11.693431854248047</t>
  </si>
  <si>
    <t>601.5489501953125</t>
  </si>
  <si>
    <t>0.0036270812183403223</t>
  </si>
  <si>
    <t>41475</t>
  </si>
  <si>
    <t>12.302912712097168</t>
  </si>
  <si>
    <t>627.5886840820312</t>
  </si>
  <si>
    <t>0.021273509598366047</t>
  </si>
  <si>
    <t>42388</t>
  </si>
  <si>
    <t>11.482704162597656</t>
  </si>
  <si>
    <t>720.9091796875</t>
  </si>
  <si>
    <t>0.021774467236079786</t>
  </si>
  <si>
    <t>42620</t>
  </si>
  <si>
    <t>11.98384952545166</t>
  </si>
  <si>
    <t>625.3201904296875</t>
  </si>
  <si>
    <t>0.005458323357881767</t>
  </si>
  <si>
    <t>12.344578742980957</t>
  </si>
  <si>
    <t>722.08642578125</t>
  </si>
  <si>
    <t>-0.10210704133392667</t>
  </si>
  <si>
    <t>40881</t>
  </si>
  <si>
    <t>12.071974754333496</t>
  </si>
  <si>
    <t>599.040283203125</t>
  </si>
  <si>
    <t>0.060448822099250066</t>
  </si>
  <si>
    <t>42888</t>
  </si>
  <si>
    <t>12.546974182128906</t>
  </si>
  <si>
    <t>527.6454467773438</t>
  </si>
  <si>
    <t>0.047926659089442936</t>
  </si>
  <si>
    <t>979</t>
  </si>
  <si>
    <t>22817</t>
  </si>
  <si>
    <t>10.598564147949219</t>
  </si>
  <si>
    <t>653.3159790039062</t>
  </si>
  <si>
    <t>205.47225952148438</t>
  </si>
  <si>
    <t>LeÔøΩn</t>
  </si>
  <si>
    <t>23324</t>
  </si>
  <si>
    <t>9.977034568786621</t>
  </si>
  <si>
    <t>553.8801879882812</t>
  </si>
  <si>
    <t>0.0219770011964755</t>
  </si>
  <si>
    <t>23411</t>
  </si>
  <si>
    <t>10.146876335144043</t>
  </si>
  <si>
    <t>623.8767700195312</t>
  </si>
  <si>
    <t>0.003723124018272017</t>
  </si>
  <si>
    <t>23035</t>
  </si>
  <si>
    <t>9.51598834991455</t>
  </si>
  <si>
    <t>963.092529296875</t>
  </si>
  <si>
    <t>-0.016191198990300748</t>
  </si>
  <si>
    <t>10.549345016479492</t>
  </si>
  <si>
    <t>683.7643432617188</t>
  </si>
  <si>
    <t>0.018196789711431904</t>
  </si>
  <si>
    <t>10.901787757873535</t>
  </si>
  <si>
    <t>989.5266723632812</t>
  </si>
  <si>
    <t>0.022175353260928787</t>
  </si>
  <si>
    <t>24499</t>
  </si>
  <si>
    <t>9.931927680969238</t>
  </si>
  <si>
    <t>953.3948974609375</t>
  </si>
  <si>
    <t>0.021245359030899635</t>
  </si>
  <si>
    <t>25280</t>
  </si>
  <si>
    <t>11.102394104003906</t>
  </si>
  <si>
    <t>1032.8690185546875</t>
  </si>
  <si>
    <t>0.031381268887516356</t>
  </si>
  <si>
    <t>26260</t>
  </si>
  <si>
    <t>10.382800102233887</t>
  </si>
  <si>
    <t>653.8582153320312</t>
  </si>
  <si>
    <t>0.03803329959599289</t>
  </si>
  <si>
    <t>27307</t>
  </si>
  <si>
    <t>10.136617660522461</t>
  </si>
  <si>
    <t>820.1555786132812</t>
  </si>
  <si>
    <t>0.03909621070518199</t>
  </si>
  <si>
    <t>28588</t>
  </si>
  <si>
    <t>10.5155668258667</t>
  </si>
  <si>
    <t>1193.9423828125</t>
  </si>
  <si>
    <t>0.045843969777900284</t>
  </si>
  <si>
    <t>10.345131874084473</t>
  </si>
  <si>
    <t>729.1282348632812</t>
  </si>
  <si>
    <t>0.03859761112136262</t>
  </si>
  <si>
    <t>29924</t>
  </si>
  <si>
    <t>10.339716911315918</t>
  </si>
  <si>
    <t>1028.91552734375</t>
  </si>
  <si>
    <t>0.007076173531062935</t>
  </si>
  <si>
    <t>30100</t>
  </si>
  <si>
    <t>10.833247184753418</t>
  </si>
  <si>
    <t>927.6314697265625</t>
  </si>
  <si>
    <t>0.005864337744672099</t>
  </si>
  <si>
    <t>30382</t>
  </si>
  <si>
    <t>10.134049415588379</t>
  </si>
  <si>
    <t>641.13671875</t>
  </si>
  <si>
    <t>0.009325156030641324</t>
  </si>
  <si>
    <t>10.249250411987305</t>
  </si>
  <si>
    <t>588.4331665039062</t>
  </si>
  <si>
    <t>0.05010273670207255</t>
  </si>
  <si>
    <t>32771</t>
  </si>
  <si>
    <t>10.99166202545166</t>
  </si>
  <si>
    <t>946.6607055664062</t>
  </si>
  <si>
    <t>0.025590913473177324</t>
  </si>
  <si>
    <t>10.328414916992188</t>
  </si>
  <si>
    <t>751.69287109375</t>
  </si>
  <si>
    <t>0.019131675330260833</t>
  </si>
  <si>
    <t>10.055007934570312</t>
  </si>
  <si>
    <t>801.0720825195312</t>
  </si>
  <si>
    <t>-0.007572606653964087</t>
  </si>
  <si>
    <t>10.820144653320312</t>
  </si>
  <si>
    <t>788.75830078125</t>
  </si>
  <si>
    <t>-0.017772835436339562</t>
  </si>
  <si>
    <t>32310</t>
  </si>
  <si>
    <t>10.279314994812012</t>
  </si>
  <si>
    <t>1030.4959716796875</t>
  </si>
  <si>
    <t>-0.007953431364271069</t>
  </si>
  <si>
    <t>31754</t>
  </si>
  <si>
    <t>10.830182075500488</t>
  </si>
  <si>
    <t>613.9664306640625</t>
  </si>
  <si>
    <t>-0.017358078181088032</t>
  </si>
  <si>
    <t>30966</t>
  </si>
  <si>
    <t>10.437858581542969</t>
  </si>
  <si>
    <t>670.7855224609375</t>
  </si>
  <si>
    <t>-0.025128873260674922</t>
  </si>
  <si>
    <t>10.335288047790527</t>
  </si>
  <si>
    <t>919.5486450195312</t>
  </si>
  <si>
    <t>-0.03179245173282297</t>
  </si>
  <si>
    <t>10.757091522216797</t>
  </si>
  <si>
    <t>840.6436157226562</t>
  </si>
  <si>
    <t>0.004523540060112907</t>
  </si>
  <si>
    <t>11.004302978515625</t>
  </si>
  <si>
    <t>777.6588134765625</t>
  </si>
  <si>
    <t>0.026073338382225586</t>
  </si>
  <si>
    <t>10.498274803161621</t>
  </si>
  <si>
    <t>733.7042846679688</t>
  </si>
  <si>
    <t>0.004677201565648659</t>
  </si>
  <si>
    <t>31911</t>
  </si>
  <si>
    <t>11.202301025390625</t>
  </si>
  <si>
    <t>587.1417846679688</t>
  </si>
  <si>
    <t>0.02657932126782825</t>
  </si>
  <si>
    <t>32682</t>
  </si>
  <si>
    <t>10.441739082336426</t>
  </si>
  <si>
    <t>960.5679931640625</t>
  </si>
  <si>
    <t>0.023873689691955136</t>
  </si>
  <si>
    <t>33300</t>
  </si>
  <si>
    <t>10.795636177062988</t>
  </si>
  <si>
    <t>792.47998046875</t>
  </si>
  <si>
    <t>0.018732929356806594</t>
  </si>
  <si>
    <t>30636</t>
  </si>
  <si>
    <t>11.088257789611816</t>
  </si>
  <si>
    <t>883.214599609375</t>
  </si>
  <si>
    <t>10.874918937683105</t>
  </si>
  <si>
    <t>761.1468505859375</t>
  </si>
  <si>
    <t>0.06047868519107524</t>
  </si>
  <si>
    <t>34143</t>
  </si>
  <si>
    <t>11.621747016906738</t>
  </si>
  <si>
    <t>804.7074584960938</t>
  </si>
  <si>
    <t>0.047903113729439895</t>
  </si>
  <si>
    <t>20504</t>
  </si>
  <si>
    <t>12.169028282165527</t>
  </si>
  <si>
    <t>956.3477783203125</t>
  </si>
  <si>
    <t>135.5739288330078</t>
  </si>
  <si>
    <t>Lugo</t>
  </si>
  <si>
    <t>20960</t>
  </si>
  <si>
    <t>11.37833023071289</t>
  </si>
  <si>
    <t>940.9191284179688</t>
  </si>
  <si>
    <t>0.02199587039106987</t>
  </si>
  <si>
    <t>21038</t>
  </si>
  <si>
    <t>11.726408958435059</t>
  </si>
  <si>
    <t>943.1675415039062</t>
  </si>
  <si>
    <t>0.0037144668642419276</t>
  </si>
  <si>
    <t>20700</t>
  </si>
  <si>
    <t>11.192066192626953</t>
  </si>
  <si>
    <t>1358.2132568359375</t>
  </si>
  <si>
    <t>-0.01619662604576</t>
  </si>
  <si>
    <t>21080</t>
  </si>
  <si>
    <t>12.134781837463379</t>
  </si>
  <si>
    <t>1187.223388671875</t>
  </si>
  <si>
    <t>21553</t>
  </si>
  <si>
    <t>12.526534080505371</t>
  </si>
  <si>
    <t>1480.1007080078125</t>
  </si>
  <si>
    <t>0.022190294324515136</t>
  </si>
  <si>
    <t>22016</t>
  </si>
  <si>
    <t>11.39236831665039</t>
  </si>
  <si>
    <t>1432.442138671875</t>
  </si>
  <si>
    <t>0.021254443753257135</t>
  </si>
  <si>
    <t>22717</t>
  </si>
  <si>
    <t>12.657515525817871</t>
  </si>
  <si>
    <t>1468.81787109375</t>
  </si>
  <si>
    <t>0.031344081130150414</t>
  </si>
  <si>
    <t>23598</t>
  </si>
  <si>
    <t>11.881694793701172</t>
  </si>
  <si>
    <t>1030.528564453125</t>
  </si>
  <si>
    <t>0.03804841979664353</t>
  </si>
  <si>
    <t>24539</t>
  </si>
  <si>
    <t>11.794478416442871</t>
  </si>
  <si>
    <t>1287.150390625</t>
  </si>
  <si>
    <t>0.03910172597849204</t>
  </si>
  <si>
    <t>25691</t>
  </si>
  <si>
    <t>12.188170433044434</t>
  </si>
  <si>
    <t>1829.356689453125</t>
  </si>
  <si>
    <t>0.045877047359994094</t>
  </si>
  <si>
    <t>26956</t>
  </si>
  <si>
    <t>11.829842567443848</t>
  </si>
  <si>
    <t>1064.3402099609375</t>
  </si>
  <si>
    <t>0.04806517106775665</t>
  </si>
  <si>
    <t>27041</t>
  </si>
  <si>
    <t>11.86693286895752</t>
  </si>
  <si>
    <t>1569.8206787109375</t>
  </si>
  <si>
    <t>0.003148325655487838</t>
  </si>
  <si>
    <t>27863</t>
  </si>
  <si>
    <t>12.467391014099121</t>
  </si>
  <si>
    <t>1295.5601806640625</t>
  </si>
  <si>
    <t>0.029945411078450945</t>
  </si>
  <si>
    <t>28713</t>
  </si>
  <si>
    <t>11.761241912841797</t>
  </si>
  <si>
    <t>908.5571899414062</t>
  </si>
  <si>
    <t>0.030050338063970727</t>
  </si>
  <si>
    <t>11.789544105529785</t>
  </si>
  <si>
    <t>991.89990234375</t>
  </si>
  <si>
    <t>0.07563672226968343</t>
  </si>
  <si>
    <t>12.61046314239502</t>
  </si>
  <si>
    <t>1406.3033447265625</t>
  </si>
  <si>
    <t>0.03253042471889245</t>
  </si>
  <si>
    <t>32441</t>
  </si>
  <si>
    <t>11.869290351867676</t>
  </si>
  <si>
    <t>1059.4969482421875</t>
  </si>
  <si>
    <t>0.01390592604220764</t>
  </si>
  <si>
    <t>32280</t>
  </si>
  <si>
    <t>11.590706825256348</t>
  </si>
  <si>
    <t>1289.3211669921875</t>
  </si>
  <si>
    <t>-0.0049752115109154005</t>
  </si>
  <si>
    <t>12.258122444152832</t>
  </si>
  <si>
    <t>1287.1981201171875</t>
  </si>
  <si>
    <t>-0.04204253461539942</t>
  </si>
  <si>
    <t>32127</t>
  </si>
  <si>
    <t>11.617020606994629</t>
  </si>
  <si>
    <t>1502.9625244140625</t>
  </si>
  <si>
    <t>0.037291489300498526</t>
  </si>
  <si>
    <t>32233</t>
  </si>
  <si>
    <t>12.65328598022461</t>
  </si>
  <si>
    <t>853.5361328125</t>
  </si>
  <si>
    <t>0.0032939743891873263</t>
  </si>
  <si>
    <t>31862</t>
  </si>
  <si>
    <t>11.968780517578125</t>
  </si>
  <si>
    <t>1145.427734375</t>
  </si>
  <si>
    <t>-0.011576695325331343</t>
  </si>
  <si>
    <t>32132</t>
  </si>
  <si>
    <t>11.867172241210938</t>
  </si>
  <si>
    <t>1497.0899658203125</t>
  </si>
  <si>
    <t>0.008438341160863061</t>
  </si>
  <si>
    <t>12.493762969970703</t>
  </si>
  <si>
    <t>1239.5926513671875</t>
  </si>
  <si>
    <t>0.034863784129044006</t>
  </si>
  <si>
    <t>35039</t>
  </si>
  <si>
    <t>12.662972450256348</t>
  </si>
  <si>
    <t>1164.2462158203125</t>
  </si>
  <si>
    <t>0.051745524407555976</t>
  </si>
  <si>
    <t>35089</t>
  </si>
  <si>
    <t>12.090885162353516</t>
  </si>
  <si>
    <t>1136.8341064453125</t>
  </si>
  <si>
    <t>0.0014259641932579115</t>
  </si>
  <si>
    <t>12.82634449005127</t>
  </si>
  <si>
    <t>945.439208984375</t>
  </si>
  <si>
    <t>-0.007092836828391569</t>
  </si>
  <si>
    <t>36096</t>
  </si>
  <si>
    <t>12.137404441833496</t>
  </si>
  <si>
    <t>1436.815185546875</t>
  </si>
  <si>
    <t>0.03538720166256226</t>
  </si>
  <si>
    <t>12.579697608947754</t>
  </si>
  <si>
    <t>1269.4942626953125</t>
  </si>
  <si>
    <t>-0.0055840458471489995</t>
  </si>
  <si>
    <t>12.690752983093262</t>
  </si>
  <si>
    <t>1272.3074951171875</t>
  </si>
  <si>
    <t>-0.13302607785639076</t>
  </si>
  <si>
    <t>33382</t>
  </si>
  <si>
    <t>12.35561466217041</t>
  </si>
  <si>
    <t>1168.5245361328125</t>
  </si>
  <si>
    <t>0.06044490038417116</t>
  </si>
  <si>
    <t>35021</t>
  </si>
  <si>
    <t>13.263999938964844</t>
  </si>
  <si>
    <t>1245.4139404296875</t>
  </si>
  <si>
    <t>0.04793104900515566</t>
  </si>
  <si>
    <t>33354</t>
  </si>
  <si>
    <t>12.984951972961426</t>
  </si>
  <si>
    <t>600.108642578125</t>
  </si>
  <si>
    <t>148.8575439453125</t>
  </si>
  <si>
    <t>LÔøΩrida</t>
  </si>
  <si>
    <t>12.094733238220215</t>
  </si>
  <si>
    <t>670.21630859375</t>
  </si>
  <si>
    <t>0.02194371052934585</t>
  </si>
  <si>
    <t>34222</t>
  </si>
  <si>
    <t>12.608866691589355</t>
  </si>
  <si>
    <t>821.0614013671875</t>
  </si>
  <si>
    <t>0.0037472963810465387</t>
  </si>
  <si>
    <t>33672</t>
  </si>
  <si>
    <t>12.0780668258667</t>
  </si>
  <si>
    <t>591.9588012695312</t>
  </si>
  <si>
    <t>-0.016202080641509298</t>
  </si>
  <si>
    <t>13.284375190734863</t>
  </si>
  <si>
    <t>681.6193237304688</t>
  </si>
  <si>
    <t>0.01818713500655811</t>
  </si>
  <si>
    <t>35059</t>
  </si>
  <si>
    <t>13.170604705810547</t>
  </si>
  <si>
    <t>713.1587524414062</t>
  </si>
  <si>
    <t>0.022178590078684834</t>
  </si>
  <si>
    <t>35813</t>
  </si>
  <si>
    <t>12.02893352508545</t>
  </si>
  <si>
    <t>954.733154296875</t>
  </si>
  <si>
    <t>0.02127859942956789</t>
  </si>
  <si>
    <t>36953</t>
  </si>
  <si>
    <t>13.580345153808594</t>
  </si>
  <si>
    <t>717.8777465820312</t>
  </si>
  <si>
    <t>0.03133587891371192</t>
  </si>
  <si>
    <t>12.650334358215332</t>
  </si>
  <si>
    <t>519.037841796875</t>
  </si>
  <si>
    <t>0.03807202571205437</t>
  </si>
  <si>
    <t>12.855029106140137</t>
  </si>
  <si>
    <t>666.3840942382812</t>
  </si>
  <si>
    <t>0.03905838541321849</t>
  </si>
  <si>
    <t>41790</t>
  </si>
  <si>
    <t>13.453819274902344</t>
  </si>
  <si>
    <t>702.1226196289062</t>
  </si>
  <si>
    <t>0.045879830437758784</t>
  </si>
  <si>
    <t>43890</t>
  </si>
  <si>
    <t>12.652472496032715</t>
  </si>
  <si>
    <t>544.5696411132812</t>
  </si>
  <si>
    <t>0.04902942724031867</t>
  </si>
  <si>
    <t>45072</t>
  </si>
  <si>
    <t>12.986271858215332</t>
  </si>
  <si>
    <t>697.3790283203125</t>
  </si>
  <si>
    <t>0.026574707433873357</t>
  </si>
  <si>
    <t>45839</t>
  </si>
  <si>
    <t>13.445136070251465</t>
  </si>
  <si>
    <t>839.3580932617188</t>
  </si>
  <si>
    <t>0.01687404602579079</t>
  </si>
  <si>
    <t>45211</t>
  </si>
  <si>
    <t>12.65958309173584</t>
  </si>
  <si>
    <t>588.489990234375</t>
  </si>
  <si>
    <t>-0.013794837097693247</t>
  </si>
  <si>
    <t>43495</t>
  </si>
  <si>
    <t>12.43677806854248</t>
  </si>
  <si>
    <t>612.9733276367188</t>
  </si>
  <si>
    <t>-0.03869443110260917</t>
  </si>
  <si>
    <t>13.618179321289062</t>
  </si>
  <si>
    <t>374.6225280761719</t>
  </si>
  <si>
    <t>0.0465597268300062</t>
  </si>
  <si>
    <t>46092</t>
  </si>
  <si>
    <t>12.757946014404297</t>
  </si>
  <si>
    <t>485.2086181640625</t>
  </si>
  <si>
    <t>0.011433683362257696</t>
  </si>
  <si>
    <t>45926</t>
  </si>
  <si>
    <t>12.32778549194336</t>
  </si>
  <si>
    <t>851.4368286132812</t>
  </si>
  <si>
    <t>-0.0036079936550894587</t>
  </si>
  <si>
    <t>44478</t>
  </si>
  <si>
    <t>13.111918449401855</t>
  </si>
  <si>
    <t>727.34716796875</t>
  </si>
  <si>
    <t>-0.03203672059404106</t>
  </si>
  <si>
    <t>44194</t>
  </si>
  <si>
    <t>12.20894718170166</t>
  </si>
  <si>
    <t>700.7794799804688</t>
  </si>
  <si>
    <t>-0.006405651639724397</t>
  </si>
  <si>
    <t>13.742565155029297</t>
  </si>
  <si>
    <t>604.7141723632812</t>
  </si>
  <si>
    <t>-0.013256691418778388</t>
  </si>
  <si>
    <t>43243</t>
  </si>
  <si>
    <t>12.809430122375488</t>
  </si>
  <si>
    <t>617.2595825195312</t>
  </si>
  <si>
    <t>-0.00849697127630833</t>
  </si>
  <si>
    <t>12.667105674743652</t>
  </si>
  <si>
    <t>792.8460693359375</t>
  </si>
  <si>
    <t>0.009505359316102968</t>
  </si>
  <si>
    <t>44146</t>
  </si>
  <si>
    <t>13.601981163024902</t>
  </si>
  <si>
    <t>772.512939453125</t>
  </si>
  <si>
    <t>0.011161592835088996</t>
  </si>
  <si>
    <t>13.621399879455566</t>
  </si>
  <si>
    <t>515.1813354492188</t>
  </si>
  <si>
    <t>0.03627945885868833</t>
  </si>
  <si>
    <t>44462</t>
  </si>
  <si>
    <t>12.88964557647705</t>
  </si>
  <si>
    <t>631.0543823242188</t>
  </si>
  <si>
    <t>-0.02914688979790725</t>
  </si>
  <si>
    <t>42594</t>
  </si>
  <si>
    <t>13.687567710876465</t>
  </si>
  <si>
    <t>574.345947265625</t>
  </si>
  <si>
    <t>-0.04292149349449659</t>
  </si>
  <si>
    <t>13.60163402557373</t>
  </si>
  <si>
    <t>934.9264526367188</t>
  </si>
  <si>
    <t>0.01673942260973149</t>
  </si>
  <si>
    <t>44352</t>
  </si>
  <si>
    <t>13.8968505859375</t>
  </si>
  <si>
    <t>697.8873901367188</t>
  </si>
  <si>
    <t>0.023704982672402508</t>
  </si>
  <si>
    <t>39601</t>
  </si>
  <si>
    <t>13.810839653015137</t>
  </si>
  <si>
    <t>744.7140502929688</t>
  </si>
  <si>
    <t>-0.11330343310059021</t>
  </si>
  <si>
    <t>42068</t>
  </si>
  <si>
    <t>12.969765663146973</t>
  </si>
  <si>
    <t>525.812255859375</t>
  </si>
  <si>
    <t>0.060432986190933846</t>
  </si>
  <si>
    <t>44134</t>
  </si>
  <si>
    <t>14.642558097839355</t>
  </si>
  <si>
    <t>584.4810791015625</t>
  </si>
  <si>
    <t>0.0479431038031084</t>
  </si>
  <si>
    <t>37075</t>
  </si>
  <si>
    <t>14.381308555603027</t>
  </si>
  <si>
    <t>319.3977355957031</t>
  </si>
  <si>
    <t>2173.0390625</t>
  </si>
  <si>
    <t>Madrid</t>
  </si>
  <si>
    <t>37898</t>
  </si>
  <si>
    <t>13.648606300354004</t>
  </si>
  <si>
    <t>341.4226379394531</t>
  </si>
  <si>
    <t>0.021955452223426875</t>
  </si>
  <si>
    <t>38040</t>
  </si>
  <si>
    <t>13.828810691833496</t>
  </si>
  <si>
    <t>388.29443359375</t>
  </si>
  <si>
    <t>0.003739897429767325</t>
  </si>
  <si>
    <t>37429</t>
  </si>
  <si>
    <t>13.426871299743652</t>
  </si>
  <si>
    <t>488.29339599609375</t>
  </si>
  <si>
    <t>-0.016192432655282474</t>
  </si>
  <si>
    <t>38116</t>
  </si>
  <si>
    <t>14.56550121307373</t>
  </si>
  <si>
    <t>315.84100341796875</t>
  </si>
  <si>
    <t>0.01818833646403384</t>
  </si>
  <si>
    <t>38971</t>
  </si>
  <si>
    <t>14.820425987243652</t>
  </si>
  <si>
    <t>502.4955749511719</t>
  </si>
  <si>
    <t>0.022183638300136366</t>
  </si>
  <si>
    <t>13.797738075256348</t>
  </si>
  <si>
    <t>580.5657348632812</t>
  </si>
  <si>
    <t>0.0212752375938976</t>
  </si>
  <si>
    <t>41076</t>
  </si>
  <si>
    <t>14.850285530090332</t>
  </si>
  <si>
    <t>582.2277221679688</t>
  </si>
  <si>
    <t>0.03133099195607336</t>
  </si>
  <si>
    <t>14.108963966369629</t>
  </si>
  <si>
    <t>384.5937805175781</t>
  </si>
  <si>
    <t>0.0380486519201515</t>
  </si>
  <si>
    <t>14.084237098693848</t>
  </si>
  <si>
    <t>409.2536926269531</t>
  </si>
  <si>
    <t>0.03909090413461769</t>
  </si>
  <si>
    <t>46452</t>
  </si>
  <si>
    <t>14.531538963317871</t>
  </si>
  <si>
    <t>562.6494750976562</t>
  </si>
  <si>
    <t>0.04585595599269432</t>
  </si>
  <si>
    <t>47906</t>
  </si>
  <si>
    <t>14.267630577087402</t>
  </si>
  <si>
    <t>410.404052734375</t>
  </si>
  <si>
    <t>0.030821236149192188</t>
  </si>
  <si>
    <t>48217</t>
  </si>
  <si>
    <t>14.33698558807373</t>
  </si>
  <si>
    <t>507.0572204589844</t>
  </si>
  <si>
    <t>0.006470898436285566</t>
  </si>
  <si>
    <t>48403</t>
  </si>
  <si>
    <t>14.88770580291748</t>
  </si>
  <si>
    <t>516.2493286132812</t>
  </si>
  <si>
    <t>0.0038501393037737586</t>
  </si>
  <si>
    <t>49061</t>
  </si>
  <si>
    <t>14.1110258102417</t>
  </si>
  <si>
    <t>465.1036071777344</t>
  </si>
  <si>
    <t>0.013502626554084074</t>
  </si>
  <si>
    <t>50054</t>
  </si>
  <si>
    <t>14.135210990905762</t>
  </si>
  <si>
    <t>315.681640625</t>
  </si>
  <si>
    <t>0.020038000820862933</t>
  </si>
  <si>
    <t>51562</t>
  </si>
  <si>
    <t>14.99251651763916</t>
  </si>
  <si>
    <t>506.8028564453125</t>
  </si>
  <si>
    <t>0.02968254443047691</t>
  </si>
  <si>
    <t>52186</t>
  </si>
  <si>
    <t>14.258857727050781</t>
  </si>
  <si>
    <t>486.3133850097656</t>
  </si>
  <si>
    <t>0.012029292604841757</t>
  </si>
  <si>
    <t>51916</t>
  </si>
  <si>
    <t>14.056157112121582</t>
  </si>
  <si>
    <t>526.2109375</t>
  </si>
  <si>
    <t>-0.00518723185751746</t>
  </si>
  <si>
    <t>50470</t>
  </si>
  <si>
    <t>14.766947746276855</t>
  </si>
  <si>
    <t>434.7120056152344</t>
  </si>
  <si>
    <t>-0.02824792747334115</t>
  </si>
  <si>
    <t>49811</t>
  </si>
  <si>
    <t>14.061034202575684</t>
  </si>
  <si>
    <t>623.393798828125</t>
  </si>
  <si>
    <t>-0.013143257178603207</t>
  </si>
  <si>
    <t>49858</t>
  </si>
  <si>
    <t>15.008564949035645</t>
  </si>
  <si>
    <t>359.5728759765625</t>
  </si>
  <si>
    <t>0.000943121802842839</t>
  </si>
  <si>
    <t>48878</t>
  </si>
  <si>
    <t>14.447579383850098</t>
  </si>
  <si>
    <t>432.38250732421875</t>
  </si>
  <si>
    <t>-0.019851567480452914</t>
  </si>
  <si>
    <t>14.243537902832031</t>
  </si>
  <si>
    <t>530.3345947265625</t>
  </si>
  <si>
    <t>-0.017168512162953675</t>
  </si>
  <si>
    <t>48779</t>
  </si>
  <si>
    <t>14.963088035583496</t>
  </si>
  <si>
    <t>412.1173095703125</t>
  </si>
  <si>
    <t>0.015141007039636278</t>
  </si>
  <si>
    <t>50692</t>
  </si>
  <si>
    <t>15.231300354003906</t>
  </si>
  <si>
    <t>352.0827331542969</t>
  </si>
  <si>
    <t>0.03846821484717822</t>
  </si>
  <si>
    <t>52159</t>
  </si>
  <si>
    <t>14.7529296875</t>
  </si>
  <si>
    <t>457.5193786621094</t>
  </si>
  <si>
    <t>0.028528638435657783</t>
  </si>
  <si>
    <t>53429</t>
  </si>
  <si>
    <t>15.393199920654297</t>
  </si>
  <si>
    <t>300.0939025878906</t>
  </si>
  <si>
    <t>0.02405692406194504</t>
  </si>
  <si>
    <t>54155</t>
  </si>
  <si>
    <t>14.647048950195312</t>
  </si>
  <si>
    <t>579.4884643554688</t>
  </si>
  <si>
    <t>0.013496635570279025</t>
  </si>
  <si>
    <t>54987</t>
  </si>
  <si>
    <t>15.085487365722656</t>
  </si>
  <si>
    <t>378.1708068847656</t>
  </si>
  <si>
    <t>0.015246488370120659</t>
  </si>
  <si>
    <t>48506</t>
  </si>
  <si>
    <t>15.083043098449707</t>
  </si>
  <si>
    <t>478.90740966796875</t>
  </si>
  <si>
    <t>-0.1254092920257932</t>
  </si>
  <si>
    <t>51529</t>
  </si>
  <si>
    <t>14.84836196899414</t>
  </si>
  <si>
    <t>432.25933837890625</t>
  </si>
  <si>
    <t>0.06045725434864124</t>
  </si>
  <si>
    <t>54059</t>
  </si>
  <si>
    <t>15.780905723571777</t>
  </si>
  <si>
    <t>474.1281433105469</t>
  </si>
  <si>
    <t>0.047931286731319744</t>
  </si>
  <si>
    <t>16.099817276000977</t>
  </si>
  <si>
    <t>688.1151733398438</t>
  </si>
  <si>
    <t>386.159912109375</t>
  </si>
  <si>
    <t>Mallorca</t>
  </si>
  <si>
    <t>36718</t>
  </si>
  <si>
    <t>15.303890228271484</t>
  </si>
  <si>
    <t>742.926513671875</t>
  </si>
  <si>
    <t>0.021972854604014103</t>
  </si>
  <si>
    <t>15.551854133605957</t>
  </si>
  <si>
    <t>535.129150390625</t>
  </si>
  <si>
    <t>0.0037241966032386387</t>
  </si>
  <si>
    <t>36263</t>
  </si>
  <si>
    <t>15.441292762756348</t>
  </si>
  <si>
    <t>611.8159790039062</t>
  </si>
  <si>
    <t>-0.016193356939943726</t>
  </si>
  <si>
    <t>36928</t>
  </si>
  <si>
    <t>16.451854705810547</t>
  </si>
  <si>
    <t>577.5479736328125</t>
  </si>
  <si>
    <t>0.018172133184325645</t>
  </si>
  <si>
    <t>16.34351921081543</t>
  </si>
  <si>
    <t>596.9277954101562</t>
  </si>
  <si>
    <t>0.02220081808287233</t>
  </si>
  <si>
    <t>15.62685489654541</t>
  </si>
  <si>
    <t>868.5037841796875</t>
  </si>
  <si>
    <t>0.021252028134814083</t>
  </si>
  <si>
    <t>16.535188674926758</t>
  </si>
  <si>
    <t>552.7379150390625</t>
  </si>
  <si>
    <t>0.03136861546166969</t>
  </si>
  <si>
    <t>41340</t>
  </si>
  <si>
    <t>15.789259910583496</t>
  </si>
  <si>
    <t>585.9909057617188</t>
  </si>
  <si>
    <t>0.0380390216886326</t>
  </si>
  <si>
    <t>42987</t>
  </si>
  <si>
    <t>16.191293716430664</t>
  </si>
  <si>
    <t>460.7057189941406</t>
  </si>
  <si>
    <t>0.03906719014895188</t>
  </si>
  <si>
    <t>45005</t>
  </si>
  <si>
    <t>16.60388946533203</t>
  </si>
  <si>
    <t>516.256591796875</t>
  </si>
  <si>
    <t>0.0458758503064729</t>
  </si>
  <si>
    <t>16.153888702392578</t>
  </si>
  <si>
    <t>549.0441284179688</t>
  </si>
  <si>
    <t>0.02069319916093093</t>
  </si>
  <si>
    <t>45189</t>
  </si>
  <si>
    <t>16.30388832092285</t>
  </si>
  <si>
    <t>816.4375</t>
  </si>
  <si>
    <t>-0.01661309948119083</t>
  </si>
  <si>
    <t>43889</t>
  </si>
  <si>
    <t>16.768518447875977</t>
  </si>
  <si>
    <t>718.6796264648438</t>
  </si>
  <si>
    <t>-0.02918997518152011</t>
  </si>
  <si>
    <t>15.955924987792969</t>
  </si>
  <si>
    <t>618.1389770507812</t>
  </si>
  <si>
    <t>0.001047549740539111</t>
  </si>
  <si>
    <t>44309</t>
  </si>
  <si>
    <t>15.73315143585205</t>
  </si>
  <si>
    <t>765.4697265625</t>
  </si>
  <si>
    <t>0.008476547739910245</t>
  </si>
  <si>
    <t>44705</t>
  </si>
  <si>
    <t>16.962221145629883</t>
  </si>
  <si>
    <t>465.6399841308594</t>
  </si>
  <si>
    <t>0.008897535499563958</t>
  </si>
  <si>
    <t>16.349626541137695</t>
  </si>
  <si>
    <t>622.0101928710938</t>
  </si>
  <si>
    <t>0.003059848054999037</t>
  </si>
  <si>
    <t>44350</t>
  </si>
  <si>
    <t>16.168519973754883</t>
  </si>
  <si>
    <t>683.39013671875</t>
  </si>
  <si>
    <t>-0.011032491486691498</t>
  </si>
  <si>
    <t>41683</t>
  </si>
  <si>
    <t>16.570554733276367</t>
  </si>
  <si>
    <t>644.6099243164062</t>
  </si>
  <si>
    <t>-0.062019336933325064</t>
  </si>
  <si>
    <t>41153</t>
  </si>
  <si>
    <t>15.94129467010498</t>
  </si>
  <si>
    <t>766.582763671875</t>
  </si>
  <si>
    <t>-0.012796543346832223</t>
  </si>
  <si>
    <t>40483</t>
  </si>
  <si>
    <t>16.73944854736328</t>
  </si>
  <si>
    <t>678.25048828125</t>
  </si>
  <si>
    <t>-0.016414695570345472</t>
  </si>
  <si>
    <t>39406</t>
  </si>
  <si>
    <t>16.40592384338379</t>
  </si>
  <si>
    <t>525.8455200195312</t>
  </si>
  <si>
    <t>-0.02696404393130969</t>
  </si>
  <si>
    <t>38934</t>
  </si>
  <si>
    <t>16.17685317993164</t>
  </si>
  <si>
    <t>618.9786987304688</t>
  </si>
  <si>
    <t>-0.012050184106689343</t>
  </si>
  <si>
    <t>16.920557022094727</t>
  </si>
  <si>
    <t>583.5222778320312</t>
  </si>
  <si>
    <t>0.023329779844223353</t>
  </si>
  <si>
    <t>16.9394474029541</t>
  </si>
  <si>
    <t>506.6230163574219</t>
  </si>
  <si>
    <t>0.03750331787813721</t>
  </si>
  <si>
    <t>16.61222267150879</t>
  </si>
  <si>
    <t>659.6044311523438</t>
  </si>
  <si>
    <t>0.0374520535005729</t>
  </si>
  <si>
    <t>44004</t>
  </si>
  <si>
    <t>16.993520736694336</t>
  </si>
  <si>
    <t>485.64715576171875</t>
  </si>
  <si>
    <t>0.024127482787168475</t>
  </si>
  <si>
    <t>16.67481803894043</t>
  </si>
  <si>
    <t>841.37841796875</t>
  </si>
  <si>
    <t>0.012825320307618071</t>
  </si>
  <si>
    <t>16.983152389526367</t>
  </si>
  <si>
    <t>708.9503173828125</t>
  </si>
  <si>
    <t>0.0029794930024742428</t>
  </si>
  <si>
    <t>16.84351921081543</t>
  </si>
  <si>
    <t>620.1629638671875</t>
  </si>
  <si>
    <t>-0.27234342920016985</t>
  </si>
  <si>
    <t>36169</t>
  </si>
  <si>
    <t>16.610187530517578</t>
  </si>
  <si>
    <t>457.4669189453125</t>
  </si>
  <si>
    <t>0.06046047537324917</t>
  </si>
  <si>
    <t>37944</t>
  </si>
  <si>
    <t>17.670745849609375</t>
  </si>
  <si>
    <t>501.9573669433594</t>
  </si>
  <si>
    <t>0.047908990214919456</t>
  </si>
  <si>
    <t>23168</t>
  </si>
  <si>
    <t>17.6181583404541</t>
  </si>
  <si>
    <t>286.51971435546875</t>
  </si>
  <si>
    <t>709.658935546875</t>
  </si>
  <si>
    <t>Murcia</t>
  </si>
  <si>
    <t>23683</t>
  </si>
  <si>
    <t>16.91080093383789</t>
  </si>
  <si>
    <t>336.140625</t>
  </si>
  <si>
    <t>0.02198547497729031</t>
  </si>
  <si>
    <t>23771</t>
  </si>
  <si>
    <t>16.981182098388672</t>
  </si>
  <si>
    <t>296.8798522949219</t>
  </si>
  <si>
    <t>0.003708859142523835</t>
  </si>
  <si>
    <t>23389</t>
  </si>
  <si>
    <t>16.72581672668457</t>
  </si>
  <si>
    <t>313.03424072265625</t>
  </si>
  <si>
    <t>-0.016200523954363888</t>
  </si>
  <si>
    <t>17.760419845581055</t>
  </si>
  <si>
    <t>228.68600463867188</t>
  </si>
  <si>
    <t>0.018217755149020576</t>
  </si>
  <si>
    <t>24353</t>
  </si>
  <si>
    <t>17.902366638183594</t>
  </si>
  <si>
    <t>275.18017578125</t>
  </si>
  <si>
    <t>0.022171463707341132</t>
  </si>
  <si>
    <t>17.05715560913086</t>
  </si>
  <si>
    <t>457.8124084472656</t>
  </si>
  <si>
    <t>0.021248438016524318</t>
  </si>
  <si>
    <t>25668</t>
  </si>
  <si>
    <t>17.98080825805664</t>
  </si>
  <si>
    <t>369.8167724609375</t>
  </si>
  <si>
    <t>0.03134159664662661</t>
  </si>
  <si>
    <t>26664</t>
  </si>
  <si>
    <t>17.3181095123291</t>
  </si>
  <si>
    <t>243.5431365966797</t>
  </si>
  <si>
    <t>0.03806926111716891</t>
  </si>
  <si>
    <t>17.398664474487305</t>
  </si>
  <si>
    <t>283.7622985839844</t>
  </si>
  <si>
    <t>0.03905626011074581</t>
  </si>
  <si>
    <t>29028</t>
  </si>
  <si>
    <t>17.83064842224121</t>
  </si>
  <si>
    <t>342.999267578125</t>
  </si>
  <si>
    <t>0.04589028029970699</t>
  </si>
  <si>
    <t>29937</t>
  </si>
  <si>
    <t>17.585819244384766</t>
  </si>
  <si>
    <t>333.7865295410156</t>
  </si>
  <si>
    <t>0.03083429215439537</t>
  </si>
  <si>
    <t>17.58241844177246</t>
  </si>
  <si>
    <t>371.1872863769531</t>
  </si>
  <si>
    <t>0.01968014036593857</t>
  </si>
  <si>
    <t>18.14371681213379</t>
  </si>
  <si>
    <t>337.176513671875</t>
  </si>
  <si>
    <t>0.01659802619306916</t>
  </si>
  <si>
    <t>31240</t>
  </si>
  <si>
    <t>17.411529541015625</t>
  </si>
  <si>
    <t>367.13232421875</t>
  </si>
  <si>
    <t>0.006325984842192156</t>
  </si>
  <si>
    <t>17.20610237121582</t>
  </si>
  <si>
    <t>279.27178955078125</t>
  </si>
  <si>
    <t>0.022910944540731393</t>
  </si>
  <si>
    <t>18.03973388671875</t>
  </si>
  <si>
    <t>319.76226806640625</t>
  </si>
  <si>
    <t>0.016475961834094832</t>
  </si>
  <si>
    <t>33053</t>
  </si>
  <si>
    <t>17.633256912231445</t>
  </si>
  <si>
    <t>350.32073974609375</t>
  </si>
  <si>
    <t>0.017026102390140352</t>
  </si>
  <si>
    <t>32936</t>
  </si>
  <si>
    <t>17.412429809570312</t>
  </si>
  <si>
    <t>380.4267578125</t>
  </si>
  <si>
    <t>-0.0035460492688486056</t>
  </si>
  <si>
    <t>30883</t>
  </si>
  <si>
    <t>17.921770095825195</t>
  </si>
  <si>
    <t>414.5498046875</t>
  </si>
  <si>
    <t>-0.06436041377074098</t>
  </si>
  <si>
    <t>30916</t>
  </si>
  <si>
    <t>17.396574020385742</t>
  </si>
  <si>
    <t>382.33978271484375</t>
  </si>
  <si>
    <t>0.0010679785477609727</t>
  </si>
  <si>
    <t>30029</t>
  </si>
  <si>
    <t>18.045026779174805</t>
  </si>
  <si>
    <t>307.5284729003906</t>
  </si>
  <si>
    <t>-0.029110267837143766</t>
  </si>
  <si>
    <t>29164</t>
  </si>
  <si>
    <t>17.584739685058594</t>
  </si>
  <si>
    <t>326.1344299316406</t>
  </si>
  <si>
    <t>-0.02922850946329625</t>
  </si>
  <si>
    <t>29096</t>
  </si>
  <si>
    <t>17.547761917114258</t>
  </si>
  <si>
    <t>316.03466796875</t>
  </si>
  <si>
    <t>-0.002334364259496624</t>
  </si>
  <si>
    <t>18.243440628051758</t>
  </si>
  <si>
    <t>291.1839599609375</t>
  </si>
  <si>
    <t>0.0058257249855468984</t>
  </si>
  <si>
    <t>30945</t>
  </si>
  <si>
    <t>18.394821166992188</t>
  </si>
  <si>
    <t>271.5514831542969</t>
  </si>
  <si>
    <t>0.05578500252109109</t>
  </si>
  <si>
    <t>31657</t>
  </si>
  <si>
    <t>18.002962112426758</t>
  </si>
  <si>
    <t>354.13909912109375</t>
  </si>
  <si>
    <t>0.02274785798092971</t>
  </si>
  <si>
    <t>32390</t>
  </si>
  <si>
    <t>18.39375114440918</t>
  </si>
  <si>
    <t>229.2616424560547</t>
  </si>
  <si>
    <t>0.022890440010982616</t>
  </si>
  <si>
    <t>17.844470977783203</t>
  </si>
  <si>
    <t>414.6360778808594</t>
  </si>
  <si>
    <t>3.087324987482987e-05</t>
  </si>
  <si>
    <t>32843</t>
  </si>
  <si>
    <t>18.159452438354492</t>
  </si>
  <si>
    <t>334.95880126953125</t>
  </si>
  <si>
    <t>0.013858025988518818</t>
  </si>
  <si>
    <t>18.317548751831055</t>
  </si>
  <si>
    <t>344.079833984375</t>
  </si>
  <si>
    <t>-0.10653514051382551</t>
  </si>
  <si>
    <t>31364</t>
  </si>
  <si>
    <t>18.125564575195312</t>
  </si>
  <si>
    <t>288.83514404296875</t>
  </si>
  <si>
    <t>0.060457246460870806</t>
  </si>
  <si>
    <t>32904</t>
  </si>
  <si>
    <t>18.898391723632812</t>
  </si>
  <si>
    <t>312.1972961425781</t>
  </si>
  <si>
    <t>0.04793349255944612</t>
  </si>
  <si>
    <t>20438</t>
  </si>
  <si>
    <t>16.607072830200195</t>
  </si>
  <si>
    <t>421.4278564453125</t>
  </si>
  <si>
    <t>616.128173828125</t>
  </si>
  <si>
    <t>MÔøΩlaga</t>
  </si>
  <si>
    <t>20892</t>
  </si>
  <si>
    <t>16.019634246826172</t>
  </si>
  <si>
    <t>567.5410766601562</t>
  </si>
  <si>
    <t>0.021970397384034612</t>
  </si>
  <si>
    <t>20970</t>
  </si>
  <si>
    <t>16.05834197998047</t>
  </si>
  <si>
    <t>465.87677001953125</t>
  </si>
  <si>
    <t>0.0037265343397763218</t>
  </si>
  <si>
    <t>20633</t>
  </si>
  <si>
    <t>15.499131202697754</t>
  </si>
  <si>
    <t>571.1744995117188</t>
  </si>
  <si>
    <t>-0.016201109110735246</t>
  </si>
  <si>
    <t>16.425451278686523</t>
  </si>
  <si>
    <t>349.3320617675781</t>
  </si>
  <si>
    <t>0.018201967288622</t>
  </si>
  <si>
    <t>16.964113235473633</t>
  </si>
  <si>
    <t>730.8905639648438</t>
  </si>
  <si>
    <t>0.02216822160119669</t>
  </si>
  <si>
    <t>21945</t>
  </si>
  <si>
    <t>16.014307022094727</t>
  </si>
  <si>
    <t>1061.380126953125</t>
  </si>
  <si>
    <t>0.02127739844728538</t>
  </si>
  <si>
    <t>22644</t>
  </si>
  <si>
    <t>16.86652946472168</t>
  </si>
  <si>
    <t>689.2974853515625</t>
  </si>
  <si>
    <t>0.03135559303421509</t>
  </si>
  <si>
    <t>23522</t>
  </si>
  <si>
    <t>16.39373207092285</t>
  </si>
  <si>
    <t>427.09796142578125</t>
  </si>
  <si>
    <t>0.03804123725443276</t>
  </si>
  <si>
    <t>24459</t>
  </si>
  <si>
    <t>16.05912971496582</t>
  </si>
  <si>
    <t>449.7662048339844</t>
  </si>
  <si>
    <t>0.03906209292003737</t>
  </si>
  <si>
    <t>25607</t>
  </si>
  <si>
    <t>16.55504608154297</t>
  </si>
  <si>
    <t>659.9617309570312</t>
  </si>
  <si>
    <t>0.04586750525941419</t>
  </si>
  <si>
    <t>16.627065658569336</t>
  </si>
  <si>
    <t>529.3838500976562</t>
  </si>
  <si>
    <t>0.057590060252326936</t>
  </si>
  <si>
    <t>27212</t>
  </si>
  <si>
    <t>16.13356590270996</t>
  </si>
  <si>
    <t>688.0413208007812</t>
  </si>
  <si>
    <t>0.003202240622190544</t>
  </si>
  <si>
    <t>27861</t>
  </si>
  <si>
    <t>16.81780242919922</t>
  </si>
  <si>
    <t>646.5694580078125</t>
  </si>
  <si>
    <t>0.023569808979166496</t>
  </si>
  <si>
    <t>28914</t>
  </si>
  <si>
    <t>16.210054397583008</t>
  </si>
  <si>
    <t>485.87286376953125</t>
  </si>
  <si>
    <t>0.03709804542426909</t>
  </si>
  <si>
    <t>30287</t>
  </si>
  <si>
    <t>16.306856155395508</t>
  </si>
  <si>
    <t>448.05352783203125</t>
  </si>
  <si>
    <t>0.046392670659541224</t>
  </si>
  <si>
    <t>30332</t>
  </si>
  <si>
    <t>16.839231491088867</t>
  </si>
  <si>
    <t>537.857421875</t>
  </si>
  <si>
    <t>0.0014846832928974152</t>
  </si>
  <si>
    <t>16.344318389892578</t>
  </si>
  <si>
    <t>481.337158203125</t>
  </si>
  <si>
    <t>-0.006416426842726253</t>
  </si>
  <si>
    <t>16.079532623291016</t>
  </si>
  <si>
    <t>632.0289306640625</t>
  </si>
  <si>
    <t>-0.012688830590457556</t>
  </si>
  <si>
    <t>28501</t>
  </si>
  <si>
    <t>16.944093704223633</t>
  </si>
  <si>
    <t>786.909423828125</t>
  </si>
  <si>
    <t>-0.043158829027161616</t>
  </si>
  <si>
    <t>28146</t>
  </si>
  <si>
    <t>16.616369247436523</t>
  </si>
  <si>
    <t>982.603759765625</t>
  </si>
  <si>
    <t>-0.01253392580396806</t>
  </si>
  <si>
    <t>27379</t>
  </si>
  <si>
    <t>16.844289779663086</t>
  </si>
  <si>
    <t>546.826904296875</t>
  </si>
  <si>
    <t>-0.02762895239055041</t>
  </si>
  <si>
    <t>25904</t>
  </si>
  <si>
    <t>16.54913330078125</t>
  </si>
  <si>
    <t>597.5020141601562</t>
  </si>
  <si>
    <t>-0.05537889924854511</t>
  </si>
  <si>
    <t>25346</t>
  </si>
  <si>
    <t>16.26766014099121</t>
  </si>
  <si>
    <t>598.8444213867188</t>
  </si>
  <si>
    <t>-0.021776470275407078</t>
  </si>
  <si>
    <t>25951</t>
  </si>
  <si>
    <t>16.79857063293457</t>
  </si>
  <si>
    <t>530.6104125976562</t>
  </si>
  <si>
    <t>0.023589217855018774</t>
  </si>
  <si>
    <t>17.273176193237305</t>
  </si>
  <si>
    <t>362.1380615234375</t>
  </si>
  <si>
    <t>0.03151987555848201</t>
  </si>
  <si>
    <t>27168</t>
  </si>
  <si>
    <t>16.871713638305664</t>
  </si>
  <si>
    <t>581.48779296875</t>
  </si>
  <si>
    <t>0.014309790055563099</t>
  </si>
  <si>
    <t>28062</t>
  </si>
  <si>
    <t>452.5110168457031</t>
  </si>
  <si>
    <t>0.0323765378428682</t>
  </si>
  <si>
    <t>28768</t>
  </si>
  <si>
    <t>16.263887405395508</t>
  </si>
  <si>
    <t>707.109130859375</t>
  </si>
  <si>
    <t>0.024847310317404947</t>
  </si>
  <si>
    <t>29281</t>
  </si>
  <si>
    <t>16.85692596435547</t>
  </si>
  <si>
    <t>421.45501708984375</t>
  </si>
  <si>
    <t>0.01767518322616546</t>
  </si>
  <si>
    <t>25053</t>
  </si>
  <si>
    <t>17.239673614501953</t>
  </si>
  <si>
    <t>532.4011840820312</t>
  </si>
  <si>
    <t>-0.1559452606761731</t>
  </si>
  <si>
    <t>26614</t>
  </si>
  <si>
    <t>17.10248374938965</t>
  </si>
  <si>
    <t>336.654296875</t>
  </si>
  <si>
    <t>0.060443812282349185</t>
  </si>
  <si>
    <t>27921</t>
  </si>
  <si>
    <t>17.58514976501465</t>
  </si>
  <si>
    <t>566.4967651367188</t>
  </si>
  <si>
    <t>0.04794170075013149</t>
  </si>
  <si>
    <t>987</t>
  </si>
  <si>
    <t>13.106104850769043</t>
  </si>
  <si>
    <t>828.4879760742188</t>
  </si>
  <si>
    <t>445.463623046875</t>
  </si>
  <si>
    <t>Navarre</t>
  </si>
  <si>
    <t>36015</t>
  </si>
  <si>
    <t>12.545439720153809</t>
  </si>
  <si>
    <t>816.1650390625</t>
  </si>
  <si>
    <t>0.021952374915933603</t>
  </si>
  <si>
    <t>36149</t>
  </si>
  <si>
    <t>12.695630073547363</t>
  </si>
  <si>
    <t>945.7908935546875</t>
  </si>
  <si>
    <t>0.0037137673635445623</t>
  </si>
  <si>
    <t>12.17734146118164</t>
  </si>
  <si>
    <t>945.5589599609375</t>
  </si>
  <si>
    <t>-0.016174813718558667</t>
  </si>
  <si>
    <t>36222</t>
  </si>
  <si>
    <t>13.103897094726562</t>
  </si>
  <si>
    <t>845.44482421875</t>
  </si>
  <si>
    <t>0.01819219705603281</t>
  </si>
  <si>
    <t>37034</t>
  </si>
  <si>
    <t>13.55316162109375</t>
  </si>
  <si>
    <t>934.8246459960938</t>
  </si>
  <si>
    <t>0.022169740573280805</t>
  </si>
  <si>
    <t>37830</t>
  </si>
  <si>
    <t>12.614638328552246</t>
  </si>
  <si>
    <t>1260.1859130859375</t>
  </si>
  <si>
    <t>0.02126602902931296</t>
  </si>
  <si>
    <t>39035</t>
  </si>
  <si>
    <t>13.675875663757324</t>
  </si>
  <si>
    <t>1172.75048828125</t>
  </si>
  <si>
    <t>0.03135624092731604</t>
  </si>
  <si>
    <t>40549</t>
  </si>
  <si>
    <t>13.028464317321777</t>
  </si>
  <si>
    <t>792.9384765625</t>
  </si>
  <si>
    <t>0.0380524397726294</t>
  </si>
  <si>
    <t>12.733942985534668</t>
  </si>
  <si>
    <t>938.327880859375</t>
  </si>
  <si>
    <t>0.03907937368172121</t>
  </si>
  <si>
    <t>44144</t>
  </si>
  <si>
    <t>13.107747077941895</t>
  </si>
  <si>
    <t>1125.7034912109375</t>
  </si>
  <si>
    <t>0.04586652444832495</t>
  </si>
  <si>
    <t>44852</t>
  </si>
  <si>
    <t>13.05142879486084</t>
  </si>
  <si>
    <t>783.08203125</t>
  </si>
  <si>
    <t>0.015911163123703886</t>
  </si>
  <si>
    <t>45343</t>
  </si>
  <si>
    <t>12.977900505065918</t>
  </si>
  <si>
    <t>1164.7940673828125</t>
  </si>
  <si>
    <t>0.010887629032012569</t>
  </si>
  <si>
    <t>45642</t>
  </si>
  <si>
    <t>13.395403861999512</t>
  </si>
  <si>
    <t>1021.2836303710938</t>
  </si>
  <si>
    <t>0.006572535612573205</t>
  </si>
  <si>
    <t>46208</t>
  </si>
  <si>
    <t>12.79677677154541</t>
  </si>
  <si>
    <t>897.1068725585938</t>
  </si>
  <si>
    <t>0.01232459802714203</t>
  </si>
  <si>
    <t>47075</t>
  </si>
  <si>
    <t>12.905330657958984</t>
  </si>
  <si>
    <t>792.5145874023438</t>
  </si>
  <si>
    <t>0.01858913127285433</t>
  </si>
  <si>
    <t>47814</t>
  </si>
  <si>
    <t>13.470230102539062</t>
  </si>
  <si>
    <t>858.115966796875</t>
  </si>
  <si>
    <t>0.015576409100450661</t>
  </si>
  <si>
    <t>48268</t>
  </si>
  <si>
    <t>12.996129035949707</t>
  </si>
  <si>
    <t>982.5383911132812</t>
  </si>
  <si>
    <t>0.009450331567688153</t>
  </si>
  <si>
    <t>48210</t>
  </si>
  <si>
    <t>12.747136116027832</t>
  </si>
  <si>
    <t>1168.7867431640625</t>
  </si>
  <si>
    <t>-0.0012023467938231391</t>
  </si>
  <si>
    <t>13.317219734191895</t>
  </si>
  <si>
    <t>923.1610717773438</t>
  </si>
  <si>
    <t>-0.049384615867507975</t>
  </si>
  <si>
    <t>45651</t>
  </si>
  <si>
    <t>12.77745532989502</t>
  </si>
  <si>
    <t>915.4100952148438</t>
  </si>
  <si>
    <t>-0.005156339943935606</t>
  </si>
  <si>
    <t>45245</t>
  </si>
  <si>
    <t>13.545562744140625</t>
  </si>
  <si>
    <t>808.5947875976562</t>
  </si>
  <si>
    <t>-0.008933345802990544</t>
  </si>
  <si>
    <t>43468</t>
  </si>
  <si>
    <t>12.956757545471191</t>
  </si>
  <si>
    <t>953.048095703125</t>
  </si>
  <si>
    <t>-0.0400671316024912</t>
  </si>
  <si>
    <t>43265</t>
  </si>
  <si>
    <t>12.819416046142578</t>
  </si>
  <si>
    <t>1170.85546875</t>
  </si>
  <si>
    <t>-0.004681041141903819</t>
  </si>
  <si>
    <t>44067</t>
  </si>
  <si>
    <t>13.458187103271484</t>
  </si>
  <si>
    <t>1000.5563354492188</t>
  </si>
  <si>
    <t>0.0183672089586846</t>
  </si>
  <si>
    <t>13.703136444091797</t>
  </si>
  <si>
    <t>908.5958862304688</t>
  </si>
  <si>
    <t>0.028169616259351216</t>
  </si>
  <si>
    <t>13.26360034942627</t>
  </si>
  <si>
    <t>895.4620971679688</t>
  </si>
  <si>
    <t>0.025119778405526816</t>
  </si>
  <si>
    <t>47554</t>
  </si>
  <si>
    <t>13.848820686340332</t>
  </si>
  <si>
    <t>858.3697509765625</t>
  </si>
  <si>
    <t>0.022865309747945872</t>
  </si>
  <si>
    <t>47869</t>
  </si>
  <si>
    <t>13.051554679870605</t>
  </si>
  <si>
    <t>1169.3375244140625</t>
  </si>
  <si>
    <t>0.006602205845837261</t>
  </si>
  <si>
    <t>48586</t>
  </si>
  <si>
    <t>13.541369438171387</t>
  </si>
  <si>
    <t>999.3623046875</t>
  </si>
  <si>
    <t>0.014867310287844049</t>
  </si>
  <si>
    <t>43212</t>
  </si>
  <si>
    <t>13.862754821777344</t>
  </si>
  <si>
    <t>1088.4483642578125</t>
  </si>
  <si>
    <t>-0.11721718910915335</t>
  </si>
  <si>
    <t>13.615424156188965</t>
  </si>
  <si>
    <t>913.9243774414062</t>
  </si>
  <si>
    <t>0.06045580914092419</t>
  </si>
  <si>
    <t>48159</t>
  </si>
  <si>
    <t>14.116279602050781</t>
  </si>
  <si>
    <t>790.6971435546875</t>
  </si>
  <si>
    <t>0.04793399306972468</t>
  </si>
  <si>
    <t>19384</t>
  </si>
  <si>
    <t>12.716349601745605</t>
  </si>
  <si>
    <t>913.8984375</t>
  </si>
  <si>
    <t>106.71773529052734</t>
  </si>
  <si>
    <t>Orense</t>
  </si>
  <si>
    <t>19814</t>
  </si>
  <si>
    <t>11.829009056091309</t>
  </si>
  <si>
    <t>926.74267578125</t>
  </si>
  <si>
    <t>0.021940775036613402</t>
  </si>
  <si>
    <t>19888</t>
  </si>
  <si>
    <t>12.140013694763184</t>
  </si>
  <si>
    <t>888.9195556640625</t>
  </si>
  <si>
    <t>0.003727776217518297</t>
  </si>
  <si>
    <t>19569</t>
  </si>
  <si>
    <t>11.463677406311035</t>
  </si>
  <si>
    <t>1292.2996826171875</t>
  </si>
  <si>
    <t>-0.016169853286287506</t>
  </si>
  <si>
    <t>12.69567584991455</t>
  </si>
  <si>
    <t>1125.18359375</t>
  </si>
  <si>
    <t>0.018179096477810575</t>
  </si>
  <si>
    <t>20375</t>
  </si>
  <si>
    <t>12.851338386535645</t>
  </si>
  <si>
    <t>1433.503173828125</t>
  </si>
  <si>
    <t>0.022182881167047697</t>
  </si>
  <si>
    <t>20813</t>
  </si>
  <si>
    <t>11.642683982849121</t>
  </si>
  <si>
    <t>1439.1666259765625</t>
  </si>
  <si>
    <t>0.021269132349187814</t>
  </si>
  <si>
    <t>21476</t>
  </si>
  <si>
    <t>13.147010803222656</t>
  </si>
  <si>
    <t>1479.4937744140625</t>
  </si>
  <si>
    <t>0.031358241084207705</t>
  </si>
  <si>
    <t>22308</t>
  </si>
  <si>
    <t>12.238677978515625</t>
  </si>
  <si>
    <t>993.4615478515625</t>
  </si>
  <si>
    <t>0.038009325966985585</t>
  </si>
  <si>
    <t>23197</t>
  </si>
  <si>
    <t>12.322012901306152</t>
  </si>
  <si>
    <t>1179.0096435546875</t>
  </si>
  <si>
    <t>0.03907760143882477</t>
  </si>
  <si>
    <t>24286</t>
  </si>
  <si>
    <t>12.548347473144531</t>
  </si>
  <si>
    <t>1802.6497802734375</t>
  </si>
  <si>
    <t>0.04587709266549389</t>
  </si>
  <si>
    <t>25716</t>
  </si>
  <si>
    <t>12.108016014099121</t>
  </si>
  <si>
    <t>1009.3530883789062</t>
  </si>
  <si>
    <t>0.057213313647814346</t>
  </si>
  <si>
    <t>26898</t>
  </si>
  <si>
    <t>12.295677185058594</t>
  </si>
  <si>
    <t>1574.7471923828125</t>
  </si>
  <si>
    <t>0.04493856812191588</t>
  </si>
  <si>
    <t>27365</t>
  </si>
  <si>
    <t>12.848346710205078</t>
  </si>
  <si>
    <t>1313.3038330078125</t>
  </si>
  <si>
    <t>0.017212890194524988</t>
  </si>
  <si>
    <t>12.048347473144531</t>
  </si>
  <si>
    <t>864.1187744140625</t>
  </si>
  <si>
    <t>0.005648188469260518</t>
  </si>
  <si>
    <t>12.204010009765625</t>
  </si>
  <si>
    <t>920.568359375</t>
  </si>
  <si>
    <t>0.032426384694332455</t>
  </si>
  <si>
    <t>29271</t>
  </si>
  <si>
    <t>13.07201099395752</t>
  </si>
  <si>
    <t>1427.795654296875</t>
  </si>
  <si>
    <t>0.029257867034447216</t>
  </si>
  <si>
    <t>29808</t>
  </si>
  <si>
    <t>12.129010200500488</t>
  </si>
  <si>
    <t>1033.150146484375</t>
  </si>
  <si>
    <t>0.018179549065310496</t>
  </si>
  <si>
    <t>11.738677978515625</t>
  </si>
  <si>
    <t>1226.5240478515625</t>
  </si>
  <si>
    <t>0.0230482255727793</t>
  </si>
  <si>
    <t>28917</t>
  </si>
  <si>
    <t>12.72201156616211</t>
  </si>
  <si>
    <t>1291.8350830078125</t>
  </si>
  <si>
    <t>-0.05339538196207094</t>
  </si>
  <si>
    <t>29830</t>
  </si>
  <si>
    <t>11.909672737121582</t>
  </si>
  <si>
    <t>1568.669921875</t>
  </si>
  <si>
    <t>0.031084941056716886</t>
  </si>
  <si>
    <t>30191</t>
  </si>
  <si>
    <t>844.5818481445312</t>
  </si>
  <si>
    <t>0.01202926819436101</t>
  </si>
  <si>
    <t>29837</t>
  </si>
  <si>
    <t>12.40534496307373</t>
  </si>
  <si>
    <t>1093.0042724609375</t>
  </si>
  <si>
    <t>-0.011794632632589952</t>
  </si>
  <si>
    <t>12.3373441696167</t>
  </si>
  <si>
    <t>1431.763671875</t>
  </si>
  <si>
    <t>-0.01577548887789959</t>
  </si>
  <si>
    <t>29492</t>
  </si>
  <si>
    <t>12.895676612854004</t>
  </si>
  <si>
    <t>1203.1810302734375</t>
  </si>
  <si>
    <t>0.00414529491687432</t>
  </si>
  <si>
    <t>30444</t>
  </si>
  <si>
    <t>12.956680297851562</t>
  </si>
  <si>
    <t>1121.0078125</t>
  </si>
  <si>
    <t>0.03176989027774191</t>
  </si>
  <si>
    <t>12.348347663879395</t>
  </si>
  <si>
    <t>1071.2525634765625</t>
  </si>
  <si>
    <t>0.04392321151692613</t>
  </si>
  <si>
    <t>32709</t>
  </si>
  <si>
    <t>13.133015632629395</t>
  </si>
  <si>
    <t>853.589599609375</t>
  </si>
  <si>
    <t>0.02783812747028236</t>
  </si>
  <si>
    <t>33825</t>
  </si>
  <si>
    <t>12.5120210647583</t>
  </si>
  <si>
    <t>1396.85205078125</t>
  </si>
  <si>
    <t>0.0335499046644987</t>
  </si>
  <si>
    <t>35128</t>
  </si>
  <si>
    <t>12.93435001373291</t>
  </si>
  <si>
    <t>1244.0679931640625</t>
  </si>
  <si>
    <t>0.03779835920256325</t>
  </si>
  <si>
    <t>12.998347282409668</t>
  </si>
  <si>
    <t>1264.5152587890625</t>
  </si>
  <si>
    <t>-0.11069494416998893</t>
  </si>
  <si>
    <t>33407</t>
  </si>
  <si>
    <t>12.570677757263184</t>
  </si>
  <si>
    <t>1107.269287109375</t>
  </si>
  <si>
    <t>0.06046186977255452</t>
  </si>
  <si>
    <t>35047</t>
  </si>
  <si>
    <t>13.720353126525879</t>
  </si>
  <si>
    <t>1318.669921875</t>
  </si>
  <si>
    <t>0.047924558944000495</t>
  </si>
  <si>
    <t>25230</t>
  </si>
  <si>
    <t>10.840031623840332</t>
  </si>
  <si>
    <t>541.5949096679688</t>
  </si>
  <si>
    <t>42.67082214355469</t>
  </si>
  <si>
    <t>Palencia</t>
  </si>
  <si>
    <t>25790</t>
  </si>
  <si>
    <t>10.277586936950684</t>
  </si>
  <si>
    <t>458.2825927734375</t>
  </si>
  <si>
    <t>0.021953057240287066</t>
  </si>
  <si>
    <t>10.47336483001709</t>
  </si>
  <si>
    <t>533.582275390625</t>
  </si>
  <si>
    <t>0.0037154621269923638</t>
  </si>
  <si>
    <t>25471</t>
  </si>
  <si>
    <t>9.925752639770508</t>
  </si>
  <si>
    <t>793.4857177734375</t>
  </si>
  <si>
    <t>-0.016161731922888833</t>
  </si>
  <si>
    <t>25938</t>
  </si>
  <si>
    <t>10.794589042663574</t>
  </si>
  <si>
    <t>546.7745971679688</t>
  </si>
  <si>
    <t>0.018168524816193354</t>
  </si>
  <si>
    <t>11.298365592956543</t>
  </si>
  <si>
    <t>791.1393432617188</t>
  </si>
  <si>
    <t>0.022190090404111018</t>
  </si>
  <si>
    <t>27090</t>
  </si>
  <si>
    <t>10.352585792541504</t>
  </si>
  <si>
    <t>791.883056640625</t>
  </si>
  <si>
    <t>11.40853214263916</t>
  </si>
  <si>
    <t>877.403076171875</t>
  </si>
  <si>
    <t>0.03135987227010517</t>
  </si>
  <si>
    <t>29037</t>
  </si>
  <si>
    <t>10.781697273254395</t>
  </si>
  <si>
    <t>565.615234375</t>
  </si>
  <si>
    <t>0.038046350467952905</t>
  </si>
  <si>
    <t>10.465031623840332</t>
  </si>
  <si>
    <t>680.650390625</t>
  </si>
  <si>
    <t>0.03907235031048373</t>
  </si>
  <si>
    <t>31611</t>
  </si>
  <si>
    <t>10.833531379699707</t>
  </si>
  <si>
    <t>908.28173828125</t>
  </si>
  <si>
    <t>0.04586193213995493</t>
  </si>
  <si>
    <t>10.784085273742676</t>
  </si>
  <si>
    <t>605.2423095703125</t>
  </si>
  <si>
    <t>0.03286023274653438</t>
  </si>
  <si>
    <t>34864</t>
  </si>
  <si>
    <t>10.70258617401123</t>
  </si>
  <si>
    <t>848.6568603515625</t>
  </si>
  <si>
    <t>0.06508938417023025</t>
  </si>
  <si>
    <t>36006</t>
  </si>
  <si>
    <t>11.169254302978516</t>
  </si>
  <si>
    <t>770.7066040039062</t>
  </si>
  <si>
    <t>0.03223081303316633</t>
  </si>
  <si>
    <t>36785</t>
  </si>
  <si>
    <t>10.58830738067627</t>
  </si>
  <si>
    <t>594.4223022460938</t>
  </si>
  <si>
    <t>0.021404562148797268</t>
  </si>
  <si>
    <t>10.652477264404297</t>
  </si>
  <si>
    <t>486.71783447265625</t>
  </si>
  <si>
    <t>0.023986216358954593</t>
  </si>
  <si>
    <t>37963</t>
  </si>
  <si>
    <t>11.260920524597168</t>
  </si>
  <si>
    <t>761.8763427734375</t>
  </si>
  <si>
    <t>0.007535631434276269</t>
  </si>
  <si>
    <t>40192</t>
  </si>
  <si>
    <t>10.775752067565918</t>
  </si>
  <si>
    <t>659.104248046875</t>
  </si>
  <si>
    <t>0.05705596966827464</t>
  </si>
  <si>
    <t>40211</t>
  </si>
  <si>
    <t>10.534194946289062</t>
  </si>
  <si>
    <t>704.3556518554688</t>
  </si>
  <si>
    <t>0.0004726191896740062</t>
  </si>
  <si>
    <t>11.037415504455566</t>
  </si>
  <si>
    <t>648.4087524414062</t>
  </si>
  <si>
    <t>-0.04446984914675234</t>
  </si>
  <si>
    <t>37958</t>
  </si>
  <si>
    <t>10.541747093200684</t>
  </si>
  <si>
    <t>829.6863403320312</t>
  </si>
  <si>
    <t>-0.01319045557392684</t>
  </si>
  <si>
    <t>11.307034492492676</t>
  </si>
  <si>
    <t>501.9107666015625</t>
  </si>
  <si>
    <t>0.007506399908471906</t>
  </si>
  <si>
    <t>36297</t>
  </si>
  <si>
    <t>10.735919952392578</t>
  </si>
  <si>
    <t>588.114501953125</t>
  </si>
  <si>
    <t>-0.052251591995750246</t>
  </si>
  <si>
    <t>36005</t>
  </si>
  <si>
    <t>10.616975784301758</t>
  </si>
  <si>
    <t>750.2840576171875</t>
  </si>
  <si>
    <t>-0.008077275526620298</t>
  </si>
  <si>
    <t>35944</t>
  </si>
  <si>
    <t>11.179756164550781</t>
  </si>
  <si>
    <t>669.41552734375</t>
  </si>
  <si>
    <t>-0.0016956459329708906</t>
  </si>
  <si>
    <t>37897</t>
  </si>
  <si>
    <t>11.454974174499512</t>
  </si>
  <si>
    <t>626.657958984375</t>
  </si>
  <si>
    <t>0.05290978151472281</t>
  </si>
  <si>
    <t>40365</t>
  </si>
  <si>
    <t>10.969698905944824</t>
  </si>
  <si>
    <t>608.400634765625</t>
  </si>
  <si>
    <t>0.0630911195643975</t>
  </si>
  <si>
    <t>39166</t>
  </si>
  <si>
    <t>11.598472595214844</t>
  </si>
  <si>
    <t>491.0020446777344</t>
  </si>
  <si>
    <t>-0.03015404935233512</t>
  </si>
  <si>
    <t>41904</t>
  </si>
  <si>
    <t>10.785811424255371</t>
  </si>
  <si>
    <t>814.0165405273438</t>
  </si>
  <si>
    <t>0.06757226427071217</t>
  </si>
  <si>
    <t>41833</t>
  </si>
  <si>
    <t>11.20247745513916</t>
  </si>
  <si>
    <t>665.7887573242188</t>
  </si>
  <si>
    <t>-0.0016957860208641762</t>
  </si>
  <si>
    <t>11.577587127685547</t>
  </si>
  <si>
    <t>771.37744140625</t>
  </si>
  <si>
    <t>-0.10010736341564552</t>
  </si>
  <si>
    <t>11.440032005310059</t>
  </si>
  <si>
    <t>662.686767578125</t>
  </si>
  <si>
    <t>0.06046297149060642</t>
  </si>
  <si>
    <t>42181</t>
  </si>
  <si>
    <t>11.8543119430542</t>
  </si>
  <si>
    <t>654.6504516601562</t>
  </si>
  <si>
    <t>0.047928772868591096</t>
  </si>
  <si>
    <t>14.56392765045166</t>
  </si>
  <si>
    <t>1312.290771484375</t>
  </si>
  <si>
    <t>567.4306030273438</t>
  </si>
  <si>
    <t>Pontevedra</t>
  </si>
  <si>
    <t>13.677205085754395</t>
  </si>
  <si>
    <t>1353.3616943359375</t>
  </si>
  <si>
    <t>0.021960113900203027</t>
  </si>
  <si>
    <t>22551</t>
  </si>
  <si>
    <t>14.125606536865234</t>
  </si>
  <si>
    <t>1226.10791015625</t>
  </si>
  <si>
    <t>0.003731844928100969</t>
  </si>
  <si>
    <t>22189</t>
  </si>
  <si>
    <t>13.572279930114746</t>
  </si>
  <si>
    <t>1856.837646484375</t>
  </si>
  <si>
    <t>-0.016182740279161223</t>
  </si>
  <si>
    <t>14.519755363464355</t>
  </si>
  <si>
    <t>1637.0443115234375</t>
  </si>
  <si>
    <t>0.018176228878736822</t>
  </si>
  <si>
    <t>23103</t>
  </si>
  <si>
    <t>14.948960304260254</t>
  </si>
  <si>
    <t>2034.3223876953125</t>
  </si>
  <si>
    <t>0.022189579762207146</t>
  </si>
  <si>
    <t>23599</t>
  </si>
  <si>
    <t>13.699759483337402</t>
  </si>
  <si>
    <t>2022.4732666015625</t>
  </si>
  <si>
    <t>0.021241859027229637</t>
  </si>
  <si>
    <t>24351</t>
  </si>
  <si>
    <t>15.050585746765137</t>
  </si>
  <si>
    <t>2039.430419921875</t>
  </si>
  <si>
    <t>0.03136857819469441</t>
  </si>
  <si>
    <t>14.31815242767334</t>
  </si>
  <si>
    <t>1457.5440673828125</t>
  </si>
  <si>
    <t>0.03803383129675275</t>
  </si>
  <si>
    <t>14.249724388122559</t>
  </si>
  <si>
    <t>1620.34521484375</t>
  </si>
  <si>
    <t>0.039076253375572634</t>
  </si>
  <si>
    <t>27538</t>
  </si>
  <si>
    <t>14.53467845916748</t>
  </si>
  <si>
    <t>2373.025146484375</t>
  </si>
  <si>
    <t>0.04588386790270782</t>
  </si>
  <si>
    <t>14.222334861755371</t>
  </si>
  <si>
    <t>1579.6490478515625</t>
  </si>
  <si>
    <t>0.03068142115495931</t>
  </si>
  <si>
    <t>28376</t>
  </si>
  <si>
    <t>14.272357940673828</t>
  </si>
  <si>
    <t>2175.578369140625</t>
  </si>
  <si>
    <t>-0.0007045727058194728</t>
  </si>
  <si>
    <t>29221</t>
  </si>
  <si>
    <t>14.856450080871582</t>
  </si>
  <si>
    <t>1750.434326171875</t>
  </si>
  <si>
    <t>0.0293439114004741</t>
  </si>
  <si>
    <t>30464</t>
  </si>
  <si>
    <t>14.185681343078613</t>
  </si>
  <si>
    <t>1219.4827880859375</t>
  </si>
  <si>
    <t>0.04165802973716026</t>
  </si>
  <si>
    <t>31177</t>
  </si>
  <si>
    <t>14.299698829650879</t>
  </si>
  <si>
    <t>1375.087646484375</t>
  </si>
  <si>
    <t>0.023134984868894648</t>
  </si>
  <si>
    <t>32703</t>
  </si>
  <si>
    <t>15.139845848083496</t>
  </si>
  <si>
    <t>1913.4232177734375</t>
  </si>
  <si>
    <t>0.0477861733364815</t>
  </si>
  <si>
    <t>14.254769325256348</t>
  </si>
  <si>
    <t>1377.3126220703125</t>
  </si>
  <si>
    <t>0.03948177015338494</t>
  </si>
  <si>
    <t>13.971435546875</t>
  </si>
  <si>
    <t>1883.934326171875</t>
  </si>
  <si>
    <t>0.011834457647003305</t>
  </si>
  <si>
    <t>32432</t>
  </si>
  <si>
    <t>14.642247200012207</t>
  </si>
  <si>
    <t>1886.850830078125</t>
  </si>
  <si>
    <t>-0.05963745490507577</t>
  </si>
  <si>
    <t>31796</t>
  </si>
  <si>
    <t>14.015541076660156</t>
  </si>
  <si>
    <t>2113.486083984375</t>
  </si>
  <si>
    <t>-0.019805093998776613</t>
  </si>
  <si>
    <t>30841</t>
  </si>
  <si>
    <t>15.157214164733887</t>
  </si>
  <si>
    <t>1179.1116943359375</t>
  </si>
  <si>
    <t>-0.030495522119899476</t>
  </si>
  <si>
    <t>29763</t>
  </si>
  <si>
    <t>14.417308807373047</t>
  </si>
  <si>
    <t>1726.1004638671875</t>
  </si>
  <si>
    <t>-0.035578962255092605</t>
  </si>
  <si>
    <t>29827</t>
  </si>
  <si>
    <t>14.279749870300293</t>
  </si>
  <si>
    <t>2147.358642578125</t>
  </si>
  <si>
    <t>0.0021480122372139476</t>
  </si>
  <si>
    <t>14.973183631896973</t>
  </si>
  <si>
    <t>1740.926513671875</t>
  </si>
  <si>
    <t>0.020901829220767</t>
  </si>
  <si>
    <t>31517</t>
  </si>
  <si>
    <t>15.053187370300293</t>
  </si>
  <si>
    <t>1568.2001953125</t>
  </si>
  <si>
    <t>0.034211230001167436</t>
  </si>
  <si>
    <t>14.49146556854248</t>
  </si>
  <si>
    <t>1568.0068359375</t>
  </si>
  <si>
    <t>0.023548944279704997</t>
  </si>
  <si>
    <t>33993</t>
  </si>
  <si>
    <t>15.254868507385254</t>
  </si>
  <si>
    <t>1303.6004638671875</t>
  </si>
  <si>
    <t>0.05207859399181025</t>
  </si>
  <si>
    <t>14.565666198730469</t>
  </si>
  <si>
    <t>1989.5025634765625</t>
  </si>
  <si>
    <t>0.004227218976442515</t>
  </si>
  <si>
    <t>34907</t>
  </si>
  <si>
    <t>14.927391052246094</t>
  </si>
  <si>
    <t>1834.8685302734375</t>
  </si>
  <si>
    <t>0.02230554211921465</t>
  </si>
  <si>
    <t>31967</t>
  </si>
  <si>
    <t>15.077346801757812</t>
  </si>
  <si>
    <t>1788.9447021484375</t>
  </si>
  <si>
    <t>-0.08798326146660251</t>
  </si>
  <si>
    <t>33959</t>
  </si>
  <si>
    <t>14.681349754333496</t>
  </si>
  <si>
    <t>1622.9495849609375</t>
  </si>
  <si>
    <t>0.06044979390646077</t>
  </si>
  <si>
    <t>15.55239200592041</t>
  </si>
  <si>
    <t>1878.6524658203125</t>
  </si>
  <si>
    <t>0.04792179376823924</t>
  </si>
  <si>
    <t>21939</t>
  </si>
  <si>
    <t>12.555987358093262</t>
  </si>
  <si>
    <t>445.0475158691406</t>
  </si>
  <si>
    <t>134.15850830078125</t>
  </si>
  <si>
    <t>Salamanca</t>
  </si>
  <si>
    <t>22426</t>
  </si>
  <si>
    <t>11.96542739868164</t>
  </si>
  <si>
    <t>365.69317626953125</t>
  </si>
  <si>
    <t>0.02195512508176556</t>
  </si>
  <si>
    <t>12.102051734924316</t>
  </si>
  <si>
    <t>407.9832458496094</t>
  </si>
  <si>
    <t>0.0037386548799513974</t>
  </si>
  <si>
    <t>22148</t>
  </si>
  <si>
    <t>11.512389183044434</t>
  </si>
  <si>
    <t>647.800537109375</t>
  </si>
  <si>
    <t>-0.016212455957919758</t>
  </si>
  <si>
    <t>22555</t>
  </si>
  <si>
    <t>12.497220039367676</t>
  </si>
  <si>
    <t>466.2885437011719</t>
  </si>
  <si>
    <t>0.018209571899637567</t>
  </si>
  <si>
    <t>12.984207153320312</t>
  </si>
  <si>
    <t>677.0269165039062</t>
  </si>
  <si>
    <t>0.022142743980554158</t>
  </si>
  <si>
    <t>23556</t>
  </si>
  <si>
    <t>12.009625434875488</t>
  </si>
  <si>
    <t>669.35498046875</t>
  </si>
  <si>
    <t>0.021281050241411137</t>
  </si>
  <si>
    <t>24306</t>
  </si>
  <si>
    <t>13.026814460754395</t>
  </si>
  <si>
    <t>693.4036865234375</t>
  </si>
  <si>
    <t>0.03134266836628363</t>
  </si>
  <si>
    <t>12.412959098815918</t>
  </si>
  <si>
    <t>446.8308410644531</t>
  </si>
  <si>
    <t>0.03806331752810799</t>
  </si>
  <si>
    <t>26255</t>
  </si>
  <si>
    <t>12.094721794128418</t>
  </si>
  <si>
    <t>510.0622863769531</t>
  </si>
  <si>
    <t>0.03906989611310685</t>
  </si>
  <si>
    <t>27488</t>
  </si>
  <si>
    <t>12.527194023132324</t>
  </si>
  <si>
    <t>773.1502685546875</t>
  </si>
  <si>
    <t>0.045893098712021185</t>
  </si>
  <si>
    <t>29192</t>
  </si>
  <si>
    <t>12.469223022460938</t>
  </si>
  <si>
    <t>498.23443603515625</t>
  </si>
  <si>
    <t>0.06014515333230186</t>
  </si>
  <si>
    <t>29600</t>
  </si>
  <si>
    <t>12.353801727294922</t>
  </si>
  <si>
    <t>695.5230102539062</t>
  </si>
  <si>
    <t>0.013879662195869003</t>
  </si>
  <si>
    <t>12.773798942565918</t>
  </si>
  <si>
    <t>616.940185546875</t>
  </si>
  <si>
    <t>0.037660244696185785</t>
  </si>
  <si>
    <t>31097</t>
  </si>
  <si>
    <t>12.199507713317871</t>
  </si>
  <si>
    <t>468.44970703125</t>
  </si>
  <si>
    <t>0.011676745483622852</t>
  </si>
  <si>
    <t>31017</t>
  </si>
  <si>
    <t>12.32535457611084</t>
  </si>
  <si>
    <t>415.9118957519531</t>
  </si>
  <si>
    <t>-0.0025759102371569753</t>
  </si>
  <si>
    <t>31472</t>
  </si>
  <si>
    <t>12.902432441711426</t>
  </si>
  <si>
    <t>626.963134765625</t>
  </si>
  <si>
    <t>0.014562820374036889</t>
  </si>
  <si>
    <t>12.418007850646973</t>
  </si>
  <si>
    <t>536.5614624023438</t>
  </si>
  <si>
    <t>0.010147878122026555</t>
  </si>
  <si>
    <t>31516</t>
  </si>
  <si>
    <t>12.125731468200684</t>
  </si>
  <si>
    <t>583.6744384765625</t>
  </si>
  <si>
    <t>-0.008750786385288478</t>
  </si>
  <si>
    <t>12.786158561706543</t>
  </si>
  <si>
    <t>553.6442260742188</t>
  </si>
  <si>
    <t>-0.011007177988563654</t>
  </si>
  <si>
    <t>29892</t>
  </si>
  <si>
    <t>12.409459114074707</t>
  </si>
  <si>
    <t>767.5678100585938</t>
  </si>
  <si>
    <t>-0.04189728932683501</t>
  </si>
  <si>
    <t>29680</t>
  </si>
  <si>
    <t>12.920723915100098</t>
  </si>
  <si>
    <t>415.8616027832031</t>
  </si>
  <si>
    <t>-0.007117467768862795</t>
  </si>
  <si>
    <t>12.420781135559082</t>
  </si>
  <si>
    <t>510.8741149902344</t>
  </si>
  <si>
    <t>-0.03263597122658979</t>
  </si>
  <si>
    <t>27945</t>
  </si>
  <si>
    <t>12.28769302368164</t>
  </si>
  <si>
    <t>635.9728393554688</t>
  </si>
  <si>
    <t>-0.027599154350928856</t>
  </si>
  <si>
    <t>12.771224975585938</t>
  </si>
  <si>
    <t>537.5657958984375</t>
  </si>
  <si>
    <t>0.012800174766962158</t>
  </si>
  <si>
    <t>13.124999046325684</t>
  </si>
  <si>
    <t>495.38531494140625</t>
  </si>
  <si>
    <t>0.03829628507727989</t>
  </si>
  <si>
    <t>12.698958396911621</t>
  </si>
  <si>
    <t>530.2459716796875</t>
  </si>
  <si>
    <t>0.045107934452289555</t>
  </si>
  <si>
    <t>31493</t>
  </si>
  <si>
    <t>13.315423011779785</t>
  </si>
  <si>
    <t>404.5013732910156</t>
  </si>
  <si>
    <t>0.023322611896155365</t>
  </si>
  <si>
    <t>32234</t>
  </si>
  <si>
    <t>12.459227561950684</t>
  </si>
  <si>
    <t>664.8988647460938</t>
  </si>
  <si>
    <t>0.023256497186178393</t>
  </si>
  <si>
    <t>33018</t>
  </si>
  <si>
    <t>12.891846656799316</t>
  </si>
  <si>
    <t>490.4615173339844</t>
  </si>
  <si>
    <t>0.024031071205149246</t>
  </si>
  <si>
    <t>30212</t>
  </si>
  <si>
    <t>13.273114204406738</t>
  </si>
  <si>
    <t>592.359130859375</t>
  </si>
  <si>
    <t>-0.08881367085447422</t>
  </si>
  <si>
    <t>32095</t>
  </si>
  <si>
    <t>13.044224739074707</t>
  </si>
  <si>
    <t>560.06884765625</t>
  </si>
  <si>
    <t>0.060461058312538896</t>
  </si>
  <si>
    <t>33670</t>
  </si>
  <si>
    <t>13.540603637695312</t>
  </si>
  <si>
    <t>570.5606079101562</t>
  </si>
  <si>
    <t>0.04790697840924274</t>
  </si>
  <si>
    <t>14.600394248962402</t>
  </si>
  <si>
    <t>356.0401611328125</t>
  </si>
  <si>
    <t>407.58807373046875</t>
  </si>
  <si>
    <t>Saragossa</t>
  </si>
  <si>
    <t>29913</t>
  </si>
  <si>
    <t>13.859725952148438</t>
  </si>
  <si>
    <t>414.8381042480469</t>
  </si>
  <si>
    <t>0.021935076866254732</t>
  </si>
  <si>
    <t>14.11776065826416</t>
  </si>
  <si>
    <t>472.4090576171875</t>
  </si>
  <si>
    <t>0.00373719945128137</t>
  </si>
  <si>
    <t>29543</t>
  </si>
  <si>
    <t>13.790690422058105</t>
  </si>
  <si>
    <t>347.8239440917969</t>
  </si>
  <si>
    <t>-0.016183538808835607</t>
  </si>
  <si>
    <t>14.771312713623047</t>
  </si>
  <si>
    <t>420.730224609375</t>
  </si>
  <si>
    <t>0.018179879515104247</t>
  </si>
  <si>
    <t>30760</t>
  </si>
  <si>
    <t>14.92920970916748</t>
  </si>
  <si>
    <t>382.0662841796875</t>
  </si>
  <si>
    <t>0.02218843596512876</t>
  </si>
  <si>
    <t>14.078938484191895</t>
  </si>
  <si>
    <t>558.6700439453125</t>
  </si>
  <si>
    <t>0.021261314545439447</t>
  </si>
  <si>
    <t>32422</t>
  </si>
  <si>
    <t>15.115561485290527</t>
  </si>
  <si>
    <t>432.053466796875</t>
  </si>
  <si>
    <t>0.0313607455364977</t>
  </si>
  <si>
    <t>14.337567329406738</t>
  </si>
  <si>
    <t>307.46478271484375</t>
  </si>
  <si>
    <t>0.03803729300255121</t>
  </si>
  <si>
    <t>14.409049987792969</t>
  </si>
  <si>
    <t>426.74810791015625</t>
  </si>
  <si>
    <t>0.03907338383944925</t>
  </si>
  <si>
    <t>36665</t>
  </si>
  <si>
    <t>14.856553077697754</t>
  </si>
  <si>
    <t>455.1623229980469</t>
  </si>
  <si>
    <t>0.04587473998438085</t>
  </si>
  <si>
    <t>37383</t>
  </si>
  <si>
    <t>14.56333065032959</t>
  </si>
  <si>
    <t>350.27996826171875</t>
  </si>
  <si>
    <t>0.01939343408307792</t>
  </si>
  <si>
    <t>38593</t>
  </si>
  <si>
    <t>14.625727653503418</t>
  </si>
  <si>
    <t>446.9930419921875</t>
  </si>
  <si>
    <t>0.031854857246303325</t>
  </si>
  <si>
    <t>39396</t>
  </si>
  <si>
    <t>15.11731243133545</t>
  </si>
  <si>
    <t>544.41064453125</t>
  </si>
  <si>
    <t>0.020593375432312655</t>
  </si>
  <si>
    <t>14.367850303649902</t>
  </si>
  <si>
    <t>415.1678466796875</t>
  </si>
  <si>
    <t>0.01858448327608464</t>
  </si>
  <si>
    <t>40969</t>
  </si>
  <si>
    <t>14.273383140563965</t>
  </si>
  <si>
    <t>401.9276123046875</t>
  </si>
  <si>
    <t>0.02056691157386581</t>
  </si>
  <si>
    <t>42079</t>
  </si>
  <si>
    <t>15.22828197479248</t>
  </si>
  <si>
    <t>224.78933715820312</t>
  </si>
  <si>
    <t>0.026733120731117666</t>
  </si>
  <si>
    <t>43196</t>
  </si>
  <si>
    <t>14.658120155334473</t>
  </si>
  <si>
    <t>354.164794921875</t>
  </si>
  <si>
    <t>0.02619909448198854</t>
  </si>
  <si>
    <t>42566</t>
  </si>
  <si>
    <t>14.401654243469238</t>
  </si>
  <si>
    <t>547.9968872070312</t>
  </si>
  <si>
    <t>-0.014692085829901558</t>
  </si>
  <si>
    <t>40474</t>
  </si>
  <si>
    <t>14.935291290283203</t>
  </si>
  <si>
    <t>421.5158996582031</t>
  </si>
  <si>
    <t>-0.05039601989114395</t>
  </si>
  <si>
    <t>40591</t>
  </si>
  <si>
    <t>14.296248435974121</t>
  </si>
  <si>
    <t>401.5373229980469</t>
  </si>
  <si>
    <t>0.002886574507865447</t>
  </si>
  <si>
    <t>39878</t>
  </si>
  <si>
    <t>15.2033052444458</t>
  </si>
  <si>
    <t>377.890380859375</t>
  </si>
  <si>
    <t>-0.01772157377262573</t>
  </si>
  <si>
    <t>38143</t>
  </si>
  <si>
    <t>14.66302490234375</t>
  </si>
  <si>
    <t>387.6008605957031</t>
  </si>
  <si>
    <t>-0.044482538728432885</t>
  </si>
  <si>
    <t>38022</t>
  </si>
  <si>
    <t>14.483417510986328</t>
  </si>
  <si>
    <t>528.88232421875</t>
  </si>
  <si>
    <t>-0.003177315086839272</t>
  </si>
  <si>
    <t>15.201851844787598</t>
  </si>
  <si>
    <t>482.9340515136719</t>
  </si>
  <si>
    <t>0.01581246253523716</t>
  </si>
  <si>
    <t>39533</t>
  </si>
  <si>
    <t>15.383038520812988</t>
  </si>
  <si>
    <t>330.2361755371094</t>
  </si>
  <si>
    <t>0.02315836405209204</t>
  </si>
  <si>
    <t>40884</t>
  </si>
  <si>
    <t>14.946784019470215</t>
  </si>
  <si>
    <t>417.7474670410156</t>
  </si>
  <si>
    <t>0.033603022310066066</t>
  </si>
  <si>
    <t>15.45967960357666</t>
  </si>
  <si>
    <t>354.93280029296875</t>
  </si>
  <si>
    <t>0.04287448021367446</t>
  </si>
  <si>
    <t>14.929367065429688</t>
  </si>
  <si>
    <t>555.3432006835938</t>
  </si>
  <si>
    <t>0.0205489859618897</t>
  </si>
  <si>
    <t>44033</t>
  </si>
  <si>
    <t>15.309517860412598</t>
  </si>
  <si>
    <t>423.7439270019531</t>
  </si>
  <si>
    <t>0.010777098166412813</t>
  </si>
  <si>
    <t>39920</t>
  </si>
  <si>
    <t>15.400246620178223</t>
  </si>
  <si>
    <t>471.6282043457031</t>
  </si>
  <si>
    <t>-0.09806190136554349</t>
  </si>
  <si>
    <t>42408</t>
  </si>
  <si>
    <t>15.100868225097656</t>
  </si>
  <si>
    <t>374.4867858886719</t>
  </si>
  <si>
    <t>0.060459572242240966</t>
  </si>
  <si>
    <t>44489</t>
  </si>
  <si>
    <t>15.93909740447998</t>
  </si>
  <si>
    <t>354.8882141113281</t>
  </si>
  <si>
    <t>0.04790494391872002</t>
  </si>
  <si>
    <t>993</t>
  </si>
  <si>
    <t>11.777565002441406</t>
  </si>
  <si>
    <t>405.5090637207031</t>
  </si>
  <si>
    <t>110.13937377929688</t>
  </si>
  <si>
    <t>Segovia</t>
  </si>
  <si>
    <t>28165</t>
  </si>
  <si>
    <t>11.205512046813965</t>
  </si>
  <si>
    <t>418.99603271484375</t>
  </si>
  <si>
    <t>0.02196864975419821</t>
  </si>
  <si>
    <t>28270</t>
  </si>
  <si>
    <t>11.350201606750488</t>
  </si>
  <si>
    <t>484.94903564453125</t>
  </si>
  <si>
    <t>0.003721099358822144</t>
  </si>
  <si>
    <t>27816</t>
  </si>
  <si>
    <t>10.710105895996094</t>
  </si>
  <si>
    <t>604.4636840820312</t>
  </si>
  <si>
    <t>-0.016189776999938843</t>
  </si>
  <si>
    <t>11.82125186920166</t>
  </si>
  <si>
    <t>397.4998779296875</t>
  </si>
  <si>
    <t>0.0181687160866435</t>
  </si>
  <si>
    <t>28962</t>
  </si>
  <si>
    <t>12.226336479187012</t>
  </si>
  <si>
    <t>619.6943969726562</t>
  </si>
  <si>
    <t>0.022204515114205847</t>
  </si>
  <si>
    <t>29584</t>
  </si>
  <si>
    <t>11.235501289367676</t>
  </si>
  <si>
    <t>780.264404296875</t>
  </si>
  <si>
    <t>0.02124904873835831</t>
  </si>
  <si>
    <t>30526</t>
  </si>
  <si>
    <t>12.268834114074707</t>
  </si>
  <si>
    <t>762.0098876953125</t>
  </si>
  <si>
    <t>0.03134510484816211</t>
  </si>
  <si>
    <t>31710</t>
  </si>
  <si>
    <t>11.657477378845215</t>
  </si>
  <si>
    <t>483.5649719238281</t>
  </si>
  <si>
    <t>0.03805330905732518</t>
  </si>
  <si>
    <t>32974</t>
  </si>
  <si>
    <t>11.342513084411621</t>
  </si>
  <si>
    <t>513.3702392578125</t>
  </si>
  <si>
    <t>0.03908728358873148</t>
  </si>
  <si>
    <t>34521</t>
  </si>
  <si>
    <t>11.747916221618652</t>
  </si>
  <si>
    <t>687.44970703125</t>
  </si>
  <si>
    <t>0.0458484623704436</t>
  </si>
  <si>
    <t>34561</t>
  </si>
  <si>
    <t>11.696121215820312</t>
  </si>
  <si>
    <t>519.8145751953125</t>
  </si>
  <si>
    <t>0.0011580441929943674</t>
  </si>
  <si>
    <t>35811</t>
  </si>
  <si>
    <t>11.612788200378418</t>
  </si>
  <si>
    <t>659.6043090820312</t>
  </si>
  <si>
    <t>0.03552923007858588</t>
  </si>
  <si>
    <t>36270</t>
  </si>
  <si>
    <t>12.080985069274902</t>
  </si>
  <si>
    <t>632.093017578125</t>
  </si>
  <si>
    <t>0.012735844513800387</t>
  </si>
  <si>
    <t>36296</t>
  </si>
  <si>
    <t>11.460896492004395</t>
  </si>
  <si>
    <t>582.703857421875</t>
  </si>
  <si>
    <t>0.0007165890668510144</t>
  </si>
  <si>
    <t>37323</t>
  </si>
  <si>
    <t>11.573219299316406</t>
  </si>
  <si>
    <t>412.24114990234375</t>
  </si>
  <si>
    <t>0.02790221623880207</t>
  </si>
  <si>
    <t>12.139884948730469</t>
  </si>
  <si>
    <t>638.3397827148438</t>
  </si>
  <si>
    <t>0.01425897373098195</t>
  </si>
  <si>
    <t>38155</t>
  </si>
  <si>
    <t>11.591643333435059</t>
  </si>
  <si>
    <t>608.9031372070312</t>
  </si>
  <si>
    <t>0.0077880784101491685</t>
  </si>
  <si>
    <t>36410</t>
  </si>
  <si>
    <t>11.344496726989746</t>
  </si>
  <si>
    <t>671.432861328125</t>
  </si>
  <si>
    <t>-0.04681334855425412</t>
  </si>
  <si>
    <t>34577</t>
  </si>
  <si>
    <t>12.0586519241333</t>
  </si>
  <si>
    <t>536.39599609375</t>
  </si>
  <si>
    <t>-0.05165474104557255</t>
  </si>
  <si>
    <t>34885</t>
  </si>
  <si>
    <t>11.585837364196777</t>
  </si>
  <si>
    <t>747.4967041015625</t>
  </si>
  <si>
    <t>0.00886821624943046</t>
  </si>
  <si>
    <t>34115</t>
  </si>
  <si>
    <t>12.210064888000488</t>
  </si>
  <si>
    <t>450.48065185546875</t>
  </si>
  <si>
    <t>-0.022319767123812895</t>
  </si>
  <si>
    <t>11.663089752197266</t>
  </si>
  <si>
    <t>513.848876953125</t>
  </si>
  <si>
    <t>-0.04478091750516633</t>
  </si>
  <si>
    <t>32121</t>
  </si>
  <si>
    <t>11.551165580749512</t>
  </si>
  <si>
    <t>644.5211791992188</t>
  </si>
  <si>
    <t>-0.015446230917977033</t>
  </si>
  <si>
    <t>32947</t>
  </si>
  <si>
    <t>12.089885711669922</t>
  </si>
  <si>
    <t>551.9574584960938</t>
  </si>
  <si>
    <t>0.02539018791826919</t>
  </si>
  <si>
    <t>34374</t>
  </si>
  <si>
    <t>12.467567443847656</t>
  </si>
  <si>
    <t>452.9968566894531</t>
  </si>
  <si>
    <t>0.042400254891983735</t>
  </si>
  <si>
    <t>34472</t>
  </si>
  <si>
    <t>11.99160385131836</t>
  </si>
  <si>
    <t>568.804931640625</t>
  </si>
  <si>
    <t>0.0028469356590399286</t>
  </si>
  <si>
    <t>33128</t>
  </si>
  <si>
    <t>12.65783405303955</t>
  </si>
  <si>
    <t>385.5498962402344</t>
  </si>
  <si>
    <t>-0.039768554070269246</t>
  </si>
  <si>
    <t>34036</t>
  </si>
  <si>
    <t>11.76660442352295</t>
  </si>
  <si>
    <t>728.4816284179688</t>
  </si>
  <si>
    <t>0.027039941744044782</t>
  </si>
  <si>
    <t>34531</t>
  </si>
  <si>
    <t>12.227993965148926</t>
  </si>
  <si>
    <t>471.7945556640625</t>
  </si>
  <si>
    <t>0.01443868331960374</t>
  </si>
  <si>
    <t>12.50757122039795</t>
  </si>
  <si>
    <t>605.8474731445312</t>
  </si>
  <si>
    <t>-0.09820742538937388</t>
  </si>
  <si>
    <t>12.316097259521484</t>
  </si>
  <si>
    <t>519.3799438476562</t>
  </si>
  <si>
    <t>0.06046486975129994</t>
  </si>
  <si>
    <t>12.82739543914795</t>
  </si>
  <si>
    <t>594.7998657226562</t>
  </si>
  <si>
    <t>0.04791335569589705</t>
  </si>
  <si>
    <t>994</t>
  </si>
  <si>
    <t>20944</t>
  </si>
  <si>
    <t>18.319612503051758</t>
  </si>
  <si>
    <t>403.52581787109375</t>
  </si>
  <si>
    <t>715.0013427734375</t>
  </si>
  <si>
    <t>Seville</t>
  </si>
  <si>
    <t>17.779760360717773</t>
  </si>
  <si>
    <t>521.8277587890625</t>
  </si>
  <si>
    <t>0.021959185197040654</t>
  </si>
  <si>
    <t>21489</t>
  </si>
  <si>
    <t>17.831180572509766</t>
  </si>
  <si>
    <t>455.23016357421875</t>
  </si>
  <si>
    <t>0.0037297819358386164</t>
  </si>
  <si>
    <t>17.230022430419922</t>
  </si>
  <si>
    <t>530.5047607421875</t>
  </si>
  <si>
    <t>-0.016184998998435063</t>
  </si>
  <si>
    <t>18.18076515197754</t>
  </si>
  <si>
    <t>357.604248046875</t>
  </si>
  <si>
    <t>0.018184023396722537</t>
  </si>
  <si>
    <t>22015</t>
  </si>
  <si>
    <t>18.733200073242188</t>
  </si>
  <si>
    <t>787.9057006835938</t>
  </si>
  <si>
    <t>0.022183838509006293</t>
  </si>
  <si>
    <t>22488</t>
  </si>
  <si>
    <t>17.747133255004883</t>
  </si>
  <si>
    <t>860.02197265625</t>
  </si>
  <si>
    <t>0.02125779439651332</t>
  </si>
  <si>
    <t>23205</t>
  </si>
  <si>
    <t>18.602380752563477</t>
  </si>
  <si>
    <t>714.6755981445312</t>
  </si>
  <si>
    <t>0.03138593908890819</t>
  </si>
  <si>
    <t>24104</t>
  </si>
  <si>
    <t>18.12883758544922</t>
  </si>
  <si>
    <t>404.4925842285156</t>
  </si>
  <si>
    <t>0.03801002913486151</t>
  </si>
  <si>
    <t>25065</t>
  </si>
  <si>
    <t>17.79891014099121</t>
  </si>
  <si>
    <t>480.0761413574219</t>
  </si>
  <si>
    <t>0.03909464888746683</t>
  </si>
  <si>
    <t>26241</t>
  </si>
  <si>
    <t>18.2797908782959</t>
  </si>
  <si>
    <t>755.0067138671875</t>
  </si>
  <si>
    <t>0.045850622390361195</t>
  </si>
  <si>
    <t>18.3050537109375</t>
  </si>
  <si>
    <t>579.3018188476562</t>
  </si>
  <si>
    <t>0.039673513157501006</t>
  </si>
  <si>
    <t>28618</t>
  </si>
  <si>
    <t>17.847627639770508</t>
  </si>
  <si>
    <t>652.5955810546875</t>
  </si>
  <si>
    <t>0.047039304221213385</t>
  </si>
  <si>
    <t>29552</t>
  </si>
  <si>
    <t>18.522781372070312</t>
  </si>
  <si>
    <t>613.45458984375</t>
  </si>
  <si>
    <t>0.03211553297234104</t>
  </si>
  <si>
    <t>17.936853408813477</t>
  </si>
  <si>
    <t>482.419189453125</t>
  </si>
  <si>
    <t>0.020000331670402716</t>
  </si>
  <si>
    <t>31190</t>
  </si>
  <si>
    <t>18.02486801147461</t>
  </si>
  <si>
    <t>408.1316223144531</t>
  </si>
  <si>
    <t>0.03394577549242506</t>
  </si>
  <si>
    <t>18.551801681518555</t>
  </si>
  <si>
    <t>616.5631103515625</t>
  </si>
  <si>
    <t>0.015808971514497117</t>
  </si>
  <si>
    <t>18.094751358032227</t>
  </si>
  <si>
    <t>450.24810791015625</t>
  </si>
  <si>
    <t>0.02929496135721088</t>
  </si>
  <si>
    <t>17.83854103088379</t>
  </si>
  <si>
    <t>590.435302734375</t>
  </si>
  <si>
    <t>-0.016314281192707725</t>
  </si>
  <si>
    <t>18.688844680786133</t>
  </si>
  <si>
    <t>740.7929077148438</t>
  </si>
  <si>
    <t>-0.04439654066726462</t>
  </si>
  <si>
    <t>30237</t>
  </si>
  <si>
    <t>18.386512756347656</t>
  </si>
  <si>
    <t>938.53125</t>
  </si>
  <si>
    <t>-0.01542430159059549</t>
  </si>
  <si>
    <t>29854</t>
  </si>
  <si>
    <t>18.5953311920166</t>
  </si>
  <si>
    <t>530.1135864257812</t>
  </si>
  <si>
    <t>-0.012747505829803885</t>
  </si>
  <si>
    <t>29024</t>
  </si>
  <si>
    <t>18.28946876525879</t>
  </si>
  <si>
    <t>559.0667114257812</t>
  </si>
  <si>
    <t>-0.02819576027832227</t>
  </si>
  <si>
    <t>28005</t>
  </si>
  <si>
    <t>18.068143844604492</t>
  </si>
  <si>
    <t>649.2993774414062</t>
  </si>
  <si>
    <t>-0.03574000827092938</t>
  </si>
  <si>
    <t>28557</t>
  </si>
  <si>
    <t>18.543413162231445</t>
  </si>
  <si>
    <t>576.5093383789062</t>
  </si>
  <si>
    <t>0.01951902427548191</t>
  </si>
  <si>
    <t>29186</t>
  </si>
  <si>
    <t>18.999279022216797</t>
  </si>
  <si>
    <t>377.07037353515625</t>
  </si>
  <si>
    <t>0.0217870523082766</t>
  </si>
  <si>
    <t>18.632944107055664</t>
  </si>
  <si>
    <t>569.88134765625</t>
  </si>
  <si>
    <t>0.015233208540989196</t>
  </si>
  <si>
    <t>30531</t>
  </si>
  <si>
    <t>19.234304428100586</t>
  </si>
  <si>
    <t>453.0441589355469</t>
  </si>
  <si>
    <t>0.029820210091360266</t>
  </si>
  <si>
    <t>18.040651321411133</t>
  </si>
  <si>
    <t>693.0486450195312</t>
  </si>
  <si>
    <t>0.019686377389579235</t>
  </si>
  <si>
    <t>31552</t>
  </si>
  <si>
    <t>18.643251419067383</t>
  </si>
  <si>
    <t>404.7109680175781</t>
  </si>
  <si>
    <t>0.013208040152742129</t>
  </si>
  <si>
    <t>28144</t>
  </si>
  <si>
    <t>18.963119506835938</t>
  </si>
  <si>
    <t>530.9488525390625</t>
  </si>
  <si>
    <t>-0.11430279042502356</t>
  </si>
  <si>
    <t>18.866092681884766</t>
  </si>
  <si>
    <t>348.3966064453125</t>
  </si>
  <si>
    <t>0.060457400532120786</t>
  </si>
  <si>
    <t>31366</t>
  </si>
  <si>
    <t>19.26957893371582</t>
  </si>
  <si>
    <t>557.2398071289062</t>
  </si>
  <si>
    <t>0.047932915184910385</t>
  </si>
  <si>
    <t>995</t>
  </si>
  <si>
    <t>27403</t>
  </si>
  <si>
    <t>10.989476203918457</t>
  </si>
  <si>
    <t>425.3883972167969</t>
  </si>
  <si>
    <t>37.68295669555664</t>
  </si>
  <si>
    <t>Soria</t>
  </si>
  <si>
    <t>10.376337051391602</t>
  </si>
  <si>
    <t>441.2630920410156</t>
  </si>
  <si>
    <t>0.02198049334164054</t>
  </si>
  <si>
    <t>28116</t>
  </si>
  <si>
    <t>10.550209045410156</t>
  </si>
  <si>
    <t>494.2391052246094</t>
  </si>
  <si>
    <t>0.003705819520387621</t>
  </si>
  <si>
    <t>27665</t>
  </si>
  <si>
    <t>10.071258544921875</t>
  </si>
  <si>
    <t>510.8250427246094</t>
  </si>
  <si>
    <t>-0.01617073296358562</t>
  </si>
  <si>
    <t>28173</t>
  </si>
  <si>
    <t>11.032601356506348</t>
  </si>
  <si>
    <t>447.7716369628906</t>
  </si>
  <si>
    <t>0.018195996140512705</t>
  </si>
  <si>
    <t>28805</t>
  </si>
  <si>
    <t>11.409732818603516</t>
  </si>
  <si>
    <t>561.4182739257812</t>
  </si>
  <si>
    <t>0.02218491069375972</t>
  </si>
  <si>
    <t>29424</t>
  </si>
  <si>
    <t>10.482632637023926</t>
  </si>
  <si>
    <t>686.0574340820312</t>
  </si>
  <si>
    <t>0.02126168467762035</t>
  </si>
  <si>
    <t>30361</t>
  </si>
  <si>
    <t>11.526564598083496</t>
  </si>
  <si>
    <t>660.8829956054688</t>
  </si>
  <si>
    <t>0.03134822219943345</t>
  </si>
  <si>
    <t>10.855704307556152</t>
  </si>
  <si>
    <t>432.402587890625</t>
  </si>
  <si>
    <t>0.03803427792199621</t>
  </si>
  <si>
    <t>32795</t>
  </si>
  <si>
    <t>10.656888008117676</t>
  </si>
  <si>
    <t>526.0862426757812</t>
  </si>
  <si>
    <t>0.039082896762302255</t>
  </si>
  <si>
    <t>34334</t>
  </si>
  <si>
    <t>11.074653625488281</t>
  </si>
  <si>
    <t>629.1617431640625</t>
  </si>
  <si>
    <t>0.04586005210303945</t>
  </si>
  <si>
    <t>34253</t>
  </si>
  <si>
    <t>10.943984985351562</t>
  </si>
  <si>
    <t>469.3165283203125</t>
  </si>
  <si>
    <t>-0.002361964735516864</t>
  </si>
  <si>
    <t>35697</t>
  </si>
  <si>
    <t>10.88856029510498</t>
  </si>
  <si>
    <t>644.1478271484375</t>
  </si>
  <si>
    <t>0.04129249952790559</t>
  </si>
  <si>
    <t>36468</t>
  </si>
  <si>
    <t>11.35888671875</t>
  </si>
  <si>
    <t>620.2808227539062</t>
  </si>
  <si>
    <t>0.0213685120815299</t>
  </si>
  <si>
    <t>37525</t>
  </si>
  <si>
    <t>10.72076416015625</t>
  </si>
  <si>
    <t>544.2971801757812</t>
  </si>
  <si>
    <t>0.028572213796868695</t>
  </si>
  <si>
    <t>10.731118202209473</t>
  </si>
  <si>
    <t>429.4369201660156</t>
  </si>
  <si>
    <t>-0.028572213796868695</t>
  </si>
  <si>
    <t>37024</t>
  </si>
  <si>
    <t>11.423541069030762</t>
  </si>
  <si>
    <t>495.85516357421875</t>
  </si>
  <si>
    <t>0.015131187288609738</t>
  </si>
  <si>
    <t>10.9625883102417</t>
  </si>
  <si>
    <t>0.027361014160019792</t>
  </si>
  <si>
    <t>38056</t>
  </si>
  <si>
    <t>10.685376167297363</t>
  </si>
  <si>
    <t>654.47509765625</t>
  </si>
  <si>
    <t>0.00013139395869465886</t>
  </si>
  <si>
    <t>11.214539527893066</t>
  </si>
  <si>
    <t>513.599609375</t>
  </si>
  <si>
    <t>-0.05545649081256698</t>
  </si>
  <si>
    <t>37291</t>
  </si>
  <si>
    <t>10.689656257629395</t>
  </si>
  <si>
    <t>610.003662109375</t>
  </si>
  <si>
    <t>0.035149742354727564</t>
  </si>
  <si>
    <t>37181</t>
  </si>
  <si>
    <t>11.505321502685547</t>
  </si>
  <si>
    <t>440.22418212890625</t>
  </si>
  <si>
    <t>-0.002954132559796818</t>
  </si>
  <si>
    <t>10.906967163085938</t>
  </si>
  <si>
    <t>483.6138610839844</t>
  </si>
  <si>
    <t>-0.05452454860355438</t>
  </si>
  <si>
    <t>10.744384765625</t>
  </si>
  <si>
    <t>642.2919311523438</t>
  </si>
  <si>
    <t>0.010144912158118302</t>
  </si>
  <si>
    <t>36333</t>
  </si>
  <si>
    <t>11.420945167541504</t>
  </si>
  <si>
    <t>554.3934936523438</t>
  </si>
  <si>
    <t>0.02130817754011538</t>
  </si>
  <si>
    <t>11.675060272216797</t>
  </si>
  <si>
    <t>493.4925231933594</t>
  </si>
  <si>
    <t>0.03353267292524542</t>
  </si>
  <si>
    <t>11.228023529052734</t>
  </si>
  <si>
    <t>513.5606689453125</t>
  </si>
  <si>
    <t>0.009456898865600749</t>
  </si>
  <si>
    <t>11.775641441345215</t>
  </si>
  <si>
    <t>437.61358642578125</t>
  </si>
  <si>
    <t>0.013590687996243744</t>
  </si>
  <si>
    <t>42907</t>
  </si>
  <si>
    <t>11.065528869628906</t>
  </si>
  <si>
    <t>688.9326171875</t>
  </si>
  <si>
    <t>0.10972830379222565</t>
  </si>
  <si>
    <t>42794</t>
  </si>
  <si>
    <t>11.49569320678711</t>
  </si>
  <si>
    <t>525.1563110351562</t>
  </si>
  <si>
    <t>-0.0026370769415802187</t>
  </si>
  <si>
    <t>37880</t>
  </si>
  <si>
    <t>11.787227630615234</t>
  </si>
  <si>
    <t>612.8104248046875</t>
  </si>
  <si>
    <t>-0.12197463752688087</t>
  </si>
  <si>
    <t>11.52396297454834</t>
  </si>
  <si>
    <t>531.5477905273438</t>
  </si>
  <si>
    <t>0.06043825747360643</t>
  </si>
  <si>
    <t>12.12981128692627</t>
  </si>
  <si>
    <t>493.150146484375</t>
  </si>
  <si>
    <t>0.047937770311882844</t>
  </si>
  <si>
    <t>996</t>
  </si>
  <si>
    <t>15.543208122253418</t>
  </si>
  <si>
    <t>534.5609741210938</t>
  </si>
  <si>
    <t>319.7442626953125</t>
  </si>
  <si>
    <t>Tarragona</t>
  </si>
  <si>
    <t>35825</t>
  </si>
  <si>
    <t>14.64635181427002</t>
  </si>
  <si>
    <t>631.178466796875</t>
  </si>
  <si>
    <t>0.021955955908254055</t>
  </si>
  <si>
    <t>35959</t>
  </si>
  <si>
    <t>14.978240966796875</t>
  </si>
  <si>
    <t>639.3819580078125</t>
  </si>
  <si>
    <t>0.0037334268262085857</t>
  </si>
  <si>
    <t>35382</t>
  </si>
  <si>
    <t>14.776752471923828</t>
  </si>
  <si>
    <t>494.08929443359375</t>
  </si>
  <si>
    <t>-0.016176184294023344</t>
  </si>
  <si>
    <t>36031</t>
  </si>
  <si>
    <t>15.762476921081543</t>
  </si>
  <si>
    <t>587.48046875</t>
  </si>
  <si>
    <t>0.018176462777331537</t>
  </si>
  <si>
    <t>15.75586986541748</t>
  </si>
  <si>
    <t>554.3709716796875</t>
  </si>
  <si>
    <t>0.022177387586685526</t>
  </si>
  <si>
    <t>37631</t>
  </si>
  <si>
    <t>14.90174388885498</t>
  </si>
  <si>
    <t>790.0228881835938</t>
  </si>
  <si>
    <t>0.021271112183399055</t>
  </si>
  <si>
    <t>16.01910972595215</t>
  </si>
  <si>
    <t>563.168212890625</t>
  </si>
  <si>
    <t>0.03133921133457385</t>
  </si>
  <si>
    <t>40335</t>
  </si>
  <si>
    <t>15.091242790222168</t>
  </si>
  <si>
    <t>433.44805908203125</t>
  </si>
  <si>
    <t>0.03805218826052581</t>
  </si>
  <si>
    <t>15.43246841430664</t>
  </si>
  <si>
    <t>508.2359619140625</t>
  </si>
  <si>
    <t>0.03906813311999002</t>
  </si>
  <si>
    <t>43911</t>
  </si>
  <si>
    <t>15.883036613464355</t>
  </si>
  <si>
    <t>590.2134399414062</t>
  </si>
  <si>
    <t>0.04587714666099174</t>
  </si>
  <si>
    <t>45737</t>
  </si>
  <si>
    <t>15.36704158782959</t>
  </si>
  <si>
    <t>474.3717346191406</t>
  </si>
  <si>
    <t>0.040742740167033276</t>
  </si>
  <si>
    <t>47528</t>
  </si>
  <si>
    <t>15.54660701751709</t>
  </si>
  <si>
    <t>638.8726806640625</t>
  </si>
  <si>
    <t>0.03841141271648851</t>
  </si>
  <si>
    <t>16.127330780029297</t>
  </si>
  <si>
    <t>717.4560546875</t>
  </si>
  <si>
    <t>-0.011660890822025038</t>
  </si>
  <si>
    <t>48111</t>
  </si>
  <si>
    <t>15.183817863464355</t>
  </si>
  <si>
    <t>599.430419921875</t>
  </si>
  <si>
    <t>0.023852720963365215</t>
  </si>
  <si>
    <t>45351</t>
  </si>
  <si>
    <t>15.046624183654785</t>
  </si>
  <si>
    <t>648.064697265625</t>
  </si>
  <si>
    <t>-0.059078614160100074</t>
  </si>
  <si>
    <t>45289</t>
  </si>
  <si>
    <t>16.22870635986328</t>
  </si>
  <si>
    <t>335.0860595703125</t>
  </si>
  <si>
    <t>-0.0013680496396677455</t>
  </si>
  <si>
    <t>45434</t>
  </si>
  <si>
    <t>15.483314514160156</t>
  </si>
  <si>
    <t>477.1861572265625</t>
  </si>
  <si>
    <t>0.0031965460460163797</t>
  </si>
  <si>
    <t>44743</t>
  </si>
  <si>
    <t>15.2825927734375</t>
  </si>
  <si>
    <t>679.356689453125</t>
  </si>
  <si>
    <t>-0.015325715536771867</t>
  </si>
  <si>
    <t>42732</t>
  </si>
  <si>
    <t>15.806777000427246</t>
  </si>
  <si>
    <t>512.35791015625</t>
  </si>
  <si>
    <t>-0.04598695382061635</t>
  </si>
  <si>
    <t>43365</t>
  </si>
  <si>
    <t>15.20613956451416</t>
  </si>
  <si>
    <t>576.69140625</t>
  </si>
  <si>
    <t>0.014704610052778122</t>
  </si>
  <si>
    <t>42353</t>
  </si>
  <si>
    <t>15.98974323272705</t>
  </si>
  <si>
    <t>566.8218994140625</t>
  </si>
  <si>
    <t>-0.0236134072946097</t>
  </si>
  <si>
    <t>40910</t>
  </si>
  <si>
    <t>15.64792537689209</t>
  </si>
  <si>
    <t>530.3944091796875</t>
  </si>
  <si>
    <t>-0.03466472490050165</t>
  </si>
  <si>
    <t>40519</t>
  </si>
  <si>
    <t>15.487959861755371</t>
  </si>
  <si>
    <t>674.302734375</t>
  </si>
  <si>
    <t>-0.009603532036141615</t>
  </si>
  <si>
    <t>41606</t>
  </si>
  <si>
    <t>16.094266891479492</t>
  </si>
  <si>
    <t>619.1770629882812</t>
  </si>
  <si>
    <t>0.026473387731025255</t>
  </si>
  <si>
    <t>43925</t>
  </si>
  <si>
    <t>16.191513061523438</t>
  </si>
  <si>
    <t>432.0221252441406</t>
  </si>
  <si>
    <t>0.054239246436969424</t>
  </si>
  <si>
    <t>45811</t>
  </si>
  <si>
    <t>15.759029388427734</t>
  </si>
  <si>
    <t>533.1045532226562</t>
  </si>
  <si>
    <t>0.04204060288214784</t>
  </si>
  <si>
    <t>47231</t>
  </si>
  <si>
    <t>16.2222957611084</t>
  </si>
  <si>
    <t>371.232421875</t>
  </si>
  <si>
    <t>0.030526219711845215</t>
  </si>
  <si>
    <t>46653</t>
  </si>
  <si>
    <t>15.910210609436035</t>
  </si>
  <si>
    <t>761.2581176757812</t>
  </si>
  <si>
    <t>-0.012313222759843256</t>
  </si>
  <si>
    <t>46349</t>
  </si>
  <si>
    <t>16.210704803466797</t>
  </si>
  <si>
    <t>599.6298828125</t>
  </si>
  <si>
    <t>-0.006537517101220303</t>
  </si>
  <si>
    <t>39310</t>
  </si>
  <si>
    <t>16.133909225463867</t>
  </si>
  <si>
    <t>627.560302734375</t>
  </si>
  <si>
    <t>-0.16472077737232205</t>
  </si>
  <si>
    <t>41760</t>
  </si>
  <si>
    <t>15.791019439697266</t>
  </si>
  <si>
    <t>476.4556884765625</t>
  </si>
  <si>
    <t>0.06046000414061581</t>
  </si>
  <si>
    <t>16.9304256439209</t>
  </si>
  <si>
    <t>434.3063049316406</t>
  </si>
  <si>
    <t>0.04792315825142346</t>
  </si>
  <si>
    <t>27018</t>
  </si>
  <si>
    <t>16.55000114440918</t>
  </si>
  <si>
    <t>508.8000183105469</t>
  </si>
  <si>
    <t>227.78146362304688</t>
  </si>
  <si>
    <t>Tenerife</t>
  </si>
  <si>
    <t>27618</t>
  </si>
  <si>
    <t>15.72500228881836</t>
  </si>
  <si>
    <t>392.60003662109375</t>
  </si>
  <si>
    <t>0.021964423515669296</t>
  </si>
  <si>
    <t>268.0</t>
  </si>
  <si>
    <t>0.0037225146439308077</t>
  </si>
  <si>
    <t>27277</t>
  </si>
  <si>
    <t>582.7999877929688</t>
  </si>
  <si>
    <t>-0.016146392453531888</t>
  </si>
  <si>
    <t>27777</t>
  </si>
  <si>
    <t>16.049999237060547</t>
  </si>
  <si>
    <t>297.4000549316406</t>
  </si>
  <si>
    <t>0.018164483880461546</t>
  </si>
  <si>
    <t>0.022180805033141127</t>
  </si>
  <si>
    <t>29010</t>
  </si>
  <si>
    <t>15.97499942779541</t>
  </si>
  <si>
    <t>653.6000366210938</t>
  </si>
  <si>
    <t>0.02125145296615294</t>
  </si>
  <si>
    <t>16.649999618530273</t>
  </si>
  <si>
    <t>377.70001220703125</t>
  </si>
  <si>
    <t>0.03135435997364233</t>
  </si>
  <si>
    <t>31095</t>
  </si>
  <si>
    <t>16.733335494995117</t>
  </si>
  <si>
    <t>392.20001220703125</t>
  </si>
  <si>
    <t>0.03805207644889741</t>
  </si>
  <si>
    <t>32334</t>
  </si>
  <si>
    <t>16.099998474121094</t>
  </si>
  <si>
    <t>398.3999938964844</t>
  </si>
  <si>
    <t>0.039072273623562026</t>
  </si>
  <si>
    <t>33852</t>
  </si>
  <si>
    <t>16.441667556762695</t>
  </si>
  <si>
    <t>231.60000610351562</t>
  </si>
  <si>
    <t>0.04587877362844495</t>
  </si>
  <si>
    <t>17.008333206176758</t>
  </si>
  <si>
    <t>596.5999755859375</t>
  </si>
  <si>
    <t>0.032778387782595786</t>
  </si>
  <si>
    <t>16.575000762939453</t>
  </si>
  <si>
    <t>658.6000366210938</t>
  </si>
  <si>
    <t>0.008426376435478389</t>
  </si>
  <si>
    <t>35409</t>
  </si>
  <si>
    <t>16.58333396911621</t>
  </si>
  <si>
    <t>289.1000061035156</t>
  </si>
  <si>
    <t>0.0037631790891072825</t>
  </si>
  <si>
    <t>16.208332061767578</t>
  </si>
  <si>
    <t>494.70001220703125</t>
  </si>
  <si>
    <t>0.004930073513076394</t>
  </si>
  <si>
    <t>36029</t>
  </si>
  <si>
    <t>16.26666831970215</t>
  </si>
  <si>
    <t>838.0000610351562</t>
  </si>
  <si>
    <t>0.012428071097813742</t>
  </si>
  <si>
    <t>35839</t>
  </si>
  <si>
    <t>16.691665649414062</t>
  </si>
  <si>
    <t>641.7000732421875</t>
  </si>
  <si>
    <t>-0.005287483794177206</t>
  </si>
  <si>
    <t>36123</t>
  </si>
  <si>
    <t>343.70001220703125</t>
  </si>
  <si>
    <t>0.007893095646437587</t>
  </si>
  <si>
    <t>16.225000381469727</t>
  </si>
  <si>
    <t>416.6000061035156</t>
  </si>
  <si>
    <t>-0.024861494330641776</t>
  </si>
  <si>
    <t>16.866666793823242</t>
  </si>
  <si>
    <t>360.0</t>
  </si>
  <si>
    <t>-0.07729598199949095</t>
  </si>
  <si>
    <t>33362</t>
  </si>
  <si>
    <t>17.066665649414062</t>
  </si>
  <si>
    <t>628.7000122070312</t>
  </si>
  <si>
    <t>0.022645222483804517</t>
  </si>
  <si>
    <t>32804</t>
  </si>
  <si>
    <t>16.450000762939453</t>
  </si>
  <si>
    <t>210.8000030517578</t>
  </si>
  <si>
    <t>-0.016867068557699483</t>
  </si>
  <si>
    <t>31382</t>
  </si>
  <si>
    <t>16.79166603088379</t>
  </si>
  <si>
    <t>343.3000183105469</t>
  </si>
  <si>
    <t>-0.04431597903728779</t>
  </si>
  <si>
    <t>30450</t>
  </si>
  <si>
    <t>16.783334732055664</t>
  </si>
  <si>
    <t>516.7000122070312</t>
  </si>
  <si>
    <t>-0.030148485980969753</t>
  </si>
  <si>
    <t>30538</t>
  </si>
  <si>
    <t>16.475000381469727</t>
  </si>
  <si>
    <t>534.7000122070312</t>
  </si>
  <si>
    <t>0.0028858156054134554</t>
  </si>
  <si>
    <t>31474</t>
  </si>
  <si>
    <t>321.0999755859375</t>
  </si>
  <si>
    <t>0.03018999841735237</t>
  </si>
  <si>
    <t>31823</t>
  </si>
  <si>
    <t>16.624998092651367</t>
  </si>
  <si>
    <t>439.6000061035156</t>
  </si>
  <si>
    <t>0.01102749061369579</t>
  </si>
  <si>
    <t>17.108335494995117</t>
  </si>
  <si>
    <t>310.70001220703125</t>
  </si>
  <si>
    <t>0.028072236244497617</t>
  </si>
  <si>
    <t>15.958332061767578</t>
  </si>
  <si>
    <t>0.0046942718648299575</t>
  </si>
  <si>
    <t>32881</t>
  </si>
  <si>
    <t>16.700000762939453</t>
  </si>
  <si>
    <t>281.29998779296875</t>
  </si>
  <si>
    <t>-6.082355089809255e-05</t>
  </si>
  <si>
    <t>26508</t>
  </si>
  <si>
    <t>17.066667556762695</t>
  </si>
  <si>
    <t>413.6999816894531</t>
  </si>
  <si>
    <t>-0.21544840912481789</t>
  </si>
  <si>
    <t>280.20001220703125</t>
  </si>
  <si>
    <t>0.060420445069683026</t>
  </si>
  <si>
    <t>29542</t>
  </si>
  <si>
    <t>17.0</t>
  </si>
  <si>
    <t>292.1000061035156</t>
  </si>
  <si>
    <t>0.04794596032274612</t>
  </si>
  <si>
    <t>998</t>
  </si>
  <si>
    <t>28951</t>
  </si>
  <si>
    <t>11.251296043395996</t>
  </si>
  <si>
    <t>462.7234802246094</t>
  </si>
  <si>
    <t>42.059173583984375</t>
  </si>
  <si>
    <t>Teruel</t>
  </si>
  <si>
    <t>29594</t>
  </si>
  <si>
    <t>10.565922737121582</t>
  </si>
  <si>
    <t>569.6365966796875</t>
  </si>
  <si>
    <t>0.02196689234357585</t>
  </si>
  <si>
    <t>10.769349098205566</t>
  </si>
  <si>
    <t>598.7428588867188</t>
  </si>
  <si>
    <t>0.003710078794435745</t>
  </si>
  <si>
    <t>29228</t>
  </si>
  <si>
    <t>10.351096153259277</t>
  </si>
  <si>
    <t>503.6212158203125</t>
  </si>
  <si>
    <t>-0.016154562945807527</t>
  </si>
  <si>
    <t>11.322609901428223</t>
  </si>
  <si>
    <t>477.9547424316406</t>
  </si>
  <si>
    <t>0.018172455606043414</t>
  </si>
  <si>
    <t>30431</t>
  </si>
  <si>
    <t>11.657947540283203</t>
  </si>
  <si>
    <t>550.6871337890625</t>
  </si>
  <si>
    <t>0.02216221614084546</t>
  </si>
  <si>
    <t>31086</t>
  </si>
  <si>
    <t>10.795369148254395</t>
  </si>
  <si>
    <t>689.717041015625</t>
  </si>
  <si>
    <t>0.021295731384846306</t>
  </si>
  <si>
    <t>11.766937255859375</t>
  </si>
  <si>
    <t>665.6024780273438</t>
  </si>
  <si>
    <t>11.116255760192871</t>
  </si>
  <si>
    <t>479.4326477050781</t>
  </si>
  <si>
    <t>0.038049730353860056</t>
  </si>
  <si>
    <t>10.962740898132324</t>
  </si>
  <si>
    <t>569.42578125</t>
  </si>
  <si>
    <t>0.03905332450241694</t>
  </si>
  <si>
    <t>36274</t>
  </si>
  <si>
    <t>11.370532989501953</t>
  </si>
  <si>
    <t>616.6942749023438</t>
  </si>
  <si>
    <t>0.04589008939417205</t>
  </si>
  <si>
    <t>37443</t>
  </si>
  <si>
    <t>11.192078590393066</t>
  </si>
  <si>
    <t>524.1780395507812</t>
  </si>
  <si>
    <t>0.03171854540919483</t>
  </si>
  <si>
    <t>11.236777305603027</t>
  </si>
  <si>
    <t>659.1483154296875</t>
  </si>
  <si>
    <t>0.019151491308074142</t>
  </si>
  <si>
    <t>37619</t>
  </si>
  <si>
    <t>11.734475135803223</t>
  </si>
  <si>
    <t>732.1096801757812</t>
  </si>
  <si>
    <t>-0.014462025998442485</t>
  </si>
  <si>
    <t>11.054676055908203</t>
  </si>
  <si>
    <t>674.0217895507812</t>
  </si>
  <si>
    <t>0.005672495727788274</t>
  </si>
  <si>
    <t>39302</t>
  </si>
  <si>
    <t>11.028641700744629</t>
  </si>
  <si>
    <t>529.7643432617188</t>
  </si>
  <si>
    <t>0.03809367052372892</t>
  </si>
  <si>
    <t>40059</t>
  </si>
  <si>
    <t>11.79128360748291</t>
  </si>
  <si>
    <t>467.4615478515625</t>
  </si>
  <si>
    <t>0.019077959204361505</t>
  </si>
  <si>
    <t>40949</t>
  </si>
  <si>
    <t>11.289875030517578</t>
  </si>
  <si>
    <t>590.398681640625</t>
  </si>
  <si>
    <t>0.021974022606547905</t>
  </si>
  <si>
    <t>41452</t>
  </si>
  <si>
    <t>10.98437213897705</t>
  </si>
  <si>
    <t>727.5449829101562</t>
  </si>
  <si>
    <t>0.012208741345485663</t>
  </si>
  <si>
    <t>38801</t>
  </si>
  <si>
    <t>11.558022499084473</t>
  </si>
  <si>
    <t>491.5575866699219</t>
  </si>
  <si>
    <t>-0.0660901118289896</t>
  </si>
  <si>
    <t>38760</t>
  </si>
  <si>
    <t>10.989607810974121</t>
  </si>
  <si>
    <t>639.6620483398438</t>
  </si>
  <si>
    <t>-0.00105723247041567</t>
  </si>
  <si>
    <t>38271</t>
  </si>
  <si>
    <t>11.827861785888672</t>
  </si>
  <si>
    <t>534.7836303710938</t>
  </si>
  <si>
    <t>-0.012696357798303026</t>
  </si>
  <si>
    <t>11.229076385498047</t>
  </si>
  <si>
    <t>523.665771484375</t>
  </si>
  <si>
    <t>-0.01705028458151503</t>
  </si>
  <si>
    <t>38047</t>
  </si>
  <si>
    <t>11.136455535888672</t>
  </si>
  <si>
    <t>689.1490478515625</t>
  </si>
  <si>
    <t>0.01118009292981803</t>
  </si>
  <si>
    <t>11.765681266784668</t>
  </si>
  <si>
    <t>577.578857421875</t>
  </si>
  <si>
    <t>0.013367298223538882</t>
  </si>
  <si>
    <t>37753</t>
  </si>
  <si>
    <t>12.001954078674316</t>
  </si>
  <si>
    <t>512.8154296875</t>
  </si>
  <si>
    <t>-0.02112459305998371</t>
  </si>
  <si>
    <t>37742</t>
  </si>
  <si>
    <t>11.588874816894531</t>
  </si>
  <si>
    <t>552.7281494140625</t>
  </si>
  <si>
    <t>-0.00029141002921662107</t>
  </si>
  <si>
    <t>12.122832298278809</t>
  </si>
  <si>
    <t>415.6347961425781</t>
  </si>
  <si>
    <t>-0.013981017487868286</t>
  </si>
  <si>
    <t>11.512107849121094</t>
  </si>
  <si>
    <t>703.9257202148438</t>
  </si>
  <si>
    <t>0.041060560289777115</t>
  </si>
  <si>
    <t>38723</t>
  </si>
  <si>
    <t>11.87496566772461</t>
  </si>
  <si>
    <t>569.99560546875</t>
  </si>
  <si>
    <t>-0.0014193367629626863</t>
  </si>
  <si>
    <t>12.086602210998535</t>
  </si>
  <si>
    <t>644.2224731445312</t>
  </si>
  <si>
    <t>-0.09743520548643403</t>
  </si>
  <si>
    <t>11.81796932220459</t>
  </si>
  <si>
    <t>630.6832885742188</t>
  </si>
  <si>
    <t>0.06045045363652157</t>
  </si>
  <si>
    <t>12.509498596191406</t>
  </si>
  <si>
    <t>540.9588012695312</t>
  </si>
  <si>
    <t>0.04792589243048795</t>
  </si>
  <si>
    <t>14.873916625976562</t>
  </si>
  <si>
    <t>289.5609130859375</t>
  </si>
  <si>
    <t>237.788330078125</t>
  </si>
  <si>
    <t>Toledo</t>
  </si>
  <si>
    <t>22320</t>
  </si>
  <si>
    <t>14.264965057373047</t>
  </si>
  <si>
    <t>315.77581787109375</t>
  </si>
  <si>
    <t>0.021968950575585566</t>
  </si>
  <si>
    <t>22404</t>
  </si>
  <si>
    <t>14.434806823730469</t>
  </si>
  <si>
    <t>355.6473388671875</t>
  </si>
  <si>
    <t>0.0037563768344757165</t>
  </si>
  <si>
    <t>22044</t>
  </si>
  <si>
    <t>13.833106994628906</t>
  </si>
  <si>
    <t>447.51165771484375</t>
  </si>
  <si>
    <t>-0.016199058326597182</t>
  </si>
  <si>
    <t>22448</t>
  </si>
  <si>
    <t>14.91391658782959</t>
  </si>
  <si>
    <t>272.7373046875</t>
  </si>
  <si>
    <t>0.0181610673391166</t>
  </si>
  <si>
    <t>15.35799503326416</t>
  </si>
  <si>
    <t>445.2223205566406</t>
  </si>
  <si>
    <t>0.022203555318958124</t>
  </si>
  <si>
    <t>14.324127197265625</t>
  </si>
  <si>
    <t>550.9140625</t>
  </si>
  <si>
    <t>0.021252173862487567</t>
  </si>
  <si>
    <t>15.335160255432129</t>
  </si>
  <si>
    <t>512.6036987304688</t>
  </si>
  <si>
    <t>0.03136474745557294</t>
  </si>
  <si>
    <t>25130</t>
  </si>
  <si>
    <t>14.706868171691895</t>
  </si>
  <si>
    <t>348.81646728515625</t>
  </si>
  <si>
    <t>0.038040351558377594</t>
  </si>
  <si>
    <t>26132</t>
  </si>
  <si>
    <t>14.46045207977295</t>
  </si>
  <si>
    <t>370.6186218261719</t>
  </si>
  <si>
    <t>0.03909826542300365</t>
  </si>
  <si>
    <t>27358</t>
  </si>
  <si>
    <t>14.866321563720703</t>
  </si>
  <si>
    <t>498.67242431640625</t>
  </si>
  <si>
    <t>0.04584837368874872</t>
  </si>
  <si>
    <t>28483</t>
  </si>
  <si>
    <t>14.789582252502441</t>
  </si>
  <si>
    <t>389.35968017578125</t>
  </si>
  <si>
    <t>0.040298427407613246</t>
  </si>
  <si>
    <t>14.69869327545166</t>
  </si>
  <si>
    <t>459.1737365722656</t>
  </si>
  <si>
    <t>-0.0010538149071344094</t>
  </si>
  <si>
    <t>29289</t>
  </si>
  <si>
    <t>15.221770286560059</t>
  </si>
  <si>
    <t>446.52203369140625</t>
  </si>
  <si>
    <t>0.02895841574391156</t>
  </si>
  <si>
    <t>28941</t>
  </si>
  <si>
    <t>14.549565315246582</t>
  </si>
  <si>
    <t>424.97564697265625</t>
  </si>
  <si>
    <t>-0.011952744055117037</t>
  </si>
  <si>
    <t>30508</t>
  </si>
  <si>
    <t>14.671119689941406</t>
  </si>
  <si>
    <t>280.3161315917969</t>
  </si>
  <si>
    <t>0.05272966944546553</t>
  </si>
  <si>
    <t>31280</t>
  </si>
  <si>
    <t>15.278719902038574</t>
  </si>
  <si>
    <t>448.7035217285156</t>
  </si>
  <si>
    <t>0.024989971375118714</t>
  </si>
  <si>
    <t>31910</t>
  </si>
  <si>
    <t>14.699807167053223</t>
  </si>
  <si>
    <t>428.2061767578125</t>
  </si>
  <si>
    <t>0.019940524613041077</t>
  </si>
  <si>
    <t>31286</t>
  </si>
  <si>
    <t>14.455997467041016</t>
  </si>
  <si>
    <t>467.11993408203125</t>
  </si>
  <si>
    <t>-0.019748727150574297</t>
  </si>
  <si>
    <t>15.176854133605957</t>
  </si>
  <si>
    <t>413.0289611816406</t>
  </si>
  <si>
    <t>-0.06445755103041151</t>
  </si>
  <si>
    <t>14.685816764831543</t>
  </si>
  <si>
    <t>582.5746459960938</t>
  </si>
  <si>
    <t>-0.03761970451671637</t>
  </si>
  <si>
    <t>15.340743064880371</t>
  </si>
  <si>
    <t>329.78466796875</t>
  </si>
  <si>
    <t>-0.036113333672117776</t>
  </si>
  <si>
    <t>14.816688537597656</t>
  </si>
  <si>
    <t>383.96484375</t>
  </si>
  <si>
    <t>14.675732612609863</t>
  </si>
  <si>
    <t>476.1509704589844</t>
  </si>
  <si>
    <t>-0.010411499977236005</t>
  </si>
  <si>
    <t>25519</t>
  </si>
  <si>
    <t>15.224838256835938</t>
  </si>
  <si>
    <t>389.6210632324219</t>
  </si>
  <si>
    <t>-0.003442478852436537</t>
  </si>
  <si>
    <t>26429</t>
  </si>
  <si>
    <t>15.614593505859375</t>
  </si>
  <si>
    <t>307.09906005859375</t>
  </si>
  <si>
    <t>0.03503861935188546</t>
  </si>
  <si>
    <t>27406</t>
  </si>
  <si>
    <t>15.15917682647705</t>
  </si>
  <si>
    <t>420.017578125</t>
  </si>
  <si>
    <t>0.036300075416262345</t>
  </si>
  <si>
    <t>15.777637481689453</t>
  </si>
  <si>
    <t>279.66217041015625</t>
  </si>
  <si>
    <t>0.018473854740280515</t>
  </si>
  <si>
    <t>14.916228294372559</t>
  </si>
  <si>
    <t>524.9691772460938</t>
  </si>
  <si>
    <t>0.028880069695416566</t>
  </si>
  <si>
    <t>28800</t>
  </si>
  <si>
    <t>15.3434419631958</t>
  </si>
  <si>
    <t>329.8210144042969</t>
  </si>
  <si>
    <t>0.002259495182194371</t>
  </si>
  <si>
    <t>26365</t>
  </si>
  <si>
    <t>15.575968742370605</t>
  </si>
  <si>
    <t>431.8363037109375</t>
  </si>
  <si>
    <t>-0.08833801415946674</t>
  </si>
  <si>
    <t>15.39061450958252</t>
  </si>
  <si>
    <t>388.458251953125</t>
  </si>
  <si>
    <t>0.06045281066993091</t>
  </si>
  <si>
    <t>29383</t>
  </si>
  <si>
    <t>15.992730140686035</t>
  </si>
  <si>
    <t>422.8523864746094</t>
  </si>
  <si>
    <t>0.04792609215956922</t>
  </si>
  <si>
    <t>17.61315155029297</t>
  </si>
  <si>
    <t>395.5721435546875</t>
  </si>
  <si>
    <t>1251.341796875</t>
  </si>
  <si>
    <t>Valencia</t>
  </si>
  <si>
    <t>27050</t>
  </si>
  <si>
    <t>16.697080612182617</t>
  </si>
  <si>
    <t>467.8418884277344</t>
  </si>
  <si>
    <t>0.021939474347751897</t>
  </si>
  <si>
    <t>27151</t>
  </si>
  <si>
    <t>16.979589462280273</t>
  </si>
  <si>
    <t>424.0068664550781</t>
  </si>
  <si>
    <t>0.0037268728216801605</t>
  </si>
  <si>
    <t>26715</t>
  </si>
  <si>
    <t>16.781312942504883</t>
  </si>
  <si>
    <t>431.8617858886719</t>
  </si>
  <si>
    <t>-0.01618867270443758</t>
  </si>
  <si>
    <t>17.786205291748047</t>
  </si>
  <si>
    <t>363.724609375</t>
  </si>
  <si>
    <t>0.018175574528154215</t>
  </si>
  <si>
    <t>17.89797019958496</t>
  </si>
  <si>
    <t>392.6136474609375</t>
  </si>
  <si>
    <t>0.02221061476767261</t>
  </si>
  <si>
    <t>28414</t>
  </si>
  <si>
    <t>17.05447769165039</t>
  </si>
  <si>
    <t>510.9625549316406</t>
  </si>
  <si>
    <t>0.02127058674432547</t>
  </si>
  <si>
    <t>29318</t>
  </si>
  <si>
    <t>18.042253494262695</t>
  </si>
  <si>
    <t>433.2940368652344</t>
  </si>
  <si>
    <t>0.031319680417952966</t>
  </si>
  <si>
    <t>17.300935745239258</t>
  </si>
  <si>
    <t>299.1717224121094</t>
  </si>
  <si>
    <t>0.0380813572123575</t>
  </si>
  <si>
    <t>31669</t>
  </si>
  <si>
    <t>17.51000213623047</t>
  </si>
  <si>
    <t>347.3741760253906</t>
  </si>
  <si>
    <t>0.03905526534821213</t>
  </si>
  <si>
    <t>33156</t>
  </si>
  <si>
    <t>17.991220474243164</t>
  </si>
  <si>
    <t>440.27764892578125</t>
  </si>
  <si>
    <t>0.04588541130087087</t>
  </si>
  <si>
    <t>34575</t>
  </si>
  <si>
    <t>17.616981506347656</t>
  </si>
  <si>
    <t>385.1358947753906</t>
  </si>
  <si>
    <t>0.04190718182154285</t>
  </si>
  <si>
    <t>17.768083572387695</t>
  </si>
  <si>
    <t>458.3339538574219</t>
  </si>
  <si>
    <t>0.017062568935068967</t>
  </si>
  <si>
    <t>35244</t>
  </si>
  <si>
    <t>18.23257064819336</t>
  </si>
  <si>
    <t>483.7717590332031</t>
  </si>
  <si>
    <t>0.0021018555185925436</t>
  </si>
  <si>
    <t>35455</t>
  </si>
  <si>
    <t>17.432405471801758</t>
  </si>
  <si>
    <t>491.677001953125</t>
  </si>
  <si>
    <t>0.005968984751476114</t>
  </si>
  <si>
    <t>35438</t>
  </si>
  <si>
    <t>17.127065658569336</t>
  </si>
  <si>
    <t>461.0597839355469</t>
  </si>
  <si>
    <t>-0.00047959602008340596</t>
  </si>
  <si>
    <t>36312</t>
  </si>
  <si>
    <t>18.320213317871094</t>
  </si>
  <si>
    <t>351.25640869140625</t>
  </si>
  <si>
    <t>0.02436357441828818</t>
  </si>
  <si>
    <t>17.691030502319336</t>
  </si>
  <si>
    <t>460.83990478515625</t>
  </si>
  <si>
    <t>0.02829173573725008</t>
  </si>
  <si>
    <t>37269</t>
  </si>
  <si>
    <t>17.490859985351562</t>
  </si>
  <si>
    <t>511.8626403808594</t>
  </si>
  <si>
    <t>-0.0022781189917662203</t>
  </si>
  <si>
    <t>17.999847412109375</t>
  </si>
  <si>
    <t>500.94085693359375</t>
  </si>
  <si>
    <t>-0.06567505269126706</t>
  </si>
  <si>
    <t>34888</t>
  </si>
  <si>
    <t>17.328641891479492</t>
  </si>
  <si>
    <t>427.05743408203125</t>
  </si>
  <si>
    <t>-0.00034389866791606494</t>
  </si>
  <si>
    <t>18.199542999267578</t>
  </si>
  <si>
    <t>384.9823303222656</t>
  </si>
  <si>
    <t>-0.01431895134648542</t>
  </si>
  <si>
    <t>32987</t>
  </si>
  <si>
    <t>17.858779907226562</t>
  </si>
  <si>
    <t>442.80194091796875</t>
  </si>
  <si>
    <t>-0.04171043473594693</t>
  </si>
  <si>
    <t>32727</t>
  </si>
  <si>
    <t>17.6494083404541</t>
  </si>
  <si>
    <t>459.7547302246094</t>
  </si>
  <si>
    <t>-0.007913119174304484</t>
  </si>
  <si>
    <t>33584</t>
  </si>
  <si>
    <t>18.40190315246582</t>
  </si>
  <si>
    <t>368.16253662109375</t>
  </si>
  <si>
    <t>0.025849337794548788</t>
  </si>
  <si>
    <t>34496</t>
  </si>
  <si>
    <t>18.453208923339844</t>
  </si>
  <si>
    <t>406.16162109375</t>
  </si>
  <si>
    <t>0.026793612208253492</t>
  </si>
  <si>
    <t>34947</t>
  </si>
  <si>
    <t>18.02937889099121</t>
  </si>
  <si>
    <t>451.5306091308594</t>
  </si>
  <si>
    <t>0.012989252799219031</t>
  </si>
  <si>
    <t>18.379470825195312</t>
  </si>
  <si>
    <t>266.75250244140625</t>
  </si>
  <si>
    <t>0.014431658670210012</t>
  </si>
  <si>
    <t>36582</t>
  </si>
  <si>
    <t>18.08387565612793</t>
  </si>
  <si>
    <t>581.1288452148438</t>
  </si>
  <si>
    <t>0.031292029397773646</t>
  </si>
  <si>
    <t>36995</t>
  </si>
  <si>
    <t>18.413000106811523</t>
  </si>
  <si>
    <t>499.5580139160156</t>
  </si>
  <si>
    <t>0.011226452223780825</t>
  </si>
  <si>
    <t>18.38872718811035</t>
  </si>
  <si>
    <t>485.3970031738281</t>
  </si>
  <si>
    <t>-0.11788778502671704</t>
  </si>
  <si>
    <t>34930</t>
  </si>
  <si>
    <t>18.085988998413086</t>
  </si>
  <si>
    <t>445.376220703125</t>
  </si>
  <si>
    <t>0.06045107546794348</t>
  </si>
  <si>
    <t>36645</t>
  </si>
  <si>
    <t>19.0373592376709</t>
  </si>
  <si>
    <t>430.0195007324219</t>
  </si>
  <si>
    <t>0.047930934559072824</t>
  </si>
  <si>
    <t>1001</t>
  </si>
  <si>
    <t>12.483643531799316</t>
  </si>
  <si>
    <t>319.5003967285156</t>
  </si>
  <si>
    <t>272.8283996582031</t>
  </si>
  <si>
    <t>Valladolid</t>
  </si>
  <si>
    <t>28464</t>
  </si>
  <si>
    <t>11.935283660888672</t>
  </si>
  <si>
    <t>276.5685119628906</t>
  </si>
  <si>
    <t>0.021950801436386058</t>
  </si>
  <si>
    <t>28570</t>
  </si>
  <si>
    <t>12.096782684326172</t>
  </si>
  <si>
    <t>316.2996826171875</t>
  </si>
  <si>
    <t>0.00371708531920234</t>
  </si>
  <si>
    <t>11.546055793762207</t>
  </si>
  <si>
    <t>482.8907470703125</t>
  </si>
  <si>
    <t>-0.016160684797940306</t>
  </si>
  <si>
    <t>28627</t>
  </si>
  <si>
    <t>12.408863067626953</t>
  </si>
  <si>
    <t>330.2255554199219</t>
  </si>
  <si>
    <t>0.018153796984570647</t>
  </si>
  <si>
    <t>12.942309379577637</t>
  </si>
  <si>
    <t>472.82537841796875</t>
  </si>
  <si>
    <t>0.02217860701712837</t>
  </si>
  <si>
    <t>29899</t>
  </si>
  <si>
    <t>11.987892150878906</t>
  </si>
  <si>
    <t>485.1093444824219</t>
  </si>
  <si>
    <t>0.021296099574856342</t>
  </si>
  <si>
    <t>30851</t>
  </si>
  <si>
    <t>13.031826972961426</t>
  </si>
  <si>
    <t>528.7415161132812</t>
  </si>
  <si>
    <t>0.03134412971560785</t>
  </si>
  <si>
    <t>32047</t>
  </si>
  <si>
    <t>12.417888641357422</t>
  </si>
  <si>
    <t>346.9949645996094</t>
  </si>
  <si>
    <t>0.03803441050452072</t>
  </si>
  <si>
    <t>12.098721504211426</t>
  </si>
  <si>
    <t>408.3979797363281</t>
  </si>
  <si>
    <t>0.03907428287123693</t>
  </si>
  <si>
    <t>12.503289222717285</t>
  </si>
  <si>
    <t>553.9698486328125</t>
  </si>
  <si>
    <t>0.045865072427803355</t>
  </si>
  <si>
    <t>12.428050994873047</t>
  </si>
  <si>
    <t>353.9808044433594</t>
  </si>
  <si>
    <t>0.027033258481507616</t>
  </si>
  <si>
    <t>36401</t>
  </si>
  <si>
    <t>12.30654525756836</t>
  </si>
  <si>
    <t>507.8910217285156</t>
  </si>
  <si>
    <t>0.015420057770830553</t>
  </si>
  <si>
    <t>36471</t>
  </si>
  <si>
    <t>12.7689790725708</t>
  </si>
  <si>
    <t>467.91522216796875</t>
  </si>
  <si>
    <t>0.0019211774489633626</t>
  </si>
  <si>
    <t>37232</t>
  </si>
  <si>
    <t>12.218116760253906</t>
  </si>
  <si>
    <t>358.9615478515625</t>
  </si>
  <si>
    <t>0.020651182318168537</t>
  </si>
  <si>
    <t>12.292336463928223</t>
  </si>
  <si>
    <t>295.0842590332031</t>
  </si>
  <si>
    <t>0.0285945564803729</t>
  </si>
  <si>
    <t>38930</t>
  </si>
  <si>
    <t>12.86806869506836</t>
  </si>
  <si>
    <t>467.7391357421875</t>
  </si>
  <si>
    <t>0.01600199858205542</t>
  </si>
  <si>
    <t>39676</t>
  </si>
  <si>
    <t>12.423863410949707</t>
  </si>
  <si>
    <t>413.1976318359375</t>
  </si>
  <si>
    <t>0.01898130926138286</t>
  </si>
  <si>
    <t>12.148750305175781</t>
  </si>
  <si>
    <t>446.00469970703125</t>
  </si>
  <si>
    <t>-0.021553327140171774</t>
  </si>
  <si>
    <t>37116</t>
  </si>
  <si>
    <t>12.699048042297363</t>
  </si>
  <si>
    <t>386.9292297363281</t>
  </si>
  <si>
    <t>-0.04514500025264212</t>
  </si>
  <si>
    <t>12.340508460998535</t>
  </si>
  <si>
    <t>517.660400390625</t>
  </si>
  <si>
    <t>0.02653352521525143</t>
  </si>
  <si>
    <t>37373</t>
  </si>
  <si>
    <t>12.87276840209961</t>
  </si>
  <si>
    <t>304.6781921386719</t>
  </si>
  <si>
    <t>-0.019633150132822408</t>
  </si>
  <si>
    <t>36111</t>
  </si>
  <si>
    <t>12.36992359161377</t>
  </si>
  <si>
    <t>355.7509765625</t>
  </si>
  <si>
    <t>-0.034350990507654444</t>
  </si>
  <si>
    <t>35727</t>
  </si>
  <si>
    <t>12.274284362792969</t>
  </si>
  <si>
    <t>446.73291015625</t>
  </si>
  <si>
    <t>-0.010690822611739037</t>
  </si>
  <si>
    <t>12.765759468078613</t>
  </si>
  <si>
    <t>409.7655334472656</t>
  </si>
  <si>
    <t>0.019815250173717658</t>
  </si>
  <si>
    <t>37754</t>
  </si>
  <si>
    <t>13.087520599365234</t>
  </si>
  <si>
    <t>377.8749694824219</t>
  </si>
  <si>
    <t>0.03536947471885554</t>
  </si>
  <si>
    <t>39751</t>
  </si>
  <si>
    <t>12.642264366149902</t>
  </si>
  <si>
    <t>384.0713195800781</t>
  </si>
  <si>
    <t>0.05154356767006618</t>
  </si>
  <si>
    <t>41231</t>
  </si>
  <si>
    <t>13.259066581726074</t>
  </si>
  <si>
    <t>290.1871643066406</t>
  </si>
  <si>
    <t>0.036555402591918806</t>
  </si>
  <si>
    <t>42674</t>
  </si>
  <si>
    <t>12.400703430175781</t>
  </si>
  <si>
    <t>516.34130859375</t>
  </si>
  <si>
    <t>0.034399434874165635</t>
  </si>
  <si>
    <t>42748</t>
  </si>
  <si>
    <t>12.92471694946289</t>
  </si>
  <si>
    <t>389.23529052734375</t>
  </si>
  <si>
    <t>0.0017325751799575073</t>
  </si>
  <si>
    <t>38644</t>
  </si>
  <si>
    <t>13.26876449584961</t>
  </si>
  <si>
    <t>474.63116455078125</t>
  </si>
  <si>
    <t>-0.10093088700738662</t>
  </si>
  <si>
    <t>41053</t>
  </si>
  <si>
    <t>13.057265281677246</t>
  </si>
  <si>
    <t>415.3763122558594</t>
  </si>
  <si>
    <t>0.06047239118063885</t>
  </si>
  <si>
    <t>43068</t>
  </si>
  <si>
    <t>13.482978820800781</t>
  </si>
  <si>
    <t>394.1081848144531</t>
  </si>
  <si>
    <t>0.0479163471175692</t>
  </si>
  <si>
    <t>1002</t>
  </si>
  <si>
    <t>19326</t>
  </si>
  <si>
    <t>12.154643058776855</t>
  </si>
  <si>
    <t>476.65386962890625</t>
  </si>
  <si>
    <t>92.67538452148438</t>
  </si>
  <si>
    <t>Zamora</t>
  </si>
  <si>
    <t>11.52748966217041</t>
  </si>
  <si>
    <t>398.5003356933594</t>
  </si>
  <si>
    <t>0.02200590310126138</t>
  </si>
  <si>
    <t>19829</t>
  </si>
  <si>
    <t>11.685585975646973</t>
  </si>
  <si>
    <t>456.3763732910156</t>
  </si>
  <si>
    <t>0.0036882699382907447</t>
  </si>
  <si>
    <t>19511</t>
  </si>
  <si>
    <t>11.057140350341797</t>
  </si>
  <si>
    <t>706.0429077148438</t>
  </si>
  <si>
    <t>-0.01616710352890749</t>
  </si>
  <si>
    <t>19869</t>
  </si>
  <si>
    <t>12.133477210998535</t>
  </si>
  <si>
    <t>510.5527038574219</t>
  </si>
  <si>
    <t>0.018182319083191345</t>
  </si>
  <si>
    <t>12.482012748718262</t>
  </si>
  <si>
    <t>738.5119018554688</t>
  </si>
  <si>
    <t>0.022198801268737967</t>
  </si>
  <si>
    <t>20751</t>
  </si>
  <si>
    <t>11.48608684539795</t>
  </si>
  <si>
    <t>724.7059326171875</t>
  </si>
  <si>
    <t>0.021234908846865963</t>
  </si>
  <si>
    <t>21412</t>
  </si>
  <si>
    <t>12.611823081970215</t>
  </si>
  <si>
    <t>771.3004150390625</t>
  </si>
  <si>
    <t>0.03135707424457834</t>
  </si>
  <si>
    <t>22243</t>
  </si>
  <si>
    <t>11.923831939697266</t>
  </si>
  <si>
    <t>492.3211364746094</t>
  </si>
  <si>
    <t>0.038075839840457704</t>
  </si>
  <si>
    <t>23129</t>
  </si>
  <si>
    <t>11.681602478027344</t>
  </si>
  <si>
    <t>588.6533203125</t>
  </si>
  <si>
    <t>0.039059889041769935</t>
  </si>
  <si>
    <t>24214</t>
  </si>
  <si>
    <t>12.087547302246094</t>
  </si>
  <si>
    <t>867.9856567382812</t>
  </si>
  <si>
    <t>0.045843736872186014</t>
  </si>
  <si>
    <t>25033</t>
  </si>
  <si>
    <t>11.915855407714844</t>
  </si>
  <si>
    <t>530.7705688476562</t>
  </si>
  <si>
    <t>0.033263976148550256</t>
  </si>
  <si>
    <t>25788</t>
  </si>
  <si>
    <t>11.886123657226562</t>
  </si>
  <si>
    <t>775.3623046875</t>
  </si>
  <si>
    <t>0.029714313014274296</t>
  </si>
  <si>
    <t>12.381119728088379</t>
  </si>
  <si>
    <t>691.1170654296875</t>
  </si>
  <si>
    <t>0.03430475872796279</t>
  </si>
  <si>
    <t>27728</t>
  </si>
  <si>
    <t>11.689467430114746</t>
  </si>
  <si>
    <t>501.62847900390625</t>
  </si>
  <si>
    <t>0.03822870679691448</t>
  </si>
  <si>
    <t>27283</t>
  </si>
  <si>
    <t>11.804383277893066</t>
  </si>
  <si>
    <t>454.90838623046875</t>
  </si>
  <si>
    <t>-0.01617893536983317</t>
  </si>
  <si>
    <t>12.51068115234375</t>
  </si>
  <si>
    <t>694.7770385742188</t>
  </si>
  <si>
    <t>0.05781998271863742</t>
  </si>
  <si>
    <t>29736</t>
  </si>
  <si>
    <t>11.878355979919434</t>
  </si>
  <si>
    <t>607.9629516601562</t>
  </si>
  <si>
    <t>0.02827465267289675</t>
  </si>
  <si>
    <t>29643</t>
  </si>
  <si>
    <t>11.591758728027344</t>
  </si>
  <si>
    <t>619.001953125</t>
  </si>
  <si>
    <t>-0.0031324231140157366</t>
  </si>
  <si>
    <t>28987</t>
  </si>
  <si>
    <t>12.38060474395752</t>
  </si>
  <si>
    <t>595.9073486328125</t>
  </si>
  <si>
    <t>-0.02237855626219165</t>
  </si>
  <si>
    <t>29608</t>
  </si>
  <si>
    <t>11.845616340637207</t>
  </si>
  <si>
    <t>820.3030395507812</t>
  </si>
  <si>
    <t>0.021197141465110647</t>
  </si>
  <si>
    <t>30160</t>
  </si>
  <si>
    <t>12.441166877746582</t>
  </si>
  <si>
    <t>442.2269592285156</t>
  </si>
  <si>
    <t>0.018471948055900356</t>
  </si>
  <si>
    <t>30168</t>
  </si>
  <si>
    <t>11.974956512451172</t>
  </si>
  <si>
    <t>541.472412109375</t>
  </si>
  <si>
    <t>0.00026521681630065075</t>
  </si>
  <si>
    <t>11.8679838180542</t>
  </si>
  <si>
    <t>710.3611450195312</t>
  </si>
  <si>
    <t>-0.03501318898471162</t>
  </si>
  <si>
    <t>12.317978858947754</t>
  </si>
  <si>
    <t>597.4995727539062</t>
  </si>
  <si>
    <t>0.0008578537027759126</t>
  </si>
  <si>
    <t>12.620205879211426</t>
  </si>
  <si>
    <t>565.7449951171875</t>
  </si>
  <si>
    <t>0.03663832806579492</t>
  </si>
  <si>
    <t>30764</t>
  </si>
  <si>
    <t>12.11835765838623</t>
  </si>
  <si>
    <t>565.4651489257812</t>
  </si>
  <si>
    <t>0.017080422454892386</t>
  </si>
  <si>
    <t>28995</t>
  </si>
  <si>
    <t>12.801727294921875</t>
  </si>
  <si>
    <t>441.5797119140625</t>
  </si>
  <si>
    <t>-0.05922177386640293</t>
  </si>
  <si>
    <t>30031</t>
  </si>
  <si>
    <t>12.011374473571777</t>
  </si>
  <si>
    <t>730.1014404296875</t>
  </si>
  <si>
    <t>0.0351067801456999</t>
  </si>
  <si>
    <t>12.399613380432129</t>
  </si>
  <si>
    <t>547.7418823242188</t>
  </si>
  <si>
    <t>0.030175127312244143</t>
  </si>
  <si>
    <t>28568</t>
  </si>
  <si>
    <t>12.700206756591797</t>
  </si>
  <si>
    <t>660.2069091796875</t>
  </si>
  <si>
    <t>-0.08011809849420182</t>
  </si>
  <si>
    <t>30348</t>
  </si>
  <si>
    <t>12.460227966308594</t>
  </si>
  <si>
    <t>613.3365478515625</t>
  </si>
  <si>
    <t>0.060443407183681686</t>
  </si>
  <si>
    <t>31838</t>
  </si>
  <si>
    <t>13.185202598571777</t>
  </si>
  <si>
    <t>622.8601684570312</t>
  </si>
  <si>
    <t>0.04792992745711544</t>
  </si>
  <si>
    <t>21839</t>
  </si>
  <si>
    <t>414.6065368652344</t>
  </si>
  <si>
    <t>63.3914909362793</t>
  </si>
  <si>
    <t>ÔøΩvila</t>
  </si>
  <si>
    <t>22324</t>
  </si>
  <si>
    <t>11.708053588867188</t>
  </si>
  <si>
    <t>364.85015869140625</t>
  </si>
  <si>
    <t>0.02196497064355185</t>
  </si>
  <si>
    <t>22407</t>
  </si>
  <si>
    <t>11.868827819824219</t>
  </si>
  <si>
    <t>411.6717529296875</t>
  </si>
  <si>
    <t>0.003711077116852479</t>
  </si>
  <si>
    <t>22048</t>
  </si>
  <si>
    <t>11.21808910369873</t>
  </si>
  <si>
    <t>580.046630859375</t>
  </si>
  <si>
    <t>-0.016151515211790368</t>
  </si>
  <si>
    <t>22452</t>
  </si>
  <si>
    <t>12.316092491149902</t>
  </si>
  <si>
    <t>424.00634765625</t>
  </si>
  <si>
    <t>0.018157802248703447</t>
  </si>
  <si>
    <t>22955</t>
  </si>
  <si>
    <t>12.75909423828125</t>
  </si>
  <si>
    <t>573.4378662109375</t>
  </si>
  <si>
    <t>0.022156080621233087</t>
  </si>
  <si>
    <t>23449</t>
  </si>
  <si>
    <t>11.732178688049316</t>
  </si>
  <si>
    <t>613.9679565429688</t>
  </si>
  <si>
    <t>0.02129207235858388</t>
  </si>
  <si>
    <t>12.767642974853516</t>
  </si>
  <si>
    <t>653.7545166015625</t>
  </si>
  <si>
    <t>0.0313594801848982</t>
  </si>
  <si>
    <t>12.155997276306152</t>
  </si>
  <si>
    <t>419.206298828125</t>
  </si>
  <si>
    <t>0.03803418094828537</t>
  </si>
  <si>
    <t>11.845152854919434</t>
  </si>
  <si>
    <t>482.9664001464844</t>
  </si>
  <si>
    <t>0.03909216310581698</t>
  </si>
  <si>
    <t>12.249061584472656</t>
  </si>
  <si>
    <t>683.8401489257812</t>
  </si>
  <si>
    <t>0.04584151519915203</t>
  </si>
  <si>
    <t>27452</t>
  </si>
  <si>
    <t>12.187336921691895</t>
  </si>
  <si>
    <t>457.21392822265625</t>
  </si>
  <si>
    <t>0.003283835548467451</t>
  </si>
  <si>
    <t>12.102967262268066</t>
  </si>
  <si>
    <t>592.5806884765625</t>
  </si>
  <si>
    <t>-0.003503141810538679</t>
  </si>
  <si>
    <t>27501</t>
  </si>
  <si>
    <t>12.599578857421875</t>
  </si>
  <si>
    <t>582.1644897460938</t>
  </si>
  <si>
    <t>0.005286484411897163</t>
  </si>
  <si>
    <t>11.955403327941895</t>
  </si>
  <si>
    <t>451.3786315917969</t>
  </si>
  <si>
    <t>0.03708424440094227</t>
  </si>
  <si>
    <t>28239</t>
  </si>
  <si>
    <t>12.080994606018066</t>
  </si>
  <si>
    <t>392.1291198730469</t>
  </si>
  <si>
    <t>-0.010602610815496405</t>
  </si>
  <si>
    <t>12.649062156677246</t>
  </si>
  <si>
    <t>566.3192749023438</t>
  </si>
  <si>
    <t>0.030068536614983543</t>
  </si>
  <si>
    <t>30497</t>
  </si>
  <si>
    <t>12.099577903747559</t>
  </si>
  <si>
    <t>519.7447509765625</t>
  </si>
  <si>
    <t>0.04685578027172532</t>
  </si>
  <si>
    <t>30307</t>
  </si>
  <si>
    <t>11.83821964263916</t>
  </si>
  <si>
    <t>565.2150268554688</t>
  </si>
  <si>
    <t>-0.0062496091839960854</t>
  </si>
  <si>
    <t>12.550097465515137</t>
  </si>
  <si>
    <t>477.04742431640625</t>
  </si>
  <si>
    <t>-0.03116665368288629</t>
  </si>
  <si>
    <t>12.050095558166504</t>
  </si>
  <si>
    <t>675.1724243164062</t>
  </si>
  <si>
    <t>-0.0036147904590979607</t>
  </si>
  <si>
    <t>12.738886833190918</t>
  </si>
  <si>
    <t>419.8119201660156</t>
  </si>
  <si>
    <t>0.0023545079209128517</t>
  </si>
  <si>
    <t>28961</t>
  </si>
  <si>
    <t>12.189330101013184</t>
  </si>
  <si>
    <t>479.1734313964844</t>
  </si>
  <si>
    <t>-0.013001675406739466</t>
  </si>
  <si>
    <t>28285</t>
  </si>
  <si>
    <t>12.057910919189453</t>
  </si>
  <si>
    <t>577.6034545898438</t>
  </si>
  <si>
    <t>-0.023618468512976776</t>
  </si>
  <si>
    <t>28515</t>
  </si>
  <si>
    <t>12.59515380859375</t>
  </si>
  <si>
    <t>506.4099426269531</t>
  </si>
  <si>
    <t>0.00809863581338277</t>
  </si>
  <si>
    <t>12.979076385498047</t>
  </si>
  <si>
    <t>419.7974548339844</t>
  </si>
  <si>
    <t>0.019929831233485018</t>
  </si>
  <si>
    <t>12.519347190856934</t>
  </si>
  <si>
    <t>502.2955322265625</t>
  </si>
  <si>
    <t>0.011586506228031368</t>
  </si>
  <si>
    <t>13.160494804382324</t>
  </si>
  <si>
    <t>383.6313171386719</t>
  </si>
  <si>
    <t>0.02688820672134895</t>
  </si>
  <si>
    <t>12.270079612731934</t>
  </si>
  <si>
    <t>630.8743896484375</t>
  </si>
  <si>
    <t>0.02837301039382112</t>
  </si>
  <si>
    <t>31746</t>
  </si>
  <si>
    <t>12.717720031738281</t>
  </si>
  <si>
    <t>419.98162841796875</t>
  </si>
  <si>
    <t>0.020558913964862313</t>
  </si>
  <si>
    <t>29160</t>
  </si>
  <si>
    <t>12.995745658874512</t>
  </si>
  <si>
    <t>547.3447875976562</t>
  </si>
  <si>
    <t>-0.0849688260095931</t>
  </si>
  <si>
    <t>30977</t>
  </si>
  <si>
    <t>12.81631851196289</t>
  </si>
  <si>
    <t>470.1068420410156</t>
  </si>
  <si>
    <t>0.06044708649047337</t>
  </si>
  <si>
    <t>32498</t>
  </si>
  <si>
    <t>13.347071647644043</t>
  </si>
  <si>
    <t>510.86041259765625</t>
  </si>
  <si>
    <t>0.04793355534965471</t>
  </si>
  <si>
    <t>1004</t>
  </si>
  <si>
    <t>EST</t>
  </si>
  <si>
    <t>13670</t>
  </si>
  <si>
    <t>6.5689544677734375</t>
  </si>
  <si>
    <t>790.9575805664062</t>
  </si>
  <si>
    <t>54.63059997558594</t>
  </si>
  <si>
    <t>Harju county</t>
  </si>
  <si>
    <t>Estonia</t>
  </si>
  <si>
    <t>6.019859313964844</t>
  </si>
  <si>
    <t>685.4627685546875</t>
  </si>
  <si>
    <t>0.019773939477024882</t>
  </si>
  <si>
    <t>15835</t>
  </si>
  <si>
    <t>6.2202277183532715</t>
  </si>
  <si>
    <t>654.4876708984375</t>
  </si>
  <si>
    <t>0.12724508977771976</t>
  </si>
  <si>
    <t>5.049387454986572</t>
  </si>
  <si>
    <t>632.9686279296875</t>
  </si>
  <si>
    <t>0.07919223317903068</t>
  </si>
  <si>
    <t>17248</t>
  </si>
  <si>
    <t>5.346686840057373</t>
  </si>
  <si>
    <t>648.7982177734375</t>
  </si>
  <si>
    <t>0.006281281556953289</t>
  </si>
  <si>
    <t>5.664926052093506</t>
  </si>
  <si>
    <t>644.54541015625</t>
  </si>
  <si>
    <t>0.03855597820858314</t>
  </si>
  <si>
    <t>19091</t>
  </si>
  <si>
    <t>4.934994220733643</t>
  </si>
  <si>
    <t>642.824462890625</t>
  </si>
  <si>
    <t>0.06296484687735138</t>
  </si>
  <si>
    <t>6.080779552459717</t>
  </si>
  <si>
    <t>692.552490234375</t>
  </si>
  <si>
    <t>0.17010362798608725</t>
  </si>
  <si>
    <t>24172</t>
  </si>
  <si>
    <t>5.002009868621826</t>
  </si>
  <si>
    <t>777.02880859375</t>
  </si>
  <si>
    <t>0.0658742907007035</t>
  </si>
  <si>
    <t>24036</t>
  </si>
  <si>
    <t>6.502155780792236</t>
  </si>
  <si>
    <t>623.9754638671875</t>
  </si>
  <si>
    <t>-0.005642232027630811</t>
  </si>
  <si>
    <t>26863</t>
  </si>
  <si>
    <t>7.008903503417969</t>
  </si>
  <si>
    <t>694.825927734375</t>
  </si>
  <si>
    <t>0.11119716863223772</t>
  </si>
  <si>
    <t>28730</t>
  </si>
  <si>
    <t>5.709494113922119</t>
  </si>
  <si>
    <t>764.2650146484375</t>
  </si>
  <si>
    <t>0.06719199788727792</t>
  </si>
  <si>
    <t>31081</t>
  </si>
  <si>
    <t>5.708232879638672</t>
  </si>
  <si>
    <t>515.2630004882812</t>
  </si>
  <si>
    <t>0.07865482702281845</t>
  </si>
  <si>
    <t>5.7670135498046875</t>
  </si>
  <si>
    <t>606.7269287109375</t>
  </si>
  <si>
    <t>0.09767363587250166</t>
  </si>
  <si>
    <t>36910</t>
  </si>
  <si>
    <t>6.283088684082031</t>
  </si>
  <si>
    <t>812.2981567382812</t>
  </si>
  <si>
    <t>0.07421218115538863</t>
  </si>
  <si>
    <t>39616</t>
  </si>
  <si>
    <t>5.714335918426514</t>
  </si>
  <si>
    <t>592.868896484375</t>
  </si>
  <si>
    <t>0.07075056002022428</t>
  </si>
  <si>
    <t>44867</t>
  </si>
  <si>
    <t>6.774888515472412</t>
  </si>
  <si>
    <t>656.372802734375</t>
  </si>
  <si>
    <t>0.12446948087329446</t>
  </si>
  <si>
    <t>47608</t>
  </si>
  <si>
    <t>6.584940433502197</t>
  </si>
  <si>
    <t>701.5706176757812</t>
  </si>
  <si>
    <t>0.059298256407126715</t>
  </si>
  <si>
    <t>44792</t>
  </si>
  <si>
    <t>6.830399036407471</t>
  </si>
  <si>
    <t>780.3148193359375</t>
  </si>
  <si>
    <t>-0.060971262295959505</t>
  </si>
  <si>
    <t>38842</t>
  </si>
  <si>
    <t>5.219532489776611</t>
  </si>
  <si>
    <t>660.2172241210938</t>
  </si>
  <si>
    <t>-0.14252741664333257</t>
  </si>
  <si>
    <t>38836</t>
  </si>
  <si>
    <t>5.185030460357666</t>
  </si>
  <si>
    <t>734.8864135742188</t>
  </si>
  <si>
    <t>-0.00015448389536132368</t>
  </si>
  <si>
    <t>6.778324604034424</t>
  </si>
  <si>
    <t>740.8888549804688</t>
  </si>
  <si>
    <t>0.04316346783698499</t>
  </si>
  <si>
    <t>42373</t>
  </si>
  <si>
    <t>5.343496322631836</t>
  </si>
  <si>
    <t>851.1841430664062</t>
  </si>
  <si>
    <t>0.044000247601768905</t>
  </si>
  <si>
    <t>42912</t>
  </si>
  <si>
    <t>6.390830993652344</t>
  </si>
  <si>
    <t>616.1713256835938</t>
  </si>
  <si>
    <t>0.012640140152615942</t>
  </si>
  <si>
    <t>44395</t>
  </si>
  <si>
    <t>7.193586826324463</t>
  </si>
  <si>
    <t>649.5082397460938</t>
  </si>
  <si>
    <t>0.03397534338502162</t>
  </si>
  <si>
    <t>6.702287673950195</t>
  </si>
  <si>
    <t>600.6863403320312</t>
  </si>
  <si>
    <t>0.012935459213997191</t>
  </si>
  <si>
    <t>46059</t>
  </si>
  <si>
    <t>6.884572505950928</t>
  </si>
  <si>
    <t>677.7330322265625</t>
  </si>
  <si>
    <t>0.02386087364658529</t>
  </si>
  <si>
    <t>48144</t>
  </si>
  <si>
    <t>6.209137439727783</t>
  </si>
  <si>
    <t>806.3677978515625</t>
  </si>
  <si>
    <t>0.04427333654281718</t>
  </si>
  <si>
    <t>49184</t>
  </si>
  <si>
    <t>6.612026214599609</t>
  </si>
  <si>
    <t>578.9024047851562</t>
  </si>
  <si>
    <t>0.02137184746849563</t>
  </si>
  <si>
    <t>50555</t>
  </si>
  <si>
    <t>7.576239109039307</t>
  </si>
  <si>
    <t>738.4254150390625</t>
  </si>
  <si>
    <t>0.027493485187177313</t>
  </si>
  <si>
    <t>49904</t>
  </si>
  <si>
    <t>7.484336853027344</t>
  </si>
  <si>
    <t>761.8327026367188</t>
  </si>
  <si>
    <t>-0.012960692677914665</t>
  </si>
  <si>
    <t>53654</t>
  </si>
  <si>
    <t>6.247891902923584</t>
  </si>
  <si>
    <t>711.7272338867188</t>
  </si>
  <si>
    <t>0.07245486374793764</t>
  </si>
  <si>
    <t>52074</t>
  </si>
  <si>
    <t>6.819533824920654</t>
  </si>
  <si>
    <t>644.4646606445312</t>
  </si>
  <si>
    <t>-0.029890239723222578</t>
  </si>
  <si>
    <t>1005</t>
  </si>
  <si>
    <t>8873</t>
  </si>
  <si>
    <t>10.827913284301758</t>
  </si>
  <si>
    <t>Hiiu county</t>
  </si>
  <si>
    <t>9050</t>
  </si>
  <si>
    <t>0.019751799858633845</t>
  </si>
  <si>
    <t>0.12724093085820343</t>
  </si>
  <si>
    <t>6.033332824707031</t>
  </si>
  <si>
    <t>563.800048828125</t>
  </si>
  <si>
    <t>0.07918913948226525</t>
  </si>
  <si>
    <t>11196</t>
  </si>
  <si>
    <t>6.333333492279053</t>
  </si>
  <si>
    <t>0.00636174360090358</t>
  </si>
  <si>
    <t>6.758333683013916</t>
  </si>
  <si>
    <t>510.4000549316406</t>
  </si>
  <si>
    <t>0.03846122510104877</t>
  </si>
  <si>
    <t>532.800048828125</t>
  </si>
  <si>
    <t>0.06303330636031212</t>
  </si>
  <si>
    <t>13870</t>
  </si>
  <si>
    <t>616.8999633789062</t>
  </si>
  <si>
    <t>0.11267713121217326</t>
  </si>
  <si>
    <t>14774</t>
  </si>
  <si>
    <t>6.008333206176758</t>
  </si>
  <si>
    <t>610.6000366210938</t>
  </si>
  <si>
    <t>0.0631406447798053</t>
  </si>
  <si>
    <t>15038</t>
  </si>
  <si>
    <t>7.466665744781494</t>
  </si>
  <si>
    <t>531.5</t>
  </si>
  <si>
    <t>0.017711451849288906</t>
  </si>
  <si>
    <t>15217</t>
  </si>
  <si>
    <t>602.0000610351562</t>
  </si>
  <si>
    <t>0.01183289298214163</t>
  </si>
  <si>
    <t>14941</t>
  </si>
  <si>
    <t>670.9000244140625</t>
  </si>
  <si>
    <t>-0.018304112069028378</t>
  </si>
  <si>
    <t>15709</t>
  </si>
  <si>
    <t>6.708333492279053</t>
  </si>
  <si>
    <t>431.50006103515625</t>
  </si>
  <si>
    <t>0.050124684648853446</t>
  </si>
  <si>
    <t>15354</t>
  </si>
  <si>
    <t>498.3000183105469</t>
  </si>
  <si>
    <t>-0.02285777011209511</t>
  </si>
  <si>
    <t>16921</t>
  </si>
  <si>
    <t>7.241666316986084</t>
  </si>
  <si>
    <t>0.09717942768078203</t>
  </si>
  <si>
    <t>511.8000183105469</t>
  </si>
  <si>
    <t>0.06059333406471801</t>
  </si>
  <si>
    <t>17172</t>
  </si>
  <si>
    <t>7.666667461395264</t>
  </si>
  <si>
    <t>-0.045868637788892386</t>
  </si>
  <si>
    <t>643.2999877929688</t>
  </si>
  <si>
    <t>0.05069621423728954</t>
  </si>
  <si>
    <t>17233</t>
  </si>
  <si>
    <t>649.0999755859375</t>
  </si>
  <si>
    <t>-0.04715021430016364</t>
  </si>
  <si>
    <t>15562</t>
  </si>
  <si>
    <t>6.041666507720947</t>
  </si>
  <si>
    <t>582.0</t>
  </si>
  <si>
    <t>-0.1019941051047013</t>
  </si>
  <si>
    <t>14718</t>
  </si>
  <si>
    <t>5.958333969116211</t>
  </si>
  <si>
    <t>677.7999877929688</t>
  </si>
  <si>
    <t>-0.05576081069033201</t>
  </si>
  <si>
    <t>16430</t>
  </si>
  <si>
    <t>0.11003769754477055</t>
  </si>
  <si>
    <t>16178</t>
  </si>
  <si>
    <t>6.316667079925537</t>
  </si>
  <si>
    <t>739.8999633789062</t>
  </si>
  <si>
    <t>-0.015456637453416633</t>
  </si>
  <si>
    <t>-0.021050778889046384</t>
  </si>
  <si>
    <t>14670</t>
  </si>
  <si>
    <t>553.5999755859375</t>
  </si>
  <si>
    <t>-0.07679692355182333</t>
  </si>
  <si>
    <t>15599</t>
  </si>
  <si>
    <t>506.4999694824219</t>
  </si>
  <si>
    <t>0.06140221748183983</t>
  </si>
  <si>
    <t>514.6000366210938</t>
  </si>
  <si>
    <t>0.049159472514046954</t>
  </si>
  <si>
    <t>17787</t>
  </si>
  <si>
    <t>0.08210157124256234</t>
  </si>
  <si>
    <t>18466</t>
  </si>
  <si>
    <t>459.60003662109375</t>
  </si>
  <si>
    <t>0.037463349957095105</t>
  </si>
  <si>
    <t>625.2999877929688</t>
  </si>
  <si>
    <t>0.027454589831346965</t>
  </si>
  <si>
    <t>18736</t>
  </si>
  <si>
    <t>-0.012938986326421542</t>
  </si>
  <si>
    <t>20144</t>
  </si>
  <si>
    <t>0.07245967044663004</t>
  </si>
  <si>
    <t>19550</t>
  </si>
  <si>
    <t>7.7416672706604</t>
  </si>
  <si>
    <t>527.9000244140625</t>
  </si>
  <si>
    <t>-0.029931190870616575</t>
  </si>
  <si>
    <t>1006</t>
  </si>
  <si>
    <t>7688</t>
  </si>
  <si>
    <t>6.130626201629639</t>
  </si>
  <si>
    <t>741.9762573242188</t>
  </si>
  <si>
    <t>126.44529724121094</t>
  </si>
  <si>
    <t>Ida-Viru county</t>
  </si>
  <si>
    <t>5.6313090324401855</t>
  </si>
  <si>
    <t>682.778564453125</t>
  </si>
  <si>
    <t>0.0198332322021475</t>
  </si>
  <si>
    <t>8906</t>
  </si>
  <si>
    <t>5.808780670166016</t>
  </si>
  <si>
    <t>529.8378295898438</t>
  </si>
  <si>
    <t>0.12723130302937058</t>
  </si>
  <si>
    <t>9640</t>
  </si>
  <si>
    <t>4.619138717651367</t>
  </si>
  <si>
    <t>613.2866821289062</t>
  </si>
  <si>
    <t>0.07919590172294377</t>
  </si>
  <si>
    <t>9701</t>
  </si>
  <si>
    <t>4.88175630569458</t>
  </si>
  <si>
    <t>622.6246337890625</t>
  </si>
  <si>
    <t>0.006307864356692505</t>
  </si>
  <si>
    <t>5.257885456085205</t>
  </si>
  <si>
    <t>606.46240234375</t>
  </si>
  <si>
    <t>0.03852268268129322</t>
  </si>
  <si>
    <t>4.484910488128662</t>
  </si>
  <si>
    <t>588.343505859375</t>
  </si>
  <si>
    <t>0.06294406479155867</t>
  </si>
  <si>
    <t>11831</t>
  </si>
  <si>
    <t>5.639406681060791</t>
  </si>
  <si>
    <t>712.5242919921875</t>
  </si>
  <si>
    <t>0.09702748481952739</t>
  </si>
  <si>
    <t>11830</t>
  </si>
  <si>
    <t>4.578365802764893</t>
  </si>
  <si>
    <t>728.0516967773438</t>
  </si>
  <si>
    <t>-8.452728122954056e-05</t>
  </si>
  <si>
    <t>11626</t>
  </si>
  <si>
    <t>6.063959121704102</t>
  </si>
  <si>
    <t>527.2150268554688</t>
  </si>
  <si>
    <t>-0.01739470871113724</t>
  </si>
  <si>
    <t>12210</t>
  </si>
  <si>
    <t>6.593690872192383</t>
  </si>
  <si>
    <t>645.3604736328125</t>
  </si>
  <si>
    <t>0.04901131884345489</t>
  </si>
  <si>
    <t>12555</t>
  </si>
  <si>
    <t>5.344820499420166</t>
  </si>
  <si>
    <t>739.4768676757812</t>
  </si>
  <si>
    <t>0.027863704486934537</t>
  </si>
  <si>
    <t>5.322740077972412</t>
  </si>
  <si>
    <t>483.1496887207031</t>
  </si>
  <si>
    <t>0.04622671749523377</t>
  </si>
  <si>
    <t>5.315089702606201</t>
  </si>
  <si>
    <t>665.7254028320312</t>
  </si>
  <si>
    <t>0.03335636797965158</t>
  </si>
  <si>
    <t>14414</t>
  </si>
  <si>
    <t>5.846397876739502</t>
  </si>
  <si>
    <t>730.7666015625</t>
  </si>
  <si>
    <t>0.05849787841781584</t>
  </si>
  <si>
    <t>16446</t>
  </si>
  <si>
    <t>5.180414199829102</t>
  </si>
  <si>
    <t>586.917236328125</t>
  </si>
  <si>
    <t>0.1318823300464551</t>
  </si>
  <si>
    <t>16806</t>
  </si>
  <si>
    <t>6.299552917480469</t>
  </si>
  <si>
    <t>603.73193359375</t>
  </si>
  <si>
    <t>0.021653678957322953</t>
  </si>
  <si>
    <t>18399</t>
  </si>
  <si>
    <t>6.129283905029297</t>
  </si>
  <si>
    <t>557.6460571289062</t>
  </si>
  <si>
    <t>0.09056034980592997</t>
  </si>
  <si>
    <t>18526</t>
  </si>
  <si>
    <t>6.424552917480469</t>
  </si>
  <si>
    <t>759.2740478515625</t>
  </si>
  <si>
    <t>0.006878835519879445</t>
  </si>
  <si>
    <t>14858</t>
  </si>
  <si>
    <t>4.7792840003967285</t>
  </si>
  <si>
    <t>682.3389892578125</t>
  </si>
  <si>
    <t>-0.2206367101022213</t>
  </si>
  <si>
    <t>4.760145664215088</t>
  </si>
  <si>
    <t>713.9887084960938</t>
  </si>
  <si>
    <t>0.12200676493102058</t>
  </si>
  <si>
    <t>18859</t>
  </si>
  <si>
    <t>6.338512420654297</t>
  </si>
  <si>
    <t>666.3787841796875</t>
  </si>
  <si>
    <t>0.11644504786959153</t>
  </si>
  <si>
    <t>18120</t>
  </si>
  <si>
    <t>4.889641761779785</t>
  </si>
  <si>
    <t>791.9104614257812</t>
  </si>
  <si>
    <t>-0.039973952915394406</t>
  </si>
  <si>
    <t>19454</t>
  </si>
  <si>
    <t>6.003154277801514</t>
  </si>
  <si>
    <t>607.2686767578125</t>
  </si>
  <si>
    <t>0.07103640383241583</t>
  </si>
  <si>
    <t>6.799999237060547</t>
  </si>
  <si>
    <t>638.3970947265625</t>
  </si>
  <si>
    <t>-0.037018964832194357</t>
  </si>
  <si>
    <t>16737</t>
  </si>
  <si>
    <t>6.290089130401611</t>
  </si>
  <si>
    <t>523.2658081054688</t>
  </si>
  <si>
    <t>-0.11341190208355378</t>
  </si>
  <si>
    <t>15817</t>
  </si>
  <si>
    <t>6.4666666984558105</t>
  </si>
  <si>
    <t>738.6127319335938</t>
  </si>
  <si>
    <t>-0.056536526550148736</t>
  </si>
  <si>
    <t>18040</t>
  </si>
  <si>
    <t>5.821846008300781</t>
  </si>
  <si>
    <t>818.334716796875</t>
  </si>
  <si>
    <t>0.13150620365312626</t>
  </si>
  <si>
    <t>19085</t>
  </si>
  <si>
    <t>6.180179119110107</t>
  </si>
  <si>
    <t>568.0493774414062</t>
  </si>
  <si>
    <t>0.056311171562715145</t>
  </si>
  <si>
    <t>19617</t>
  </si>
  <si>
    <t>7.163511753082275</t>
  </si>
  <si>
    <t>684.7041625976562</t>
  </si>
  <si>
    <t>0.027493851050055085</t>
  </si>
  <si>
    <t>19364</t>
  </si>
  <si>
    <t>7.040089130401611</t>
  </si>
  <si>
    <t>660.1104125976562</t>
  </si>
  <si>
    <t>-0.012980865169801348</t>
  </si>
  <si>
    <t>20819</t>
  </si>
  <si>
    <t>5.798422336578369</t>
  </si>
  <si>
    <t>663.752197265625</t>
  </si>
  <si>
    <t>0.07245035921618914</t>
  </si>
  <si>
    <t>20206</t>
  </si>
  <si>
    <t>6.373422622680664</t>
  </si>
  <si>
    <t>586.0067749023438</t>
  </si>
  <si>
    <t>-0.029886441288095256</t>
  </si>
  <si>
    <t>6.318483829498291</t>
  </si>
  <si>
    <t>746.549560546875</t>
  </si>
  <si>
    <t>23.31610107421875</t>
  </si>
  <si>
    <t>Jgeva county</t>
  </si>
  <si>
    <t>5908</t>
  </si>
  <si>
    <t>5.776210784912109</t>
  </si>
  <si>
    <t>688.0011596679688</t>
  </si>
  <si>
    <t>0.019829709585717836</t>
  </si>
  <si>
    <t>6709</t>
  </si>
  <si>
    <t>5.960150241851807</t>
  </si>
  <si>
    <t>542.1399536132812</t>
  </si>
  <si>
    <t>0.12714254391161717</t>
  </si>
  <si>
    <t>7262</t>
  </si>
  <si>
    <t>4.785150051116943</t>
  </si>
  <si>
    <t>628.6994018554688</t>
  </si>
  <si>
    <t>0.07920536441139348</t>
  </si>
  <si>
    <t>5.14674186706543</t>
  </si>
  <si>
    <t>634.393310546875</t>
  </si>
  <si>
    <t>0.0063143655236164165</t>
  </si>
  <si>
    <t>5.480075359344482</t>
  </si>
  <si>
    <t>613.7066650390625</t>
  </si>
  <si>
    <t>0.038520497531976616</t>
  </si>
  <si>
    <t>4.722347736358643</t>
  </si>
  <si>
    <t>590.9876098632812</t>
  </si>
  <si>
    <t>0.06301497798807887</t>
  </si>
  <si>
    <t>5.830680847167969</t>
  </si>
  <si>
    <t>733.7147216796875</t>
  </si>
  <si>
    <t>0.09498420708198374</t>
  </si>
  <si>
    <t>9201</t>
  </si>
  <si>
    <t>4.709544658660889</t>
  </si>
  <si>
    <t>770.1849975585938</t>
  </si>
  <si>
    <t>0.03382285268242491</t>
  </si>
  <si>
    <t>8532</t>
  </si>
  <si>
    <t>6.247346878051758</t>
  </si>
  <si>
    <t>551.3277587890625</t>
  </si>
  <si>
    <t>-0.07548837319112067</t>
  </si>
  <si>
    <t>6.7723469734191895</t>
  </si>
  <si>
    <t>654.0477905273438</t>
  </si>
  <si>
    <t>0.09230092568467185</t>
  </si>
  <si>
    <t>5.464619159698486</t>
  </si>
  <si>
    <t>802.9585571289062</t>
  </si>
  <si>
    <t>0.028758499516259306</t>
  </si>
  <si>
    <t>9986</t>
  </si>
  <si>
    <t>5.455680847167969</t>
  </si>
  <si>
    <t>514.5532836914062</t>
  </si>
  <si>
    <t>0.03630088626838379</t>
  </si>
  <si>
    <t>5.518483638763428</t>
  </si>
  <si>
    <t>670.961181640625</t>
  </si>
  <si>
    <t>-0.016050412698128014</t>
  </si>
  <si>
    <t>10765</t>
  </si>
  <si>
    <t>6.055075168609619</t>
  </si>
  <si>
    <t>749.539794921875</t>
  </si>
  <si>
    <t>0.09116643143603653</t>
  </si>
  <si>
    <t>601.6567993164062</t>
  </si>
  <si>
    <t>0.08916882507919865</t>
  </si>
  <si>
    <t>6.514013767242432</t>
  </si>
  <si>
    <t>637.634765625</t>
  </si>
  <si>
    <t>0.07613303756902035</t>
  </si>
  <si>
    <t>13371</t>
  </si>
  <si>
    <t>6.322952747344971</t>
  </si>
  <si>
    <t>589.2989501953125</t>
  </si>
  <si>
    <t>0.0514861891679832</t>
  </si>
  <si>
    <t>6.576211452484131</t>
  </si>
  <si>
    <t>792.6068115234375</t>
  </si>
  <si>
    <t>-0.11068466306264746</t>
  </si>
  <si>
    <t>10974</t>
  </si>
  <si>
    <t>4.98514986038208</t>
  </si>
  <si>
    <t>735.353759765625</t>
  </si>
  <si>
    <t>-0.08687468093309825</t>
  </si>
  <si>
    <t>14931</t>
  </si>
  <si>
    <t>4.9806809425354</t>
  </si>
  <si>
    <t>817.2174072265625</t>
  </si>
  <si>
    <t>0.3079107499077427</t>
  </si>
  <si>
    <t>6.559544086456299</t>
  </si>
  <si>
    <t>650.711181640625</t>
  </si>
  <si>
    <t>-0.10833414645844996</t>
  </si>
  <si>
    <t>13374</t>
  </si>
  <si>
    <t>5.101211071014404</t>
  </si>
  <si>
    <t>798.7474975585938</t>
  </si>
  <si>
    <t>-0.001792918454288639</t>
  </si>
  <si>
    <t>13571</t>
  </si>
  <si>
    <t>6.180680751800537</t>
  </si>
  <si>
    <t>619.2299194335938</t>
  </si>
  <si>
    <t>0.014622639467445353</t>
  </si>
  <si>
    <t>6.975605487823486</t>
  </si>
  <si>
    <t>687.0368041992188</t>
  </si>
  <si>
    <t>-0.04160214794903716</t>
  </si>
  <si>
    <t>13212</t>
  </si>
  <si>
    <t>6.496741771697998</t>
  </si>
  <si>
    <t>530.89404296875</t>
  </si>
  <si>
    <t>0.014792492378347788</t>
  </si>
  <si>
    <t>12389</t>
  </si>
  <si>
    <t>6.676816463470459</t>
  </si>
  <si>
    <t>745.773193359375</t>
  </si>
  <si>
    <t>-0.06431652539494159</t>
  </si>
  <si>
    <t>15858</t>
  </si>
  <si>
    <t>6.018483638763428</t>
  </si>
  <si>
    <t>814.8998413085938</t>
  </si>
  <si>
    <t>0.24686512271660455</t>
  </si>
  <si>
    <t>16524</t>
  </si>
  <si>
    <t>6.414013385772705</t>
  </si>
  <si>
    <t>587.7155151367188</t>
  </si>
  <si>
    <t>0.041139764684311686</t>
  </si>
  <si>
    <t>16985</t>
  </si>
  <si>
    <t>7.3556809425354</t>
  </si>
  <si>
    <t>688.8488159179688</t>
  </si>
  <si>
    <t>0.02751673207802874</t>
  </si>
  <si>
    <t>16766</t>
  </si>
  <si>
    <t>7.221741199493408</t>
  </si>
  <si>
    <t>685.9646606445312</t>
  </si>
  <si>
    <t>-0.012977575396881491</t>
  </si>
  <si>
    <t>5.997952938079834</t>
  </si>
  <si>
    <t>687.1173095703125</t>
  </si>
  <si>
    <t>0.0724621339185525</t>
  </si>
  <si>
    <t>17495</t>
  </si>
  <si>
    <t>623.7379150390625</t>
  </si>
  <si>
    <t>-0.02990003431456678</t>
  </si>
  <si>
    <t>1008</t>
  </si>
  <si>
    <t>7341</t>
  </si>
  <si>
    <t>6.3982253074646</t>
  </si>
  <si>
    <t>764.2689208984375</t>
  </si>
  <si>
    <t>30.990262985229492</t>
  </si>
  <si>
    <t>J‰rva county</t>
  </si>
  <si>
    <t>5.850246906280518</t>
  </si>
  <si>
    <t>706.4237060546875</t>
  </si>
  <si>
    <t>0.01982666604664729</t>
  </si>
  <si>
    <t>8504</t>
  </si>
  <si>
    <t>6.04814338684082</t>
  </si>
  <si>
    <t>609.8065185546875</t>
  </si>
  <si>
    <t>0.12723490186435527</t>
  </si>
  <si>
    <t>9205</t>
  </si>
  <si>
    <t>4.869017124176025</t>
  </si>
  <si>
    <t>630.4197998046875</t>
  </si>
  <si>
    <t>0.07921017364539473</t>
  </si>
  <si>
    <t>5.184755802154541</t>
  </si>
  <si>
    <t>670.0596313476562</t>
  </si>
  <si>
    <t>0.006281155586849607</t>
  </si>
  <si>
    <t>9627</t>
  </si>
  <si>
    <t>5.522214412689209</t>
  </si>
  <si>
    <t>634.5202026367188</t>
  </si>
  <si>
    <t>0.038543680523938306</t>
  </si>
  <si>
    <t>4.751421928405762</t>
  </si>
  <si>
    <t>625.3060913085938</t>
  </si>
  <si>
    <t>0.06290115770599591</t>
  </si>
  <si>
    <t>5.899236679077148</t>
  </si>
  <si>
    <t>729.4387817382812</t>
  </si>
  <si>
    <t>0.1765009040034009</t>
  </si>
  <si>
    <t>4.815820217132568</t>
  </si>
  <si>
    <t>758.9766235351562</t>
  </si>
  <si>
    <t>0.04781246612231804</t>
  </si>
  <si>
    <t>12874</t>
  </si>
  <si>
    <t>6.34191370010376</t>
  </si>
  <si>
    <t>585.1670532226562</t>
  </si>
  <si>
    <t>0.003423595002880475</t>
  </si>
  <si>
    <t>6.8315582275390625</t>
  </si>
  <si>
    <t>664.9625244140625</t>
  </si>
  <si>
    <t>0.055374592578296244</t>
  </si>
  <si>
    <t>5.535766124725342</t>
  </si>
  <si>
    <t>798.5441284179688</t>
  </si>
  <si>
    <t>0.02740096044520257</t>
  </si>
  <si>
    <t>14692</t>
  </si>
  <si>
    <t>5.525329113006592</t>
  </si>
  <si>
    <t>522.7982177734375</t>
  </si>
  <si>
    <t>0.04931780130349672</t>
  </si>
  <si>
    <t>15107</t>
  </si>
  <si>
    <t>5.586777210235596</t>
  </si>
  <si>
    <t>641.0364990234375</t>
  </si>
  <si>
    <t>0.027855084604167857</t>
  </si>
  <si>
    <t>16230</t>
  </si>
  <si>
    <t>6.118006229400635</t>
  </si>
  <si>
    <t>774.462646484375</t>
  </si>
  <si>
    <t>0.0717031689649108</t>
  </si>
  <si>
    <t>15465</t>
  </si>
  <si>
    <t>5.551339626312256</t>
  </si>
  <si>
    <t>597.2636108398438</t>
  </si>
  <si>
    <t>-0.048281975389466325</t>
  </si>
  <si>
    <t>17930</t>
  </si>
  <si>
    <t>6.581558704376221</t>
  </si>
  <si>
    <t>660.1210327148438</t>
  </si>
  <si>
    <t>0.1478958814800091</t>
  </si>
  <si>
    <t>19669</t>
  </si>
  <si>
    <t>6.393006801605225</t>
  </si>
  <si>
    <t>636.7058715820312</t>
  </si>
  <si>
    <t>0.09256850465071409</t>
  </si>
  <si>
    <t>16548</t>
  </si>
  <si>
    <t>6.6482253074646</t>
  </si>
  <si>
    <t>781.6747436523438</t>
  </si>
  <si>
    <t>-0.17277854366859025</t>
  </si>
  <si>
    <t>13344</t>
  </si>
  <si>
    <t>5.040985107421875</t>
  </si>
  <si>
    <t>682.032470703125</t>
  </si>
  <si>
    <t>-0.21519840298277515</t>
  </si>
  <si>
    <t>5.041995525360107</t>
  </si>
  <si>
    <t>769.2203979492188</t>
  </si>
  <si>
    <t>-0.14672180758451248</t>
  </si>
  <si>
    <t>17916</t>
  </si>
  <si>
    <t>6.616995334625244</t>
  </si>
  <si>
    <t>690.1691284179688</t>
  </si>
  <si>
    <t>0.441349130313176</t>
  </si>
  <si>
    <t>18579</t>
  </si>
  <si>
    <t>5.163880825042725</t>
  </si>
  <si>
    <t>822.8648071289062</t>
  </si>
  <si>
    <t>0.036337742278979235</t>
  </si>
  <si>
    <t>17393</t>
  </si>
  <si>
    <t>6.243006229400635</t>
  </si>
  <si>
    <t>630.965087890625</t>
  </si>
  <si>
    <t>-0.06596408419801669</t>
  </si>
  <si>
    <t>7.032569885253906</t>
  </si>
  <si>
    <t>674.8401489257812</t>
  </si>
  <si>
    <t>-0.009531859234153117</t>
  </si>
  <si>
    <t>16564</t>
  </si>
  <si>
    <t>6.550329208374023</t>
  </si>
  <si>
    <t>554.5443115234375</t>
  </si>
  <si>
    <t>-0.03930430150854214</t>
  </si>
  <si>
    <t>16917</t>
  </si>
  <si>
    <t>6.7201104164123535</t>
  </si>
  <si>
    <t>723.6524658203125</t>
  </si>
  <si>
    <t>0.02108736780983378</t>
  </si>
  <si>
    <t>18480</t>
  </si>
  <si>
    <t>6.077433109283447</t>
  </si>
  <si>
    <t>815.2044067382812</t>
  </si>
  <si>
    <t>0.08837003272038224</t>
  </si>
  <si>
    <t>18997</t>
  </si>
  <si>
    <t>6.446203708648682</t>
  </si>
  <si>
    <t>579.5708618164062</t>
  </si>
  <si>
    <t>0.027592005749374593</t>
  </si>
  <si>
    <t>7.4190993309021</t>
  </si>
  <si>
    <t>704.4395141601562</t>
  </si>
  <si>
    <t>0.02746583884056797</t>
  </si>
  <si>
    <t>19275</t>
  </si>
  <si>
    <t>7.286777496337891</t>
  </si>
  <si>
    <t>703.009521484375</t>
  </si>
  <si>
    <t>-0.01293799135408591</t>
  </si>
  <si>
    <t>6.070110321044922</t>
  </si>
  <si>
    <t>688.9848022460938</t>
  </si>
  <si>
    <t>0.07243527510595626</t>
  </si>
  <si>
    <t>20113</t>
  </si>
  <si>
    <t>6.614891529083252</t>
  </si>
  <si>
    <t>646.0321655273438</t>
  </si>
  <si>
    <t>-0.029877822384266395</t>
  </si>
  <si>
    <t>1009</t>
  </si>
  <si>
    <t>6.524999618530273</t>
  </si>
  <si>
    <t>16.23434066772461</t>
  </si>
  <si>
    <t>Lake Peipsi</t>
  </si>
  <si>
    <t>5.9499993324279785</t>
  </si>
  <si>
    <t>0.01984386525985471</t>
  </si>
  <si>
    <t>6.150000095367432</t>
  </si>
  <si>
    <t>0.12726559361710166</t>
  </si>
  <si>
    <t>10135</t>
  </si>
  <si>
    <t>4.975000381469727</t>
  </si>
  <si>
    <t>601.5</t>
  </si>
  <si>
    <t>0.07912223027529919</t>
  </si>
  <si>
    <t>5.22499942779541</t>
  </si>
  <si>
    <t>615.2000732421875</t>
  </si>
  <si>
    <t>0.0062948963644178235</t>
  </si>
  <si>
    <t>10600</t>
  </si>
  <si>
    <t>5.591667175292969</t>
  </si>
  <si>
    <t>587.2000732421875</t>
  </si>
  <si>
    <t>0.038564324849639675</t>
  </si>
  <si>
    <t>4.800000190734863</t>
  </si>
  <si>
    <t>0.06297479916138826</t>
  </si>
  <si>
    <t>12435</t>
  </si>
  <si>
    <t>0.09668627697595866</t>
  </si>
  <si>
    <t>13293</t>
  </si>
  <si>
    <t>4.950000286102295</t>
  </si>
  <si>
    <t>727.9000244140625</t>
  </si>
  <si>
    <t>0.06672250363009447</t>
  </si>
  <si>
    <t>13193</t>
  </si>
  <si>
    <t>6.441667079925537</t>
  </si>
  <si>
    <t>515.0</t>
  </si>
  <si>
    <t>-0.007551194983822285</t>
  </si>
  <si>
    <t>14078</t>
  </si>
  <si>
    <t>6.908334255218506</t>
  </si>
  <si>
    <t>0.06492690928429923</t>
  </si>
  <si>
    <t>15777</t>
  </si>
  <si>
    <t>753.2999877929688</t>
  </si>
  <si>
    <t>0.11393988808937827</t>
  </si>
  <si>
    <t>16882</t>
  </si>
  <si>
    <t>472.4000244140625</t>
  </si>
  <si>
    <t>0.0676947822862104</t>
  </si>
  <si>
    <t>5.641666412353516</t>
  </si>
  <si>
    <t>650.9000854492188</t>
  </si>
  <si>
    <t>0.12328328909174857</t>
  </si>
  <si>
    <t>0.04289556189198862</t>
  </si>
  <si>
    <t>5.616666316986084</t>
  </si>
  <si>
    <t>583.7000122070312</t>
  </si>
  <si>
    <t>0.1964845238034627</t>
  </si>
  <si>
    <t>605.4999389648438</t>
  </si>
  <si>
    <t>0.04623145698334419</t>
  </si>
  <si>
    <t>6.475000858306885</t>
  </si>
  <si>
    <t>547.5999755859375</t>
  </si>
  <si>
    <t>0.08632571629262564</t>
  </si>
  <si>
    <t>-0.017075761233734</t>
  </si>
  <si>
    <t>22708</t>
  </si>
  <si>
    <t>694.4999389648438</t>
  </si>
  <si>
    <t>-0.18167546708248317</t>
  </si>
  <si>
    <t>740.8999633789062</t>
  </si>
  <si>
    <t>0.01646577065047161</t>
  </si>
  <si>
    <t>23806</t>
  </si>
  <si>
    <t>6.683333873748779</t>
  </si>
  <si>
    <t>629.800048828125</t>
  </si>
  <si>
    <t>0.030754593786735285</t>
  </si>
  <si>
    <t>24503</t>
  </si>
  <si>
    <t>5.233333110809326</t>
  </si>
  <si>
    <t>764.2000732421875</t>
  </si>
  <si>
    <t>0.028857909288321437</t>
  </si>
  <si>
    <t>24494</t>
  </si>
  <si>
    <t>6.316666126251221</t>
  </si>
  <si>
    <t>599.7999877929688</t>
  </si>
  <si>
    <t>-0.0003673694349135559</t>
  </si>
  <si>
    <t>25588</t>
  </si>
  <si>
    <t>7.083333492279053</t>
  </si>
  <si>
    <t>634.6000366210938</t>
  </si>
  <si>
    <t>0.04369530198879623</t>
  </si>
  <si>
    <t>26866</t>
  </si>
  <si>
    <t>501.29998779296875</t>
  </si>
  <si>
    <t>0.048738055052929496</t>
  </si>
  <si>
    <t>29112</t>
  </si>
  <si>
    <t>0.08028891366903856</t>
  </si>
  <si>
    <t>29903</t>
  </si>
  <si>
    <t>6.150001049041748</t>
  </si>
  <si>
    <t>804.4999389648438</t>
  </si>
  <si>
    <t>0.026808349501777684</t>
  </si>
  <si>
    <t>6.5333333015441895</t>
  </si>
  <si>
    <t>0.03140481917686877</t>
  </si>
  <si>
    <t>31717</t>
  </si>
  <si>
    <t>657.4000244140625</t>
  </si>
  <si>
    <t>0.02748918575180781</t>
  </si>
  <si>
    <t>665.699951171875</t>
  </si>
  <si>
    <t>-0.012947218589788534</t>
  </si>
  <si>
    <t>6.1166672706604</t>
  </si>
  <si>
    <t>677.1000366210938</t>
  </si>
  <si>
    <t>0.07243430102407444</t>
  </si>
  <si>
    <t>32670</t>
  </si>
  <si>
    <t>601.7000122070312</t>
  </si>
  <si>
    <t>-0.029882671561621166</t>
  </si>
  <si>
    <t>8209</t>
  </si>
  <si>
    <t>7.194701671600342</t>
  </si>
  <si>
    <t>722.3466796875</t>
  </si>
  <si>
    <t>21.62319564819336</t>
  </si>
  <si>
    <t>L‰‰ne county</t>
  </si>
  <si>
    <t>6.730031967163086</t>
  </si>
  <si>
    <t>626.2825317382812</t>
  </si>
  <si>
    <t>0.019781129856166757</t>
  </si>
  <si>
    <t>9509</t>
  </si>
  <si>
    <t>6.8484649658203125</t>
  </si>
  <si>
    <t>589.72802734375</t>
  </si>
  <si>
    <t>0.12722647533501252</t>
  </si>
  <si>
    <t>5.64934778213501</t>
  </si>
  <si>
    <t>592.7503051757812</t>
  </si>
  <si>
    <t>0.07922533398711451</t>
  </si>
  <si>
    <t>5.968740940093994</t>
  </si>
  <si>
    <t>618.6360473632812</t>
  </si>
  <si>
    <t>0.006295115457277234</t>
  </si>
  <si>
    <t>6.378112316131592</t>
  </si>
  <si>
    <t>564.7128295898438</t>
  </si>
  <si>
    <t>0.03854096281462738</t>
  </si>
  <si>
    <t>5.587404727935791</t>
  </si>
  <si>
    <t>573.3662719726562</t>
  </si>
  <si>
    <t>0.06291155970954421</t>
  </si>
  <si>
    <t>6.684601306915283</t>
  </si>
  <si>
    <t>657.808349609375</t>
  </si>
  <si>
    <t>0.08731663395294831</t>
  </si>
  <si>
    <t>13190</t>
  </si>
  <si>
    <t>5.610485076904297</t>
  </si>
  <si>
    <t>659.4884643554688</t>
  </si>
  <si>
    <t>0.05293064225040389</t>
  </si>
  <si>
    <t>12307</t>
  </si>
  <si>
    <t>7.057758808135986</t>
  </si>
  <si>
    <t>553.9736938476562</t>
  </si>
  <si>
    <t>-0.06929076053902428</t>
  </si>
  <si>
    <t>7.583564281463623</t>
  </si>
  <si>
    <t>626.8553466796875</t>
  </si>
  <si>
    <t>0.0330073517217766</t>
  </si>
  <si>
    <t>6.269931793212891</t>
  </si>
  <si>
    <t>715.0821533203125</t>
  </si>
  <si>
    <t>0.02722047789143822</t>
  </si>
  <si>
    <t>13539</t>
  </si>
  <si>
    <t>6.216323375701904</t>
  </si>
  <si>
    <t>455.2733154296875</t>
  </si>
  <si>
    <t>0.03517837370955945</t>
  </si>
  <si>
    <t>13221</t>
  </si>
  <si>
    <t>6.378995418548584</t>
  </si>
  <si>
    <t>552.5070190429688</t>
  </si>
  <si>
    <t>-0.023767934985013284</t>
  </si>
  <si>
    <t>15010</t>
  </si>
  <si>
    <t>6.916975021362305</t>
  </si>
  <si>
    <t>701.5704956054688</t>
  </si>
  <si>
    <t>0.12691017111741054</t>
  </si>
  <si>
    <t>16483</t>
  </si>
  <si>
    <t>6.277957916259766</t>
  </si>
  <si>
    <t>561.4743041992188</t>
  </si>
  <si>
    <t>0.09361290110384779</t>
  </si>
  <si>
    <t>17688</t>
  </si>
  <si>
    <t>7.243972301483154</t>
  </si>
  <si>
    <t>584.8897705078125</t>
  </si>
  <si>
    <t>0.07055689680592714</t>
  </si>
  <si>
    <t>7.221621990203857</t>
  </si>
  <si>
    <t>648.5718383789062</t>
  </si>
  <si>
    <t>0.056599184179919604</t>
  </si>
  <si>
    <t>17610</t>
  </si>
  <si>
    <t>7.309525012969971</t>
  </si>
  <si>
    <t>686.872802734375</t>
  </si>
  <si>
    <t>-0.06101870522694952</t>
  </si>
  <si>
    <t>5.623464584350586</t>
  </si>
  <si>
    <t>611.792724609375</t>
  </si>
  <si>
    <t>-0.1715450791937485</t>
  </si>
  <si>
    <t>15735</t>
  </si>
  <si>
    <t>5.591897964477539</t>
  </si>
  <si>
    <t>698.9854736328125</t>
  </si>
  <si>
    <t>0.05896568720200257</t>
  </si>
  <si>
    <t>7.236368179321289</t>
  </si>
  <si>
    <t>662.9718627929688</t>
  </si>
  <si>
    <t>0.043221401532807846</t>
  </si>
  <si>
    <t>5.756797790527344</t>
  </si>
  <si>
    <t>777.579345703125</t>
  </si>
  <si>
    <t>0.012640405384193087</t>
  </si>
  <si>
    <t>15944</t>
  </si>
  <si>
    <t>6.887174129486084</t>
  </si>
  <si>
    <t>558.7981567382812</t>
  </si>
  <si>
    <t>-0.042666754522876715</t>
  </si>
  <si>
    <t>15106</t>
  </si>
  <si>
    <t>7.7604079246521</t>
  </si>
  <si>
    <t>601.5001220703125</t>
  </si>
  <si>
    <t>-0.053990567019237545</t>
  </si>
  <si>
    <t>14420</t>
  </si>
  <si>
    <t>7.258718967437744</t>
  </si>
  <si>
    <t>547.938720703125</t>
  </si>
  <si>
    <t>-0.046475884034453685</t>
  </si>
  <si>
    <t>13770</t>
  </si>
  <si>
    <t>7.431875228881836</t>
  </si>
  <si>
    <t>584.328125</t>
  </si>
  <si>
    <t>-0.04612381911623942</t>
  </si>
  <si>
    <t>6.7837958335876465</t>
  </si>
  <si>
    <t>720.2811279296875</t>
  </si>
  <si>
    <t>0.2243918640770115</t>
  </si>
  <si>
    <t>17739</t>
  </si>
  <si>
    <t>7.183717727661133</t>
  </si>
  <si>
    <t>484.90081787109375</t>
  </si>
  <si>
    <t>0.028881428689228272</t>
  </si>
  <si>
    <t>18233</t>
  </si>
  <si>
    <t>8.122659683227539</t>
  </si>
  <si>
    <t>665.6630859375</t>
  </si>
  <si>
    <t>0.02746753355026499</t>
  </si>
  <si>
    <t>17998</t>
  </si>
  <si>
    <t>7.990209102630615</t>
  </si>
  <si>
    <t>673.72900390625</t>
  </si>
  <si>
    <t>-0.012972498445311231</t>
  </si>
  <si>
    <t>19351</t>
  </si>
  <si>
    <t>6.831721782684326</t>
  </si>
  <si>
    <t>605.63671875</t>
  </si>
  <si>
    <t>0.07248345711525417</t>
  </si>
  <si>
    <t>18781</t>
  </si>
  <si>
    <t>7.3632121086120605</t>
  </si>
  <si>
    <t>544.0846557617188</t>
  </si>
  <si>
    <t>-0.02989837722821065</t>
  </si>
  <si>
    <t>7791</t>
  </si>
  <si>
    <t>6.079908847808838</t>
  </si>
  <si>
    <t>763.3189086914062</t>
  </si>
  <si>
    <t>37.277618408203125</t>
  </si>
  <si>
    <t>L‰‰ne-Viru county</t>
  </si>
  <si>
    <t>5.55730676651001</t>
  </si>
  <si>
    <t>686.5151977539062</t>
  </si>
  <si>
    <t>0.019699436043685736</t>
  </si>
  <si>
    <t>5.754909515380859</t>
  </si>
  <si>
    <t>591.9609985351562</t>
  </si>
  <si>
    <t>0.12732984682653736</t>
  </si>
  <si>
    <t>9768</t>
  </si>
  <si>
    <t>4.5715765953063965</t>
  </si>
  <si>
    <t>622.747802734375</t>
  </si>
  <si>
    <t>0.07911323258945835</t>
  </si>
  <si>
    <t>9830</t>
  </si>
  <si>
    <t>4.823973178863525</t>
  </si>
  <si>
    <t>650.2091674804688</t>
  </si>
  <si>
    <t>0.006327197350671554</t>
  </si>
  <si>
    <t>5.182306289672852</t>
  </si>
  <si>
    <t>628.2013549804688</t>
  </si>
  <si>
    <t>0.03851618457116324</t>
  </si>
  <si>
    <t>10880</t>
  </si>
  <si>
    <t>4.409703731536865</t>
  </si>
  <si>
    <t>608.60107421875</t>
  </si>
  <si>
    <t>0.06297112269755978</t>
  </si>
  <si>
    <t>5.59657621383667</t>
  </si>
  <si>
    <t>708.33837890625</t>
  </si>
  <si>
    <t>0.06425125561607459</t>
  </si>
  <si>
    <t>12200</t>
  </si>
  <si>
    <t>4.546576023101807</t>
  </si>
  <si>
    <t>757.7120361328125</t>
  </si>
  <si>
    <t>0.05025845469533863</t>
  </si>
  <si>
    <t>12508</t>
  </si>
  <si>
    <t>6.046576023101807</t>
  </si>
  <si>
    <t>554.7738647460938</t>
  </si>
  <si>
    <t>0.024932487856384355</t>
  </si>
  <si>
    <t>13623</t>
  </si>
  <si>
    <t>6.52397346496582</t>
  </si>
  <si>
    <t>667.407958984375</t>
  </si>
  <si>
    <t>0.08539110118832838</t>
  </si>
  <si>
    <t>14142</t>
  </si>
  <si>
    <t>5.200114727020264</t>
  </si>
  <si>
    <t>774.6451416015625</t>
  </si>
  <si>
    <t>0.03738955239812647</t>
  </si>
  <si>
    <t>5.194178581237793</t>
  </si>
  <si>
    <t>511.0080871582031</t>
  </si>
  <si>
    <t>0.09523303716755116</t>
  </si>
  <si>
    <t>15462</t>
  </si>
  <si>
    <t>5.251370429992676</t>
  </si>
  <si>
    <t>667.7862548828125</t>
  </si>
  <si>
    <t>-0.005996729451318572</t>
  </si>
  <si>
    <t>5.8049092292785645</t>
  </si>
  <si>
    <t>781.6117553710938</t>
  </si>
  <si>
    <t>0.058591009398329064</t>
  </si>
  <si>
    <t>18170</t>
  </si>
  <si>
    <t>5.235845565795898</t>
  </si>
  <si>
    <t>609.4409790039062</t>
  </si>
  <si>
    <t>0.10279547211146856</t>
  </si>
  <si>
    <t>18398</t>
  </si>
  <si>
    <t>6.263242721557617</t>
  </si>
  <si>
    <t>635.6724243164062</t>
  </si>
  <si>
    <t>0.012470080646885151</t>
  </si>
  <si>
    <t>21039</t>
  </si>
  <si>
    <t>627.3157348632812</t>
  </si>
  <si>
    <t>0.13413589516791724</t>
  </si>
  <si>
    <t>19589</t>
  </si>
  <si>
    <t>6.332306385040283</t>
  </si>
  <si>
    <t>773.3123168945312</t>
  </si>
  <si>
    <t>-0.0714096740216199</t>
  </si>
  <si>
    <t>15593</t>
  </si>
  <si>
    <t>4.704909324645996</t>
  </si>
  <si>
    <t>686.4752807617188</t>
  </si>
  <si>
    <t>-0.22814608859851404</t>
  </si>
  <si>
    <t>17517</t>
  </si>
  <si>
    <t>4.713243007659912</t>
  </si>
  <si>
    <t>745.4287719726562</t>
  </si>
  <si>
    <t>0.11634974236676143</t>
  </si>
  <si>
    <t>18585</t>
  </si>
  <si>
    <t>6.288242816925049</t>
  </si>
  <si>
    <t>700.9475708007812</t>
  </si>
  <si>
    <t>0.059182965779704944</t>
  </si>
  <si>
    <t>19495</t>
  </si>
  <si>
    <t>4.829909801483154</t>
  </si>
  <si>
    <t>822.5313110351562</t>
  </si>
  <si>
    <t>0.04780321868534543</t>
  </si>
  <si>
    <t>17576</t>
  </si>
  <si>
    <t>5.926370620727539</t>
  </si>
  <si>
    <t>614.1492919921875</t>
  </si>
  <si>
    <t>-0.10362368735225047</t>
  </si>
  <si>
    <t>18056</t>
  </si>
  <si>
    <t>6.729909420013428</t>
  </si>
  <si>
    <t>665.1477661132812</t>
  </si>
  <si>
    <t>0.026943704432925486</t>
  </si>
  <si>
    <t>6.2263712882995605</t>
  </si>
  <si>
    <t>567.8063354492188</t>
  </si>
  <si>
    <t>-0.011306478184410551</t>
  </si>
  <si>
    <t>6.40730619430542</t>
  </si>
  <si>
    <t>703.4417114257812</t>
  </si>
  <si>
    <t>-5.601456380155412e-05</t>
  </si>
  <si>
    <t>5.754909038543701</t>
  </si>
  <si>
    <t>799.5071411132812</t>
  </si>
  <si>
    <t>0.06741570788625317</t>
  </si>
  <si>
    <t>19777</t>
  </si>
  <si>
    <t>6.1132426261901855</t>
  </si>
  <si>
    <t>569.2986450195312</t>
  </si>
  <si>
    <t>0.034988391686612275</t>
  </si>
  <si>
    <t>20328</t>
  </si>
  <si>
    <t>7.104909420013428</t>
  </si>
  <si>
    <t>709.3189086914062</t>
  </si>
  <si>
    <t>0.02747959967797442</t>
  </si>
  <si>
    <t>20067</t>
  </si>
  <si>
    <t>6.968037128448486</t>
  </si>
  <si>
    <t>697.0105590820312</t>
  </si>
  <si>
    <t>-0.012922571213481504</t>
  </si>
  <si>
    <t>21575</t>
  </si>
  <si>
    <t>5.738243103027344</t>
  </si>
  <si>
    <t>687.8819580078125</t>
  </si>
  <si>
    <t>0.07245856216511015</t>
  </si>
  <si>
    <t>20939</t>
  </si>
  <si>
    <t>6.3049092292785645</t>
  </si>
  <si>
    <t>628.0900268554688</t>
  </si>
  <si>
    <t>-0.0299217881593119</t>
  </si>
  <si>
    <t>14.12234878540039</t>
  </si>
  <si>
    <t>Plva county</t>
  </si>
  <si>
    <t>5.975000381469727</t>
  </si>
  <si>
    <t>0.019783516155339242</t>
  </si>
  <si>
    <t>9508</t>
  </si>
  <si>
    <t>506.0</t>
  </si>
  <si>
    <t>0.1272407449141948</t>
  </si>
  <si>
    <t>10292</t>
  </si>
  <si>
    <t>4.974999904632568</t>
  </si>
  <si>
    <t>605.1000366210938</t>
  </si>
  <si>
    <t>0.07923334492154943</t>
  </si>
  <si>
    <t>0.0062957251872450826</t>
  </si>
  <si>
    <t>5.708333492279053</t>
  </si>
  <si>
    <t>0.03854461325791725</t>
  </si>
  <si>
    <t>11463</t>
  </si>
  <si>
    <t>4.9166669845581055</t>
  </si>
  <si>
    <t>0.06291722426821345</t>
  </si>
  <si>
    <t>6.033334255218506</t>
  </si>
  <si>
    <t>694.699951171875</t>
  </si>
  <si>
    <t>0.13226565254326417</t>
  </si>
  <si>
    <t>0.08255583243287212</t>
  </si>
  <si>
    <t>13624</t>
  </si>
  <si>
    <t>6.450000286102295</t>
  </si>
  <si>
    <t>524.3999633789062</t>
  </si>
  <si>
    <t>-0.04211299874862284</t>
  </si>
  <si>
    <t>15035</t>
  </si>
  <si>
    <t>0.09854787308010593</t>
  </si>
  <si>
    <t>16335</t>
  </si>
  <si>
    <t>5.666666507720947</t>
  </si>
  <si>
    <t>0.08292922861254048</t>
  </si>
  <si>
    <t>16644</t>
  </si>
  <si>
    <t>0.018739746067661045</t>
  </si>
  <si>
    <t>16718</t>
  </si>
  <si>
    <t>5.725000858306885</t>
  </si>
  <si>
    <t>0.004436192156269669</t>
  </si>
  <si>
    <t>17609</t>
  </si>
  <si>
    <t>732.300048828125</t>
  </si>
  <si>
    <t>0.051924151701676635</t>
  </si>
  <si>
    <t>20336</t>
  </si>
  <si>
    <t>5.683333873748779</t>
  </si>
  <si>
    <t>573.800048828125</t>
  </si>
  <si>
    <t>0.14398257946845838</t>
  </si>
  <si>
    <t>21348</t>
  </si>
  <si>
    <t>6.716667175292969</t>
  </si>
  <si>
    <t>0.048565344024599</t>
  </si>
  <si>
    <t>23207</t>
  </si>
  <si>
    <t>0.08349589882892339</t>
  </si>
  <si>
    <t>6.775001049041748</t>
  </si>
  <si>
    <t>771.7000122070312</t>
  </si>
  <si>
    <t>-0.11012616598726765</t>
  </si>
  <si>
    <t>16782</t>
  </si>
  <si>
    <t>728.7000122070312</t>
  </si>
  <si>
    <t>-0.21402090786547667</t>
  </si>
  <si>
    <t>0.023439033108232366</t>
  </si>
  <si>
    <t>12713</t>
  </si>
  <si>
    <t>6.7583327293396</t>
  </si>
  <si>
    <t>609.0</t>
  </si>
  <si>
    <t>-0.30112082458812317</t>
  </si>
  <si>
    <t>12473</t>
  </si>
  <si>
    <t>5.308333396911621</t>
  </si>
  <si>
    <t>-0.019058783824414505</t>
  </si>
  <si>
    <t>6.391666889190674</t>
  </si>
  <si>
    <t>592.0999755859375</t>
  </si>
  <si>
    <t>0.0011217949894373191</t>
  </si>
  <si>
    <t>7.133333683013916</t>
  </si>
  <si>
    <t>-0.011842084655766527</t>
  </si>
  <si>
    <t>12614</t>
  </si>
  <si>
    <t>521.2000732421875</t>
  </si>
  <si>
    <t>0.021961289764217184</t>
  </si>
  <si>
    <t>11170</t>
  </si>
  <si>
    <t>6.816667556762695</t>
  </si>
  <si>
    <t>711.5000610351562</t>
  </si>
  <si>
    <t>-0.1215756951603506</t>
  </si>
  <si>
    <t>13965</t>
  </si>
  <si>
    <t>6.216667175292969</t>
  </si>
  <si>
    <t>790.3999633789062</t>
  </si>
  <si>
    <t>0.22332258631603175</t>
  </si>
  <si>
    <t>14473</t>
  </si>
  <si>
    <t>0.0357306452583277</t>
  </si>
  <si>
    <t>14877</t>
  </si>
  <si>
    <t>0.027531551519638597</t>
  </si>
  <si>
    <t>14685</t>
  </si>
  <si>
    <t>-0.012989831524523154</t>
  </si>
  <si>
    <t>15789</t>
  </si>
  <si>
    <t>6.183332443237305</t>
  </si>
  <si>
    <t>677.5000610351562</t>
  </si>
  <si>
    <t>0.07248693038916798</t>
  </si>
  <si>
    <t>15324</t>
  </si>
  <si>
    <t>590.199951171875</t>
  </si>
  <si>
    <t>-0.029893268201348633</t>
  </si>
  <si>
    <t>6700</t>
  </si>
  <si>
    <t>7.201691150665283</t>
  </si>
  <si>
    <t>806.1653442382812</t>
  </si>
  <si>
    <t>64.37081146240234</t>
  </si>
  <si>
    <t>Prnu county</t>
  </si>
  <si>
    <t>6.676845073699951</t>
  </si>
  <si>
    <t>719.7933349609375</t>
  </si>
  <si>
    <t>7761</t>
  </si>
  <si>
    <t>6.876998424530029</t>
  </si>
  <si>
    <t>602.2343139648438</t>
  </si>
  <si>
    <t>0.12720103817890305</t>
  </si>
  <si>
    <t>5.7098708152771</t>
  </si>
  <si>
    <t>660.0966796875</t>
  </si>
  <si>
    <t>0.07923955451070697</t>
  </si>
  <si>
    <t>8454</t>
  </si>
  <si>
    <t>5.847601413726807</t>
  </si>
  <si>
    <t>675.9139404296875</t>
  </si>
  <si>
    <t>0.006288955761888815</t>
  </si>
  <si>
    <t>6.2309346199035645</t>
  </si>
  <si>
    <t>649.0830078125</t>
  </si>
  <si>
    <t>0.03851984340898973</t>
  </si>
  <si>
    <t>5.39335823059082</t>
  </si>
  <si>
    <t>617.38818359375</t>
  </si>
  <si>
    <t>0.06296518074018742</t>
  </si>
  <si>
    <t>6.585178852081299</t>
  </si>
  <si>
    <t>770.16748046875</t>
  </si>
  <si>
    <t>0.06845836936294347</t>
  </si>
  <si>
    <t>9656</t>
  </si>
  <si>
    <t>5.755781173706055</t>
  </si>
  <si>
    <t>771.468994140625</t>
  </si>
  <si>
    <t>-0.03700361186148804</t>
  </si>
  <si>
    <t>9735</t>
  </si>
  <si>
    <t>7.1391143798828125</t>
  </si>
  <si>
    <t>586.1022338867188</t>
  </si>
  <si>
    <t>0.00814815502893218</t>
  </si>
  <si>
    <t>10656</t>
  </si>
  <si>
    <t>7.689114093780518</t>
  </si>
  <si>
    <t>653.2649536132812</t>
  </si>
  <si>
    <t>0.0903954749738709</t>
  </si>
  <si>
    <t>6.464113712310791</t>
  </si>
  <si>
    <t>837.8575439453125</t>
  </si>
  <si>
    <t>0.04853988260136255</t>
  </si>
  <si>
    <t>6.564115047454834</t>
  </si>
  <si>
    <t>551.4800415039062</t>
  </si>
  <si>
    <t>-0.021232220105774857</t>
  </si>
  <si>
    <t>6.18078088760376</t>
  </si>
  <si>
    <t>622.4198608398438</t>
  </si>
  <si>
    <t>0.007550638556617528</t>
  </si>
  <si>
    <t>11372</t>
  </si>
  <si>
    <t>6.860024929046631</t>
  </si>
  <si>
    <t>774.674560546875</t>
  </si>
  <si>
    <t>0.030172778938514</t>
  </si>
  <si>
    <t>12351</t>
  </si>
  <si>
    <t>6.035024166107178</t>
  </si>
  <si>
    <t>597.3848876953125</t>
  </si>
  <si>
    <t>0.0825828376671236</t>
  </si>
  <si>
    <t>7.330935001373291</t>
  </si>
  <si>
    <t>661.3302001953125</t>
  </si>
  <si>
    <t>0.09640628799473916</t>
  </si>
  <si>
    <t>15194</t>
  </si>
  <si>
    <t>7.239267826080322</t>
  </si>
  <si>
    <t>648.2904052734375</t>
  </si>
  <si>
    <t>0.11075729363041376</t>
  </si>
  <si>
    <t>14730</t>
  </si>
  <si>
    <t>7.51835823059082</t>
  </si>
  <si>
    <t>779.9564819335938</t>
  </si>
  <si>
    <t>-0.031014382606491253</t>
  </si>
  <si>
    <t>12017</t>
  </si>
  <si>
    <t>5.810024738311768</t>
  </si>
  <si>
    <t>717.4428100585938</t>
  </si>
  <si>
    <t>-0.20356391654537553</t>
  </si>
  <si>
    <t>6.14744758605957</t>
  </si>
  <si>
    <t>846.2855834960938</t>
  </si>
  <si>
    <t>-0.031531288045785644</t>
  </si>
  <si>
    <t>19195</t>
  </si>
  <si>
    <t>7.193357467651367</t>
  </si>
  <si>
    <t>678.234375</t>
  </si>
  <si>
    <t>0.4998588025693831</t>
  </si>
  <si>
    <t>19448</t>
  </si>
  <si>
    <t>5.939268112182617</t>
  </si>
  <si>
    <t>818.1181030273438</t>
  </si>
  <si>
    <t>0.013094408561061144</t>
  </si>
  <si>
    <t>7.030935287475586</t>
  </si>
  <si>
    <t>633.6195068359375</t>
  </si>
  <si>
    <t>-0.01852721720129935</t>
  </si>
  <si>
    <t>19129</t>
  </si>
  <si>
    <t>7.83078145980835</t>
  </si>
  <si>
    <t>678.5457153320312</t>
  </si>
  <si>
    <t>0.001988488357994811</t>
  </si>
  <si>
    <t>20425</t>
  </si>
  <si>
    <t>7.372447967529297</t>
  </si>
  <si>
    <t>560.570068359375</t>
  </si>
  <si>
    <t>0.06555413257554932</t>
  </si>
  <si>
    <t>21205</t>
  </si>
  <si>
    <t>7.451691150665283</t>
  </si>
  <si>
    <t>697.8394775390625</t>
  </si>
  <si>
    <t>0.03747736218048736</t>
  </si>
  <si>
    <t>20853</t>
  </si>
  <si>
    <t>6.943357944488525</t>
  </si>
  <si>
    <t>812.8656616210938</t>
  </si>
  <si>
    <t>-0.016739180140094234</t>
  </si>
  <si>
    <t>21733</t>
  </si>
  <si>
    <t>7.280780792236328</t>
  </si>
  <si>
    <t>569.5523681640625</t>
  </si>
  <si>
    <t>0.04133401993710528</t>
  </si>
  <si>
    <t>22338</t>
  </si>
  <si>
    <t>8.49335765838623</t>
  </si>
  <si>
    <t>686.3034057617188</t>
  </si>
  <si>
    <t>0.027457421395070014</t>
  </si>
  <si>
    <t>8.176691055297852</t>
  </si>
  <si>
    <t>700.212158203125</t>
  </si>
  <si>
    <t>-0.012931311780203458</t>
  </si>
  <si>
    <t>23708</t>
  </si>
  <si>
    <t>6.868357181549072</t>
  </si>
  <si>
    <t>682.3700561523438</t>
  </si>
  <si>
    <t>0.07245459158716017</t>
  </si>
  <si>
    <t>23009</t>
  </si>
  <si>
    <t>7.5100250244140625</t>
  </si>
  <si>
    <t>631.50732421875</t>
  </si>
  <si>
    <t>-0.02992710018819622</t>
  </si>
  <si>
    <t>1014</t>
  </si>
  <si>
    <t>7337</t>
  </si>
  <si>
    <t>6.670045852661133</t>
  </si>
  <si>
    <t>816.5632934570312</t>
  </si>
  <si>
    <t>327.6357421875</t>
  </si>
  <si>
    <t>Rapla county</t>
  </si>
  <si>
    <t>6.11203145980835</t>
  </si>
  <si>
    <t>724.3941040039062</t>
  </si>
  <si>
    <t>0.01970374136636366</t>
  </si>
  <si>
    <t>8499</t>
  </si>
  <si>
    <t>6.305931568145752</t>
  </si>
  <si>
    <t>696.13916015625</t>
  </si>
  <si>
    <t>0.12731472841826807</t>
  </si>
  <si>
    <t>5.137924671173096</t>
  </si>
  <si>
    <t>654.4651489257812</t>
  </si>
  <si>
    <t>0.07925497453850561</t>
  </si>
  <si>
    <t>5.481483459472656</t>
  </si>
  <si>
    <t>690.5017700195312</t>
  </si>
  <si>
    <t>0.00628455855408383</t>
  </si>
  <si>
    <t>9621</t>
  </si>
  <si>
    <t>5.791219711303711</t>
  </si>
  <si>
    <t>687.6404418945312</t>
  </si>
  <si>
    <t>0.03846016677004904</t>
  </si>
  <si>
    <t>5.042368412017822</t>
  </si>
  <si>
    <t>678.151123046875</t>
  </si>
  <si>
    <t>0.06293917613788302</t>
  </si>
  <si>
    <t>10904</t>
  </si>
  <si>
    <t>6.166157245635986</t>
  </si>
  <si>
    <t>722.7332763671875</t>
  </si>
  <si>
    <t>0.062242308877220154</t>
  </si>
  <si>
    <t>5.06955623626709</t>
  </si>
  <si>
    <t>811.5913696289062</t>
  </si>
  <si>
    <t>0.07276418108469684</t>
  </si>
  <si>
    <t>11390</t>
  </si>
  <si>
    <t>6.597214221954346</t>
  </si>
  <si>
    <t>646.3885498046875</t>
  </si>
  <si>
    <t>-0.029158098019836487</t>
  </si>
  <si>
    <t>12376</t>
  </si>
  <si>
    <t>7.112924575805664</t>
  </si>
  <si>
    <t>716.6803588867188</t>
  </si>
  <si>
    <t>0.08302333581167254</t>
  </si>
  <si>
    <t>5.8239359855651855</t>
  </si>
  <si>
    <t>809.7191772460938</t>
  </si>
  <si>
    <t>0.01611063579425398</t>
  </si>
  <si>
    <t>12865</t>
  </si>
  <si>
    <t>5.820960998535156</t>
  </si>
  <si>
    <t>528.0895385742188</t>
  </si>
  <si>
    <t>0.02264069666868984</t>
  </si>
  <si>
    <t>13187</t>
  </si>
  <si>
    <t>5.861182689666748</t>
  </si>
  <si>
    <t>636.9593505859375</t>
  </si>
  <si>
    <t>0.02472105009185377</t>
  </si>
  <si>
    <t>6.392049312591553</t>
  </si>
  <si>
    <t>859.36279296875</t>
  </si>
  <si>
    <t>0.03918571303661089</t>
  </si>
  <si>
    <t>14531</t>
  </si>
  <si>
    <t>5.80233907699585</t>
  </si>
  <si>
    <t>621.1591796875</t>
  </si>
  <si>
    <t>0.0578670894763853</t>
  </si>
  <si>
    <t>15655</t>
  </si>
  <si>
    <t>6.863309383392334</t>
  </si>
  <si>
    <t>685.1779174804688</t>
  </si>
  <si>
    <t>0.07450605643981056</t>
  </si>
  <si>
    <t>16867</t>
  </si>
  <si>
    <t>6.689071178436279</t>
  </si>
  <si>
    <t>747.5838623046875</t>
  </si>
  <si>
    <t>0.07456869549750955</t>
  </si>
  <si>
    <t>14927</t>
  </si>
  <si>
    <t>6.908609867095947</t>
  </si>
  <si>
    <t>811.9230346679688</t>
  </si>
  <si>
    <t>-0.12218739662477596</t>
  </si>
  <si>
    <t>12471</t>
  </si>
  <si>
    <t>5.321259021759033</t>
  </si>
  <si>
    <t>666.4608154296875</t>
  </si>
  <si>
    <t>-0.17976570471249254</t>
  </si>
  <si>
    <t>13245</t>
  </si>
  <si>
    <t>5.324019908905029</t>
  </si>
  <si>
    <t>740.9489135742188</t>
  </si>
  <si>
    <t>0.0602141737854236</t>
  </si>
  <si>
    <t>6.886627674102783</t>
  </si>
  <si>
    <t>783.5640258789062</t>
  </si>
  <si>
    <t>0.017735339707213527</t>
  </si>
  <si>
    <t>5.436777114868164</t>
  </si>
  <si>
    <t>889.5987548828125</t>
  </si>
  <si>
    <t>-0.04103217335849152</t>
  </si>
  <si>
    <t>14709</t>
  </si>
  <si>
    <t>6.489264965057373</t>
  </si>
  <si>
    <t>640.58251953125</t>
  </si>
  <si>
    <t>0.12813626226445152</t>
  </si>
  <si>
    <t>15227</t>
  </si>
  <si>
    <t>7.294917583465576</t>
  </si>
  <si>
    <t>674.3753051757812</t>
  </si>
  <si>
    <t>0.034610616521389304</t>
  </si>
  <si>
    <t>6.82087516784668</t>
  </si>
  <si>
    <t>622.3366088867188</t>
  </si>
  <si>
    <t>0.048142608201255044</t>
  </si>
  <si>
    <t>15759</t>
  </si>
  <si>
    <t>6.977040767669678</t>
  </si>
  <si>
    <t>697.9453125</t>
  </si>
  <si>
    <t>-0.01380114541991695</t>
  </si>
  <si>
    <t>17747</t>
  </si>
  <si>
    <t>6.340539932250977</t>
  </si>
  <si>
    <t>828.6986083984375</t>
  </si>
  <si>
    <t>0.11880485691249376</t>
  </si>
  <si>
    <t>18614</t>
  </si>
  <si>
    <t>6.721768856048584</t>
  </si>
  <si>
    <t>611.5816040039062</t>
  </si>
  <si>
    <t>0.04769749821109137</t>
  </si>
  <si>
    <t>7.6741485595703125</t>
  </si>
  <si>
    <t>780.6155395507812</t>
  </si>
  <si>
    <t>0.027500607139346656</t>
  </si>
  <si>
    <t>7.550020217895508</t>
  </si>
  <si>
    <t>808.6754150390625</t>
  </si>
  <si>
    <t>-0.01294073818915642</t>
  </si>
  <si>
    <t>20306</t>
  </si>
  <si>
    <t>6.3374152183532715</t>
  </si>
  <si>
    <t>747.7042846679688</t>
  </si>
  <si>
    <t>0.07244255416532219</t>
  </si>
  <si>
    <t>19708</t>
  </si>
  <si>
    <t>6.890602111816406</t>
  </si>
  <si>
    <t>673.0926513671875</t>
  </si>
  <si>
    <t>-0.02989176419731443</t>
  </si>
  <si>
    <t>7225</t>
  </si>
  <si>
    <t>6.131071090698242</t>
  </si>
  <si>
    <t>562.7456665039062</t>
  </si>
  <si>
    <t>28.44498062133789</t>
  </si>
  <si>
    <t>Saare county</t>
  </si>
  <si>
    <t>7370</t>
  </si>
  <si>
    <t>5.68975830078125</t>
  </si>
  <si>
    <t>489.53057861328125</t>
  </si>
  <si>
    <t>0.019870472202748957</t>
  </si>
  <si>
    <t>5.837207794189453</t>
  </si>
  <si>
    <t>450.86309814453125</t>
  </si>
  <si>
    <t>0.127236178300139</t>
  </si>
  <si>
    <t>9060</t>
  </si>
  <si>
    <t>4.909162998199463</t>
  </si>
  <si>
    <t>444.60028076171875</t>
  </si>
  <si>
    <t>0.0792152355535034</t>
  </si>
  <si>
    <t>5.180994033813477</t>
  </si>
  <si>
    <t>466.62542724609375</t>
  </si>
  <si>
    <t>0.006271682547877688</t>
  </si>
  <si>
    <t>9475</t>
  </si>
  <si>
    <t>5.396617889404297</t>
  </si>
  <si>
    <t>447.0946960449219</t>
  </si>
  <si>
    <t>0.03851594836572403</t>
  </si>
  <si>
    <t>4.721171855926514</t>
  </si>
  <si>
    <t>437.8019104003906</t>
  </si>
  <si>
    <t>0.06298718651390267</t>
  </si>
  <si>
    <t>5.696033477783203</t>
  </si>
  <si>
    <t>506.7171325683594</t>
  </si>
  <si>
    <t>0.07766915902147709</t>
  </si>
  <si>
    <t>4.880585193634033</t>
  </si>
  <si>
    <t>528.37451171875</t>
  </si>
  <si>
    <t>0.05355554193723222</t>
  </si>
  <si>
    <t>11415</t>
  </si>
  <si>
    <t>6.002401828765869</t>
  </si>
  <si>
    <t>431.7478942871094</t>
  </si>
  <si>
    <t>-0.007940358459341823</t>
  </si>
  <si>
    <t>12427</t>
  </si>
  <si>
    <t>6.397619247436523</t>
  </si>
  <si>
    <t>478.0083312988281</t>
  </si>
  <si>
    <t>0.0849432448420977</t>
  </si>
  <si>
    <t>13583</t>
  </si>
  <si>
    <t>5.45025110244751</t>
  </si>
  <si>
    <t>559.8247680664062</t>
  </si>
  <si>
    <t>5.472869873046875</t>
  </si>
  <si>
    <t>357.02215576171875</t>
  </si>
  <si>
    <t>0.030523992252065923</t>
  </si>
  <si>
    <t>14609</t>
  </si>
  <si>
    <t>5.4752631187438965</t>
  </si>
  <si>
    <t>407.60009765625</t>
  </si>
  <si>
    <t>0.04229477405795912</t>
  </si>
  <si>
    <t>15518</t>
  </si>
  <si>
    <t>5.877298355102539</t>
  </si>
  <si>
    <t>551.0293579101562</t>
  </si>
  <si>
    <t>0.06036286332138019</t>
  </si>
  <si>
    <t>17992</t>
  </si>
  <si>
    <t>5.373186111450195</t>
  </si>
  <si>
    <t>410.4000244140625</t>
  </si>
  <si>
    <t>0.1479265741852558</t>
  </si>
  <si>
    <t>19429</t>
  </si>
  <si>
    <t>6.235857009887695</t>
  </si>
  <si>
    <t>461.7672424316406</t>
  </si>
  <si>
    <t>0.07683958060396279</t>
  </si>
  <si>
    <t>6.152109622955322</t>
  </si>
  <si>
    <t>494.0049133300781</t>
  </si>
  <si>
    <t>0.06905120183230018</t>
  </si>
  <si>
    <t>20273</t>
  </si>
  <si>
    <t>6.19888162612915</t>
  </si>
  <si>
    <t>542.6881713867188</t>
  </si>
  <si>
    <t>-0.026528045607220108</t>
  </si>
  <si>
    <t>16823</t>
  </si>
  <si>
    <t>4.958373069763184</t>
  </si>
  <si>
    <t>469.8189697265625</t>
  </si>
  <si>
    <t>-0.18654295374903285</t>
  </si>
  <si>
    <t>19027</t>
  </si>
  <si>
    <t>4.816747188568115</t>
  </si>
  <si>
    <t>555.5927124023438</t>
  </si>
  <si>
    <t>0.12311202532123922</t>
  </si>
  <si>
    <t>22483</t>
  </si>
  <si>
    <t>6.136894226074219</t>
  </si>
  <si>
    <t>514.7888793945312</t>
  </si>
  <si>
    <t>0.16690044502060175</t>
  </si>
  <si>
    <t>5.041533946990967</t>
  </si>
  <si>
    <t>591.6541137695312</t>
  </si>
  <si>
    <t>-0.08262576780754216</t>
  </si>
  <si>
    <t>20014</t>
  </si>
  <si>
    <t>5.812602996826172</t>
  </si>
  <si>
    <t>430.7419738769531</t>
  </si>
  <si>
    <t>-0.03370167160305826</t>
  </si>
  <si>
    <t>19893</t>
  </si>
  <si>
    <t>6.602497100830078</t>
  </si>
  <si>
    <t>459.62786865234375</t>
  </si>
  <si>
    <t>-0.006064117613423292</t>
  </si>
  <si>
    <t>20250</t>
  </si>
  <si>
    <t>6.109716892242432</t>
  </si>
  <si>
    <t>416.9595947265625</t>
  </si>
  <si>
    <t>0.01778688249770788</t>
  </si>
  <si>
    <t>23767</t>
  </si>
  <si>
    <t>6.242359638214111</t>
  </si>
  <si>
    <t>441.9298400878906</t>
  </si>
  <si>
    <t>0.16014327034667986</t>
  </si>
  <si>
    <t>21919</t>
  </si>
  <si>
    <t>5.7981109619140625</t>
  </si>
  <si>
    <t>561.6724853515625</t>
  </si>
  <si>
    <t>-0.08094422329801354</t>
  </si>
  <si>
    <t>22380</t>
  </si>
  <si>
    <t>6.163351058959961</t>
  </si>
  <si>
    <t>396.3236999511719</t>
  </si>
  <si>
    <t>0.02081386228256399</t>
  </si>
  <si>
    <t>23004</t>
  </si>
  <si>
    <t>6.859655857086182</t>
  </si>
  <si>
    <t>506.0643005371094</t>
  </si>
  <si>
    <t>0.02750041096772904</t>
  </si>
  <si>
    <t>22707</t>
  </si>
  <si>
    <t>6.742228031158447</t>
  </si>
  <si>
    <t>512.7955932617188</t>
  </si>
  <si>
    <t>-0.012994866856368859</t>
  </si>
  <si>
    <t>24414</t>
  </si>
  <si>
    <t>5.866508483886719</t>
  </si>
  <si>
    <t>485.3215637207031</t>
  </si>
  <si>
    <t>0.07248349125246811</t>
  </si>
  <si>
    <t>23695</t>
  </si>
  <si>
    <t>6.290304660797119</t>
  </si>
  <si>
    <t>445.4818420410156</t>
  </si>
  <si>
    <t>-0.029892682828055683</t>
  </si>
  <si>
    <t>6.420042514801025</t>
  </si>
  <si>
    <t>753.1270751953125</t>
  </si>
  <si>
    <t>96.26399993896484</t>
  </si>
  <si>
    <t>Tartu county</t>
  </si>
  <si>
    <t>5.843238830566406</t>
  </si>
  <si>
    <t>672.3075561523438</t>
  </si>
  <si>
    <t>6.019815921783447</t>
  </si>
  <si>
    <t>521.5208129882812</t>
  </si>
  <si>
    <t>4.847518444061279</t>
  </si>
  <si>
    <t>620.996826171875</t>
  </si>
  <si>
    <t>5.197969913482666</t>
  </si>
  <si>
    <t>613.5284423828125</t>
  </si>
  <si>
    <t>5.5520243644714355</t>
  </si>
  <si>
    <t>609.856201171875</t>
  </si>
  <si>
    <t>4.781303882598877</t>
  </si>
  <si>
    <t>572.8995971679688</t>
  </si>
  <si>
    <t>5.885131359100342</t>
  </si>
  <si>
    <t>711.7699584960938</t>
  </si>
  <si>
    <t>4.777923107147217</t>
  </si>
  <si>
    <t>783.0470581054688</t>
  </si>
  <si>
    <t>6.311482906341553</t>
  </si>
  <si>
    <t>533.2757568359375</t>
  </si>
  <si>
    <t>6.828375339508057</t>
  </si>
  <si>
    <t>642.5562744140625</t>
  </si>
  <si>
    <t>5.527024745941162</t>
  </si>
  <si>
    <t>789.5004272460938</t>
  </si>
  <si>
    <t>5.507654666900635</t>
  </si>
  <si>
    <t>503.051025390625</t>
  </si>
  <si>
    <t>5.579726696014404</t>
  </si>
  <si>
    <t>673.6032104492188</t>
  </si>
  <si>
    <t>6.106077671051025</t>
  </si>
  <si>
    <t>739.9540405273438</t>
  </si>
  <si>
    <t>589.9862670898438</t>
  </si>
  <si>
    <t>6.557880878448486</t>
  </si>
  <si>
    <t>625.5025024414062</t>
  </si>
  <si>
    <t>6.394590377807617</t>
  </si>
  <si>
    <t>587.0510864257812</t>
  </si>
  <si>
    <t>6.616214752197266</t>
  </si>
  <si>
    <t>764.066162109375</t>
  </si>
  <si>
    <t>5.0096845626831055</t>
  </si>
  <si>
    <t>725.11376953125</t>
  </si>
  <si>
    <t>5.012612819671631</t>
  </si>
  <si>
    <t>810.5757446289062</t>
  </si>
  <si>
    <t>6.609006881713867</t>
  </si>
  <si>
    <t>623.0454711914062</t>
  </si>
  <si>
    <t>5.172744274139404</t>
  </si>
  <si>
    <t>769.3674926757812</t>
  </si>
  <si>
    <t>6.246393203735352</t>
  </si>
  <si>
    <t>603.4617309570312</t>
  </si>
  <si>
    <t>7.031077861785889</t>
  </si>
  <si>
    <t>686.4188232421875</t>
  </si>
  <si>
    <t>6.554727077484131</t>
  </si>
  <si>
    <t>528.702392578125</t>
  </si>
  <si>
    <t>6.720041751861572</t>
  </si>
  <si>
    <t>713.8081665039062</t>
  </si>
  <si>
    <t>6.09639310836792</t>
  </si>
  <si>
    <t>799.1701049804688</t>
  </si>
  <si>
    <t>6.4547271728515625</t>
  </si>
  <si>
    <t>573.9136962890625</t>
  </si>
  <si>
    <t>7.4297261238098145</t>
  </si>
  <si>
    <t>670.8622436523438</t>
  </si>
  <si>
    <t>7.2713942527771</t>
  </si>
  <si>
    <t>657.529541015625</t>
  </si>
  <si>
    <t>6.05607795715332</t>
  </si>
  <si>
    <t>685.60791015625</t>
  </si>
  <si>
    <t>606.3966064453125</t>
  </si>
  <si>
    <t>1017</t>
  </si>
  <si>
    <t>6021</t>
  </si>
  <si>
    <t>6.75</t>
  </si>
  <si>
    <t>757.7000122070312</t>
  </si>
  <si>
    <t>16.535778045654297</t>
  </si>
  <si>
    <t>Valga county</t>
  </si>
  <si>
    <t>6142</t>
  </si>
  <si>
    <t>6.1750006675720215</t>
  </si>
  <si>
    <t>0.019897063536319592</t>
  </si>
  <si>
    <t>6.400000095367432</t>
  </si>
  <si>
    <t>0.12718190568879884</t>
  </si>
  <si>
    <t>640.300048828125</t>
  </si>
  <si>
    <t>7598</t>
  </si>
  <si>
    <t>5.4083333015441895</t>
  </si>
  <si>
    <t>0.006337491504501358</t>
  </si>
  <si>
    <t>0.03847124736574692</t>
  </si>
  <si>
    <t>8409</t>
  </si>
  <si>
    <t>5.066667556762695</t>
  </si>
  <si>
    <t>589.0</t>
  </si>
  <si>
    <t>0.06294625871957926</t>
  </si>
  <si>
    <t>0.05663635002396461</t>
  </si>
  <si>
    <t>9799</t>
  </si>
  <si>
    <t>0.09634142877895613</t>
  </si>
  <si>
    <t>9956</t>
  </si>
  <si>
    <t>6.700000762939453</t>
  </si>
  <si>
    <t>545.8999633789062</t>
  </si>
  <si>
    <t>0.015895044851664153</t>
  </si>
  <si>
    <t>10556</t>
  </si>
  <si>
    <t>0.058519034135732895</t>
  </si>
  <si>
    <t>10434</t>
  </si>
  <si>
    <t>6.0</t>
  </si>
  <si>
    <t>805.2000732421875</t>
  </si>
  <si>
    <t>-0.011624714040877393</t>
  </si>
  <si>
    <t>519.0999755859375</t>
  </si>
  <si>
    <t>0.10679709110960012</t>
  </si>
  <si>
    <t>5.691667079925537</t>
  </si>
  <si>
    <t>0.03835901555580001</t>
  </si>
  <si>
    <t>0.0275513032550343</t>
  </si>
  <si>
    <t>592.4000244140625</t>
  </si>
  <si>
    <t>0.09654831601826253</t>
  </si>
  <si>
    <t>6.941666126251221</t>
  </si>
  <si>
    <t>662.4000244140625</t>
  </si>
  <si>
    <t>0.03376242939062912</t>
  </si>
  <si>
    <t>15231</t>
  </si>
  <si>
    <t>6.808333873748779</t>
  </si>
  <si>
    <t>589.699951171875</t>
  </si>
  <si>
    <t>0.07524496470384001</t>
  </si>
  <si>
    <t>7.075000286102295</t>
  </si>
  <si>
    <t>738.10009765625</t>
  </si>
  <si>
    <t>-0.055479813282570234</t>
  </si>
  <si>
    <t>5.416667461395264</t>
  </si>
  <si>
    <t>735.9000244140625</t>
  </si>
  <si>
    <t>-0.16159265023793878</t>
  </si>
  <si>
    <t>12378</t>
  </si>
  <si>
    <t>817.4000244140625</t>
  </si>
  <si>
    <t>0.009660342204311334</t>
  </si>
  <si>
    <t>639.6000366210938</t>
  </si>
  <si>
    <t>0.1430092791536275</t>
  </si>
  <si>
    <t>5.508333683013916</t>
  </si>
  <si>
    <t>772.5</t>
  </si>
  <si>
    <t>-0.07455514272980857</t>
  </si>
  <si>
    <t>13861</t>
  </si>
  <si>
    <t>6.591667175292969</t>
  </si>
  <si>
    <t>0.04470430149022775</t>
  </si>
  <si>
    <t>14370</t>
  </si>
  <si>
    <t>0.036063558859718015</t>
  </si>
  <si>
    <t>523.7000122070312</t>
  </si>
  <si>
    <t>0.010246558771715542</t>
  </si>
  <si>
    <t>17435</t>
  </si>
  <si>
    <t>6.9916672706604</t>
  </si>
  <si>
    <t>731.199951171875</t>
  </si>
  <si>
    <t>0.183090421264966</t>
  </si>
  <si>
    <t>813.5999755859375</t>
  </si>
  <si>
    <t>-0.09455336846648699</t>
  </si>
  <si>
    <t>16773</t>
  </si>
  <si>
    <t>573.0999755859375</t>
  </si>
  <si>
    <t>0.055844139051488995</t>
  </si>
  <si>
    <t>0.027519817481096</t>
  </si>
  <si>
    <t>689.0999145507812</t>
  </si>
  <si>
    <t>-0.01295990118117274</t>
  </si>
  <si>
    <t>18297</t>
  </si>
  <si>
    <t>6.4083333015441895</t>
  </si>
  <si>
    <t>0.07240674496988753</t>
  </si>
  <si>
    <t>17759</t>
  </si>
  <si>
    <t>636.7000122070312</t>
  </si>
  <si>
    <t>-0.029844682309969173</t>
  </si>
  <si>
    <t>6.6086506843566895</t>
  </si>
  <si>
    <t>748.8985595703125</t>
  </si>
  <si>
    <t>35.14155197143555</t>
  </si>
  <si>
    <t>Viljandi county</t>
  </si>
  <si>
    <t>6.110330104827881</t>
  </si>
  <si>
    <t>681.0017700195312</t>
  </si>
  <si>
    <t>0.019878007021581823</t>
  </si>
  <si>
    <t>8136</t>
  </si>
  <si>
    <t>6.2603302001953125</t>
  </si>
  <si>
    <t>569.2830200195312</t>
  </si>
  <si>
    <t>0.12723017454779217</t>
  </si>
  <si>
    <t>5.1019978523254395</t>
  </si>
  <si>
    <t>611.0796508789062</t>
  </si>
  <si>
    <t>0.07913464858730457</t>
  </si>
  <si>
    <t>8862</t>
  </si>
  <si>
    <t>5.366984844207764</t>
  </si>
  <si>
    <t>640.7527465820312</t>
  </si>
  <si>
    <t>0.006339165443735695</t>
  </si>
  <si>
    <t>5.735330581665039</t>
  </si>
  <si>
    <t>610.9490966796875</t>
  </si>
  <si>
    <t>0.03851737748991724</t>
  </si>
  <si>
    <t>9809</t>
  </si>
  <si>
    <t>4.950317859649658</t>
  </si>
  <si>
    <t>597.145751953125</t>
  </si>
  <si>
    <t>0.06301048131496323</t>
  </si>
  <si>
    <t>10560</t>
  </si>
  <si>
    <t>6.126996994018555</t>
  </si>
  <si>
    <t>717.320068359375</t>
  </si>
  <si>
    <t>0.07377294669593581</t>
  </si>
  <si>
    <t>10910</t>
  </si>
  <si>
    <t>5.058650493621826</t>
  </si>
  <si>
    <t>734.7509765625</t>
  </si>
  <si>
    <t>0.03260652156686383</t>
  </si>
  <si>
    <t>10865</t>
  </si>
  <si>
    <t>6.543664455413818</t>
  </si>
  <si>
    <t>536.6077880859375</t>
  </si>
  <si>
    <t>-0.004133186136584754</t>
  </si>
  <si>
    <t>7.01866340637207</t>
  </si>
  <si>
    <t>647.3316040039062</t>
  </si>
  <si>
    <t>0.07233136369168669</t>
  </si>
  <si>
    <t>5.720342636108398</t>
  </si>
  <si>
    <t>746.839599609375</t>
  </si>
  <si>
    <t>0.052533962796282196</t>
  </si>
  <si>
    <t>5.703676223754883</t>
  </si>
  <si>
    <t>503.4717102050781</t>
  </si>
  <si>
    <t>0.06227662297517078</t>
  </si>
  <si>
    <t>13093</t>
  </si>
  <si>
    <t>5.793664455413818</t>
  </si>
  <si>
    <t>659.7942504882812</t>
  </si>
  <si>
    <t>-0.0006108269259179622</t>
  </si>
  <si>
    <t>14272</t>
  </si>
  <si>
    <t>6.310329914093018</t>
  </si>
  <si>
    <t>719.4154052734375</t>
  </si>
  <si>
    <t>0.08622183959203866</t>
  </si>
  <si>
    <t>15576</t>
  </si>
  <si>
    <t>5.716984272003174</t>
  </si>
  <si>
    <t>549.709716796875</t>
  </si>
  <si>
    <t>0.08743169223224356</t>
  </si>
  <si>
    <t>15846</t>
  </si>
  <si>
    <t>6.701997756958008</t>
  </si>
  <si>
    <t>640.3378295898438</t>
  </si>
  <si>
    <t>0.01718583447315325</t>
  </si>
  <si>
    <t>17264</t>
  </si>
  <si>
    <t>6.678676605224609</t>
  </si>
  <si>
    <t>593.3639526367188</t>
  </si>
  <si>
    <t>0.0857063059727281</t>
  </si>
  <si>
    <t>15937</t>
  </si>
  <si>
    <t>6.7503180503845215</t>
  </si>
  <si>
    <t>704.1007080078125</t>
  </si>
  <si>
    <t>-0.07997995863828322</t>
  </si>
  <si>
    <t>13014</t>
  </si>
  <si>
    <t>5.068664073944092</t>
  </si>
  <si>
    <t>684.1096801757812</t>
  </si>
  <si>
    <t>-0.20261774880470362</t>
  </si>
  <si>
    <t>14862</t>
  </si>
  <si>
    <t>5.051997661590576</t>
  </si>
  <si>
    <t>791.130615234375</t>
  </si>
  <si>
    <t>0.13278191866248612</t>
  </si>
  <si>
    <t>17064</t>
  </si>
  <si>
    <t>6.795343399047852</t>
  </si>
  <si>
    <t>625.5521850585938</t>
  </si>
  <si>
    <t>0.1381633614337705</t>
  </si>
  <si>
    <t>17585</t>
  </si>
  <si>
    <t>5.391984462738037</t>
  </si>
  <si>
    <t>743.6048583984375</t>
  </si>
  <si>
    <t>0.030075284756897247</t>
  </si>
  <si>
    <t>6.448701858520508</t>
  </si>
  <si>
    <t>634.9794921875</t>
  </si>
  <si>
    <t>0.0725917332731374</t>
  </si>
  <si>
    <t>19665</t>
  </si>
  <si>
    <t>7.222023010253906</t>
  </si>
  <si>
    <t>660.3403930664062</t>
  </si>
  <si>
    <t>0.039202406684688995</t>
  </si>
  <si>
    <t>6.74863862991333</t>
  </si>
  <si>
    <t>523.9654541015625</t>
  </si>
  <si>
    <t>-0.01222803090363378</t>
  </si>
  <si>
    <t>6.908651351928711</t>
  </si>
  <si>
    <t>720.8023071289062</t>
  </si>
  <si>
    <t>-0.02967514793665238</t>
  </si>
  <si>
    <t>21126</t>
  </si>
  <si>
    <t>6.298637866973877</t>
  </si>
  <si>
    <t>827.4673461914062</t>
  </si>
  <si>
    <t>0.1135672823574847</t>
  </si>
  <si>
    <t>6.668664455413818</t>
  </si>
  <si>
    <t>554.2532958984375</t>
  </si>
  <si>
    <t>0.07282910874674187</t>
  </si>
  <si>
    <t>23356</t>
  </si>
  <si>
    <t>7.618663787841797</t>
  </si>
  <si>
    <t>665.4742431640625</t>
  </si>
  <si>
    <t>0.02752029227357866</t>
  </si>
  <si>
    <t>23055</t>
  </si>
  <si>
    <t>7.470343112945557</t>
  </si>
  <si>
    <t>657.1304931640625</t>
  </si>
  <si>
    <t>-0.012971244762622902</t>
  </si>
  <si>
    <t>6.26201057434082</t>
  </si>
  <si>
    <t>662.6867065429688</t>
  </si>
  <si>
    <t>0.07243665652641162</t>
  </si>
  <si>
    <t>24057</t>
  </si>
  <si>
    <t>6.810330867767334</t>
  </si>
  <si>
    <t>626.7695922851562</t>
  </si>
  <si>
    <t>-0.02989330769207932</t>
  </si>
  <si>
    <t>6130</t>
  </si>
  <si>
    <t>6.399651050567627</t>
  </si>
  <si>
    <t>741.2839965820312</t>
  </si>
  <si>
    <t>30.473743438720703</t>
  </si>
  <si>
    <t>Vru county</t>
  </si>
  <si>
    <t>5.8208465576171875</t>
  </si>
  <si>
    <t>667.8936157226562</t>
  </si>
  <si>
    <t>0.019866598637040767</t>
  </si>
  <si>
    <t>6.0496506690979</t>
  </si>
  <si>
    <t>546.599365234375</t>
  </si>
  <si>
    <t>0.12731508593573437</t>
  </si>
  <si>
    <t>7687</t>
  </si>
  <si>
    <t>4.9337077140808105</t>
  </si>
  <si>
    <t>630.0863037109375</t>
  </si>
  <si>
    <t>0.07915415584609953</t>
  </si>
  <si>
    <t>5.0587077140808105</t>
  </si>
  <si>
    <t>639.0068359375</t>
  </si>
  <si>
    <t>0.006224893658034247</t>
  </si>
  <si>
    <t>8039</t>
  </si>
  <si>
    <t>5.412513256072998</t>
  </si>
  <si>
    <t>619.4893798828125</t>
  </si>
  <si>
    <t>0.03854921332079364</t>
  </si>
  <si>
    <t>8562</t>
  </si>
  <si>
    <t>4.700375080108643</t>
  </si>
  <si>
    <t>571.617431640625</t>
  </si>
  <si>
    <t>0.06302911037693093</t>
  </si>
  <si>
    <t>9852</t>
  </si>
  <si>
    <t>5.73298454284668</t>
  </si>
  <si>
    <t>704.40478515625</t>
  </si>
  <si>
    <t>0.14034067253553673</t>
  </si>
  <si>
    <t>10192</t>
  </si>
  <si>
    <t>4.991318225860596</t>
  </si>
  <si>
    <t>755.6302490234375</t>
  </si>
  <si>
    <t>0.03392861857151708</t>
  </si>
  <si>
    <t>6.350374698638916</t>
  </si>
  <si>
    <t>523.1939086914062</t>
  </si>
  <si>
    <t>0.014126592756539935</t>
  </si>
  <si>
    <t>11229</t>
  </si>
  <si>
    <t>6.837512969970703</t>
  </si>
  <si>
    <t>659.2605590820312</t>
  </si>
  <si>
    <t>0.08277002600405403</t>
  </si>
  <si>
    <t>5.649651050567627</t>
  </si>
  <si>
    <t>778.402587890625</t>
  </si>
  <si>
    <t>0.010982308591994894</t>
  </si>
  <si>
    <t>12311</t>
  </si>
  <si>
    <t>5.770846843719482</t>
  </si>
  <si>
    <t>492.2157287597656</t>
  </si>
  <si>
    <t>0.08101114548308175</t>
  </si>
  <si>
    <t>5.35870885848999</t>
  </si>
  <si>
    <t>670.9299926757812</t>
  </si>
  <si>
    <t>0.028585957010914598</t>
  </si>
  <si>
    <t>13189</t>
  </si>
  <si>
    <t>6.041317462921143</t>
  </si>
  <si>
    <t>720.230224609375</t>
  </si>
  <si>
    <t>0.04030402016735479</t>
  </si>
  <si>
    <t>5.279179573059082</t>
  </si>
  <si>
    <t>587.4566040039062</t>
  </si>
  <si>
    <t>0.052721495343657665</t>
  </si>
  <si>
    <t>6.595846176147461</t>
  </si>
  <si>
    <t>640.5610961914062</t>
  </si>
  <si>
    <t>0.03477627987673415</t>
  </si>
  <si>
    <t>16922</t>
  </si>
  <si>
    <t>6.462512969970703</t>
  </si>
  <si>
    <t>563.0897216796875</t>
  </si>
  <si>
    <t>0.1617336264381688</t>
  </si>
  <si>
    <t>15645</t>
  </si>
  <si>
    <t>6.729179382324219</t>
  </si>
  <si>
    <t>721.4630737304688</t>
  </si>
  <si>
    <t>-0.07846317338146314</t>
  </si>
  <si>
    <t>13136</t>
  </si>
  <si>
    <t>5.066317558288574</t>
  </si>
  <si>
    <t>728.5472412109375</t>
  </si>
  <si>
    <t>-0.17479482441077288</t>
  </si>
  <si>
    <t>13642</t>
  </si>
  <si>
    <t>793.0067749023438</t>
  </si>
  <si>
    <t>0.03779671652245575</t>
  </si>
  <si>
    <t>6.37917947769165</t>
  </si>
  <si>
    <t>622.208984375</t>
  </si>
  <si>
    <t>0.11535294043706479</t>
  </si>
  <si>
    <t>15224</t>
  </si>
  <si>
    <t>5.166317462921143</t>
  </si>
  <si>
    <t>751.313232421875</t>
  </si>
  <si>
    <t>-0.005633079675744668</t>
  </si>
  <si>
    <t>15847</t>
  </si>
  <si>
    <t>6.245845794677734</t>
  </si>
  <si>
    <t>626.9306030273438</t>
  </si>
  <si>
    <t>0.04010707796682311</t>
  </si>
  <si>
    <t>7.012512683868408</t>
  </si>
  <si>
    <t>668.7132568359375</t>
  </si>
  <si>
    <t>-0.017698450253133657</t>
  </si>
  <si>
    <t>15912</t>
  </si>
  <si>
    <t>6.587512969970703</t>
  </si>
  <si>
    <t>507.771728515625</t>
  </si>
  <si>
    <t>0.02179178384413305</t>
  </si>
  <si>
    <t>15443</t>
  </si>
  <si>
    <t>6.645845890045166</t>
  </si>
  <si>
    <t>729.7952880859375</t>
  </si>
  <si>
    <t>-0.029917715310807225</t>
  </si>
  <si>
    <t>15275</t>
  </si>
  <si>
    <t>6.179179668426514</t>
  </si>
  <si>
    <t>806.7213134765625</t>
  </si>
  <si>
    <t>-0.010938321183203925</t>
  </si>
  <si>
    <t>16282</t>
  </si>
  <si>
    <t>6.4458465576171875</t>
  </si>
  <si>
    <t>565.1845703125</t>
  </si>
  <si>
    <t>0.0638426980941258</t>
  </si>
  <si>
    <t>7.620846271514893</t>
  </si>
  <si>
    <t>654.8692016601562</t>
  </si>
  <si>
    <t>0.0275018847307269</t>
  </si>
  <si>
    <t>16520</t>
  </si>
  <si>
    <t>7.341318130493164</t>
  </si>
  <si>
    <t>672.5305786132812</t>
  </si>
  <si>
    <t>-0.012990319789679461</t>
  </si>
  <si>
    <t>17761</t>
  </si>
  <si>
    <t>6.054180145263672</t>
  </si>
  <si>
    <t>687.9823608398438</t>
  </si>
  <si>
    <t>0.07243327419235612</t>
  </si>
  <si>
    <t>17238</t>
  </si>
  <si>
    <t>6.657984256744385</t>
  </si>
  <si>
    <t>621.7348022460938</t>
  </si>
  <si>
    <t>-0.029888793059981822</t>
  </si>
  <si>
    <t>1020</t>
  </si>
  <si>
    <t>FIN</t>
  </si>
  <si>
    <t>28520</t>
  </si>
  <si>
    <t>4.0738396644592285</t>
  </si>
  <si>
    <t>640.0181884765625</t>
  </si>
  <si>
    <t>221.38710021972656</t>
  </si>
  <si>
    <t>Central Finland</t>
  </si>
  <si>
    <t>Finland</t>
  </si>
  <si>
    <t>26666</t>
  </si>
  <si>
    <t>3.6679036617279053</t>
  </si>
  <si>
    <t>670.5194091796875</t>
  </si>
  <si>
    <t>-0.06721624985282837</t>
  </si>
  <si>
    <t>25615</t>
  </si>
  <si>
    <t>3.741013765335083</t>
  </si>
  <si>
    <t>690.8714599609375</t>
  </si>
  <si>
    <t>-0.04021122830210189</t>
  </si>
  <si>
    <t>2.492279529571533</t>
  </si>
  <si>
    <t>599.4296264648438</t>
  </si>
  <si>
    <t>-0.01257136964726513</t>
  </si>
  <si>
    <t>3.0079126358032227</t>
  </si>
  <si>
    <t>633.0205688476562</t>
  </si>
  <si>
    <t>0.03351009336988753</t>
  </si>
  <si>
    <t>27127</t>
  </si>
  <si>
    <t>3.496569871902466</t>
  </si>
  <si>
    <t>593.648681640625</t>
  </si>
  <si>
    <t>0.03641270074760605</t>
  </si>
  <si>
    <t>2.5680878162384033</t>
  </si>
  <si>
    <t>650.56640625</t>
  </si>
  <si>
    <t>0.03142493705860083</t>
  </si>
  <si>
    <t>29640</t>
  </si>
  <si>
    <t>3.5049285888671875</t>
  </si>
  <si>
    <t>613.8238525390625</t>
  </si>
  <si>
    <t>0.057170321507891586</t>
  </si>
  <si>
    <t>31135</t>
  </si>
  <si>
    <t>2.0475704669952393</t>
  </si>
  <si>
    <t>734.974853515625</t>
  </si>
  <si>
    <t>0.049207787896529354</t>
  </si>
  <si>
    <t>32382</t>
  </si>
  <si>
    <t>3.961231231689453</t>
  </si>
  <si>
    <t>602.6981811523438</t>
  </si>
  <si>
    <t>0.039270124540145446</t>
  </si>
  <si>
    <t>4.789138317108154</t>
  </si>
  <si>
    <t>675.7639770507812</t>
  </si>
  <si>
    <t>0.05277912717841993</t>
  </si>
  <si>
    <t>2.8437297344207764</t>
  </si>
  <si>
    <t>675.4811401367188</t>
  </si>
  <si>
    <t>0.050188310564104555</t>
  </si>
  <si>
    <t>2.7678651809692383</t>
  </si>
  <si>
    <t>505.48602294921875</t>
  </si>
  <si>
    <t>0.00940015517763726</t>
  </si>
  <si>
    <t>3.8468210697174072</t>
  </si>
  <si>
    <t>595.9522094726562</t>
  </si>
  <si>
    <t>0.00857407214763306</t>
  </si>
  <si>
    <t>36391</t>
  </si>
  <si>
    <t>3.9886255264282227</t>
  </si>
  <si>
    <t>775.6680908203125</t>
  </si>
  <si>
    <t>-0.004222886608912901</t>
  </si>
  <si>
    <t>36952</t>
  </si>
  <si>
    <t>3.9078891277313232</t>
  </si>
  <si>
    <t>601.2335815429688</t>
  </si>
  <si>
    <t>0.015298281804861702</t>
  </si>
  <si>
    <t>38332</t>
  </si>
  <si>
    <t>4.0673508644104</t>
  </si>
  <si>
    <t>592.6334228515625</t>
  </si>
  <si>
    <t>0.0366652833532104</t>
  </si>
  <si>
    <t>40806</t>
  </si>
  <si>
    <t>4.337419509887695</t>
  </si>
  <si>
    <t>669.2554931640625</t>
  </si>
  <si>
    <t>0.06254407294004238</t>
  </si>
  <si>
    <t>41282</t>
  </si>
  <si>
    <t>4.1829304695129395</t>
  </si>
  <si>
    <t>750.8616943359375</t>
  </si>
  <si>
    <t>0.011597440190508124</t>
  </si>
  <si>
    <t>2.77597713470459</t>
  </si>
  <si>
    <t>574.49072265625</t>
  </si>
  <si>
    <t>-0.08268252761289929</t>
  </si>
  <si>
    <t>36513</t>
  </si>
  <si>
    <t>2.65159273147583</t>
  </si>
  <si>
    <t>634.0224609375</t>
  </si>
  <si>
    <t>-0.04007568043863685</t>
  </si>
  <si>
    <t>38127</t>
  </si>
  <si>
    <t>4.5892558097839355</t>
  </si>
  <si>
    <t>717.0977172851562</t>
  </si>
  <si>
    <t>0.04325433100751397</t>
  </si>
  <si>
    <t>37923</t>
  </si>
  <si>
    <t>2.941354990005493</t>
  </si>
  <si>
    <t>789.4454956054688</t>
  </si>
  <si>
    <t>-0.005364904386512492</t>
  </si>
  <si>
    <t>36818</t>
  </si>
  <si>
    <t>4.356332302093506</t>
  </si>
  <si>
    <t>575.1809692382812</t>
  </si>
  <si>
    <t>-0.02957093215716</t>
  </si>
  <si>
    <t>37082</t>
  </si>
  <si>
    <t>5.048009872436523</t>
  </si>
  <si>
    <t>639.3635864257812</t>
  </si>
  <si>
    <t>0.007144820651291184</t>
  </si>
  <si>
    <t>38070</t>
  </si>
  <si>
    <t>4.454403400421143</t>
  </si>
  <si>
    <t>652.5336303710938</t>
  </si>
  <si>
    <t>0.026294893718743495</t>
  </si>
  <si>
    <t>39393</t>
  </si>
  <si>
    <t>4.861433982849121</t>
  </si>
  <si>
    <t>647.1853637695312</t>
  </si>
  <si>
    <t>0.03416156515057267</t>
  </si>
  <si>
    <t>40333</t>
  </si>
  <si>
    <t>3.8479859828948975</t>
  </si>
  <si>
    <t>725.1771850585938</t>
  </si>
  <si>
    <t>0.02358185688669323</t>
  </si>
  <si>
    <t>41450</t>
  </si>
  <si>
    <t>4.269690990447998</t>
  </si>
  <si>
    <t>496.30670166015625</t>
  </si>
  <si>
    <t>0.02731788914963218</t>
  </si>
  <si>
    <t>5.067244529724121</t>
  </si>
  <si>
    <t>711.3240356445312</t>
  </si>
  <si>
    <t>-0.0010379329172032215</t>
  </si>
  <si>
    <t>5.2614569664001465</t>
  </si>
  <si>
    <t>728.8780517578125</t>
  </si>
  <si>
    <t>-0.03639716189157127</t>
  </si>
  <si>
    <t>40960</t>
  </si>
  <si>
    <t>3.8876590728759766</t>
  </si>
  <si>
    <t>684.9141235351562</t>
  </si>
  <si>
    <t>0.02554319395872362</t>
  </si>
  <si>
    <t>41501</t>
  </si>
  <si>
    <t>4.737327575683594</t>
  </si>
  <si>
    <t>628.258544921875</t>
  </si>
  <si>
    <t>0.013121542600629255</t>
  </si>
  <si>
    <t>24875</t>
  </si>
  <si>
    <t>3.5890188217163086</t>
  </si>
  <si>
    <t>534.5828247070312</t>
  </si>
  <si>
    <t>37.61792755126953</t>
  </si>
  <si>
    <t>Central Ostrobothnia</t>
  </si>
  <si>
    <t>23258</t>
  </si>
  <si>
    <t>2.9444799423217773</t>
  </si>
  <si>
    <t>571.01904296875</t>
  </si>
  <si>
    <t>-0.06721412417380357</t>
  </si>
  <si>
    <t>22341</t>
  </si>
  <si>
    <t>3.0990383625030518</t>
  </si>
  <si>
    <t>665.8295288085938</t>
  </si>
  <si>
    <t>-0.04022560347423365</t>
  </si>
  <si>
    <t>22062</t>
  </si>
  <si>
    <t>1.8584641218185425</t>
  </si>
  <si>
    <t>575.9974975585938</t>
  </si>
  <si>
    <t>-0.012566883849428834</t>
  </si>
  <si>
    <t>22813</t>
  </si>
  <si>
    <t>2.513164758682251</t>
  </si>
  <si>
    <t>482.346435546875</t>
  </si>
  <si>
    <t>0.0334738773635479</t>
  </si>
  <si>
    <t>23660</t>
  </si>
  <si>
    <t>2.748677968978882</t>
  </si>
  <si>
    <t>489.9925537109375</t>
  </si>
  <si>
    <t>0.0364553096395035</t>
  </si>
  <si>
    <t>24415</t>
  </si>
  <si>
    <t>1.9535326957702637</t>
  </si>
  <si>
    <t>536.0404052734375</t>
  </si>
  <si>
    <t>0.03141183896338262</t>
  </si>
  <si>
    <t>25851</t>
  </si>
  <si>
    <t>2.790228843688965</t>
  </si>
  <si>
    <t>540.4741821289062</t>
  </si>
  <si>
    <t>0.057151587412116456</t>
  </si>
  <si>
    <t>27155</t>
  </si>
  <si>
    <t>1.1760865449905396</t>
  </si>
  <si>
    <t>716.4672241210938</t>
  </si>
  <si>
    <t>0.049211906561067664</t>
  </si>
  <si>
    <t>3.1012446880340576</t>
  </si>
  <si>
    <t>549.6109008789062</t>
  </si>
  <si>
    <t>0.039284447790599586</t>
  </si>
  <si>
    <t>29774</t>
  </si>
  <si>
    <t>4.1001667976379395</t>
  </si>
  <si>
    <t>756.9620971679688</t>
  </si>
  <si>
    <t>0.05278989017745772</t>
  </si>
  <si>
    <t>2.0213568210601807</t>
  </si>
  <si>
    <t>669.5005493164062</t>
  </si>
  <si>
    <t>0.031115605161025073</t>
  </si>
  <si>
    <t>1.9792019128799438</t>
  </si>
  <si>
    <t>521.6655883789062</t>
  </si>
  <si>
    <t>-0.03951377253246413</t>
  </si>
  <si>
    <t>31638</t>
  </si>
  <si>
    <t>3.3280389308929443</t>
  </si>
  <si>
    <t>479.5016784667969</t>
  </si>
  <si>
    <t>0.06912156769296196</t>
  </si>
  <si>
    <t>33243</t>
  </si>
  <si>
    <t>3.3825457096099854</t>
  </si>
  <si>
    <t>671.6712036132812</t>
  </si>
  <si>
    <t>0.049485288845909636</t>
  </si>
  <si>
    <t>34686</t>
  </si>
  <si>
    <t>3.559553384780884</t>
  </si>
  <si>
    <t>585.5777587890625</t>
  </si>
  <si>
    <t>0.04249192870609697</t>
  </si>
  <si>
    <t>39948</t>
  </si>
  <si>
    <t>3.3674075603485107</t>
  </si>
  <si>
    <t>553.2525634765625</t>
  </si>
  <si>
    <t>0.14124246105249405</t>
  </si>
  <si>
    <t>41667</t>
  </si>
  <si>
    <t>3.7377841472625732</t>
  </si>
  <si>
    <t>661.7679443359375</t>
  </si>
  <si>
    <t>0.042130840221302535</t>
  </si>
  <si>
    <t>43623</t>
  </si>
  <si>
    <t>3.406853437423706</t>
  </si>
  <si>
    <t>640.28857421875</t>
  </si>
  <si>
    <t>0.04587508559726672</t>
  </si>
  <si>
    <t>38708</t>
  </si>
  <si>
    <t>2.2842628955841064</t>
  </si>
  <si>
    <t>564.6602172851562</t>
  </si>
  <si>
    <t>-0.11953823718076251</t>
  </si>
  <si>
    <t>40867</t>
  </si>
  <si>
    <t>1.8604469299316406</t>
  </si>
  <si>
    <t>588.7197265625</t>
  </si>
  <si>
    <t>0.05427659438889165</t>
  </si>
  <si>
    <t>43348</t>
  </si>
  <si>
    <t>3.9669816493988037</t>
  </si>
  <si>
    <t>628.2657470703125</t>
  </si>
  <si>
    <t>0.05893767465316202</t>
  </si>
  <si>
    <t>41395</t>
  </si>
  <si>
    <t>2.2670834064483643</t>
  </si>
  <si>
    <t>684.8720092773438</t>
  </si>
  <si>
    <t>-0.04610046546997992</t>
  </si>
  <si>
    <t>3.718562364578247</t>
  </si>
  <si>
    <t>520.507568359375</t>
  </si>
  <si>
    <t>-0.022450894723256454</t>
  </si>
  <si>
    <t>4.34881591796875</t>
  </si>
  <si>
    <t>579.0778198242188</t>
  </si>
  <si>
    <t>0.04002713378664069</t>
  </si>
  <si>
    <t>3.806565284729004</t>
  </si>
  <si>
    <t>622.7591552734375</t>
  </si>
  <si>
    <t>0.0051376259795912205</t>
  </si>
  <si>
    <t>41476</t>
  </si>
  <si>
    <t>4.25412654876709</t>
  </si>
  <si>
    <t>620.6868286132812</t>
  </si>
  <si>
    <t>-0.02075901893771359</t>
  </si>
  <si>
    <t>43906</t>
  </si>
  <si>
    <t>3.0637600421905518</t>
  </si>
  <si>
    <t>593.28857421875</t>
  </si>
  <si>
    <t>0.056936038305700265</t>
  </si>
  <si>
    <t>44292</t>
  </si>
  <si>
    <t>3.5528457164764404</t>
  </si>
  <si>
    <t>416.3685607910156</t>
  </si>
  <si>
    <t>0.00875308883412984</t>
  </si>
  <si>
    <t>43712</t>
  </si>
  <si>
    <t>4.11555814743042</t>
  </si>
  <si>
    <t>644.4418334960938</t>
  </si>
  <si>
    <t>-0.013181409887536688</t>
  </si>
  <si>
    <t>43540</t>
  </si>
  <si>
    <t>4.5651068687438965</t>
  </si>
  <si>
    <t>619.2537841796875</t>
  </si>
  <si>
    <t>-0.003942608141922932</t>
  </si>
  <si>
    <t>44667</t>
  </si>
  <si>
    <t>3.137281656265259</t>
  </si>
  <si>
    <t>605.3878173828125</t>
  </si>
  <si>
    <t>0.02555491813512134</t>
  </si>
  <si>
    <t>45257</t>
  </si>
  <si>
    <t>4.138298511505127</t>
  </si>
  <si>
    <t>560.3812866210938</t>
  </si>
  <si>
    <t>0.013122380372795561</t>
  </si>
  <si>
    <t>33650</t>
  </si>
  <si>
    <t>6.509500503540039</t>
  </si>
  <si>
    <t>685.0293579101562</t>
  </si>
  <si>
    <t>411.52880859375</t>
  </si>
  <si>
    <t>Finland Proper</t>
  </si>
  <si>
    <t>5.978212356567383</t>
  </si>
  <si>
    <t>619.1214599609375</t>
  </si>
  <si>
    <t>-0.06723258769042317</t>
  </si>
  <si>
    <t>30222</t>
  </si>
  <si>
    <t>6.125365734100342</t>
  </si>
  <si>
    <t>642.837158203125</t>
  </si>
  <si>
    <t>-0.040210332408744165</t>
  </si>
  <si>
    <t>29845</t>
  </si>
  <si>
    <t>4.929012298583984</t>
  </si>
  <si>
    <t>576.5120239257812</t>
  </si>
  <si>
    <t>-0.0125528143709559</t>
  </si>
  <si>
    <t>5.217916011810303</t>
  </si>
  <si>
    <t>595.2684326171875</t>
  </si>
  <si>
    <t>0.0334759291963902</t>
  </si>
  <si>
    <t>32006</t>
  </si>
  <si>
    <t>5.635556697845459</t>
  </si>
  <si>
    <t>580.2147827148438</t>
  </si>
  <si>
    <t>0.0364301344067961</t>
  </si>
  <si>
    <t>33028</t>
  </si>
  <si>
    <t>4.782815456390381</t>
  </si>
  <si>
    <t>608.725341796875</t>
  </si>
  <si>
    <t>0.03143230133138353</t>
  </si>
  <si>
    <t>5.936497211456299</t>
  </si>
  <si>
    <t>621.0203247070312</t>
  </si>
  <si>
    <t>0.05716346005062256</t>
  </si>
  <si>
    <t>36735</t>
  </si>
  <si>
    <t>4.8592119216918945</t>
  </si>
  <si>
    <t>690.0986938476562</t>
  </si>
  <si>
    <t>6.369019031524658</t>
  </si>
  <si>
    <t>600.168212890625</t>
  </si>
  <si>
    <t>0.039262592269219354</t>
  </si>
  <si>
    <t>6.90226411819458</t>
  </si>
  <si>
    <t>641.9296875</t>
  </si>
  <si>
    <t>0.05278801508577402</t>
  </si>
  <si>
    <t>39679</t>
  </si>
  <si>
    <t>5.582576274871826</t>
  </si>
  <si>
    <t>678.5636596679688</t>
  </si>
  <si>
    <t>-0.01495850594103132</t>
  </si>
  <si>
    <t>43757</t>
  </si>
  <si>
    <t>5.549866199493408</t>
  </si>
  <si>
    <t>440.8554382324219</t>
  </si>
  <si>
    <t>0.09782951951878616</t>
  </si>
  <si>
    <t>42861</t>
  </si>
  <si>
    <t>5.655980587005615</t>
  </si>
  <si>
    <t>525.7476806640625</t>
  </si>
  <si>
    <t>-0.02068927845385815</t>
  </si>
  <si>
    <t>44905</t>
  </si>
  <si>
    <t>6.192874431610107</t>
  </si>
  <si>
    <t>732.2951049804688</t>
  </si>
  <si>
    <t>0.046586825571781176</t>
  </si>
  <si>
    <t>45541</t>
  </si>
  <si>
    <t>5.577559947967529</t>
  </si>
  <si>
    <t>564.2288818359375</t>
  </si>
  <si>
    <t>0.01406387198920278</t>
  </si>
  <si>
    <t>47456</t>
  </si>
  <si>
    <t>6.604038715362549</t>
  </si>
  <si>
    <t>617.5482177734375</t>
  </si>
  <si>
    <t>0.04118994684340649</t>
  </si>
  <si>
    <t>50520</t>
  </si>
  <si>
    <t>6.481935024261475</t>
  </si>
  <si>
    <t>658.6502685546875</t>
  </si>
  <si>
    <t>0.06256633152676905</t>
  </si>
  <si>
    <t>49726</t>
  </si>
  <si>
    <t>6.661880970001221</t>
  </si>
  <si>
    <t>700.9774780273438</t>
  </si>
  <si>
    <t>-0.015841362336123765</t>
  </si>
  <si>
    <t>44756</t>
  </si>
  <si>
    <t>5.027965068817139</t>
  </si>
  <si>
    <t>561.5855102539062</t>
  </si>
  <si>
    <t>-0.10530242120069211</t>
  </si>
  <si>
    <t>42315</t>
  </si>
  <si>
    <t>5.026495933532715</t>
  </si>
  <si>
    <t>618.092529296875</t>
  </si>
  <si>
    <t>-0.05608388082340632</t>
  </si>
  <si>
    <t>44079</t>
  </si>
  <si>
    <t>6.645816802978516</t>
  </si>
  <si>
    <t>684.130615234375</t>
  </si>
  <si>
    <t>0.04084184543985003</t>
  </si>
  <si>
    <t>5.244627952575684</t>
  </si>
  <si>
    <t>770.10791015625</t>
  </si>
  <si>
    <t>-0.02879138426589556</t>
  </si>
  <si>
    <t>6.294007778167725</t>
  </si>
  <si>
    <t>550.957275390625</t>
  </si>
  <si>
    <t>-0.021977868976611248</t>
  </si>
  <si>
    <t>7.139232635498047</t>
  </si>
  <si>
    <t>607.1229248046875</t>
  </si>
  <si>
    <t>-0.0017677978803511962</t>
  </si>
  <si>
    <t>6.549252033233643</t>
  </si>
  <si>
    <t>576.7418212890625</t>
  </si>
  <si>
    <t>-0.014401558993398567</t>
  </si>
  <si>
    <t>6.754922389984131</t>
  </si>
  <si>
    <t>559.3328857421875</t>
  </si>
  <si>
    <t>0.04956955368712812</t>
  </si>
  <si>
    <t>45640</t>
  </si>
  <si>
    <t>6.056753635406494</t>
  </si>
  <si>
    <t>708.6895141601562</t>
  </si>
  <si>
    <t>0.052170102861085255</t>
  </si>
  <si>
    <t>46055</t>
  </si>
  <si>
    <t>6.498903274536133</t>
  </si>
  <si>
    <t>474.6297302246094</t>
  </si>
  <si>
    <t>0.009051809446322778</t>
  </si>
  <si>
    <t>46466</t>
  </si>
  <si>
    <t>7.420524597167969</t>
  </si>
  <si>
    <t>674.2594604492188</t>
  </si>
  <si>
    <t>0.00888452791289751</t>
  </si>
  <si>
    <t>44958</t>
  </si>
  <si>
    <t>7.332252025604248</t>
  </si>
  <si>
    <t>697.5647583007812</t>
  </si>
  <si>
    <t>-0.032992141742866465</t>
  </si>
  <si>
    <t>46121</t>
  </si>
  <si>
    <t>6.15806245803833</t>
  </si>
  <si>
    <t>639.5155029296875</t>
  </si>
  <si>
    <t>0.02553965712278128</t>
  </si>
  <si>
    <t>46731</t>
  </si>
  <si>
    <t>6.721161365509033</t>
  </si>
  <si>
    <t>582.3798217773438</t>
  </si>
  <si>
    <t>0.013139378279568348</t>
  </si>
  <si>
    <t>46779</t>
  </si>
  <si>
    <t>5.829624176025391</t>
  </si>
  <si>
    <t>732.4830322265625</t>
  </si>
  <si>
    <t>1293.10791015625</t>
  </si>
  <si>
    <t>Helsinki-Uusimaa</t>
  </si>
  <si>
    <t>43738</t>
  </si>
  <si>
    <t>5.383711338043213</t>
  </si>
  <si>
    <t>656.6266479492188</t>
  </si>
  <si>
    <t>-0.06721709480472704</t>
  </si>
  <si>
    <t>42014</t>
  </si>
  <si>
    <t>5.478776931762695</t>
  </si>
  <si>
    <t>696.270751953125</t>
  </si>
  <si>
    <t>-0.04021439339264177</t>
  </si>
  <si>
    <t>41489</t>
  </si>
  <si>
    <t>4.294636249542236</t>
  </si>
  <si>
    <t>619.841064453125</t>
  </si>
  <si>
    <t>-0.012574564212474826</t>
  </si>
  <si>
    <t>42902</t>
  </si>
  <si>
    <t>4.567403316497803</t>
  </si>
  <si>
    <t>642.9889526367188</t>
  </si>
  <si>
    <t>0.033490113032897284</t>
  </si>
  <si>
    <t>44494</t>
  </si>
  <si>
    <t>5.050313472747803</t>
  </si>
  <si>
    <t>614.1659545898438</t>
  </si>
  <si>
    <t>0.036435903727030095</t>
  </si>
  <si>
    <t>4.186057090759277</t>
  </si>
  <si>
    <t>661.5438842773438</t>
  </si>
  <si>
    <t>0.03143751244454407</t>
  </si>
  <si>
    <t>48615</t>
  </si>
  <si>
    <t>5.277124881744385</t>
  </si>
  <si>
    <t>658.9887084960938</t>
  </si>
  <si>
    <t>0.057140264196135604</t>
  </si>
  <si>
    <t>51067</t>
  </si>
  <si>
    <t>4.0857319831848145</t>
  </si>
  <si>
    <t>757.7468872070312</t>
  </si>
  <si>
    <t>0.04920637077059986</t>
  </si>
  <si>
    <t>53112</t>
  </si>
  <si>
    <t>5.692600727081299</t>
  </si>
  <si>
    <t>622.291259765625</t>
  </si>
  <si>
    <t>0.03926439538463811</t>
  </si>
  <si>
    <t>55991</t>
  </si>
  <si>
    <t>6.301449298858643</t>
  </si>
  <si>
    <t>699.7069091796875</t>
  </si>
  <si>
    <t>0.05278807211665182</t>
  </si>
  <si>
    <t>57478</t>
  </si>
  <si>
    <t>4.849957466125488</t>
  </si>
  <si>
    <t>729.8189086914062</t>
  </si>
  <si>
    <t>0.026211302360758637</t>
  </si>
  <si>
    <t>57058</t>
  </si>
  <si>
    <t>4.735854625701904</t>
  </si>
  <si>
    <t>479.2616271972656</t>
  </si>
  <si>
    <t>-0.007333971546904294</t>
  </si>
  <si>
    <t>56994</t>
  </si>
  <si>
    <t>5.1141133308410645</t>
  </si>
  <si>
    <t>596.7023315429688</t>
  </si>
  <si>
    <t>-0.0011222952112639462</t>
  </si>
  <si>
    <t>59112</t>
  </si>
  <si>
    <t>5.609572887420654</t>
  </si>
  <si>
    <t>816.31298828125</t>
  </si>
  <si>
    <t>0.03648795035024577</t>
  </si>
  <si>
    <t>60600</t>
  </si>
  <si>
    <t>5.14787483215332</t>
  </si>
  <si>
    <t>602.0284423828125</t>
  </si>
  <si>
    <t>0.024860943588921103</t>
  </si>
  <si>
    <t>63406</t>
  </si>
  <si>
    <t>5.905726909637451</t>
  </si>
  <si>
    <t>659.8921508789062</t>
  </si>
  <si>
    <t>0.04526360111406724</t>
  </si>
  <si>
    <t>5.96188497543335</t>
  </si>
  <si>
    <t>694.4155883789062</t>
  </si>
  <si>
    <t>0.04633432626256706</t>
  </si>
  <si>
    <t>66582</t>
  </si>
  <si>
    <t>6.077373027801514</t>
  </si>
  <si>
    <t>765.7909545898438</t>
  </si>
  <si>
    <t>0.002541450294579306</t>
  </si>
  <si>
    <t>62515</t>
  </si>
  <si>
    <t>4.3917036056518555</t>
  </si>
  <si>
    <t>611.2432861328125</t>
  </si>
  <si>
    <t>-0.06302774279951784</t>
  </si>
  <si>
    <t>64034</t>
  </si>
  <si>
    <t>4.402531147003174</t>
  </si>
  <si>
    <t>668.5084228515625</t>
  </si>
  <si>
    <t>0.024007664349383617</t>
  </si>
  <si>
    <t>63185</t>
  </si>
  <si>
    <t>6.0663981437683105</t>
  </si>
  <si>
    <t>747.2826538085938</t>
  </si>
  <si>
    <t>-0.013347261085703721</t>
  </si>
  <si>
    <t>61260</t>
  </si>
  <si>
    <t>4.57256555557251</t>
  </si>
  <si>
    <t>832.1607055664062</t>
  </si>
  <si>
    <t>-0.030939829806014174</t>
  </si>
  <si>
    <t>61315</t>
  </si>
  <si>
    <t>5.791519641876221</t>
  </si>
  <si>
    <t>596.2394409179688</t>
  </si>
  <si>
    <t>0.0008974098093599281</t>
  </si>
  <si>
    <t>60065</t>
  </si>
  <si>
    <t>6.617483615875244</t>
  </si>
  <si>
    <t>644.8953857421875</t>
  </si>
  <si>
    <t>-0.020597202040651297</t>
  </si>
  <si>
    <t>5.9289093017578125</t>
  </si>
  <si>
    <t>634.4776000976562</t>
  </si>
  <si>
    <t>0.01644605533305743</t>
  </si>
  <si>
    <t>62144</t>
  </si>
  <si>
    <t>6.125341892242432</t>
  </si>
  <si>
    <t>644.1276245117188</t>
  </si>
  <si>
    <t>0.017580908162464937</t>
  </si>
  <si>
    <t>63440</t>
  </si>
  <si>
    <t>5.412613391876221</t>
  </si>
  <si>
    <t>783.8878784179688</t>
  </si>
  <si>
    <t>0.020640304657732145</t>
  </si>
  <si>
    <t>63858</t>
  </si>
  <si>
    <t>5.861188888549805</t>
  </si>
  <si>
    <t>533.0657348632812</t>
  </si>
  <si>
    <t>0.006567290960369121</t>
  </si>
  <si>
    <t>64969</t>
  </si>
  <si>
    <t>6.811300754547119</t>
  </si>
  <si>
    <t>740.5517578125</t>
  </si>
  <si>
    <t>0.017248364767768365</t>
  </si>
  <si>
    <t>62442</t>
  </si>
  <si>
    <t>6.764977931976318</t>
  </si>
  <si>
    <t>767.55126953125</t>
  </si>
  <si>
    <t>-0.039672107170952486</t>
  </si>
  <si>
    <t>64058</t>
  </si>
  <si>
    <t>5.5800700187683105</t>
  </si>
  <si>
    <t>703.0872802734375</t>
  </si>
  <si>
    <t>0.02555079707929231</t>
  </si>
  <si>
    <t>64904</t>
  </si>
  <si>
    <t>6.170782566070557</t>
  </si>
  <si>
    <t>630.907470703125</t>
  </si>
  <si>
    <t>0.013120332129693324</t>
  </si>
  <si>
    <t>22421</t>
  </si>
  <si>
    <t>2.2047832012176514</t>
  </si>
  <si>
    <t>525.5179443359375</t>
  </si>
  <si>
    <t>69.60983276367188</t>
  </si>
  <si>
    <t>Kainuu</t>
  </si>
  <si>
    <t>20963</t>
  </si>
  <si>
    <t>1.7643824815750122</t>
  </si>
  <si>
    <t>675.8939208984375</t>
  </si>
  <si>
    <t>-0.0672390407005885</t>
  </si>
  <si>
    <t>20137</t>
  </si>
  <si>
    <t>1.8673545122146606</t>
  </si>
  <si>
    <t>728.45751953125</t>
  </si>
  <si>
    <t>-0.040200060085478384</t>
  </si>
  <si>
    <t>0.5933546423912048</t>
  </si>
  <si>
    <t>552.3772583007812</t>
  </si>
  <si>
    <t>-0.012593240236613568</t>
  </si>
  <si>
    <t>1.2573941946029663</t>
  </si>
  <si>
    <t>579.9169311523438</t>
  </si>
  <si>
    <t>0.03352766567972765</t>
  </si>
  <si>
    <t>21325</t>
  </si>
  <si>
    <t>1.6282910108566284</t>
  </si>
  <si>
    <t>564.8271484375</t>
  </si>
  <si>
    <t>0.03638674903836048</t>
  </si>
  <si>
    <t>22007</t>
  </si>
  <si>
    <t>0.75089031457901</t>
  </si>
  <si>
    <t>596.432861328125</t>
  </si>
  <si>
    <t>0.031480491189656234</t>
  </si>
  <si>
    <t>23301</t>
  </si>
  <si>
    <t>1.5553778409957886</t>
  </si>
  <si>
    <t>569.2662963867188</t>
  </si>
  <si>
    <t>0.05713569353822123</t>
  </si>
  <si>
    <t>-0.0013769330689683557</t>
  </si>
  <si>
    <t>696.55859375</t>
  </si>
  <si>
    <t>0.049196767494674276</t>
  </si>
  <si>
    <t>25456</t>
  </si>
  <si>
    <t>2.0153753757476807</t>
  </si>
  <si>
    <t>607.8184204101562</t>
  </si>
  <si>
    <t>0.03925842599513629</t>
  </si>
  <si>
    <t>26836</t>
  </si>
  <si>
    <t>2.982806921005249</t>
  </si>
  <si>
    <t>677.3494873046875</t>
  </si>
  <si>
    <t>0.05279279810521054</t>
  </si>
  <si>
    <t>28675</t>
  </si>
  <si>
    <t>0.9166967868804932</t>
  </si>
  <si>
    <t>622.2545776367188</t>
  </si>
  <si>
    <t>0.0662813933147941</t>
  </si>
  <si>
    <t>29263</t>
  </si>
  <si>
    <t>0.8093556761741638</t>
  </si>
  <si>
    <t>557.8682861328125</t>
  </si>
  <si>
    <t>0.020298256370697487</t>
  </si>
  <si>
    <t>2.1163949966430664</t>
  </si>
  <si>
    <t>570.4088134765625</t>
  </si>
  <si>
    <t>0.01107875125383373</t>
  </si>
  <si>
    <t>30808</t>
  </si>
  <si>
    <t>2.1701157093048096</t>
  </si>
  <si>
    <t>742.8499755859375</t>
  </si>
  <si>
    <t>0.04037172587264237</t>
  </si>
  <si>
    <t>30595</t>
  </si>
  <si>
    <t>2.2550125122070312</t>
  </si>
  <si>
    <t>615.3640747070312</t>
  </si>
  <si>
    <t>-0.006937799598103922</t>
  </si>
  <si>
    <t>33054</t>
  </si>
  <si>
    <t>2.153287649154663</t>
  </si>
  <si>
    <t>577.5045166015625</t>
  </si>
  <si>
    <t>0.07730599080412937</t>
  </si>
  <si>
    <t>33725</t>
  </si>
  <si>
    <t>2.5601413249969482</t>
  </si>
  <si>
    <t>689.6915283203125</t>
  </si>
  <si>
    <t>0.020096814375184735</t>
  </si>
  <si>
    <t>34732</t>
  </si>
  <si>
    <t>2.2894904613494873</t>
  </si>
  <si>
    <t>750.45166015625</t>
  </si>
  <si>
    <t>0.029422050104580322</t>
  </si>
  <si>
    <t>1.0407674312591553</t>
  </si>
  <si>
    <t>602.42822265625</t>
  </si>
  <si>
    <t>-0.1315754580424926</t>
  </si>
  <si>
    <t>0.8566856384277344</t>
  </si>
  <si>
    <t>653.5623779296875</t>
  </si>
  <si>
    <t>0.09279919292316663</t>
  </si>
  <si>
    <t>35116</t>
  </si>
  <si>
    <t>2.783284902572632</t>
  </si>
  <si>
    <t>655.5035400390625</t>
  </si>
  <si>
    <t>0.049771679984889516</t>
  </si>
  <si>
    <t>34572</t>
  </si>
  <si>
    <t>1.1038240194320679</t>
  </si>
  <si>
    <t>736.7211303710938</t>
  </si>
  <si>
    <t>-0.015612761173571243</t>
  </si>
  <si>
    <t>32275</t>
  </si>
  <si>
    <t>2.5532071590423584</t>
  </si>
  <si>
    <t>599.78662109375</t>
  </si>
  <si>
    <t>-0.06875116915768587</t>
  </si>
  <si>
    <t>3.184802293777466</t>
  </si>
  <si>
    <t>631.0406494140625</t>
  </si>
  <si>
    <t>0.02391015620452208</t>
  </si>
  <si>
    <t>2.6287577152252197</t>
  </si>
  <si>
    <t>687.6326904296875</t>
  </si>
  <si>
    <t>-0.025864039003929307</t>
  </si>
  <si>
    <t>34320</t>
  </si>
  <si>
    <t>3.1013200283050537</t>
  </si>
  <si>
    <t>694.0543823242188</t>
  </si>
  <si>
    <t>0.06338922068646369</t>
  </si>
  <si>
    <t>36922</t>
  </si>
  <si>
    <t>1.96076238155365</t>
  </si>
  <si>
    <t>658.0787963867188</t>
  </si>
  <si>
    <t>0.07307930472861557</t>
  </si>
  <si>
    <t>38354</t>
  </si>
  <si>
    <t>2.3378493785858154</t>
  </si>
  <si>
    <t>540.2308959960938</t>
  </si>
  <si>
    <t>0.03805124550294714</t>
  </si>
  <si>
    <t>38686</t>
  </si>
  <si>
    <t>3.1001594066619873</t>
  </si>
  <si>
    <t>690.9063720703125</t>
  </si>
  <si>
    <t>0.0086189526285807</t>
  </si>
  <si>
    <t>39262</t>
  </si>
  <si>
    <t>3.3492958545684814</t>
  </si>
  <si>
    <t>671.0978393554688</t>
  </si>
  <si>
    <t>0.014779352505936316</t>
  </si>
  <si>
    <t>40278</t>
  </si>
  <si>
    <t>1.952822208404541</t>
  </si>
  <si>
    <t>655.2241821289062</t>
  </si>
  <si>
    <t>0.025548284198828597</t>
  </si>
  <si>
    <t>40810</t>
  </si>
  <si>
    <t>2.8682615756988525</t>
  </si>
  <si>
    <t>645.3994750976562</t>
  </si>
  <si>
    <t>0.013121735233044163</t>
  </si>
  <si>
    <t>5.707052230834961</t>
  </si>
  <si>
    <t>678.5109252929688</t>
  </si>
  <si>
    <t>178.451904296875</t>
  </si>
  <si>
    <t>Kymenlaakso</t>
  </si>
  <si>
    <t>32402</t>
  </si>
  <si>
    <t>5.249149799346924</t>
  </si>
  <si>
    <t>677.36328125</t>
  </si>
  <si>
    <t>-0.06722186608172187</t>
  </si>
  <si>
    <t>31125</t>
  </si>
  <si>
    <t>5.357503890991211</t>
  </si>
  <si>
    <t>580.878662109375</t>
  </si>
  <si>
    <t>-0.04020879450335535</t>
  </si>
  <si>
    <t>4.126890182495117</t>
  </si>
  <si>
    <t>592.5718383789062</t>
  </si>
  <si>
    <t>-0.01257674875867032</t>
  </si>
  <si>
    <t>31783</t>
  </si>
  <si>
    <t>4.503323078155518</t>
  </si>
  <si>
    <t>643.7357177734375</t>
  </si>
  <si>
    <t>0.03349694962014205</t>
  </si>
  <si>
    <t>32962</t>
  </si>
  <si>
    <t>4.961883068084717</t>
  </si>
  <si>
    <t>593.6682739257812</t>
  </si>
  <si>
    <t>0.036423827165645406</t>
  </si>
  <si>
    <t>34015</t>
  </si>
  <si>
    <t>4.1208600997924805</t>
  </si>
  <si>
    <t>615.1063842773438</t>
  </si>
  <si>
    <t>0.03144622098503547</t>
  </si>
  <si>
    <t>5.163735866546631</t>
  </si>
  <si>
    <t>634.338134765625</t>
  </si>
  <si>
    <t>0.057133914544301945</t>
  </si>
  <si>
    <t>37832</t>
  </si>
  <si>
    <t>3.993922472000122</t>
  </si>
  <si>
    <t>704.388916015625</t>
  </si>
  <si>
    <t>0.04921978700024887</t>
  </si>
  <si>
    <t>5.636327266693115</t>
  </si>
  <si>
    <t>540.5640869140625</t>
  </si>
  <si>
    <t>0.03926442773367711</t>
  </si>
  <si>
    <t>41480</t>
  </si>
  <si>
    <t>6.223851680755615</t>
  </si>
  <si>
    <t>660.158203125</t>
  </si>
  <si>
    <t>0.0527916502860748</t>
  </si>
  <si>
    <t>4.791477203369141</t>
  </si>
  <si>
    <t>676.1921997070312</t>
  </si>
  <si>
    <t>0.014123514241102697</t>
  </si>
  <si>
    <t>40830</t>
  </si>
  <si>
    <t>4.686522960662842</t>
  </si>
  <si>
    <t>489.27227783203125</t>
  </si>
  <si>
    <t>-0.029917792270945043</t>
  </si>
  <si>
    <t>40518</t>
  </si>
  <si>
    <t>5.007447719573975</t>
  </si>
  <si>
    <t>634.8162841796875</t>
  </si>
  <si>
    <t>-0.007670785510724087</t>
  </si>
  <si>
    <t>43772</t>
  </si>
  <si>
    <t>5.494422435760498</t>
  </si>
  <si>
    <t>764.709716796875</t>
  </si>
  <si>
    <t>0.0772480237354376</t>
  </si>
  <si>
    <t>44656</t>
  </si>
  <si>
    <t>5.014517307281494</t>
  </si>
  <si>
    <t>585.5320434570312</t>
  </si>
  <si>
    <t>0.019994333237768558</t>
  </si>
  <si>
    <t>44454</t>
  </si>
  <si>
    <t>5.799427509307861</t>
  </si>
  <si>
    <t>589.1615600585938</t>
  </si>
  <si>
    <t>-0.004533730131390357</t>
  </si>
  <si>
    <t>43705</t>
  </si>
  <si>
    <t>5.826710224151611</t>
  </si>
  <si>
    <t>610.0477905273438</t>
  </si>
  <si>
    <t>-0.01699243463012401</t>
  </si>
  <si>
    <t>41552</t>
  </si>
  <si>
    <t>5.926363468170166</t>
  </si>
  <si>
    <t>725.5196533203125</t>
  </si>
  <si>
    <t>-0.050516857112059554</t>
  </si>
  <si>
    <t>37212</t>
  </si>
  <si>
    <t>4.297762393951416</t>
  </si>
  <si>
    <t>613.9909057617188</t>
  </si>
  <si>
    <t>-0.1103143650140801</t>
  </si>
  <si>
    <t>4.366321563720703</t>
  </si>
  <si>
    <t>644.0283813476562</t>
  </si>
  <si>
    <t>0.039673318275445624</t>
  </si>
  <si>
    <t>40653</t>
  </si>
  <si>
    <t>5.976473331451416</t>
  </si>
  <si>
    <t>705.4771728515625</t>
  </si>
  <si>
    <t>0.04876802582692896</t>
  </si>
  <si>
    <t>4.464348793029785</t>
  </si>
  <si>
    <t>801.057861328125</t>
  </si>
  <si>
    <t>-0.017118607971251976</t>
  </si>
  <si>
    <t>39218</t>
  </si>
  <si>
    <t>5.709130764007568</t>
  </si>
  <si>
    <t>583.2313232421875</t>
  </si>
  <si>
    <t>-0.01881820096011033</t>
  </si>
  <si>
    <t>39386</t>
  </si>
  <si>
    <t>6.49362325668335</t>
  </si>
  <si>
    <t>616.0977172851562</t>
  </si>
  <si>
    <t>0.004274598132679941</t>
  </si>
  <si>
    <t>41244</t>
  </si>
  <si>
    <t>5.886430740356445</t>
  </si>
  <si>
    <t>597.0689697265625</t>
  </si>
  <si>
    <t>0.04609522444569336</t>
  </si>
  <si>
    <t>6.067582607269287</t>
  </si>
  <si>
    <t>662.5767822265625</t>
  </si>
  <si>
    <t>-0.0003152470471707858</t>
  </si>
  <si>
    <t>43847</t>
  </si>
  <si>
    <t>5.3676934242248535</t>
  </si>
  <si>
    <t>750.1871948242188</t>
  </si>
  <si>
    <t>0.06151590081793756</t>
  </si>
  <si>
    <t>5.783355236053467</t>
  </si>
  <si>
    <t>542.9486083984375</t>
  </si>
  <si>
    <t>0.044428955733343045</t>
  </si>
  <si>
    <t>6.7292799949646</t>
  </si>
  <si>
    <t>696.4822387695312</t>
  </si>
  <si>
    <t>0.02407573585646894</t>
  </si>
  <si>
    <t>6.677667140960693</t>
  </si>
  <si>
    <t>702.7845458984375</t>
  </si>
  <si>
    <t>-0.008469189593093063</t>
  </si>
  <si>
    <t>5.400900363922119</t>
  </si>
  <si>
    <t>661.916748046875</t>
  </si>
  <si>
    <t>0.02555135029878919</t>
  </si>
  <si>
    <t>48396</t>
  </si>
  <si>
    <t>6.035157680511475</t>
  </si>
  <si>
    <t>606.0216064453125</t>
  </si>
  <si>
    <t>0.01312401195725954</t>
  </si>
  <si>
    <t>1.4267616271972656</t>
  </si>
  <si>
    <t>447.40887451171875</t>
  </si>
  <si>
    <t>178.2798614501953</t>
  </si>
  <si>
    <t>Lapland</t>
  </si>
  <si>
    <t>0.6166489720344543</t>
  </si>
  <si>
    <t>549.2603759765625</t>
  </si>
  <si>
    <t>-0.06724583182419508</t>
  </si>
  <si>
    <t>25645</t>
  </si>
  <si>
    <t>0.8720214366912842</t>
  </si>
  <si>
    <t>694.206787109375</t>
  </si>
  <si>
    <t>-0.04020257870160293</t>
  </si>
  <si>
    <t>-0.5238239169120789</t>
  </si>
  <si>
    <t>507.4766845703125</t>
  </si>
  <si>
    <t>-0.012556570706484749</t>
  </si>
  <si>
    <t>26187</t>
  </si>
  <si>
    <t>0.4960313141345978</t>
  </si>
  <si>
    <t>433.9683532714844</t>
  </si>
  <si>
    <t>0.03347105428657571</t>
  </si>
  <si>
    <t>27159</t>
  </si>
  <si>
    <t>0.39120912551879883</t>
  </si>
  <si>
    <t>538.9876098632812</t>
  </si>
  <si>
    <t>0.03644537874009046</t>
  </si>
  <si>
    <t>28026</t>
  </si>
  <si>
    <t>-0.19204454123973846</t>
  </si>
  <si>
    <t>536.2628173828125</t>
  </si>
  <si>
    <t>0.03142416758661426</t>
  </si>
  <si>
    <t>29675</t>
  </si>
  <si>
    <t>0.4594257175922394</t>
  </si>
  <si>
    <t>498.09234619140625</t>
  </si>
  <si>
    <t>0.0571722897477045</t>
  </si>
  <si>
    <t>-1.3419890403747559</t>
  </si>
  <si>
    <t>699.96435546875</t>
  </si>
  <si>
    <t>0.049183234899146555</t>
  </si>
  <si>
    <t>32420</t>
  </si>
  <si>
    <t>0.745288610458374</t>
  </si>
  <si>
    <t>604.2315063476562</t>
  </si>
  <si>
    <t>0.039287340912652624</t>
  </si>
  <si>
    <t>34177</t>
  </si>
  <si>
    <t>1.8980050086975098</t>
  </si>
  <si>
    <t>637.9920654296875</t>
  </si>
  <si>
    <t>0.05277738690175049</t>
  </si>
  <si>
    <t>-0.29571810364723206</t>
  </si>
  <si>
    <t>573.7744140625</t>
  </si>
  <si>
    <t>-0.0185458464951207</t>
  </si>
  <si>
    <t>-0.38733670115470886</t>
  </si>
  <si>
    <t>511.677734375</t>
  </si>
  <si>
    <t>0.015468875906751833</t>
  </si>
  <si>
    <t>34723</t>
  </si>
  <si>
    <t>1.3476243019104004</t>
  </si>
  <si>
    <t>467.1670837402344</t>
  </si>
  <si>
    <t>0.018926358968448298</t>
  </si>
  <si>
    <t>1.1807760000228882</t>
  </si>
  <si>
    <t>648.9091796875</t>
  </si>
  <si>
    <t>0.05412027130632424</t>
  </si>
  <si>
    <t>36463</t>
  </si>
  <si>
    <t>1.4180876016616821</t>
  </si>
  <si>
    <t>619.1005859375</t>
  </si>
  <si>
    <t>-0.005224515077316028</t>
  </si>
  <si>
    <t>41176</t>
  </si>
  <si>
    <t>0.9202799797058105</t>
  </si>
  <si>
    <t>491.3646545410156</t>
  </si>
  <si>
    <t>0.12155751453208552</t>
  </si>
  <si>
    <t>39628</t>
  </si>
  <si>
    <t>1.5709792375564575</t>
  </si>
  <si>
    <t>626.1951293945312</t>
  </si>
  <si>
    <t>-0.038319623239670975</t>
  </si>
  <si>
    <t>0.9675271511077881</t>
  </si>
  <si>
    <t>617.663330078125</t>
  </si>
  <si>
    <t>0.005837375673864997</t>
  </si>
  <si>
    <t>36246</t>
  </si>
  <si>
    <t>0.2490302324295044</t>
  </si>
  <si>
    <t>518.5932006835938</t>
  </si>
  <si>
    <t>-0.09504428439998946</t>
  </si>
  <si>
    <t>38451</t>
  </si>
  <si>
    <t>-0.37801745533943176</t>
  </si>
  <si>
    <t>560.92041015625</t>
  </si>
  <si>
    <t>0.059055673031137346</t>
  </si>
  <si>
    <t>1.9312615394592285</t>
  </si>
  <si>
    <t>622.173583984375</t>
  </si>
  <si>
    <t>0.01890931708903132</t>
  </si>
  <si>
    <t>40082</t>
  </si>
  <si>
    <t>0.11784959584474564</t>
  </si>
  <si>
    <t>658.4342041015625</t>
  </si>
  <si>
    <t>0.0226333352264092</t>
  </si>
  <si>
    <t>41046</t>
  </si>
  <si>
    <t>1.3485459089279175</t>
  </si>
  <si>
    <t>487.9723815917969</t>
  </si>
  <si>
    <t>0.023766033275679277</t>
  </si>
  <si>
    <t>40735</t>
  </si>
  <si>
    <t>1.8309489488601685</t>
  </si>
  <si>
    <t>553.9406127929688</t>
  </si>
  <si>
    <t>-0.007605715244309863</t>
  </si>
  <si>
    <t>42152</t>
  </si>
  <si>
    <t>1.4618844985961914</t>
  </si>
  <si>
    <t>636.7139282226562</t>
  </si>
  <si>
    <t>0.0341944591443788</t>
  </si>
  <si>
    <t>43319</t>
  </si>
  <si>
    <t>2.1406078338623047</t>
  </si>
  <si>
    <t>666.4065551757812</t>
  </si>
  <si>
    <t>0.027309204933510856</t>
  </si>
  <si>
    <t>45893</t>
  </si>
  <si>
    <t>0.6282479166984558</t>
  </si>
  <si>
    <t>560.323974609375</t>
  </si>
  <si>
    <t>0.05772126214924356</t>
  </si>
  <si>
    <t>45121</t>
  </si>
  <si>
    <t>1.17245614528656</t>
  </si>
  <si>
    <t>460.0163879394531</t>
  </si>
  <si>
    <t>-0.01696482992496584</t>
  </si>
  <si>
    <t>44446</t>
  </si>
  <si>
    <t>1.157272458076477</t>
  </si>
  <si>
    <t>615.9912719726562</t>
  </si>
  <si>
    <t>-0.015072800905496564</t>
  </si>
  <si>
    <t>1.9906665086746216</t>
  </si>
  <si>
    <t>560.486083984375</t>
  </si>
  <si>
    <t>-0.012041793312132398</t>
  </si>
  <si>
    <t>45051</t>
  </si>
  <si>
    <t>0.6340669989585876</t>
  </si>
  <si>
    <t>581.3509521484375</t>
  </si>
  <si>
    <t>0.025562005519109476</t>
  </si>
  <si>
    <t>45646</t>
  </si>
  <si>
    <t>1.8779196739196777</t>
  </si>
  <si>
    <t>571.1094970703125</t>
  </si>
  <si>
    <t>0.01312079861543225</t>
  </si>
  <si>
    <t>24567</t>
  </si>
  <si>
    <t>3.378347635269165</t>
  </si>
  <si>
    <t>579.3029174804688</t>
  </si>
  <si>
    <t>149.8201446533203</t>
  </si>
  <si>
    <t>North Karelia</t>
  </si>
  <si>
    <t>22970</t>
  </si>
  <si>
    <t>2.981504201889038</t>
  </si>
  <si>
    <t>689.5794067382812</t>
  </si>
  <si>
    <t>-0.06721506225515306</t>
  </si>
  <si>
    <t>22064</t>
  </si>
  <si>
    <t>3.0338258743286133</t>
  </si>
  <si>
    <t>671.834228515625</t>
  </si>
  <si>
    <t>-0.04024169565006197</t>
  </si>
  <si>
    <t>21789</t>
  </si>
  <si>
    <t>1.7762514352798462</t>
  </si>
  <si>
    <t>602.7538452148438</t>
  </si>
  <si>
    <t>-0.012542065758804455</t>
  </si>
  <si>
    <t>2.2918479442596436</t>
  </si>
  <si>
    <t>672.4890747070312</t>
  </si>
  <si>
    <t>0.03348688343110773</t>
  </si>
  <si>
    <t>2.7770931720733643</t>
  </si>
  <si>
    <t>570.6028442382812</t>
  </si>
  <si>
    <t>0.036432631882671984</t>
  </si>
  <si>
    <t>24113</t>
  </si>
  <si>
    <t>1.8476004600524902</t>
  </si>
  <si>
    <t>638.4354248046875</t>
  </si>
  <si>
    <t>0.031426343543646595</t>
  </si>
  <si>
    <t>25531</t>
  </si>
  <si>
    <t>2.784254789352417</t>
  </si>
  <si>
    <t>605.5698852539062</t>
  </si>
  <si>
    <t>0.0571422859411026</t>
  </si>
  <si>
    <t>26819</t>
  </si>
  <si>
    <t>1.4240533113479614</t>
  </si>
  <si>
    <t>713.5789184570312</t>
  </si>
  <si>
    <t>0.049217191459980825</t>
  </si>
  <si>
    <t>27893</t>
  </si>
  <si>
    <t>3.2711570262908936</t>
  </si>
  <si>
    <t>586.7698364257812</t>
  </si>
  <si>
    <t>0.03926516973963956</t>
  </si>
  <si>
    <t>29405</t>
  </si>
  <si>
    <t>4.058222770690918</t>
  </si>
  <si>
    <t>665.79638671875</t>
  </si>
  <si>
    <t>0.052788966621628575</t>
  </si>
  <si>
    <t>29467</t>
  </si>
  <si>
    <t>2.2590107917785645</t>
  </si>
  <si>
    <t>623.9960327148438</t>
  </si>
  <si>
    <t>0.0021062652167813667</t>
  </si>
  <si>
    <t>29295</t>
  </si>
  <si>
    <t>2.111090898513794</t>
  </si>
  <si>
    <t>533.6051635742188</t>
  </si>
  <si>
    <t>-0.005854140131948071</t>
  </si>
  <si>
    <t>31052</t>
  </si>
  <si>
    <t>3.00924015045166</t>
  </si>
  <si>
    <t>657.0816650390625</t>
  </si>
  <si>
    <t>0.05824636554668139</t>
  </si>
  <si>
    <t>3.2838945388793945</t>
  </si>
  <si>
    <t>754.5392456054688</t>
  </si>
  <si>
    <t>0.05488724063073036</t>
  </si>
  <si>
    <t>33608</t>
  </si>
  <si>
    <t>3.125547409057617</t>
  </si>
  <si>
    <t>584.4013061523438</t>
  </si>
  <si>
    <t>0.024213674692916243</t>
  </si>
  <si>
    <t>35447</t>
  </si>
  <si>
    <t>3.405207395553589</t>
  </si>
  <si>
    <t>591.9979248046875</t>
  </si>
  <si>
    <t>0.05327448929592116</t>
  </si>
  <si>
    <t>35708</t>
  </si>
  <si>
    <t>3.671962022781372</t>
  </si>
  <si>
    <t>658.1118774414062</t>
  </si>
  <si>
    <t>0.007336130154113718</t>
  </si>
  <si>
    <t>35139</t>
  </si>
  <si>
    <t>3.543501853942871</t>
  </si>
  <si>
    <t>779.6517333984375</t>
  </si>
  <si>
    <t>-0.016063128561267348</t>
  </si>
  <si>
    <t>2.0488054752349854</t>
  </si>
  <si>
    <t>642.8395385742188</t>
  </si>
  <si>
    <t>-0.09298214815590988</t>
  </si>
  <si>
    <t>33421</t>
  </si>
  <si>
    <t>2.0096957683563232</t>
  </si>
  <si>
    <t>640.4708251953125</t>
  </si>
  <si>
    <t>0.04285496832192415</t>
  </si>
  <si>
    <t>36473</t>
  </si>
  <si>
    <t>3.8304567337036133</t>
  </si>
  <si>
    <t>671.2387084960938</t>
  </si>
  <si>
    <t>0.08738781590688838</t>
  </si>
  <si>
    <t>35367</t>
  </si>
  <si>
    <t>2.2086565494537354</t>
  </si>
  <si>
    <t>797.34228515625</t>
  </si>
  <si>
    <t>-0.030793078850649636</t>
  </si>
  <si>
    <t>35655</t>
  </si>
  <si>
    <t>3.640993356704712</t>
  </si>
  <si>
    <t>623.5231323242188</t>
  </si>
  <si>
    <t>0.008110207502166844</t>
  </si>
  <si>
    <t>4.36226749420166</t>
  </si>
  <si>
    <t>616.5510864257812</t>
  </si>
  <si>
    <t>0.01668791334328823</t>
  </si>
  <si>
    <t>3.754362106323242</t>
  </si>
  <si>
    <t>658.6447143554688</t>
  </si>
  <si>
    <t>-0.03137951817939566</t>
  </si>
  <si>
    <t>4.136734485626221</t>
  </si>
  <si>
    <t>706.5193481445312</t>
  </si>
  <si>
    <t>0.03836102089204729</t>
  </si>
  <si>
    <t>36792</t>
  </si>
  <si>
    <t>3.171128034591675</t>
  </si>
  <si>
    <t>759.0006713867188</t>
  </si>
  <si>
    <t>0.007721624701416019</t>
  </si>
  <si>
    <t>3.567941665649414</t>
  </si>
  <si>
    <t>583.5664672851562</t>
  </si>
  <si>
    <t>0.05563669659019155</t>
  </si>
  <si>
    <t>38786</t>
  </si>
  <si>
    <t>4.400852680206299</t>
  </si>
  <si>
    <t>723.7816162109375</t>
  </si>
  <si>
    <t>-0.0028577700537653072</t>
  </si>
  <si>
    <t>4.562771797180176</t>
  </si>
  <si>
    <t>714.9818725585938</t>
  </si>
  <si>
    <t>-0.03788710066990397</t>
  </si>
  <si>
    <t>3.1959664821624756</t>
  </si>
  <si>
    <t>677.7008056640625</t>
  </si>
  <si>
    <t>0.025538702608411512</t>
  </si>
  <si>
    <t>38816</t>
  </si>
  <si>
    <t>4.0325026512146</t>
  </si>
  <si>
    <t>688.7607421875</t>
  </si>
  <si>
    <t>0.013121574049081985</t>
  </si>
  <si>
    <t>25314</t>
  </si>
  <si>
    <t>3.8948726654052734</t>
  </si>
  <si>
    <t>576.6635131835938</t>
  </si>
  <si>
    <t>191.21337890625</t>
  </si>
  <si>
    <t>Northern Savonia</t>
  </si>
  <si>
    <t>23668</t>
  </si>
  <si>
    <t>3.423815965652466</t>
  </si>
  <si>
    <t>681.2042846679688</t>
  </si>
  <si>
    <t>-0.06723367755581044</t>
  </si>
  <si>
    <t>22735</t>
  </si>
  <si>
    <t>3.5612096786499023</t>
  </si>
  <si>
    <t>695.7476196289062</t>
  </si>
  <si>
    <t>-0.04021833753747295</t>
  </si>
  <si>
    <t>2.2864842414855957</t>
  </si>
  <si>
    <t>592.3633422851562</t>
  </si>
  <si>
    <t>-0.012525890197021994</t>
  </si>
  <si>
    <t>2.946530342102051</t>
  </si>
  <si>
    <t>628.12109375</t>
  </si>
  <si>
    <t>0.03346199906187941</t>
  </si>
  <si>
    <t>24077</t>
  </si>
  <si>
    <t>3.2894718647003174</t>
  </si>
  <si>
    <t>571.6780395507812</t>
  </si>
  <si>
    <t>0.03641533181986034</t>
  </si>
  <si>
    <t>24847</t>
  </si>
  <si>
    <t>2.3940625190734863</t>
  </si>
  <si>
    <t>633.05615234375</t>
  </si>
  <si>
    <t>0.03147999294709969</t>
  </si>
  <si>
    <t>26308</t>
  </si>
  <si>
    <t>3.213628053665161</t>
  </si>
  <si>
    <t>593.4256591796875</t>
  </si>
  <si>
    <t>0.05713605453031256</t>
  </si>
  <si>
    <t>27635</t>
  </si>
  <si>
    <t>1.6712762117385864</t>
  </si>
  <si>
    <t>706.224853515625</t>
  </si>
  <si>
    <t>0.04921000984612256</t>
  </si>
  <si>
    <t>28741</t>
  </si>
  <si>
    <t>3.66396427154541</t>
  </si>
  <si>
    <t>597.7977905273438</t>
  </si>
  <si>
    <t>0.039241589471533445</t>
  </si>
  <si>
    <t>4.658609867095947</t>
  </si>
  <si>
    <t>677.1250610351562</t>
  </si>
  <si>
    <t>0.052790033913613144</t>
  </si>
  <si>
    <t>2.5834500789642334</t>
  </si>
  <si>
    <t>647.7973022460938</t>
  </si>
  <si>
    <t>0.036711773585786034</t>
  </si>
  <si>
    <t>2.5090603828430176</t>
  </si>
  <si>
    <t>544.757080078125</t>
  </si>
  <si>
    <t>0.011042144688381939</t>
  </si>
  <si>
    <t>3.770315170288086</t>
  </si>
  <si>
    <t>603.626708984375</t>
  </si>
  <si>
    <t>0.0340263564062564</t>
  </si>
  <si>
    <t>3.828906297683716</t>
  </si>
  <si>
    <t>752.8727416992188</t>
  </si>
  <si>
    <t>0.017545367483405627</t>
  </si>
  <si>
    <t>3.8506124019622803</t>
  </si>
  <si>
    <t>591.3648071289062</t>
  </si>
  <si>
    <t>0.051883324391635455</t>
  </si>
  <si>
    <t>36306</t>
  </si>
  <si>
    <t>3.8221073150634766</t>
  </si>
  <si>
    <t>578.5025024414062</t>
  </si>
  <si>
    <t>0.02965934164240025</t>
  </si>
  <si>
    <t>38227</t>
  </si>
  <si>
    <t>4.207133769989014</t>
  </si>
  <si>
    <t>661.8600463867188</t>
  </si>
  <si>
    <t>0.0515590553570906</t>
  </si>
  <si>
    <t>3.9348695278167725</t>
  </si>
  <si>
    <t>765.1133422851562</t>
  </si>
  <si>
    <t>0.0356910048368011</t>
  </si>
  <si>
    <t>35588</t>
  </si>
  <si>
    <t>2.6536502838134766</t>
  </si>
  <si>
    <t>608.4818115234375</t>
  </si>
  <si>
    <t>-0.10722457467960922</t>
  </si>
  <si>
    <t>2.444622755050659</t>
  </si>
  <si>
    <t>641.1314086914062</t>
  </si>
  <si>
    <t>0.04690439207824326</t>
  </si>
  <si>
    <t>4.471398830413818</t>
  </si>
  <si>
    <t>687.1572875976562</t>
  </si>
  <si>
    <t>0.055030571037189446</t>
  </si>
  <si>
    <t>38281</t>
  </si>
  <si>
    <t>2.7650623321533203</t>
  </si>
  <si>
    <t>776.9515380859375</t>
  </si>
  <si>
    <t>-0.028989775952423358</t>
  </si>
  <si>
    <t>37617</t>
  </si>
  <si>
    <t>4.182234287261963</t>
  </si>
  <si>
    <t>594.1740112304688</t>
  </si>
  <si>
    <t>-0.01749761366902014</t>
  </si>
  <si>
    <t>4.844039440155029</t>
  </si>
  <si>
    <t>624.3507690429688</t>
  </si>
  <si>
    <t>0.008312643832155686</t>
  </si>
  <si>
    <t>38019</t>
  </si>
  <si>
    <t>4.320522308349609</t>
  </si>
  <si>
    <t>666.9391479492188</t>
  </si>
  <si>
    <t>0.002317315059370273</t>
  </si>
  <si>
    <t>38959</t>
  </si>
  <si>
    <t>4.824098110198975</t>
  </si>
  <si>
    <t>679.5250244140625</t>
  </si>
  <si>
    <t>0.024423776325756208</t>
  </si>
  <si>
    <t>3.69409441947937</t>
  </si>
  <si>
    <t>726.2515869140625</t>
  </si>
  <si>
    <t>0.04064230230686228</t>
  </si>
  <si>
    <t>41587</t>
  </si>
  <si>
    <t>4.09022855758667</t>
  </si>
  <si>
    <t>537.1531372070312</t>
  </si>
  <si>
    <t>0.024635505028262727</t>
  </si>
  <si>
    <t>4.646597385406494</t>
  </si>
  <si>
    <t>713.7661743164062</t>
  </si>
  <si>
    <t>0.00826164016140929</t>
  </si>
  <si>
    <t>40892</t>
  </si>
  <si>
    <t>5.063056468963623</t>
  </si>
  <si>
    <t>723.0941772460938</t>
  </si>
  <si>
    <t>-0.025114813695559235</t>
  </si>
  <si>
    <t>41950</t>
  </si>
  <si>
    <t>3.6348488330841064</t>
  </si>
  <si>
    <t>664.95703125</t>
  </si>
  <si>
    <t>0.025543988018446484</t>
  </si>
  <si>
    <t>42505</t>
  </si>
  <si>
    <t>4.700161457061768</t>
  </si>
  <si>
    <t>659.2077026367188</t>
  </si>
  <si>
    <t>0.013143283156107799</t>
  </si>
  <si>
    <t>5.1244988441467285</t>
  </si>
  <si>
    <t>489.1229248046875</t>
  </si>
  <si>
    <t>232.59413146972656</t>
  </si>
  <si>
    <t>Ostrobothnia</t>
  </si>
  <si>
    <t>29180</t>
  </si>
  <si>
    <t>4.318302631378174</t>
  </si>
  <si>
    <t>504.2423095703125</t>
  </si>
  <si>
    <t>-0.06725501318804916</t>
  </si>
  <si>
    <t>4.529638767242432</t>
  </si>
  <si>
    <t>592.9074096679688</t>
  </si>
  <si>
    <t>-0.04020817791794329</t>
  </si>
  <si>
    <t>27680</t>
  </si>
  <si>
    <t>3.39119553565979</t>
  </si>
  <si>
    <t>529.949951171875</t>
  </si>
  <si>
    <t>-0.012565234427228233</t>
  </si>
  <si>
    <t>28623</t>
  </si>
  <si>
    <t>3.7908475399017334</t>
  </si>
  <si>
    <t>440.1573181152344</t>
  </si>
  <si>
    <t>0.03350045968835147</t>
  </si>
  <si>
    <t>29685</t>
  </si>
  <si>
    <t>3.926675796508789</t>
  </si>
  <si>
    <t>424.3384094238281</t>
  </si>
  <si>
    <t>0.03643127728481943</t>
  </si>
  <si>
    <t>3.2745399475097656</t>
  </si>
  <si>
    <t>491.8972473144531</t>
  </si>
  <si>
    <t>0.03143599151887244</t>
  </si>
  <si>
    <t>32435</t>
  </si>
  <si>
    <t>4.446370601654053</t>
  </si>
  <si>
    <t>497.202392578125</t>
  </si>
  <si>
    <t>0.05716022742350724</t>
  </si>
  <si>
    <t>3.090486764907837</t>
  </si>
  <si>
    <t>631.0657348632812</t>
  </si>
  <si>
    <t>0.04917914500785692</t>
  </si>
  <si>
    <t>35435</t>
  </si>
  <si>
    <t>4.48225212097168</t>
  </si>
  <si>
    <t>504.1357116699219</t>
  </si>
  <si>
    <t>0.03928280058934419</t>
  </si>
  <si>
    <t>37356</t>
  </si>
  <si>
    <t>5.253747940063477</t>
  </si>
  <si>
    <t>652.31494140625</t>
  </si>
  <si>
    <t>0.05279350898525159</t>
  </si>
  <si>
    <t>37792</t>
  </si>
  <si>
    <t>3.663907051086426</t>
  </si>
  <si>
    <t>596.6103515625</t>
  </si>
  <si>
    <t>0.011603898767480914</t>
  </si>
  <si>
    <t>35803</t>
  </si>
  <si>
    <t>3.8750669956207275</t>
  </si>
  <si>
    <t>443.24627685546875</t>
  </si>
  <si>
    <t>-0.05406575123654633</t>
  </si>
  <si>
    <t>38106</t>
  </si>
  <si>
    <t>4.460258960723877</t>
  </si>
  <si>
    <t>425.5294494628906</t>
  </si>
  <si>
    <t>0.0623400612704863</t>
  </si>
  <si>
    <t>40066</t>
  </si>
  <si>
    <t>4.74453592300415</t>
  </si>
  <si>
    <t>587.6679077148438</t>
  </si>
  <si>
    <t>0.05015634431056881</t>
  </si>
  <si>
    <t>4.546830654144287</t>
  </si>
  <si>
    <t>507.1474609375</t>
  </si>
  <si>
    <t>0.04595033855375341</t>
  </si>
  <si>
    <t>4.985196113586426</t>
  </si>
  <si>
    <t>505.0982360839844</t>
  </si>
  <si>
    <t>0.03457990715836523</t>
  </si>
  <si>
    <t>46651</t>
  </si>
  <si>
    <t>5.012355327606201</t>
  </si>
  <si>
    <t>546.36669921875</t>
  </si>
  <si>
    <t>0.071636023219245</t>
  </si>
  <si>
    <t>47713</t>
  </si>
  <si>
    <t>4.7988409996032715</t>
  </si>
  <si>
    <t>562.1744384765625</t>
  </si>
  <si>
    <t>0.022509534159725675</t>
  </si>
  <si>
    <t>45442</t>
  </si>
  <si>
    <t>3.5312440395355225</t>
  </si>
  <si>
    <t>469.2369689941406</t>
  </si>
  <si>
    <t>-0.04876710992173905</t>
  </si>
  <si>
    <t>49079</t>
  </si>
  <si>
    <t>2.8098719120025635</t>
  </si>
  <si>
    <t>503.3651123046875</t>
  </si>
  <si>
    <t>0.07699445720820286</t>
  </si>
  <si>
    <t>48551</t>
  </si>
  <si>
    <t>5.132138729095459</t>
  </si>
  <si>
    <t>560.3748168945312</t>
  </si>
  <si>
    <t>-0.010816452889454098</t>
  </si>
  <si>
    <t>48136</t>
  </si>
  <si>
    <t>3.5574891567230225</t>
  </si>
  <si>
    <t>593.6217041015625</t>
  </si>
  <si>
    <t>-0.008584453929509905</t>
  </si>
  <si>
    <t>46790</t>
  </si>
  <si>
    <t>4.489086151123047</t>
  </si>
  <si>
    <t>465.29437255859375</t>
  </si>
  <si>
    <t>-0.028360833039924316</t>
  </si>
  <si>
    <t>46116</t>
  </si>
  <si>
    <t>5.5495476722717285</t>
  </si>
  <si>
    <t>512.4098510742188</t>
  </si>
  <si>
    <t>-0.014509543507418954</t>
  </si>
  <si>
    <t>45972</t>
  </si>
  <si>
    <t>4.780125141143799</t>
  </si>
  <si>
    <t>540.501220703125</t>
  </si>
  <si>
    <t>-0.0031274458641945557</t>
  </si>
  <si>
    <t>45796</t>
  </si>
  <si>
    <t>5.049956798553467</t>
  </si>
  <si>
    <t>517.314697265625</t>
  </si>
  <si>
    <t>-0.003835764444946932</t>
  </si>
  <si>
    <t>4.1376051902771</t>
  </si>
  <si>
    <t>539.6680908203125</t>
  </si>
  <si>
    <t>0.006984894521950835</t>
  </si>
  <si>
    <t>46585</t>
  </si>
  <si>
    <t>4.748012065887451</t>
  </si>
  <si>
    <t>367.951171875</t>
  </si>
  <si>
    <t>0.010096955318871892</t>
  </si>
  <si>
    <t>46798</t>
  </si>
  <si>
    <t>5.239287376403809</t>
  </si>
  <si>
    <t>578.5895385742188</t>
  </si>
  <si>
    <t>0.004561866065310838</t>
  </si>
  <si>
    <t>5.423488140106201</t>
  </si>
  <si>
    <t>563.5283813476562</t>
  </si>
  <si>
    <t>-0.03618246821758042</t>
  </si>
  <si>
    <t>4.438939571380615</t>
  </si>
  <si>
    <t>538.3073120117188</t>
  </si>
  <si>
    <t>0.02554875505939158</t>
  </si>
  <si>
    <t>46915</t>
  </si>
  <si>
    <t>5.064711093902588</t>
  </si>
  <si>
    <t>494.8959655761719</t>
  </si>
  <si>
    <t>0.013130699932503376</t>
  </si>
  <si>
    <t>1030</t>
  </si>
  <si>
    <t>4.964746952056885</t>
  </si>
  <si>
    <t>622.4114990234375</t>
  </si>
  <si>
    <t>375.4904479980469</t>
  </si>
  <si>
    <t>Pirkanmaa</t>
  </si>
  <si>
    <t>30190</t>
  </si>
  <si>
    <t>4.499141693115234</t>
  </si>
  <si>
    <t>609.1304321289062</t>
  </si>
  <si>
    <t>-0.0672158712315234</t>
  </si>
  <si>
    <t>29000</t>
  </si>
  <si>
    <t>4.561437606811523</t>
  </si>
  <si>
    <t>622.5069580078125</t>
  </si>
  <si>
    <t>-0.040214913732272706</t>
  </si>
  <si>
    <t>28638</t>
  </si>
  <si>
    <t>3.39365553855896</t>
  </si>
  <si>
    <t>560.0913696289062</t>
  </si>
  <si>
    <t>-0.012561322734660152</t>
  </si>
  <si>
    <t>3.7204344272613525</t>
  </si>
  <si>
    <t>575.289794921875</t>
  </si>
  <si>
    <t>0.03347894685204622</t>
  </si>
  <si>
    <t>30712</t>
  </si>
  <si>
    <t>4.219254016876221</t>
  </si>
  <si>
    <t>560.1888427734375</t>
  </si>
  <si>
    <t>0.036440003594636394</t>
  </si>
  <si>
    <t>31693</t>
  </si>
  <si>
    <t>3.2621679306030273</t>
  </si>
  <si>
    <t>611.220458984375</t>
  </si>
  <si>
    <t>0.031442378611096444</t>
  </si>
  <si>
    <t>33557</t>
  </si>
  <si>
    <t>4.3814520835876465</t>
  </si>
  <si>
    <t>579.1871948242188</t>
  </si>
  <si>
    <t>0.057149649160205485</t>
  </si>
  <si>
    <t>35249</t>
  </si>
  <si>
    <t>3.0589897632598877</t>
  </si>
  <si>
    <t>692.1459350585938</t>
  </si>
  <si>
    <t>0.04919167459175</t>
  </si>
  <si>
    <t>36661</t>
  </si>
  <si>
    <t>4.738585472106934</t>
  </si>
  <si>
    <t>562.853759765625</t>
  </si>
  <si>
    <t>0.03927635966483223</t>
  </si>
  <si>
    <t>5.441962718963623</t>
  </si>
  <si>
    <t>623.5855102539062</t>
  </si>
  <si>
    <t>0.05278150752572408</t>
  </si>
  <si>
    <t>3.7492377758026123</t>
  </si>
  <si>
    <t>644.7161254882812</t>
  </si>
  <si>
    <t>0.06019836175481075</t>
  </si>
  <si>
    <t>3.642535448074341</t>
  </si>
  <si>
    <t>452.0274658203125</t>
  </si>
  <si>
    <t>0.01820295052379528</t>
  </si>
  <si>
    <t>42710</t>
  </si>
  <si>
    <t>4.355189800262451</t>
  </si>
  <si>
    <t>539.6087036132812</t>
  </si>
  <si>
    <t>0.021536745322663364</t>
  </si>
  <si>
    <t>4.713352680206299</t>
  </si>
  <si>
    <t>728.4218139648438</t>
  </si>
  <si>
    <t>0.03612260629122588</t>
  </si>
  <si>
    <t>4.467103004455566</t>
  </si>
  <si>
    <t>569.389404296875</t>
  </si>
  <si>
    <t>0.02911076820539371</t>
  </si>
  <si>
    <t>46142</t>
  </si>
  <si>
    <t>4.915467739105225</t>
  </si>
  <si>
    <t>565.904541015625</t>
  </si>
  <si>
    <t>0.012057138793423405</t>
  </si>
  <si>
    <t>48977</t>
  </si>
  <si>
    <t>5.104649066925049</t>
  </si>
  <si>
    <t>628.9180297851562</t>
  </si>
  <si>
    <t>0.05962720201518934</t>
  </si>
  <si>
    <t>49264</t>
  </si>
  <si>
    <t>5.056413173675537</t>
  </si>
  <si>
    <t>680.5633544921875</t>
  </si>
  <si>
    <t>0.005842791023537686</t>
  </si>
  <si>
    <t>43318</t>
  </si>
  <si>
    <t>3.5102102756500244</t>
  </si>
  <si>
    <t>524.1592407226562</t>
  </si>
  <si>
    <t>-0.12862533816683985</t>
  </si>
  <si>
    <t>44706</t>
  </si>
  <si>
    <t>3.376232147216797</t>
  </si>
  <si>
    <t>579.484375</t>
  </si>
  <si>
    <t>0.03153946778434147</t>
  </si>
  <si>
    <t>5.274234771728516</t>
  </si>
  <si>
    <t>670.6957397460938</t>
  </si>
  <si>
    <t>0.04622409942887984</t>
  </si>
  <si>
    <t>44714</t>
  </si>
  <si>
    <t>3.704641103744507</t>
  </si>
  <si>
    <t>741.6442260742188</t>
  </si>
  <si>
    <t>-0.04604516854045926</t>
  </si>
  <si>
    <t>5.0214619636535645</t>
  </si>
  <si>
    <t>530.4310913085938</t>
  </si>
  <si>
    <t>-0.034446156438001196</t>
  </si>
  <si>
    <t>42108</t>
  </si>
  <si>
    <t>5.808163166046143</t>
  </si>
  <si>
    <t>595.4209594726562</t>
  </si>
  <si>
    <t>-0.02560274886098668</t>
  </si>
  <si>
    <t>5.077861309051514</t>
  </si>
  <si>
    <t>596.67236328125</t>
  </si>
  <si>
    <t>-0.01338836102351415</t>
  </si>
  <si>
    <t>5.397397994995117</t>
  </si>
  <si>
    <t>569.1592407226562</t>
  </si>
  <si>
    <t>0.03926884908917394</t>
  </si>
  <si>
    <t>44354</t>
  </si>
  <si>
    <t>4.592672824859619</t>
  </si>
  <si>
    <t>670.3968505859375</t>
  </si>
  <si>
    <t>0.02608466189109926</t>
  </si>
  <si>
    <t>45281</t>
  </si>
  <si>
    <t>5.0595831871032715</t>
  </si>
  <si>
    <t>442.8365478515625</t>
  </si>
  <si>
    <t>0.020684622110877626</t>
  </si>
  <si>
    <t>5.905986785888672</t>
  </si>
  <si>
    <t>653.3634643554688</t>
  </si>
  <si>
    <t>0.013468660214339678</t>
  </si>
  <si>
    <t>5.989702224731445</t>
  </si>
  <si>
    <t>689.149658203125</t>
  </si>
  <si>
    <t>-0.009105497717348143</t>
  </si>
  <si>
    <t>4.676822185516357</t>
  </si>
  <si>
    <t>639.2813110351562</t>
  </si>
  <si>
    <t>0.025550855432486586</t>
  </si>
  <si>
    <t>47273</t>
  </si>
  <si>
    <t>5.413990497589111</t>
  </si>
  <si>
    <t>566.2921752929688</t>
  </si>
  <si>
    <t>0.013137771605036264</t>
  </si>
  <si>
    <t>3.165048837661743</t>
  </si>
  <si>
    <t>479.8451843261719</t>
  </si>
  <si>
    <t>313.7831726074219</t>
  </si>
  <si>
    <t>Pohjois-Pohjanmaa</t>
  </si>
  <si>
    <t>28594</t>
  </si>
  <si>
    <t>2.4054529666900635</t>
  </si>
  <si>
    <t>579.3805541992188</t>
  </si>
  <si>
    <t>-0.06721469497898624</t>
  </si>
  <si>
    <t>27467</t>
  </si>
  <si>
    <t>2.6020636558532715</t>
  </si>
  <si>
    <t>719.8818359375</t>
  </si>
  <si>
    <t>-0.04021162151096647</t>
  </si>
  <si>
    <t>27124</t>
  </si>
  <si>
    <t>1.2867721319198608</t>
  </si>
  <si>
    <t>511.0482482910156</t>
  </si>
  <si>
    <t>-0.012566339274410865</t>
  </si>
  <si>
    <t>2.063718557357788</t>
  </si>
  <si>
    <t>470.6043395996094</t>
  </si>
  <si>
    <t>0.0334983833572835</t>
  </si>
  <si>
    <t>2.195465326309204</t>
  </si>
  <si>
    <t>517.9227294921875</t>
  </si>
  <si>
    <t>0.03640838981618977</t>
  </si>
  <si>
    <t>1.4685930013656616</t>
  </si>
  <si>
    <t>531.1912231445312</t>
  </si>
  <si>
    <t>0.03143816983882708</t>
  </si>
  <si>
    <t>2.2931621074676514</t>
  </si>
  <si>
    <t>520.43701171875</t>
  </si>
  <si>
    <t>0.057167667812446865</t>
  </si>
  <si>
    <t>33386</t>
  </si>
  <si>
    <t>0.6080825328826904</t>
  </si>
  <si>
    <t>697.3031616210938</t>
  </si>
  <si>
    <t>0.049205094786852754</t>
  </si>
  <si>
    <t>2.5771853923797607</t>
  </si>
  <si>
    <t>574.3689575195312</t>
  </si>
  <si>
    <t>0.03926564115616493</t>
  </si>
  <si>
    <t>36605</t>
  </si>
  <si>
    <t>3.573323965072632</t>
  </si>
  <si>
    <t>694.4906005859375</t>
  </si>
  <si>
    <t>0.052782551509245934</t>
  </si>
  <si>
    <t>35019</t>
  </si>
  <si>
    <t>1.4892147779464722</t>
  </si>
  <si>
    <t>614.6105346679688</t>
  </si>
  <si>
    <t>-0.04429407175997113</t>
  </si>
  <si>
    <t>39211</t>
  </si>
  <si>
    <t>1.4357978105545044</t>
  </si>
  <si>
    <t>534.2887573242188</t>
  </si>
  <si>
    <t>0.113066548338427</t>
  </si>
  <si>
    <t>41245</t>
  </si>
  <si>
    <t>2.8787240982055664</t>
  </si>
  <si>
    <t>489.0696105957031</t>
  </si>
  <si>
    <t>0.05057257363563217</t>
  </si>
  <si>
    <t>42821</t>
  </si>
  <si>
    <t>2.848952293395996</t>
  </si>
  <si>
    <t>691.2493896484375</t>
  </si>
  <si>
    <t>0.03749874314924817</t>
  </si>
  <si>
    <t>43327</t>
  </si>
  <si>
    <t>2.969531297683716</t>
  </si>
  <si>
    <t>606.2655029296875</t>
  </si>
  <si>
    <t>0.011747360797862427</t>
  </si>
  <si>
    <t>42802</t>
  </si>
  <si>
    <t>2.786844253540039</t>
  </si>
  <si>
    <t>501.37835693359375</t>
  </si>
  <si>
    <t>-0.01219116679185639</t>
  </si>
  <si>
    <t>45498</t>
  </si>
  <si>
    <t>3.234316825866699</t>
  </si>
  <si>
    <t>633.572998046875</t>
  </si>
  <si>
    <t>0.06108353847890413</t>
  </si>
  <si>
    <t>2.81774640083313</t>
  </si>
  <si>
    <t>665.3248291015625</t>
  </si>
  <si>
    <t>0.0015373468426584935</t>
  </si>
  <si>
    <t>39544</t>
  </si>
  <si>
    <t>1.8253313302993774</t>
  </si>
  <si>
    <t>558.1932983398438</t>
  </si>
  <si>
    <t>-0.14179173978485338</t>
  </si>
  <si>
    <t>41044</t>
  </si>
  <si>
    <t>1.2799949645996094</t>
  </si>
  <si>
    <t>589.4248046875</t>
  </si>
  <si>
    <t>0.037230685995304214</t>
  </si>
  <si>
    <t>3.5857903957366943</t>
  </si>
  <si>
    <t>622.3637084960938</t>
  </si>
  <si>
    <t>-0.006428375329884162</t>
  </si>
  <si>
    <t>40134</t>
  </si>
  <si>
    <t>1.743882179260254</t>
  </si>
  <si>
    <t>671.92578125</t>
  </si>
  <si>
    <t>-0.015992431305752675</t>
  </si>
  <si>
    <t>3.066848039627075</t>
  </si>
  <si>
    <t>507.6502990722656</t>
  </si>
  <si>
    <t>-0.017240506442499637</t>
  </si>
  <si>
    <t>38433</t>
  </si>
  <si>
    <t>3.6689703464508057</t>
  </si>
  <si>
    <t>573.2276611328125</t>
  </si>
  <si>
    <t>-0.026066883379419536</t>
  </si>
  <si>
    <t>37043</t>
  </si>
  <si>
    <t>3.1514949798583984</t>
  </si>
  <si>
    <t>603.2732543945312</t>
  </si>
  <si>
    <t>-0.03683706552370758</t>
  </si>
  <si>
    <t>39597</t>
  </si>
  <si>
    <t>3.774778127670288</t>
  </si>
  <si>
    <t>598.6697998046875</t>
  </si>
  <si>
    <t>0.06667395779622964</t>
  </si>
  <si>
    <t>2.4349911212921143</t>
  </si>
  <si>
    <t>549.0970458984375</t>
  </si>
  <si>
    <t>0.021733469340723843</t>
  </si>
  <si>
    <t>40330</t>
  </si>
  <si>
    <t>2.999727249145508</t>
  </si>
  <si>
    <t>446.82879638671875</t>
  </si>
  <si>
    <t>-0.0033912182703748073</t>
  </si>
  <si>
    <t>41203</t>
  </si>
  <si>
    <t>3.2560079097747803</t>
  </si>
  <si>
    <t>591.6778564453125</t>
  </si>
  <si>
    <t>0.02141546035326236</t>
  </si>
  <si>
    <t>3.9225854873657227</t>
  </si>
  <si>
    <t>564.1212158203125</t>
  </si>
  <si>
    <t>42270</t>
  </si>
  <si>
    <t>2.5047290325164795</t>
  </si>
  <si>
    <t>580.4151000976562</t>
  </si>
  <si>
    <t>0.025566545340158342</t>
  </si>
  <si>
    <t>3.6239736080169678</t>
  </si>
  <si>
    <t>558.95166015625</t>
  </si>
  <si>
    <t>0.013114479717325267</t>
  </si>
  <si>
    <t>5.146111488342285</t>
  </si>
  <si>
    <t>684.34765625</t>
  </si>
  <si>
    <t>180.24044799804688</t>
  </si>
  <si>
    <t>PÔøΩijÔøΩt-HÔøΩme</t>
  </si>
  <si>
    <t>25209</t>
  </si>
  <si>
    <t>4.681214809417725</t>
  </si>
  <si>
    <t>652.9060668945312</t>
  </si>
  <si>
    <t>-0.06726448220359593</t>
  </si>
  <si>
    <t>4.795299053192139</t>
  </si>
  <si>
    <t>637.4115600585938</t>
  </si>
  <si>
    <t>-0.04018750189477416</t>
  </si>
  <si>
    <t>3.586533546447754</t>
  </si>
  <si>
    <t>606.65380859375</t>
  </si>
  <si>
    <t>-0.012591327605520064</t>
  </si>
  <si>
    <t>24728</t>
  </si>
  <si>
    <t>3.9242851734161377</t>
  </si>
  <si>
    <t>636.5587158203125</t>
  </si>
  <si>
    <t>0.0335139607159185</t>
  </si>
  <si>
    <t>4.3839497566223145</t>
  </si>
  <si>
    <t>591.6595458984375</t>
  </si>
  <si>
    <t>0.03641241601141587</t>
  </si>
  <si>
    <t>3.5184412002563477</t>
  </si>
  <si>
    <t>641.609130859375</t>
  </si>
  <si>
    <t>0.03143669800005</t>
  </si>
  <si>
    <t>28021</t>
  </si>
  <si>
    <t>4.624653339385986</t>
  </si>
  <si>
    <t>639.3518676757812</t>
  </si>
  <si>
    <t>0.057168910224469016</t>
  </si>
  <si>
    <t>29434</t>
  </si>
  <si>
    <t>3.423736333847046</t>
  </si>
  <si>
    <t>735.834228515625</t>
  </si>
  <si>
    <t>0.049196239676170705</t>
  </si>
  <si>
    <t>5.036977767944336</t>
  </si>
  <si>
    <t>576.4251708984375</t>
  </si>
  <si>
    <t>0.03927428660020382</t>
  </si>
  <si>
    <t>32272</t>
  </si>
  <si>
    <t>5.670773029327393</t>
  </si>
  <si>
    <t>677.8429565429688</t>
  </si>
  <si>
    <t>0.05277522586973049</t>
  </si>
  <si>
    <t>33416</t>
  </si>
  <si>
    <t>4.150712013244629</t>
  </si>
  <si>
    <t>678.70849609375</t>
  </si>
  <si>
    <t>0.03483484598301878</t>
  </si>
  <si>
    <t>4.088047504425049</t>
  </si>
  <si>
    <t>488.4547119140625</t>
  </si>
  <si>
    <t>-0.02257760158189548</t>
  </si>
  <si>
    <t>34520</t>
  </si>
  <si>
    <t>4.506682395935059</t>
  </si>
  <si>
    <t>608.6887817382812</t>
  </si>
  <si>
    <t>0.05508164060224807</t>
  </si>
  <si>
    <t>4.907288551330566</t>
  </si>
  <si>
    <t>798.3137817382812</t>
  </si>
  <si>
    <t>0.033555798592090014</t>
  </si>
  <si>
    <t>36722</t>
  </si>
  <si>
    <t>4.47987699508667</t>
  </si>
  <si>
    <t>601.5565185546875</t>
  </si>
  <si>
    <t>0.028281365692679472</t>
  </si>
  <si>
    <t>5.223819255828857</t>
  </si>
  <si>
    <t>590.19287109375</t>
  </si>
  <si>
    <t>0.007271575344367065</t>
  </si>
  <si>
    <t>5.2566328048706055</t>
  </si>
  <si>
    <t>661.623779296875</t>
  </si>
  <si>
    <t>0.019065537600356564</t>
  </si>
  <si>
    <t>38629</t>
  </si>
  <si>
    <t>5.331297874450684</t>
  </si>
  <si>
    <t>740.97998046875</t>
  </si>
  <si>
    <t>0.024290146281787273</t>
  </si>
  <si>
    <t>35278</t>
  </si>
  <si>
    <t>3.732726812362671</t>
  </si>
  <si>
    <t>605.8323974609375</t>
  </si>
  <si>
    <t>-0.09074374953722142</t>
  </si>
  <si>
    <t>37460</t>
  </si>
  <si>
    <t>3.6828773021698</t>
  </si>
  <si>
    <t>646.3934326171875</t>
  </si>
  <si>
    <t>0.06001415682665723</t>
  </si>
  <si>
    <t>5.451971530914307</t>
  </si>
  <si>
    <t>725.9909057617188</t>
  </si>
  <si>
    <t>0.026864928781563435</t>
  </si>
  <si>
    <t>3.90842604637146</t>
  </si>
  <si>
    <t>811.8739013671875</t>
  </si>
  <si>
    <t>37118</t>
  </si>
  <si>
    <t>5.190216541290283</t>
  </si>
  <si>
    <t>580.4784545898438</t>
  </si>
  <si>
    <t>-0.047277753255238864</t>
  </si>
  <si>
    <t>37430</t>
  </si>
  <si>
    <t>5.9468302726745605</t>
  </si>
  <si>
    <t>642.7517700195312</t>
  </si>
  <si>
    <t>0.008370494760225</t>
  </si>
  <si>
    <t>5.302797317504883</t>
  </si>
  <si>
    <t>625.5806274414062</t>
  </si>
  <si>
    <t>-0.0065670677610736305</t>
  </si>
  <si>
    <t>38350</t>
  </si>
  <si>
    <t>5.59007453918457</t>
  </si>
  <si>
    <t>663.8529052734375</t>
  </si>
  <si>
    <t>0.030849073658000492</t>
  </si>
  <si>
    <t>38586</t>
  </si>
  <si>
    <t>4.814400672912598</t>
  </si>
  <si>
    <t>767.34130859375</t>
  </si>
  <si>
    <t>0.006134988567517041</t>
  </si>
  <si>
    <t>5.215240955352783</t>
  </si>
  <si>
    <t>538.2166748046875</t>
  </si>
  <si>
    <t>0.0019935539748470177</t>
  </si>
  <si>
    <t>6.112340927124023</t>
  </si>
  <si>
    <t>716.8026123046875</t>
  </si>
  <si>
    <t>-0.008024245504303806</t>
  </si>
  <si>
    <t>37413</t>
  </si>
  <si>
    <t>6.147819995880127</t>
  </si>
  <si>
    <t>741.3978271484375</t>
  </si>
  <si>
    <t>-0.02484058724460425</t>
  </si>
  <si>
    <t>38381</t>
  </si>
  <si>
    <t>4.852259159088135</t>
  </si>
  <si>
    <t>687.1570434570312</t>
  </si>
  <si>
    <t>0.025544307870504213</t>
  </si>
  <si>
    <t>5.5477423667907715</t>
  </si>
  <si>
    <t>619.95263671875</t>
  </si>
  <si>
    <t>0.013123174265929904</t>
  </si>
  <si>
    <t>5.686413288116455</t>
  </si>
  <si>
    <t>622.9940185546875</t>
  </si>
  <si>
    <t>138.46282958984375</t>
  </si>
  <si>
    <t>Satakunta</t>
  </si>
  <si>
    <t>28124</t>
  </si>
  <si>
    <t>5.2104010581970215</t>
  </si>
  <si>
    <t>582.6163330078125</t>
  </si>
  <si>
    <t>-0.0672371947447239</t>
  </si>
  <si>
    <t>27016</t>
  </si>
  <si>
    <t>5.318859100341797</t>
  </si>
  <si>
    <t>633.3331909179688</t>
  </si>
  <si>
    <t>-0.040194021253649126</t>
  </si>
  <si>
    <t>4.133114337921143</t>
  </si>
  <si>
    <t>540.8541870117188</t>
  </si>
  <si>
    <t>-0.01259002736441417</t>
  </si>
  <si>
    <t>27587</t>
  </si>
  <si>
    <t>4.414262294769287</t>
  </si>
  <si>
    <t>558.1444091796875</t>
  </si>
  <si>
    <t>0.03350539154932797</t>
  </si>
  <si>
    <t>28610</t>
  </si>
  <si>
    <t>4.893839359283447</t>
  </si>
  <si>
    <t>543.3834228515625</t>
  </si>
  <si>
    <t>0.036411659793838425</t>
  </si>
  <si>
    <t>3.954251527786255</t>
  </si>
  <si>
    <t>603.556396484375</t>
  </si>
  <si>
    <t>0.03144718484578668</t>
  </si>
  <si>
    <t>31261</t>
  </si>
  <si>
    <t>5.1148810386657715</t>
  </si>
  <si>
    <t>558.5811157226562</t>
  </si>
  <si>
    <t>0.057167822337138574</t>
  </si>
  <si>
    <t>32837</t>
  </si>
  <si>
    <t>3.909045457839966</t>
  </si>
  <si>
    <t>672.0304565429688</t>
  </si>
  <si>
    <t>0.04918461415669029</t>
  </si>
  <si>
    <t>34152</t>
  </si>
  <si>
    <t>5.509745121002197</t>
  </si>
  <si>
    <t>563.35888671875</t>
  </si>
  <si>
    <t>0.039265221054026966</t>
  </si>
  <si>
    <t>36004</t>
  </si>
  <si>
    <t>6.131858825683594</t>
  </si>
  <si>
    <t>611.5845336914062</t>
  </si>
  <si>
    <t>0.05280889393917754</t>
  </si>
  <si>
    <t>38575</t>
  </si>
  <si>
    <t>4.6256608963012695</t>
  </si>
  <si>
    <t>627.1557006835938</t>
  </si>
  <si>
    <t>0.06897435485438486</t>
  </si>
  <si>
    <t>38792</t>
  </si>
  <si>
    <t>4.508703708648682</t>
  </si>
  <si>
    <t>417.1145935058594</t>
  </si>
  <si>
    <t>0.005609641553826705</t>
  </si>
  <si>
    <t>38929</t>
  </si>
  <si>
    <t>4.971609592437744</t>
  </si>
  <si>
    <t>510.8891296386719</t>
  </si>
  <si>
    <t>0.0035254343586466064</t>
  </si>
  <si>
    <t>5.459068298339844</t>
  </si>
  <si>
    <t>707.0054931640625</t>
  </si>
  <si>
    <t>-0.006261696681791662</t>
  </si>
  <si>
    <t>40514</t>
  </si>
  <si>
    <t>5.058467388153076</t>
  </si>
  <si>
    <t>550.548828125</t>
  </si>
  <si>
    <t>0.04616981591170877</t>
  </si>
  <si>
    <t>42156</t>
  </si>
  <si>
    <t>5.722981929779053</t>
  </si>
  <si>
    <t>568.574951171875</t>
  </si>
  <si>
    <t>0.03972942968007587</t>
  </si>
  <si>
    <t>43556</t>
  </si>
  <si>
    <t>5.797877788543701</t>
  </si>
  <si>
    <t>609.219482421875</t>
  </si>
  <si>
    <t>0.03267044341212433</t>
  </si>
  <si>
    <t>43590</t>
  </si>
  <si>
    <t>5.861309051513672</t>
  </si>
  <si>
    <t>672.869873046875</t>
  </si>
  <si>
    <t>0.0007802997664860811</t>
  </si>
  <si>
    <t>40166</t>
  </si>
  <si>
    <t>4.221127033233643</t>
  </si>
  <si>
    <t>507.7022399902344</t>
  </si>
  <si>
    <t>-0.08180689963581322</t>
  </si>
  <si>
    <t>4.131495952606201</t>
  </si>
  <si>
    <t>575.0962524414062</t>
  </si>
  <si>
    <t>0.05869253167081645</t>
  </si>
  <si>
    <t>5.8480963706970215</t>
  </si>
  <si>
    <t>643.4784545898438</t>
  </si>
  <si>
    <t>0.02981360306184122</t>
  </si>
  <si>
    <t>43859</t>
  </si>
  <si>
    <t>4.357670307159424</t>
  </si>
  <si>
    <t>720.1242065429688</t>
  </si>
  <si>
    <t>-0.0005470584349236418</t>
  </si>
  <si>
    <t>42262</t>
  </si>
  <si>
    <t>5.635108947753906</t>
  </si>
  <si>
    <t>513.476806640625</t>
  </si>
  <si>
    <t>-0.03709160576748616</t>
  </si>
  <si>
    <t>42772</t>
  </si>
  <si>
    <t>6.445437908172607</t>
  </si>
  <si>
    <t>574.2610473632812</t>
  </si>
  <si>
    <t>0.011995345749674868</t>
  </si>
  <si>
    <t>5.714003086090088</t>
  </si>
  <si>
    <t>570.1295166015625</t>
  </si>
  <si>
    <t>0.01531281370873927</t>
  </si>
  <si>
    <t>5.946847438812256</t>
  </si>
  <si>
    <t>533.4151611328125</t>
  </si>
  <si>
    <t>-0.031861599000720275</t>
  </si>
  <si>
    <t>43121</t>
  </si>
  <si>
    <t>5.2197041511535645</t>
  </si>
  <si>
    <t>645.3641967773438</t>
  </si>
  <si>
    <t>0.02467521982402232</t>
  </si>
  <si>
    <t>5.653136730194092</t>
  </si>
  <si>
    <t>414.5990295410156</t>
  </si>
  <si>
    <t>-0.000603136327088194</t>
  </si>
  <si>
    <t>42197</t>
  </si>
  <si>
    <t>6.5702080726623535</t>
  </si>
  <si>
    <t>634.3179321289062</t>
  </si>
  <si>
    <t>-0.021057852631807705</t>
  </si>
  <si>
    <t>6.488954544067383</t>
  </si>
  <si>
    <t>665.6131591796875</t>
  </si>
  <si>
    <t>-0.004346232394066618</t>
  </si>
  <si>
    <t>43101</t>
  </si>
  <si>
    <t>5.38067102432251</t>
  </si>
  <si>
    <t>611.499267578125</t>
  </si>
  <si>
    <t>0.0255433026232037</t>
  </si>
  <si>
    <t>43671</t>
  </si>
  <si>
    <t>5.957587718963623</t>
  </si>
  <si>
    <t>539.25732421875</t>
  </si>
  <si>
    <t>0.013138067553940758</t>
  </si>
  <si>
    <t>5.056509971618652</t>
  </si>
  <si>
    <t>637.5350952148438</t>
  </si>
  <si>
    <t>84.41546630859375</t>
  </si>
  <si>
    <t>South Karelia</t>
  </si>
  <si>
    <t>4.62595796585083</t>
  </si>
  <si>
    <t>682.7794799804688</t>
  </si>
  <si>
    <t>-0.06725716345181887</t>
  </si>
  <si>
    <t>30059</t>
  </si>
  <si>
    <t>4.677964687347412</t>
  </si>
  <si>
    <t>592.038818359375</t>
  </si>
  <si>
    <t>-0.04020035685109136</t>
  </si>
  <si>
    <t>3.4307219982147217</t>
  </si>
  <si>
    <t>594.0458984375</t>
  </si>
  <si>
    <t>-0.012553936863854531</t>
  </si>
  <si>
    <t>3.9156134128570557</t>
  </si>
  <si>
    <t>665.5545654296875</t>
  </si>
  <si>
    <t>0.03349159477157215</t>
  </si>
  <si>
    <t>31833</t>
  </si>
  <si>
    <t>4.4209723472595215</t>
  </si>
  <si>
    <t>571.35107421875</t>
  </si>
  <si>
    <t>0.03640371268010334</t>
  </si>
  <si>
    <t>3.4332592487335205</t>
  </si>
  <si>
    <t>636.1957397460938</t>
  </si>
  <si>
    <t>0.03144825737105705</t>
  </si>
  <si>
    <t>34782</t>
  </si>
  <si>
    <t>4.455515384674072</t>
  </si>
  <si>
    <t>620.841552734375</t>
  </si>
  <si>
    <t>0.057148266655030255</t>
  </si>
  <si>
    <t>36536</t>
  </si>
  <si>
    <t>3.089853286743164</t>
  </si>
  <si>
    <t>706.7389526367188</t>
  </si>
  <si>
    <t>0.04919806429704643</t>
  </si>
  <si>
    <t>4.8900465965271</t>
  </si>
  <si>
    <t>549.5052490234375</t>
  </si>
  <si>
    <t>0.039288083843688426</t>
  </si>
  <si>
    <t>5.649503231048584</t>
  </si>
  <si>
    <t>678.5969848632812</t>
  </si>
  <si>
    <t>0.05279217051128704</t>
  </si>
  <si>
    <t>40133</t>
  </si>
  <si>
    <t>3.8124256134033203</t>
  </si>
  <si>
    <t>642.0618286132812</t>
  </si>
  <si>
    <t>0.001820608286605463</t>
  </si>
  <si>
    <t>39379</t>
  </si>
  <si>
    <t>3.6929433345794678</t>
  </si>
  <si>
    <t>504.0575256347656</t>
  </si>
  <si>
    <t>-0.01896625923653339</t>
  </si>
  <si>
    <t>4.6350226402282715</t>
  </si>
  <si>
    <t>662.5827026367188</t>
  </si>
  <si>
    <t>0.03640482791070099</t>
  </si>
  <si>
    <t>4.8807902336120605</t>
  </si>
  <si>
    <t>773.3939208984375</t>
  </si>
  <si>
    <t>0.0017859113503853052</t>
  </si>
  <si>
    <t>40523</t>
  </si>
  <si>
    <t>4.778322696685791</t>
  </si>
  <si>
    <t>584.7246704101562</t>
  </si>
  <si>
    <t>-0.00955370439664982</t>
  </si>
  <si>
    <t>41373</t>
  </si>
  <si>
    <t>5.005606651306152</t>
  </si>
  <si>
    <t>575.67724609375</t>
  </si>
  <si>
    <t>0.020758780008129918</t>
  </si>
  <si>
    <t>5.242741107940674</t>
  </si>
  <si>
    <t>621.698486328125</t>
  </si>
  <si>
    <t>0.06691044305280336</t>
  </si>
  <si>
    <t>5.12454891204834</t>
  </si>
  <si>
    <t>751.0121459960938</t>
  </si>
  <si>
    <t>-0.0278738133735299</t>
  </si>
  <si>
    <t>38868</t>
  </si>
  <si>
    <t>3.6359808444976807</t>
  </si>
  <si>
    <t>636.1658325195312</t>
  </si>
  <si>
    <t>-0.10149383386239208</t>
  </si>
  <si>
    <t>41841</t>
  </si>
  <si>
    <t>3.540250539779663</t>
  </si>
  <si>
    <t>631.799072265625</t>
  </si>
  <si>
    <t>0.07370543006747532</t>
  </si>
  <si>
    <t>45939</t>
  </si>
  <si>
    <t>5.5055317878723145</t>
  </si>
  <si>
    <t>711.7869873046875</t>
  </si>
  <si>
    <t>0.09343770945651286</t>
  </si>
  <si>
    <t>3.8659303188323975</t>
  </si>
  <si>
    <t>808.6202392578125</t>
  </si>
  <si>
    <t>-0.033286982310741564</t>
  </si>
  <si>
    <t>5.290660381317139</t>
  </si>
  <si>
    <t>595.4871826171875</t>
  </si>
  <si>
    <t>-0.012500445843294017</t>
  </si>
  <si>
    <t>45302</t>
  </si>
  <si>
    <t>6.00054931640625</t>
  </si>
  <si>
    <t>620.4446411132812</t>
  </si>
  <si>
    <t>0.03182418027763134</t>
  </si>
  <si>
    <t>43812</t>
  </si>
  <si>
    <t>5.280545711517334</t>
  </si>
  <si>
    <t>615.64990234375</t>
  </si>
  <si>
    <t>-0.033443429163275695</t>
  </si>
  <si>
    <t>43688</t>
  </si>
  <si>
    <t>5.617883682250977</t>
  </si>
  <si>
    <t>690.151123046875</t>
  </si>
  <si>
    <t>-0.0028342876116482785</t>
  </si>
  <si>
    <t>4.752160549163818</t>
  </si>
  <si>
    <t>783.452880859375</t>
  </si>
  <si>
    <t>0.05573315807072632</t>
  </si>
  <si>
    <t>45674</t>
  </si>
  <si>
    <t>5.198087215423584</t>
  </si>
  <si>
    <t>565.3965454101562</t>
  </si>
  <si>
    <t>-0.011277414711178935</t>
  </si>
  <si>
    <t>44726</t>
  </si>
  <si>
    <t>6.102324962615967</t>
  </si>
  <si>
    <t>709.6611938476562</t>
  </si>
  <si>
    <t>-0.020974220204873717</t>
  </si>
  <si>
    <t>42295</t>
  </si>
  <si>
    <t>6.188216686248779</t>
  </si>
  <si>
    <t>712.0588989257812</t>
  </si>
  <si>
    <t>-0.05588611224854745</t>
  </si>
  <si>
    <t>43389</t>
  </si>
  <si>
    <t>4.834995746612549</t>
  </si>
  <si>
    <t>651.0098266601562</t>
  </si>
  <si>
    <t>0.025537077003725983</t>
  </si>
  <si>
    <t>43963</t>
  </si>
  <si>
    <t>5.588486194610596</t>
  </si>
  <si>
    <t>639.4224243164062</t>
  </si>
  <si>
    <t>0.013142418305262638</t>
  </si>
  <si>
    <t>4.38486909866333</t>
  </si>
  <si>
    <t>555.312744140625</t>
  </si>
  <si>
    <t>144.69894409179688</t>
  </si>
  <si>
    <t>Southern Ostrobothnia</t>
  </si>
  <si>
    <t>21624</t>
  </si>
  <si>
    <t>3.901421308517456</t>
  </si>
  <si>
    <t>567.2738037109375</t>
  </si>
  <si>
    <t>-0.06724019573989892</t>
  </si>
  <si>
    <t>20771</t>
  </si>
  <si>
    <t>3.975909948348999</t>
  </si>
  <si>
    <t>638.7887573242188</t>
  </si>
  <si>
    <t>-0.04024602588017423</t>
  </si>
  <si>
    <t>20512</t>
  </si>
  <si>
    <t>2.7924611568450928</t>
  </si>
  <si>
    <t>565.201171875</t>
  </si>
  <si>
    <t>-0.012547702355712786</t>
  </si>
  <si>
    <t>21211</t>
  </si>
  <si>
    <t>3.179032325744629</t>
  </si>
  <si>
    <t>496.3495178222656</t>
  </si>
  <si>
    <t>0.033509834298820707</t>
  </si>
  <si>
    <t>21998</t>
  </si>
  <si>
    <t>3.628718137741089</t>
  </si>
  <si>
    <t>486.5082702636719</t>
  </si>
  <si>
    <t>0.03643162509784581</t>
  </si>
  <si>
    <t>22700</t>
  </si>
  <si>
    <t>2.694438934326172</t>
  </si>
  <si>
    <t>546.1708374023438</t>
  </si>
  <si>
    <t>0.03141338435243135</t>
  </si>
  <si>
    <t>24035</t>
  </si>
  <si>
    <t>3.7982900142669678</t>
  </si>
  <si>
    <t>545.052001953125</t>
  </si>
  <si>
    <t>0.05714617685856638</t>
  </si>
  <si>
    <t>25247</t>
  </si>
  <si>
    <t>2.4445135593414307</t>
  </si>
  <si>
    <t>688.4659423828125</t>
  </si>
  <si>
    <t>0.04919623543556639</t>
  </si>
  <si>
    <t>4.136839389801025</t>
  </si>
  <si>
    <t>546.5574340820312</t>
  </si>
  <si>
    <t>0.03930145063692159</t>
  </si>
  <si>
    <t>27682</t>
  </si>
  <si>
    <t>4.861696720123291</t>
  </si>
  <si>
    <t>679.7667236328125</t>
  </si>
  <si>
    <t>0.0527735950560988</t>
  </si>
  <si>
    <t>28318</t>
  </si>
  <si>
    <t>3.100099563598633</t>
  </si>
  <si>
    <t>635.685791015625</t>
  </si>
  <si>
    <t>0.022715262388269153</t>
  </si>
  <si>
    <t>28803</t>
  </si>
  <si>
    <t>3.0423643589019775</t>
  </si>
  <si>
    <t>479.37579345703125</t>
  </si>
  <si>
    <t>0.016981903520816743</t>
  </si>
  <si>
    <t>3.850372314453125</t>
  </si>
  <si>
    <t>478.3221130371094</t>
  </si>
  <si>
    <t>0.047726548089118026</t>
  </si>
  <si>
    <t>4.1618332862854</t>
  </si>
  <si>
    <t>659.329345703125</t>
  </si>
  <si>
    <t>0.03697627217083088</t>
  </si>
  <si>
    <t>4.007211208343506</t>
  </si>
  <si>
    <t>548.416015625</t>
  </si>
  <si>
    <t>0.03639612496542277</t>
  </si>
  <si>
    <t>34040</t>
  </si>
  <si>
    <t>4.353220462799072</t>
  </si>
  <si>
    <t>535.8836669921875</t>
  </si>
  <si>
    <t>0.045957810096206586</t>
  </si>
  <si>
    <t>4.52446985244751</t>
  </si>
  <si>
    <t>597.5242919921875</t>
  </si>
  <si>
    <t>0.08643100884363086</t>
  </si>
  <si>
    <t>4.441355228424072</t>
  </si>
  <si>
    <t>636.0585327148438</t>
  </si>
  <si>
    <t>0.0018843550315743585</t>
  </si>
  <si>
    <t>2.9445626735687256</t>
  </si>
  <si>
    <t>504.0538635253906</t>
  </si>
  <si>
    <t>-0.06345080195214692</t>
  </si>
  <si>
    <t>2.7173755168914795</t>
  </si>
  <si>
    <t>558.88525390625</t>
  </si>
  <si>
    <t>0.03886575961870342</t>
  </si>
  <si>
    <t>37557</t>
  </si>
  <si>
    <t>4.651795387268066</t>
  </si>
  <si>
    <t>624.0281982421875</t>
  </si>
  <si>
    <t>0.0345931536986992</t>
  </si>
  <si>
    <t>37457</t>
  </si>
  <si>
    <t>3.0953848361968994</t>
  </si>
  <si>
    <t>670.6421508789062</t>
  </si>
  <si>
    <t>-0.0026661705611541464</t>
  </si>
  <si>
    <t>37101</t>
  </si>
  <si>
    <t>4.389074802398682</t>
  </si>
  <si>
    <t>-0.009549684956450477</t>
  </si>
  <si>
    <t>37162</t>
  </si>
  <si>
    <t>5.1723151206970215</t>
  </si>
  <si>
    <t>559.9301147460938</t>
  </si>
  <si>
    <t>0.0016428103825329998</t>
  </si>
  <si>
    <t>4.481447696685791</t>
  </si>
  <si>
    <t>584.4880981445312</t>
  </si>
  <si>
    <t>-0.015730417656829587</t>
  </si>
  <si>
    <t>4.8707404136657715</t>
  </si>
  <si>
    <t>553.609619140625</t>
  </si>
  <si>
    <t>0.0026480680493712327</t>
  </si>
  <si>
    <t>38298</t>
  </si>
  <si>
    <t>3.9650278091430664</t>
  </si>
  <si>
    <t>595.2530517578125</t>
  </si>
  <si>
    <t>0.04319329129886995</t>
  </si>
  <si>
    <t>38182</t>
  </si>
  <si>
    <t>4.482060432434082</t>
  </si>
  <si>
    <t>397.4658203125</t>
  </si>
  <si>
    <t>-0.003033475129507579</t>
  </si>
  <si>
    <t>39518</t>
  </si>
  <si>
    <t>5.2010111808776855</t>
  </si>
  <si>
    <t>619.3255004882812</t>
  </si>
  <si>
    <t>0.03439206393915839</t>
  </si>
  <si>
    <t>39157</t>
  </si>
  <si>
    <t>5.3705902099609375</t>
  </si>
  <si>
    <t>622.7954711914062</t>
  </si>
  <si>
    <t>-0.00917705836839211</t>
  </si>
  <si>
    <t>40170</t>
  </si>
  <si>
    <t>4.074442386627197</t>
  </si>
  <si>
    <t>594.499755859375</t>
  </si>
  <si>
    <t>0.0255412424279573</t>
  </si>
  <si>
    <t>40701</t>
  </si>
  <si>
    <t>4.858491897583008</t>
  </si>
  <si>
    <t>535.4766235351562</t>
  </si>
  <si>
    <t>0.013132213800089332</t>
  </si>
  <si>
    <t>22539</t>
  </si>
  <si>
    <t>4.516786098480225</t>
  </si>
  <si>
    <t>613.1205444335938</t>
  </si>
  <si>
    <t>180.924072265625</t>
  </si>
  <si>
    <t>Southern Savonia</t>
  </si>
  <si>
    <t>21074</t>
  </si>
  <si>
    <t>4.121944427490234</t>
  </si>
  <si>
    <t>664.893310546875</t>
  </si>
  <si>
    <t>-0.06720708887779736</t>
  </si>
  <si>
    <t>4.17263126373291</t>
  </si>
  <si>
    <t>601.5579223632812</t>
  </si>
  <si>
    <t>-0.04023099839789701</t>
  </si>
  <si>
    <t>19990</t>
  </si>
  <si>
    <t>2.921359062194824</t>
  </si>
  <si>
    <t>582.672119140625</t>
  </si>
  <si>
    <t>-0.012576906267129928</t>
  </si>
  <si>
    <t>20671</t>
  </si>
  <si>
    <t>3.4251556396484375</t>
  </si>
  <si>
    <t>639.9739379882812</t>
  </si>
  <si>
    <t>0.03349960330479007</t>
  </si>
  <si>
    <t>3.9366343021392822</t>
  </si>
  <si>
    <t>559.6716918945312</t>
  </si>
  <si>
    <t>0.0364332964522287</t>
  </si>
  <si>
    <t>22123</t>
  </si>
  <si>
    <t>2.9943370819091797</t>
  </si>
  <si>
    <t>623.3427124023438</t>
  </si>
  <si>
    <t>0.03145274305852119</t>
  </si>
  <si>
    <t>23424</t>
  </si>
  <si>
    <t>3.9345757961273193</t>
  </si>
  <si>
    <t>601.6929931640625</t>
  </si>
  <si>
    <t>0.0571433464510509</t>
  </si>
  <si>
    <t>24605</t>
  </si>
  <si>
    <t>2.530665159225464</t>
  </si>
  <si>
    <t>693.7380981445312</t>
  </si>
  <si>
    <t>0.04918853653904165</t>
  </si>
  <si>
    <t>4.396465301513672</t>
  </si>
  <si>
    <t>548.3106079101562</t>
  </si>
  <si>
    <t>0.039291052854991904</t>
  </si>
  <si>
    <t>26978</t>
  </si>
  <si>
    <t>5.183948040008545</t>
  </si>
  <si>
    <t>656.7797241210938</t>
  </si>
  <si>
    <t>0.05278099187455432</t>
  </si>
  <si>
    <t>3.3288145065307617</t>
  </si>
  <si>
    <t>632.5210571289062</t>
  </si>
  <si>
    <t>0.02716852965960115</t>
  </si>
  <si>
    <t>3.215102434158325</t>
  </si>
  <si>
    <t>498.4336242675781</t>
  </si>
  <si>
    <t>0.023776271955647132</t>
  </si>
  <si>
    <t>4.192244529724121</t>
  </si>
  <si>
    <t>637.2673950195312</t>
  </si>
  <si>
    <t>0.04891093225459997</t>
  </si>
  <si>
    <t>4.410656452178955</t>
  </si>
  <si>
    <t>755.7218627929688</t>
  </si>
  <si>
    <t>0.05033681416159297</t>
  </si>
  <si>
    <t>32386</t>
  </si>
  <si>
    <t>4.296214580535889</t>
  </si>
  <si>
    <t>574.1508178710938</t>
  </si>
  <si>
    <t>0.03251196357235031</t>
  </si>
  <si>
    <t>33190</t>
  </si>
  <si>
    <t>4.51751184463501</t>
  </si>
  <si>
    <t>558.7106323242188</t>
  </si>
  <si>
    <t>0.024522395080603943</t>
  </si>
  <si>
    <t>4.7739715576171875</t>
  </si>
  <si>
    <t>621.27392578125</t>
  </si>
  <si>
    <t>0.08468115584630809</t>
  </si>
  <si>
    <t>34905</t>
  </si>
  <si>
    <t>4.65040922164917</t>
  </si>
  <si>
    <t>740.4945678710938</t>
  </si>
  <si>
    <t>-0.034299696155827064</t>
  </si>
  <si>
    <t>3.182013750076294</t>
  </si>
  <si>
    <t>611.373291015625</t>
  </si>
  <si>
    <t>-0.0770366778598568</t>
  </si>
  <si>
    <t>33906</t>
  </si>
  <si>
    <t>3.1103713512420654</t>
  </si>
  <si>
    <t>616.2554321289062</t>
  </si>
  <si>
    <t>0.04799858231325338</t>
  </si>
  <si>
    <t>4.989377021789551</t>
  </si>
  <si>
    <t>695.5531616210938</t>
  </si>
  <si>
    <t>0.02421341142248501</t>
  </si>
  <si>
    <t>3.354837417602539</t>
  </si>
  <si>
    <t>786.0228271484375</t>
  </si>
  <si>
    <t>0.012871294909231779</t>
  </si>
  <si>
    <t>35009</t>
  </si>
  <si>
    <t>4.798466205596924</t>
  </si>
  <si>
    <t>580.2323608398438</t>
  </si>
  <si>
    <t>-0.00507152491647922</t>
  </si>
  <si>
    <t>36022</t>
  </si>
  <si>
    <t>5.497291088104248</t>
  </si>
  <si>
    <t>611.2315673828125</t>
  </si>
  <si>
    <t>0.028524691623866616</t>
  </si>
  <si>
    <t>4.842106342315674</t>
  </si>
  <si>
    <t>617.6357421875</t>
  </si>
  <si>
    <t>-0.02186293493680047</t>
  </si>
  <si>
    <t>5.209129810333252</t>
  </si>
  <si>
    <t>669.0230712890625</t>
  </si>
  <si>
    <t>0.03600377726511539</t>
  </si>
  <si>
    <t>4.285984516143799</t>
  </si>
  <si>
    <t>749.4963989257812</t>
  </si>
  <si>
    <t>0.017258182120823307</t>
  </si>
  <si>
    <t>4.698324680328369</t>
  </si>
  <si>
    <t>537.5238647460938</t>
  </si>
  <si>
    <t>0.017652850277842802</t>
  </si>
  <si>
    <t>37765</t>
  </si>
  <si>
    <t>5.5606536865234375</t>
  </si>
  <si>
    <t>690.6580200195312</t>
  </si>
  <si>
    <t>-0.001798989876435897</t>
  </si>
  <si>
    <t>37274</t>
  </si>
  <si>
    <t>5.681249141693115</t>
  </si>
  <si>
    <t>691.4173583984375</t>
  </si>
  <si>
    <t>-0.013086715106936708</t>
  </si>
  <si>
    <t>38239</t>
  </si>
  <si>
    <t>4.331660747528076</t>
  </si>
  <si>
    <t>646.1472778320312</t>
  </si>
  <si>
    <t>0.025559904555178647</t>
  </si>
  <si>
    <t>38744</t>
  </si>
  <si>
    <t>5.127208232879639</t>
  </si>
  <si>
    <t>634.1616821289062</t>
  </si>
  <si>
    <t>0.013119967887275763</t>
  </si>
  <si>
    <t>26640</t>
  </si>
  <si>
    <t>5.124599933624268</t>
  </si>
  <si>
    <t>674.9306640625</t>
  </si>
  <si>
    <t>170.92074584960938</t>
  </si>
  <si>
    <t>Tavastia Proper</t>
  </si>
  <si>
    <t>24908</t>
  </si>
  <si>
    <t>4.688013553619385</t>
  </si>
  <si>
    <t>621.3846435546875</t>
  </si>
  <si>
    <t>-0.0672248086619831</t>
  </si>
  <si>
    <t>23926</t>
  </si>
  <si>
    <t>4.761178493499756</t>
  </si>
  <si>
    <t>628.2415771484375</t>
  </si>
  <si>
    <t>-0.04022330326149337</t>
  </si>
  <si>
    <t>23627</t>
  </si>
  <si>
    <t>3.575134515762329</t>
  </si>
  <si>
    <t>574.6264038085938</t>
  </si>
  <si>
    <t>-0.01257560786737244</t>
  </si>
  <si>
    <t>24432</t>
  </si>
  <si>
    <t>3.8703343868255615</t>
  </si>
  <si>
    <t>618.1407470703125</t>
  </si>
  <si>
    <t>0.033503622594937</t>
  </si>
  <si>
    <t>25338</t>
  </si>
  <si>
    <t>4.384028911590576</t>
  </si>
  <si>
    <t>573.711669921875</t>
  </si>
  <si>
    <t>0.03641149670358601</t>
  </si>
  <si>
    <t>3.4275026321411133</t>
  </si>
  <si>
    <t>631.3238525390625</t>
  </si>
  <si>
    <t>0.031467460570620887</t>
  </si>
  <si>
    <t>27686</t>
  </si>
  <si>
    <t>4.5516276359558105</t>
  </si>
  <si>
    <t>591.6299438476562</t>
  </si>
  <si>
    <t>0.057154164515059946</t>
  </si>
  <si>
    <t>3.303156614303589</t>
  </si>
  <si>
    <t>706.0652465820312</t>
  </si>
  <si>
    <t>0.04919255582575133</t>
  </si>
  <si>
    <t>4.937560081481934</t>
  </si>
  <si>
    <t>570.2468872070312</t>
  </si>
  <si>
    <t>0.039277579913814975</t>
  </si>
  <si>
    <t>31886</t>
  </si>
  <si>
    <t>5.622543811798096</t>
  </si>
  <si>
    <t>645.3779907226562</t>
  </si>
  <si>
    <t>0.05277003598006402</t>
  </si>
  <si>
    <t>33255</t>
  </si>
  <si>
    <t>4.026821613311768</t>
  </si>
  <si>
    <t>678.0879516601562</t>
  </si>
  <si>
    <t>0.042038089751210705</t>
  </si>
  <si>
    <t>33088</t>
  </si>
  <si>
    <t>3.899306535720825</t>
  </si>
  <si>
    <t>452.8308410644531</t>
  </si>
  <si>
    <t>-0.005034452850420479</t>
  </si>
  <si>
    <t>4.481715679168701</t>
  </si>
  <si>
    <t>557.9845581054688</t>
  </si>
  <si>
    <t>0.05509107850302897</t>
  </si>
  <si>
    <t>4.91088342666626</t>
  </si>
  <si>
    <t>775.2689208984375</t>
  </si>
  <si>
    <t>0.05156212158761875</t>
  </si>
  <si>
    <t>37045</t>
  </si>
  <si>
    <t>4.590551853179932</t>
  </si>
  <si>
    <t>583.2233276367188</t>
  </si>
  <si>
    <t>0.0063095108920094845</t>
  </si>
  <si>
    <t>5.14357328414917</t>
  </si>
  <si>
    <t>580.4231567382812</t>
  </si>
  <si>
    <t>0.020069887051759494</t>
  </si>
  <si>
    <t>5.286960124969482</t>
  </si>
  <si>
    <t>648.8114013671875</t>
  </si>
  <si>
    <t>0.03169164699938598</t>
  </si>
  <si>
    <t>40931</t>
  </si>
  <si>
    <t>5.307027816772461</t>
  </si>
  <si>
    <t>707.681396484375</t>
  </si>
  <si>
    <t>0.04799279824309011</t>
  </si>
  <si>
    <t>3.691880941390991</t>
  </si>
  <si>
    <t>557.43798828125</t>
  </si>
  <si>
    <t>-0.13285103623110217</t>
  </si>
  <si>
    <t>36650</t>
  </si>
  <si>
    <t>3.614612340927124</t>
  </si>
  <si>
    <t>610.1654663085938</t>
  </si>
  <si>
    <t>0.02237674240090648</t>
  </si>
  <si>
    <t>38325</t>
  </si>
  <si>
    <t>5.367061138153076</t>
  </si>
  <si>
    <t>699.0721435546875</t>
  </si>
  <si>
    <t>0.04468899642521684</t>
  </si>
  <si>
    <t>40539</t>
  </si>
  <si>
    <t>3.8695619106292725</t>
  </si>
  <si>
    <t>776.6932983398438</t>
  </si>
  <si>
    <t>0.05616204896618093</t>
  </si>
  <si>
    <t>39258</t>
  </si>
  <si>
    <t>5.183330535888672</t>
  </si>
  <si>
    <t>556.6237182617188</t>
  </si>
  <si>
    <t>-0.03210922860840171</t>
  </si>
  <si>
    <t>5.977972507476807</t>
  </si>
  <si>
    <t>617.1264038085938</t>
  </si>
  <si>
    <t>-0.029809737997576136</t>
  </si>
  <si>
    <t>37744</t>
  </si>
  <si>
    <t>5.227847576141357</t>
  </si>
  <si>
    <t>596.32666015625</t>
  </si>
  <si>
    <t>-0.009518984452761003</t>
  </si>
  <si>
    <t>38585</t>
  </si>
  <si>
    <t>5.510810852050781</t>
  </si>
  <si>
    <t>598.1817626953125</t>
  </si>
  <si>
    <t>0.022037077244247527</t>
  </si>
  <si>
    <t>4.72817325592041</t>
  </si>
  <si>
    <t>715.6182861328125</t>
  </si>
  <si>
    <t>0.02171406949350896</t>
  </si>
  <si>
    <t>5.156635761260986</t>
  </si>
  <si>
    <t>482.37274169921875</t>
  </si>
  <si>
    <t>-0.015255767531465736</t>
  </si>
  <si>
    <t>6.056189060211182</t>
  </si>
  <si>
    <t>682.6461791992188</t>
  </si>
  <si>
    <t>0.029907491006614606</t>
  </si>
  <si>
    <t>40321</t>
  </si>
  <si>
    <t>6.076059818267822</t>
  </si>
  <si>
    <t>708.7949829101562</t>
  </si>
  <si>
    <t>0.007643032164635244</t>
  </si>
  <si>
    <t>41364</t>
  </si>
  <si>
    <t>4.823260307312012</t>
  </si>
  <si>
    <t>652.3555297851562</t>
  </si>
  <si>
    <t>0.025538512279869252</t>
  </si>
  <si>
    <t>41911</t>
  </si>
  <si>
    <t>5.521556854248047</t>
  </si>
  <si>
    <t>577.3660888671875</t>
  </si>
  <si>
    <t>0.013137384983371803</t>
  </si>
  <si>
    <t>6.782894134521484</t>
  </si>
  <si>
    <t>570.3731079101562</t>
  </si>
  <si>
    <t>46.05061340332031</t>
  </si>
  <si>
    <t>ÔøΩland</t>
  </si>
  <si>
    <t>5.938563823699951</t>
  </si>
  <si>
    <t>465.9744567871094</t>
  </si>
  <si>
    <t>-0.0672193285695517</t>
  </si>
  <si>
    <t>6.3699164390563965</t>
  </si>
  <si>
    <t>544.426513671875</t>
  </si>
  <si>
    <t>-0.040231511849626145</t>
  </si>
  <si>
    <t>35867</t>
  </si>
  <si>
    <t>5.394834995269775</t>
  </si>
  <si>
    <t>501.5020751953125</t>
  </si>
  <si>
    <t>-0.012550901036407325</t>
  </si>
  <si>
    <t>37088</t>
  </si>
  <si>
    <t>5.804886341094971</t>
  </si>
  <si>
    <t>524.1989135742188</t>
  </si>
  <si>
    <t>0.03347581446065462</t>
  </si>
  <si>
    <t>5.584010601043701</t>
  </si>
  <si>
    <t>483.9203796386719</t>
  </si>
  <si>
    <t>0.036429271755402226</t>
  </si>
  <si>
    <t>39693</t>
  </si>
  <si>
    <t>4.744016170501709</t>
  </si>
  <si>
    <t>448.5229187011719</t>
  </si>
  <si>
    <t>0.03145211081564092</t>
  </si>
  <si>
    <t>42027</t>
  </si>
  <si>
    <t>6.238346576690674</t>
  </si>
  <si>
    <t>551.1567993164062</t>
  </si>
  <si>
    <t>0.05713741915370285</t>
  </si>
  <si>
    <t>5.283711910247803</t>
  </si>
  <si>
    <t>559.8832397460938</t>
  </si>
  <si>
    <t>0.04921270568928904</t>
  </si>
  <si>
    <t>6.53190279006958</t>
  </si>
  <si>
    <t>503.9045715332031</t>
  </si>
  <si>
    <t>0.0392668864941097</t>
  </si>
  <si>
    <t>48404</t>
  </si>
  <si>
    <t>6.994880199432373</t>
  </si>
  <si>
    <t>631.9879150390625</t>
  </si>
  <si>
    <t>0.052790593870319924</t>
  </si>
  <si>
    <t>55326</t>
  </si>
  <si>
    <t>5.837275981903076</t>
  </si>
  <si>
    <t>526.248046875</t>
  </si>
  <si>
    <t>0.13366050584925304</t>
  </si>
  <si>
    <t>55410</t>
  </si>
  <si>
    <t>6.136159420013428</t>
  </si>
  <si>
    <t>407.9891052246094</t>
  </si>
  <si>
    <t>0.001517122094199408</t>
  </si>
  <si>
    <t>55642</t>
  </si>
  <si>
    <t>6.127952575683594</t>
  </si>
  <si>
    <t>479.27020263671875</t>
  </si>
  <si>
    <t>0.004178228893014335</t>
  </si>
  <si>
    <t>56822</t>
  </si>
  <si>
    <t>6.453248977661133</t>
  </si>
  <si>
    <t>495.0828857421875</t>
  </si>
  <si>
    <t>0.02098526290794034</t>
  </si>
  <si>
    <t>57257</t>
  </si>
  <si>
    <t>6.12511682510376</t>
  </si>
  <si>
    <t>473.0475158691406</t>
  </si>
  <si>
    <t>0.007626331022036581</t>
  </si>
  <si>
    <t>57861</t>
  </si>
  <si>
    <t>7.044663906097412</t>
  </si>
  <si>
    <t>562.4904174804688</t>
  </si>
  <si>
    <t>0.010493676793519313</t>
  </si>
  <si>
    <t>6.740110397338867</t>
  </si>
  <si>
    <t>516.6537475585938</t>
  </si>
  <si>
    <t>-0.012784227964159456</t>
  </si>
  <si>
    <t>54299</t>
  </si>
  <si>
    <t>6.7927727699279785</t>
  </si>
  <si>
    <t>579.8015747070312</t>
  </si>
  <si>
    <t>-0.05075354396756104</t>
  </si>
  <si>
    <t>56069</t>
  </si>
  <si>
    <t>5.683324813842773</t>
  </si>
  <si>
    <t>511.41046142578125</t>
  </si>
  <si>
    <t>0.032077264563195484</t>
  </si>
  <si>
    <t>55458</t>
  </si>
  <si>
    <t>4.845608711242676</t>
  </si>
  <si>
    <t>539.369384765625</t>
  </si>
  <si>
    <t>-0.010957097616547173</t>
  </si>
  <si>
    <t>55286</t>
  </si>
  <si>
    <t>6.755914211273193</t>
  </si>
  <si>
    <t>479.38433837890625</t>
  </si>
  <si>
    <t>-0.0031062655909259718</t>
  </si>
  <si>
    <t>57940</t>
  </si>
  <si>
    <t>5.695735454559326</t>
  </si>
  <si>
    <t>630.2023315429688</t>
  </si>
  <si>
    <t>0.04688828042143456</t>
  </si>
  <si>
    <t>57887</t>
  </si>
  <si>
    <t>6.297669887542725</t>
  </si>
  <si>
    <t>444.9490661621094</t>
  </si>
  <si>
    <t>-0.0009151580149548977</t>
  </si>
  <si>
    <t>57599</t>
  </si>
  <si>
    <t>7.431948184967041</t>
  </si>
  <si>
    <t>514.6942138671875</t>
  </si>
  <si>
    <t>-0.004987627886221091</t>
  </si>
  <si>
    <t>57172</t>
  </si>
  <si>
    <t>6.399560451507568</t>
  </si>
  <si>
    <t>499.23077392578125</t>
  </si>
  <si>
    <t>-0.007440938393159513</t>
  </si>
  <si>
    <t>56035</t>
  </si>
  <si>
    <t>6.556947708129883</t>
  </si>
  <si>
    <t>465.1452331542969</t>
  </si>
  <si>
    <t>-0.020087772542877858</t>
  </si>
  <si>
    <t>56161</t>
  </si>
  <si>
    <t>6.14861536026001</t>
  </si>
  <si>
    <t>567.7849731445312</t>
  </si>
  <si>
    <t>0.00224607032284041</t>
  </si>
  <si>
    <t>50980</t>
  </si>
  <si>
    <t>6.743072032928467</t>
  </si>
  <si>
    <t>398.76947021484375</t>
  </si>
  <si>
    <t>-0.09678916687886208</t>
  </si>
  <si>
    <t>52151</t>
  </si>
  <si>
    <t>7.341227054595947</t>
  </si>
  <si>
    <t>564.7670288085938</t>
  </si>
  <si>
    <t>0.02270995777038287</t>
  </si>
  <si>
    <t>45023</t>
  </si>
  <si>
    <t>7.298650741577148</t>
  </si>
  <si>
    <t>564.8712768554688</t>
  </si>
  <si>
    <t>-0.14696988640971576</t>
  </si>
  <si>
    <t>46188</t>
  </si>
  <si>
    <t>6.320860385894775</t>
  </si>
  <si>
    <t>503.4439697265625</t>
  </si>
  <si>
    <t>0.02554655378097337</t>
  </si>
  <si>
    <t>6.84865140914917</t>
  </si>
  <si>
    <t>499.0863952636719</t>
  </si>
  <si>
    <t>0.013141811084334876</t>
  </si>
  <si>
    <t>FRA</t>
  </si>
  <si>
    <t>28973</t>
  </si>
  <si>
    <t>10.416694641113281</t>
  </si>
  <si>
    <t>981.9954833984375</t>
  </si>
  <si>
    <t>137.28872680664062</t>
  </si>
  <si>
    <t>Ain</t>
  </si>
  <si>
    <t>France</t>
  </si>
  <si>
    <t>29022</t>
  </si>
  <si>
    <t>9.513087272644043</t>
  </si>
  <si>
    <t>820.4346313476562</t>
  </si>
  <si>
    <t>0.001689801246993028</t>
  </si>
  <si>
    <t>29342</t>
  </si>
  <si>
    <t>10.378857612609863</t>
  </si>
  <si>
    <t>1047.779541015625</t>
  </si>
  <si>
    <t>0.010965773648552002</t>
  </si>
  <si>
    <t>9.566917419433594</t>
  </si>
  <si>
    <t>1203.357666015625</t>
  </si>
  <si>
    <t>-0.010586822649271355</t>
  </si>
  <si>
    <t>10.836743354797363</t>
  </si>
  <si>
    <t>1103.6290283203125</t>
  </si>
  <si>
    <t>0.019645255100821046</t>
  </si>
  <si>
    <t>10.200251579284668</t>
  </si>
  <si>
    <t>1043.06005859375</t>
  </si>
  <si>
    <t>0.01727702264181552</t>
  </si>
  <si>
    <t>30442</t>
  </si>
  <si>
    <t>9.063311576843262</t>
  </si>
  <si>
    <t>990.101318359375</t>
  </si>
  <si>
    <t>0.010467842046656628</t>
  </si>
  <si>
    <t>10.862640380859375</t>
  </si>
  <si>
    <t>924.5353393554688</t>
  </si>
  <si>
    <t>0.019550106271818635</t>
  </si>
  <si>
    <t>32038</t>
  </si>
  <si>
    <t>10.112863540649414</t>
  </si>
  <si>
    <t>950.4661865234375</t>
  </si>
  <si>
    <t>0.031549358149998596</t>
  </si>
  <si>
    <t>32964</t>
  </si>
  <si>
    <t>10.179305076599121</t>
  </si>
  <si>
    <t>1166.224609375</t>
  </si>
  <si>
    <t>0.028493358621844322</t>
  </si>
  <si>
    <t>11.003632545471191</t>
  </si>
  <si>
    <t>1101.382080078125</t>
  </si>
  <si>
    <t>0.03165010105019661</t>
  </si>
  <si>
    <t>10.029305458068848</t>
  </si>
  <si>
    <t>1061.7496337890625</t>
  </si>
  <si>
    <t>0.019183495409961893</t>
  </si>
  <si>
    <t>33990</t>
  </si>
  <si>
    <t>10.56624698638916</t>
  </si>
  <si>
    <t>1100.33740234375</t>
  </si>
  <si>
    <t>-0.020183289653269654</t>
  </si>
  <si>
    <t>33217</t>
  </si>
  <si>
    <t>10.737862586975098</t>
  </si>
  <si>
    <t>837.8159790039062</t>
  </si>
  <si>
    <t>-0.02300457064475303</t>
  </si>
  <si>
    <t>34310</t>
  </si>
  <si>
    <t>10.070077896118164</t>
  </si>
  <si>
    <t>910.3261108398438</t>
  </si>
  <si>
    <t>0.03237506380708588</t>
  </si>
  <si>
    <t>9.795524597167969</t>
  </si>
  <si>
    <t>806.404052734375</t>
  </si>
  <si>
    <t>0.00444942789806646</t>
  </si>
  <si>
    <t>35096</t>
  </si>
  <si>
    <t>11.041693687438965</t>
  </si>
  <si>
    <t>1067.5531005859375</t>
  </si>
  <si>
    <t>0.018200879095488176</t>
  </si>
  <si>
    <t>10.391918182373047</t>
  </si>
  <si>
    <t>1092.4246826171875</t>
  </si>
  <si>
    <t>0.0032713699221833537</t>
  </si>
  <si>
    <t>9.77480411529541</t>
  </si>
  <si>
    <t>1056.785400390625</t>
  </si>
  <si>
    <t>0.0055510069186279765</t>
  </si>
  <si>
    <t>10.52074909210205</t>
  </si>
  <si>
    <t>902.57470703125</t>
  </si>
  <si>
    <t>-0.061772652540190265</t>
  </si>
  <si>
    <t>32589</t>
  </si>
  <si>
    <t>9.641469955444336</t>
  </si>
  <si>
    <t>959.106201171875</t>
  </si>
  <si>
    <t>-0.02116208004481024</t>
  </si>
  <si>
    <t>33297</t>
  </si>
  <si>
    <t>11.192364692687988</t>
  </si>
  <si>
    <t>874.79345703125</t>
  </si>
  <si>
    <t>0.02149249471822756</t>
  </si>
  <si>
    <t>32556</t>
  </si>
  <si>
    <t>10.271196365356445</t>
  </si>
  <si>
    <t>1069.8900146484375</t>
  </si>
  <si>
    <t>-0.022505619373156094</t>
  </si>
  <si>
    <t>32639</t>
  </si>
  <si>
    <t>10.033808708190918</t>
  </si>
  <si>
    <t>1200.27880859375</t>
  </si>
  <si>
    <t>0.002546208906878178</t>
  </si>
  <si>
    <t>11.125475883483887</t>
  </si>
  <si>
    <t>1045.4912109375</t>
  </si>
  <si>
    <t>-0.003929398762705816</t>
  </si>
  <si>
    <t>32447</t>
  </si>
  <si>
    <t>11.255200386047363</t>
  </si>
  <si>
    <t>839.66015625</t>
  </si>
  <si>
    <t>-0.0019705046555849037</t>
  </si>
  <si>
    <t>10.184704780578613</t>
  </si>
  <si>
    <t>918.2371215820312</t>
  </si>
  <si>
    <t>0.016535870017726495</t>
  </si>
  <si>
    <t>32880</t>
  </si>
  <si>
    <t>11.23786449432373</t>
  </si>
  <si>
    <t>996.0682373046875</t>
  </si>
  <si>
    <t>-0.0032792887831298856</t>
  </si>
  <si>
    <t>33218</t>
  </si>
  <si>
    <t>11.157913208007812</t>
  </si>
  <si>
    <t>800.8735961914062</t>
  </si>
  <si>
    <t>0.010227327488827598</t>
  </si>
  <si>
    <t>11.567588806152344</t>
  </si>
  <si>
    <t>922.646728515625</t>
  </si>
  <si>
    <t>0.00863262959453337</t>
  </si>
  <si>
    <t>31419</t>
  </si>
  <si>
    <t>11.478856086730957</t>
  </si>
  <si>
    <t>976.2174682617188</t>
  </si>
  <si>
    <t>-0.06431172181222244</t>
  </si>
  <si>
    <t>33333</t>
  </si>
  <si>
    <t>10.371644020080566</t>
  </si>
  <si>
    <t>945.7800903320312</t>
  </si>
  <si>
    <t>0.05913509181086418</t>
  </si>
  <si>
    <t>34035</t>
  </si>
  <si>
    <t>12.220523834228516</t>
  </si>
  <si>
    <t>843.045166015625</t>
  </si>
  <si>
    <t>0.02084150962993192</t>
  </si>
  <si>
    <t>25376</t>
  </si>
  <si>
    <t>11.226276397705078</t>
  </si>
  <si>
    <t>605.8512573242188</t>
  </si>
  <si>
    <t>253.80526733398438</t>
  </si>
  <si>
    <t>Aisne</t>
  </si>
  <si>
    <t>25420</t>
  </si>
  <si>
    <t>10.102971076965332</t>
  </si>
  <si>
    <t>536.5487060546875</t>
  </si>
  <si>
    <t>0.0017324203088708856</t>
  </si>
  <si>
    <t>25700</t>
  </si>
  <si>
    <t>11.180401802062988</t>
  </si>
  <si>
    <t>694.3509521484375</t>
  </si>
  <si>
    <t>0.010954726139866366</t>
  </si>
  <si>
    <t>25429</t>
  </si>
  <si>
    <t>10.394158363342285</t>
  </si>
  <si>
    <t>716.2965087890625</t>
  </si>
  <si>
    <t>-0.010600736873843886</t>
  </si>
  <si>
    <t>25933</t>
  </si>
  <si>
    <t>11.446269989013672</t>
  </si>
  <si>
    <t>803.2400512695312</t>
  </si>
  <si>
    <t>0.019626033935862708</t>
  </si>
  <si>
    <t>26385</t>
  </si>
  <si>
    <t>10.914627075195312</t>
  </si>
  <si>
    <t>584.5136108398438</t>
  </si>
  <si>
    <t>0.017279377894437786</t>
  </si>
  <si>
    <t>9.342476844787598</t>
  </si>
  <si>
    <t>506.9971008300781</t>
  </si>
  <si>
    <t>0.010481169694148917</t>
  </si>
  <si>
    <t>11.415599822998047</t>
  </si>
  <si>
    <t>720.1357421875</t>
  </si>
  <si>
    <t>0.01957242209259924</t>
  </si>
  <si>
    <t>11.0062894821167</t>
  </si>
  <si>
    <t>729.0370483398438</t>
  </si>
  <si>
    <t>0.031567089327426245</t>
  </si>
  <si>
    <t>11.277305603027344</t>
  </si>
  <si>
    <t>754.197265625</t>
  </si>
  <si>
    <t>0.02849055440202264</t>
  </si>
  <si>
    <t>29801</t>
  </si>
  <si>
    <t>11.547070503234863</t>
  </si>
  <si>
    <t>891.3130493164062</t>
  </si>
  <si>
    <t>0.03163504762148506</t>
  </si>
  <si>
    <t>29788</t>
  </si>
  <si>
    <t>10.995614051818848</t>
  </si>
  <si>
    <t>829.5880126953125</t>
  </si>
  <si>
    <t>-0.0004363221469141365</t>
  </si>
  <si>
    <t>29583</t>
  </si>
  <si>
    <t>11.376374244689941</t>
  </si>
  <si>
    <t>801.2969970703125</t>
  </si>
  <si>
    <t>-0.0069057558300968935</t>
  </si>
  <si>
    <t>28754</t>
  </si>
  <si>
    <t>11.363411903381348</t>
  </si>
  <si>
    <t>620.6470336914062</t>
  </si>
  <si>
    <t>-0.028422984017900887</t>
  </si>
  <si>
    <t>29303</t>
  </si>
  <si>
    <t>11.019721031188965</t>
  </si>
  <si>
    <t>617.27490234375</t>
  </si>
  <si>
    <t>0.0189130118597145</t>
  </si>
  <si>
    <t>29853</t>
  </si>
  <si>
    <t>10.880069732666016</t>
  </si>
  <si>
    <t>562.9778442382812</t>
  </si>
  <si>
    <t>0.01859543744101977</t>
  </si>
  <si>
    <t>29963</t>
  </si>
  <si>
    <t>11.851752281188965</t>
  </si>
  <si>
    <t>689.837646484375</t>
  </si>
  <si>
    <t>0.0036779498462067295</t>
  </si>
  <si>
    <t>11.416217803955078</t>
  </si>
  <si>
    <t>748.8522338867188</t>
  </si>
  <si>
    <t>0.028362761903066414</t>
  </si>
  <si>
    <t>10.585644721984863</t>
  </si>
  <si>
    <t>691.2645874023438</t>
  </si>
  <si>
    <t>-0.03060135686722454</t>
  </si>
  <si>
    <t>11.09682846069336</t>
  </si>
  <si>
    <t>631.9652099609375</t>
  </si>
  <si>
    <t>-0.040827569417608345</t>
  </si>
  <si>
    <t>10.291342735290527</t>
  </si>
  <si>
    <t>715.5857543945312</t>
  </si>
  <si>
    <t>0.00970881412696123</t>
  </si>
  <si>
    <t>29277</t>
  </si>
  <si>
    <t>11.913025856018066</t>
  </si>
  <si>
    <t>602.1687622070312</t>
  </si>
  <si>
    <t>0.010196287934897796</t>
  </si>
  <si>
    <t>29215</t>
  </si>
  <si>
    <t>10.821267127990723</t>
  </si>
  <si>
    <t>781.640869140625</t>
  </si>
  <si>
    <t>-0.002119948821034612</t>
  </si>
  <si>
    <t>10.788825035095215</t>
  </si>
  <si>
    <t>703.33154296875</t>
  </si>
  <si>
    <t>-0.006972738505233167</t>
  </si>
  <si>
    <t>28915</t>
  </si>
  <si>
    <t>12.035975456237793</t>
  </si>
  <si>
    <t>730.2161254882812</t>
  </si>
  <si>
    <t>-0.0033490458909852805</t>
  </si>
  <si>
    <t>28895</t>
  </si>
  <si>
    <t>11.679991722106934</t>
  </si>
  <si>
    <t>645.6441650390625</t>
  </si>
  <si>
    <t>-0.0006919218404402017</t>
  </si>
  <si>
    <t>10.89299488067627</t>
  </si>
  <si>
    <t>647.7843017578125</t>
  </si>
  <si>
    <t>-0.016012621702504504</t>
  </si>
  <si>
    <t>29452</t>
  </si>
  <si>
    <t>11.975214958190918</t>
  </si>
  <si>
    <t>699.4143676757812</t>
  </si>
  <si>
    <t>0.03510587143923338</t>
  </si>
  <si>
    <t>29372</t>
  </si>
  <si>
    <t>11.916792869567871</t>
  </si>
  <si>
    <t>608.4290771484375</t>
  </si>
  <si>
    <t>-0.0027199799171064853</t>
  </si>
  <si>
    <t>12.105137825012207</t>
  </si>
  <si>
    <t>658.0105590820312</t>
  </si>
  <si>
    <t>0.01805072711931288</t>
  </si>
  <si>
    <t>12.154898643493652</t>
  </si>
  <si>
    <t>702.6044311523438</t>
  </si>
  <si>
    <t>-0.058557845438627965</t>
  </si>
  <si>
    <t>11.073104858398438</t>
  </si>
  <si>
    <t>717.134765625</t>
  </si>
  <si>
    <t>0.05915953017398934</t>
  </si>
  <si>
    <t>12.605086326599121</t>
  </si>
  <si>
    <t>567.7927856445312</t>
  </si>
  <si>
    <t>0.020834086902841165</t>
  </si>
  <si>
    <t>1041</t>
  </si>
  <si>
    <t>11.203685760498047</t>
  </si>
  <si>
    <t>716.1048583984375</t>
  </si>
  <si>
    <t>143.67379760742188</t>
  </si>
  <si>
    <t>Allier</t>
  </si>
  <si>
    <t>26633</t>
  </si>
  <si>
    <t>10.264164924621582</t>
  </si>
  <si>
    <t>586.11474609375</t>
  </si>
  <si>
    <t>0.0016910622019068455</t>
  </si>
  <si>
    <t>26926</t>
  </si>
  <si>
    <t>11.115218162536621</t>
  </si>
  <si>
    <t>799.4842529296875</t>
  </si>
  <si>
    <t>0.010941314175800798</t>
  </si>
  <si>
    <t>26643</t>
  </si>
  <si>
    <t>10.299530982971191</t>
  </si>
  <si>
    <t>900.202392578125</t>
  </si>
  <si>
    <t>-0.010565910612566398</t>
  </si>
  <si>
    <t>27171</t>
  </si>
  <si>
    <t>11.60019302368164</t>
  </si>
  <si>
    <t>865.2106323242188</t>
  </si>
  <si>
    <t>0.01962377611644328</t>
  </si>
  <si>
    <t>27645</t>
  </si>
  <si>
    <t>10.95932674407959</t>
  </si>
  <si>
    <t>767.8585205078125</t>
  </si>
  <si>
    <t>0.017294651728976262</t>
  </si>
  <si>
    <t>27936</t>
  </si>
  <si>
    <t>9.8020658493042</t>
  </si>
  <si>
    <t>758.8819580078125</t>
  </si>
  <si>
    <t>0.010471299867294448</t>
  </si>
  <si>
    <t>11.559326171875</t>
  </si>
  <si>
    <t>663.7003173828125</t>
  </si>
  <si>
    <t>0.019531663202879912</t>
  </si>
  <si>
    <t>10.866198539733887</t>
  </si>
  <si>
    <t>697.7007446289062</t>
  </si>
  <si>
    <t>0.031580844511557515</t>
  </si>
  <si>
    <t>10.975192070007324</t>
  </si>
  <si>
    <t>814.6998901367188</t>
  </si>
  <si>
    <t>0.028500554410063828</t>
  </si>
  <si>
    <t>31223</t>
  </si>
  <si>
    <t>11.731974601745605</t>
  </si>
  <si>
    <t>823.529052734375</t>
  </si>
  <si>
    <t>0.03162576093758851</t>
  </si>
  <si>
    <t>31822</t>
  </si>
  <si>
    <t>10.757773399353027</t>
  </si>
  <si>
    <t>778.46337890625</t>
  </si>
  <si>
    <t>0.019002871766383933</t>
  </si>
  <si>
    <t>31998</t>
  </si>
  <si>
    <t>11.279667854309082</t>
  </si>
  <si>
    <t>807.4618530273438</t>
  </si>
  <si>
    <t>0.005515526360856171</t>
  </si>
  <si>
    <t>11.482773780822754</t>
  </si>
  <si>
    <t>642.4154663085938</t>
  </si>
  <si>
    <t>-0.013466098276619931</t>
  </si>
  <si>
    <t>10.789643287658691</t>
  </si>
  <si>
    <t>711.8168334960938</t>
  </si>
  <si>
    <t>0.026845781627891085</t>
  </si>
  <si>
    <t>32248</t>
  </si>
  <si>
    <t>10.568320274353027</t>
  </si>
  <si>
    <t>612.5501098632812</t>
  </si>
  <si>
    <t>-0.0055970583829267895</t>
  </si>
  <si>
    <t>11.793319702148438</t>
  </si>
  <si>
    <t>803.9156494140625</t>
  </si>
  <si>
    <t>0.001920754021542237</t>
  </si>
  <si>
    <t>33176</t>
  </si>
  <si>
    <t>11.129849433898926</t>
  </si>
  <si>
    <t>799.5377197265625</t>
  </si>
  <si>
    <t>0.026449943107673235</t>
  </si>
  <si>
    <t>32728</t>
  </si>
  <si>
    <t>10.494874000549316</t>
  </si>
  <si>
    <t>873.9081420898438</t>
  </si>
  <si>
    <t>-0.013595742316983461</t>
  </si>
  <si>
    <t>11.28197193145752</t>
  </si>
  <si>
    <t>669.6924438476562</t>
  </si>
  <si>
    <t>-0.05928873865638273</t>
  </si>
  <si>
    <t>30569</t>
  </si>
  <si>
    <t>10.42092227935791</t>
  </si>
  <si>
    <t>779.9296264648438</t>
  </si>
  <si>
    <t>-0.00895581841197668</t>
  </si>
  <si>
    <t>12.00019359588623</t>
  </si>
  <si>
    <t>688.4572143554688</t>
  </si>
  <si>
    <t>0.022384890686206305</t>
  </si>
  <si>
    <t>30867</t>
  </si>
  <si>
    <t>11.07567310333252</t>
  </si>
  <si>
    <t>767.8612670898438</t>
  </si>
  <si>
    <t>-0.012683662183160749</t>
  </si>
  <si>
    <t>10.840213775634766</t>
  </si>
  <si>
    <t>899.9205322265625</t>
  </si>
  <si>
    <t>-0.0012967227154980776</t>
  </si>
  <si>
    <t>11.857773780822754</t>
  </si>
  <si>
    <t>818.2072143554688</t>
  </si>
  <si>
    <t>0.017206039612554846</t>
  </si>
  <si>
    <t>11.994301795959473</t>
  </si>
  <si>
    <t>643.1548461914062</t>
  </si>
  <si>
    <t>0.020545101343698136</t>
  </si>
  <si>
    <t>31375</t>
  </si>
  <si>
    <t>10.877636909484863</t>
  </si>
  <si>
    <t>728.5222778320312</t>
  </si>
  <si>
    <t>-0.02013067285058945</t>
  </si>
  <si>
    <t>32128</t>
  </si>
  <si>
    <t>11.97763729095459</t>
  </si>
  <si>
    <t>767.7384033203125</t>
  </si>
  <si>
    <t>0.02371652661731538</t>
  </si>
  <si>
    <t>31672</t>
  </si>
  <si>
    <t>11.884415626525879</t>
  </si>
  <si>
    <t>653.9053955078125</t>
  </si>
  <si>
    <t>-0.0142949142654345</t>
  </si>
  <si>
    <t>32007</t>
  </si>
  <si>
    <t>12.341105461120605</t>
  </si>
  <si>
    <t>650.1702270507812</t>
  </si>
  <si>
    <t>0.010521619073603716</t>
  </si>
  <si>
    <t>12.209416389465332</t>
  </si>
  <si>
    <t>699.4547729492188</t>
  </si>
  <si>
    <t>-0.039967078408059464</t>
  </si>
  <si>
    <t>32627</t>
  </si>
  <si>
    <t>11.091106414794922</t>
  </si>
  <si>
    <t>0.05915261597654364</t>
  </si>
  <si>
    <t>33314</t>
  </si>
  <si>
    <t>12.905831336975098</t>
  </si>
  <si>
    <t>611.88720703125</t>
  </si>
  <si>
    <t>0.02083756260899783</t>
  </si>
  <si>
    <t>1042</t>
  </si>
  <si>
    <t>13.087719917297363</t>
  </si>
  <si>
    <t>740.5866088867188</t>
  </si>
  <si>
    <t>666.0595703125</t>
  </si>
  <si>
    <t>Alpes-Maritimes</t>
  </si>
  <si>
    <t>12.188998222351074</t>
  </si>
  <si>
    <t>777.3339233398438</t>
  </si>
  <si>
    <t>0.0017244155144808815</t>
  </si>
  <si>
    <t>12.75888442993164</t>
  </si>
  <si>
    <t>760.1317749023438</t>
  </si>
  <si>
    <t>0.010949067488210673</t>
  </si>
  <si>
    <t>34256</t>
  </si>
  <si>
    <t>12.31977367401123</t>
  </si>
  <si>
    <t>956.4638061523438</t>
  </si>
  <si>
    <t>-0.01059870252112205</t>
  </si>
  <si>
    <t>34936</t>
  </si>
  <si>
    <t>13.40182876586914</t>
  </si>
  <si>
    <t>913.8070678710938</t>
  </si>
  <si>
    <t>0.019656084335933244</t>
  </si>
  <si>
    <t>35545</t>
  </si>
  <si>
    <t>13.094775199890137</t>
  </si>
  <si>
    <t>1003.1483764648438</t>
  </si>
  <si>
    <t>0.01728168319818657</t>
  </si>
  <si>
    <t>35919</t>
  </si>
  <si>
    <t>12.223610877990723</t>
  </si>
  <si>
    <t>1021.35986328125</t>
  </si>
  <si>
    <t>0.010466904021368961</t>
  </si>
  <si>
    <t>36628</t>
  </si>
  <si>
    <t>13.5569429397583</t>
  </si>
  <si>
    <t>693.1920166015625</t>
  </si>
  <si>
    <t>0.01954657184266928</t>
  </si>
  <si>
    <t>37803</t>
  </si>
  <si>
    <t>12.844775199890137</t>
  </si>
  <si>
    <t>799.6563110351562</t>
  </si>
  <si>
    <t>0.03157548931018006</t>
  </si>
  <si>
    <t>38895</t>
  </si>
  <si>
    <t>13.043498039245605</t>
  </si>
  <si>
    <t>757.3870239257812</t>
  </si>
  <si>
    <t>0.028477243103072425</t>
  </si>
  <si>
    <t>13.657605171203613</t>
  </si>
  <si>
    <t>1112.7388916015625</t>
  </si>
  <si>
    <t>0.03163219197790923</t>
  </si>
  <si>
    <t>41466</t>
  </si>
  <si>
    <t>13.043496131896973</t>
  </si>
  <si>
    <t>572.4596557617188</t>
  </si>
  <si>
    <t>0.032375914700665476</t>
  </si>
  <si>
    <t>41312</t>
  </si>
  <si>
    <t>13.285162925720215</t>
  </si>
  <si>
    <t>1115.022216796875</t>
  </si>
  <si>
    <t>-0.003720799673081032</t>
  </si>
  <si>
    <t>41678</t>
  </si>
  <si>
    <t>13.729386329650879</t>
  </si>
  <si>
    <t>637.3336791992188</t>
  </si>
  <si>
    <t>0.008820396984665635</t>
  </si>
  <si>
    <t>42885</t>
  </si>
  <si>
    <t>12.911441802978516</t>
  </si>
  <si>
    <t>633.32080078125</t>
  </si>
  <si>
    <t>0.02854870279348809</t>
  </si>
  <si>
    <t>12.593497276306152</t>
  </si>
  <si>
    <t>725.9660034179688</t>
  </si>
  <si>
    <t>0.012812519607743766</t>
  </si>
  <si>
    <t>44424</t>
  </si>
  <si>
    <t>13.836441993713379</t>
  </si>
  <si>
    <t>590.9241333007812</t>
  </si>
  <si>
    <t>0.0224452298891773</t>
  </si>
  <si>
    <t>13.204386711120605</t>
  </si>
  <si>
    <t>572.5692749023438</t>
  </si>
  <si>
    <t>0.007289234163158298</t>
  </si>
  <si>
    <t>43213</t>
  </si>
  <si>
    <t>12.81977367401123</t>
  </si>
  <si>
    <t>1003.6593627929688</t>
  </si>
  <si>
    <t>-0.03492772219559903</t>
  </si>
  <si>
    <t>42263</t>
  </si>
  <si>
    <t>13.517216682434082</t>
  </si>
  <si>
    <t>928.0267944335938</t>
  </si>
  <si>
    <t>-0.022229377123560212</t>
  </si>
  <si>
    <t>43538</t>
  </si>
  <si>
    <t>12.622332572937012</t>
  </si>
  <si>
    <t>974.53173828125</t>
  </si>
  <si>
    <t>0.029722121195439044</t>
  </si>
  <si>
    <t>44082</t>
  </si>
  <si>
    <t>13.94861125946045</t>
  </si>
  <si>
    <t>751.3549194335938</t>
  </si>
  <si>
    <t>0.01241741588745171</t>
  </si>
  <si>
    <t>44254</t>
  </si>
  <si>
    <t>13.278106689453125</t>
  </si>
  <si>
    <t>819.8008422851562</t>
  </si>
  <si>
    <t>0.0038942269825437137</t>
  </si>
  <si>
    <t>43947</t>
  </si>
  <si>
    <t>13.063998222351074</t>
  </si>
  <si>
    <t>1082.62109375</t>
  </si>
  <si>
    <t>-0.006961400432997422</t>
  </si>
  <si>
    <t>43699</t>
  </si>
  <si>
    <t>13.9139986038208</t>
  </si>
  <si>
    <t>929.1229858398438</t>
  </si>
  <si>
    <t>-0.005659143871218575</t>
  </si>
  <si>
    <t>44128</t>
  </si>
  <si>
    <t>13.946053504943848</t>
  </si>
  <si>
    <t>655.3823852539062</t>
  </si>
  <si>
    <t>0.009769283066367151</t>
  </si>
  <si>
    <t>45508</t>
  </si>
  <si>
    <t>13.280665397644043</t>
  </si>
  <si>
    <t>688.529052734375</t>
  </si>
  <si>
    <t>0.030793633066579673</t>
  </si>
  <si>
    <t>46099</t>
  </si>
  <si>
    <t>14.019775390625</t>
  </si>
  <si>
    <t>630.7282104492188</t>
  </si>
  <si>
    <t>0.012903123115888704</t>
  </si>
  <si>
    <t>46438</t>
  </si>
  <si>
    <t>13.936440467834473</t>
  </si>
  <si>
    <t>904.3892822265625</t>
  </si>
  <si>
    <t>0.0073268317868144806</t>
  </si>
  <si>
    <t>46884</t>
  </si>
  <si>
    <t>14.178108215332031</t>
  </si>
  <si>
    <t>945.2517700195312</t>
  </si>
  <si>
    <t>0.009558376280759617</t>
  </si>
  <si>
    <t>14.060162544250488</t>
  </si>
  <si>
    <t>866.1338500976562</t>
  </si>
  <si>
    <t>-0.1398525957460599</t>
  </si>
  <si>
    <t>43248</t>
  </si>
  <si>
    <t>13.405665397644043</t>
  </si>
  <si>
    <t>634.35009765625</t>
  </si>
  <si>
    <t>0.05912711941921778</t>
  </si>
  <si>
    <t>14.936442375183105</t>
  </si>
  <si>
    <t>582.3123168945312</t>
  </si>
  <si>
    <t>0.020845767250811775</t>
  </si>
  <si>
    <t>26152</t>
  </si>
  <si>
    <t>11.7361421585083</t>
  </si>
  <si>
    <t>726.7252807617188</t>
  </si>
  <si>
    <t>108.1165771484375</t>
  </si>
  <si>
    <t>Alpes-de-Haute-Provence</t>
  </si>
  <si>
    <t>10.832183837890625</t>
  </si>
  <si>
    <t>733.627685546875</t>
  </si>
  <si>
    <t>0.0017192309722844357</t>
  </si>
  <si>
    <t>26485</t>
  </si>
  <si>
    <t>11.504225730895996</t>
  </si>
  <si>
    <t>785.164794921875</t>
  </si>
  <si>
    <t>0.010933634602295683</t>
  </si>
  <si>
    <t>26207</t>
  </si>
  <si>
    <t>10.925861358642578</t>
  </si>
  <si>
    <t>954.9365844726562</t>
  </si>
  <si>
    <t>-0.01055198434195681</t>
  </si>
  <si>
    <t>26726</t>
  </si>
  <si>
    <t>12.091236114501953</t>
  </si>
  <si>
    <t>907.2894897460938</t>
  </si>
  <si>
    <t>0.019610323704336352</t>
  </si>
  <si>
    <t>27192</t>
  </si>
  <si>
    <t>11.643170356750488</t>
  </si>
  <si>
    <t>958.0916137695312</t>
  </si>
  <si>
    <t>0.017285938034945048</t>
  </si>
  <si>
    <t>27479</t>
  </si>
  <si>
    <t>10.647604942321777</t>
  </si>
  <si>
    <t>1006.0485229492188</t>
  </si>
  <si>
    <t>0.010499264196305091</t>
  </si>
  <si>
    <t>12.162680625915527</t>
  </si>
  <si>
    <t>663.0820922851562</t>
  </si>
  <si>
    <t>0.019532152475630227</t>
  </si>
  <si>
    <t>28920</t>
  </si>
  <si>
    <t>11.415733337402344</t>
  </si>
  <si>
    <t>774.4586791992188</t>
  </si>
  <si>
    <t>0.031579168224814325</t>
  </si>
  <si>
    <t>11.58741283416748</t>
  </si>
  <si>
    <t>790.1022338867188</t>
  </si>
  <si>
    <t>0.02849739503852966</t>
  </si>
  <si>
    <t>12.26827621459961</t>
  </si>
  <si>
    <t>1031.180908203125</t>
  </si>
  <si>
    <t>0.031622665369402725</t>
  </si>
  <si>
    <t>30852</t>
  </si>
  <si>
    <t>11.517288208007812</t>
  </si>
  <si>
    <t>620.474609375</t>
  </si>
  <si>
    <t>0.004548120373256026</t>
  </si>
  <si>
    <t>11.887965202331543</t>
  </si>
  <si>
    <t>1132.1146240234375</t>
  </si>
  <si>
    <t>-0.023481107682012947</t>
  </si>
  <si>
    <t>30249</t>
  </si>
  <si>
    <t>12.232726097106934</t>
  </si>
  <si>
    <t>690.1616821289062</t>
  </si>
  <si>
    <t>0.0037426556894484264</t>
  </si>
  <si>
    <t>31062</t>
  </si>
  <si>
    <t>11.463855743408203</t>
  </si>
  <si>
    <t>627.8817749023438</t>
  </si>
  <si>
    <t>0.026522081068630854</t>
  </si>
  <si>
    <t>31655</t>
  </si>
  <si>
    <t>11.216584205627441</t>
  </si>
  <si>
    <t>713.6378173828125</t>
  </si>
  <si>
    <t>0.018910906848271125</t>
  </si>
  <si>
    <t>12.454773902893066</t>
  </si>
  <si>
    <t>648.92578125</t>
  </si>
  <si>
    <t>0.03388470322120973</t>
  </si>
  <si>
    <t>32705</t>
  </si>
  <si>
    <t>11.828678131103516</t>
  </si>
  <si>
    <t>633.5255737304688</t>
  </si>
  <si>
    <t>-0.0012528458041245472</t>
  </si>
  <si>
    <t>11.336524963378906</t>
  </si>
  <si>
    <t>1025.240234375</t>
  </si>
  <si>
    <t>-0.02941479793400603</t>
  </si>
  <si>
    <t>12.064398765563965</t>
  </si>
  <si>
    <t>853.9132690429688</t>
  </si>
  <si>
    <t>-0.011273433938313815</t>
  </si>
  <si>
    <t>31189</t>
  </si>
  <si>
    <t>11.200541496276855</t>
  </si>
  <si>
    <t>889.4876708984375</t>
  </si>
  <si>
    <t>-0.00677427099331851</t>
  </si>
  <si>
    <t>12.564094543457031</t>
  </si>
  <si>
    <t>764.0785522460938</t>
  </si>
  <si>
    <t>0.02015525356407899</t>
  </si>
  <si>
    <t>32052</t>
  </si>
  <si>
    <t>11.789215087890625</t>
  </si>
  <si>
    <t>793.7671508789062</t>
  </si>
  <si>
    <t>0.007138861804207863</t>
  </si>
  <si>
    <t>32586</t>
  </si>
  <si>
    <t>11.575221061706543</t>
  </si>
  <si>
    <t>1012.270263671875</t>
  </si>
  <si>
    <t>0.016523164364938836</t>
  </si>
  <si>
    <t>32339</t>
  </si>
  <si>
    <t>12.532584190368652</t>
  </si>
  <si>
    <t>926.0006103515625</t>
  </si>
  <si>
    <t>-0.007608816069373248</t>
  </si>
  <si>
    <t>12.58726978302002</t>
  </si>
  <si>
    <t>704.720947265625</t>
  </si>
  <si>
    <t>-0.003283159735355312</t>
  </si>
  <si>
    <t>11.784331321716309</t>
  </si>
  <si>
    <t>692.6710205078125</t>
  </si>
  <si>
    <t>-0.02382896429736192</t>
  </si>
  <si>
    <t>12.636631965637207</t>
  </si>
  <si>
    <t>624.4891357421875</t>
  </si>
  <si>
    <t>0.013945643267362584</t>
  </si>
  <si>
    <t>12.559943199157715</t>
  </si>
  <si>
    <t>919.384033203125</t>
  </si>
  <si>
    <t>0.029969991460069068</t>
  </si>
  <si>
    <t>32694</t>
  </si>
  <si>
    <t>12.840458869934082</t>
  </si>
  <si>
    <t>865.3522338867188</t>
  </si>
  <si>
    <t>-0.005885868077088574</t>
  </si>
  <si>
    <t>31151</t>
  </si>
  <si>
    <t>12.711112976074219</t>
  </si>
  <si>
    <t>808.109130859375</t>
  </si>
  <si>
    <t>-0.04834522738210367</t>
  </si>
  <si>
    <t>11.924739837646484</t>
  </si>
  <si>
    <t>669.722412109375</t>
  </si>
  <si>
    <t>0.05911470264755181</t>
  </si>
  <si>
    <t>33744</t>
  </si>
  <si>
    <t>13.50887680053711</t>
  </si>
  <si>
    <t>632.3194580078125</t>
  </si>
  <si>
    <t>0.020841573641956046</t>
  </si>
  <si>
    <t>25762</t>
  </si>
  <si>
    <t>10.369723320007324</t>
  </si>
  <si>
    <t>991.4247436523438</t>
  </si>
  <si>
    <t>136.89932250976562</t>
  </si>
  <si>
    <t>Ardennes</t>
  </si>
  <si>
    <t>25806</t>
  </si>
  <si>
    <t>9.280350685119629</t>
  </si>
  <si>
    <t>807.4573364257812</t>
  </si>
  <si>
    <t>0.0017064850557595435</t>
  </si>
  <si>
    <t>26090</t>
  </si>
  <si>
    <t>10.372017860412598</t>
  </si>
  <si>
    <t>1139.59423828125</t>
  </si>
  <si>
    <t>0.010945076118982655</t>
  </si>
  <si>
    <t>25815</t>
  </si>
  <si>
    <t>9.515130996704102</t>
  </si>
  <si>
    <t>1132.4205322265625</t>
  </si>
  <si>
    <t>-0.01059638081702552</t>
  </si>
  <si>
    <t>26327</t>
  </si>
  <si>
    <t>10.584437370300293</t>
  </si>
  <si>
    <t>1160.2095947265625</t>
  </si>
  <si>
    <t>0.01963931021190035</t>
  </si>
  <si>
    <t>26786</t>
  </si>
  <si>
    <t>9.970318794250488</t>
  </si>
  <si>
    <t>908.4553833007812</t>
  </si>
  <si>
    <t>0.017284334421418635</t>
  </si>
  <si>
    <t>8.402549743652344</t>
  </si>
  <si>
    <t>794.0770263671875</t>
  </si>
  <si>
    <t>0.010472855405048165</t>
  </si>
  <si>
    <t>27602</t>
  </si>
  <si>
    <t>10.495319366455078</t>
  </si>
  <si>
    <t>1035.97802734375</t>
  </si>
  <si>
    <t>0.01953601549586992</t>
  </si>
  <si>
    <t>28488</t>
  </si>
  <si>
    <t>10.064534187316895</t>
  </si>
  <si>
    <t>1214.5611572265625</t>
  </si>
  <si>
    <t>0.031594712109628276</t>
  </si>
  <si>
    <t>29311</t>
  </si>
  <si>
    <t>10.330008506774902</t>
  </si>
  <si>
    <t>1118.27392578125</t>
  </si>
  <si>
    <t>0.028479926213764273</t>
  </si>
  <si>
    <t>30253</t>
  </si>
  <si>
    <t>10.649909973144531</t>
  </si>
  <si>
    <t>1227.1866455078125</t>
  </si>
  <si>
    <t>0.03163248092395676</t>
  </si>
  <si>
    <t>30741</t>
  </si>
  <si>
    <t>10.134943008422852</t>
  </si>
  <si>
    <t>1244.0316162109375</t>
  </si>
  <si>
    <t>0.016001915372491737</t>
  </si>
  <si>
    <t>30106</t>
  </si>
  <si>
    <t>10.512581825256348</t>
  </si>
  <si>
    <t>1274.7164306640625</t>
  </si>
  <si>
    <t>-0.020872781047378552</t>
  </si>
  <si>
    <t>29722</t>
  </si>
  <si>
    <t>10.540980339050293</t>
  </si>
  <si>
    <t>898.8295288085938</t>
  </si>
  <si>
    <t>-0.01283697510193349</t>
  </si>
  <si>
    <t>10.088937759399414</t>
  </si>
  <si>
    <t>945.7619018554688</t>
  </si>
  <si>
    <t>0.03432763230106595</t>
  </si>
  <si>
    <t>30389</t>
  </si>
  <si>
    <t>9.974566459655762</t>
  </si>
  <si>
    <t>873.131591796875</t>
  </si>
  <si>
    <t>-0.012134443811181228</t>
  </si>
  <si>
    <t>31133</t>
  </si>
  <si>
    <t>10.972868919372559</t>
  </si>
  <si>
    <t>1123.768310546875</t>
  </si>
  <si>
    <t>0.02418764904499149</t>
  </si>
  <si>
    <t>31673</t>
  </si>
  <si>
    <t>10.548972129821777</t>
  </si>
  <si>
    <t>1138.1226806640625</t>
  </si>
  <si>
    <t>0.01719623306384399</t>
  </si>
  <si>
    <t>9.708497047424316</t>
  </si>
  <si>
    <t>1054.833740234375</t>
  </si>
  <si>
    <t>-0.015848091368997785</t>
  </si>
  <si>
    <t>29888</t>
  </si>
  <si>
    <t>10.224061012268066</t>
  </si>
  <si>
    <t>1007.0933227539062</t>
  </si>
  <si>
    <t>-0.04215942951966767</t>
  </si>
  <si>
    <t>9.408587455749512</t>
  </si>
  <si>
    <t>1094.0479736328125</t>
  </si>
  <si>
    <t>-0.01986954602341129</t>
  </si>
  <si>
    <t>30824</t>
  </si>
  <si>
    <t>11.00714111328125</t>
  </si>
  <si>
    <t>928.7850341796875</t>
  </si>
  <si>
    <t>0.050706091300835254</t>
  </si>
  <si>
    <t>9.925506591796875</t>
  </si>
  <si>
    <t>1078.696533203125</t>
  </si>
  <si>
    <t>-0.06199827767096622</t>
  </si>
  <si>
    <t>9.875507354736328</t>
  </si>
  <si>
    <t>1052.359130859375</t>
  </si>
  <si>
    <t>0.017111399334037714</t>
  </si>
  <si>
    <t>11.156201362609863</t>
  </si>
  <si>
    <t>1073.2542724609375</t>
  </si>
  <si>
    <t>-0.009717586741373907</t>
  </si>
  <si>
    <t>29337</t>
  </si>
  <si>
    <t>10.84701919555664</t>
  </si>
  <si>
    <t>943.3276977539062</t>
  </si>
  <si>
    <t>0.005160375752693014</t>
  </si>
  <si>
    <t>28605</t>
  </si>
  <si>
    <t>9.947524070739746</t>
  </si>
  <si>
    <t>1009.3587646484375</t>
  </si>
  <si>
    <t>-0.02526799027775617</t>
  </si>
  <si>
    <t>29360</t>
  </si>
  <si>
    <t>11.14327621459961</t>
  </si>
  <si>
    <t>1103.35205078125</t>
  </si>
  <si>
    <t>0.026051676025824477</t>
  </si>
  <si>
    <t>11.065383911132812</t>
  </si>
  <si>
    <t>863.0712890625</t>
  </si>
  <si>
    <t>0.024127556318999765</t>
  </si>
  <si>
    <t>11.295571327209473</t>
  </si>
  <si>
    <t>1018.964599609375</t>
  </si>
  <si>
    <t>0.01458868041440553</t>
  </si>
  <si>
    <t>11.352459907531738</t>
  </si>
  <si>
    <t>1060.3907470703125</t>
  </si>
  <si>
    <t>-0.07991438055388045</t>
  </si>
  <si>
    <t>10.191829681396484</t>
  </si>
  <si>
    <t>1087.8062744140625</t>
  </si>
  <si>
    <t>0.05915582614220227</t>
  </si>
  <si>
    <t>11.809688568115234</t>
  </si>
  <si>
    <t>908.9739990234375</t>
  </si>
  <si>
    <t>0.020824085211177845</t>
  </si>
  <si>
    <t>11.272128105163574</t>
  </si>
  <si>
    <t>716.4301147460938</t>
  </si>
  <si>
    <t>149.52418518066406</t>
  </si>
  <si>
    <t>ArdÔøΩche</t>
  </si>
  <si>
    <t>10.290179252624512</t>
  </si>
  <si>
    <t>714.05126953125</t>
  </si>
  <si>
    <t>0.0017337989331078774</t>
  </si>
  <si>
    <t>23928</t>
  </si>
  <si>
    <t>11.109939575195312</t>
  </si>
  <si>
    <t>861.2796630859375</t>
  </si>
  <si>
    <t>0.010925396513199459</t>
  </si>
  <si>
    <t>10.36706256866455</t>
  </si>
  <si>
    <t>1000.7843627929688</t>
  </si>
  <si>
    <t>-0.010587444499167376</t>
  </si>
  <si>
    <t>24146</t>
  </si>
  <si>
    <t>11.63393783569336</t>
  </si>
  <si>
    <t>933.1071166992188</t>
  </si>
  <si>
    <t>0.019656858081717132</t>
  </si>
  <si>
    <t>11.094535827636719</t>
  </si>
  <si>
    <t>949.9686889648438</t>
  </si>
  <si>
    <t>0.01728534404596438</t>
  </si>
  <si>
    <t>24826</t>
  </si>
  <si>
    <t>9.929043769836426</t>
  </si>
  <si>
    <t>1086.1448974609375</t>
  </si>
  <si>
    <t>0.010487412137594632</t>
  </si>
  <si>
    <t>25316</t>
  </si>
  <si>
    <t>11.665472984313965</t>
  </si>
  <si>
    <t>663.683837890625</t>
  </si>
  <si>
    <t>0.019545115819303405</t>
  </si>
  <si>
    <t>26127</t>
  </si>
  <si>
    <t>10.889382362365723</t>
  </si>
  <si>
    <t>850.644775390625</t>
  </si>
  <si>
    <t>0.03153265546565365</t>
  </si>
  <si>
    <t>26883</t>
  </si>
  <si>
    <t>10.988086700439453</t>
  </si>
  <si>
    <t>875.7269287109375</t>
  </si>
  <si>
    <t>0.02852485419147932</t>
  </si>
  <si>
    <t>11.749308586120605</t>
  </si>
  <si>
    <t>1019.0502319335938</t>
  </si>
  <si>
    <t>0.03163360967004181</t>
  </si>
  <si>
    <t>10.882431983947754</t>
  </si>
  <si>
    <t>653.3207397460938</t>
  </si>
  <si>
    <t>0.017540862347100727</t>
  </si>
  <si>
    <t>28033</t>
  </si>
  <si>
    <t>11.348511695861816</t>
  </si>
  <si>
    <t>1203.6353759765625</t>
  </si>
  <si>
    <t>-0.0072862009536560635</t>
  </si>
  <si>
    <t>27966</t>
  </si>
  <si>
    <t>11.59859848022461</t>
  </si>
  <si>
    <t>674.2979125976562</t>
  </si>
  <si>
    <t>-0.002392901015019433</t>
  </si>
  <si>
    <t>29102</t>
  </si>
  <si>
    <t>10.868446350097656</t>
  </si>
  <si>
    <t>609.773193359375</t>
  </si>
  <si>
    <t>0.03981741371942782</t>
  </si>
  <si>
    <t>29421</t>
  </si>
  <si>
    <t>10.638587951660156</t>
  </si>
  <si>
    <t>738.710205078125</t>
  </si>
  <si>
    <t>0.010901804740205634</t>
  </si>
  <si>
    <t>11.846125602722168</t>
  </si>
  <si>
    <t>612.1746826171875</t>
  </si>
  <si>
    <t>-0.0014966498252722005</t>
  </si>
  <si>
    <t>11.174895286560059</t>
  </si>
  <si>
    <t>637.2440795898438</t>
  </si>
  <si>
    <t>0.008609055341080918</t>
  </si>
  <si>
    <t>10.627367973327637</t>
  </si>
  <si>
    <t>1031.74951171875</t>
  </si>
  <si>
    <t>-0.015851750388499397</t>
  </si>
  <si>
    <t>28360</t>
  </si>
  <si>
    <t>11.343238830566406</t>
  </si>
  <si>
    <t>851.2075805664062</t>
  </si>
  <si>
    <t>-0.027989658541674345</t>
  </si>
  <si>
    <t>28067</t>
  </si>
  <si>
    <t>10.491061210632324</t>
  </si>
  <si>
    <t>875.1249389648438</t>
  </si>
  <si>
    <t>-0.0103851926697196</t>
  </si>
  <si>
    <t>28476</t>
  </si>
  <si>
    <t>12.090178489685059</t>
  </si>
  <si>
    <t>836.3558349609375</t>
  </si>
  <si>
    <t>0.014467118247418753</t>
  </si>
  <si>
    <t>11.138381004333496</t>
  </si>
  <si>
    <t>844.612548828125</t>
  </si>
  <si>
    <t>-0.04547707444647209</t>
  </si>
  <si>
    <t>27572</t>
  </si>
  <si>
    <t>10.915264129638672</t>
  </si>
  <si>
    <t>1041.5126953125</t>
  </si>
  <si>
    <t>0.013216212228250868</t>
  </si>
  <si>
    <t>27771</t>
  </si>
  <si>
    <t>11.959819793701172</t>
  </si>
  <si>
    <t>982.5360717773438</t>
  </si>
  <si>
    <t>0.007191545729778426</t>
  </si>
  <si>
    <t>27757</t>
  </si>
  <si>
    <t>12.075102806091309</t>
  </si>
  <si>
    <t>719.5896606445312</t>
  </si>
  <si>
    <t>-0.0005042501187375592</t>
  </si>
  <si>
    <t>28087</t>
  </si>
  <si>
    <t>11.049185752868652</t>
  </si>
  <si>
    <t>657.683837890625</t>
  </si>
  <si>
    <t>0.01181877520542507</t>
  </si>
  <si>
    <t>28273</t>
  </si>
  <si>
    <t>12.071922302246094</t>
  </si>
  <si>
    <t>625.7088623046875</t>
  </si>
  <si>
    <t>0.006600449796717811</t>
  </si>
  <si>
    <t>28474</t>
  </si>
  <si>
    <t>11.977574348449707</t>
  </si>
  <si>
    <t>934.2391357421875</t>
  </si>
  <si>
    <t>0.007084104554964554</t>
  </si>
  <si>
    <t>28989</t>
  </si>
  <si>
    <t>12.370244026184082</t>
  </si>
  <si>
    <t>842.6002807617188</t>
  </si>
  <si>
    <t>0.01792505749372708</t>
  </si>
  <si>
    <t>12.228577613830566</t>
  </si>
  <si>
    <t>802.7244262695312</t>
  </si>
  <si>
    <t>-0.05011568266187538</t>
  </si>
  <si>
    <t>29252</t>
  </si>
  <si>
    <t>11.242444038391113</t>
  </si>
  <si>
    <t>740.5120239257812</t>
  </si>
  <si>
    <t>0.059147182385299146</t>
  </si>
  <si>
    <t>29868</t>
  </si>
  <si>
    <t>12.954166412353516</t>
  </si>
  <si>
    <t>594.1912841796875</t>
  </si>
  <si>
    <t>0.020839725764751904</t>
  </si>
  <si>
    <t>1046</t>
  </si>
  <si>
    <t>23070</t>
  </si>
  <si>
    <t>7.900001049041748</t>
  </si>
  <si>
    <t>38.13197326660156</t>
  </si>
  <si>
    <t>AriÔøΩge</t>
  </si>
  <si>
    <t>7.0916666984558105</t>
  </si>
  <si>
    <t>939.800048828125</t>
  </si>
  <si>
    <t>0.0017323521006264997</t>
  </si>
  <si>
    <t>23364</t>
  </si>
  <si>
    <t>1277.7000732421875</t>
  </si>
  <si>
    <t>0.010930951891774399</t>
  </si>
  <si>
    <t>23118</t>
  </si>
  <si>
    <t>995.300048828125</t>
  </si>
  <si>
    <t>-0.010584841305988135</t>
  </si>
  <si>
    <t>23577</t>
  </si>
  <si>
    <t>1068.9000244140625</t>
  </si>
  <si>
    <t>0.019660125680072582</t>
  </si>
  <si>
    <t>23988</t>
  </si>
  <si>
    <t>8.066667556762695</t>
  </si>
  <si>
    <t>1265.5</t>
  </si>
  <si>
    <t>0.017282044754114878</t>
  </si>
  <si>
    <t>24240</t>
  </si>
  <si>
    <t>6.941667556762695</t>
  </si>
  <si>
    <t>1511.900146484375</t>
  </si>
  <si>
    <t>0.010450455894851274</t>
  </si>
  <si>
    <t>24719</t>
  </si>
  <si>
    <t>0.019568017495695145</t>
  </si>
  <si>
    <t>25512</t>
  </si>
  <si>
    <t>877.6000366210938</t>
  </si>
  <si>
    <t>0.031576751010947035</t>
  </si>
  <si>
    <t>7.749999523162842</t>
  </si>
  <si>
    <t>1047.4000244140625</t>
  </si>
  <si>
    <t>0.028478963366138643</t>
  </si>
  <si>
    <t>1107.300048828125</t>
  </si>
  <si>
    <t>0.03164749886287588</t>
  </si>
  <si>
    <t>27930</t>
  </si>
  <si>
    <t>833.8999633789062</t>
  </si>
  <si>
    <t>0.030425988020315486</t>
  </si>
  <si>
    <t>27441</t>
  </si>
  <si>
    <t>1301.8001708984375</t>
  </si>
  <si>
    <t>-0.017663134614748444</t>
  </si>
  <si>
    <t>27646</t>
  </si>
  <si>
    <t>1254.2999267578125</t>
  </si>
  <si>
    <t>0.007442806699827997</t>
  </si>
  <si>
    <t>28757</t>
  </si>
  <si>
    <t>0.03940016382604128</t>
  </si>
  <si>
    <t>29431</t>
  </si>
  <si>
    <t>0.0231673247329649</t>
  </si>
  <si>
    <t>-0.004631687604419454</t>
  </si>
  <si>
    <t>29136</t>
  </si>
  <si>
    <t>-0.005442330011499408</t>
  </si>
  <si>
    <t>1185.7000732421875</t>
  </si>
  <si>
    <t>-0.034107503689590146</t>
  </si>
  <si>
    <t>26840</t>
  </si>
  <si>
    <t>1118.0999755859375</t>
  </si>
  <si>
    <t>-0.04797370719218108</t>
  </si>
  <si>
    <t>25872</t>
  </si>
  <si>
    <t>-0.03673200926873044</t>
  </si>
  <si>
    <t>26511</t>
  </si>
  <si>
    <t>831.4000244140625</t>
  </si>
  <si>
    <t>0.02439843836922506</t>
  </si>
  <si>
    <t>26104</t>
  </si>
  <si>
    <t>984.2999877929688</t>
  </si>
  <si>
    <t>-0.015471181912957377</t>
  </si>
  <si>
    <t>7.666666507720947</t>
  </si>
  <si>
    <t>1227.39990234375</t>
  </si>
  <si>
    <t>0.024072012382777785</t>
  </si>
  <si>
    <t>26982</t>
  </si>
  <si>
    <t>1143.2000732421875</t>
  </si>
  <si>
    <t>0.009009405342828458</t>
  </si>
  <si>
    <t>27109</t>
  </si>
  <si>
    <t>918.0999755859375</t>
  </si>
  <si>
    <t>0.004695799055962624</t>
  </si>
  <si>
    <t>943.5000610351562</t>
  </si>
  <si>
    <t>0.009362504826164297</t>
  </si>
  <si>
    <t>1009.0</t>
  </si>
  <si>
    <t>0.02682595243119934</t>
  </si>
  <si>
    <t>1398.699951171875</t>
  </si>
  <si>
    <t>-0.0032784577864557463</t>
  </si>
  <si>
    <t>28547</t>
  </si>
  <si>
    <t>1151.5</t>
  </si>
  <si>
    <t>0.01877607622825117</t>
  </si>
  <si>
    <t>26372</t>
  </si>
  <si>
    <t>1095.699951171875</t>
  </si>
  <si>
    <t>-0.07924901052069444</t>
  </si>
  <si>
    <t>27979</t>
  </si>
  <si>
    <t>843.7000122070312</t>
  </si>
  <si>
    <t>0.059151387533447064</t>
  </si>
  <si>
    <t>879.60009765625</t>
  </si>
  <si>
    <t>0.02083298150764712</t>
  </si>
  <si>
    <t>1047</t>
  </si>
  <si>
    <t>29343</t>
  </si>
  <si>
    <t>11.585951805114746</t>
  </si>
  <si>
    <t>680.0394287109375</t>
  </si>
  <si>
    <t>136.5260467529297</t>
  </si>
  <si>
    <t>Aube</t>
  </si>
  <si>
    <t>29392</t>
  </si>
  <si>
    <t>10.531495094299316</t>
  </si>
  <si>
    <t>537.4931030273438</t>
  </si>
  <si>
    <t>0.0016685114963035375</t>
  </si>
  <si>
    <t>11.596598625183105</t>
  </si>
  <si>
    <t>729.5657348632812</t>
  </si>
  <si>
    <t>0.0109630928167892</t>
  </si>
  <si>
    <t>29403</t>
  </si>
  <si>
    <t>10.797469139099121</t>
  </si>
  <si>
    <t>775.7545776367188</t>
  </si>
  <si>
    <t>-0.010588911334407314</t>
  </si>
  <si>
    <t>29987</t>
  </si>
  <si>
    <t>11.934412956237793</t>
  </si>
  <si>
    <t>813.605712890625</t>
  </si>
  <si>
    <t>0.01966724445764889</t>
  </si>
  <si>
    <t>30509</t>
  </si>
  <si>
    <t>11.317939758300781</t>
  </si>
  <si>
    <t>692.1331176757812</t>
  </si>
  <si>
    <t>0.017257767639657473</t>
  </si>
  <si>
    <t>9.809414863586426</t>
  </si>
  <si>
    <t>598.337158203125</t>
  </si>
  <si>
    <t>0.010498955258587017</t>
  </si>
  <si>
    <t>31439</t>
  </si>
  <si>
    <t>11.779366493225098</t>
  </si>
  <si>
    <t>741.982177734375</t>
  </si>
  <si>
    <t>0.019528483128343765</t>
  </si>
  <si>
    <t>11.376383781433105</t>
  </si>
  <si>
    <t>708.2026977539062</t>
  </si>
  <si>
    <t>0.03155882851399383</t>
  </si>
  <si>
    <t>11.559527397155762</t>
  </si>
  <si>
    <t>827.4069213867188</t>
  </si>
  <si>
    <t>0.028498708356449853</t>
  </si>
  <si>
    <t>34458</t>
  </si>
  <si>
    <t>11.99803638458252</t>
  </si>
  <si>
    <t>858.00439453125</t>
  </si>
  <si>
    <t>0.0316344938003823</t>
  </si>
  <si>
    <t>34515</t>
  </si>
  <si>
    <t>11.362019538879395</t>
  </si>
  <si>
    <t>821.81396484375</t>
  </si>
  <si>
    <t>0.0016528210452246839</t>
  </si>
  <si>
    <t>34976</t>
  </si>
  <si>
    <t>11.858177185058594</t>
  </si>
  <si>
    <t>799.7129516601562</t>
  </si>
  <si>
    <t>0.013268099838688485</t>
  </si>
  <si>
    <t>34858</t>
  </si>
  <si>
    <t>11.743561744689941</t>
  </si>
  <si>
    <t>600.6491088867188</t>
  </si>
  <si>
    <t>-0.003379445894637456</t>
  </si>
  <si>
    <t>11.353679656982422</t>
  </si>
  <si>
    <t>650.325439453125</t>
  </si>
  <si>
    <t>0.04523475814227673</t>
  </si>
  <si>
    <t>36115</t>
  </si>
  <si>
    <t>11.197834014892578</t>
  </si>
  <si>
    <t>565.81640625</t>
  </si>
  <si>
    <t>-0.00980913273895645</t>
  </si>
  <si>
    <t>12.251640319824219</t>
  </si>
  <si>
    <t>765.6696166992188</t>
  </si>
  <si>
    <t>0.0030135910779076625</t>
  </si>
  <si>
    <t>37068</t>
  </si>
  <si>
    <t>11.779071807861328</t>
  </si>
  <si>
    <t>801.322509765625</t>
  </si>
  <si>
    <t>0.023032181143726405</t>
  </si>
  <si>
    <t>10.948272705078125</t>
  </si>
  <si>
    <t>746.1657104492188</t>
  </si>
  <si>
    <t>-0.0036486033908573745</t>
  </si>
  <si>
    <t>35395</t>
  </si>
  <si>
    <t>11.537651062011719</t>
  </si>
  <si>
    <t>666.6035766601562</t>
  </si>
  <si>
    <t>-0.04253489310743497</t>
  </si>
  <si>
    <t>34827</t>
  </si>
  <si>
    <t>10.753687858581543</t>
  </si>
  <si>
    <t>753.8373413085938</t>
  </si>
  <si>
    <t>-0.016177619202144555</t>
  </si>
  <si>
    <t>12.334651947021484</t>
  </si>
  <si>
    <t>648.2303466796875</t>
  </si>
  <si>
    <t>0.04617931280474252</t>
  </si>
  <si>
    <t>34943</t>
  </si>
  <si>
    <t>11.294987678527832</t>
  </si>
  <si>
    <t>786.0592041015625</t>
  </si>
  <si>
    <t>-0.04285409833190812</t>
  </si>
  <si>
    <t>11.208728790283203</t>
  </si>
  <si>
    <t>797.7117309570312</t>
  </si>
  <si>
    <t>-0.011542187575114937</t>
  </si>
  <si>
    <t>34571</t>
  </si>
  <si>
    <t>12.446671485900879</t>
  </si>
  <si>
    <t>753.6131591796875</t>
  </si>
  <si>
    <t>0.0008392054085906153</t>
  </si>
  <si>
    <t>33813</t>
  </si>
  <si>
    <t>12.191027641296387</t>
  </si>
  <si>
    <t>625.5822143554688</t>
  </si>
  <si>
    <t>-0.02216983640226644</t>
  </si>
  <si>
    <t>32648</t>
  </si>
  <si>
    <t>11.270866394042969</t>
  </si>
  <si>
    <t>670.9307250976562</t>
  </si>
  <si>
    <t>-0.035061745824547685</t>
  </si>
  <si>
    <t>34023</t>
  </si>
  <si>
    <t>12.423233985900879</t>
  </si>
  <si>
    <t>734.6309204101562</t>
  </si>
  <si>
    <t>0.04125316839779991</t>
  </si>
  <si>
    <t>12.334613800048828</t>
  </si>
  <si>
    <t>616.676513671875</t>
  </si>
  <si>
    <t>0.031192853593173808</t>
  </si>
  <si>
    <t>12.516026496887207</t>
  </si>
  <si>
    <t>636.514404296875</t>
  </si>
  <si>
    <t>-0.010424218796231344</t>
  </si>
  <si>
    <t>32448</t>
  </si>
  <si>
    <t>12.597557067871094</t>
  </si>
  <si>
    <t>706.7319946289062</t>
  </si>
  <si>
    <t>-0.06816659332952746</t>
  </si>
  <si>
    <t>11.490019798278809</t>
  </si>
  <si>
    <t>693.5331420898438</t>
  </si>
  <si>
    <t>0.059144236646000437</t>
  </si>
  <si>
    <t>35150</t>
  </si>
  <si>
    <t>13.131455421447754</t>
  </si>
  <si>
    <t>617.1541748046875</t>
  </si>
  <si>
    <t>0.02084157364195427</t>
  </si>
  <si>
    <t>22990</t>
  </si>
  <si>
    <t>13.226024627685547</t>
  </si>
  <si>
    <t>753.4039916992188</t>
  </si>
  <si>
    <t>131.28091430664062</t>
  </si>
  <si>
    <t>Aude</t>
  </si>
  <si>
    <t>23029</t>
  </si>
  <si>
    <t>12.343291282653809</t>
  </si>
  <si>
    <t>1076.6993408203125</t>
  </si>
  <si>
    <t>0.0016949524907889923</t>
  </si>
  <si>
    <t>23282</t>
  </si>
  <si>
    <t>12.845294952392578</t>
  </si>
  <si>
    <t>929.0803833007812</t>
  </si>
  <si>
    <t>0.010926238560170276</t>
  </si>
  <si>
    <t>23037</t>
  </si>
  <si>
    <t>12.397319793701172</t>
  </si>
  <si>
    <t>938.1912841796875</t>
  </si>
  <si>
    <t>-0.010578910809533326</t>
  </si>
  <si>
    <t>13.526622772216797</t>
  </si>
  <si>
    <t>750.1060180664062</t>
  </si>
  <si>
    <t>0.01964345038517834</t>
  </si>
  <si>
    <t>23904</t>
  </si>
  <si>
    <t>13.275284767150879</t>
  </si>
  <si>
    <t>808.0668334960938</t>
  </si>
  <si>
    <t>0.017300739548712585</t>
  </si>
  <si>
    <t>12.329039573669434</t>
  </si>
  <si>
    <t>1052.1624755859375</t>
  </si>
  <si>
    <t>0.010445589055963822</t>
  </si>
  <si>
    <t>13.702496528625488</t>
  </si>
  <si>
    <t>685.7821044921875</t>
  </si>
  <si>
    <t>0.019555012615828815</t>
  </si>
  <si>
    <t>25422</t>
  </si>
  <si>
    <t>12.934723854064941</t>
  </si>
  <si>
    <t>736.7008056640625</t>
  </si>
  <si>
    <t>0.031568530250277504</t>
  </si>
  <si>
    <t>13.130419731140137</t>
  </si>
  <si>
    <t>713.832763671875</t>
  </si>
  <si>
    <t>0.028501900241311162</t>
  </si>
  <si>
    <t>13.742344856262207</t>
  </si>
  <si>
    <t>769.1810302734375</t>
  </si>
  <si>
    <t>0.03164594807284793</t>
  </si>
  <si>
    <t>27543</t>
  </si>
  <si>
    <t>13.03847599029541</t>
  </si>
  <si>
    <t>510.0693359375</t>
  </si>
  <si>
    <t>0.0199856306430366</t>
  </si>
  <si>
    <t>13.336265563964844</t>
  </si>
  <si>
    <t>998.42138671875</t>
  </si>
  <si>
    <t>0.017740978808406638</t>
  </si>
  <si>
    <t>29624</t>
  </si>
  <si>
    <t>13.83720874786377</t>
  </si>
  <si>
    <t>884.4910888671875</t>
  </si>
  <si>
    <t>0.05509544497323304</t>
  </si>
  <si>
    <t>30327</t>
  </si>
  <si>
    <t>12.98962688446045</t>
  </si>
  <si>
    <t>813.98486328125</t>
  </si>
  <si>
    <t>0.023453561228718556</t>
  </si>
  <si>
    <t>12.674735069274902</t>
  </si>
  <si>
    <t>948.2405395507812</t>
  </si>
  <si>
    <t>0.006736909096193955</t>
  </si>
  <si>
    <t>30833</t>
  </si>
  <si>
    <t>13.901988983154297</t>
  </si>
  <si>
    <t>452.18658447265625</t>
  </si>
  <si>
    <t>0.00981023104479739</t>
  </si>
  <si>
    <t>13.242549896240234</t>
  </si>
  <si>
    <t>634.8295288085938</t>
  </si>
  <si>
    <t>0.011383731181672019</t>
  </si>
  <si>
    <t>28508</t>
  </si>
  <si>
    <t>12.834216117858887</t>
  </si>
  <si>
    <t>833.6883544921875</t>
  </si>
  <si>
    <t>-0.08978452652307034</t>
  </si>
  <si>
    <t>13.57181167602539</t>
  </si>
  <si>
    <t>573.643798828125</t>
  </si>
  <si>
    <t>-0.014557532186916688</t>
  </si>
  <si>
    <t>12.661934852600098</t>
  </si>
  <si>
    <t>913.2136840820312</t>
  </si>
  <si>
    <t>-0.029326767660233344</t>
  </si>
  <si>
    <t>28255</t>
  </si>
  <si>
    <t>14.042023658752441</t>
  </si>
  <si>
    <t>863.2171630859375</t>
  </si>
  <si>
    <t>0.03496998328933287</t>
  </si>
  <si>
    <t>13.314421653747559</t>
  </si>
  <si>
    <t>577.9951171875</t>
  </si>
  <si>
    <t>-0.01282297178431513</t>
  </si>
  <si>
    <t>28142</t>
  </si>
  <si>
    <t>13.06209659576416</t>
  </si>
  <si>
    <t>775.4334106445312</t>
  </si>
  <si>
    <t>0.008815661068572567</t>
  </si>
  <si>
    <t>28073</t>
  </si>
  <si>
    <t>13.980257987976074</t>
  </si>
  <si>
    <t>886.1753540039062</t>
  </si>
  <si>
    <t>-0.0024548620350977046</t>
  </si>
  <si>
    <t>28129</t>
  </si>
  <si>
    <t>14.01446533203125</t>
  </si>
  <si>
    <t>544.7552490234375</t>
  </si>
  <si>
    <t>0.0019928123032180167</t>
  </si>
  <si>
    <t>28235</t>
  </si>
  <si>
    <t>13.352496147155762</t>
  </si>
  <si>
    <t>780.09375</t>
  </si>
  <si>
    <t>0.003761270490615587</t>
  </si>
  <si>
    <t>28635</t>
  </si>
  <si>
    <t>14.096256256103516</t>
  </si>
  <si>
    <t>511.96942138671875</t>
  </si>
  <si>
    <t>0.014067402721021693</t>
  </si>
  <si>
    <t>28668</t>
  </si>
  <si>
    <t>13.9901762008667</t>
  </si>
  <si>
    <t>1042.1162109375</t>
  </si>
  <si>
    <t>0.0011517722858513935</t>
  </si>
  <si>
    <t>29031</t>
  </si>
  <si>
    <t>14.236542701721191</t>
  </si>
  <si>
    <t>878.5521240234375</t>
  </si>
  <si>
    <t>0.01258270643524284</t>
  </si>
  <si>
    <t>27240</t>
  </si>
  <si>
    <t>14.12031078338623</t>
  </si>
  <si>
    <t>777.1400756835938</t>
  </si>
  <si>
    <t>-0.06367774328560394</t>
  </si>
  <si>
    <t>13.443451881408691</t>
  </si>
  <si>
    <t>524.7119140625</t>
  </si>
  <si>
    <t>0.05912051116228412</t>
  </si>
  <si>
    <t>29508</t>
  </si>
  <si>
    <t>14.969874382019043</t>
  </si>
  <si>
    <t>522.9912109375</t>
  </si>
  <si>
    <t>0.020854420578460875</t>
  </si>
  <si>
    <t>10.947447776794434</t>
  </si>
  <si>
    <t>820.9244995117188</t>
  </si>
  <si>
    <t>95.53428649902344</t>
  </si>
  <si>
    <t>Aveyron</t>
  </si>
  <si>
    <t>25415</t>
  </si>
  <si>
    <t>10.089768409729004</t>
  </si>
  <si>
    <t>911.4526977539062</t>
  </si>
  <si>
    <t>0.001693347127215361</t>
  </si>
  <si>
    <t>10.615185737609863</t>
  </si>
  <si>
    <t>0.010956869545326597</t>
  </si>
  <si>
    <t>25425</t>
  </si>
  <si>
    <t>10.1356840133667</t>
  </si>
  <si>
    <t>1085.69091796875</t>
  </si>
  <si>
    <t>-0.01056347850956918</t>
  </si>
  <si>
    <t>25929</t>
  </si>
  <si>
    <t>11.315140724182129</t>
  </si>
  <si>
    <t>945.8384399414062</t>
  </si>
  <si>
    <t>0.019629091503988505</t>
  </si>
  <si>
    <t>26381</t>
  </si>
  <si>
    <t>11.016676902770996</t>
  </si>
  <si>
    <t>931.5721435546875</t>
  </si>
  <si>
    <t>0.017282020637772177</t>
  </si>
  <si>
    <t>26659</t>
  </si>
  <si>
    <t>9.993614196777344</t>
  </si>
  <si>
    <t>1101.0101318359375</t>
  </si>
  <si>
    <t>0.010482750593340029</t>
  </si>
  <si>
    <t>27185</t>
  </si>
  <si>
    <t>11.436264991760254</t>
  </si>
  <si>
    <t>811.0015258789062</t>
  </si>
  <si>
    <t>0.01953854592816029</t>
  </si>
  <si>
    <t>10.677767753601074</t>
  </si>
  <si>
    <t>834.3201293945312</t>
  </si>
  <si>
    <t>0.03157280460451162</t>
  </si>
  <si>
    <t>10.855838775634766</t>
  </si>
  <si>
    <t>899.3030395507812</t>
  </si>
  <si>
    <t>0.02849556000763087</t>
  </si>
  <si>
    <t>11.527947425842285</t>
  </si>
  <si>
    <t>981.0980834960938</t>
  </si>
  <si>
    <t>0.031606878988915454</t>
  </si>
  <si>
    <t>10.776695251464844</t>
  </si>
  <si>
    <t>722.466064453125</t>
  </si>
  <si>
    <t>0.031256674286748165</t>
  </si>
  <si>
    <t>11.149176597595215</t>
  </si>
  <si>
    <t>1045.0562744140625</t>
  </si>
  <si>
    <t>0.016582094898085487</t>
  </si>
  <si>
    <t>31051</t>
  </si>
  <si>
    <t>11.462576866149902</t>
  </si>
  <si>
    <t>910.9660034179688</t>
  </si>
  <si>
    <t>-0.0065483494037312795</t>
  </si>
  <si>
    <t>10.751486778259277</t>
  </si>
  <si>
    <t>819.1057739257812</t>
  </si>
  <si>
    <t>0.042465678517901395</t>
  </si>
  <si>
    <t>32923</t>
  </si>
  <si>
    <t>10.449578285217285</t>
  </si>
  <si>
    <t>827.7824096679688</t>
  </si>
  <si>
    <t>0.016074809170985915</t>
  </si>
  <si>
    <t>11.67092514038086</t>
  </si>
  <si>
    <t>682.517578125</t>
  </si>
  <si>
    <t>0.009732878185486626</t>
  </si>
  <si>
    <t>33171</t>
  </si>
  <si>
    <t>10.98589038848877</t>
  </si>
  <si>
    <t>825.5011596679688</t>
  </si>
  <si>
    <t>-0.0022283796260431643</t>
  </si>
  <si>
    <t>33159</t>
  </si>
  <si>
    <t>10.532984733581543</t>
  </si>
  <si>
    <t>969.0848388671875</t>
  </si>
  <si>
    <t>-0.0003618272314476201</t>
  </si>
  <si>
    <t>31734</t>
  </si>
  <si>
    <t>11.287040710449219</t>
  </si>
  <si>
    <t>734.9141845703125</t>
  </si>
  <si>
    <t>-0.043925511685030116</t>
  </si>
  <si>
    <t>30823</t>
  </si>
  <si>
    <t>10.361489295959473</t>
  </si>
  <si>
    <t>899.722900390625</t>
  </si>
  <si>
    <t>-0.029127496767092254</t>
  </si>
  <si>
    <t>31660</t>
  </si>
  <si>
    <t>11.803364753723145</t>
  </si>
  <si>
    <t>829.0800170898438</t>
  </si>
  <si>
    <t>0.026792889908060502</t>
  </si>
  <si>
    <t>11.015215873718262</t>
  </si>
  <si>
    <t>757.0299072265625</t>
  </si>
  <si>
    <t>-0.02080881874450924</t>
  </si>
  <si>
    <t>10.794419288635254</t>
  </si>
  <si>
    <t>945.0184326171875</t>
  </si>
  <si>
    <t>-0.008030091070912349</t>
  </si>
  <si>
    <t>31656</t>
  </si>
  <si>
    <t>11.718436241149902</t>
  </si>
  <si>
    <t>1000.05029296875</t>
  </si>
  <si>
    <t>0.02871255944567963</t>
  </si>
  <si>
    <t>32163</t>
  </si>
  <si>
    <t>11.77630615234375</t>
  </si>
  <si>
    <t>737.5138549804688</t>
  </si>
  <si>
    <t>0.01588901945908816</t>
  </si>
  <si>
    <t>11.003304481506348</t>
  </si>
  <si>
    <t>806.2347412109375</t>
  </si>
  <si>
    <t>0.030497449454715664</t>
  </si>
  <si>
    <t>33244</t>
  </si>
  <si>
    <t>11.874726295471191</t>
  </si>
  <si>
    <t>785.5833740234375</t>
  </si>
  <si>
    <t>0.002560126693852638</t>
  </si>
  <si>
    <t>33276</t>
  </si>
  <si>
    <t>11.779841423034668</t>
  </si>
  <si>
    <t>939.4851684570312</t>
  </si>
  <si>
    <t>0.0009621167308608847</t>
  </si>
  <si>
    <t>33572</t>
  </si>
  <si>
    <t>12.045044898986816</t>
  </si>
  <si>
    <t>910.3732299804688</t>
  </si>
  <si>
    <t>0.008855969798940322</t>
  </si>
  <si>
    <t>31806</t>
  </si>
  <si>
    <t>11.918598175048828</t>
  </si>
  <si>
    <t>928.0894775390625</t>
  </si>
  <si>
    <t>-0.054037434986856425</t>
  </si>
  <si>
    <t>11.15008544921875</t>
  </si>
  <si>
    <t>768.8428344726562</t>
  </si>
  <si>
    <t>0.059147672502694704</t>
  </si>
  <si>
    <t>34455</t>
  </si>
  <si>
    <t>12.746864318847656</t>
  </si>
  <si>
    <t>680.6202392578125</t>
  </si>
  <si>
    <t>0.020851501072751688</t>
  </si>
  <si>
    <t>35290</t>
  </si>
  <si>
    <t>10.948626518249512</t>
  </si>
  <si>
    <t>713.1742553710938</t>
  </si>
  <si>
    <t>470.2867126464844</t>
  </si>
  <si>
    <t>Bas-Rhin</t>
  </si>
  <si>
    <t>35350</t>
  </si>
  <si>
    <t>9.920655250549316</t>
  </si>
  <si>
    <t>554.174560546875</t>
  </si>
  <si>
    <t>0.001698754655402368</t>
  </si>
  <si>
    <t>11.023884773254395</t>
  </si>
  <si>
    <t>712.0948486328125</t>
  </si>
  <si>
    <t>0.010972117388700298</t>
  </si>
  <si>
    <t>10.168523788452148</t>
  </si>
  <si>
    <t>693.8641967773438</t>
  </si>
  <si>
    <t>-0.010604433931726831</t>
  </si>
  <si>
    <t>36065</t>
  </si>
  <si>
    <t>11.263678550720215</t>
  </si>
  <si>
    <t>737.8211669921875</t>
  </si>
  <si>
    <t>0.01965679015608046</t>
  </si>
  <si>
    <t>36693</t>
  </si>
  <si>
    <t>10.574467658996582</t>
  </si>
  <si>
    <t>693.5131225585938</t>
  </si>
  <si>
    <t>0.017263135217699954</t>
  </si>
  <si>
    <t>8.991650581359863</t>
  </si>
  <si>
    <t>621.642578125</t>
  </si>
  <si>
    <t>0.010491739524319144</t>
  </si>
  <si>
    <t>37812</t>
  </si>
  <si>
    <t>11.096753120422363</t>
  </si>
  <si>
    <t>634.904052734375</t>
  </si>
  <si>
    <t>0.01954877186548387</t>
  </si>
  <si>
    <t>10.710189819335938</t>
  </si>
  <si>
    <t>684.197021484375</t>
  </si>
  <si>
    <t>0.03155032891042531</t>
  </si>
  <si>
    <t>40152</t>
  </si>
  <si>
    <t>11.02795696258545</t>
  </si>
  <si>
    <t>801.9248046875</t>
  </si>
  <si>
    <t>0.028495410879068928</t>
  </si>
  <si>
    <t>41443</t>
  </si>
  <si>
    <t>11.388420104980469</t>
  </si>
  <si>
    <t>723.3638305664062</t>
  </si>
  <si>
    <t>0.03164673680068297</t>
  </si>
  <si>
    <t>10.698369026184082</t>
  </si>
  <si>
    <t>741.9436645507812</t>
  </si>
  <si>
    <t>-0.006560575489002574</t>
  </si>
  <si>
    <t>40834</t>
  </si>
  <si>
    <t>11.174983978271484</t>
  </si>
  <si>
    <t>914.5882568359375</t>
  </si>
  <si>
    <t>-0.00824334595030507</t>
  </si>
  <si>
    <t>41280</t>
  </si>
  <si>
    <t>11.130087852478027</t>
  </si>
  <si>
    <t>536.2482299804688</t>
  </si>
  <si>
    <t>0.01086305345929972</t>
  </si>
  <si>
    <t>42058</t>
  </si>
  <si>
    <t>10.755087852478027</t>
  </si>
  <si>
    <t>599.3950805664062</t>
  </si>
  <si>
    <t>0.018671496853205127</t>
  </si>
  <si>
    <t>10.609932899475098</t>
  </si>
  <si>
    <t>610.7249145507812</t>
  </si>
  <si>
    <t>-0.019543970370815344</t>
  </si>
  <si>
    <t>41884</t>
  </si>
  <si>
    <t>11.66664981842041</t>
  </si>
  <si>
    <t>784.0928955078125</t>
  </si>
  <si>
    <t>0.015398244769517788</t>
  </si>
  <si>
    <t>11.273368835449219</t>
  </si>
  <si>
    <t>753.8610229492188</t>
  </si>
  <si>
    <t>0.025854265154128697</t>
  </si>
  <si>
    <t>43729</t>
  </si>
  <si>
    <t>10.356701850891113</t>
  </si>
  <si>
    <t>651.1884155273438</t>
  </si>
  <si>
    <t>0.017253339987401972</t>
  </si>
  <si>
    <t>42510</t>
  </si>
  <si>
    <t>10.93170166015625</t>
  </si>
  <si>
    <t>664.86962890625</t>
  </si>
  <si>
    <t>-0.02827215519604742</t>
  </si>
  <si>
    <t>42293</t>
  </si>
  <si>
    <t>10.033060073852539</t>
  </si>
  <si>
    <t>717.71630859375</t>
  </si>
  <si>
    <t>-0.005117754646128958</t>
  </si>
  <si>
    <t>43117</t>
  </si>
  <si>
    <t>11.626599311828613</t>
  </si>
  <si>
    <t>597.5995483398438</t>
  </si>
  <si>
    <t>0.01929576317198034</t>
  </si>
  <si>
    <t>42405</t>
  </si>
  <si>
    <t>10.63196086883545</t>
  </si>
  <si>
    <t>671.8724975585938</t>
  </si>
  <si>
    <t>-0.01665107108288666</t>
  </si>
  <si>
    <t>42605</t>
  </si>
  <si>
    <t>10.578213691711426</t>
  </si>
  <si>
    <t>730.7415771484375</t>
  </si>
  <si>
    <t>0.004705337466255344</t>
  </si>
  <si>
    <t>11.91529369354248</t>
  </si>
  <si>
    <t>651.5033569335938</t>
  </si>
  <si>
    <t>0.007319701074383289</t>
  </si>
  <si>
    <t>42817</t>
  </si>
  <si>
    <t>11.603472709655762</t>
  </si>
  <si>
    <t>536.041015625</t>
  </si>
  <si>
    <t>-0.0023560983664214774</t>
  </si>
  <si>
    <t>43611</t>
  </si>
  <si>
    <t>10.651599884033203</t>
  </si>
  <si>
    <t>641.2747802734375</t>
  </si>
  <si>
    <t>0.018374192124417377</t>
  </si>
  <si>
    <t>11.828472137451172</t>
  </si>
  <si>
    <t>721.9453125</t>
  </si>
  <si>
    <t>0.010537937944102183</t>
  </si>
  <si>
    <t>44752</t>
  </si>
  <si>
    <t>11.750243186950684</t>
  </si>
  <si>
    <t>530.60302734375</t>
  </si>
  <si>
    <t>0.015288786403203858</t>
  </si>
  <si>
    <t>45118</t>
  </si>
  <si>
    <t>11.953472137451172</t>
  </si>
  <si>
    <t>595.90283203125</t>
  </si>
  <si>
    <t>0.008145143506627761</t>
  </si>
  <si>
    <t>41713</t>
  </si>
  <si>
    <t>12.04164981842041</t>
  </si>
  <si>
    <t>637.8757934570312</t>
  </si>
  <si>
    <t>-0.07846844914607587</t>
  </si>
  <si>
    <t>10.815035820007324</t>
  </si>
  <si>
    <t>675.3117065429688</t>
  </si>
  <si>
    <t>0.05915552860068374</t>
  </si>
  <si>
    <t>45186</t>
  </si>
  <si>
    <t>12.526598930358887</t>
  </si>
  <si>
    <t>599.3465576171875</t>
  </si>
  <si>
    <t>0.02081894492643066</t>
  </si>
  <si>
    <t>1051</t>
  </si>
  <si>
    <t>32412</t>
  </si>
  <si>
    <t>14.649266242980957</t>
  </si>
  <si>
    <t>550.5867309570312</t>
  </si>
  <si>
    <t>1975.234619140625</t>
  </si>
  <si>
    <t>Bouches-du-RhÔøΩne</t>
  </si>
  <si>
    <t>13.892608642578125</t>
  </si>
  <si>
    <t>546.0985717773438</t>
  </si>
  <si>
    <t>0.0016954642696465072</t>
  </si>
  <si>
    <t>32825</t>
  </si>
  <si>
    <t>14.360377311706543</t>
  </si>
  <si>
    <t>560.2570190429688</t>
  </si>
  <si>
    <t>0.010966231320733044</t>
  </si>
  <si>
    <t>32479</t>
  </si>
  <si>
    <t>13.959555625915527</t>
  </si>
  <si>
    <t>755.6476440429688</t>
  </si>
  <si>
    <t>-0.01059669354668813</t>
  </si>
  <si>
    <t>15.042945861816406</t>
  </si>
  <si>
    <t>757.4230346679688</t>
  </si>
  <si>
    <t>0.01963417848293858</t>
  </si>
  <si>
    <t>14.766899108886719</t>
  </si>
  <si>
    <t>793.5956420898438</t>
  </si>
  <si>
    <t>0.01726993223320683</t>
  </si>
  <si>
    <t>34055</t>
  </si>
  <si>
    <t>13.91916275024414</t>
  </si>
  <si>
    <t>868.6475219726562</t>
  </si>
  <si>
    <t>0.010479027334964641</t>
  </si>
  <si>
    <t>34728</t>
  </si>
  <si>
    <t>15.220076560974121</t>
  </si>
  <si>
    <t>478.52166748046875</t>
  </si>
  <si>
    <t>0.019569413304012073</t>
  </si>
  <si>
    <t>14.437760353088379</t>
  </si>
  <si>
    <t>627.8341674804688</t>
  </si>
  <si>
    <t>0.03154621150590309</t>
  </si>
  <si>
    <t>36877</t>
  </si>
  <si>
    <t>14.64453411102295</t>
  </si>
  <si>
    <t>657.3505859375</t>
  </si>
  <si>
    <t>0.028495560974134193</t>
  </si>
  <si>
    <t>15.2357177734375</t>
  </si>
  <si>
    <t>814.6348876953125</t>
  </si>
  <si>
    <t>0.03165463119550438</t>
  </si>
  <si>
    <t>38815</t>
  </si>
  <si>
    <t>14.61196517944336</t>
  </si>
  <si>
    <t>438.2370910644531</t>
  </si>
  <si>
    <t>0.01956408818480959</t>
  </si>
  <si>
    <t>38313</t>
  </si>
  <si>
    <t>14.868770599365234</t>
  </si>
  <si>
    <t>884.1116333007812</t>
  </si>
  <si>
    <t>-0.01301750567541049</t>
  </si>
  <si>
    <t>38660</t>
  </si>
  <si>
    <t>15.339829444885254</t>
  </si>
  <si>
    <t>568.2327270507812</t>
  </si>
  <si>
    <t>0.009016209597950464</t>
  </si>
  <si>
    <t>14.527073860168457</t>
  </si>
  <si>
    <t>473.5739440917969</t>
  </si>
  <si>
    <t>0.04082613315628514</t>
  </si>
  <si>
    <t>41216</t>
  </si>
  <si>
    <t>14.184639930725098</t>
  </si>
  <si>
    <t>576.466064453125</t>
  </si>
  <si>
    <t>0.023194923545419854</t>
  </si>
  <si>
    <t>42066</t>
  </si>
  <si>
    <t>15.504085540771484</t>
  </si>
  <si>
    <t>439.8143310546875</t>
  </si>
  <si>
    <t>0.02041328297099554</t>
  </si>
  <si>
    <t>42002</t>
  </si>
  <si>
    <t>14.857230186462402</t>
  </si>
  <si>
    <t>441.9463195800781</t>
  </si>
  <si>
    <t>-0.0015225772556490824</t>
  </si>
  <si>
    <t>42948</t>
  </si>
  <si>
    <t>14.47307300567627</t>
  </si>
  <si>
    <t>812.8582763671875</t>
  </si>
  <si>
    <t>0.022272845374653016</t>
  </si>
  <si>
    <t>42237</t>
  </si>
  <si>
    <t>15.148898124694824</t>
  </si>
  <si>
    <t>702.4993286132812</t>
  </si>
  <si>
    <t>-0.016693467423388952</t>
  </si>
  <si>
    <t>44573</t>
  </si>
  <si>
    <t>14.245269775390625</t>
  </si>
  <si>
    <t>702.5535278320312</t>
  </si>
  <si>
    <t>0.05383168039443298</t>
  </si>
  <si>
    <t>15.525885581970215</t>
  </si>
  <si>
    <t>554.1519165039062</t>
  </si>
  <si>
    <t>-0.005015585787344179</t>
  </si>
  <si>
    <t>45797</t>
  </si>
  <si>
    <t>14.896063804626465</t>
  </si>
  <si>
    <t>586.2404174804688</t>
  </si>
  <si>
    <t>0.032105878035782354</t>
  </si>
  <si>
    <t>44527</t>
  </si>
  <si>
    <t>14.702807426452637</t>
  </si>
  <si>
    <t>728.8890991210938</t>
  </si>
  <si>
    <t>-0.028122840039390695</t>
  </si>
  <si>
    <t>45019</t>
  </si>
  <si>
    <t>15.549721717834473</t>
  </si>
  <si>
    <t>679.501708984375</t>
  </si>
  <si>
    <t>0.010988876129841785</t>
  </si>
  <si>
    <t>45223</t>
  </si>
  <si>
    <t>15.549267768859863</t>
  </si>
  <si>
    <t>499.758544921875</t>
  </si>
  <si>
    <t>0.004521184093851716</t>
  </si>
  <si>
    <t>44801</t>
  </si>
  <si>
    <t>14.971968650817871</t>
  </si>
  <si>
    <t>494.2732849121094</t>
  </si>
  <si>
    <t>-0.00937534637528259</t>
  </si>
  <si>
    <t>45891</t>
  </si>
  <si>
    <t>15.660407066345215</t>
  </si>
  <si>
    <t>454.4178771972656</t>
  </si>
  <si>
    <t>0.0240385588088472</t>
  </si>
  <si>
    <t>46456</t>
  </si>
  <si>
    <t>15.548473358154297</t>
  </si>
  <si>
    <t>789.770263671875</t>
  </si>
  <si>
    <t>0.012236608660510129</t>
  </si>
  <si>
    <t>46988</t>
  </si>
  <si>
    <t>15.785435676574707</t>
  </si>
  <si>
    <t>699.2311401367188</t>
  </si>
  <si>
    <t>0.011386621891890769</t>
  </si>
  <si>
    <t>44628</t>
  </si>
  <si>
    <t>15.6199312210083</t>
  </si>
  <si>
    <t>588.309326171875</t>
  </si>
  <si>
    <t>-0.051530785230706755</t>
  </si>
  <si>
    <t>47347</t>
  </si>
  <si>
    <t>15.05332088470459</t>
  </si>
  <si>
    <t>489.9833984375</t>
  </si>
  <si>
    <t>0.05914199492140959</t>
  </si>
  <si>
    <t>48344</t>
  </si>
  <si>
    <t>16.525062561035156</t>
  </si>
  <si>
    <t>441.5578918457031</t>
  </si>
  <si>
    <t>0.020838659406916094</t>
  </si>
  <si>
    <t>29980</t>
  </si>
  <si>
    <t>11.770461082458496</t>
  </si>
  <si>
    <t>636.89697265625</t>
  </si>
  <si>
    <t>483.46075439453125</t>
  </si>
  <si>
    <t>Calvados</t>
  </si>
  <si>
    <t>10.707213401794434</t>
  </si>
  <si>
    <t>522.9378662109375</t>
  </si>
  <si>
    <t>0.0016996887996523213</t>
  </si>
  <si>
    <t>11.727185249328613</t>
  </si>
  <si>
    <t>787.0982666015625</t>
  </si>
  <si>
    <t>0.010961645036418943</t>
  </si>
  <si>
    <t>30043</t>
  </si>
  <si>
    <t>10.859455108642578</t>
  </si>
  <si>
    <t>774.6901245117188</t>
  </si>
  <si>
    <t>-0.010562137756743084</t>
  </si>
  <si>
    <t>30638</t>
  </si>
  <si>
    <t>11.943852424621582</t>
  </si>
  <si>
    <t>899.889892578125</t>
  </si>
  <si>
    <t>0.019611379836725007</t>
  </si>
  <si>
    <t>31172</t>
  </si>
  <si>
    <t>11.453475952148438</t>
  </si>
  <si>
    <t>669.59716796875</t>
  </si>
  <si>
    <t>0.017279187390808914</t>
  </si>
  <si>
    <t>31501</t>
  </si>
  <si>
    <t>9.990546226501465</t>
  </si>
  <si>
    <t>569.8400268554688</t>
  </si>
  <si>
    <t>0.010499035378124688</t>
  </si>
  <si>
    <t>11.838305473327637</t>
  </si>
  <si>
    <t>783.2569580078125</t>
  </si>
  <si>
    <t>0.019552993108570504</t>
  </si>
  <si>
    <t>33153</t>
  </si>
  <si>
    <t>11.523880958557129</t>
  </si>
  <si>
    <t>764.6785278320312</t>
  </si>
  <si>
    <t>0.03156092580674574</t>
  </si>
  <si>
    <t>11.767786979675293</t>
  </si>
  <si>
    <t>862.0205078125</t>
  </si>
  <si>
    <t>0.028486702641927764</t>
  </si>
  <si>
    <t>12.149944305419922</t>
  </si>
  <si>
    <t>1047.2469482421875</t>
  </si>
  <si>
    <t>0.031625013552980974</t>
  </si>
  <si>
    <t>34965</t>
  </si>
  <si>
    <t>11.541609764099121</t>
  </si>
  <si>
    <t>830.8770141601562</t>
  </si>
  <si>
    <t>-0.006897365313832893</t>
  </si>
  <si>
    <t>11.95721435546875</t>
  </si>
  <si>
    <t>902.9407348632812</t>
  </si>
  <si>
    <t>0.023963394827250184</t>
  </si>
  <si>
    <t>36207</t>
  </si>
  <si>
    <t>11.951554298400879</t>
  </si>
  <si>
    <t>681.7252807617188</t>
  </si>
  <si>
    <t>0.01094151432078938</t>
  </si>
  <si>
    <t>11.48830509185791</t>
  </si>
  <si>
    <t>618.8794555664062</t>
  </si>
  <si>
    <t>0.022340889849992607</t>
  </si>
  <si>
    <t>37097</t>
  </si>
  <si>
    <t>11.359455108642578</t>
  </si>
  <si>
    <t>557.7002563476562</t>
  </si>
  <si>
    <t>0.001942743656282886</t>
  </si>
  <si>
    <t>37955</t>
  </si>
  <si>
    <t>12.353050231933594</t>
  </si>
  <si>
    <t>735.8294677734375</t>
  </si>
  <si>
    <t>0.02286514365858494</t>
  </si>
  <si>
    <t>38221</t>
  </si>
  <si>
    <t>11.873879432678223</t>
  </si>
  <si>
    <t>820.8870849609375</t>
  </si>
  <si>
    <t>0.006983855312995502</t>
  </si>
  <si>
    <t>38657</t>
  </si>
  <si>
    <t>11.098880767822266</t>
  </si>
  <si>
    <t>754.4797973632812</t>
  </si>
  <si>
    <t>0.011342768401318537</t>
  </si>
  <si>
    <t>37634</t>
  </si>
  <si>
    <t>11.51661205291748</t>
  </si>
  <si>
    <t>691.3455200195312</t>
  </si>
  <si>
    <t>-0.02681997406059189</t>
  </si>
  <si>
    <t>39368</t>
  </si>
  <si>
    <t>10.839369773864746</t>
  </si>
  <si>
    <t>712.9678344726562</t>
  </si>
  <si>
    <t>0.04504540644122379</t>
  </si>
  <si>
    <t>40364</t>
  </si>
  <si>
    <t>12.393963813781738</t>
  </si>
  <si>
    <t>607.4230346679688</t>
  </si>
  <si>
    <t>0.024984995038606073</t>
  </si>
  <si>
    <t>38552</t>
  </si>
  <si>
    <t>11.296525001525879</t>
  </si>
  <si>
    <t>866.4840698242188</t>
  </si>
  <si>
    <t>-0.04593031926425084</t>
  </si>
  <si>
    <t>38123</t>
  </si>
  <si>
    <t>11.247703552246094</t>
  </si>
  <si>
    <t>793.7908935546875</t>
  </si>
  <si>
    <t>-0.011190204802872472</t>
  </si>
  <si>
    <t>38067</t>
  </si>
  <si>
    <t>12.512127876281738</t>
  </si>
  <si>
    <t>784.6583251953125</t>
  </si>
  <si>
    <t>-0.0014700094522730467</t>
  </si>
  <si>
    <t>38180</t>
  </si>
  <si>
    <t>12.279313087463379</t>
  </si>
  <si>
    <t>698.1702270507812</t>
  </si>
  <si>
    <t>0.0029640532147148235</t>
  </si>
  <si>
    <t>11.435405731201172</t>
  </si>
  <si>
    <t>671.4908447265625</t>
  </si>
  <si>
    <t>0.010344425658809442</t>
  </si>
  <si>
    <t>12.619057655334473</t>
  </si>
  <si>
    <t>749.047119140625</t>
  </si>
  <si>
    <t>-0.031734483025701365</t>
  </si>
  <si>
    <t>37872</t>
  </si>
  <si>
    <t>12.552504539489746</t>
  </si>
  <si>
    <t>680.78125</t>
  </si>
  <si>
    <t>0.01329029184091901</t>
  </si>
  <si>
    <t>12.705490112304688</t>
  </si>
  <si>
    <t>753.9304809570312</t>
  </si>
  <si>
    <t>0.007444757969967242</t>
  </si>
  <si>
    <t>12.768627166748047</t>
  </si>
  <si>
    <t>798.2835693359375</t>
  </si>
  <si>
    <t>-0.06482686043628227</t>
  </si>
  <si>
    <t>11.5916109085083</t>
  </si>
  <si>
    <t>709.2975463867188</t>
  </si>
  <si>
    <t>0.05912329799921778</t>
  </si>
  <si>
    <t>38737</t>
  </si>
  <si>
    <t>13.256874084472656</t>
  </si>
  <si>
    <t>673.3444213867188</t>
  </si>
  <si>
    <t>0.020841967336554745</t>
  </si>
  <si>
    <t>1053</t>
  </si>
  <si>
    <t>22859</t>
  </si>
  <si>
    <t>10.316522598266602</t>
  </si>
  <si>
    <t>828.581298828125</t>
  </si>
  <si>
    <t>117.91838836669922</t>
  </si>
  <si>
    <t>Cantal</t>
  </si>
  <si>
    <t>22898</t>
  </si>
  <si>
    <t>9.45090389251709</t>
  </si>
  <si>
    <t>746.3145141601562</t>
  </si>
  <si>
    <t>0.0017046576237085276</t>
  </si>
  <si>
    <t>23150</t>
  </si>
  <si>
    <t>10.061079978942871</t>
  </si>
  <si>
    <t>940.63720703125</t>
  </si>
  <si>
    <t>0.010945210030623542</t>
  </si>
  <si>
    <t>9.479738235473633</t>
  </si>
  <si>
    <t>1071.74658203125</t>
  </si>
  <si>
    <t>-0.010595895556718915</t>
  </si>
  <si>
    <t>23360</t>
  </si>
  <si>
    <t>10.703446388244629</t>
  </si>
  <si>
    <t>1042.5081787109375</t>
  </si>
  <si>
    <t>0.01962627298450137</t>
  </si>
  <si>
    <t>23768</t>
  </si>
  <si>
    <t>10.355393409729004</t>
  </si>
  <si>
    <t>903.6719970703125</t>
  </si>
  <si>
    <t>0.017314980200280772</t>
  </si>
  <si>
    <t>24018</t>
  </si>
  <si>
    <t>9.20199966430664</t>
  </si>
  <si>
    <t>996.916259765625</t>
  </si>
  <si>
    <t>0.010463411078184492</t>
  </si>
  <si>
    <t>24492</t>
  </si>
  <si>
    <t>10.801955223083496</t>
  </si>
  <si>
    <t>819.0081787109375</t>
  </si>
  <si>
    <t>0.019542984377217465</t>
  </si>
  <si>
    <t>25277</t>
  </si>
  <si>
    <t>9.99761962890625</t>
  </si>
  <si>
    <t>822.0765380859375</t>
  </si>
  <si>
    <t>0.03154835773492515</t>
  </si>
  <si>
    <t>10.181745529174805</t>
  </si>
  <si>
    <t>959.78564453125</t>
  </si>
  <si>
    <t>0.028509291650969715</t>
  </si>
  <si>
    <t>26844</t>
  </si>
  <si>
    <t>10.8827486038208</t>
  </si>
  <si>
    <t>984.4854125976562</t>
  </si>
  <si>
    <t>0.03163814929438935</t>
  </si>
  <si>
    <t>27027</t>
  </si>
  <si>
    <t>10.046566009521484</t>
  </si>
  <si>
    <t>0.00679403404141965</t>
  </si>
  <si>
    <t>27843</t>
  </si>
  <si>
    <t>10.450257301330566</t>
  </si>
  <si>
    <t>946.1220703125</t>
  </si>
  <si>
    <t>0.029745221943953126</t>
  </si>
  <si>
    <t>10.666077613830566</t>
  </si>
  <si>
    <t>841.0341186523438</t>
  </si>
  <si>
    <t>0.011143370425216403</t>
  </si>
  <si>
    <t>29268</t>
  </si>
  <si>
    <t>10.050206184387207</t>
  </si>
  <si>
    <t>789.5421142578125</t>
  </si>
  <si>
    <t>0.03876981031520188</t>
  </si>
  <si>
    <t>29232</t>
  </si>
  <si>
    <t>9.802847862243652</t>
  </si>
  <si>
    <t>744.0093383789062</t>
  </si>
  <si>
    <t>-0.0012307693861330904</t>
  </si>
  <si>
    <t>30042</t>
  </si>
  <si>
    <t>10.989825248718262</t>
  </si>
  <si>
    <t>887.3602905273438</t>
  </si>
  <si>
    <t>0.02733240294021222</t>
  </si>
  <si>
    <t>30834</t>
  </si>
  <si>
    <t>10.245217323303223</t>
  </si>
  <si>
    <t>890.138427734375</t>
  </si>
  <si>
    <t>0.026021574662284053</t>
  </si>
  <si>
    <t>9.727099418640137</t>
  </si>
  <si>
    <t>1044.3680419921875</t>
  </si>
  <si>
    <t>-0.018659089907419713</t>
  </si>
  <si>
    <t>10.530050277709961</t>
  </si>
  <si>
    <t>786.9624633789062</t>
  </si>
  <si>
    <t>-0.029542611518794004</t>
  </si>
  <si>
    <t>28931</t>
  </si>
  <si>
    <t>9.593819618225098</t>
  </si>
  <si>
    <t>875.7539672851562</t>
  </si>
  <si>
    <t>-0.015502591227024354</t>
  </si>
  <si>
    <t>30310</t>
  </si>
  <si>
    <t>11.163127899169922</t>
  </si>
  <si>
    <t>784.40771484375</t>
  </si>
  <si>
    <t>0.04656400648480208</t>
  </si>
  <si>
    <t>10.241724967956543</t>
  </si>
  <si>
    <t>857.6646728515625</t>
  </si>
  <si>
    <t>-0.002642882278344416</t>
  </si>
  <si>
    <t>30853</t>
  </si>
  <si>
    <t>10.020609855651855</t>
  </si>
  <si>
    <t>1021.1550903320312</t>
  </si>
  <si>
    <t>0.020399181564645374</t>
  </si>
  <si>
    <t>30126</t>
  </si>
  <si>
    <t>11.043816566467285</t>
  </si>
  <si>
    <t>972.5606079101562</t>
  </si>
  <si>
    <t>-0.023845404075387933</t>
  </si>
  <si>
    <t>11.115570068359375</t>
  </si>
  <si>
    <t>754.2665405273438</t>
  </si>
  <si>
    <t>0.00023233044131032443</t>
  </si>
  <si>
    <t>30004</t>
  </si>
  <si>
    <t>10.25408935546875</t>
  </si>
  <si>
    <t>816.4971923828125</t>
  </si>
  <si>
    <t>-0.00429021061454371</t>
  </si>
  <si>
    <t>11.168517112731934</t>
  </si>
  <si>
    <t>897.80126953125</t>
  </si>
  <si>
    <t>0.03713034674493265</t>
  </si>
  <si>
    <t>11.108084678649902</t>
  </si>
  <si>
    <t>822.37353515625</t>
  </si>
  <si>
    <t>-0.001221079843238826</t>
  </si>
  <si>
    <t>11.414721488952637</t>
  </si>
  <si>
    <t>847.3882446289062</t>
  </si>
  <si>
    <t>0.00487539856562158</t>
  </si>
  <si>
    <t>11.29586124420166</t>
  </si>
  <si>
    <t>917.1333618164062</t>
  </si>
  <si>
    <t>-0.0413514171619056</t>
  </si>
  <si>
    <t>10.3916597366333</t>
  </si>
  <si>
    <t>866.3516845703125</t>
  </si>
  <si>
    <t>0.059142490063369024</t>
  </si>
  <si>
    <t>12.124655723571777</t>
  </si>
  <si>
    <t>716.4531860351562</t>
  </si>
  <si>
    <t>0.02084121594399413</t>
  </si>
  <si>
    <t>13.164935111999512</t>
  </si>
  <si>
    <t>772.60498046875</t>
  </si>
  <si>
    <t>139.11541748046875</t>
  </si>
  <si>
    <t>Charente</t>
  </si>
  <si>
    <t>11.93677806854248</t>
  </si>
  <si>
    <t>678.8807373046875</t>
  </si>
  <si>
    <t>0.0016911123091070124</t>
  </si>
  <si>
    <t>31114</t>
  </si>
  <si>
    <t>12.650291442871094</t>
  </si>
  <si>
    <t>958.4425659179688</t>
  </si>
  <si>
    <t>0.010955206594413625</t>
  </si>
  <si>
    <t>30786</t>
  </si>
  <si>
    <t>12.076420783996582</t>
  </si>
  <si>
    <t>1003.6917724609375</t>
  </si>
  <si>
    <t>-0.010597837477048344</t>
  </si>
  <si>
    <t>13.20546817779541</t>
  </si>
  <si>
    <t>1232.3009033203125</t>
  </si>
  <si>
    <t>0.019652305760681443</t>
  </si>
  <si>
    <t>31944</t>
  </si>
  <si>
    <t>13.068087577819824</t>
  </si>
  <si>
    <t>945.538818359375</t>
  </si>
  <si>
    <t>0.017272022812356624</t>
  </si>
  <si>
    <t>32281</t>
  </si>
  <si>
    <t>11.764933586120605</t>
  </si>
  <si>
    <t>766.3950805664062</t>
  </si>
  <si>
    <t>0.01049445209531541</t>
  </si>
  <si>
    <t>32918</t>
  </si>
  <si>
    <t>13.464934349060059</t>
  </si>
  <si>
    <t>947.788330078125</t>
  </si>
  <si>
    <t>0.0195407987656413</t>
  </si>
  <si>
    <t>12.776420593261719</t>
  </si>
  <si>
    <t>904.8375244140625</t>
  </si>
  <si>
    <t>0.03157590557524159</t>
  </si>
  <si>
    <t>34956</t>
  </si>
  <si>
    <t>12.873265266418457</t>
  </si>
  <si>
    <t>1102.0406494140625</t>
  </si>
  <si>
    <t>0.028494601568178624</t>
  </si>
  <si>
    <t>36079</t>
  </si>
  <si>
    <t>13.280468940734863</t>
  </si>
  <si>
    <t>1176.3712158203125</t>
  </si>
  <si>
    <t>0.03162085085877209</t>
  </si>
  <si>
    <t>12.738802909851074</t>
  </si>
  <si>
    <t>961.5368041992188</t>
  </si>
  <si>
    <t>-0.0013035461068433563</t>
  </si>
  <si>
    <t>36552</t>
  </si>
  <si>
    <t>13.028446197509766</t>
  </si>
  <si>
    <t>1062.2869873046875</t>
  </si>
  <si>
    <t>0.014328471743745297</t>
  </si>
  <si>
    <t>13.264933586120605</t>
  </si>
  <si>
    <t>926.8408203125</t>
  </si>
  <si>
    <t>0.020176990199793465</t>
  </si>
  <si>
    <t>12.68677806854248</t>
  </si>
  <si>
    <t>720.5179443359375</t>
  </si>
  <si>
    <t>-0.0005632065373557538</t>
  </si>
  <si>
    <t>36351</t>
  </si>
  <si>
    <t>12.49624252319336</t>
  </si>
  <si>
    <t>662.8059692382812</t>
  </si>
  <si>
    <t>-0.0251279740059136</t>
  </si>
  <si>
    <t>36253</t>
  </si>
  <si>
    <t>13.558623313903809</t>
  </si>
  <si>
    <t>944.4277954101562</t>
  </si>
  <si>
    <t>-0.002699577420427701</t>
  </si>
  <si>
    <t>12.948265075683594</t>
  </si>
  <si>
    <t>998.5106201171875</t>
  </si>
  <si>
    <t>0.02932873120643187</t>
  </si>
  <si>
    <t>36062</t>
  </si>
  <si>
    <t>12.320111274719238</t>
  </si>
  <si>
    <t>935.4050903320312</t>
  </si>
  <si>
    <t>-0.03461118834932364</t>
  </si>
  <si>
    <t>12.875289916992188</t>
  </si>
  <si>
    <t>835.5848388671875</t>
  </si>
  <si>
    <t>-0.047939214699679766</t>
  </si>
  <si>
    <t>12.133625030517578</t>
  </si>
  <si>
    <t>832.632568359375</t>
  </si>
  <si>
    <t>-0.0030009491528559806</t>
  </si>
  <si>
    <t>35527</t>
  </si>
  <si>
    <t>13.806599617004395</t>
  </si>
  <si>
    <t>754.6577758789062</t>
  </si>
  <si>
    <t>0.03599345527825193</t>
  </si>
  <si>
    <t>12.663802146911621</t>
  </si>
  <si>
    <t>1015.1214599609375</t>
  </si>
  <si>
    <t>0.024468093066357</t>
  </si>
  <si>
    <t>36195</t>
  </si>
  <si>
    <t>12.66808795928955</t>
  </si>
  <si>
    <t>1022.15869140625</t>
  </si>
  <si>
    <t>-0.0058400761011441205</t>
  </si>
  <si>
    <t>35834</t>
  </si>
  <si>
    <t>13.670111656188965</t>
  </si>
  <si>
    <t>953.9542846679688</t>
  </si>
  <si>
    <t>-0.01002382436739957</t>
  </si>
  <si>
    <t>36984</t>
  </si>
  <si>
    <t>13.657492637634277</t>
  </si>
  <si>
    <t>800.4287719726562</t>
  </si>
  <si>
    <t>0.0315882233082192</t>
  </si>
  <si>
    <t>37011</t>
  </si>
  <si>
    <t>12.938803672790527</t>
  </si>
  <si>
    <t>727.2778930664062</t>
  </si>
  <si>
    <t>0.0007297790715128372</t>
  </si>
  <si>
    <t>37845</t>
  </si>
  <si>
    <t>13.718981742858887</t>
  </si>
  <si>
    <t>890.49462890625</t>
  </si>
  <si>
    <t>0.02228370500369259</t>
  </si>
  <si>
    <t>13.579339027404785</t>
  </si>
  <si>
    <t>797.6047973632812</t>
  </si>
  <si>
    <t>0.022805737420627636</t>
  </si>
  <si>
    <t>39986</t>
  </si>
  <si>
    <t>13.847134590148926</t>
  </si>
  <si>
    <t>931.9678344726562</t>
  </si>
  <si>
    <t>0.03222478466788381</t>
  </si>
  <si>
    <t>13.863802909851074</t>
  </si>
  <si>
    <t>1014.0781860351562</t>
  </si>
  <si>
    <t>-0.06680521392311256</t>
  </si>
  <si>
    <t>13.116957664489746</t>
  </si>
  <si>
    <t>811.0068969726562</t>
  </si>
  <si>
    <t>0.05914830478549149</t>
  </si>
  <si>
    <t>40516</t>
  </si>
  <si>
    <t>14.605469703674316</t>
  </si>
  <si>
    <t>742.14453125</t>
  </si>
  <si>
    <t>0.020824474112529856</t>
  </si>
  <si>
    <t>24994</t>
  </si>
  <si>
    <t>13.690892219543457</t>
  </si>
  <si>
    <t>766.0542602539062</t>
  </si>
  <si>
    <t>194.66412353515625</t>
  </si>
  <si>
    <t>Charente-Maritime</t>
  </si>
  <si>
    <t>25036</t>
  </si>
  <si>
    <t>12.411089897155762</t>
  </si>
  <si>
    <t>713.8075561523438</t>
  </si>
  <si>
    <t>0.0016789929988618724</t>
  </si>
  <si>
    <t>25312</t>
  </si>
  <si>
    <t>13.154147148132324</t>
  </si>
  <si>
    <t>929.6655883789062</t>
  </si>
  <si>
    <t>0.010963802522789834</t>
  </si>
  <si>
    <t>25046</t>
  </si>
  <si>
    <t>12.580280303955078</t>
  </si>
  <si>
    <t>1027.90234375</t>
  </si>
  <si>
    <t>-0.01056445744340273</t>
  </si>
  <si>
    <t>25542</t>
  </si>
  <si>
    <t>13.72104549407959</t>
  </si>
  <si>
    <t>1173.4049072265625</t>
  </si>
  <si>
    <t>0.019610021932228605</t>
  </si>
  <si>
    <t>25988</t>
  </si>
  <si>
    <t>13.623879432678223</t>
  </si>
  <si>
    <t>926.0177001953125</t>
  </si>
  <si>
    <t>0.017310736944214256</t>
  </si>
  <si>
    <t>26261</t>
  </si>
  <si>
    <t>12.265018463134766</t>
  </si>
  <si>
    <t>818.316162109375</t>
  </si>
  <si>
    <t>0.010450055862463614</t>
  </si>
  <si>
    <t>26780</t>
  </si>
  <si>
    <t>13.95471477508545</t>
  </si>
  <si>
    <t>979.4833984375</t>
  </si>
  <si>
    <t>0.01957039138227934</t>
  </si>
  <si>
    <t>13.25207233428955</t>
  </si>
  <si>
    <t>890.52490234375</t>
  </si>
  <si>
    <t>0.031572478531877834</t>
  </si>
  <si>
    <t>28438</t>
  </si>
  <si>
    <t>13.388524055480957</t>
  </si>
  <si>
    <t>1047.9293212890625</t>
  </si>
  <si>
    <t>0.02849846017927682</t>
  </si>
  <si>
    <t>13.747063636779785</t>
  </si>
  <si>
    <t>1145.3460693359375</t>
  </si>
  <si>
    <t>0.03163440807879958</t>
  </si>
  <si>
    <t>13.190288543701172</t>
  </si>
  <si>
    <t>856.0531005859375</t>
  </si>
  <si>
    <t>0.01956745516513081</t>
  </si>
  <si>
    <t>30205</t>
  </si>
  <si>
    <t>13.470466613769531</t>
  </si>
  <si>
    <t>976.5130615234375</t>
  </si>
  <si>
    <t>0.009079331372591426</t>
  </si>
  <si>
    <t>29869</t>
  </si>
  <si>
    <t>13.760550498962402</t>
  </si>
  <si>
    <t>880.43115234375</t>
  </si>
  <si>
    <t>-0.011186320329526822</t>
  </si>
  <si>
    <t>13.179210662841797</t>
  </si>
  <si>
    <t>670.9845581054688</t>
  </si>
  <si>
    <t>0.023819313945585563</t>
  </si>
  <si>
    <t>13.07193374633789</t>
  </si>
  <si>
    <t>634.4783325195312</t>
  </si>
  <si>
    <t>0.007328664952821029</t>
  </si>
  <si>
    <t>31537</t>
  </si>
  <si>
    <t>14.049174308776855</t>
  </si>
  <si>
    <t>898.7408447265625</t>
  </si>
  <si>
    <t>0.023192327540019875</t>
  </si>
  <si>
    <t>32218</t>
  </si>
  <si>
    <t>13.406271934509277</t>
  </si>
  <si>
    <t>933.9090576171875</t>
  </si>
  <si>
    <t>0.02136384287616977</t>
  </si>
  <si>
    <t>31912</t>
  </si>
  <si>
    <t>12.782817840576172</t>
  </si>
  <si>
    <t>925.490966796875</t>
  </si>
  <si>
    <t>-0.00954318797266751</t>
  </si>
  <si>
    <t>13.362183570861816</t>
  </si>
  <si>
    <t>821.845703125</t>
  </si>
  <si>
    <t>-0.03920817876204552</t>
  </si>
  <si>
    <t>31533</t>
  </si>
  <si>
    <t>12.66471004486084</t>
  </si>
  <si>
    <t>798.04443359375</t>
  </si>
  <si>
    <t>0.0272606806682667</t>
  </si>
  <si>
    <t>32079</t>
  </si>
  <si>
    <t>14.324703216552734</t>
  </si>
  <si>
    <t>707.0970458984375</t>
  </si>
  <si>
    <t>0.017166993933303232</t>
  </si>
  <si>
    <t>31676</t>
  </si>
  <si>
    <t>13.15280818939209</t>
  </si>
  <si>
    <t>967.278564453125</t>
  </si>
  <si>
    <t>-0.012642314094463813</t>
  </si>
  <si>
    <t>31298</t>
  </si>
  <si>
    <t>13.158435821533203</t>
  </si>
  <si>
    <t>1003.14892578125</t>
  </si>
  <si>
    <t>-0.012005098607186682</t>
  </si>
  <si>
    <t>14.134480476379395</t>
  </si>
  <si>
    <t>906.9834594726562</t>
  </si>
  <si>
    <t>0.02305632246940803</t>
  </si>
  <si>
    <t>31760</t>
  </si>
  <si>
    <t>14.071534156799316</t>
  </si>
  <si>
    <t>784.27978515625</t>
  </si>
  <si>
    <t>-0.008402883831452712</t>
  </si>
  <si>
    <t>32126</t>
  </si>
  <si>
    <t>13.33556079864502</t>
  </si>
  <si>
    <t>696.1963500976562</t>
  </si>
  <si>
    <t>0.011458034756639535</t>
  </si>
  <si>
    <t>32781</t>
  </si>
  <si>
    <t>14.168379783630371</t>
  </si>
  <si>
    <t>849.9483642578125</t>
  </si>
  <si>
    <t>0.020183408121143387</t>
  </si>
  <si>
    <t>33507</t>
  </si>
  <si>
    <t>14.035187721252441</t>
  </si>
  <si>
    <t>785.8379516601562</t>
  </si>
  <si>
    <t>0.021905292970082257</t>
  </si>
  <si>
    <t>14.344047546386719</t>
  </si>
  <si>
    <t>922.435302734375</t>
  </si>
  <si>
    <t>0.009830059109804168</t>
  </si>
  <si>
    <t>14.318997383117676</t>
  </si>
  <si>
    <t>975.248779296875</t>
  </si>
  <si>
    <t>-0.056161077375177726</t>
  </si>
  <si>
    <t>33939</t>
  </si>
  <si>
    <t>13.564812660217285</t>
  </si>
  <si>
    <t>770.4783325195312</t>
  </si>
  <si>
    <t>0.05914144165101298</t>
  </si>
  <si>
    <t>34654</t>
  </si>
  <si>
    <t>15.08301067352295</t>
  </si>
  <si>
    <t>723.7548828125</t>
  </si>
  <si>
    <t>0.020848363476215326</t>
  </si>
  <si>
    <t>12.154471397399902</t>
  </si>
  <si>
    <t>597.633056640625</t>
  </si>
  <si>
    <t>167.35540771484375</t>
  </si>
  <si>
    <t>Cher</t>
  </si>
  <si>
    <t>11.035506248474121</t>
  </si>
  <si>
    <t>530.8370361328125</t>
  </si>
  <si>
    <t>0.001689462829284949</t>
  </si>
  <si>
    <t>28150</t>
  </si>
  <si>
    <t>12.025764465332031</t>
  </si>
  <si>
    <t>742.8786010742188</t>
  </si>
  <si>
    <t>0.010965766304334323</t>
  </si>
  <si>
    <t>27854</t>
  </si>
  <si>
    <t>11.219803810119629</t>
  </si>
  <si>
    <t>772.3089599609375</t>
  </si>
  <si>
    <t>-0.010570771954800051</t>
  </si>
  <si>
    <t>12.44900131225586</t>
  </si>
  <si>
    <t>912.0018310546875</t>
  </si>
  <si>
    <t>0.019623807828036632</t>
  </si>
  <si>
    <t>28901</t>
  </si>
  <si>
    <t>11.865582466125488</t>
  </si>
  <si>
    <t>732.9434814453125</t>
  </si>
  <si>
    <t>0.017275806136936467</t>
  </si>
  <si>
    <t>10.444436073303223</t>
  </si>
  <si>
    <t>584.9925537109375</t>
  </si>
  <si>
    <t>0.01049797102240646</t>
  </si>
  <si>
    <t>29782</t>
  </si>
  <si>
    <t>12.319256782531738</t>
  </si>
  <si>
    <t>750.3822631835938</t>
  </si>
  <si>
    <t>0.01953001654973363</t>
  </si>
  <si>
    <t>30737</t>
  </si>
  <si>
    <t>11.767521858215332</t>
  </si>
  <si>
    <t>689.8201293945312</t>
  </si>
  <si>
    <t>0.03156295646688001</t>
  </si>
  <si>
    <t>31626</t>
  </si>
  <si>
    <t>11.987540245056152</t>
  </si>
  <si>
    <t>849.8074951171875</t>
  </si>
  <si>
    <t>0.0285124264662322</t>
  </si>
  <si>
    <t>32642</t>
  </si>
  <si>
    <t>12.54840087890625</t>
  </si>
  <si>
    <t>916.0759887695312</t>
  </si>
  <si>
    <t>0.031620235627379145</t>
  </si>
  <si>
    <t>33350</t>
  </si>
  <si>
    <t>11.815104484558105</t>
  </si>
  <si>
    <t>823.131103515625</t>
  </si>
  <si>
    <t>0.021457969633127405</t>
  </si>
  <si>
    <t>34252</t>
  </si>
  <si>
    <t>12.269538879394531</t>
  </si>
  <si>
    <t>830.5435180664062</t>
  </si>
  <si>
    <t>0.026687184802312913</t>
  </si>
  <si>
    <t>12.280346870422363</t>
  </si>
  <si>
    <t>702.17626953125</t>
  </si>
  <si>
    <t>-0.025728124607718783</t>
  </si>
  <si>
    <t>34397</t>
  </si>
  <si>
    <t>11.760186195373535</t>
  </si>
  <si>
    <t>618.0316162109375</t>
  </si>
  <si>
    <t>0.029952518717848875</t>
  </si>
  <si>
    <t>34155</t>
  </si>
  <si>
    <t>11.610970497131348</t>
  </si>
  <si>
    <t>546.110595703125</t>
  </si>
  <si>
    <t>-0.007060363090262811</t>
  </si>
  <si>
    <t>34953</t>
  </si>
  <si>
    <t>12.676627159118652</t>
  </si>
  <si>
    <t>721.9052734375</t>
  </si>
  <si>
    <t>0.023095313722102162</t>
  </si>
  <si>
    <t>35861</t>
  </si>
  <si>
    <t>12.118614196777344</t>
  </si>
  <si>
    <t>828.9898681640625</t>
  </si>
  <si>
    <t>0.025646052106464978</t>
  </si>
  <si>
    <t>34083</t>
  </si>
  <si>
    <t>11.40652847290039</t>
  </si>
  <si>
    <t>747.4835205078125</t>
  </si>
  <si>
    <t>-0.05085162775650254</t>
  </si>
  <si>
    <t>12.044807434082031</t>
  </si>
  <si>
    <t>621.9842529296875</t>
  </si>
  <si>
    <t>-0.02896337469672261</t>
  </si>
  <si>
    <t>11.262219429016113</t>
  </si>
  <si>
    <t>683.8812866210938</t>
  </si>
  <si>
    <t>-0.010047285115145854</t>
  </si>
  <si>
    <t>32916</t>
  </si>
  <si>
    <t>12.88640308380127</t>
  </si>
  <si>
    <t>613.9342651367188</t>
  </si>
  <si>
    <t>0.0041707952994585185</t>
  </si>
  <si>
    <t>11.84183406829834</t>
  </si>
  <si>
    <t>783.4224853515625</t>
  </si>
  <si>
    <t>-0.0004254155462373177</t>
  </si>
  <si>
    <t>32773</t>
  </si>
  <si>
    <t>11.704026222229004</t>
  </si>
  <si>
    <t>796.8858642578125</t>
  </si>
  <si>
    <t>-0.003928440529909594</t>
  </si>
  <si>
    <t>32581</t>
  </si>
  <si>
    <t>12.862692832946777</t>
  </si>
  <si>
    <t>780.1604614257812</t>
  </si>
  <si>
    <t>-0.005875709287359143</t>
  </si>
  <si>
    <t>32955</t>
  </si>
  <si>
    <t>12.700904846191406</t>
  </si>
  <si>
    <t>646.0391235351562</t>
  </si>
  <si>
    <t>0.011413698124721705</t>
  </si>
  <si>
    <t>11.725032806396484</t>
  </si>
  <si>
    <t>647.038330078125</t>
  </si>
  <si>
    <t>-0.010585337464368294</t>
  </si>
  <si>
    <t>12.915377616882324</t>
  </si>
  <si>
    <t>742.965576171875</t>
  </si>
  <si>
    <t>0.046702608920009325</t>
  </si>
  <si>
    <t>34421</t>
  </si>
  <si>
    <t>12.867499351501465</t>
  </si>
  <si>
    <t>646.244140625</t>
  </si>
  <si>
    <t>0.007406577277278004</t>
  </si>
  <si>
    <t>13.149712562561035</t>
  </si>
  <si>
    <t>679.3515625</t>
  </si>
  <si>
    <t>0.012271509763111865</t>
  </si>
  <si>
    <t>32059</t>
  </si>
  <si>
    <t>13.098614692687988</t>
  </si>
  <si>
    <t>721.9775390625</t>
  </si>
  <si>
    <t>-0.08336039782167859</t>
  </si>
  <si>
    <t>34012</t>
  </si>
  <si>
    <t>11.970603942871094</t>
  </si>
  <si>
    <t>701.6256103515625</t>
  </si>
  <si>
    <t>0.05913544834451123</t>
  </si>
  <si>
    <t>13.718670845031738</t>
  </si>
  <si>
    <t>592.7496948242188</t>
  </si>
  <si>
    <t>0.020832874473747154</t>
  </si>
  <si>
    <t>1057</t>
  </si>
  <si>
    <t>26052</t>
  </si>
  <si>
    <t>882.800048828125</t>
  </si>
  <si>
    <t>57.39399719238281</t>
  </si>
  <si>
    <t>CorrÔøΩze</t>
  </si>
  <si>
    <t>26096</t>
  </si>
  <si>
    <t>10.658332824707031</t>
  </si>
  <si>
    <t>767.5</t>
  </si>
  <si>
    <t>0.0016875051945017816</t>
  </si>
  <si>
    <t>26383</t>
  </si>
  <si>
    <t>1050.7000732421875</t>
  </si>
  <si>
    <t>0.01093781746165412</t>
  </si>
  <si>
    <t>26106</t>
  </si>
  <si>
    <t>1136.60009765625</t>
  </si>
  <si>
    <t>-0.010554690373712816</t>
  </si>
  <si>
    <t>26623</t>
  </si>
  <si>
    <t>1341.300048828125</t>
  </si>
  <si>
    <t>0.01961033087064834</t>
  </si>
  <si>
    <t>1057.199951171875</t>
  </si>
  <si>
    <t>0.01727840415620463</t>
  </si>
  <si>
    <t>27373</t>
  </si>
  <si>
    <t>840.0000610351562</t>
  </si>
  <si>
    <t>0.010503218113518287</t>
  </si>
  <si>
    <t>27913</t>
  </si>
  <si>
    <t>1068.300048828125</t>
  </si>
  <si>
    <t>0.01953540402023002</t>
  </si>
  <si>
    <t>28808</t>
  </si>
  <si>
    <t>0.031560596219375014</t>
  </si>
  <si>
    <t>29641</t>
  </si>
  <si>
    <t>1214.699951171875</t>
  </si>
  <si>
    <t>0.028505411703823924</t>
  </si>
  <si>
    <t>30594</t>
  </si>
  <si>
    <t>1257.300048828125</t>
  </si>
  <si>
    <t>0.03164537325067407</t>
  </si>
  <si>
    <t>31456</t>
  </si>
  <si>
    <t>1126.0001220703125</t>
  </si>
  <si>
    <t>0.027785832663683507</t>
  </si>
  <si>
    <t>32677</t>
  </si>
  <si>
    <t>1144.5</t>
  </si>
  <si>
    <t>0.03808172254762887</t>
  </si>
  <si>
    <t>33147</t>
  </si>
  <si>
    <t>1000.800048828125</t>
  </si>
  <si>
    <t>0.014280748286761735</t>
  </si>
  <si>
    <t>848.5999755859375</t>
  </si>
  <si>
    <t>0.0016277811516118845</t>
  </si>
  <si>
    <t>34325</t>
  </si>
  <si>
    <t>747.7000122070312</t>
  </si>
  <si>
    <t>0.0332939557032752</t>
  </si>
  <si>
    <t>35138</t>
  </si>
  <si>
    <t>12.200000762939453</t>
  </si>
  <si>
    <t>1032.4000244140625</t>
  </si>
  <si>
    <t>0.023409214288827584</t>
  </si>
  <si>
    <t>35405</t>
  </si>
  <si>
    <t>1164.5</t>
  </si>
  <si>
    <t>0.007569887160876476</t>
  </si>
  <si>
    <t>33984</t>
  </si>
  <si>
    <t>1041.5999755859375</t>
  </si>
  <si>
    <t>-0.04096322748426395</t>
  </si>
  <si>
    <t>901.0</t>
  </si>
  <si>
    <t>-0.022466836994979644</t>
  </si>
  <si>
    <t>32405</t>
  </si>
  <si>
    <t>926.4000854492188</t>
  </si>
  <si>
    <t>-0.025110256744815374</t>
  </si>
  <si>
    <t>32972</t>
  </si>
  <si>
    <t>0.017345984571301543</t>
  </si>
  <si>
    <t>33440</t>
  </si>
  <si>
    <t>1119.800048828125</t>
  </si>
  <si>
    <t>0.0140940717655198</t>
  </si>
  <si>
    <t>1120.0</t>
  </si>
  <si>
    <t>-0.018531903906756853</t>
  </si>
  <si>
    <t>33005</t>
  </si>
  <si>
    <t>1085.39990234375</t>
  </si>
  <si>
    <t>0.005438180830990902</t>
  </si>
  <si>
    <t>866.3999633789062</t>
  </si>
  <si>
    <t>0.008537906539904938</t>
  </si>
  <si>
    <t>853.0001220703125</t>
  </si>
  <si>
    <t>-0.01443314665944051</t>
  </si>
  <si>
    <t>33311</t>
  </si>
  <si>
    <t>0.015123847748478525</t>
  </si>
  <si>
    <t>12.375</t>
  </si>
  <si>
    <t>867.5999755859375</t>
  </si>
  <si>
    <t>0.0041641138045598325</t>
  </si>
  <si>
    <t>33715</t>
  </si>
  <si>
    <t>12.708332061767578</t>
  </si>
  <si>
    <t>981.2999267578125</t>
  </si>
  <si>
    <t>0.007891055612308406</t>
  </si>
  <si>
    <t>12.616668701171875</t>
  </si>
  <si>
    <t>-0.06288878773368012</t>
  </si>
  <si>
    <t>11.591666221618652</t>
  </si>
  <si>
    <t>0.05914457796306927</t>
  </si>
  <si>
    <t>34297</t>
  </si>
  <si>
    <t>822.7999877929688</t>
  </si>
  <si>
    <t>0.020859254373947422</t>
  </si>
  <si>
    <t>14.732930183410645</t>
  </si>
  <si>
    <t>837.5923461914062</t>
  </si>
  <si>
    <t>100.19721984863281</t>
  </si>
  <si>
    <t>Corse-du-Sud</t>
  </si>
  <si>
    <t>13.896320343017578</t>
  </si>
  <si>
    <t>686.8531494140625</t>
  </si>
  <si>
    <t>0.0016765061266816872</t>
  </si>
  <si>
    <t>14.56042766571045</t>
  </si>
  <si>
    <t>619.8265991210938</t>
  </si>
  <si>
    <t>0.010952701426914402</t>
  </si>
  <si>
    <t>28069</t>
  </si>
  <si>
    <t>14.23193645477295</t>
  </si>
  <si>
    <t>775.1341552734375</t>
  </si>
  <si>
    <t>-0.010560733206954609</t>
  </si>
  <si>
    <t>15.15427303314209</t>
  </si>
  <si>
    <t>561.4896850585938</t>
  </si>
  <si>
    <t>0.019614697357864586</t>
  </si>
  <si>
    <t>29124</t>
  </si>
  <si>
    <t>14.743110656738281</t>
  </si>
  <si>
    <t>686.0867309570312</t>
  </si>
  <si>
    <t>0.01728211465806062</t>
  </si>
  <si>
    <t>13.956668853759766</t>
  </si>
  <si>
    <t>812.7442016601562</t>
  </si>
  <si>
    <t>0.010485964068706721</t>
  </si>
  <si>
    <t>30012</t>
  </si>
  <si>
    <t>15.160143852233887</t>
  </si>
  <si>
    <t>597.7294921875</t>
  </si>
  <si>
    <t>0.019548761082310406</t>
  </si>
  <si>
    <t>30974</t>
  </si>
  <si>
    <t>14.542861938476562</t>
  </si>
  <si>
    <t>619.3024291992188</t>
  </si>
  <si>
    <t>0.03155084121049967</t>
  </si>
  <si>
    <t>31870</t>
  </si>
  <si>
    <t>14.66312026977539</t>
  </si>
  <si>
    <t>696.9741821289062</t>
  </si>
  <si>
    <t>0.028516985535263828</t>
  </si>
  <si>
    <t>32894</t>
  </si>
  <si>
    <t>15.347652435302734</t>
  </si>
  <si>
    <t>854.884521484375</t>
  </si>
  <si>
    <t>0.031625141889831454</t>
  </si>
  <si>
    <t>14.6417818069458</t>
  </si>
  <si>
    <t>506.1915283203125</t>
  </si>
  <si>
    <t>0.03925695946215413</t>
  </si>
  <si>
    <t>33823</t>
  </si>
  <si>
    <t>15.212437629699707</t>
  </si>
  <si>
    <t>884.43603515625</t>
  </si>
  <si>
    <t>-0.01140618533650617</t>
  </si>
  <si>
    <t>15.33582592010498</t>
  </si>
  <si>
    <t>523.87451171875</t>
  </si>
  <si>
    <t>0.000177378348480417</t>
  </si>
  <si>
    <t>14.679889678955078</t>
  </si>
  <si>
    <t>673.243408203125</t>
  </si>
  <si>
    <t>0.027263945782008747</t>
  </si>
  <si>
    <t>14.32671070098877</t>
  </si>
  <si>
    <t>674.3941650390625</t>
  </si>
  <si>
    <t>0.01583869418895567</t>
  </si>
  <si>
    <t>15.511923789978027</t>
  </si>
  <si>
    <t>468.98529052734375</t>
  </si>
  <si>
    <t>0.034889200486949434</t>
  </si>
  <si>
    <t>14.939934730529785</t>
  </si>
  <si>
    <t>521.3950805664062</t>
  </si>
  <si>
    <t>-0.013710158591184296</t>
  </si>
  <si>
    <t>14.52928638458252</t>
  </si>
  <si>
    <t>912.7716064453125</t>
  </si>
  <si>
    <t>0.01921816182756686</t>
  </si>
  <si>
    <t>15.16441822052002</t>
  </si>
  <si>
    <t>754.78173828125</t>
  </si>
  <si>
    <t>0.018989190882718887</t>
  </si>
  <si>
    <t>14.267394065856934</t>
  </si>
  <si>
    <t>777.0972290039062</t>
  </si>
  <si>
    <t>-0.010460065868722168</t>
  </si>
  <si>
    <t>38940</t>
  </si>
  <si>
    <t>15.520873069763184</t>
  </si>
  <si>
    <t>608.09619140625</t>
  </si>
  <si>
    <t>0.04867460844255511</t>
  </si>
  <si>
    <t>38009</t>
  </si>
  <si>
    <t>14.91315746307373</t>
  </si>
  <si>
    <t>711.2578735351562</t>
  </si>
  <si>
    <t>-0.024199026155068637</t>
  </si>
  <si>
    <t>14.721421241760254</t>
  </si>
  <si>
    <t>828.8707885742188</t>
  </si>
  <si>
    <t>0.0027062193839046955</t>
  </si>
  <si>
    <t>15.607766151428223</t>
  </si>
  <si>
    <t>683.7811889648438</t>
  </si>
  <si>
    <t>-0.011346666317081144</t>
  </si>
  <si>
    <t>37575</t>
  </si>
  <si>
    <t>15.711308479309082</t>
  </si>
  <si>
    <t>451.7969055175781</t>
  </si>
  <si>
    <t>-0.002843591216770136</t>
  </si>
  <si>
    <t>15.048267364501953</t>
  </si>
  <si>
    <t>548.96337890625</t>
  </si>
  <si>
    <t>0.002179924300097724</t>
  </si>
  <si>
    <t>38553</t>
  </si>
  <si>
    <t>15.784945487976074</t>
  </si>
  <si>
    <t>453.4568176269531</t>
  </si>
  <si>
    <t>0.023515058053977356</t>
  </si>
  <si>
    <t>15.667595863342285</t>
  </si>
  <si>
    <t>804.1819458007812</t>
  </si>
  <si>
    <t>0.042678491313266065</t>
  </si>
  <si>
    <t>40390</t>
  </si>
  <si>
    <t>15.867015838623047</t>
  </si>
  <si>
    <t>746.2649536132812</t>
  </si>
  <si>
    <t>0.0038698202689424477</t>
  </si>
  <si>
    <t>36769</t>
  </si>
  <si>
    <t>15.722821235656738</t>
  </si>
  <si>
    <t>644.1095581054688</t>
  </si>
  <si>
    <t>-0.09392713071572523</t>
  </si>
  <si>
    <t>39009</t>
  </si>
  <si>
    <t>15.084397315979004</t>
  </si>
  <si>
    <t>519.7473754882812</t>
  </si>
  <si>
    <t>0.059137289877694954</t>
  </si>
  <si>
    <t>16.588903427124023</t>
  </si>
  <si>
    <t>504.3609619140625</t>
  </si>
  <si>
    <t>0.020828008456261315</t>
  </si>
  <si>
    <t>1059</t>
  </si>
  <si>
    <t>10.7040433883667</t>
  </si>
  <si>
    <t>840.0106811523438</t>
  </si>
  <si>
    <t>67.20439910888672</t>
  </si>
  <si>
    <t>Creuse</t>
  </si>
  <si>
    <t>21293</t>
  </si>
  <si>
    <t>9.59980583190918</t>
  </si>
  <si>
    <t>713.2089233398438</t>
  </si>
  <si>
    <t>0.0016921273132730619</t>
  </si>
  <si>
    <t>21528</t>
  </si>
  <si>
    <t>10.368680000305176</t>
  </si>
  <si>
    <t>991.4371337890625</t>
  </si>
  <si>
    <t>0.01097603322034324</t>
  </si>
  <si>
    <t>21301</t>
  </si>
  <si>
    <t>9.71994686126709</t>
  </si>
  <si>
    <t>1070.9571533203125</t>
  </si>
  <si>
    <t>-0.010600393454458512</t>
  </si>
  <si>
    <t>10.9265718460083</t>
  </si>
  <si>
    <t>1218.7005615234375</t>
  </si>
  <si>
    <t>0.019617587104646006</t>
  </si>
  <si>
    <t>22102</t>
  </si>
  <si>
    <t>10.563952445983887</t>
  </si>
  <si>
    <t>977.8827514648438</t>
  </si>
  <si>
    <t>0.017296495091798647</t>
  </si>
  <si>
    <t>9.282445907592773</t>
  </si>
  <si>
    <t>826.7835693359375</t>
  </si>
  <si>
    <t>0.010486852637491495</t>
  </si>
  <si>
    <t>22776</t>
  </si>
  <si>
    <t>10.974053382873535</t>
  </si>
  <si>
    <t>942.2498168945312</t>
  </si>
  <si>
    <t>0.019552395171654524</t>
  </si>
  <si>
    <t>10.276511192321777</t>
  </si>
  <si>
    <t>896.2000122070312</t>
  </si>
  <si>
    <t>10.439261436462402</t>
  </si>
  <si>
    <t>1073.8460693359375</t>
  </si>
  <si>
    <t>0.028518245652421115</t>
  </si>
  <si>
    <t>11.049613952636719</t>
  </si>
  <si>
    <t>1134.005859375</t>
  </si>
  <si>
    <t>0.03162077522331863</t>
  </si>
  <si>
    <t>25292</t>
  </si>
  <si>
    <t>10.291853904724121</t>
  </si>
  <si>
    <t>1022.3211059570312</t>
  </si>
  <si>
    <t>0.013093411609965244</t>
  </si>
  <si>
    <t>26873</t>
  </si>
  <si>
    <t>10.709464073181152</t>
  </si>
  <si>
    <t>1045.5899658203125</t>
  </si>
  <si>
    <t>0.06063392487760666</t>
  </si>
  <si>
    <t>26362</t>
  </si>
  <si>
    <t>10.831160545349121</t>
  </si>
  <si>
    <t>921.3631591796875</t>
  </si>
  <si>
    <t>-0.019198485783700647</t>
  </si>
  <si>
    <t>26512</t>
  </si>
  <si>
    <t>10.274611473083496</t>
  </si>
  <si>
    <t>837.9528198242188</t>
  </si>
  <si>
    <t>0.005673881393933655</t>
  </si>
  <si>
    <t>27017</t>
  </si>
  <si>
    <t>10.088761329650879</t>
  </si>
  <si>
    <t>725.6486206054688</t>
  </si>
  <si>
    <t>0.018868836816178458</t>
  </si>
  <si>
    <t>27683</t>
  </si>
  <si>
    <t>11.190780639648438</t>
  </si>
  <si>
    <t>957.8336791992188</t>
  </si>
  <si>
    <t>0.024352208879122372</t>
  </si>
  <si>
    <t>10.536420822143555</t>
  </si>
  <si>
    <t>1055.3309326171875</t>
  </si>
  <si>
    <t>0.011064523555031514</t>
  </si>
  <si>
    <t>26116</t>
  </si>
  <si>
    <t>9.881563186645508</t>
  </si>
  <si>
    <t>1018.5491333007812</t>
  </si>
  <si>
    <t>-0.06933487661015292</t>
  </si>
  <si>
    <t>25999</t>
  </si>
  <si>
    <t>10.601822853088379</t>
  </si>
  <si>
    <t>822.4126586914062</t>
  </si>
  <si>
    <t>-0.00449007758103015</t>
  </si>
  <si>
    <t>25078</t>
  </si>
  <si>
    <t>9.784403800964355</t>
  </si>
  <si>
    <t>893.95068359375</t>
  </si>
  <si>
    <t>-0.03606710797500945</t>
  </si>
  <si>
    <t>25331</t>
  </si>
  <si>
    <t>11.42209529876709</t>
  </si>
  <si>
    <t>805.8027954101562</t>
  </si>
  <si>
    <t>0.010037974344767164</t>
  </si>
  <si>
    <t>24937</t>
  </si>
  <si>
    <t>10.363380432128906</t>
  </si>
  <si>
    <t>997.40283203125</t>
  </si>
  <si>
    <t>-0.015676297789351423</t>
  </si>
  <si>
    <t>25487</t>
  </si>
  <si>
    <t>10.270328521728516</t>
  </si>
  <si>
    <t>1046.94091796875</t>
  </si>
  <si>
    <t>0.021815873924847295</t>
  </si>
  <si>
    <t>11.3216552734375</t>
  </si>
  <si>
    <t>1003.5608520507812</t>
  </si>
  <si>
    <t>0.011663190740035745</t>
  </si>
  <si>
    <t>11.33559513092041</t>
  </si>
  <si>
    <t>815.739013671875</t>
  </si>
  <si>
    <t>0.015431395432676354</t>
  </si>
  <si>
    <t>10.452778816223145</t>
  </si>
  <si>
    <t>829.9253540039062</t>
  </si>
  <si>
    <t>0.006698407538468842</t>
  </si>
  <si>
    <t>26415</t>
  </si>
  <si>
    <t>11.434903144836426</t>
  </si>
  <si>
    <t>963.0547485351562</t>
  </si>
  <si>
    <t>0.0019705186564884514</t>
  </si>
  <si>
    <t>11.332890510559082</t>
  </si>
  <si>
    <t>829.49365234375</t>
  </si>
  <si>
    <t>-0.009165478982989583</t>
  </si>
  <si>
    <t>26576</t>
  </si>
  <si>
    <t>11.664512634277344</t>
  </si>
  <si>
    <t>891.3088989257812</t>
  </si>
  <si>
    <t>0.01524200123764885</t>
  </si>
  <si>
    <t>25309</t>
  </si>
  <si>
    <t>11.56103801727295</t>
  </si>
  <si>
    <t>957.8142700195312</t>
  </si>
  <si>
    <t>-0.04884848916951867</t>
  </si>
  <si>
    <t>26851</t>
  </si>
  <si>
    <t>10.65909481048584</t>
  </si>
  <si>
    <t>881.73876953125</t>
  </si>
  <si>
    <t>0.05914300050777399</t>
  </si>
  <si>
    <t>27416</t>
  </si>
  <si>
    <t>12.356928825378418</t>
  </si>
  <si>
    <t>750.673583984375</t>
  </si>
  <si>
    <t>0.020823720363113196</t>
  </si>
  <si>
    <t>36551</t>
  </si>
  <si>
    <t>11.372164726257324</t>
  </si>
  <si>
    <t>814.512939453125</t>
  </si>
  <si>
    <t>243.7547607421875</t>
  </si>
  <si>
    <t>CÔøΩte-d'Or</t>
  </si>
  <si>
    <t>36613</t>
  </si>
  <si>
    <t>10.4715576171875</t>
  </si>
  <si>
    <t>689.3342895507812</t>
  </si>
  <si>
    <t>0.001694822996032741</t>
  </si>
  <si>
    <t>11.3359375</t>
  </si>
  <si>
    <t>892.7293701171875</t>
  </si>
  <si>
    <t>0.01094688300602975</t>
  </si>
  <si>
    <t>36626</t>
  </si>
  <si>
    <t>10.544069290161133</t>
  </si>
  <si>
    <t>993.0326538085938</t>
  </si>
  <si>
    <t>-0.010591880885941762</t>
  </si>
  <si>
    <t>37353</t>
  </si>
  <si>
    <t>11.784436225891113</t>
  </si>
  <si>
    <t>954.9436645507812</t>
  </si>
  <si>
    <t>0.019654858919627927</t>
  </si>
  <si>
    <t>38004</t>
  </si>
  <si>
    <t>11.151299476623535</t>
  </si>
  <si>
    <t>890.768310546875</t>
  </si>
  <si>
    <t>0.01727818770611833</t>
  </si>
  <si>
    <t>38404</t>
  </si>
  <si>
    <t>10.000189781188965</t>
  </si>
  <si>
    <t>775.4063110351562</t>
  </si>
  <si>
    <t>0.010470203490873686</t>
  </si>
  <si>
    <t>39162</t>
  </si>
  <si>
    <t>11.794257164001465</t>
  </si>
  <si>
    <t>850.2092895507812</t>
  </si>
  <si>
    <t>0.01954526804575707</t>
  </si>
  <si>
    <t>40418</t>
  </si>
  <si>
    <t>11.077003479003906</t>
  </si>
  <si>
    <t>824.6133422851562</t>
  </si>
  <si>
    <t>0.031568341414921264</t>
  </si>
  <si>
    <t>41586</t>
  </si>
  <si>
    <t>11.15160846710205</t>
  </si>
  <si>
    <t>992.2529907226562</t>
  </si>
  <si>
    <t>0.02848834186784721</t>
  </si>
  <si>
    <t>42923</t>
  </si>
  <si>
    <t>11.917763710021973</t>
  </si>
  <si>
    <t>967.9908447265625</t>
  </si>
  <si>
    <t>0.0316442406395705</t>
  </si>
  <si>
    <t>11.010491371154785</t>
  </si>
  <si>
    <t>966.4154052734375</t>
  </si>
  <si>
    <t>-0.01058632272300386</t>
  </si>
  <si>
    <t>11.54552173614502</t>
  </si>
  <si>
    <t>903.5931396484375</t>
  </si>
  <si>
    <t>-0.03960033830861853</t>
  </si>
  <si>
    <t>40639</t>
  </si>
  <si>
    <t>11.6988525390625</t>
  </si>
  <si>
    <t>706.77783203125</t>
  </si>
  <si>
    <t>-0.004492955103577501</t>
  </si>
  <si>
    <t>11.009093284606934</t>
  </si>
  <si>
    <t>793.02978515625</t>
  </si>
  <si>
    <t>0.03705200918111551</t>
  </si>
  <si>
    <t>10.76473331451416</t>
  </si>
  <si>
    <t>686.2163696289062</t>
  </si>
  <si>
    <t>0.00687645230040701</t>
  </si>
  <si>
    <t>43158</t>
  </si>
  <si>
    <t>11.997261047363281</t>
  </si>
  <si>
    <t>918.2343139648438</t>
  </si>
  <si>
    <t>0.016211141963477615</t>
  </si>
  <si>
    <t>44340</t>
  </si>
  <si>
    <t>11.374763488769531</t>
  </si>
  <si>
    <t>930.0342407226562</t>
  </si>
  <si>
    <t>0.027019404074891895</t>
  </si>
  <si>
    <t>10.72291088104248</t>
  </si>
  <si>
    <t>893.6116333007812</t>
  </si>
  <si>
    <t>-0.00876632300088076</t>
  </si>
  <si>
    <t>42327</t>
  </si>
  <si>
    <t>11.44825267791748</t>
  </si>
  <si>
    <t>801.7249145507812</t>
  </si>
  <si>
    <t>-0.03769570088815399</t>
  </si>
  <si>
    <t>42428</t>
  </si>
  <si>
    <t>10.582392692565918</t>
  </si>
  <si>
    <t>882.6554565429688</t>
  </si>
  <si>
    <t>0.002383341344092571</t>
  </si>
  <si>
    <t>43215</t>
  </si>
  <si>
    <t>12.163079261779785</t>
  </si>
  <si>
    <t>764.4666137695312</t>
  </si>
  <si>
    <t>0.01837913556137849</t>
  </si>
  <si>
    <t>42860</t>
  </si>
  <si>
    <t>11.221707344055176</t>
  </si>
  <si>
    <t>943.9855346679688</t>
  </si>
  <si>
    <t>-0.008248667159170608</t>
  </si>
  <si>
    <t>43034</t>
  </si>
  <si>
    <t>11.008688926696777</t>
  </si>
  <si>
    <t>1011.1077270507812</t>
  </si>
  <si>
    <t>0.0040515108858283355</t>
  </si>
  <si>
    <t>43292</t>
  </si>
  <si>
    <t>12.125808715820312</t>
  </si>
  <si>
    <t>904.4820556640625</t>
  </si>
  <si>
    <t>0.005977359501640578</t>
  </si>
  <si>
    <t>43183</t>
  </si>
  <si>
    <t>12.236175537109375</t>
  </si>
  <si>
    <t>719.5224609375</t>
  </si>
  <si>
    <t>-0.002520961150086265</t>
  </si>
  <si>
    <t>43042</t>
  </si>
  <si>
    <t>11.141018867492676</t>
  </si>
  <si>
    <t>785.3692626953125</t>
  </si>
  <si>
    <t>-0.0032705161074204625</t>
  </si>
  <si>
    <t>44409</t>
  </si>
  <si>
    <t>12.215327262878418</t>
  </si>
  <si>
    <t>855.763916015625</t>
  </si>
  <si>
    <t>0.03126576842407047</t>
  </si>
  <si>
    <t>45515</t>
  </si>
  <si>
    <t>12.104449272155762</t>
  </si>
  <si>
    <t>715.405517578125</t>
  </si>
  <si>
    <t>0.024599790357788365</t>
  </si>
  <si>
    <t>45400</t>
  </si>
  <si>
    <t>12.552441596984863</t>
  </si>
  <si>
    <t>746.4832153320312</t>
  </si>
  <si>
    <t>-0.002529836909950234</t>
  </si>
  <si>
    <t>42619</t>
  </si>
  <si>
    <t>12.431242942810059</t>
  </si>
  <si>
    <t>810.3662109375</t>
  </si>
  <si>
    <t>-0.06321194181492906</t>
  </si>
  <si>
    <t>45216</t>
  </si>
  <si>
    <t>11.344313621520996</t>
  </si>
  <si>
    <t>804.8831176757812</t>
  </si>
  <si>
    <t>0.05915084326974451</t>
  </si>
  <si>
    <t>46168</t>
  </si>
  <si>
    <t>13.135578155517578</t>
  </si>
  <si>
    <t>733.66796875</t>
  </si>
  <si>
    <t>0.02083591090654835</t>
  </si>
  <si>
    <t>12.259127616882324</t>
  </si>
  <si>
    <t>789.8101196289062</t>
  </si>
  <si>
    <t>385.0859069824219</t>
  </si>
  <si>
    <t>CÔøΩtes-d'Armor</t>
  </si>
  <si>
    <t>25461</t>
  </si>
  <si>
    <t>11.022583961486816</t>
  </si>
  <si>
    <t>672.5178833007812</t>
  </si>
  <si>
    <t>0.001729628168137154</t>
  </si>
  <si>
    <t>25741</t>
  </si>
  <si>
    <t>11.778010368347168</t>
  </si>
  <si>
    <t>959.8539428710938</t>
  </si>
  <si>
    <t>0.010937181796538908</t>
  </si>
  <si>
    <t>25470</t>
  </si>
  <si>
    <t>11.210071563720703</t>
  </si>
  <si>
    <t>977.9659423828125</t>
  </si>
  <si>
    <t>-0.010583762460822044</t>
  </si>
  <si>
    <t>25975</t>
  </si>
  <si>
    <t>12.290725708007812</t>
  </si>
  <si>
    <t>1172.19384765625</t>
  </si>
  <si>
    <t>0.01963324799392474</t>
  </si>
  <si>
    <t>26428</t>
  </si>
  <si>
    <t>12.2504301071167</t>
  </si>
  <si>
    <t>829.54248046875</t>
  </si>
  <si>
    <t>0.01728951718234839</t>
  </si>
  <si>
    <t>26706</t>
  </si>
  <si>
    <t>10.855914115905762</t>
  </si>
  <si>
    <t>738.23388671875</t>
  </si>
  <si>
    <t>0.010464205094132595</t>
  </si>
  <si>
    <t>27233</t>
  </si>
  <si>
    <t>12.577519416809082</t>
  </si>
  <si>
    <t>984.2513427734375</t>
  </si>
  <si>
    <t>0.019541213959087145</t>
  </si>
  <si>
    <t>28107</t>
  </si>
  <si>
    <t>11.910304069519043</t>
  </si>
  <si>
    <t>1005.6731567382812</t>
  </si>
  <si>
    <t>0.03158918241630282</t>
  </si>
  <si>
    <t>12.089999198913574</t>
  </si>
  <si>
    <t>1038.3167724609375</t>
  </si>
  <si>
    <t>0.028480162908953943</t>
  </si>
  <si>
    <t>12.308934211730957</t>
  </si>
  <si>
    <t>1311.2618408203125</t>
  </si>
  <si>
    <t>0.03165251989380913</t>
  </si>
  <si>
    <t>30261</t>
  </si>
  <si>
    <t>11.801216125488281</t>
  </si>
  <si>
    <t>921.6344604492188</t>
  </si>
  <si>
    <t>0.01370841630088293</t>
  </si>
  <si>
    <t>12.09224796295166</t>
  </si>
  <si>
    <t>1089.7926025390625</t>
  </si>
  <si>
    <t>-0.009929842645616915</t>
  </si>
  <si>
    <t>30426</t>
  </si>
  <si>
    <t>12.37503719329834</t>
  </si>
  <si>
    <t>843.3812255859375</t>
  </si>
  <si>
    <t>0.01536759394574716</t>
  </si>
  <si>
    <t>31707</t>
  </si>
  <si>
    <t>11.853472709655762</t>
  </si>
  <si>
    <t>767.9439086914062</t>
  </si>
  <si>
    <t>0.041239970654382674</t>
  </si>
  <si>
    <t>31812</t>
  </si>
  <si>
    <t>11.779097557067871</t>
  </si>
  <si>
    <t>725.9159545898438</t>
  </si>
  <si>
    <t>0.003306100399568024</t>
  </si>
  <si>
    <t>32559</t>
  </si>
  <si>
    <t>12.648078918457031</t>
  </si>
  <si>
    <t>922.8749389648438</t>
  </si>
  <si>
    <t>0.023210251037099283</t>
  </si>
  <si>
    <t>32674</t>
  </si>
  <si>
    <t>12.060391426086426</t>
  </si>
  <si>
    <t>998.3084716796875</t>
  </si>
  <si>
    <t>0.003525826472328575</t>
  </si>
  <si>
    <t>11.420387268066406</t>
  </si>
  <si>
    <t>994.6373901367188</t>
  </si>
  <si>
    <t>-0.002052665355156691</t>
  </si>
  <si>
    <t>11.913246154785156</t>
  </si>
  <si>
    <t>882.6417846679688</t>
  </si>
  <si>
    <t>11.26396656036377</t>
  </si>
  <si>
    <t>914.3685302734375</t>
  </si>
  <si>
    <t>-0.021103006222020326</t>
  </si>
  <si>
    <t>30781</t>
  </si>
  <si>
    <t>12.884659767150879</t>
  </si>
  <si>
    <t>740.50830078125</t>
  </si>
  <si>
    <t>0.017632863772053753</t>
  </si>
  <si>
    <t>30989</t>
  </si>
  <si>
    <t>11.753836631774902</t>
  </si>
  <si>
    <t>1142.326416015625</t>
  </si>
  <si>
    <t>0.006734686293349057</t>
  </si>
  <si>
    <t>31057</t>
  </si>
  <si>
    <t>11.75053882598877</t>
  </si>
  <si>
    <t>1035.4915771484375</t>
  </si>
  <si>
    <t>0.0021919229998914602</t>
  </si>
  <si>
    <t>12.719345092773438</t>
  </si>
  <si>
    <t>985.8284912109375</t>
  </si>
  <si>
    <t>0.0120022564509501</t>
  </si>
  <si>
    <t>31775</t>
  </si>
  <si>
    <t>12.648240089416504</t>
  </si>
  <si>
    <t>938.7180786132812</t>
  </si>
  <si>
    <t>0.010853334819358906</t>
  </si>
  <si>
    <t>11.893301963806152</t>
  </si>
  <si>
    <t>749.0926513671875</t>
  </si>
  <si>
    <t>0.020558269589500355</t>
  </si>
  <si>
    <t>33630</t>
  </si>
  <si>
    <t>12.747513771057129</t>
  </si>
  <si>
    <t>859.45654296875</t>
  </si>
  <si>
    <t>0.0361804390871594</t>
  </si>
  <si>
    <t>33455</t>
  </si>
  <si>
    <t>12.608928680419922</t>
  </si>
  <si>
    <t>859.3728637695312</t>
  </si>
  <si>
    <t>-0.005217273517397203</t>
  </si>
  <si>
    <t>34353</t>
  </si>
  <si>
    <t>12.920624732971191</t>
  </si>
  <si>
    <t>1040.0279541015625</t>
  </si>
  <si>
    <t>0.026488098864531295</t>
  </si>
  <si>
    <t>12.919659614562988</t>
  </si>
  <si>
    <t>1041.066650390625</t>
  </si>
  <si>
    <t>-0.03362755803603967</t>
  </si>
  <si>
    <t>12.153674125671387</t>
  </si>
  <si>
    <t>783.1355590820312</t>
  </si>
  <si>
    <t>0.05912000800470629</t>
  </si>
  <si>
    <t>35982</t>
  </si>
  <si>
    <t>13.601017951965332</t>
  </si>
  <si>
    <t>858.7583618164062</t>
  </si>
  <si>
    <t>0.020837012346449413</t>
  </si>
  <si>
    <t>28395</t>
  </si>
  <si>
    <t>12.7772855758667</t>
  </si>
  <si>
    <t>707.2347412109375</t>
  </si>
  <si>
    <t>176.88902282714844</t>
  </si>
  <si>
    <t>Deux-SÔøΩvres</t>
  </si>
  <si>
    <t>28443</t>
  </si>
  <si>
    <t>11.428788185119629</t>
  </si>
  <si>
    <t>622.2880859375</t>
  </si>
  <si>
    <t>0.001689011274535801</t>
  </si>
  <si>
    <t>12.23589038848877</t>
  </si>
  <si>
    <t>891.8063354492188</t>
  </si>
  <si>
    <t>0.010944356517693876</t>
  </si>
  <si>
    <t>11.639561653137207</t>
  </si>
  <si>
    <t>901.3650512695312</t>
  </si>
  <si>
    <t>-0.010557692892650294</t>
  </si>
  <si>
    <t>29018</t>
  </si>
  <si>
    <t>12.802231788635254</t>
  </si>
  <si>
    <t>1126.4898681640625</t>
  </si>
  <si>
    <t>0.019627578864517048</t>
  </si>
  <si>
    <t>12.686091423034668</t>
  </si>
  <si>
    <t>848.9898681640625</t>
  </si>
  <si>
    <t>0.017287164814312916</t>
  </si>
  <si>
    <t>29835</t>
  </si>
  <si>
    <t>11.285496711730957</t>
  </si>
  <si>
    <t>715.0150146484375</t>
  </si>
  <si>
    <t>0.010478709066239489</t>
  </si>
  <si>
    <t>30424</t>
  </si>
  <si>
    <t>13.014168739318848</t>
  </si>
  <si>
    <t>902.1360473632812</t>
  </si>
  <si>
    <t>0.01954956965191279</t>
  </si>
  <si>
    <t>31399</t>
  </si>
  <si>
    <t>12.29500961303711</t>
  </si>
  <si>
    <t>874.1714477539062</t>
  </si>
  <si>
    <t>0.03154427464736109</t>
  </si>
  <si>
    <t>32307</t>
  </si>
  <si>
    <t>12.460888862609863</t>
  </si>
  <si>
    <t>1042.3079833984375</t>
  </si>
  <si>
    <t>0.028507879741534126</t>
  </si>
  <si>
    <t>12.802678108215332</t>
  </si>
  <si>
    <t>1144.4691162109375</t>
  </si>
  <si>
    <t>0.03162391106941698</t>
  </si>
  <si>
    <t>34466</t>
  </si>
  <si>
    <t>12.214018821716309</t>
  </si>
  <si>
    <t>885.4015502929688</t>
  </si>
  <si>
    <t>0.03306549477511567</t>
  </si>
  <si>
    <t>12.50595760345459</t>
  </si>
  <si>
    <t>1013.8916015625</t>
  </si>
  <si>
    <t>0.03192276776873193</t>
  </si>
  <si>
    <t>35608</t>
  </si>
  <si>
    <t>12.80667495727539</t>
  </si>
  <si>
    <t>863.3724365234375</t>
  </si>
  <si>
    <t>0.0006742330854354606</t>
  </si>
  <si>
    <t>37139</t>
  </si>
  <si>
    <t>12.245333671569824</t>
  </si>
  <si>
    <t>672.0001220703125</t>
  </si>
  <si>
    <t>0.042097298700429775</t>
  </si>
  <si>
    <t>12.191215515136719</t>
  </si>
  <si>
    <t>621.477294921875</t>
  </si>
  <si>
    <t>-0.0029392354884620886</t>
  </si>
  <si>
    <t>13.096837043762207</t>
  </si>
  <si>
    <t>892.475341796875</t>
  </si>
  <si>
    <t>0.015488398796309255</t>
  </si>
  <si>
    <t>38377</t>
  </si>
  <si>
    <t>12.452285766601562</t>
  </si>
  <si>
    <t>924.5021362304688</t>
  </si>
  <si>
    <t>0.02024152809131685</t>
  </si>
  <si>
    <t>35614</t>
  </si>
  <si>
    <t>11.81961727142334</t>
  </si>
  <si>
    <t>875.839599609375</t>
  </si>
  <si>
    <t>-0.07471950283402506</t>
  </si>
  <si>
    <t>35399</t>
  </si>
  <si>
    <t>12.396784782409668</t>
  </si>
  <si>
    <t>796.7136840820312</t>
  </si>
  <si>
    <t>-0.00605524782596234</t>
  </si>
  <si>
    <t>35162</t>
  </si>
  <si>
    <t>11.732611656188965</t>
  </si>
  <si>
    <t>800.1666870117188</t>
  </si>
  <si>
    <t>-0.006717617132562026</t>
  </si>
  <si>
    <t>36429</t>
  </si>
  <si>
    <t>13.412341117858887</t>
  </si>
  <si>
    <t>714.1651611328125</t>
  </si>
  <si>
    <t>0.03539920671919461</t>
  </si>
  <si>
    <t>36898</t>
  </si>
  <si>
    <t>12.208125114440918</t>
  </si>
  <si>
    <t>971.5432739257812</t>
  </si>
  <si>
    <t>0.01279218829578177</t>
  </si>
  <si>
    <t>37254</t>
  </si>
  <si>
    <t>12.215672492980957</t>
  </si>
  <si>
    <t>962.8465576171875</t>
  </si>
  <si>
    <t>0.009601972575236317</t>
  </si>
  <si>
    <t>37727</t>
  </si>
  <si>
    <t>13.183844566345215</t>
  </si>
  <si>
    <t>888.195068359375</t>
  </si>
  <si>
    <t>0.012616696879726774</t>
  </si>
  <si>
    <t>37121</t>
  </si>
  <si>
    <t>13.112786293029785</t>
  </si>
  <si>
    <t>773.6510620117188</t>
  </si>
  <si>
    <t>-0.016193171280230345</t>
  </si>
  <si>
    <t>36669</t>
  </si>
  <si>
    <t>12.347746849060059</t>
  </si>
  <si>
    <t>666.9287719726562</t>
  </si>
  <si>
    <t>-0.012251135747071373</t>
  </si>
  <si>
    <t>37379</t>
  </si>
  <si>
    <t>13.217843055725098</t>
  </si>
  <si>
    <t>822.2006225585938</t>
  </si>
  <si>
    <t>0.019177337932390515</t>
  </si>
  <si>
    <t>13.081298828125</t>
  </si>
  <si>
    <t>762.248046875</t>
  </si>
  <si>
    <t>0.02468021478660809</t>
  </si>
  <si>
    <t>38906</t>
  </si>
  <si>
    <t>13.43090534210205</t>
  </si>
  <si>
    <t>892.6514892578125</t>
  </si>
  <si>
    <t>0.0153592161933922</t>
  </si>
  <si>
    <t>13.382732391357422</t>
  </si>
  <si>
    <t>927.382568359375</t>
  </si>
  <si>
    <t>-0.03710092376323182</t>
  </si>
  <si>
    <t>12.5800199508667</t>
  </si>
  <si>
    <t>740.4052734375</t>
  </si>
  <si>
    <t>0.05916587587491584</t>
  </si>
  <si>
    <t>14.134778022766113</t>
  </si>
  <si>
    <t>705.9578247070312</t>
  </si>
  <si>
    <t>0.020825533384448036</t>
  </si>
  <si>
    <t>22770</t>
  </si>
  <si>
    <t>13.026717185974121</t>
  </si>
  <si>
    <t>859.4384155273438</t>
  </si>
  <si>
    <t>168.8165283203125</t>
  </si>
  <si>
    <t>Dordogne</t>
  </si>
  <si>
    <t>22808</t>
  </si>
  <si>
    <t>11.910330772399902</t>
  </si>
  <si>
    <t>830.624267578125</t>
  </si>
  <si>
    <t>0.0016674715347217983</t>
  </si>
  <si>
    <t>12.57943344116211</t>
  </si>
  <si>
    <t>981.5182495117188</t>
  </si>
  <si>
    <t>0.01098816323054308</t>
  </si>
  <si>
    <t>12.005887031555176</t>
  </si>
  <si>
    <t>1168.6729736328125</t>
  </si>
  <si>
    <t>-0.010593642677479309</t>
  </si>
  <si>
    <t>13.203259468078613</t>
  </si>
  <si>
    <t>1203.9100341796875</t>
  </si>
  <si>
    <t>0.019616130441376</t>
  </si>
  <si>
    <t>23675</t>
  </si>
  <si>
    <t>12.94872760772705</t>
  </si>
  <si>
    <t>1030.6773681640625</t>
  </si>
  <si>
    <t>0.0172976364673314</t>
  </si>
  <si>
    <t>23924</t>
  </si>
  <si>
    <t>11.682273864746094</t>
  </si>
  <si>
    <t>1055.837646484375</t>
  </si>
  <si>
    <t>0.010462500110168804</t>
  </si>
  <si>
    <t>24397</t>
  </si>
  <si>
    <t>13.35019588470459</t>
  </si>
  <si>
    <t>1000.8919067382812</t>
  </si>
  <si>
    <t>0.019578034738103156</t>
  </si>
  <si>
    <t>12.588942527770996</t>
  </si>
  <si>
    <t>919.4453125</t>
  </si>
  <si>
    <t>0.031550139848386394</t>
  </si>
  <si>
    <t>25907</t>
  </si>
  <si>
    <t>12.752699851989746</t>
  </si>
  <si>
    <t>1084.3905029296875</t>
  </si>
  <si>
    <t>0.028502888690532302</t>
  </si>
  <si>
    <t>26739</t>
  </si>
  <si>
    <t>13.299525260925293</t>
  </si>
  <si>
    <t>1143.8614501953125</t>
  </si>
  <si>
    <t>0.031609971357358546</t>
  </si>
  <si>
    <t>27194</t>
  </si>
  <si>
    <t>12.61669921875</t>
  </si>
  <si>
    <t>867.4549560546875</t>
  </si>
  <si>
    <t>0.016873186916804173</t>
  </si>
  <si>
    <t>12.933754920959473</t>
  </si>
  <si>
    <t>1047.712158203125</t>
  </si>
  <si>
    <t>0.026131994352958543</t>
  </si>
  <si>
    <t>27521</t>
  </si>
  <si>
    <t>13.21084976196289</t>
  </si>
  <si>
    <t>959.1509399414062</t>
  </si>
  <si>
    <t>-0.014179005472188422</t>
  </si>
  <si>
    <t>28295</t>
  </si>
  <si>
    <t>12.584105491638184</t>
  </si>
  <si>
    <t>758.49755859375</t>
  </si>
  <si>
    <t>0.02773576098022268</t>
  </si>
  <si>
    <t>28219</t>
  </si>
  <si>
    <t>12.406235694885254</t>
  </si>
  <si>
    <t>743.1735229492188</t>
  </si>
  <si>
    <t>-0.0026896006587762145</t>
  </si>
  <si>
    <t>28851</t>
  </si>
  <si>
    <t>13.479960441589355</t>
  </si>
  <si>
    <t>883.4002685546875</t>
  </si>
  <si>
    <t>0.022149144462742854</t>
  </si>
  <si>
    <t>12.812103271484375</t>
  </si>
  <si>
    <t>1003.1343383789062</t>
  </si>
  <si>
    <t>0.014964931734612108</t>
  </si>
  <si>
    <t>29560</t>
  </si>
  <si>
    <t>12.2005033493042</t>
  </si>
  <si>
    <t>1040.3602294921875</t>
  </si>
  <si>
    <t>0.009312509946934</t>
  </si>
  <si>
    <t>29002</t>
  </si>
  <si>
    <t>12.899933815002441</t>
  </si>
  <si>
    <t>876.3553466796875</t>
  </si>
  <si>
    <t>-0.019057302954296418</t>
  </si>
  <si>
    <t>28507</t>
  </si>
  <si>
    <t>12.096866607666016</t>
  </si>
  <si>
    <t>843.381591796875</t>
  </si>
  <si>
    <t>-0.017215121974199832</t>
  </si>
  <si>
    <t>13.711432456970215</t>
  </si>
  <si>
    <t>790.6358642578125</t>
  </si>
  <si>
    <t>0.020038523636307204</t>
  </si>
  <si>
    <t>12.665753364562988</t>
  </si>
  <si>
    <t>978.2888793945312</t>
  </si>
  <si>
    <t>-0.014162531772376141</t>
  </si>
  <si>
    <t>28739</t>
  </si>
  <si>
    <t>12.578476905822754</t>
  </si>
  <si>
    <t>1106.18115234375</t>
  </si>
  <si>
    <t>0.0022294223188907836</t>
  </si>
  <si>
    <t>29234</t>
  </si>
  <si>
    <t>13.569225311279297</t>
  </si>
  <si>
    <t>1031.48681640625</t>
  </si>
  <si>
    <t>0.017077330132774904</t>
  </si>
  <si>
    <t>29298</t>
  </si>
  <si>
    <t>13.568041801452637</t>
  </si>
  <si>
    <t>831.5989990234375</t>
  </si>
  <si>
    <t>0.0021868388404779893</t>
  </si>
  <si>
    <t>29308</t>
  </si>
  <si>
    <t>12.797611236572266</t>
  </si>
  <si>
    <t>807.93408203125</t>
  </si>
  <si>
    <t>0.00034126199013861935</t>
  </si>
  <si>
    <t>29705</t>
  </si>
  <si>
    <t>13.65112018585205</t>
  </si>
  <si>
    <t>973.9411010742188</t>
  </si>
  <si>
    <t>0.013454865509986647</t>
  </si>
  <si>
    <t>29873</t>
  </si>
  <si>
    <t>13.550463676452637</t>
  </si>
  <si>
    <t>894.9415283203125</t>
  </si>
  <si>
    <t>0.005639680596319252</t>
  </si>
  <si>
    <t>29918</t>
  </si>
  <si>
    <t>13.85973834991455</t>
  </si>
  <si>
    <t>969.9476318359375</t>
  </si>
  <si>
    <t>0.0015052435482463267</t>
  </si>
  <si>
    <t>28315</t>
  </si>
  <si>
    <t>13.778040885925293</t>
  </si>
  <si>
    <t>1068.2540283203125</t>
  </si>
  <si>
    <t>-0.05506860638650046</t>
  </si>
  <si>
    <t>12.980273246765137</t>
  </si>
  <si>
    <t>906.9666748046875</t>
  </si>
  <si>
    <t>0.05913812733016499</t>
  </si>
  <si>
    <t>30672</t>
  </si>
  <si>
    <t>14.598464965820312</t>
  </si>
  <si>
    <t>771.3847045898438</t>
  </si>
  <si>
    <t>0.02082035940735416</t>
  </si>
  <si>
    <t>1064</t>
  </si>
  <si>
    <t>32395</t>
  </si>
  <si>
    <t>8.812697410583496</t>
  </si>
  <si>
    <t>1090.814453125</t>
  </si>
  <si>
    <t>259.59405517578125</t>
  </si>
  <si>
    <t>Doubs</t>
  </si>
  <si>
    <t>7.714071750640869</t>
  </si>
  <si>
    <t>876.9435424804688</t>
  </si>
  <si>
    <t>0.001696353248178184</t>
  </si>
  <si>
    <t>8.757586479187012</t>
  </si>
  <si>
    <t>1122.3980712890625</t>
  </si>
  <si>
    <t>0.010941464104481824</t>
  </si>
  <si>
    <t>7.9308180809021</t>
  </si>
  <si>
    <t>1188.546875</t>
  </si>
  <si>
    <t>-0.010571732771701647</t>
  </si>
  <si>
    <t>33106</t>
  </si>
  <si>
    <t>9.221059799194336</t>
  </si>
  <si>
    <t>1176.129638671875</t>
  </si>
  <si>
    <t>0.019644360355094648</t>
  </si>
  <si>
    <t>8.390341758728027</t>
  </si>
  <si>
    <t>1129.7501220703125</t>
  </si>
  <si>
    <t>0.017249035195888496</t>
  </si>
  <si>
    <t>34037</t>
  </si>
  <si>
    <t>7.164831161499023</t>
  </si>
  <si>
    <t>1053.3236083984375</t>
  </si>
  <si>
    <t>0.010484598177621152</t>
  </si>
  <si>
    <t>34709</t>
  </si>
  <si>
    <t>8.997321128845215</t>
  </si>
  <si>
    <t>1063.0523681640625</t>
  </si>
  <si>
    <t>0.019550851106021838</t>
  </si>
  <si>
    <t>8.44791030883789</t>
  </si>
  <si>
    <t>1025.2550048828125</t>
  </si>
  <si>
    <t>0.031563210485561655</t>
  </si>
  <si>
    <t>36858</t>
  </si>
  <si>
    <t>8.483044624328613</t>
  </si>
  <si>
    <t>1286.4317626953125</t>
  </si>
  <si>
    <t>0.028510461606778392</t>
  </si>
  <si>
    <t>38042</t>
  </si>
  <si>
    <t>9.365791320800781</t>
  </si>
  <si>
    <t>1158.22265625</t>
  </si>
  <si>
    <t>0.03161812112080398</t>
  </si>
  <si>
    <t>38870</t>
  </si>
  <si>
    <t>8.385931015014648</t>
  </si>
  <si>
    <t>1178.0533447265625</t>
  </si>
  <si>
    <t>0.02153193233348283</t>
  </si>
  <si>
    <t>8.947834968566895</t>
  </si>
  <si>
    <t>1262.1083984375</t>
  </si>
  <si>
    <t>-0.008733679968754515</t>
  </si>
  <si>
    <t>38436</t>
  </si>
  <si>
    <t>9.005297660827637</t>
  </si>
  <si>
    <t>885.9932861328125</t>
  </si>
  <si>
    <t>-0.0024945444803563532</t>
  </si>
  <si>
    <t>38729</t>
  </si>
  <si>
    <t>8.401806831359863</t>
  </si>
  <si>
    <t>959.9888916015625</t>
  </si>
  <si>
    <t>0.007594153000352932</t>
  </si>
  <si>
    <t>38435</t>
  </si>
  <si>
    <t>8.150824546813965</t>
  </si>
  <si>
    <t>878.7825927734375</t>
  </si>
  <si>
    <t>-0.007620170614279331</t>
  </si>
  <si>
    <t>38184</t>
  </si>
  <si>
    <t>9.331582069396973</t>
  </si>
  <si>
    <t>1271.6756591796875</t>
  </si>
  <si>
    <t>-0.006551923097498857</t>
  </si>
  <si>
    <t>8.79346752166748</t>
  </si>
  <si>
    <t>1208.364990234375</t>
  </si>
  <si>
    <t>0.007124154294510632</t>
  </si>
  <si>
    <t>8.070280075073242</t>
  </si>
  <si>
    <t>1122.024169921875</t>
  </si>
  <si>
    <t>-0.027522496391386042</t>
  </si>
  <si>
    <t>8.80482006072998</t>
  </si>
  <si>
    <t>999.546875</t>
  </si>
  <si>
    <t>-0.0451603234865825</t>
  </si>
  <si>
    <t>36114</t>
  </si>
  <si>
    <t>7.97583532333374</t>
  </si>
  <si>
    <t>1038.7235107421875</t>
  </si>
  <si>
    <t>0.009822687673551656</t>
  </si>
  <si>
    <t>9.460028648376465</t>
  </si>
  <si>
    <t>924.47021484375</t>
  </si>
  <si>
    <t>0.023777745807235462</t>
  </si>
  <si>
    <t>35045</t>
  </si>
  <si>
    <t>8.546958923339844</t>
  </si>
  <si>
    <t>1173.701416015625</t>
  </si>
  <si>
    <t>-0.05382539764863736</t>
  </si>
  <si>
    <t>8.399965286254883</t>
  </si>
  <si>
    <t>1231.7515869140625</t>
  </si>
  <si>
    <t>0.00566235205219634</t>
  </si>
  <si>
    <t>35539</t>
  </si>
  <si>
    <t>9.587202072143555</t>
  </si>
  <si>
    <t>1089.039306640625</t>
  </si>
  <si>
    <t>0.00833538301608705</t>
  </si>
  <si>
    <t>9.648170471191406</t>
  </si>
  <si>
    <t>902.3212890625</t>
  </si>
  <si>
    <t>0.009326361869177902</t>
  </si>
  <si>
    <t>8.53061580657959</t>
  </si>
  <si>
    <t>991.6845092773438</t>
  </si>
  <si>
    <t>0.016341000928619565</t>
  </si>
  <si>
    <t>37099</t>
  </si>
  <si>
    <t>9.62578296661377</t>
  </si>
  <si>
    <t>1089.8924560546875</t>
  </si>
  <si>
    <t>0.01729196725385229</t>
  </si>
  <si>
    <t>9.567475318908691</t>
  </si>
  <si>
    <t>818.6340942382812</t>
  </si>
  <si>
    <t>0.007331745858488503</t>
  </si>
  <si>
    <t>37632</t>
  </si>
  <si>
    <t>9.902531623840332</t>
  </si>
  <si>
    <t>958.8541870117188</t>
  </si>
  <si>
    <t>0.006932991345452777</t>
  </si>
  <si>
    <t>34836</t>
  </si>
  <si>
    <t>9.806025505065918</t>
  </si>
  <si>
    <t>997.50244140625</t>
  </si>
  <si>
    <t>-0.07720341744566817</t>
  </si>
  <si>
    <t>36958</t>
  </si>
  <si>
    <t>8.687634468078613</t>
  </si>
  <si>
    <t>979.3984985351562</t>
  </si>
  <si>
    <t>0.0591307979247393</t>
  </si>
  <si>
    <t>37736</t>
  </si>
  <si>
    <t>10.47358512878418</t>
  </si>
  <si>
    <t>900.711669921875</t>
  </si>
  <si>
    <t>0.02083241322672791</t>
  </si>
  <si>
    <t>1065</t>
  </si>
  <si>
    <t>12.363303184509277</t>
  </si>
  <si>
    <t>729.6533813476562</t>
  </si>
  <si>
    <t>156.3253173828125</t>
  </si>
  <si>
    <t>DrÔøΩme</t>
  </si>
  <si>
    <t>30143</t>
  </si>
  <si>
    <t>11.44513988494873</t>
  </si>
  <si>
    <t>732.3468627929688</t>
  </si>
  <si>
    <t>0.0016933680480395452</t>
  </si>
  <si>
    <t>30475</t>
  </si>
  <si>
    <t>12.29540729522705</t>
  </si>
  <si>
    <t>820.3353881835938</t>
  </si>
  <si>
    <t>0.010953951621321067</t>
  </si>
  <si>
    <t>30155</t>
  </si>
  <si>
    <t>11.498825073242188</t>
  </si>
  <si>
    <t>974.6755981445312</t>
  </si>
  <si>
    <t>-0.010555928464386355</t>
  </si>
  <si>
    <t>12.75251293182373</t>
  </si>
  <si>
    <t>944.6053466796875</t>
  </si>
  <si>
    <t>0.019636803566424277</t>
  </si>
  <si>
    <t>12.11575984954834</t>
  </si>
  <si>
    <t>957.8689575195312</t>
  </si>
  <si>
    <t>0.017279047608353082</t>
  </si>
  <si>
    <t>11.0115385055542</t>
  </si>
  <si>
    <t>1069.4366455078125</t>
  </si>
  <si>
    <t>0.010459980596268181</t>
  </si>
  <si>
    <t>32242</t>
  </si>
  <si>
    <t>12.72996997833252</t>
  </si>
  <si>
    <t>687.1845703125</t>
  </si>
  <si>
    <t>0.019543371779811025</t>
  </si>
  <si>
    <t>12.043910026550293</t>
  </si>
  <si>
    <t>848.799072265625</t>
  </si>
  <si>
    <t>0.031566465967834745</t>
  </si>
  <si>
    <t>34238</t>
  </si>
  <si>
    <t>12.122328758239746</t>
  </si>
  <si>
    <t>885.554931640625</t>
  </si>
  <si>
    <t>0.0284997219309453</t>
  </si>
  <si>
    <t>35339</t>
  </si>
  <si>
    <t>12.895140647888184</t>
  </si>
  <si>
    <t>1025.56591796875</t>
  </si>
  <si>
    <t>0.03165103159078875</t>
  </si>
  <si>
    <t>11.928740501403809</t>
  </si>
  <si>
    <t>652.6557006835938</t>
  </si>
  <si>
    <t>0.006374838242104275</t>
  </si>
  <si>
    <t>12.435845375061035</t>
  </si>
  <si>
    <t>1173.297607421875</t>
  </si>
  <si>
    <t>0.015346283317331455</t>
  </si>
  <si>
    <t>12.63707447052002</t>
  </si>
  <si>
    <t>677.8031005859375</t>
  </si>
  <si>
    <t>-0.011949836493574395</t>
  </si>
  <si>
    <t>11.935845375061035</t>
  </si>
  <si>
    <t>636.968017578125</t>
  </si>
  <si>
    <t>0.055007734612193104</t>
  </si>
  <si>
    <t>37805</t>
  </si>
  <si>
    <t>11.703740119934082</t>
  </si>
  <si>
    <t>738.5030517578125</t>
  </si>
  <si>
    <t>0.0026751793888042386</t>
  </si>
  <si>
    <t>12.948824882507324</t>
  </si>
  <si>
    <t>659.2219848632812</t>
  </si>
  <si>
    <t>0.019592548982879876</t>
  </si>
  <si>
    <t>12.304701805114746</t>
  </si>
  <si>
    <t>623.8977661132812</t>
  </si>
  <si>
    <t>0.006644027387700646</t>
  </si>
  <si>
    <t>39768</t>
  </si>
  <si>
    <t>11.675055503845215</t>
  </si>
  <si>
    <t>1042.6456298828125</t>
  </si>
  <si>
    <t>0.02438462341155656</t>
  </si>
  <si>
    <t>38684</t>
  </si>
  <si>
    <t>12.434348106384277</t>
  </si>
  <si>
    <t>867.3169555664062</t>
  </si>
  <si>
    <t>-0.0276364909376543</t>
  </si>
  <si>
    <t>11.585577964782715</t>
  </si>
  <si>
    <t>885.0941772460938</t>
  </si>
  <si>
    <t>-0.0035478018852632687</t>
  </si>
  <si>
    <t>40052</t>
  </si>
  <si>
    <t>13.139533042907715</t>
  </si>
  <si>
    <t>789.282958984375</t>
  </si>
  <si>
    <t>0.03830033387610321</t>
  </si>
  <si>
    <t>40742</t>
  </si>
  <si>
    <t>12.242682456970215</t>
  </si>
  <si>
    <t>848.62890625</t>
  </si>
  <si>
    <t>0.017080891549809962</t>
  </si>
  <si>
    <t>11.988033294677734</t>
  </si>
  <si>
    <t>1024.5394287109375</t>
  </si>
  <si>
    <t>-0.009618541612857356</t>
  </si>
  <si>
    <t>40304</t>
  </si>
  <si>
    <t>13.037074089050293</t>
  </si>
  <si>
    <t>957.912841796875</t>
  </si>
  <si>
    <t>-0.001190240172254775</t>
  </si>
  <si>
    <t>40498</t>
  </si>
  <si>
    <t>13.162074089050293</t>
  </si>
  <si>
    <t>733.9935913085938</t>
  </si>
  <si>
    <t>0.004801870566822686</t>
  </si>
  <si>
    <t>12.051283836364746</t>
  </si>
  <si>
    <t>633.339111328125</t>
  </si>
  <si>
    <t>-0.006763897298629473</t>
  </si>
  <si>
    <t>40224</t>
  </si>
  <si>
    <t>13.120407104492188</t>
  </si>
  <si>
    <t>583.7195434570312</t>
  </si>
  <si>
    <t>-2.4860470610121865e-05</t>
  </si>
  <si>
    <t>13.012076377868652</t>
  </si>
  <si>
    <t>989.6241455078125</t>
  </si>
  <si>
    <t>0.011297320574614744</t>
  </si>
  <si>
    <t>13.460844993591309</t>
  </si>
  <si>
    <t>847.7071533203125</t>
  </si>
  <si>
    <t>0.02017320908249509</t>
  </si>
  <si>
    <t>38893</t>
  </si>
  <si>
    <t>13.342948913574219</t>
  </si>
  <si>
    <t>777.003662109375</t>
  </si>
  <si>
    <t>-0.06512007621935467</t>
  </si>
  <si>
    <t>41263</t>
  </si>
  <si>
    <t>12.25961685180664</t>
  </si>
  <si>
    <t>706.4129638671875</t>
  </si>
  <si>
    <t>0.059151928800440956</t>
  </si>
  <si>
    <t>42132</t>
  </si>
  <si>
    <t>14.027512550354004</t>
  </si>
  <si>
    <t>604.514892578125</t>
  </si>
  <si>
    <t>0.020841332328261686</t>
  </si>
  <si>
    <t>1066</t>
  </si>
  <si>
    <t>36906</t>
  </si>
  <si>
    <t>3817.919921875</t>
  </si>
  <si>
    <t>Essonne</t>
  </si>
  <si>
    <t>36969</t>
  </si>
  <si>
    <t>450.1000061035156</t>
  </si>
  <si>
    <t>0.0017055841698105922</t>
  </si>
  <si>
    <t>37376</t>
  </si>
  <si>
    <t>12.241667747497559</t>
  </si>
  <si>
    <t>0.010949063581666252</t>
  </si>
  <si>
    <t>36982</t>
  </si>
  <si>
    <t>664.9999389648438</t>
  </si>
  <si>
    <t>-0.01059747942096756</t>
  </si>
  <si>
    <t>37716</t>
  </si>
  <si>
    <t>0.019653099818635056</t>
  </si>
  <si>
    <t>11.85000228881836</t>
  </si>
  <si>
    <t>0.017269679681936267</t>
  </si>
  <si>
    <t>38777</t>
  </si>
  <si>
    <t>456.70001220703125</t>
  </si>
  <si>
    <t>0.010473200073100486</t>
  </si>
  <si>
    <t>656.1000366210938</t>
  </si>
  <si>
    <t>0.0195614000399722</t>
  </si>
  <si>
    <t>40811</t>
  </si>
  <si>
    <t>624.6000366210938</t>
  </si>
  <si>
    <t>0.03156296551715165</t>
  </si>
  <si>
    <t>0.0285036566910275</t>
  </si>
  <si>
    <t>43340</t>
  </si>
  <si>
    <t>12.466668128967285</t>
  </si>
  <si>
    <t>870.800048828125</t>
  </si>
  <si>
    <t>0.03162068650159533</t>
  </si>
  <si>
    <t>44592</t>
  </si>
  <si>
    <t>778.6000366210938</t>
  </si>
  <si>
    <t>0.028478474631379314</t>
  </si>
  <si>
    <t>0.021431768719558875</t>
  </si>
  <si>
    <t>46531</t>
  </si>
  <si>
    <t>573.6000366210938</t>
  </si>
  <si>
    <t>0.021132517677319385</t>
  </si>
  <si>
    <t>46732</t>
  </si>
  <si>
    <t>540.7000122070312</t>
  </si>
  <si>
    <t>0.004310397718430892</t>
  </si>
  <si>
    <t>45197</t>
  </si>
  <si>
    <t>11.891669273376465</t>
  </si>
  <si>
    <t>463.8999938964844</t>
  </si>
  <si>
    <t>-0.03339844190083063</t>
  </si>
  <si>
    <t>46740</t>
  </si>
  <si>
    <t>0.033569616156640336</t>
  </si>
  <si>
    <t>48122</t>
  </si>
  <si>
    <t>12.491665840148926</t>
  </si>
  <si>
    <t>0.02913912389182549</t>
  </si>
  <si>
    <t>50556</t>
  </si>
  <si>
    <t>0.04934217978234301</t>
  </si>
  <si>
    <t>48391</t>
  </si>
  <si>
    <t>546.8999633789062</t>
  </si>
  <si>
    <t>-0.04376778676643944</t>
  </si>
  <si>
    <t>49196</t>
  </si>
  <si>
    <t>0.016498473361723498</t>
  </si>
  <si>
    <t>47248</t>
  </si>
  <si>
    <t>539.1000366210938</t>
  </si>
  <si>
    <t>-0.040401994378596484</t>
  </si>
  <si>
    <t>0.005698261625028067</t>
  </si>
  <si>
    <t>50311</t>
  </si>
  <si>
    <t>702.7000732421875</t>
  </si>
  <si>
    <t>0.057115154443154736</t>
  </si>
  <si>
    <t>50163</t>
  </si>
  <si>
    <t>13.041665077209473</t>
  </si>
  <si>
    <t>-0.002946037921109479</t>
  </si>
  <si>
    <t>50399</t>
  </si>
  <si>
    <t>12.675002098083496</t>
  </si>
  <si>
    <t>0.004693630462000442</t>
  </si>
  <si>
    <t>50670</t>
  </si>
  <si>
    <t>584.7000122070312</t>
  </si>
  <si>
    <t>0.005362685877177142</t>
  </si>
  <si>
    <t>52180</t>
  </si>
  <si>
    <t>12.991665840148926</t>
  </si>
  <si>
    <t>670.0000610351562</t>
  </si>
  <si>
    <t>0.029365260220764355</t>
  </si>
  <si>
    <t>53053</t>
  </si>
  <si>
    <t>0.016592134176622864</t>
  </si>
  <si>
    <t>53912</t>
  </si>
  <si>
    <t>13.15833568572998</t>
  </si>
  <si>
    <t>588.6000366210938</t>
  </si>
  <si>
    <t>0.016061673758709816</t>
  </si>
  <si>
    <t>50888</t>
  </si>
  <si>
    <t>13.183334350585938</t>
  </si>
  <si>
    <t>643.5999755859375</t>
  </si>
  <si>
    <t>-0.05772594826741262</t>
  </si>
  <si>
    <t>53988</t>
  </si>
  <si>
    <t>12.10000228881836</t>
  </si>
  <si>
    <t>631.2000122070312</t>
  </si>
  <si>
    <t>0.059134660270531825</t>
  </si>
  <si>
    <t>55125</t>
  </si>
  <si>
    <t>13.5</t>
  </si>
  <si>
    <t>0.02084153411997569</t>
  </si>
  <si>
    <t>1067</t>
  </si>
  <si>
    <t>26875</t>
  </si>
  <si>
    <t>11.481911659240723</t>
  </si>
  <si>
    <t>592.5682983398438</t>
  </si>
  <si>
    <t>555.12353515625</t>
  </si>
  <si>
    <t>Eure</t>
  </si>
  <si>
    <t>26920</t>
  </si>
  <si>
    <t>10.346259117126465</t>
  </si>
  <si>
    <t>511.6640319824219</t>
  </si>
  <si>
    <t>0.0016730183287005929</t>
  </si>
  <si>
    <t>27217</t>
  </si>
  <si>
    <t>11.378491401672363</t>
  </si>
  <si>
    <t>766.270263671875</t>
  </si>
  <si>
    <t>0.010972273294266088</t>
  </si>
  <si>
    <t>26930</t>
  </si>
  <si>
    <t>10.580975532531738</t>
  </si>
  <si>
    <t>757.6402587890625</t>
  </si>
  <si>
    <t>-0.010600871247286037</t>
  </si>
  <si>
    <t>27465</t>
  </si>
  <si>
    <t>11.718628883361816</t>
  </si>
  <si>
    <t>862.2188720703125</t>
  </si>
  <si>
    <t>0.01967155997107639</t>
  </si>
  <si>
    <t>27943</t>
  </si>
  <si>
    <t>11.143661499023438</t>
  </si>
  <si>
    <t>663.7360229492188</t>
  </si>
  <si>
    <t>0.017254254212188513</t>
  </si>
  <si>
    <t>9.653231620788574</t>
  </si>
  <si>
    <t>540.5960693359375</t>
  </si>
  <si>
    <t>0.010501867580561708</t>
  </si>
  <si>
    <t>11.624978065490723</t>
  </si>
  <si>
    <t>748.6912841796875</t>
  </si>
  <si>
    <t>0.019533172371302143</t>
  </si>
  <si>
    <t>29718</t>
  </si>
  <si>
    <t>11.159993171691895</t>
  </si>
  <si>
    <t>730.755615234375</t>
  </si>
  <si>
    <t>0.03155116187551954</t>
  </si>
  <si>
    <t>30577</t>
  </si>
  <si>
    <t>11.403820991516113</t>
  </si>
  <si>
    <t>854.6962280273438</t>
  </si>
  <si>
    <t>0.028495169518800267</t>
  </si>
  <si>
    <t>31560</t>
  </si>
  <si>
    <t>11.775107383728027</t>
  </si>
  <si>
    <t>995.6428833007812</t>
  </si>
  <si>
    <t>0.031642403624717375</t>
  </si>
  <si>
    <t>31635</t>
  </si>
  <si>
    <t>11.170326232910156</t>
  </si>
  <si>
    <t>854.5833129882812</t>
  </si>
  <si>
    <t>0.002373606621173252</t>
  </si>
  <si>
    <t>31903</t>
  </si>
  <si>
    <t>11.551803588867188</t>
  </si>
  <si>
    <t>859.9017944335938</t>
  </si>
  <si>
    <t>0.008435946657250781</t>
  </si>
  <si>
    <t>31708</t>
  </si>
  <si>
    <t>11.56092357635498</t>
  </si>
  <si>
    <t>646.4735107421875</t>
  </si>
  <si>
    <t>-0.006131034281187553</t>
  </si>
  <si>
    <t>11.132217407226562</t>
  </si>
  <si>
    <t>598.12255859375</t>
  </si>
  <si>
    <t>0.008072539243780597</t>
  </si>
  <si>
    <t>31779</t>
  </si>
  <si>
    <t>11.03329849243164</t>
  </si>
  <si>
    <t>536.4498901367188</t>
  </si>
  <si>
    <t>-0.005835859936221155</t>
  </si>
  <si>
    <t>31947</t>
  </si>
  <si>
    <t>12.014002799987793</t>
  </si>
  <si>
    <t>697.7606811523438</t>
  </si>
  <si>
    <t>0.005272585418886422</t>
  </si>
  <si>
    <t>32598</t>
  </si>
  <si>
    <t>11.53173828125</t>
  </si>
  <si>
    <t>800.3435668945312</t>
  </si>
  <si>
    <t>0.020172657096084734</t>
  </si>
  <si>
    <t>31922</t>
  </si>
  <si>
    <t>10.803816795349121</t>
  </si>
  <si>
    <t>711.1578369140625</t>
  </si>
  <si>
    <t>-0.02095550953707459</t>
  </si>
  <si>
    <t>11.253661155700684</t>
  </si>
  <si>
    <t>630.4418334960938</t>
  </si>
  <si>
    <t>-0.045306482958373806</t>
  </si>
  <si>
    <t>31069</t>
  </si>
  <si>
    <t>10.552279472351074</t>
  </si>
  <si>
    <t>694.8143920898438</t>
  </si>
  <si>
    <t>0.018221593197170094</t>
  </si>
  <si>
    <t>12.154908180236816</t>
  </si>
  <si>
    <t>613.6738891601562</t>
  </si>
  <si>
    <t>0.010278833354700367</t>
  </si>
  <si>
    <t>31088</t>
  </si>
  <si>
    <t>11.06832504272461</t>
  </si>
  <si>
    <t>813.20361328125</t>
  </si>
  <si>
    <t>-0.009667478218778669</t>
  </si>
  <si>
    <t>11.02573299407959</t>
  </si>
  <si>
    <t>754.6144409179688</t>
  </si>
  <si>
    <t>-0.009047496122475351</t>
  </si>
  <si>
    <t>30430</t>
  </si>
  <si>
    <t>12.198406219482422</t>
  </si>
  <si>
    <t>752.3941040039062</t>
  </si>
  <si>
    <t>-0.012345432603728668</t>
  </si>
  <si>
    <t>11.982525825500488</t>
  </si>
  <si>
    <t>620.2149658203125</t>
  </si>
  <si>
    <t>0.009615144227556272</t>
  </si>
  <si>
    <t>30655</t>
  </si>
  <si>
    <t>11.14116382598877</t>
  </si>
  <si>
    <t>625.433837890625</t>
  </si>
  <si>
    <t>-0.0022483269217854485</t>
  </si>
  <si>
    <t>12.243624687194824</t>
  </si>
  <si>
    <t>741.14599609375</t>
  </si>
  <si>
    <t>0.016949010059743586</t>
  </si>
  <si>
    <t>31699</t>
  </si>
  <si>
    <t>12.144699096679688</t>
  </si>
  <si>
    <t>635.7052612304688</t>
  </si>
  <si>
    <t>0.016540343369937816</t>
  </si>
  <si>
    <t>32063</t>
  </si>
  <si>
    <t>12.390381813049316</t>
  </si>
  <si>
    <t>693.638427734375</t>
  </si>
  <si>
    <t>0.01141758270697224</t>
  </si>
  <si>
    <t>30019</t>
  </si>
  <si>
    <t>12.43127155303955</t>
  </si>
  <si>
    <t>740.5967407226562</t>
  </si>
  <si>
    <t>-0.06587220282673201</t>
  </si>
  <si>
    <t>31848</t>
  </si>
  <si>
    <t>11.297344207763672</t>
  </si>
  <si>
    <t>712.7803344726562</t>
  </si>
  <si>
    <t>0.05914407117344389</t>
  </si>
  <si>
    <t>32518</t>
  </si>
  <si>
    <t>12.925117492675781</t>
  </si>
  <si>
    <t>600.3623046875</t>
  </si>
  <si>
    <t>0.020819196475347468</t>
  </si>
  <si>
    <t>11.646728515625</t>
  </si>
  <si>
    <t>541.5905151367188</t>
  </si>
  <si>
    <t>161.07894897460938</t>
  </si>
  <si>
    <t>Eure-et-Loir</t>
  </si>
  <si>
    <t>29373</t>
  </si>
  <si>
    <t>10.452568054199219</t>
  </si>
  <si>
    <t>474.55950927734375</t>
  </si>
  <si>
    <t>0.0017036940198327244</t>
  </si>
  <si>
    <t>29697</t>
  </si>
  <si>
    <t>11.313067436218262</t>
  </si>
  <si>
    <t>667.7096557617188</t>
  </si>
  <si>
    <t>0.010970145565735834</t>
  </si>
  <si>
    <t>10.631720542907715</t>
  </si>
  <si>
    <t>683.4927368164062</t>
  </si>
  <si>
    <t>-0.010595722088414306</t>
  </si>
  <si>
    <t>29967</t>
  </si>
  <si>
    <t>11.76883602142334</t>
  </si>
  <si>
    <t>831.144287109375</t>
  </si>
  <si>
    <t>0.019646467700756176</t>
  </si>
  <si>
    <t>30489</t>
  </si>
  <si>
    <t>11.469202995300293</t>
  </si>
  <si>
    <t>623.018310546875</t>
  </si>
  <si>
    <t>0.017269186605616937</t>
  </si>
  <si>
    <t>30811</t>
  </si>
  <si>
    <t>10.021944046020508</t>
  </si>
  <si>
    <t>481.28277587890625</t>
  </si>
  <si>
    <t>0.010505806252602667</t>
  </si>
  <si>
    <t>11.883090019226074</t>
  </si>
  <si>
    <t>700.301513671875</t>
  </si>
  <si>
    <t>0.019541036382776156</t>
  </si>
  <si>
    <t>11.267192840576172</t>
  </si>
  <si>
    <t>675.3512573242188</t>
  </si>
  <si>
    <t>0.03154776466876008</t>
  </si>
  <si>
    <t>33364</t>
  </si>
  <si>
    <t>11.495858192443848</t>
  </si>
  <si>
    <t>777.0882568359375</t>
  </si>
  <si>
    <t>0.028516904251487674</t>
  </si>
  <si>
    <t>34436</t>
  </si>
  <si>
    <t>11.813522338867188</t>
  </si>
  <si>
    <t>908.5831909179688</t>
  </si>
  <si>
    <t>0.031625054416343445</t>
  </si>
  <si>
    <t>11.223275184631348</t>
  </si>
  <si>
    <t>787.1179809570312</t>
  </si>
  <si>
    <t>-0.0017438823230158107</t>
  </si>
  <si>
    <t>11.569229125976562</t>
  </si>
  <si>
    <t>780.2005615234375</t>
  </si>
  <si>
    <t>-0.01035127228530186</t>
  </si>
  <si>
    <t>11.703568458557129</t>
  </si>
  <si>
    <t>632.929931640625</t>
  </si>
  <si>
    <t>-0.02696062848306724</t>
  </si>
  <si>
    <t>11.262638092041016</t>
  </si>
  <si>
    <t>541.6487426757812</t>
  </si>
  <si>
    <t>0.004669456736285937</t>
  </si>
  <si>
    <t>33258</t>
  </si>
  <si>
    <t>11.162506103515625</t>
  </si>
  <si>
    <t>499.1723937988281</t>
  </si>
  <si>
    <t>-0.00042086277488806445</t>
  </si>
  <si>
    <t>12.083630561828613</t>
  </si>
  <si>
    <t>637.7799072265625</t>
  </si>
  <si>
    <t>0.004889105256140169</t>
  </si>
  <si>
    <t>11.502203941345215</t>
  </si>
  <si>
    <t>742.3230590820312</t>
  </si>
  <si>
    <t>0.017146667497058843</t>
  </si>
  <si>
    <t>33688</t>
  </si>
  <si>
    <t>10.870213508605957</t>
  </si>
  <si>
    <t>658.215087890625</t>
  </si>
  <si>
    <t>-0.009189421559295141</t>
  </si>
  <si>
    <t>11.322254180908203</t>
  </si>
  <si>
    <t>581.524658203125</t>
  </si>
  <si>
    <t>-0.043561634036850094</t>
  </si>
  <si>
    <t>32372</t>
  </si>
  <si>
    <t>10.670727729797363</t>
  </si>
  <si>
    <t>632.0377807617188</t>
  </si>
  <si>
    <t>0.0037137948106789054</t>
  </si>
  <si>
    <t>12.319331169128418</t>
  </si>
  <si>
    <t>546.1728515625</t>
  </si>
  <si>
    <t>0.029314044436569375</t>
  </si>
  <si>
    <t>32848</t>
  </si>
  <si>
    <t>11.164679527282715</t>
  </si>
  <si>
    <t>762.1481323242188</t>
  </si>
  <si>
    <t>-0.014717035793445632</t>
  </si>
  <si>
    <t>11.108860969543457</t>
  </si>
  <si>
    <t>727.453857421875</t>
  </si>
  <si>
    <t>0.00385883832679923</t>
  </si>
  <si>
    <t>12.1748046875</t>
  </si>
  <si>
    <t>705.9661254882812</t>
  </si>
  <si>
    <t>-0.00535167148292004</t>
  </si>
  <si>
    <t>32860</t>
  </si>
  <si>
    <t>12.07789134979248</t>
  </si>
  <si>
    <t>609.2342529296875</t>
  </si>
  <si>
    <t>0.0018580854886636189</t>
  </si>
  <si>
    <t>33235</t>
  </si>
  <si>
    <t>11.217951774597168</t>
  </si>
  <si>
    <t>592.4979858398438</t>
  </si>
  <si>
    <t>0.011347424884423418</t>
  </si>
  <si>
    <t>12.192078590393066</t>
  </si>
  <si>
    <t>686.7153930664062</t>
  </si>
  <si>
    <t>0.020224370991391183</t>
  </si>
  <si>
    <t>33849</t>
  </si>
  <si>
    <t>12.066319465637207</t>
  </si>
  <si>
    <t>586.7671508789062</t>
  </si>
  <si>
    <t>-0.0019184516605168511</t>
  </si>
  <si>
    <t>34420</t>
  </si>
  <si>
    <t>12.339130401611328</t>
  </si>
  <si>
    <t>629.6279296875</t>
  </si>
  <si>
    <t>0.016728333958974773</t>
  </si>
  <si>
    <t>32687</t>
  </si>
  <si>
    <t>12.340527534484863</t>
  </si>
  <si>
    <t>683.322021484375</t>
  </si>
  <si>
    <t>-0.05166034544235565</t>
  </si>
  <si>
    <t>34678</t>
  </si>
  <si>
    <t>11.446483612060547</t>
  </si>
  <si>
    <t>643.7877807617188</t>
  </si>
  <si>
    <t>0.059128034781442906</t>
  </si>
  <si>
    <t>12.991913795471191</t>
  </si>
  <si>
    <t>570.4873657226562</t>
  </si>
  <si>
    <t>0.020832303186212542</t>
  </si>
  <si>
    <t>28289</t>
  </si>
  <si>
    <t>12.2724609375</t>
  </si>
  <si>
    <t>967.8008422851562</t>
  </si>
  <si>
    <t>608.6614379882812</t>
  </si>
  <si>
    <t>FinistÔøΩre</t>
  </si>
  <si>
    <t>28338</t>
  </si>
  <si>
    <t>11.345864295959473</t>
  </si>
  <si>
    <t>794.7442626953125</t>
  </si>
  <si>
    <t>0.0017306236328895608</t>
  </si>
  <si>
    <t>11.895846366882324</t>
  </si>
  <si>
    <t>1104.85546875</t>
  </si>
  <si>
    <t>0.010949783018713077</t>
  </si>
  <si>
    <t>11.337207794189453</t>
  </si>
  <si>
    <t>1160.642822265625</t>
  </si>
  <si>
    <t>-0.010596962212739314</t>
  </si>
  <si>
    <t>28910</t>
  </si>
  <si>
    <t>12.217933654785156</t>
  </si>
  <si>
    <t>1397.294921875</t>
  </si>
  <si>
    <t>0.01963107508024642</t>
  </si>
  <si>
    <t>29414</t>
  </si>
  <si>
    <t>12.41069507598877</t>
  </si>
  <si>
    <t>1012.6450805664062</t>
  </si>
  <si>
    <t>0.017283195449866895</t>
  </si>
  <si>
    <t>11.033699035644531</t>
  </si>
  <si>
    <t>886.7698974609375</t>
  </si>
  <si>
    <t>0.010484048817099634</t>
  </si>
  <si>
    <t>30311</t>
  </si>
  <si>
    <t>12.673530578613281</t>
  </si>
  <si>
    <t>1169.6820068359375</t>
  </si>
  <si>
    <t>0.019555882641997258</t>
  </si>
  <si>
    <t>31283</t>
  </si>
  <si>
    <t>12.150877952575684</t>
  </si>
  <si>
    <t>1258.13427734375</t>
  </si>
  <si>
    <t>0.03156413606940767</t>
  </si>
  <si>
    <t>32187</t>
  </si>
  <si>
    <t>12.295188903808594</t>
  </si>
  <si>
    <t>1256.5927734375</t>
  </si>
  <si>
    <t>0.028487825316091175</t>
  </si>
  <si>
    <t>33222</t>
  </si>
  <si>
    <t>12.2324800491333</t>
  </si>
  <si>
    <t>1580.5831298828125</t>
  </si>
  <si>
    <t>0.031649662746167095</t>
  </si>
  <si>
    <t>12.05789852142334</t>
  </si>
  <si>
    <t>1075.913330078125</t>
  </si>
  <si>
    <t>0.020674572372870514</t>
  </si>
  <si>
    <t>12.240811347961426</t>
  </si>
  <si>
    <t>1315.770751953125</t>
  </si>
  <si>
    <t>-0.004847204619718326</t>
  </si>
  <si>
    <t>12.479758262634277</t>
  </si>
  <si>
    <t>1025.0780029296875</t>
  </si>
  <si>
    <t>0.005525120790402127</t>
  </si>
  <si>
    <t>35530</t>
  </si>
  <si>
    <t>12.11877155303955</t>
  </si>
  <si>
    <t>894.142578125</t>
  </si>
  <si>
    <t>0.045812614420496445</t>
  </si>
  <si>
    <t>11.96945571899414</t>
  </si>
  <si>
    <t>877.0264892578125</t>
  </si>
  <si>
    <t>0.004689241608190287</t>
  </si>
  <si>
    <t>36525</t>
  </si>
  <si>
    <t>12.719630241394043</t>
  </si>
  <si>
    <t>1180.7203369140625</t>
  </si>
  <si>
    <t>0.022930305995636502</t>
  </si>
  <si>
    <t>36767</t>
  </si>
  <si>
    <t>12.301751136779785</t>
  </si>
  <si>
    <t>1193.9075927734375</t>
  </si>
  <si>
    <t>0.006603746096622842</t>
  </si>
  <si>
    <t>34619</t>
  </si>
  <si>
    <t>11.615058898925781</t>
  </si>
  <si>
    <t>1218.8997802734375</t>
  </si>
  <si>
    <t>-0.06019803944005453</t>
  </si>
  <si>
    <t>33357</t>
  </si>
  <si>
    <t>11.900227546691895</t>
  </si>
  <si>
    <t>1123.5133056640625</t>
  </si>
  <si>
    <t>-0.03713501890410953</t>
  </si>
  <si>
    <t>11.258835792541504</t>
  </si>
  <si>
    <t>1122.3355712890625</t>
  </si>
  <si>
    <t>-0.003152729720380165</t>
  </si>
  <si>
    <t>34294</t>
  </si>
  <si>
    <t>12.761833190917969</t>
  </si>
  <si>
    <t>904.2197265625</t>
  </si>
  <si>
    <t>0.03085549608781868</t>
  </si>
  <si>
    <t>11.795868873596191</t>
  </si>
  <si>
    <t>1364.7412109375</t>
  </si>
  <si>
    <t>-0.007169748168028178</t>
  </si>
  <si>
    <t>34447</t>
  </si>
  <si>
    <t>11.854737281799316</t>
  </si>
  <si>
    <t>1258.7591552734375</t>
  </si>
  <si>
    <t>0.011621247350522168</t>
  </si>
  <si>
    <t>12.777156829833984</t>
  </si>
  <si>
    <t>1214.83203125</t>
  </si>
  <si>
    <t>0.0025513916017825267</t>
  </si>
  <si>
    <t>34894</t>
  </si>
  <si>
    <t>12.446757316589355</t>
  </si>
  <si>
    <t>1170.357177734375</t>
  </si>
  <si>
    <t>0.010341592116773768</t>
  </si>
  <si>
    <t>35280</t>
  </si>
  <si>
    <t>12.047813415527344</t>
  </si>
  <si>
    <t>866.9698486328125</t>
  </si>
  <si>
    <t>0.011001336480880752</t>
  </si>
  <si>
    <t>12.673476219177246</t>
  </si>
  <si>
    <t>1034.89306640625</t>
  </si>
  <si>
    <t>0.017281778889854493</t>
  </si>
  <si>
    <t>12.514643669128418</t>
  </si>
  <si>
    <t>1030.6795654296875</t>
  </si>
  <si>
    <t>-0.002566321250039749</t>
  </si>
  <si>
    <t>12.731154441833496</t>
  </si>
  <si>
    <t>1283.7308349609375</t>
  </si>
  <si>
    <t>0.02471781795448358</t>
  </si>
  <si>
    <t>12.6900053024292</t>
  </si>
  <si>
    <t>1272.6219482421875</t>
  </si>
  <si>
    <t>-0.049575234784327904</t>
  </si>
  <si>
    <t>37052</t>
  </si>
  <si>
    <t>12.361560821533203</t>
  </si>
  <si>
    <t>889.4664916992188</t>
  </si>
  <si>
    <t>0.05914805944321877</t>
  </si>
  <si>
    <t>13.300925254821777</t>
  </si>
  <si>
    <t>1036.373291015625</t>
  </si>
  <si>
    <t>0.02083297394979411</t>
  </si>
  <si>
    <t>1071</t>
  </si>
  <si>
    <t>25432</t>
  </si>
  <si>
    <t>14.696438789367676</t>
  </si>
  <si>
    <t>661.6140747070312</t>
  </si>
  <si>
    <t>255.6043701171875</t>
  </si>
  <si>
    <t>Gard</t>
  </si>
  <si>
    <t>25475</t>
  </si>
  <si>
    <t>13.804774284362793</t>
  </si>
  <si>
    <t>651.6856689453125</t>
  </si>
  <si>
    <t>0.0016893555002859273</t>
  </si>
  <si>
    <t>25756</t>
  </si>
  <si>
    <t>14.31429672241211</t>
  </si>
  <si>
    <t>672.7138061523438</t>
  </si>
  <si>
    <t>0.01097003056714918</t>
  </si>
  <si>
    <t>13.894058227539062</t>
  </si>
  <si>
    <t>880.2568969726562</t>
  </si>
  <si>
    <t>-0.010577565883931328</t>
  </si>
  <si>
    <t>25990</t>
  </si>
  <si>
    <t>15.007153511047363</t>
  </si>
  <si>
    <t>860.899658203125</t>
  </si>
  <si>
    <t>0.019621804861392533</t>
  </si>
  <si>
    <t>26443</t>
  </si>
  <si>
    <t>14.759533882141113</t>
  </si>
  <si>
    <t>895.142822265625</t>
  </si>
  <si>
    <t>0.017279624341290045</t>
  </si>
  <si>
    <t>13.833344459533691</t>
  </si>
  <si>
    <t>987.9282836914062</t>
  </si>
  <si>
    <t>0.010495723172013527</t>
  </si>
  <si>
    <t>27249</t>
  </si>
  <si>
    <t>15.226201057434082</t>
  </si>
  <si>
    <t>557.8995971679688</t>
  </si>
  <si>
    <t>28123</t>
  </si>
  <si>
    <t>14.45477294921875</t>
  </si>
  <si>
    <t>748.314208984375</t>
  </si>
  <si>
    <t>0.031570923696772724</t>
  </si>
  <si>
    <t>28936</t>
  </si>
  <si>
    <t>14.653583526611328</t>
  </si>
  <si>
    <t>793.28564453125</t>
  </si>
  <si>
    <t>0.028498747764837518</t>
  </si>
  <si>
    <t>15.244057655334473</t>
  </si>
  <si>
    <t>941.0283813476562</t>
  </si>
  <si>
    <t>0.03163421498528152</t>
  </si>
  <si>
    <t>14.60239315032959</t>
  </si>
  <si>
    <t>538.3138427734375</t>
  </si>
  <si>
    <t>0.004009896437633387</t>
  </si>
  <si>
    <t>14.865487098693848</t>
  </si>
  <si>
    <t>1021.4711303710938</t>
  </si>
  <si>
    <t>0.00562014083023854</t>
  </si>
  <si>
    <t>30269</t>
  </si>
  <si>
    <t>15.326202392578125</t>
  </si>
  <si>
    <t>631.51416015625</t>
  </si>
  <si>
    <t>0.003773339575726453</t>
  </si>
  <si>
    <t>14.510725975036621</t>
  </si>
  <si>
    <t>578.2998657226562</t>
  </si>
  <si>
    <t>0.01885057618292585</t>
  </si>
  <si>
    <t>30631</t>
  </si>
  <si>
    <t>14.201202392578125</t>
  </si>
  <si>
    <t>663.9856567382812</t>
  </si>
  <si>
    <t>-0.006962094618861769</t>
  </si>
  <si>
    <t>15.432154655456543</t>
  </si>
  <si>
    <t>530.1853637695312</t>
  </si>
  <si>
    <t>0.026767900357572927</t>
  </si>
  <si>
    <t>31782</t>
  </si>
  <si>
    <t>14.794058799743652</t>
  </si>
  <si>
    <t>511.4709167480469</t>
  </si>
  <si>
    <t>0.010119623390131949</t>
  </si>
  <si>
    <t>31360</t>
  </si>
  <si>
    <t>14.383345603942871</t>
  </si>
  <si>
    <t>921.470703125</t>
  </si>
  <si>
    <t>-0.013366896308237841</t>
  </si>
  <si>
    <t>30414</t>
  </si>
  <si>
    <t>15.095248222351074</t>
  </si>
  <si>
    <t>785.7860107421875</t>
  </si>
  <si>
    <t>-0.030630166763939926</t>
  </si>
  <si>
    <t>14.195250511169434</t>
  </si>
  <si>
    <t>814.156982421875</t>
  </si>
  <si>
    <t>-0.010543983718532601</t>
  </si>
  <si>
    <t>30590</t>
  </si>
  <si>
    <t>15.598819732666016</t>
  </si>
  <si>
    <t>644.3997802734375</t>
  </si>
  <si>
    <t>0.016314113163076627</t>
  </si>
  <si>
    <t>14.85715389251709</t>
  </si>
  <si>
    <t>706.5428466796875</t>
  </si>
  <si>
    <t>-0.011937593462366891</t>
  </si>
  <si>
    <t>29731</t>
  </si>
  <si>
    <t>14.633343696594238</t>
  </si>
  <si>
    <t>856.7428588867188</t>
  </si>
  <si>
    <t>-0.016545292198264505</t>
  </si>
  <si>
    <t>29968</t>
  </si>
  <si>
    <t>15.504773139953613</t>
  </si>
  <si>
    <t>792.1284790039062</t>
  </si>
  <si>
    <t>0.007939873199552139</t>
  </si>
  <si>
    <t>30117</t>
  </si>
  <si>
    <t>15.5607271194458</t>
  </si>
  <si>
    <t>585.928466796875</t>
  </si>
  <si>
    <t>0.00495965067576698</t>
  </si>
  <si>
    <t>30170</t>
  </si>
  <si>
    <t>14.855964660644531</t>
  </si>
  <si>
    <t>643.5997314453125</t>
  </si>
  <si>
    <t>0.0017582567934706361</t>
  </si>
  <si>
    <t>15.634533882141113</t>
  </si>
  <si>
    <t>565.0569458007812</t>
  </si>
  <si>
    <t>0.025718788237243828</t>
  </si>
  <si>
    <t>15.554774284362793</t>
  </si>
  <si>
    <t>1002.9002075195312</t>
  </si>
  <si>
    <t>0.002806498721080075</t>
  </si>
  <si>
    <t>15.782154083251953</t>
  </si>
  <si>
    <t>810.8002319335938</t>
  </si>
  <si>
    <t>0.026919140892673</t>
  </si>
  <si>
    <t>15.67977237701416</t>
  </si>
  <si>
    <t>684.4281616210938</t>
  </si>
  <si>
    <t>-0.054748614300947906</t>
  </si>
  <si>
    <t>14.989296913146973</t>
  </si>
  <si>
    <t>587.7427368164062</t>
  </si>
  <si>
    <t>0.05916031714325598</t>
  </si>
  <si>
    <t>16.519060134887695</t>
  </si>
  <si>
    <t>570.7572021484375</t>
  </si>
  <si>
    <t>0.020823787548900796</t>
  </si>
  <si>
    <t>1072</t>
  </si>
  <si>
    <t>14.246319770812988</t>
  </si>
  <si>
    <t>797.19677734375</t>
  </si>
  <si>
    <t>57.36155700683594</t>
  </si>
  <si>
    <t>Gers</t>
  </si>
  <si>
    <t>23266</t>
  </si>
  <si>
    <t>13.042903900146484</t>
  </si>
  <si>
    <t>797.9791259765625</t>
  </si>
  <si>
    <t>0.0016776723010956118</t>
  </si>
  <si>
    <t>13.776237487792969</t>
  </si>
  <si>
    <t>889.8130493164062</t>
  </si>
  <si>
    <t>0.010943086034270522</t>
  </si>
  <si>
    <t>23275</t>
  </si>
  <si>
    <t>13.129653930664062</t>
  </si>
  <si>
    <t>1112.102783203125</t>
  </si>
  <si>
    <t>-0.010556330265714564</t>
  </si>
  <si>
    <t>14.4815673828125</t>
  </si>
  <si>
    <t>980.0579223632812</t>
  </si>
  <si>
    <t>0.019613059825388746</t>
  </si>
  <si>
    <t>14.224735260009766</t>
  </si>
  <si>
    <t>889.44140625</t>
  </si>
  <si>
    <t>0.017291497110061727</t>
  </si>
  <si>
    <t>12.876238822937012</t>
  </si>
  <si>
    <t>1087.697509765625</t>
  </si>
  <si>
    <t>14.676239013671875</t>
  </si>
  <si>
    <t>851.677734375</t>
  </si>
  <si>
    <t>0.019517367014328713</t>
  </si>
  <si>
    <t>25684</t>
  </si>
  <si>
    <t>13.746319770812988</t>
  </si>
  <si>
    <t>813.4279174804688</t>
  </si>
  <si>
    <t>0.031562833578361094</t>
  </si>
  <si>
    <t>26427</t>
  </si>
  <si>
    <t>14.046319007873535</t>
  </si>
  <si>
    <t>887.0919189453125</t>
  </si>
  <si>
    <t>0.028517984863967172</t>
  </si>
  <si>
    <t>14.621319770812988</t>
  </si>
  <si>
    <t>1005.966064453125</t>
  </si>
  <si>
    <t>0.031620979862637455</t>
  </si>
  <si>
    <t>28149</t>
  </si>
  <si>
    <t>13.756153106689453</t>
  </si>
  <si>
    <t>688.467529296875</t>
  </si>
  <si>
    <t>0.03150463531761716</t>
  </si>
  <si>
    <t>14.05465316772461</t>
  </si>
  <si>
    <t>950.6604614257812</t>
  </si>
  <si>
    <t>0.00287341228937521</t>
  </si>
  <si>
    <t>14.462986946105957</t>
  </si>
  <si>
    <t>850.0021362304688</t>
  </si>
  <si>
    <t>0.01665124361098691</t>
  </si>
  <si>
    <t>29574</t>
  </si>
  <si>
    <t>13.804654121398926</t>
  </si>
  <si>
    <t>699.2844848632812</t>
  </si>
  <si>
    <t>0.029859111074911127</t>
  </si>
  <si>
    <t>28860</t>
  </si>
  <si>
    <t>13.667902946472168</t>
  </si>
  <si>
    <t>690.591552734375</t>
  </si>
  <si>
    <t>-0.024439043605571698</t>
  </si>
  <si>
    <t>28449</t>
  </si>
  <si>
    <t>14.704654693603516</t>
  </si>
  <si>
    <t>719.3738403320312</t>
  </si>
  <si>
    <t>-0.014343542776025231</t>
  </si>
  <si>
    <t>13.871319770812988</t>
  </si>
  <si>
    <t>824.9208374023438</t>
  </si>
  <si>
    <t>0.00871442335651551</t>
  </si>
  <si>
    <t>13.36298656463623</t>
  </si>
  <si>
    <t>937.4476928710938</t>
  </si>
  <si>
    <t>-0.028272432256171598</t>
  </si>
  <si>
    <t>26845</t>
  </si>
  <si>
    <t>14.182655334472656</t>
  </si>
  <si>
    <t>773.0148315429688</t>
  </si>
  <si>
    <t>-0.038475417795510225</t>
  </si>
  <si>
    <t>27489</t>
  </si>
  <si>
    <t>13.389487266540527</t>
  </si>
  <si>
    <t>742.36962890625</t>
  </si>
  <si>
    <t>0.02370634077665379</t>
  </si>
  <si>
    <t>27717</t>
  </si>
  <si>
    <t>14.954654693603516</t>
  </si>
  <si>
    <t>668.9989013671875</t>
  </si>
  <si>
    <t>0.00826001870553128</t>
  </si>
  <si>
    <t>809.1971435546875</t>
  </si>
  <si>
    <t>0.034781490569496754</t>
  </si>
  <si>
    <t>13.771319389343262</t>
  </si>
  <si>
    <t>1003.7929077148438</t>
  </si>
  <si>
    <t>-0.0461749374745839</t>
  </si>
  <si>
    <t>27865</t>
  </si>
  <si>
    <t>14.742904663085938</t>
  </si>
  <si>
    <t>915.8063354492188</t>
  </si>
  <si>
    <t>0.016718924569868676</t>
  </si>
  <si>
    <t>14.6679048538208</t>
  </si>
  <si>
    <t>731.8423461914062</t>
  </si>
  <si>
    <t>0.004511608913039922</t>
  </si>
  <si>
    <t>13.817902565002441</t>
  </si>
  <si>
    <t>731.6067504882812</t>
  </si>
  <si>
    <t>0.00669398974594948</t>
  </si>
  <si>
    <t>14.80465316772461</t>
  </si>
  <si>
    <t>866.0908203125</t>
  </si>
  <si>
    <t>0.019399659527103097</t>
  </si>
  <si>
    <t>29346</t>
  </si>
  <si>
    <t>14.734570503234863</t>
  </si>
  <si>
    <t>869.5314331054688</t>
  </si>
  <si>
    <t>0.02117957157768302</t>
  </si>
  <si>
    <t>29285</t>
  </si>
  <si>
    <t>15.001236915588379</t>
  </si>
  <si>
    <t>895.1759643554688</t>
  </si>
  <si>
    <t>-0.0020808112435286574</t>
  </si>
  <si>
    <t>972.9254150390625</t>
  </si>
  <si>
    <t>-0.056148569276203375</t>
  </si>
  <si>
    <t>14.012986183166504</t>
  </si>
  <si>
    <t>824.2787475585938</t>
  </si>
  <si>
    <t>0.059149014774501296</t>
  </si>
  <si>
    <t>15.784571647644043</t>
  </si>
  <si>
    <t>666.276611328125</t>
  </si>
  <si>
    <t>0.020821451613109332</t>
  </si>
  <si>
    <t>1073</t>
  </si>
  <si>
    <t>14.142196655273438</t>
  </si>
  <si>
    <t>880.6012573242188</t>
  </si>
  <si>
    <t>529.7627563476562</t>
  </si>
  <si>
    <t>Gironde</t>
  </si>
  <si>
    <t>33797</t>
  </si>
  <si>
    <t>12.85463809967041</t>
  </si>
  <si>
    <t>813.9375610351562</t>
  </si>
  <si>
    <t>0.0017176028861385362</t>
  </si>
  <si>
    <t>34169</t>
  </si>
  <si>
    <t>13.535216331481934</t>
  </si>
  <si>
    <t>987.2508544921875</t>
  </si>
  <si>
    <t>0.010946759108088955</t>
  </si>
  <si>
    <t>12.99475383758545</t>
  </si>
  <si>
    <t>1156.1021728515625</t>
  </si>
  <si>
    <t>-0.010591761027267665</t>
  </si>
  <si>
    <t>14.159473419189453</t>
  </si>
  <si>
    <t>1233.7156982421875</t>
  </si>
  <si>
    <t>0.019652406561318614</t>
  </si>
  <si>
    <t>35081</t>
  </si>
  <si>
    <t>13.99036693572998</t>
  </si>
  <si>
    <t>1026.812744140625</t>
  </si>
  <si>
    <t>0.017280227573573725</t>
  </si>
  <si>
    <t>35450</t>
  </si>
  <si>
    <t>12.601356506347656</t>
  </si>
  <si>
    <t>950.7775268554688</t>
  </si>
  <si>
    <t>0.01046357960906974</t>
  </si>
  <si>
    <t>14.349194526672363</t>
  </si>
  <si>
    <t>1033.3775634765625</t>
  </si>
  <si>
    <t>0.019553695626637335</t>
  </si>
  <si>
    <t>37309</t>
  </si>
  <si>
    <t>13.636711120605469</t>
  </si>
  <si>
    <t>957.5927734375</t>
  </si>
  <si>
    <t>0.03155763580327431</t>
  </si>
  <si>
    <t>38388</t>
  </si>
  <si>
    <t>13.796080589294434</t>
  </si>
  <si>
    <t>1085.96728515625</t>
  </si>
  <si>
    <t>0.02851032634733386</t>
  </si>
  <si>
    <t>14.16325855255127</t>
  </si>
  <si>
    <t>1228.3121337890625</t>
  </si>
  <si>
    <t>0.03163960879675365</t>
  </si>
  <si>
    <t>13.646246910095215</t>
  </si>
  <si>
    <t>880.6239013671875</t>
  </si>
  <si>
    <t>0.04459659914714997</t>
  </si>
  <si>
    <t>41031</t>
  </si>
  <si>
    <t>13.879314422607422</t>
  </si>
  <si>
    <t>1030.4337158203125</t>
  </si>
  <si>
    <t>-0.00965324013176172</t>
  </si>
  <si>
    <t>40957</t>
  </si>
  <si>
    <t>14.18925952911377</t>
  </si>
  <si>
    <t>941.0126342773438</t>
  </si>
  <si>
    <t>-0.0018051427061109848</t>
  </si>
  <si>
    <t>41537</t>
  </si>
  <si>
    <t>13.603782653808594</t>
  </si>
  <si>
    <t>726.8883666992188</t>
  </si>
  <si>
    <t>0.0140618604311733</t>
  </si>
  <si>
    <t>13.485945701599121</t>
  </si>
  <si>
    <t>710.5963745117188</t>
  </si>
  <si>
    <t>0.008390919964297083</t>
  </si>
  <si>
    <t>43082</t>
  </si>
  <si>
    <t>14.474347114562988</t>
  </si>
  <si>
    <t>940.1951904296875</t>
  </si>
  <si>
    <t>0.028129760209024468</t>
  </si>
  <si>
    <t>13.822383880615234</t>
  </si>
  <si>
    <t>988.6201171875</t>
  </si>
  <si>
    <t>0.0063398254875970395</t>
  </si>
  <si>
    <t>41801</t>
  </si>
  <si>
    <t>13.187260627746582</t>
  </si>
  <si>
    <t>1046.3575439453125</t>
  </si>
  <si>
    <t>-0.0365248392639792</t>
  </si>
  <si>
    <t>41484</t>
  </si>
  <si>
    <t>13.77678394317627</t>
  </si>
  <si>
    <t>909.2152099609375</t>
  </si>
  <si>
    <t>-0.007612451962037525</t>
  </si>
  <si>
    <t>42544</t>
  </si>
  <si>
    <t>13.089775085449219</t>
  </si>
  <si>
    <t>846.076171875</t>
  </si>
  <si>
    <t>0.025231023773176986</t>
  </si>
  <si>
    <t>43249</t>
  </si>
  <si>
    <t>14.755824089050293</t>
  </si>
  <si>
    <t>735.133544921875</t>
  </si>
  <si>
    <t>0.016435277222637268</t>
  </si>
  <si>
    <t>43078</t>
  </si>
  <si>
    <t>13.600502967834473</t>
  </si>
  <si>
    <t>1033.585205078125</t>
  </si>
  <si>
    <t>-0.003961685768137713</t>
  </si>
  <si>
    <t>41687</t>
  </si>
  <si>
    <t>13.571396827697754</t>
  </si>
  <si>
    <t>1118.2861328125</t>
  </si>
  <si>
    <t>-0.032823096354249515</t>
  </si>
  <si>
    <t>41926</t>
  </si>
  <si>
    <t>14.560379981994629</t>
  </si>
  <si>
    <t>987.1480102539062</t>
  </si>
  <si>
    <t>0.005716829940777046</t>
  </si>
  <si>
    <t>42401</t>
  </si>
  <si>
    <t>14.477150917053223</t>
  </si>
  <si>
    <t>837.85498046875</t>
  </si>
  <si>
    <t>0.0112657873237616</t>
  </si>
  <si>
    <t>43281</t>
  </si>
  <si>
    <t>13.764470100402832</t>
  </si>
  <si>
    <t>799.9715576171875</t>
  </si>
  <si>
    <t>0.020541792766291422</t>
  </si>
  <si>
    <t>44277</t>
  </si>
  <si>
    <t>14.597270965576172</t>
  </si>
  <si>
    <t>963.0317993164062</t>
  </si>
  <si>
    <t>0.022751615236003886</t>
  </si>
  <si>
    <t>14.49695873260498</t>
  </si>
  <si>
    <t>886.8451538085938</t>
  </si>
  <si>
    <t>0.023305146361948914</t>
  </si>
  <si>
    <t>45465</t>
  </si>
  <si>
    <t>14.793402671813965</t>
  </si>
  <si>
    <t>1015.6859130859375</t>
  </si>
  <si>
    <t>0.0031722979481791924</t>
  </si>
  <si>
    <t>41977</t>
  </si>
  <si>
    <t>14.725768089294434</t>
  </si>
  <si>
    <t>1087.839599609375</t>
  </si>
  <si>
    <t>-0.07982094994020095</t>
  </si>
  <si>
    <t>44535</t>
  </si>
  <si>
    <t>14.012035369873047</t>
  </si>
  <si>
    <t>863.9164428710938</t>
  </si>
  <si>
    <t>0.05915354764615799</t>
  </si>
  <si>
    <t>45472</t>
  </si>
  <si>
    <t>15.496829986572266</t>
  </si>
  <si>
    <t>741.5508422851562</t>
  </si>
  <si>
    <t>0.020821355030856026</t>
  </si>
  <si>
    <t>9.887001991271973</t>
  </si>
  <si>
    <t>808.0084838867188</t>
  </si>
  <si>
    <t>358.3822326660156</t>
  </si>
  <si>
    <t>Haut-Rhin</t>
  </si>
  <si>
    <t>8.856736183166504</t>
  </si>
  <si>
    <t>614.881103515625</t>
  </si>
  <si>
    <t>0.0016975264206458007</t>
  </si>
  <si>
    <t>32189</t>
  </si>
  <si>
    <t>10.093239784240723</t>
  </si>
  <si>
    <t>812.8892211914062</t>
  </si>
  <si>
    <t>0.010964234346921842</t>
  </si>
  <si>
    <t>31850</t>
  </si>
  <si>
    <t>9.173354148864746</t>
  </si>
  <si>
    <t>803.8743286132812</t>
  </si>
  <si>
    <t>-0.010587397261692999</t>
  </si>
  <si>
    <t>32482</t>
  </si>
  <si>
    <t>10.247132301330566</t>
  </si>
  <si>
    <t>848.9850463867188</t>
  </si>
  <si>
    <t>0.019648707734239323</t>
  </si>
  <si>
    <t>9.404491424560547</t>
  </si>
  <si>
    <t>819.9069213867188</t>
  </si>
  <si>
    <t>0.01727496034205167</t>
  </si>
  <si>
    <t>8.297430992126465</t>
  </si>
  <si>
    <t>760.48779296875</t>
  </si>
  <si>
    <t>0.010475082237290323</t>
  </si>
  <si>
    <t>9.84605884552002</t>
  </si>
  <si>
    <t>799.43505859375</t>
  </si>
  <si>
    <t>0.01954073236152709</t>
  </si>
  <si>
    <t>35147</t>
  </si>
  <si>
    <t>9.637874603271484</t>
  </si>
  <si>
    <t>789.828125</t>
  </si>
  <si>
    <t>0.031562401414600316</t>
  </si>
  <si>
    <t>36163</t>
  </si>
  <si>
    <t>9.482410430908203</t>
  </si>
  <si>
    <t>954.85986328125</t>
  </si>
  <si>
    <t>0.028497230576492782</t>
  </si>
  <si>
    <t>10.520035743713379</t>
  </si>
  <si>
    <t>840.555908203125</t>
  </si>
  <si>
    <t>0.031626846740879344</t>
  </si>
  <si>
    <t>9.465993881225586</t>
  </si>
  <si>
    <t>878.7041625976562</t>
  </si>
  <si>
    <t>0.013729827470546851</t>
  </si>
  <si>
    <t>37755</t>
  </si>
  <si>
    <t>10.108782768249512</t>
  </si>
  <si>
    <t>1071.941650390625</t>
  </si>
  <si>
    <t>-0.0022752536404109236</t>
  </si>
  <si>
    <t>10.026322364807129</t>
  </si>
  <si>
    <t>628.3892211914062</t>
  </si>
  <si>
    <t>-0.0309057558576189</t>
  </si>
  <si>
    <t>36413</t>
  </si>
  <si>
    <t>9.51691722869873</t>
  </si>
  <si>
    <t>705.6126098632812</t>
  </si>
  <si>
    <t>-0.0052863076582614354</t>
  </si>
  <si>
    <t>36561</t>
  </si>
  <si>
    <t>9.092789649963379</t>
  </si>
  <si>
    <t>682.7453002929688</t>
  </si>
  <si>
    <t>0.004056244769966355</t>
  </si>
  <si>
    <t>36896</t>
  </si>
  <si>
    <t>10.465943336486816</t>
  </si>
  <si>
    <t>980.409912109375</t>
  </si>
  <si>
    <t>0.009121045577172637</t>
  </si>
  <si>
    <t>10.059805870056152</t>
  </si>
  <si>
    <t>899.7359619140625</t>
  </si>
  <si>
    <t>0.024867115587770883</t>
  </si>
  <si>
    <t>37250</t>
  </si>
  <si>
    <t>9.422430992126465</t>
  </si>
  <si>
    <t>790.3868408203125</t>
  </si>
  <si>
    <t>-0.015318314848849823</t>
  </si>
  <si>
    <t>35908</t>
  </si>
  <si>
    <t>9.792889595031738</t>
  </si>
  <si>
    <t>779.1515502929688</t>
  </si>
  <si>
    <t>-0.03669183293112788</t>
  </si>
  <si>
    <t>34899</t>
  </si>
  <si>
    <t>798.653564453125</t>
  </si>
  <si>
    <t>-0.028501936391702287</t>
  </si>
  <si>
    <t>10.626522064208984</t>
  </si>
  <si>
    <t>706.2203979492188</t>
  </si>
  <si>
    <t>0.027889071787736697</t>
  </si>
  <si>
    <t>35340</t>
  </si>
  <si>
    <t>9.884955406188965</t>
  </si>
  <si>
    <t>845.2952270507812</t>
  </si>
  <si>
    <t>-0.015331780398925687</t>
  </si>
  <si>
    <t>35476</t>
  </si>
  <si>
    <t>9.710055351257324</t>
  </si>
  <si>
    <t>910.968505859375</t>
  </si>
  <si>
    <t>0.0038409446226559396</t>
  </si>
  <si>
    <t>10.745235443115234</t>
  </si>
  <si>
    <t>805.9713745117188</t>
  </si>
  <si>
    <t>0.004780527087453024</t>
  </si>
  <si>
    <t>10.73285961151123</t>
  </si>
  <si>
    <t>628.2529907226562</t>
  </si>
  <si>
    <t>0.0019338300052762492</t>
  </si>
  <si>
    <t>35901</t>
  </si>
  <si>
    <t>9.787201881408691</t>
  </si>
  <si>
    <t>760.9652709960938</t>
  </si>
  <si>
    <t>0.0051943816525543696</t>
  </si>
  <si>
    <t>37107</t>
  </si>
  <si>
    <t>10.713025093078613</t>
  </si>
  <si>
    <t>823.4042358398438</t>
  </si>
  <si>
    <t>0.03304048080149258</t>
  </si>
  <si>
    <t>37907</t>
  </si>
  <si>
    <t>10.575400352478027</t>
  </si>
  <si>
    <t>602.2107543945312</t>
  </si>
  <si>
    <t>0.02133016054300718</t>
  </si>
  <si>
    <t>38018</t>
  </si>
  <si>
    <t>11.020435333251953</t>
  </si>
  <si>
    <t>697.7242431640625</t>
  </si>
  <si>
    <t>0.0029239401799721065</t>
  </si>
  <si>
    <t>10.899527549743652</t>
  </si>
  <si>
    <t>704.6709594726562</t>
  </si>
  <si>
    <t>-0.08740839695346736</t>
  </si>
  <si>
    <t>9.838173866271973</t>
  </si>
  <si>
    <t>765.2294311523438</t>
  </si>
  <si>
    <t>11.548553466796875</t>
  </si>
  <si>
    <t>695.943115234375</t>
  </si>
  <si>
    <t>22194</t>
  </si>
  <si>
    <t>13.025001525878906</t>
  </si>
  <si>
    <t>14.502469062805176</t>
  </si>
  <si>
    <t>Haute-Corse</t>
  </si>
  <si>
    <t>802.3999633789062</t>
  </si>
  <si>
    <t>0.0016657291414823305</t>
  </si>
  <si>
    <t>22476</t>
  </si>
  <si>
    <t>740.5999145507812</t>
  </si>
  <si>
    <t>0.010960362030097315</t>
  </si>
  <si>
    <t>865.2999877929688</t>
  </si>
  <si>
    <t>-0.01055560386757115</t>
  </si>
  <si>
    <t>22681</t>
  </si>
  <si>
    <t>637.0999755859375</t>
  </si>
  <si>
    <t>0.0196351002159183</t>
  </si>
  <si>
    <t>746.3999633789062</t>
  </si>
  <si>
    <t>0.0172655467963434</t>
  </si>
  <si>
    <t>23319</t>
  </si>
  <si>
    <t>886.3999633789062</t>
  </si>
  <si>
    <t>0.010475362521550124</t>
  </si>
  <si>
    <t>13.258332252502441</t>
  </si>
  <si>
    <t>662.89990234375</t>
  </si>
  <si>
    <t>0.019534359317567862</t>
  </si>
  <si>
    <t>12.61666488647461</t>
  </si>
  <si>
    <t>0.0315830973205955</t>
  </si>
  <si>
    <t>0.028479823343191768</t>
  </si>
  <si>
    <t>26063</t>
  </si>
  <si>
    <t>909.5000610351562</t>
  </si>
  <si>
    <t>0.03165092512972656</t>
  </si>
  <si>
    <t>12.966668128967285</t>
  </si>
  <si>
    <t>602.3999633789062</t>
  </si>
  <si>
    <t>0.006082069049934802</t>
  </si>
  <si>
    <t>26027</t>
  </si>
  <si>
    <t>13.416666984558105</t>
  </si>
  <si>
    <t>970.800048828125</t>
  </si>
  <si>
    <t>-0.007464292345446211</t>
  </si>
  <si>
    <t>26501</t>
  </si>
  <si>
    <t>544.199951171875</t>
  </si>
  <si>
    <t>0.018048007397490906</t>
  </si>
  <si>
    <t>738.5</t>
  </si>
  <si>
    <t>0.006131872876183664</t>
  </si>
  <si>
    <t>27595</t>
  </si>
  <si>
    <t>0.034320255886026274</t>
  </si>
  <si>
    <t>28307</t>
  </si>
  <si>
    <t>13.716666221618652</t>
  </si>
  <si>
    <t>543.2999877929688</t>
  </si>
  <si>
    <t>0.025474526995125757</t>
  </si>
  <si>
    <t>27779</t>
  </si>
  <si>
    <t>13.274998664855957</t>
  </si>
  <si>
    <t>554.5</t>
  </si>
  <si>
    <t>-0.018828784328533743</t>
  </si>
  <si>
    <t>30319</t>
  </si>
  <si>
    <t>989.1000366210938</t>
  </si>
  <si>
    <t>0.08749423914186849</t>
  </si>
  <si>
    <t>30766</t>
  </si>
  <si>
    <t>0.014635605433634069</t>
  </si>
  <si>
    <t>12.633332252502441</t>
  </si>
  <si>
    <t>863.0</t>
  </si>
  <si>
    <t>-0.010586950276083584</t>
  </si>
  <si>
    <t>13.70000171661377</t>
  </si>
  <si>
    <t>681.5</t>
  </si>
  <si>
    <t>0.012308149044761407</t>
  </si>
  <si>
    <t>31134</t>
  </si>
  <si>
    <t>13.174999237060547</t>
  </si>
  <si>
    <t>742.9999389648438</t>
  </si>
  <si>
    <t>0.010169086711421471</t>
  </si>
  <si>
    <t>30620</t>
  </si>
  <si>
    <t>13.008334159851074</t>
  </si>
  <si>
    <t>872.2999877929688</t>
  </si>
  <si>
    <t>-0.01664707938411958</t>
  </si>
  <si>
    <t>13.925002098083496</t>
  </si>
  <si>
    <t>0.008390565990197274</t>
  </si>
  <si>
    <t>31667</t>
  </si>
  <si>
    <t>13.933333396911621</t>
  </si>
  <si>
    <t>471.5</t>
  </si>
  <si>
    <t>0.025231172973084526</t>
  </si>
  <si>
    <t>31393</t>
  </si>
  <si>
    <t>550.7999877929688</t>
  </si>
  <si>
    <t>-0.00869019106749036</t>
  </si>
  <si>
    <t>14.033333778381348</t>
  </si>
  <si>
    <t>497.3000183105469</t>
  </si>
  <si>
    <t>0.014295445698000009</t>
  </si>
  <si>
    <t>31406</t>
  </si>
  <si>
    <t>821.5</t>
  </si>
  <si>
    <t>-0.013881426360567772</t>
  </si>
  <si>
    <t>14.083333015441895</t>
  </si>
  <si>
    <t>821.2000122070312</t>
  </si>
  <si>
    <t>-0.0012744537505291476</t>
  </si>
  <si>
    <t>28776</t>
  </si>
  <si>
    <t>13.916666984558105</t>
  </si>
  <si>
    <t>715.5999755859375</t>
  </si>
  <si>
    <t>-0.08618279731891043</t>
  </si>
  <si>
    <t>0.05913534514947827</t>
  </si>
  <si>
    <t>14.816668510437012</t>
  </si>
  <si>
    <t>498.6000061035156</t>
  </si>
  <si>
    <t>0.020843204438513396</t>
  </si>
  <si>
    <t>13.999205589294434</t>
  </si>
  <si>
    <t>723.2739868164062</t>
  </si>
  <si>
    <t>498.7246398925781</t>
  </si>
  <si>
    <t>Haute-Garonne</t>
  </si>
  <si>
    <t>35845</t>
  </si>
  <si>
    <t>12.9103422164917</t>
  </si>
  <si>
    <t>711.0548706054688</t>
  </si>
  <si>
    <t>0.0016752761142750927</t>
  </si>
  <si>
    <t>13.560463905334473</t>
  </si>
  <si>
    <t>813.3627319335938</t>
  </si>
  <si>
    <t>0.010959393869942602</t>
  </si>
  <si>
    <t>12.959660530090332</t>
  </si>
  <si>
    <t>994.7184448242188</t>
  </si>
  <si>
    <t>-0.01056889961082419</t>
  </si>
  <si>
    <t>36570</t>
  </si>
  <si>
    <t>14.277316093444824</t>
  </si>
  <si>
    <t>886.1337280273438</t>
  </si>
  <si>
    <t>0.019633650597334906</t>
  </si>
  <si>
    <t>37207</t>
  </si>
  <si>
    <t>14.0532808303833</t>
  </si>
  <si>
    <t>803.2979736328125</t>
  </si>
  <si>
    <t>0.01726868345868482</t>
  </si>
  <si>
    <t>37599</t>
  </si>
  <si>
    <t>12.784103393554688</t>
  </si>
  <si>
    <t>1000.1078491210938</t>
  </si>
  <si>
    <t>0.010480538677521523</t>
  </si>
  <si>
    <t>14.49036693572998</t>
  </si>
  <si>
    <t>756.299560546875</t>
  </si>
  <si>
    <t>0.019542365400310402</t>
  </si>
  <si>
    <t>13.566719055175781</t>
  </si>
  <si>
    <t>746.1024780273438</t>
  </si>
  <si>
    <t>0.03157670705066096</t>
  </si>
  <si>
    <t>40715</t>
  </si>
  <si>
    <t>13.821084022521973</t>
  </si>
  <si>
    <t>809.4486694335938</t>
  </si>
  <si>
    <t>0.02850004817062768</t>
  </si>
  <si>
    <t>14.420196533203125</t>
  </si>
  <si>
    <t>914.9386596679688</t>
  </si>
  <si>
    <t>0.03162051252330045</t>
  </si>
  <si>
    <t>13.593147277832031</t>
  </si>
  <si>
    <t>635.048828125</t>
  </si>
  <si>
    <t>0.05172867540634485</t>
  </si>
  <si>
    <t>43949</t>
  </si>
  <si>
    <t>13.898682594299316</t>
  </si>
  <si>
    <t>889.8325805664062</t>
  </si>
  <si>
    <t>-0.006915892104965238</t>
  </si>
  <si>
    <t>43608</t>
  </si>
  <si>
    <t>14.324530601501465</t>
  </si>
  <si>
    <t>769.6770629882812</t>
  </si>
  <si>
    <t>-0.007789250981794282</t>
  </si>
  <si>
    <t>13.61211109161377</t>
  </si>
  <si>
    <t>0.003730877878494354</t>
  </si>
  <si>
    <t>45229</t>
  </si>
  <si>
    <t>13.454367637634277</t>
  </si>
  <si>
    <t>630.7130737304688</t>
  </si>
  <si>
    <t>0.03276697638531978</t>
  </si>
  <si>
    <t>48447</t>
  </si>
  <si>
    <t>14.54362964630127</t>
  </si>
  <si>
    <t>634.0648803710938</t>
  </si>
  <si>
    <t>0.06873194288924545</t>
  </si>
  <si>
    <t>46957</t>
  </si>
  <si>
    <t>13.701469421386719</t>
  </si>
  <si>
    <t>757.484130859375</t>
  </si>
  <si>
    <t>-0.0312381275926068</t>
  </si>
  <si>
    <t>47480</t>
  </si>
  <si>
    <t>13.229405403137207</t>
  </si>
  <si>
    <t>861.1189575195312</t>
  </si>
  <si>
    <t>0.011076280419034745</t>
  </si>
  <si>
    <t>47073</t>
  </si>
  <si>
    <t>14.037091255187988</t>
  </si>
  <si>
    <t>703.049072265625</t>
  </si>
  <si>
    <t>-0.008608981496426082</t>
  </si>
  <si>
    <t>46968</t>
  </si>
  <si>
    <t>13.18988037109375</t>
  </si>
  <si>
    <t>690.0366821289062</t>
  </si>
  <si>
    <t>-0.0022330694831573794</t>
  </si>
  <si>
    <t>48405</t>
  </si>
  <si>
    <t>14.763392448425293</t>
  </si>
  <si>
    <t>631.6941528320312</t>
  </si>
  <si>
    <t>0.030136595410150235</t>
  </si>
  <si>
    <t>49816</t>
  </si>
  <si>
    <t>13.735032081604004</t>
  </si>
  <si>
    <t>729.3229370117188</t>
  </si>
  <si>
    <t>0.028733103398115745</t>
  </si>
  <si>
    <t>50370</t>
  </si>
  <si>
    <t>13.60006332397461</t>
  </si>
  <si>
    <t>909.5308837890625</t>
  </si>
  <si>
    <t>0.011059542187409122</t>
  </si>
  <si>
    <t>51122</t>
  </si>
  <si>
    <t>14.562029838562012</t>
  </si>
  <si>
    <t>845.3457641601562</t>
  </si>
  <si>
    <t>0.014819173177084366</t>
  </si>
  <si>
    <t>51744</t>
  </si>
  <si>
    <t>14.532272338867188</t>
  </si>
  <si>
    <t>664.5020751953125</t>
  </si>
  <si>
    <t>0.012093550460052782</t>
  </si>
  <si>
    <t>52286</t>
  </si>
  <si>
    <t>13.715922355651855</t>
  </si>
  <si>
    <t>661.4281005859375</t>
  </si>
  <si>
    <t>0.010420165417301064</t>
  </si>
  <si>
    <t>14.635513305664062</t>
  </si>
  <si>
    <t>779.3069458007812</t>
  </si>
  <si>
    <t>0.005169646109797199</t>
  </si>
  <si>
    <t>54122</t>
  </si>
  <si>
    <t>14.573670387268066</t>
  </si>
  <si>
    <t>797.1224975585938</t>
  </si>
  <si>
    <t>0.02934246261298057</t>
  </si>
  <si>
    <t>54101</t>
  </si>
  <si>
    <t>14.849239349365234</t>
  </si>
  <si>
    <t>805.7138671875</t>
  </si>
  <si>
    <t>-0.00038808756481678586</t>
  </si>
  <si>
    <t>47186</t>
  </si>
  <si>
    <t>14.79753589630127</t>
  </si>
  <si>
    <t>884.1846923828125</t>
  </si>
  <si>
    <t>-0.13675543154543668</t>
  </si>
  <si>
    <t>50061</t>
  </si>
  <si>
    <t>13.885546684265137</t>
  </si>
  <si>
    <t>749.443603515625</t>
  </si>
  <si>
    <t>0.05914502340835348</t>
  </si>
  <si>
    <t>51114</t>
  </si>
  <si>
    <t>15.616103172302246</t>
  </si>
  <si>
    <t>600.5631103515625</t>
  </si>
  <si>
    <t>0.020816170455882244</t>
  </si>
  <si>
    <t>23730</t>
  </si>
  <si>
    <t>9.362936019897461</t>
  </si>
  <si>
    <t>798.342529296875</t>
  </si>
  <si>
    <t>245.7996063232422</t>
  </si>
  <si>
    <t>Haute-Loire</t>
  </si>
  <si>
    <t>8.37633228302002</t>
  </si>
  <si>
    <t>717.8369140625</t>
  </si>
  <si>
    <t>0.001684210924430829</t>
  </si>
  <si>
    <t>24032</t>
  </si>
  <si>
    <t>9.246854782104492</t>
  </si>
  <si>
    <t>915.224853515625</t>
  </si>
  <si>
    <t>0.010961994209621295</t>
  </si>
  <si>
    <t>8.4287748336792</t>
  </si>
  <si>
    <t>1086.2691650390625</t>
  </si>
  <si>
    <t>-0.010583437347962743</t>
  </si>
  <si>
    <t>9.735129356384277</t>
  </si>
  <si>
    <t>943.1238403320312</t>
  </si>
  <si>
    <t>0.019655015412906707</t>
  </si>
  <si>
    <t>24674</t>
  </si>
  <si>
    <t>9.159727096557617</t>
  </si>
  <si>
    <t>833.0242919921875</t>
  </si>
  <si>
    <t>0.017292204002606226</t>
  </si>
  <si>
    <t>24933</t>
  </si>
  <si>
    <t>7.946146488189697</t>
  </si>
  <si>
    <t>839.1871948242188</t>
  </si>
  <si>
    <t>0.01044216958972477</t>
  </si>
  <si>
    <t>9.737289428710938</t>
  </si>
  <si>
    <t>720.6267700195312</t>
  </si>
  <si>
    <t>0.01958004528893298</t>
  </si>
  <si>
    <t>8.95726490020752</t>
  </si>
  <si>
    <t>760.3753051757812</t>
  </si>
  <si>
    <t>0.03155080057789661</t>
  </si>
  <si>
    <t>9.043805122375488</t>
  </si>
  <si>
    <t>907.8368530273438</t>
  </si>
  <si>
    <t>0.028513792898500867</t>
  </si>
  <si>
    <t>9.825161933898926</t>
  </si>
  <si>
    <t>908.743896484375</t>
  </si>
  <si>
    <t>0.031606327069164664</t>
  </si>
  <si>
    <t>27903</t>
  </si>
  <si>
    <t>8.93664264678955</t>
  </si>
  <si>
    <t>850.9013671875</t>
  </si>
  <si>
    <t>0.0012910168549460366</t>
  </si>
  <si>
    <t>27974</t>
  </si>
  <si>
    <t>9.426736831665039</t>
  </si>
  <si>
    <t>893.643310546875</t>
  </si>
  <si>
    <t>28160</t>
  </si>
  <si>
    <t>9.643120765686035</t>
  </si>
  <si>
    <t>730.7417602539062</t>
  </si>
  <si>
    <t>0.006627023932729514</t>
  </si>
  <si>
    <t>28999</t>
  </si>
  <si>
    <t>8.945500373840332</t>
  </si>
  <si>
    <t>753.3060913085938</t>
  </si>
  <si>
    <t>0.029358815343467626</t>
  </si>
  <si>
    <t>29293</t>
  </si>
  <si>
    <t>8.71041202545166</t>
  </si>
  <si>
    <t>674.5126953125</t>
  </si>
  <si>
    <t>0.010087232996855988</t>
  </si>
  <si>
    <t>29819</t>
  </si>
  <si>
    <t>9.921671867370605</t>
  </si>
  <si>
    <t>815.6582641601562</t>
  </si>
  <si>
    <t>0.017797194603554445</t>
  </si>
  <si>
    <t>30400</t>
  </si>
  <si>
    <t>9.240095138549805</t>
  </si>
  <si>
    <t>886.2820434570312</t>
  </si>
  <si>
    <t>0.019296834178456734</t>
  </si>
  <si>
    <t>8.65040397644043</t>
  </si>
  <si>
    <t>935.8777465820312</t>
  </si>
  <si>
    <t>-0.015347434841890717</t>
  </si>
  <si>
    <t>9.379419326782227</t>
  </si>
  <si>
    <t>715.6240844726562</t>
  </si>
  <si>
    <t>-0.041675539254026006</t>
  </si>
  <si>
    <t>27711</t>
  </si>
  <si>
    <t>8.5346040725708</t>
  </si>
  <si>
    <t>795.2955932617188</t>
  </si>
  <si>
    <t>-0.035590188037676995</t>
  </si>
  <si>
    <t>10.168684959411621</t>
  </si>
  <si>
    <t>727.9091796875</t>
  </si>
  <si>
    <t>0.0136909887077028</t>
  </si>
  <si>
    <t>27678</t>
  </si>
  <si>
    <t>9.165497779846191</t>
  </si>
  <si>
    <t>869.8344116210938</t>
  </si>
  <si>
    <t>-0.014882561182547605</t>
  </si>
  <si>
    <t>27855</t>
  </si>
  <si>
    <t>8.948830604553223</t>
  </si>
  <si>
    <t>996.262451171875</t>
  </si>
  <si>
    <t>0.0063746096690415754</t>
  </si>
  <si>
    <t>28372</t>
  </si>
  <si>
    <t>10.023063659667969</t>
  </si>
  <si>
    <t>913.7061767578125</t>
  </si>
  <si>
    <t>0.01839025986706133</t>
  </si>
  <si>
    <t>28223</t>
  </si>
  <si>
    <t>10.15861701965332</t>
  </si>
  <si>
    <t>738.162109375</t>
  </si>
  <si>
    <t>-0.0052654949821491215</t>
  </si>
  <si>
    <t>28658</t>
  </si>
  <si>
    <t>9.051856994628906</t>
  </si>
  <si>
    <t>791.0325317382812</t>
  </si>
  <si>
    <t>0.015295387936719251</t>
  </si>
  <si>
    <t>29549</t>
  </si>
  <si>
    <t>10.141304969787598</t>
  </si>
  <si>
    <t>826.7576293945312</t>
  </si>
  <si>
    <t>0.03061726603753101</t>
  </si>
  <si>
    <t>10.036460876464844</t>
  </si>
  <si>
    <t>775.0027465820312</t>
  </si>
  <si>
    <t>-0.002744973511374482</t>
  </si>
  <si>
    <t>10.464146614074707</t>
  </si>
  <si>
    <t>795.8624267578125</t>
  </si>
  <si>
    <t>0.012980408480567363</t>
  </si>
  <si>
    <t>10.320258140563965</t>
  </si>
  <si>
    <t>805.50341796875</t>
  </si>
  <si>
    <t>-0.03632670365557722</t>
  </si>
  <si>
    <t>9.268120765686035</t>
  </si>
  <si>
    <t>798.3264770507812</t>
  </si>
  <si>
    <t>0.059144151885432095</t>
  </si>
  <si>
    <t>11.036280632019043</t>
  </si>
  <si>
    <t>709.7428588867188</t>
  </si>
  <si>
    <t>0.020866490631703982</t>
  </si>
  <si>
    <t>28492</t>
  </si>
  <si>
    <t>10.63969898223877</t>
  </si>
  <si>
    <t>873.9324951171875</t>
  </si>
  <si>
    <t>57.721595764160156</t>
  </si>
  <si>
    <t>Haute-Marne</t>
  </si>
  <si>
    <t>9.62699031829834</t>
  </si>
  <si>
    <t>725.7318115234375</t>
  </si>
  <si>
    <t>0.0017183038611445767</t>
  </si>
  <si>
    <t>28855</t>
  </si>
  <si>
    <t>10.64660930633545</t>
  </si>
  <si>
    <t>976.47900390625</t>
  </si>
  <si>
    <t>0.010941638185677505</t>
  </si>
  <si>
    <t>9.805228233337402</t>
  </si>
  <si>
    <t>1039.0994873046875</t>
  </si>
  <si>
    <t>-0.010591326404613355</t>
  </si>
  <si>
    <t>29117</t>
  </si>
  <si>
    <t>10.938429832458496</t>
  </si>
  <si>
    <t>988.4732666015625</t>
  </si>
  <si>
    <t>0.0196302342850192</t>
  </si>
  <si>
    <t>10.322331428527832</t>
  </si>
  <si>
    <t>886.0850219726562</t>
  </si>
  <si>
    <t>0.017296403411959815</t>
  </si>
  <si>
    <t>8.900460243225098</t>
  </si>
  <si>
    <t>804.7789306640625</t>
  </si>
  <si>
    <t>0.010476574114990811</t>
  </si>
  <si>
    <t>30528</t>
  </si>
  <si>
    <t>10.881234169006348</t>
  </si>
  <si>
    <t>924.0465087890625</t>
  </si>
  <si>
    <t>0.019549121695590088</t>
  </si>
  <si>
    <t>31507</t>
  </si>
  <si>
    <t>10.320342063903809</t>
  </si>
  <si>
    <t>871.2842407226562</t>
  </si>
  <si>
    <t>0.031565448100232985</t>
  </si>
  <si>
    <t>32418</t>
  </si>
  <si>
    <t>10.546457290649414</t>
  </si>
  <si>
    <t>1061.515380859375</t>
  </si>
  <si>
    <t>0.028504080723875447</t>
  </si>
  <si>
    <t>33460</t>
  </si>
  <si>
    <t>11.0894136428833</t>
  </si>
  <si>
    <t>1007.7732543945312</t>
  </si>
  <si>
    <t>0.03163687146869343</t>
  </si>
  <si>
    <t>10.352821350097656</t>
  </si>
  <si>
    <t>1011.1719970703125</t>
  </si>
  <si>
    <t>-0.030157307670025446</t>
  </si>
  <si>
    <t>1062.867431640625</t>
  </si>
  <si>
    <t>-0.012085300943869726</t>
  </si>
  <si>
    <t>31568</t>
  </si>
  <si>
    <t>10.866820335388184</t>
  </si>
  <si>
    <t>732.9559936523438</t>
  </si>
  <si>
    <t>-0.015964137664523648</t>
  </si>
  <si>
    <t>32265</t>
  </si>
  <si>
    <t>10.346324920654297</t>
  </si>
  <si>
    <t>809.3465576171875</t>
  </si>
  <si>
    <t>0.021839102107543695</t>
  </si>
  <si>
    <t>31913</t>
  </si>
  <si>
    <t>10.115813255310059</t>
  </si>
  <si>
    <t>728.160888671875</t>
  </si>
  <si>
    <t>-0.010969601101184168</t>
  </si>
  <si>
    <t>32080</t>
  </si>
  <si>
    <t>11.261723518371582</t>
  </si>
  <si>
    <t>1024.360595703125</t>
  </si>
  <si>
    <t>0.005219332711694946</t>
  </si>
  <si>
    <t>32859</t>
  </si>
  <si>
    <t>10.773293495178223</t>
  </si>
  <si>
    <t>977.405029296875</t>
  </si>
  <si>
    <t>0.02399289701140539</t>
  </si>
  <si>
    <t>9.995057106018066</t>
  </si>
  <si>
    <t>911.251953125</t>
  </si>
  <si>
    <t>0.03413484460644334</t>
  </si>
  <si>
    <t>32818</t>
  </si>
  <si>
    <t>10.611308097839355</t>
  </si>
  <si>
    <t>885.7931518554688</t>
  </si>
  <si>
    <t>-0.03538337926320345</t>
  </si>
  <si>
    <t>31871</t>
  </si>
  <si>
    <t>9.71682071685791</t>
  </si>
  <si>
    <t>915.7100219726562</t>
  </si>
  <si>
    <t>-0.029280639945000075</t>
  </si>
  <si>
    <t>33538</t>
  </si>
  <si>
    <t>11.34704875946045</t>
  </si>
  <si>
    <t>813.3081665039062</t>
  </si>
  <si>
    <t>0.050982618916959765</t>
  </si>
  <si>
    <t>31683</t>
  </si>
  <si>
    <t>10.35043716430664</t>
  </si>
  <si>
    <t>941.5430297851562</t>
  </si>
  <si>
    <t>-0.05689886489247087</t>
  </si>
  <si>
    <t>10.204243659973145</t>
  </si>
  <si>
    <t>1047.5494384765625</t>
  </si>
  <si>
    <t>0.012016019334197381</t>
  </si>
  <si>
    <t>32430</t>
  </si>
  <si>
    <t>11.505927085876465</t>
  </si>
  <si>
    <t>927.1381225585938</t>
  </si>
  <si>
    <t>0.011287641552581107</t>
  </si>
  <si>
    <t>11.352559089660645</t>
  </si>
  <si>
    <t>743.3814086914062</t>
  </si>
  <si>
    <t>-0.0030264684476275505</t>
  </si>
  <si>
    <t>31972</t>
  </si>
  <si>
    <t>10.384186744689941</t>
  </si>
  <si>
    <t>814.2903442382812</t>
  </si>
  <si>
    <t>-0.011196932107825575</t>
  </si>
  <si>
    <t>33185</t>
  </si>
  <si>
    <t>11.502121925354004</t>
  </si>
  <si>
    <t>918.953857421875</t>
  </si>
  <si>
    <t>0.03723744683411567</t>
  </si>
  <si>
    <t>11.38884449005127</t>
  </si>
  <si>
    <t>744.5112915039062</t>
  </si>
  <si>
    <t>0.0026182358427213615</t>
  </si>
  <si>
    <t>33543</t>
  </si>
  <si>
    <t>11.698884010314941</t>
  </si>
  <si>
    <t>794.353515625</t>
  </si>
  <si>
    <t>0.00811199539273133</t>
  </si>
  <si>
    <t>11.669074058532715</t>
  </si>
  <si>
    <t>853.2655639648438</t>
  </si>
  <si>
    <t>-0.07231395379423589</t>
  </si>
  <si>
    <t>10.55452823638916</t>
  </si>
  <si>
    <t>846.73046875</t>
  </si>
  <si>
    <t>0.05913987696408185</t>
  </si>
  <si>
    <t>33801</t>
  </si>
  <si>
    <t>12.282217979431152</t>
  </si>
  <si>
    <t>771.422607421875</t>
  </si>
  <si>
    <t>0.020836266846950835</t>
  </si>
  <si>
    <t>34164</t>
  </si>
  <si>
    <t>8.667434692382812</t>
  </si>
  <si>
    <t>1078.008056640625</t>
  </si>
  <si>
    <t>669.8723754882812</t>
  </si>
  <si>
    <t>Haute-Savoie</t>
  </si>
  <si>
    <t>7.743835926055908</t>
  </si>
  <si>
    <t>863.2681884765625</t>
  </si>
  <si>
    <t>0.0016962540258784742</t>
  </si>
  <si>
    <t>34599</t>
  </si>
  <si>
    <t>8.504265785217285</t>
  </si>
  <si>
    <t>1108.4454345703125</t>
  </si>
  <si>
    <t>0.010956067802132097</t>
  </si>
  <si>
    <t>34234</t>
  </si>
  <si>
    <t>8.002507209777832</t>
  </si>
  <si>
    <t>1197.256591796875</t>
  </si>
  <si>
    <t>-0.010605477638438998</t>
  </si>
  <si>
    <t>34913</t>
  </si>
  <si>
    <t>9.064352989196777</t>
  </si>
  <si>
    <t>1163.2923583984375</t>
  </si>
  <si>
    <t>0.019639950413351315</t>
  </si>
  <si>
    <t>35522</t>
  </si>
  <si>
    <t>8.507421493530273</t>
  </si>
  <si>
    <t>1102.6317138671875</t>
  </si>
  <si>
    <t>0.01729297015831044</t>
  </si>
  <si>
    <t>35896</t>
  </si>
  <si>
    <t>7.566936016082764</t>
  </si>
  <si>
    <t>1062.619384765625</t>
  </si>
  <si>
    <t>0.010473645828547262</t>
  </si>
  <si>
    <t>9.102169036865234</t>
  </si>
  <si>
    <t>1014.1083984375</t>
  </si>
  <si>
    <t>0.019558974424924713</t>
  </si>
  <si>
    <t>8.573596000671387</t>
  </si>
  <si>
    <t>993.0435180664062</t>
  </si>
  <si>
    <t>0.03156854959321187</t>
  </si>
  <si>
    <t>8.570866584777832</t>
  </si>
  <si>
    <t>1269.396484375</t>
  </si>
  <si>
    <t>0.02849507862296541</t>
  </si>
  <si>
    <t>40120</t>
  </si>
  <si>
    <t>9.139290809631348</t>
  </si>
  <si>
    <t>1157.1044921875</t>
  </si>
  <si>
    <t>0.03162649177895105</t>
  </si>
  <si>
    <t>40871</t>
  </si>
  <si>
    <t>8.416871070861816</t>
  </si>
  <si>
    <t>1102.3232421875</t>
  </si>
  <si>
    <t>0.01854580200792988</t>
  </si>
  <si>
    <t>39587</t>
  </si>
  <si>
    <t>8.92863941192627</t>
  </si>
  <si>
    <t>1240.7869873046875</t>
  </si>
  <si>
    <t>-0.03191998356611592</t>
  </si>
  <si>
    <t>9.148524284362793</t>
  </si>
  <si>
    <t>882.8850708007812</t>
  </si>
  <si>
    <t>0.01152801183490837</t>
  </si>
  <si>
    <t>8.509652137756348</t>
  </si>
  <si>
    <t>937.6697387695312</t>
  </si>
  <si>
    <t>0.03238214395227246</t>
  </si>
  <si>
    <t>8.162177085876465</t>
  </si>
  <si>
    <t>840.5485229492188</t>
  </si>
  <si>
    <t>-0.013165289255942625</t>
  </si>
  <si>
    <t>41419</t>
  </si>
  <si>
    <t>9.389761924743652</t>
  </si>
  <si>
    <t>1212.44677734375</t>
  </si>
  <si>
    <t>0.014494064683082897</t>
  </si>
  <si>
    <t>8.78374195098877</t>
  </si>
  <si>
    <t>1178.237548828125</t>
  </si>
  <si>
    <t>0.006641504789078212</t>
  </si>
  <si>
    <t>39482</t>
  </si>
  <si>
    <t>8.20069408416748</t>
  </si>
  <si>
    <t>1138.8446044921875</t>
  </si>
  <si>
    <t>-0.054536345695471056</t>
  </si>
  <si>
    <t>8.92387580871582</t>
  </si>
  <si>
    <t>970.6316528320312</t>
  </si>
  <si>
    <t>-0.07056444160585329</t>
  </si>
  <si>
    <t>8.033679008483887</t>
  </si>
  <si>
    <t>1003.5639038085938</t>
  </si>
  <si>
    <t>0.01687144182560374</t>
  </si>
  <si>
    <t>39208</t>
  </si>
  <si>
    <t>9.378497123718262</t>
  </si>
  <si>
    <t>892.4713134765625</t>
  </si>
  <si>
    <t>0.046728935544019023</t>
  </si>
  <si>
    <t>8.68220043182373</t>
  </si>
  <si>
    <t>1143.317626953125</t>
  </si>
  <si>
    <t>-0.033639500162593095</t>
  </si>
  <si>
    <t>37865</t>
  </si>
  <si>
    <t>8.43087387084961</t>
  </si>
  <si>
    <t>1245.5009765625</t>
  </si>
  <si>
    <t>-0.001214104878867417</t>
  </si>
  <si>
    <t>37732</t>
  </si>
  <si>
    <t>9.490185737609863</t>
  </si>
  <si>
    <t>1088.9197998046875</t>
  </si>
  <si>
    <t>-0.003518661778178611</t>
  </si>
  <si>
    <t>9.534448623657227</t>
  </si>
  <si>
    <t>883.511474609375</t>
  </si>
  <si>
    <t>0.012248437709549975</t>
  </si>
  <si>
    <t>38612</t>
  </si>
  <si>
    <t>8.685357093811035</t>
  </si>
  <si>
    <t>956.5872802734375</t>
  </si>
  <si>
    <t>0.010806130489211085</t>
  </si>
  <si>
    <t>9.63465404510498</t>
  </si>
  <si>
    <t>1024.4530029296875</t>
  </si>
  <si>
    <t>0.02382557841207067</t>
  </si>
  <si>
    <t>39966</t>
  </si>
  <si>
    <t>9.556428909301758</t>
  </si>
  <si>
    <t>820.1934814453125</t>
  </si>
  <si>
    <t>0.010640405260659236</t>
  </si>
  <si>
    <t>39816</t>
  </si>
  <si>
    <t>9.753496170043945</t>
  </si>
  <si>
    <t>951.2776489257812</t>
  </si>
  <si>
    <t>-0.003760251102844947</t>
  </si>
  <si>
    <t>9.682974815368652</t>
  </si>
  <si>
    <t>997.9146118164062</t>
  </si>
  <si>
    <t>-0.09366395671065675</t>
  </si>
  <si>
    <t>38465</t>
  </si>
  <si>
    <t>8.76658821105957</t>
  </si>
  <si>
    <t>956.380859375</t>
  </si>
  <si>
    <t>0.059143852065300706</t>
  </si>
  <si>
    <t>39274</t>
  </si>
  <si>
    <t>10.451539039611816</t>
  </si>
  <si>
    <t>867.865234375</t>
  </si>
  <si>
    <t>0.020813985417142078</t>
  </si>
  <si>
    <t>1080</t>
  </si>
  <si>
    <t>23497</t>
  </si>
  <si>
    <t>10.34128189086914</t>
  </si>
  <si>
    <t>986.395751953125</t>
  </si>
  <si>
    <t>282.2047424316406</t>
  </si>
  <si>
    <t>Haute-SaÔøΩne</t>
  </si>
  <si>
    <t>23537</t>
  </si>
  <si>
    <t>9.278511047363281</t>
  </si>
  <si>
    <t>758.439453125</t>
  </si>
  <si>
    <t>0.0017008976333521275</t>
  </si>
  <si>
    <t>23796</t>
  </si>
  <si>
    <t>10.311503410339355</t>
  </si>
  <si>
    <t>970.4750366210938</t>
  </si>
  <si>
    <t>0.010943848265839051</t>
  </si>
  <si>
    <t>9.479025840759277</t>
  </si>
  <si>
    <t>1007.475341796875</t>
  </si>
  <si>
    <t>-0.010604015630141461</t>
  </si>
  <si>
    <t>24012</t>
  </si>
  <si>
    <t>10.723082542419434</t>
  </si>
  <si>
    <t>1047.9334716796875</t>
  </si>
  <si>
    <t>0.019640221694078974</t>
  </si>
  <si>
    <t>24431</t>
  </si>
  <si>
    <t>9.943133354187012</t>
  </si>
  <si>
    <t>978.513427734375</t>
  </si>
  <si>
    <t>0.01729911232106396</t>
  </si>
  <si>
    <t>24688</t>
  </si>
  <si>
    <t>8.759490013122559</t>
  </si>
  <si>
    <t>925.1256713867188</t>
  </si>
  <si>
    <t>0.010464477910144154</t>
  </si>
  <si>
    <t>10.520564079284668</t>
  </si>
  <si>
    <t>936.769775390625</t>
  </si>
  <si>
    <t>0.019534142983822278</t>
  </si>
  <si>
    <t>25983</t>
  </si>
  <si>
    <t>9.975573539733887</t>
  </si>
  <si>
    <t>898.3760986328125</t>
  </si>
  <si>
    <t>0.03159103941239039</t>
  </si>
  <si>
    <t>26734</t>
  </si>
  <si>
    <t>9.980351448059082</t>
  </si>
  <si>
    <t>1176.4677734375</t>
  </si>
  <si>
    <t>0.028493685532264834</t>
  </si>
  <si>
    <t>27593</t>
  </si>
  <si>
    <t>10.85901165008545</t>
  </si>
  <si>
    <t>1019.8461303710938</t>
  </si>
  <si>
    <t>0.0316259538176169</t>
  </si>
  <si>
    <t>9.927962303161621</t>
  </si>
  <si>
    <t>1046.9818115234375</t>
  </si>
  <si>
    <t>0.011172092561540836</t>
  </si>
  <si>
    <t>29052</t>
  </si>
  <si>
    <t>10.47128677368164</t>
  </si>
  <si>
    <t>1189.605224609375</t>
  </si>
  <si>
    <t>0.040353117815481454</t>
  </si>
  <si>
    <t>10.557741165161133</t>
  </si>
  <si>
    <t>779.8453979492188</t>
  </si>
  <si>
    <t>-0.02167757681148963</t>
  </si>
  <si>
    <t>28467</t>
  </si>
  <si>
    <t>9.934069633483887</t>
  </si>
  <si>
    <t>830.0918579101562</t>
  </si>
  <si>
    <t>0.0013357707272998454</t>
  </si>
  <si>
    <t>9.64893913269043</t>
  </si>
  <si>
    <t>787.800048828125</t>
  </si>
  <si>
    <t>0.004836006060759956</t>
  </si>
  <si>
    <t>10.861603736877441</t>
  </si>
  <si>
    <t>1161.8873291015625</t>
  </si>
  <si>
    <t>0.007869669419148906</t>
  </si>
  <si>
    <t>10.318876266479492</t>
  </si>
  <si>
    <t>1090.7086181640625</t>
  </si>
  <si>
    <t>0.014052237430711045</t>
  </si>
  <si>
    <t>9.611296653747559</t>
  </si>
  <si>
    <t>966.681884765625</t>
  </si>
  <si>
    <t>-0.024196822521661332</t>
  </si>
  <si>
    <t>27148</t>
  </si>
  <si>
    <t>10.308416366577148</t>
  </si>
  <si>
    <t>881.7545166015625</t>
  </si>
  <si>
    <t>-0.050003233207178255</t>
  </si>
  <si>
    <t>9.468565940856934</t>
  </si>
  <si>
    <t>877.1710205078125</t>
  </si>
  <si>
    <t>-0.01708935266517564</t>
  </si>
  <si>
    <t>26916</t>
  </si>
  <si>
    <t>11.017605781555176</t>
  </si>
  <si>
    <t>797.7699584960938</t>
  </si>
  <si>
    <t>0.008506879149734914</t>
  </si>
  <si>
    <t>25363</t>
  </si>
  <si>
    <t>10.096631050109863</t>
  </si>
  <si>
    <t>993.0675659179688</t>
  </si>
  <si>
    <t>-0.0594294862235607</t>
  </si>
  <si>
    <t>25305</t>
  </si>
  <si>
    <t>9.935153007507324</t>
  </si>
  <si>
    <t>1059.734130859375</t>
  </si>
  <si>
    <t>-0.002289414436468462</t>
  </si>
  <si>
    <t>25499</t>
  </si>
  <si>
    <t>11.129414558410645</t>
  </si>
  <si>
    <t>940.0494384765625</t>
  </si>
  <si>
    <t>0.007637231043108983</t>
  </si>
  <si>
    <t>25641</t>
  </si>
  <si>
    <t>11.143692016601562</t>
  </si>
  <si>
    <t>802.0626831054688</t>
  </si>
  <si>
    <t>0.005553397142840311</t>
  </si>
  <si>
    <t>10.037439346313477</t>
  </si>
  <si>
    <t>869.8965454101562</t>
  </si>
  <si>
    <t>0.02860303400563957</t>
  </si>
  <si>
    <t>11.139073371887207</t>
  </si>
  <si>
    <t>982.171630859375</t>
  </si>
  <si>
    <t>0.004273591588301429</t>
  </si>
  <si>
    <t>26430</t>
  </si>
  <si>
    <t>11.064749717712402</t>
  </si>
  <si>
    <t>723.8733520507812</t>
  </si>
  <si>
    <t>-0.0025695298297350178</t>
  </si>
  <si>
    <t>26995</t>
  </si>
  <si>
    <t>11.410518646240234</t>
  </si>
  <si>
    <t>850.3833618164062</t>
  </si>
  <si>
    <t>0.02115193505405344</t>
  </si>
  <si>
    <t>11.31674861907959</t>
  </si>
  <si>
    <t>885.4041748046875</t>
  </si>
  <si>
    <t>-0.029129185334696217</t>
  </si>
  <si>
    <t>27817</t>
  </si>
  <si>
    <t>10.19538402557373</t>
  </si>
  <si>
    <t>874.817626953125</t>
  </si>
  <si>
    <t>0.059124866255869435</t>
  </si>
  <si>
    <t>11.979736328125</t>
  </si>
  <si>
    <t>814.553466796875</t>
  </si>
  <si>
    <t>0.020847428799696033</t>
  </si>
  <si>
    <t>29642</t>
  </si>
  <si>
    <t>11.761763572692871</t>
  </si>
  <si>
    <t>912.5895385742188</t>
  </si>
  <si>
    <t>195.40664672851562</t>
  </si>
  <si>
    <t>Haute-Vienne</t>
  </si>
  <si>
    <t>10.45678424835205</t>
  </si>
  <si>
    <t>783.5994262695312</t>
  </si>
  <si>
    <t>0.0016853747205765046</t>
  </si>
  <si>
    <t>11.20981216430664</t>
  </si>
  <si>
    <t>1088.9471435546875</t>
  </si>
  <si>
    <t>0.010952865269272749</t>
  </si>
  <si>
    <t>29703</t>
  </si>
  <si>
    <t>10.610548973083496</t>
  </si>
  <si>
    <t>1155.4329833984375</t>
  </si>
  <si>
    <t>-0.0105824637160854</t>
  </si>
  <si>
    <t>11.801891326904297</t>
  </si>
  <si>
    <t>1413.5404052734375</t>
  </si>
  <si>
    <t>0.019635600443089984</t>
  </si>
  <si>
    <t>30820</t>
  </si>
  <si>
    <t>11.550816535949707</t>
  </si>
  <si>
    <t>1098.5421142578125</t>
  </si>
  <si>
    <t>0.017280178640392663</t>
  </si>
  <si>
    <t>10.203516960144043</t>
  </si>
  <si>
    <t>865.8826293945312</t>
  </si>
  <si>
    <t>0.010489888814138482</t>
  </si>
  <si>
    <t>31759</t>
  </si>
  <si>
    <t>11.943245887756348</t>
  </si>
  <si>
    <t>1116.5462646484375</t>
  </si>
  <si>
    <t>0.019522431031031573</t>
  </si>
  <si>
    <t>11.234417915344238</t>
  </si>
  <si>
    <t>1056.3165283203125</t>
  </si>
  <si>
    <t>0.031581408904495234</t>
  </si>
  <si>
    <t>11.376172065734863</t>
  </si>
  <si>
    <t>1290.1424560546875</t>
  </si>
  <si>
    <t>0.028481843452183853</t>
  </si>
  <si>
    <t>34809</t>
  </si>
  <si>
    <t>11.848065376281738</t>
  </si>
  <si>
    <t>1355.5101318359375</t>
  </si>
  <si>
    <t>0.03163657193969982</t>
  </si>
  <si>
    <t>34908</t>
  </si>
  <si>
    <t>11.225285530090332</t>
  </si>
  <si>
    <t>1183.5587158203125</t>
  </si>
  <si>
    <t>0.002840055267546049</t>
  </si>
  <si>
    <t>11.542732238769531</t>
  </si>
  <si>
    <t>1219.529541015625</t>
  </si>
  <si>
    <t>0.0026034603516063015</t>
  </si>
  <si>
    <t>34815</t>
  </si>
  <si>
    <t>11.770976066589355</t>
  </si>
  <si>
    <t>1051.5738525390625</t>
  </si>
  <si>
    <t>-0.005271161258161072</t>
  </si>
  <si>
    <t>11.202601432800293</t>
  </si>
  <si>
    <t>873.4959106445312</t>
  </si>
  <si>
    <t>-0.007785506453751978</t>
  </si>
  <si>
    <t>11.060648918151855</t>
  </si>
  <si>
    <t>777.22216796875</t>
  </si>
  <si>
    <t>0.011512574988334023</t>
  </si>
  <si>
    <t>35018</t>
  </si>
  <si>
    <t>12.085197448730469</t>
  </si>
  <si>
    <t>1080.19775390625</t>
  </si>
  <si>
    <t>0.0020868180750337473</t>
  </si>
  <si>
    <t>35161</t>
  </si>
  <si>
    <t>11.44797420501709</t>
  </si>
  <si>
    <t>1201.2418212890625</t>
  </si>
  <si>
    <t>0.004075298819095963</t>
  </si>
  <si>
    <t>10.7904052734375</t>
  </si>
  <si>
    <t>1090.782470703125</t>
  </si>
  <si>
    <t>-0.011211328642694696</t>
  </si>
  <si>
    <t>33707</t>
  </si>
  <si>
    <t>11.42084789276123</t>
  </si>
  <si>
    <t>951.599365234375</t>
  </si>
  <si>
    <t>-0.031020654258481883</t>
  </si>
  <si>
    <t>32580</t>
  </si>
  <si>
    <t>10.690475463867188</t>
  </si>
  <si>
    <t>968.16162109375</t>
  </si>
  <si>
    <t>-0.03400692774814651</t>
  </si>
  <si>
    <t>33280</t>
  </si>
  <si>
    <t>12.375785827636719</t>
  </si>
  <si>
    <t>875.71435546875</t>
  </si>
  <si>
    <t>0.02125801277910888</t>
  </si>
  <si>
    <t>32817</t>
  </si>
  <si>
    <t>11.219605445861816</t>
  </si>
  <si>
    <t>1179.33154296875</t>
  </si>
  <si>
    <t>-0.014009942147243493</t>
  </si>
  <si>
    <t>33884</t>
  </si>
  <si>
    <t>11.210784912109375</t>
  </si>
  <si>
    <t>1174.489501953125</t>
  </si>
  <si>
    <t>0.03199625276354112</t>
  </si>
  <si>
    <t>12.21481704711914</t>
  </si>
  <si>
    <t>1123.609375</t>
  </si>
  <si>
    <t>0.00989656414456519</t>
  </si>
  <si>
    <t>34286</t>
  </si>
  <si>
    <t>12.187594413757324</t>
  </si>
  <si>
    <t>920.8845825195312</t>
  </si>
  <si>
    <t>0.0018976168714193165</t>
  </si>
  <si>
    <t>11.407634735107422</t>
  </si>
  <si>
    <t>880.6207885742188</t>
  </si>
  <si>
    <t>-0.015193885707988741</t>
  </si>
  <si>
    <t>12.280501365661621</t>
  </si>
  <si>
    <t>1055.09423828125</t>
  </si>
  <si>
    <t>0.03377420784568841</t>
  </si>
  <si>
    <t>12.160781860351562</t>
  </si>
  <si>
    <t>931.5681762695312</t>
  </si>
  <si>
    <t>0.006420980067717963</t>
  </si>
  <si>
    <t>37102</t>
  </si>
  <si>
    <t>12.502403259277344</t>
  </si>
  <si>
    <t>1027.6424560546875</t>
  </si>
  <si>
    <t>0.053932466725473915</t>
  </si>
  <si>
    <t>12.42182445526123</t>
  </si>
  <si>
    <t>1138.836181640625</t>
  </si>
  <si>
    <t>-0.06104079109381644</t>
  </si>
  <si>
    <t>37032</t>
  </si>
  <si>
    <t>11.63068675994873</t>
  </si>
  <si>
    <t>967.8314208984375</t>
  </si>
  <si>
    <t>0.05915231830660517</t>
  </si>
  <si>
    <t>13.1834077835083</t>
  </si>
  <si>
    <t>852.3318481445312</t>
  </si>
  <si>
    <t>0.02081766185374967</t>
  </si>
  <si>
    <t>27983</t>
  </si>
  <si>
    <t>6.02638578414917</t>
  </si>
  <si>
    <t>1083.5853271484375</t>
  </si>
  <si>
    <t>62.5347785949707</t>
  </si>
  <si>
    <t>Hautes-Alpes</t>
  </si>
  <si>
    <t>28031</t>
  </si>
  <si>
    <t>5.062008857727051</t>
  </si>
  <si>
    <t>955.13427734375</t>
  </si>
  <si>
    <t>0.0017138576694826213</t>
  </si>
  <si>
    <t>5.821189880371094</t>
  </si>
  <si>
    <t>1162.6707763671875</t>
  </si>
  <si>
    <t>0.01096319366085119</t>
  </si>
  <si>
    <t>28041</t>
  </si>
  <si>
    <t>5.16916561126709</t>
  </si>
  <si>
    <t>1319.6346435546875</t>
  </si>
  <si>
    <t>-0.01060650939397867</t>
  </si>
  <si>
    <t>28597</t>
  </si>
  <si>
    <t>6.353883743286133</t>
  </si>
  <si>
    <t>1194.3067626953125</t>
  </si>
  <si>
    <t>0.019634092350479193</t>
  </si>
  <si>
    <t>5.8430657386779785</t>
  </si>
  <si>
    <t>1245.93994140625</t>
  </si>
  <si>
    <t>0.017298890465651695</t>
  </si>
  <si>
    <t>29402</t>
  </si>
  <si>
    <t>4.78869104385376</t>
  </si>
  <si>
    <t>1257.777099609375</t>
  </si>
  <si>
    <t>0.010461991557088268</t>
  </si>
  <si>
    <t>29983</t>
  </si>
  <si>
    <t>6.399078369140625</t>
  </si>
  <si>
    <t>992.045166015625</t>
  </si>
  <si>
    <t>0.019567855137477608</t>
  </si>
  <si>
    <t>30944</t>
  </si>
  <si>
    <t>5.666867733001709</t>
  </si>
  <si>
    <t>966.6893310546875</t>
  </si>
  <si>
    <t>0.03154856489163116</t>
  </si>
  <si>
    <t>31839</t>
  </si>
  <si>
    <t>5.830974102020264</t>
  </si>
  <si>
    <t>1157.111083984375</t>
  </si>
  <si>
    <t>0.02851283417691164</t>
  </si>
  <si>
    <t>32862</t>
  </si>
  <si>
    <t>6.53181266784668</t>
  </si>
  <si>
    <t>1337.6798095703125</t>
  </si>
  <si>
    <t>0.03162502158184388</t>
  </si>
  <si>
    <t>5.732610702514648</t>
  </si>
  <si>
    <t>990.2129516601562</t>
  </si>
  <si>
    <t>0.04151556442522342</t>
  </si>
  <si>
    <t>34796</t>
  </si>
  <si>
    <t>6.158250331878662</t>
  </si>
  <si>
    <t>1352.56494140625</t>
  </si>
  <si>
    <t>0.015669898190431297</t>
  </si>
  <si>
    <t>36227</t>
  </si>
  <si>
    <t>6.440682888031006</t>
  </si>
  <si>
    <t>975.239013671875</t>
  </si>
  <si>
    <t>0.04030225952740096</t>
  </si>
  <si>
    <t>36724</t>
  </si>
  <si>
    <t>5.701608180999756</t>
  </si>
  <si>
    <t>894.1356811523438</t>
  </si>
  <si>
    <t>0.01362579510875861</t>
  </si>
  <si>
    <t>38013</t>
  </si>
  <si>
    <t>5.477845668792725</t>
  </si>
  <si>
    <t>907.0423583984375</t>
  </si>
  <si>
    <t>0.034497714203427066</t>
  </si>
  <si>
    <t>38520</t>
  </si>
  <si>
    <t>6.6964335441589355</t>
  </si>
  <si>
    <t>1026.3145751953125</t>
  </si>
  <si>
    <t>0.013249380445044423</t>
  </si>
  <si>
    <t>6.087815761566162</t>
  </si>
  <si>
    <t>989.9367065429688</t>
  </si>
  <si>
    <t>0.00015575111004118014</t>
  </si>
  <si>
    <t>36024</t>
  </si>
  <si>
    <t>5.540135860443115</t>
  </si>
  <si>
    <t>1319.166015625</t>
  </si>
  <si>
    <t>-0.0671479550406957</t>
  </si>
  <si>
    <t>6.2757697105407715</t>
  </si>
  <si>
    <t>1122.57958984375</t>
  </si>
  <si>
    <t>-0.040013832386009085</t>
  </si>
  <si>
    <t>33966</t>
  </si>
  <si>
    <t>5.419134616851807</t>
  </si>
  <si>
    <t>1146.60498046875</t>
  </si>
  <si>
    <t>-0.018811526330683392</t>
  </si>
  <si>
    <t>34865</t>
  </si>
  <si>
    <t>6.825232982635498</t>
  </si>
  <si>
    <t>1015.4607543945312</t>
  </si>
  <si>
    <t>0.026123436390395938</t>
  </si>
  <si>
    <t>33359</t>
  </si>
  <si>
    <t>6.016574859619141</t>
  </si>
  <si>
    <t>1171.9715576171875</t>
  </si>
  <si>
    <t>-0.044155859650903295</t>
  </si>
  <si>
    <t>33504</t>
  </si>
  <si>
    <t>5.767435073852539</t>
  </si>
  <si>
    <t>1401.569091796875</t>
  </si>
  <si>
    <t>0.004337233666054985</t>
  </si>
  <si>
    <t>6.775745868682861</t>
  </si>
  <si>
    <t>1250.9114990234375</t>
  </si>
  <si>
    <t>-0.025085180083809888</t>
  </si>
  <si>
    <t>6.861440658569336</t>
  </si>
  <si>
    <t>921.7101440429688</t>
  </si>
  <si>
    <t>-0.009903811766255544</t>
  </si>
  <si>
    <t>33043</t>
  </si>
  <si>
    <t>5.966543197631836</t>
  </si>
  <si>
    <t>930.19677734375</t>
  </si>
  <si>
    <t>0.02113390072421062</t>
  </si>
  <si>
    <t>6.882673740386963</t>
  </si>
  <si>
    <t>923.2405395507812</t>
  </si>
  <si>
    <t>0.005673431640634163</t>
  </si>
  <si>
    <t>33943</t>
  </si>
  <si>
    <t>6.823794841766357</t>
  </si>
  <si>
    <t>1106.6119384765625</t>
  </si>
  <si>
    <t>0.02119947197562233</t>
  </si>
  <si>
    <t>34430</t>
  </si>
  <si>
    <t>7.120896816253662</t>
  </si>
  <si>
    <t>1148.72314453125</t>
  </si>
  <si>
    <t>0.014245630171904722</t>
  </si>
  <si>
    <t>6.993913173675537</t>
  </si>
  <si>
    <t>1101.4140625</t>
  </si>
  <si>
    <t>-0.040331989701144266</t>
  </si>
  <si>
    <t>35083</t>
  </si>
  <si>
    <t>6.121171474456787</t>
  </si>
  <si>
    <t>949.89013671875</t>
  </si>
  <si>
    <t>0.05912039501230737</t>
  </si>
  <si>
    <t>7.771463871002197</t>
  </si>
  <si>
    <t>812.5513916015625</t>
  </si>
  <si>
    <t>0.020845547141471243</t>
  </si>
  <si>
    <t>25189</t>
  </si>
  <si>
    <t>12.691723823547363</t>
  </si>
  <si>
    <t>867.7612915039062</t>
  </si>
  <si>
    <t>82.08563995361328</t>
  </si>
  <si>
    <t>Hautes-PyrÔøΩnÔøΩes</t>
  </si>
  <si>
    <t>11.566723823547363</t>
  </si>
  <si>
    <t>889.935546875</t>
  </si>
  <si>
    <t>0.0017056389371354896</t>
  </si>
  <si>
    <t>25510</t>
  </si>
  <si>
    <t>12.225059509277344</t>
  </si>
  <si>
    <t>1014.7495727539062</t>
  </si>
  <si>
    <t>0.010957501933036795</t>
  </si>
  <si>
    <t>11.566725730895996</t>
  </si>
  <si>
    <t>1063.644287109375</t>
  </si>
  <si>
    <t>-0.010561258317281386</t>
  </si>
  <si>
    <t>25742</t>
  </si>
  <si>
    <t>12.833392143249512</t>
  </si>
  <si>
    <t>1052.9630126953125</t>
  </si>
  <si>
    <t>0.019614625390747875</t>
  </si>
  <si>
    <t>26191</t>
  </si>
  <si>
    <t>12.709261894226074</t>
  </si>
  <si>
    <t>954.6201782226562</t>
  </si>
  <si>
    <t>0.0172919410759107</t>
  </si>
  <si>
    <t>26467</t>
  </si>
  <si>
    <t>11.408390998840332</t>
  </si>
  <si>
    <t>1242.38134765625</t>
  </si>
  <si>
    <t>0.010482833661011881</t>
  </si>
  <si>
    <t>26989</t>
  </si>
  <si>
    <t>13.199189186096191</t>
  </si>
  <si>
    <t>999.477294921875</t>
  </si>
  <si>
    <t>0.019530701619867585</t>
  </si>
  <si>
    <t>12.300057411193848</t>
  </si>
  <si>
    <t>909.5305786132812</t>
  </si>
  <si>
    <t>0.03158310788880314</t>
  </si>
  <si>
    <t>28660</t>
  </si>
  <si>
    <t>12.533392906188965</t>
  </si>
  <si>
    <t>964.8273315429688</t>
  </si>
  <si>
    <t>0.028489938927245717</t>
  </si>
  <si>
    <t>29581</t>
  </si>
  <si>
    <t>12.92592716217041</t>
  </si>
  <si>
    <t>1065.3614501953125</t>
  </si>
  <si>
    <t>0.031629840937295484</t>
  </si>
  <si>
    <t>29715</t>
  </si>
  <si>
    <t>12.200057983398438</t>
  </si>
  <si>
    <t>704.694580078125</t>
  </si>
  <si>
    <t>0.00451970548130376</t>
  </si>
  <si>
    <t>31010</t>
  </si>
  <si>
    <t>12.533390998840332</t>
  </si>
  <si>
    <t>1073.85888671875</t>
  </si>
  <si>
    <t>0.04265776429373247</t>
  </si>
  <si>
    <t>12.933390617370605</t>
  </si>
  <si>
    <t>966.1759643554688</t>
  </si>
  <si>
    <t>0.005146360666888228</t>
  </si>
  <si>
    <t>32251</t>
  </si>
  <si>
    <t>12.283390998840332</t>
  </si>
  <si>
    <t>762.1197509765625</t>
  </si>
  <si>
    <t>0.03409295673374402</t>
  </si>
  <si>
    <t>12.124188423156738</t>
  </si>
  <si>
    <t>816.1614379882812</t>
  </si>
  <si>
    <t>0.034857137664609184</t>
  </si>
  <si>
    <t>13.175057411193848</t>
  </si>
  <si>
    <t>741.8965454101562</t>
  </si>
  <si>
    <t>0.02863241639597014</t>
  </si>
  <si>
    <t>34461</t>
  </si>
  <si>
    <t>12.30752182006836</t>
  </si>
  <si>
    <t>868.2791748046875</t>
  </si>
  <si>
    <t>0.0027896452578080044</t>
  </si>
  <si>
    <t>11.839985847473145</t>
  </si>
  <si>
    <t>1086.9755859375</t>
  </si>
  <si>
    <t>-0.03637516746487357</t>
  </si>
  <si>
    <t>12.585131645202637</t>
  </si>
  <si>
    <t>915.2061157226562</t>
  </si>
  <si>
    <t>-0.027333774187088267</t>
  </si>
  <si>
    <t>31056</t>
  </si>
  <si>
    <t>11.78165340423584</t>
  </si>
  <si>
    <t>844.4974975585938</t>
  </si>
  <si>
    <t>-0.040327281752761124</t>
  </si>
  <si>
    <t>13.415854454040527</t>
  </si>
  <si>
    <t>812.889404296875</t>
  </si>
  <si>
    <t>0.04097654208257495</t>
  </si>
  <si>
    <t>31463</t>
  </si>
  <si>
    <t>12.374188423156738</t>
  </si>
  <si>
    <t>920.9640502929688</t>
  </si>
  <si>
    <t>-0.027956316239226453</t>
  </si>
  <si>
    <t>12.266724586486816</t>
  </si>
  <si>
    <t>1178.6805419921875</t>
  </si>
  <si>
    <t>0.013887796986095324</t>
  </si>
  <si>
    <t>13.200057983398438</t>
  </si>
  <si>
    <t>993.927734375</t>
  </si>
  <si>
    <t>0.0025982578125809397</t>
  </si>
  <si>
    <t>31921</t>
  </si>
  <si>
    <t>13.10092830657959</t>
  </si>
  <si>
    <t>804.18212890625</t>
  </si>
  <si>
    <t>-0.0020342066569902784</t>
  </si>
  <si>
    <t>31630</t>
  </si>
  <si>
    <t>12.375926971435547</t>
  </si>
  <si>
    <t>815.8373413085938</t>
  </si>
  <si>
    <t>-0.009158063094130142</t>
  </si>
  <si>
    <t>13.209259986877441</t>
  </si>
  <si>
    <t>902.1646728515625</t>
  </si>
  <si>
    <t>0.013752610863146941</t>
  </si>
  <si>
    <t>13.10665225982666</t>
  </si>
  <si>
    <t>1089.95458984375</t>
  </si>
  <si>
    <t>0.015471563019973544</t>
  </si>
  <si>
    <t>13.375926971435547</t>
  </si>
  <si>
    <t>983.4268188476562</t>
  </si>
  <si>
    <t>0.009777638394899313</t>
  </si>
  <si>
    <t>29541</t>
  </si>
  <si>
    <t>13.290855407714844</t>
  </si>
  <si>
    <t>1046.7945556640625</t>
  </si>
  <si>
    <t>-0.10732872066180299</t>
  </si>
  <si>
    <t>31341</t>
  </si>
  <si>
    <t>12.539985656738281</t>
  </si>
  <si>
    <t>849.0662841796875</t>
  </si>
  <si>
    <t>0.05914801558970595</t>
  </si>
  <si>
    <t>32001</t>
  </si>
  <si>
    <t>14.109260559082031</t>
  </si>
  <si>
    <t>738.4921875</t>
  </si>
  <si>
    <t>0.020840007787974457</t>
  </si>
  <si>
    <t>14.415390014648438</t>
  </si>
  <si>
    <t>665.5922241210938</t>
  </si>
  <si>
    <t>427.2817077636719</t>
  </si>
  <si>
    <t>HÔøΩrault</t>
  </si>
  <si>
    <t>28536</t>
  </si>
  <si>
    <t>13.53264331817627</t>
  </si>
  <si>
    <t>840.695068359375</t>
  </si>
  <si>
    <t>0.0016835020811125645</t>
  </si>
  <si>
    <t>14.02440357208252</t>
  </si>
  <si>
    <t>741.9327392578125</t>
  </si>
  <si>
    <t>0.010943544897518365</t>
  </si>
  <si>
    <t>13.599993705749512</t>
  </si>
  <si>
    <t>897.685791015625</t>
  </si>
  <si>
    <t>-0.010558141182361425</t>
  </si>
  <si>
    <t>14.72372055053711</t>
  </si>
  <si>
    <t>823.6705322265625</t>
  </si>
  <si>
    <t>0.0196329580443404</t>
  </si>
  <si>
    <t>29620</t>
  </si>
  <si>
    <t>14.495095252990723</t>
  </si>
  <si>
    <t>835.76318359375</t>
  </si>
  <si>
    <t>0.017264999023565153</t>
  </si>
  <si>
    <t>13.57186508178711</t>
  </si>
  <si>
    <t>973.4892578125</t>
  </si>
  <si>
    <t>0.010478333378459936</t>
  </si>
  <si>
    <t>14.969508171081543</t>
  </si>
  <si>
    <t>591.2627563476562</t>
  </si>
  <si>
    <t>0.01955235556660284</t>
  </si>
  <si>
    <t>31502</t>
  </si>
  <si>
    <t>14.174309730529785</t>
  </si>
  <si>
    <t>708.228515625</t>
  </si>
  <si>
    <t>0.03157053809482768</t>
  </si>
  <si>
    <t>14.365387916564941</t>
  </si>
  <si>
    <t>713.265380859375</t>
  </si>
  <si>
    <t>0.028477688718936633</t>
  </si>
  <si>
    <t>33454</t>
  </si>
  <si>
    <t>14.965977668762207</t>
  </si>
  <si>
    <t>833.6640625</t>
  </si>
  <si>
    <t>0.03164263629133757</t>
  </si>
  <si>
    <t>14.326762199401855</t>
  </si>
  <si>
    <t>525.60302734375</t>
  </si>
  <si>
    <t>0.026517990209494968</t>
  </si>
  <si>
    <t>14.588031768798828</t>
  </si>
  <si>
    <t>957.9073486328125</t>
  </si>
  <si>
    <t>-0.013480847710351185</t>
  </si>
  <si>
    <t>34220</t>
  </si>
  <si>
    <t>15.05333423614502</t>
  </si>
  <si>
    <t>742.9342041015625</t>
  </si>
  <si>
    <t>0.009601765075085922</t>
  </si>
  <si>
    <t>14.248722076416016</t>
  </si>
  <si>
    <t>648.2525024414062</t>
  </si>
  <si>
    <t>0.02293771304669434</t>
  </si>
  <si>
    <t>13.929112434387207</t>
  </si>
  <si>
    <t>790.6869506835938</t>
  </si>
  <si>
    <t>0.019822787096194006</t>
  </si>
  <si>
    <t>15.162346839904785</t>
  </si>
  <si>
    <t>495.298095703125</t>
  </si>
  <si>
    <t>0.02412221744820009</t>
  </si>
  <si>
    <t>37015</t>
  </si>
  <si>
    <t>14.515388488769531</t>
  </si>
  <si>
    <t>559.4730834960938</t>
  </si>
  <si>
    <t>0.011630249839926776</t>
  </si>
  <si>
    <t>38084</t>
  </si>
  <si>
    <t>14.093920707702637</t>
  </si>
  <si>
    <t>866.5426025390625</t>
  </si>
  <si>
    <t>0.02847101052838319</t>
  </si>
  <si>
    <t>37398</t>
  </si>
  <si>
    <t>14.816070556640625</t>
  </si>
  <si>
    <t>644.1664428710938</t>
  </si>
  <si>
    <t>-0.018177019368676994</t>
  </si>
  <si>
    <t>38107</t>
  </si>
  <si>
    <t>13.902839660644531</t>
  </si>
  <si>
    <t>880.1288452148438</t>
  </si>
  <si>
    <t>0.018780765236263264</t>
  </si>
  <si>
    <t>15.302844047546387</t>
  </si>
  <si>
    <t>735.6837768554688</t>
  </si>
  <si>
    <t>0.008700591811059866</t>
  </si>
  <si>
    <t>37916</t>
  </si>
  <si>
    <t>14.58019733428955</t>
  </si>
  <si>
    <t>615.40625</t>
  </si>
  <si>
    <t>-0.013725397511295867</t>
  </si>
  <si>
    <t>14.35656452178955</t>
  </si>
  <si>
    <t>751.4451293945312</t>
  </si>
  <si>
    <t>-0.024509329461597673</t>
  </si>
  <si>
    <t>37018</t>
  </si>
  <si>
    <t>15.22145938873291</t>
  </si>
  <si>
    <t>760.4608764648438</t>
  </si>
  <si>
    <t>0.0005404237053276972</t>
  </si>
  <si>
    <t>36832</t>
  </si>
  <si>
    <t>15.289704322814941</t>
  </si>
  <si>
    <t>525.4627075195312</t>
  </si>
  <si>
    <t>-0.005037248295053587</t>
  </si>
  <si>
    <t>37313</t>
  </si>
  <si>
    <t>14.5968656539917</t>
  </si>
  <si>
    <t>709.6688842773438</t>
  </si>
  <si>
    <t>0.01297475885857402</t>
  </si>
  <si>
    <t>37527</t>
  </si>
  <si>
    <t>15.354110717773438</t>
  </si>
  <si>
    <t>556.5130615234375</t>
  </si>
  <si>
    <t>0.0057188825026681656</t>
  </si>
  <si>
    <t>15.265388488769531</t>
  </si>
  <si>
    <t>983.7302856445312</t>
  </si>
  <si>
    <t>0.01573086940616797</t>
  </si>
  <si>
    <t>38468</t>
  </si>
  <si>
    <t>15.499312400817871</t>
  </si>
  <si>
    <t>824.0263671875</t>
  </si>
  <si>
    <t>0.009035183543353753</t>
  </si>
  <si>
    <t>36057</t>
  </si>
  <si>
    <t>15.396461486816406</t>
  </si>
  <si>
    <t>699.58544921875</t>
  </si>
  <si>
    <t>-0.06472570721147441</t>
  </si>
  <si>
    <t>38253</t>
  </si>
  <si>
    <t>14.710000038146973</t>
  </si>
  <si>
    <t>518.5899047851562</t>
  </si>
  <si>
    <t>0.05912096893075258</t>
  </si>
  <si>
    <t>16.240388870239258</t>
  </si>
  <si>
    <t>530.9244384765625</t>
  </si>
  <si>
    <t>0.0208513349127859</t>
  </si>
  <si>
    <t>1086</t>
  </si>
  <si>
    <t>12.444991111755371</t>
  </si>
  <si>
    <t>615.44677734375</t>
  </si>
  <si>
    <t>356.06304931640625</t>
  </si>
  <si>
    <t>Ille-et-Vilaine</t>
  </si>
  <si>
    <t>33422</t>
  </si>
  <si>
    <t>11.11946964263916</t>
  </si>
  <si>
    <t>588.7735595703125</t>
  </si>
  <si>
    <t>0.0017069194256205122</t>
  </si>
  <si>
    <t>33790</t>
  </si>
  <si>
    <t>11.997642517089844</t>
  </si>
  <si>
    <t>826.6201171875</t>
  </si>
  <si>
    <t>0.010950534945008528</t>
  </si>
  <si>
    <t>33434</t>
  </si>
  <si>
    <t>11.32180118560791</t>
  </si>
  <si>
    <t>826.0900268554688</t>
  </si>
  <si>
    <t>-0.01059155444576021</t>
  </si>
  <si>
    <t>12.488553047180176</t>
  </si>
  <si>
    <t>1034.3453369140625</t>
  </si>
  <si>
    <t>0.01963605759928022</t>
  </si>
  <si>
    <t>34691</t>
  </si>
  <si>
    <t>12.3322114944458</t>
  </si>
  <si>
    <t>683.531494140625</t>
  </si>
  <si>
    <t>0.017270883437682016</t>
  </si>
  <si>
    <t>35057</t>
  </si>
  <si>
    <t>10.87429428100586</t>
  </si>
  <si>
    <t>620.0397338867188</t>
  </si>
  <si>
    <t>0.01049502091616894</t>
  </si>
  <si>
    <t>12.664402961730957</t>
  </si>
  <si>
    <t>828.3634643554688</t>
  </si>
  <si>
    <t>0.019546988487251227</t>
  </si>
  <si>
    <t>36895</t>
  </si>
  <si>
    <t>12.003307342529297</t>
  </si>
  <si>
    <t>828.096435546875</t>
  </si>
  <si>
    <t>0.031553743789508815</t>
  </si>
  <si>
    <t>37962</t>
  </si>
  <si>
    <t>12.2158842086792</t>
  </si>
  <si>
    <t>888.3612670898438</t>
  </si>
  <si>
    <t>0.028509618882472054</t>
  </si>
  <si>
    <t>39182</t>
  </si>
  <si>
    <t>12.48202896118164</t>
  </si>
  <si>
    <t>1088.1212158203125</t>
  </si>
  <si>
    <t>0.031631798273039635</t>
  </si>
  <si>
    <t>39193</t>
  </si>
  <si>
    <t>11.928458213806152</t>
  </si>
  <si>
    <t>808.9942016601562</t>
  </si>
  <si>
    <t>0.0002807017562282965</t>
  </si>
  <si>
    <t>39361</t>
  </si>
  <si>
    <t>12.235099792480469</t>
  </si>
  <si>
    <t>933.185302734375</t>
  </si>
  <si>
    <t>0.004277318943309183</t>
  </si>
  <si>
    <t>39898</t>
  </si>
  <si>
    <t>12.476546287536621</t>
  </si>
  <si>
    <t>736.58740234375</t>
  </si>
  <si>
    <t>0.013550718960839703</t>
  </si>
  <si>
    <t>41740</t>
  </si>
  <si>
    <t>11.977789878845215</t>
  </si>
  <si>
    <t>632.1506958007812</t>
  </si>
  <si>
    <t>0.045133704322836365</t>
  </si>
  <si>
    <t>42897</t>
  </si>
  <si>
    <t>11.914623260498047</t>
  </si>
  <si>
    <t>587.0110473632812</t>
  </si>
  <si>
    <t>0.027341991769764817</t>
  </si>
  <si>
    <t>43237</t>
  </si>
  <si>
    <t>12.790261268615723</t>
  </si>
  <si>
    <t>764.6983032226562</t>
  </si>
  <si>
    <t>0.007894716741754237</t>
  </si>
  <si>
    <t>12.192794799804688</t>
  </si>
  <si>
    <t>852.933837890625</t>
  </si>
  <si>
    <t>-0.000578375705835299</t>
  </si>
  <si>
    <t>42421</t>
  </si>
  <si>
    <t>11.517040252685547</t>
  </si>
  <si>
    <t>809.3711547851562</t>
  </si>
  <si>
    <t>-0.018474711810108957</t>
  </si>
  <si>
    <t>12.050993919372559</t>
  </si>
  <si>
    <t>726.5813598632812</t>
  </si>
  <si>
    <t>-0.035267292619295176</t>
  </si>
  <si>
    <t>41175</t>
  </si>
  <si>
    <t>11.418179512023926</t>
  </si>
  <si>
    <t>747.187744140625</t>
  </si>
  <si>
    <t>0.005455046038369105</t>
  </si>
  <si>
    <t>42208</t>
  </si>
  <si>
    <t>13.066386222839355</t>
  </si>
  <si>
    <t>618.7305908203125</t>
  </si>
  <si>
    <t>0.024778500471200005</t>
  </si>
  <si>
    <t>41988</t>
  </si>
  <si>
    <t>11.872389793395996</t>
  </si>
  <si>
    <t>942.4774780273438</t>
  </si>
  <si>
    <t>-0.005225913361352141</t>
  </si>
  <si>
    <t>41731</t>
  </si>
  <si>
    <t>11.864640235900879</t>
  </si>
  <si>
    <t>851.5978393554688</t>
  </si>
  <si>
    <t>-0.006139605281846983</t>
  </si>
  <si>
    <t>42642</t>
  </si>
  <si>
    <t>12.880890846252441</t>
  </si>
  <si>
    <t>811.2628173828125</t>
  </si>
  <si>
    <t>0.021595425181109462</t>
  </si>
  <si>
    <t>42871</t>
  </si>
  <si>
    <t>12.77059555053711</t>
  </si>
  <si>
    <t>758.6044311523438</t>
  </si>
  <si>
    <t>0.0053559236004492305</t>
  </si>
  <si>
    <t>11.965144157409668</t>
  </si>
  <si>
    <t>627.3311767578125</t>
  </si>
  <si>
    <t>0.011941201747607266</t>
  </si>
  <si>
    <t>12.914844512939453</t>
  </si>
  <si>
    <t>714.8914184570312</t>
  </si>
  <si>
    <t>0.0316917946995634</t>
  </si>
  <si>
    <t>45097</t>
  </si>
  <si>
    <t>12.7684326171875</t>
  </si>
  <si>
    <t>704.293701171875</t>
  </si>
  <si>
    <t>0.00698712232871479</t>
  </si>
  <si>
    <t>45493</t>
  </si>
  <si>
    <t>13.099838256835938</t>
  </si>
  <si>
    <t>835.9971313476562</t>
  </si>
  <si>
    <t>0.008742742518377256</t>
  </si>
  <si>
    <t>43277</t>
  </si>
  <si>
    <t>13.09993839263916</t>
  </si>
  <si>
    <t>830.6539916992188</t>
  </si>
  <si>
    <t>-0.049937151913100664</t>
  </si>
  <si>
    <t>45914</t>
  </si>
  <si>
    <t>12.209122657775879</t>
  </si>
  <si>
    <t>679.1113891601562</t>
  </si>
  <si>
    <t>0.05914876539895353</t>
  </si>
  <si>
    <t>46880</t>
  </si>
  <si>
    <t>13.79562759399414</t>
  </si>
  <si>
    <t>685.9043579101562</t>
  </si>
  <si>
    <t>0.020821063815377627</t>
  </si>
  <si>
    <t>25281</t>
  </si>
  <si>
    <t>12.339764595031738</t>
  </si>
  <si>
    <t>623.4479370117188</t>
  </si>
  <si>
    <t>114.61483001708984</t>
  </si>
  <si>
    <t>Indre</t>
  </si>
  <si>
    <t>25324</t>
  </si>
  <si>
    <t>11.055153846740723</t>
  </si>
  <si>
    <t>549.2008666992188</t>
  </si>
  <si>
    <t>0.0016994372235537014</t>
  </si>
  <si>
    <t>25603</t>
  </si>
  <si>
    <t>11.908717155456543</t>
  </si>
  <si>
    <t>777.6171264648438</t>
  </si>
  <si>
    <t>0.010956969437717845</t>
  </si>
  <si>
    <t>25333</t>
  </si>
  <si>
    <t>11.23830509185791</t>
  </si>
  <si>
    <t>797.07080078125</t>
  </si>
  <si>
    <t>-0.010601638482679476</t>
  </si>
  <si>
    <t>25836</t>
  </si>
  <si>
    <t>12.429326057434082</t>
  </si>
  <si>
    <t>966.0341186523438</t>
  </si>
  <si>
    <t>0.019660974533307396</t>
  </si>
  <si>
    <t>12.081793785095215</t>
  </si>
  <si>
    <t>761.9765014648438</t>
  </si>
  <si>
    <t>0.01726760988959164</t>
  </si>
  <si>
    <t>10.658509254455566</t>
  </si>
  <si>
    <t>607.7310791015625</t>
  </si>
  <si>
    <t>0.01048279197707025</t>
  </si>
  <si>
    <t>12.48590087890625</t>
  </si>
  <si>
    <t>796.4077758789062</t>
  </si>
  <si>
    <t>0.019534637956564183</t>
  </si>
  <si>
    <t>27956</t>
  </si>
  <si>
    <t>11.872708320617676</t>
  </si>
  <si>
    <t>732.1295776367188</t>
  </si>
  <si>
    <t>0.03157793762143157</t>
  </si>
  <si>
    <t>28764</t>
  </si>
  <si>
    <t>12.018268585205078</t>
  </si>
  <si>
    <t>880.3306274414062</t>
  </si>
  <si>
    <t>0.028492759625365238</t>
  </si>
  <si>
    <t>29689</t>
  </si>
  <si>
    <t>12.490139961242676</t>
  </si>
  <si>
    <t>958.1597290039062</t>
  </si>
  <si>
    <t>0.031652001593990065</t>
  </si>
  <si>
    <t>11.85273265838623</t>
  </si>
  <si>
    <t>840.0574951171875</t>
  </si>
  <si>
    <t>0.01656850541415089</t>
  </si>
  <si>
    <t>30209</t>
  </si>
  <si>
    <t>12.215847969055176</t>
  </si>
  <si>
    <t>852.4638671875</t>
  </si>
  <si>
    <t>0.0007947809803408035</t>
  </si>
  <si>
    <t>12.343390464782715</t>
  </si>
  <si>
    <t>736.981201171875</t>
  </si>
  <si>
    <t>0.0098818288237279</t>
  </si>
  <si>
    <t>11.82093334197998</t>
  </si>
  <si>
    <t>624.5386962890625</t>
  </si>
  <si>
    <t>0.02364559216341</t>
  </si>
  <si>
    <t>30939</t>
  </si>
  <si>
    <t>11.706748008728027</t>
  </si>
  <si>
    <t>554.1868896484375</t>
  </si>
  <si>
    <t>-0.009649790213826392</t>
  </si>
  <si>
    <t>12.695931434631348</t>
  </si>
  <si>
    <t>753.1514282226562</t>
  </si>
  <si>
    <t>0.011920011336272296</t>
  </si>
  <si>
    <t>12.109512329101562</t>
  </si>
  <si>
    <t>855.9562377929688</t>
  </si>
  <si>
    <t>0.02535453678917854</t>
  </si>
  <si>
    <t>11.420720100402832</t>
  </si>
  <si>
    <t>770.7808227539062</t>
  </si>
  <si>
    <t>-0.010329053615194539</t>
  </si>
  <si>
    <t>12.019368171691895</t>
  </si>
  <si>
    <t>652.8610229492188</t>
  </si>
  <si>
    <t>-0.027462774920095967</t>
  </si>
  <si>
    <t>11.307875633239746</t>
  </si>
  <si>
    <t>690.0249633789062</t>
  </si>
  <si>
    <t>-0.02088072335114255</t>
  </si>
  <si>
    <t>12.988938331604004</t>
  </si>
  <si>
    <t>625.0826416015625</t>
  </si>
  <si>
    <t>0.028419418847970945</t>
  </si>
  <si>
    <t>11.84032154083252</t>
  </si>
  <si>
    <t>819.1915893554688</t>
  </si>
  <si>
    <t>0.0016996171936582982</t>
  </si>
  <si>
    <t>11.816390037536621</t>
  </si>
  <si>
    <t>817.7648315429688</t>
  </si>
  <si>
    <t>-0.025079582679529366</t>
  </si>
  <si>
    <t>30646</t>
  </si>
  <si>
    <t>12.880244255065918</t>
  </si>
  <si>
    <t>791.8147583007812</t>
  </si>
  <si>
    <t>0.0068431745528254595</t>
  </si>
  <si>
    <t>30647</t>
  </si>
  <si>
    <t>12.773402214050293</t>
  </si>
  <si>
    <t>648.7498168945312</t>
  </si>
  <si>
    <t>3.2630153526724825e-05</t>
  </si>
  <si>
    <t>11.930258750915527</t>
  </si>
  <si>
    <t>640.5614013671875</t>
  </si>
  <si>
    <t>-0.010760199609586962</t>
  </si>
  <si>
    <t>31320</t>
  </si>
  <si>
    <t>12.911334991455078</t>
  </si>
  <si>
    <t>758.1724853515625</t>
  </si>
  <si>
    <t>0.03248229242267797</t>
  </si>
  <si>
    <t>12.796053886413574</t>
  </si>
  <si>
    <t>662.058349609375</t>
  </si>
  <si>
    <t>0.011176138681227243</t>
  </si>
  <si>
    <t>13.145798683166504</t>
  </si>
  <si>
    <t>702.0181884765625</t>
  </si>
  <si>
    <t>0.014139274664179524</t>
  </si>
  <si>
    <t>13.075957298278809</t>
  </si>
  <si>
    <t>766.5142211914062</t>
  </si>
  <si>
    <t>-0.08135883036414882</t>
  </si>
  <si>
    <t>31418</t>
  </si>
  <si>
    <t>12.180937767028809</t>
  </si>
  <si>
    <t>696.2100830078125</t>
  </si>
  <si>
    <t>0.05916752297388683</t>
  </si>
  <si>
    <t>13.749076843261719</t>
  </si>
  <si>
    <t>604.35400390625</t>
  </si>
  <si>
    <t>0.020820633364882823</t>
  </si>
  <si>
    <t>12.503180503845215</t>
  </si>
  <si>
    <t>607.0490112304688</t>
  </si>
  <si>
    <t>279.8058166503906</t>
  </si>
  <si>
    <t>Indre-et-Loire</t>
  </si>
  <si>
    <t>11.19406509399414</t>
  </si>
  <si>
    <t>530.9830932617188</t>
  </si>
  <si>
    <t>0.0017078851496634684</t>
  </si>
  <si>
    <t>12.026402473449707</t>
  </si>
  <si>
    <t>742.7696533203125</t>
  </si>
  <si>
    <t>0.010947982167575532</t>
  </si>
  <si>
    <t>11.40085506439209</t>
  </si>
  <si>
    <t>785.3263549804688</t>
  </si>
  <si>
    <t>-0.010579996882833953</t>
  </si>
  <si>
    <t>30491</t>
  </si>
  <si>
    <t>12.552361488342285</t>
  </si>
  <si>
    <t>939.2355346679688</t>
  </si>
  <si>
    <t>0.019639969573580274</t>
  </si>
  <si>
    <t>31022</t>
  </si>
  <si>
    <t>12.305709838867188</t>
  </si>
  <si>
    <t>726.3713989257812</t>
  </si>
  <si>
    <t>0.017265072101656287</t>
  </si>
  <si>
    <t>10.892165184020996</t>
  </si>
  <si>
    <t>584.7547607421875</t>
  </si>
  <si>
    <t>0.01048573844098577</t>
  </si>
  <si>
    <t>31968</t>
  </si>
  <si>
    <t>12.678421974182129</t>
  </si>
  <si>
    <t>759.51953125</t>
  </si>
  <si>
    <t>0.01955303382259821</t>
  </si>
  <si>
    <t>32993</t>
  </si>
  <si>
    <t>12.032027244567871</t>
  </si>
  <si>
    <t>720.8843383789062</t>
  </si>
  <si>
    <t>0.031560015287329435</t>
  </si>
  <si>
    <t>33947</t>
  </si>
  <si>
    <t>12.193557739257812</t>
  </si>
  <si>
    <t>845.4639892578125</t>
  </si>
  <si>
    <t>0.028505067103790083</t>
  </si>
  <si>
    <t>35038</t>
  </si>
  <si>
    <t>12.584803581237793</t>
  </si>
  <si>
    <t>924.6034545898438</t>
  </si>
  <si>
    <t>0.031632701956366915</t>
  </si>
  <si>
    <t>11.978373527526855</t>
  </si>
  <si>
    <t>789.5933837890625</t>
  </si>
  <si>
    <t>0.018016976549271035</t>
  </si>
  <si>
    <t>35649</t>
  </si>
  <si>
    <t>12.328811645507812</t>
  </si>
  <si>
    <t>813.5714111328125</t>
  </si>
  <si>
    <t>-0.0007290673869011499</t>
  </si>
  <si>
    <t>35641</t>
  </si>
  <si>
    <t>12.510765075683594</t>
  </si>
  <si>
    <t>715.8768920898438</t>
  </si>
  <si>
    <t>-0.00022443540562733233</t>
  </si>
  <si>
    <t>11.9798002243042</t>
  </si>
  <si>
    <t>591.3067016601562</t>
  </si>
  <si>
    <t>0.025293958761878343</t>
  </si>
  <si>
    <t>36862</t>
  </si>
  <si>
    <t>11.899227142333984</t>
  </si>
  <si>
    <t>531.5468139648438</t>
  </si>
  <si>
    <t>0.008390590797180408</t>
  </si>
  <si>
    <t>37684</t>
  </si>
  <si>
    <t>12.851895332336426</t>
  </si>
  <si>
    <t>721.9420166015625</t>
  </si>
  <si>
    <t>0.02205439105699014</t>
  </si>
  <si>
    <t>12.249066352844238</t>
  </si>
  <si>
    <t>809.3544921875</t>
  </si>
  <si>
    <t>0.010322297594804297</t>
  </si>
  <si>
    <t>37289</t>
  </si>
  <si>
    <t>11.581131935119629</t>
  </si>
  <si>
    <t>736.5955810546875</t>
  </si>
  <si>
    <t>-0.020859521791049218</t>
  </si>
  <si>
    <t>36576</t>
  </si>
  <si>
    <t>12.142193794250488</t>
  </si>
  <si>
    <t>630.0792846679688</t>
  </si>
  <si>
    <t>-0.01930608937777656</t>
  </si>
  <si>
    <t>36890</t>
  </si>
  <si>
    <t>11.460258483886719</t>
  </si>
  <si>
    <t>652.7023315429688</t>
  </si>
  <si>
    <t>0.00854822399618449</t>
  </si>
  <si>
    <t>37287</t>
  </si>
  <si>
    <t>13.142260551452637</t>
  </si>
  <si>
    <t>580.5526733398438</t>
  </si>
  <si>
    <t>0.010704228822900674</t>
  </si>
  <si>
    <t>37119</t>
  </si>
  <si>
    <t>11.973481178283691</t>
  </si>
  <si>
    <t>800.8638916015625</t>
  </si>
  <si>
    <t>-0.00451577253153701</t>
  </si>
  <si>
    <t>11.956703186035156</t>
  </si>
  <si>
    <t>781.50830078125</t>
  </si>
  <si>
    <t>0.004301197523338018</t>
  </si>
  <si>
    <t>12.992457389831543</t>
  </si>
  <si>
    <t>747.688232421875</t>
  </si>
  <si>
    <t>0.008414297771118129</t>
  </si>
  <si>
    <t>38207</t>
  </si>
  <si>
    <t>12.889679908752441</t>
  </si>
  <si>
    <t>623.8492431640625</t>
  </si>
  <si>
    <t>0.016174281703912996</t>
  </si>
  <si>
    <t>12.093337059020996</t>
  </si>
  <si>
    <t>589.9151000976562</t>
  </si>
  <si>
    <t>0.0023528192386859104</t>
  </si>
  <si>
    <t>13.013394355773926</t>
  </si>
  <si>
    <t>712.4235229492188</t>
  </si>
  <si>
    <t>0.006506711832450662</t>
  </si>
  <si>
    <t>12.876439094543457</t>
  </si>
  <si>
    <t>636.9757080078125</t>
  </si>
  <si>
    <t>0.02216668918602771</t>
  </si>
  <si>
    <t>39688</t>
  </si>
  <si>
    <t>13.224457740783691</t>
  </si>
  <si>
    <t>684.0108642578125</t>
  </si>
  <si>
    <t>0.007003909843266598</t>
  </si>
  <si>
    <t>37003</t>
  </si>
  <si>
    <t>13.183975219726562</t>
  </si>
  <si>
    <t>747.8817138671875</t>
  </si>
  <si>
    <t>-0.07004988456033523</t>
  </si>
  <si>
    <t>39257</t>
  </si>
  <si>
    <t>12.33874225616455</t>
  </si>
  <si>
    <t>657.2816772460938</t>
  </si>
  <si>
    <t>0.05913078183765741</t>
  </si>
  <si>
    <t>13.860613822937012</t>
  </si>
  <si>
    <t>576.3023681640625</t>
  </si>
  <si>
    <t>0.0208474799200129</t>
  </si>
  <si>
    <t>10.54824161529541</t>
  </si>
  <si>
    <t>999.1104125976562</t>
  </si>
  <si>
    <t>536.1478271484375</t>
  </si>
  <si>
    <t>IsÔøΩre</t>
  </si>
  <si>
    <t>9.57548999786377</t>
  </si>
  <si>
    <t>842.8006591796875</t>
  </si>
  <si>
    <t>0.0017208947063718227</t>
  </si>
  <si>
    <t>34692</t>
  </si>
  <si>
    <t>10.476251602172852</t>
  </si>
  <si>
    <t>1070.449462890625</t>
  </si>
  <si>
    <t>0.010955678660973689</t>
  </si>
  <si>
    <t>34326</t>
  </si>
  <si>
    <t>9.652539253234863</t>
  </si>
  <si>
    <t>1227.2650146484375</t>
  </si>
  <si>
    <t>-0.010606028307762472</t>
  </si>
  <si>
    <t>10.933497428894043</t>
  </si>
  <si>
    <t>1090.9964599609375</t>
  </si>
  <si>
    <t>0.019644956977634465</t>
  </si>
  <si>
    <t>35617</t>
  </si>
  <si>
    <t>10.294981956481934</t>
  </si>
  <si>
    <t>1049.1531982421875</t>
  </si>
  <si>
    <t>0.017275010475538366</t>
  </si>
  <si>
    <t>35993</t>
  </si>
  <si>
    <t>9.092917442321777</t>
  </si>
  <si>
    <t>1002.0586547851562</t>
  </si>
  <si>
    <t>0.010501423137274202</t>
  </si>
  <si>
    <t>36703</t>
  </si>
  <si>
    <t>10.913371086120605</t>
  </si>
  <si>
    <t>891.6604614257812</t>
  </si>
  <si>
    <t>0.01953402048399333</t>
  </si>
  <si>
    <t>10.15882396697998</t>
  </si>
  <si>
    <t>948.69580078125</t>
  </si>
  <si>
    <t>0.031564772728991386</t>
  </si>
  <si>
    <t>38975</t>
  </si>
  <si>
    <t>10.215868949890137</t>
  </si>
  <si>
    <t>1154.321044921875</t>
  </si>
  <si>
    <t>0.0284971466259627</t>
  </si>
  <si>
    <t>40228</t>
  </si>
  <si>
    <t>11.02798843383789</t>
  </si>
  <si>
    <t>1084.2266845703125</t>
  </si>
  <si>
    <t>0.03164285563839364</t>
  </si>
  <si>
    <t>40195</t>
  </si>
  <si>
    <t>10.102027893066406</t>
  </si>
  <si>
    <t>1037.5833740234375</t>
  </si>
  <si>
    <t>-0.0008206608023098028</t>
  </si>
  <si>
    <t>39613</t>
  </si>
  <si>
    <t>10.62119197845459</t>
  </si>
  <si>
    <t>1132.46826171875</t>
  </si>
  <si>
    <t>-0.014585262564224877</t>
  </si>
  <si>
    <t>39456</t>
  </si>
  <si>
    <t>10.813030242919922</t>
  </si>
  <si>
    <t>839.5914306640625</t>
  </si>
  <si>
    <t>-0.0039712202337653935</t>
  </si>
  <si>
    <t>40757</t>
  </si>
  <si>
    <t>10.110033988952637</t>
  </si>
  <si>
    <t>893.4312133789062</t>
  </si>
  <si>
    <t>0.032441477093694715</t>
  </si>
  <si>
    <t>40759</t>
  </si>
  <si>
    <t>9.884861946105957</t>
  </si>
  <si>
    <t>817.748046875</t>
  </si>
  <si>
    <t>4.907012121257992e-05</t>
  </si>
  <si>
    <t>41892</t>
  </si>
  <si>
    <t>11.093695640563965</t>
  </si>
  <si>
    <t>1063.736328125</t>
  </si>
  <si>
    <t>0.02741820371405801</t>
  </si>
  <si>
    <t>42147</t>
  </si>
  <si>
    <t>10.434322357177734</t>
  </si>
  <si>
    <t>1050.9119873046875</t>
  </si>
  <si>
    <t>0.006068629626724942</t>
  </si>
  <si>
    <t>9.839580535888672</t>
  </si>
  <si>
    <t>1079.093505859375</t>
  </si>
  <si>
    <t>-0.010302731183585934</t>
  </si>
  <si>
    <t>40065</t>
  </si>
  <si>
    <t>10.565869331359863</t>
  </si>
  <si>
    <t>917.8396606445312</t>
  </si>
  <si>
    <t>-0.04035764112400386</t>
  </si>
  <si>
    <t>9.718878746032715</t>
  </si>
  <si>
    <t>971.0050659179688</t>
  </si>
  <si>
    <t>0.026745092934344683</t>
  </si>
  <si>
    <t>42038</t>
  </si>
  <si>
    <t>11.361584663391113</t>
  </si>
  <si>
    <t>879.551025390625</t>
  </si>
  <si>
    <t>0.02132574297340817</t>
  </si>
  <si>
    <t>41271</t>
  </si>
  <si>
    <t>10.360033988952637</t>
  </si>
  <si>
    <t>1090.44189453125</t>
  </si>
  <si>
    <t>-0.018413896990820078</t>
  </si>
  <si>
    <t>10.130036354064941</t>
  </si>
  <si>
    <t>1234.11572265625</t>
  </si>
  <si>
    <t>-0.010106384801623847</t>
  </si>
  <si>
    <t>41099</t>
  </si>
  <si>
    <t>11.230037689208984</t>
  </si>
  <si>
    <t>1071.130615234375</t>
  </si>
  <si>
    <t>0.005930100960600981</t>
  </si>
  <si>
    <t>11.345943450927734</t>
  </si>
  <si>
    <t>817.7896728515625</t>
  </si>
  <si>
    <t>-0.011870955551419371</t>
  </si>
  <si>
    <t>41499</t>
  </si>
  <si>
    <t>10.2149076461792</t>
  </si>
  <si>
    <t>917.02392578125</t>
  </si>
  <si>
    <t>0.021556495806262177</t>
  </si>
  <si>
    <t>11.326281547546387</t>
  </si>
  <si>
    <t>953.9176635742188</t>
  </si>
  <si>
    <t>0.011881233016802994</t>
  </si>
  <si>
    <t>11.205315589904785</t>
  </si>
  <si>
    <t>834.4967651367188</t>
  </si>
  <si>
    <t>0.017397490506050772</t>
  </si>
  <si>
    <t>43368</t>
  </si>
  <si>
    <t>11.671996116638184</t>
  </si>
  <si>
    <t>920.4974975585938</t>
  </si>
  <si>
    <t>0.01477378787439676</t>
  </si>
  <si>
    <t>11.524992942810059</t>
  </si>
  <si>
    <t>971.5319213867188</t>
  </si>
  <si>
    <t>-0.061947034741809404</t>
  </si>
  <si>
    <t>43246</t>
  </si>
  <si>
    <t>10.425490379333496</t>
  </si>
  <si>
    <t>920.8423461914062</t>
  </si>
  <si>
    <t>0.059129936335475364</t>
  </si>
  <si>
    <t>44157</t>
  </si>
  <si>
    <t>12.21357250213623</t>
  </si>
  <si>
    <t>798.2459106445312</t>
  </si>
  <si>
    <t>0.020846721326854833</t>
  </si>
  <si>
    <t>28773</t>
  </si>
  <si>
    <t>1003.1000366210938</t>
  </si>
  <si>
    <t>48.151485443115234</t>
  </si>
  <si>
    <t>Jura</t>
  </si>
  <si>
    <t>28822</t>
  </si>
  <si>
    <t>833.800048828125</t>
  </si>
  <si>
    <t>0.0017015370022459564</t>
  </si>
  <si>
    <t>29139</t>
  </si>
  <si>
    <t>1086.2000732421875</t>
  </si>
  <si>
    <t>0.010938498672132368</t>
  </si>
  <si>
    <t>28832</t>
  </si>
  <si>
    <t>1283.2000732421875</t>
  </si>
  <si>
    <t>-0.010591601662374828</t>
  </si>
  <si>
    <t>29404</t>
  </si>
  <si>
    <t>0.019644838085913108</t>
  </si>
  <si>
    <t>29917</t>
  </si>
  <si>
    <t>1100.9000244140625</t>
  </si>
  <si>
    <t>0.01729616118764632</t>
  </si>
  <si>
    <t>30232</t>
  </si>
  <si>
    <t>985.3999633789062</t>
  </si>
  <si>
    <t>0.010474085347700779</t>
  </si>
  <si>
    <t>0.019554839385794054</t>
  </si>
  <si>
    <t>31817</t>
  </si>
  <si>
    <t>0.031544932705150686</t>
  </si>
  <si>
    <t>1169.2000732421875</t>
  </si>
  <si>
    <t>0.028505198574100277</t>
  </si>
  <si>
    <t>33789</t>
  </si>
  <si>
    <t>1201.60009765625</t>
  </si>
  <si>
    <t>0.031629369021436204</t>
  </si>
  <si>
    <t>33323</t>
  </si>
  <si>
    <t>1111.5</t>
  </si>
  <si>
    <t>-0.013887456473620219</t>
  </si>
  <si>
    <t>33149</t>
  </si>
  <si>
    <t>1120.7999267578125</t>
  </si>
  <si>
    <t>-0.005235298995696525</t>
  </si>
  <si>
    <t>32978</t>
  </si>
  <si>
    <t>864.5000610351562</t>
  </si>
  <si>
    <t>-0.005171877785576484</t>
  </si>
  <si>
    <t>907.7999877929688</t>
  </si>
  <si>
    <t>0.028783050652831932</t>
  </si>
  <si>
    <t>829.800048828125</t>
  </si>
  <si>
    <t>-0.01042509071567288</t>
  </si>
  <si>
    <t>33274</t>
  </si>
  <si>
    <t>1058.5999755859375</t>
  </si>
  <si>
    <t>-0.009422321178384152</t>
  </si>
  <si>
    <t>1124.2000732421875</t>
  </si>
  <si>
    <t>0.015506960700907513</t>
  </si>
  <si>
    <t>33138</t>
  </si>
  <si>
    <t>1083.400146484375</t>
  </si>
  <si>
    <t>-0.019602611791352587</t>
  </si>
  <si>
    <t>967.4000854492188</t>
  </si>
  <si>
    <t>-0.04067992200897308</t>
  </si>
  <si>
    <t>1034.4000244140625</t>
  </si>
  <si>
    <t>-0.027530813171869895</t>
  </si>
  <si>
    <t>32290</t>
  </si>
  <si>
    <t>972.10009765625</t>
  </si>
  <si>
    <t>0.042287659803921684</t>
  </si>
  <si>
    <t>31146</t>
  </si>
  <si>
    <t>1122.2000732421875</t>
  </si>
  <si>
    <t>-0.03607175869703738</t>
  </si>
  <si>
    <t>1281.199951171875</t>
  </si>
  <si>
    <t>0.006496542570397779</t>
  </si>
  <si>
    <t>31705</t>
  </si>
  <si>
    <t>1100.5</t>
  </si>
  <si>
    <t>0.011292028508449903</t>
  </si>
  <si>
    <t>32057</t>
  </si>
  <si>
    <t>0.011041171103318703</t>
  </si>
  <si>
    <t>32288</t>
  </si>
  <si>
    <t>990.4000854492188</t>
  </si>
  <si>
    <t>0.007180075915885098</t>
  </si>
  <si>
    <t>33445</t>
  </si>
  <si>
    <t>1055.8001708984375</t>
  </si>
  <si>
    <t>0.03520665439917359</t>
  </si>
  <si>
    <t>860.2000732421875</t>
  </si>
  <si>
    <t>-0.008437348316400417</t>
  </si>
  <si>
    <t>33762</t>
  </si>
  <si>
    <t>943.9999389648438</t>
  </si>
  <si>
    <t>0.017870959425225763</t>
  </si>
  <si>
    <t>1008.5999755859375</t>
  </si>
  <si>
    <t>-0.03784969678823913</t>
  </si>
  <si>
    <t>34488</t>
  </si>
  <si>
    <t>988.800048828125</t>
  </si>
  <si>
    <t>0.05912522455387581</t>
  </si>
  <si>
    <t>897.4000244140625</t>
  </si>
  <si>
    <t>0.02083229335941894</t>
  </si>
  <si>
    <t>1091</t>
  </si>
  <si>
    <t>14.795929908752441</t>
  </si>
  <si>
    <t>1036.6605224609375</t>
  </si>
  <si>
    <t>200.80941772460938</t>
  </si>
  <si>
    <t>Landes</t>
  </si>
  <si>
    <t>13.643181800842285</t>
  </si>
  <si>
    <t>1067.6353759765625</t>
  </si>
  <si>
    <t>0.0016812438007107744</t>
  </si>
  <si>
    <t>28287</t>
  </si>
  <si>
    <t>14.308810234069824</t>
  </si>
  <si>
    <t>1190.789306640625</t>
  </si>
  <si>
    <t>0.0109481063671506</t>
  </si>
  <si>
    <t>27989</t>
  </si>
  <si>
    <t>13.704346656799316</t>
  </si>
  <si>
    <t>1248.0869140625</t>
  </si>
  <si>
    <t>-0.01059075930788822</t>
  </si>
  <si>
    <t>15.009066581726074</t>
  </si>
  <si>
    <t>1248.6639404296875</t>
  </si>
  <si>
    <t>0.019635180553837728</t>
  </si>
  <si>
    <t>29042</t>
  </si>
  <si>
    <t>14.779751777648926</t>
  </si>
  <si>
    <t>1096.4117431640625</t>
  </si>
  <si>
    <t>0.017296301710945983</t>
  </si>
  <si>
    <t>29348</t>
  </si>
  <si>
    <t>13.468611717224121</t>
  </si>
  <si>
    <t>1488.621826171875</t>
  </si>
  <si>
    <t>0.010481342743203115</t>
  </si>
  <si>
    <t>29927</t>
  </si>
  <si>
    <t>15.2162504196167</t>
  </si>
  <si>
    <t>1261.8900146484375</t>
  </si>
  <si>
    <t>0.019536682110055992</t>
  </si>
  <si>
    <t>30887</t>
  </si>
  <si>
    <t>14.330697059631348</t>
  </si>
  <si>
    <t>1120.52587890625</t>
  </si>
  <si>
    <t>0.0315743004436726</t>
  </si>
  <si>
    <t>31780</t>
  </si>
  <si>
    <t>14.578093528747559</t>
  </si>
  <si>
    <t>1204.2509765625</t>
  </si>
  <si>
    <t>0.028501777703093367</t>
  </si>
  <si>
    <t>32801</t>
  </si>
  <si>
    <t>15.109034538269043</t>
  </si>
  <si>
    <t>1312.8690185546875</t>
  </si>
  <si>
    <t>0.03162184162166248</t>
  </si>
  <si>
    <t>14.342423439025879</t>
  </si>
  <si>
    <t>825.0880126953125</t>
  </si>
  <si>
    <t>0.01178962300165054</t>
  </si>
  <si>
    <t>34075</t>
  </si>
  <si>
    <t>14.628681182861328</t>
  </si>
  <si>
    <t>1304.2242431640625</t>
  </si>
  <si>
    <t>0.026315351850712432</t>
  </si>
  <si>
    <t>33384</t>
  </si>
  <si>
    <t>15.021897315979004</t>
  </si>
  <si>
    <t>1263.2320556640625</t>
  </si>
  <si>
    <t>-0.02048723429334487</t>
  </si>
  <si>
    <t>14.363678932189941</t>
  </si>
  <si>
    <t>993.448486328125</t>
  </si>
  <si>
    <t>0.006002795429576935</t>
  </si>
  <si>
    <t>14.21796703338623</t>
  </si>
  <si>
    <t>1029.755859375</t>
  </si>
  <si>
    <t>0.012927835468563131</t>
  </si>
  <si>
    <t>15.252169609069824</t>
  </si>
  <si>
    <t>934.837890625</t>
  </si>
  <si>
    <t>0.011310783880325914</t>
  </si>
  <si>
    <t>34774</t>
  </si>
  <si>
    <t>14.474250793457031</t>
  </si>
  <si>
    <t>1058.6953125</t>
  </si>
  <si>
    <t>0.010551823037880936</t>
  </si>
  <si>
    <t>32411</t>
  </si>
  <si>
    <t>13.95314884185791</t>
  </si>
  <si>
    <t>1350.90576171875</t>
  </si>
  <si>
    <t>-0.07037210975365404</t>
  </si>
  <si>
    <t>31579</t>
  </si>
  <si>
    <t>14.699268341064453</t>
  </si>
  <si>
    <t>1113.62548828125</t>
  </si>
  <si>
    <t>-0.026005528636959596</t>
  </si>
  <si>
    <t>30910</t>
  </si>
  <si>
    <t>13.915452003479004</t>
  </si>
  <si>
    <t>951.00146484375</t>
  </si>
  <si>
    <t>-0.02141258657095868</t>
  </si>
  <si>
    <t>15.501631736755371</t>
  </si>
  <si>
    <t>944.3363037109375</t>
  </si>
  <si>
    <t>0.04528693901172609</t>
  </si>
  <si>
    <t>32602</t>
  </si>
  <si>
    <t>14.451186180114746</t>
  </si>
  <si>
    <t>1161.7735595703125</t>
  </si>
  <si>
    <t>0.008006941028346759</t>
  </si>
  <si>
    <t>32202</t>
  </si>
  <si>
    <t>14.336749076843262</t>
  </si>
  <si>
    <t>1468.5057373046875</t>
  </si>
  <si>
    <t>-0.01234507376135241</t>
  </si>
  <si>
    <t>32393</t>
  </si>
  <si>
    <t>15.298745155334473</t>
  </si>
  <si>
    <t>1203.1719970703125</t>
  </si>
  <si>
    <t>0.005913787650792202</t>
  </si>
  <si>
    <t>32424</t>
  </si>
  <si>
    <t>15.229964256286621</t>
  </si>
  <si>
    <t>1031.7581787109375</t>
  </si>
  <si>
    <t>0.0009565392524688576</t>
  </si>
  <si>
    <t>14.443230628967285</t>
  </si>
  <si>
    <t>1036.3543701171875</t>
  </si>
  <si>
    <t>-0.006590880205898486</t>
  </si>
  <si>
    <t>32396</t>
  </si>
  <si>
    <t>15.352291107177734</t>
  </si>
  <si>
    <t>1212.9364013671875</t>
  </si>
  <si>
    <t>0.005726949266634307</t>
  </si>
  <si>
    <t>15.292060852050781</t>
  </si>
  <si>
    <t>1200.931396484375</t>
  </si>
  <si>
    <t>0.01832107644864145</t>
  </si>
  <si>
    <t>15.559313774108887</t>
  </si>
  <si>
    <t>1215.7926025390625</t>
  </si>
  <si>
    <t>0.015995049525360017</t>
  </si>
  <si>
    <t>15.512534141540527</t>
  </si>
  <si>
    <t>1373.1571044921875</t>
  </si>
  <si>
    <t>-0.0798488528701764</t>
  </si>
  <si>
    <t>32840</t>
  </si>
  <si>
    <t>14.631366729736328</t>
  </si>
  <si>
    <t>1120.698486328125</t>
  </si>
  <si>
    <t>0.05914505309366014</t>
  </si>
  <si>
    <t>16.334762573242188</t>
  </si>
  <si>
    <t>922.376220703125</t>
  </si>
  <si>
    <t>0.02082309948735528</t>
  </si>
  <si>
    <t>1092</t>
  </si>
  <si>
    <t>28076</t>
  </si>
  <si>
    <t>12.040145874023438</t>
  </si>
  <si>
    <t>544.2333984375</t>
  </si>
  <si>
    <t>111.55591583251953</t>
  </si>
  <si>
    <t>Loir-et-Cher</t>
  </si>
  <si>
    <t>10.793925285339355</t>
  </si>
  <si>
    <t>469.5712585449219</t>
  </si>
  <si>
    <t>0.0017081854687415188</t>
  </si>
  <si>
    <t>28433</t>
  </si>
  <si>
    <t>11.701104164123535</t>
  </si>
  <si>
    <t>681.6912841796875</t>
  </si>
  <si>
    <t>0.01092713809446444</t>
  </si>
  <si>
    <t>28134</t>
  </si>
  <si>
    <t>11.064384460449219</t>
  </si>
  <si>
    <t>682.3689575195312</t>
  </si>
  <si>
    <t>-0.01057163309587672</t>
  </si>
  <si>
    <t>28692</t>
  </si>
  <si>
    <t>12.2155122756958</t>
  </si>
  <si>
    <t>857.22900390625</t>
  </si>
  <si>
    <t>0.019639528928683703</t>
  </si>
  <si>
    <t>11.90645694732666</t>
  </si>
  <si>
    <t>644.8554077148438</t>
  </si>
  <si>
    <t>0.01727636086995865</t>
  </si>
  <si>
    <t>10.512150764465332</t>
  </si>
  <si>
    <t>513.5372314453125</t>
  </si>
  <si>
    <t>0.010495564211629116</t>
  </si>
  <si>
    <t>30082</t>
  </si>
  <si>
    <t>12.251141548156738</t>
  </si>
  <si>
    <t>723.1170654296875</t>
  </si>
  <si>
    <t>0.019536722887247393</t>
  </si>
  <si>
    <t>31047</t>
  </si>
  <si>
    <t>11.673858642578125</t>
  </si>
  <si>
    <t>669.816162109375</t>
  </si>
  <si>
    <t>0.031575199121123276</t>
  </si>
  <si>
    <t>11.846957206726074</t>
  </si>
  <si>
    <t>790.8473510742188</t>
  </si>
  <si>
    <t>0.028482184406774635</t>
  </si>
  <si>
    <t>32971</t>
  </si>
  <si>
    <t>12.23141860961914</t>
  </si>
  <si>
    <t>890.2637329101562</t>
  </si>
  <si>
    <t>0.03164401746633416</t>
  </si>
  <si>
    <t>33363</t>
  </si>
  <si>
    <t>11.59581470489502</t>
  </si>
  <si>
    <t>775.1077880859375</t>
  </si>
  <si>
    <t>0.011819114277560772</t>
  </si>
  <si>
    <t>11.95868968963623</t>
  </si>
  <si>
    <t>787.952392578125</t>
  </si>
  <si>
    <t>-0.011303642533706082</t>
  </si>
  <si>
    <t>12.089385032653809</t>
  </si>
  <si>
    <t>656.0659790039062</t>
  </si>
  <si>
    <t>0.007459678522435453</t>
  </si>
  <si>
    <t>33954</t>
  </si>
  <si>
    <t>11.625748634338379</t>
  </si>
  <si>
    <t>552.8251342773438</t>
  </si>
  <si>
    <t>0.021403129894897788</t>
  </si>
  <si>
    <t>34002</t>
  </si>
  <si>
    <t>11.528780937194824</t>
  </si>
  <si>
    <t>507.14312744140625</t>
  </si>
  <si>
    <t>0.001412679027094299</t>
  </si>
  <si>
    <t>12.506430625915527</t>
  </si>
  <si>
    <t>670.2880249023438</t>
  </si>
  <si>
    <t>0.014510991694443476</t>
  </si>
  <si>
    <t>11.951497077941895</t>
  </si>
  <si>
    <t>754.4193115234375</t>
  </si>
  <si>
    <t>0.015674076694137895</t>
  </si>
  <si>
    <t>11.278780937194824</t>
  </si>
  <si>
    <t>675.0512084960938</t>
  </si>
  <si>
    <t>-0.03629155225180014</t>
  </si>
  <si>
    <t>33590</t>
  </si>
  <si>
    <t>11.850749015808105</t>
  </si>
  <si>
    <t>605.1065673828125</t>
  </si>
  <si>
    <t>-0.006084458928116376</t>
  </si>
  <si>
    <t>11.120826721191406</t>
  </si>
  <si>
    <t>639.18408203125</t>
  </si>
  <si>
    <t>-0.02066456459967725</t>
  </si>
  <si>
    <t>33536</t>
  </si>
  <si>
    <t>12.776509284973145</t>
  </si>
  <si>
    <t>568.0152587890625</t>
  </si>
  <si>
    <t>0.019055649674053043</t>
  </si>
  <si>
    <t>33302</t>
  </si>
  <si>
    <t>11.645066261291504</t>
  </si>
  <si>
    <t>750.6925048828125</t>
  </si>
  <si>
    <t>-0.007002033455652423</t>
  </si>
  <si>
    <t>32963</t>
  </si>
  <si>
    <t>11.550747871398926</t>
  </si>
  <si>
    <t>734.9485473632812</t>
  </si>
  <si>
    <t>-0.01023173492619378</t>
  </si>
  <si>
    <t>33060</t>
  </si>
  <si>
    <t>12.620055198669434</t>
  </si>
  <si>
    <t>715.1893920898438</t>
  </si>
  <si>
    <t>0.002938372076146223</t>
  </si>
  <si>
    <t>12.580681800842285</t>
  </si>
  <si>
    <t>589.370849609375</t>
  </si>
  <si>
    <t>0.006842837980963523</t>
  </si>
  <si>
    <t>32858</t>
  </si>
  <si>
    <t>11.66553783416748</t>
  </si>
  <si>
    <t>577.49365234375</t>
  </si>
  <si>
    <t>-0.012971683889695385</t>
  </si>
  <si>
    <t>12.707560539245605</t>
  </si>
  <si>
    <t>691.320556640625</t>
  </si>
  <si>
    <t>0.02714066319505193</t>
  </si>
  <si>
    <t>12.592021942138672</t>
  </si>
  <si>
    <t>598.2568359375</t>
  </si>
  <si>
    <t>0.0016277249483849232</t>
  </si>
  <si>
    <t>12.901878356933594</t>
  </si>
  <si>
    <t>654.6245727539062</t>
  </si>
  <si>
    <t>0.014006777129077719</t>
  </si>
  <si>
    <t>32283</t>
  </si>
  <si>
    <t>12.87914752960205</t>
  </si>
  <si>
    <t>670.1292114257812</t>
  </si>
  <si>
    <t>-0.06042963587029426</t>
  </si>
  <si>
    <t>11.923110961914062</t>
  </si>
  <si>
    <t>646.6801147460938</t>
  </si>
  <si>
    <t>0.05914578882186916</t>
  </si>
  <si>
    <t>13.540526390075684</t>
  </si>
  <si>
    <t>548.462158203125</t>
  </si>
  <si>
    <t>0.020832581897570535</t>
  </si>
  <si>
    <t>10.500691413879395</t>
  </si>
  <si>
    <t>769.7623901367188</t>
  </si>
  <si>
    <t>133.7667694091797</t>
  </si>
  <si>
    <t>Loire</t>
  </si>
  <si>
    <t>26686</t>
  </si>
  <si>
    <t>9.621243476867676</t>
  </si>
  <si>
    <t>631.1631469726562</t>
  </si>
  <si>
    <t>0.0017252376480403342</t>
  </si>
  <si>
    <t>26980</t>
  </si>
  <si>
    <t>10.410684585571289</t>
  </si>
  <si>
    <t>877.5653076171875</t>
  </si>
  <si>
    <t>0.010956767459381567</t>
  </si>
  <si>
    <t>26696</t>
  </si>
  <si>
    <t>9.633461952209473</t>
  </si>
  <si>
    <t>999.99169921875</t>
  </si>
  <si>
    <t>-0.010582109330536937</t>
  </si>
  <si>
    <t>10.879576683044434</t>
  </si>
  <si>
    <t>892.2919921875</t>
  </si>
  <si>
    <t>0.019621927369950498</t>
  </si>
  <si>
    <t>27700</t>
  </si>
  <si>
    <t>10.337909698486328</t>
  </si>
  <si>
    <t>822.4319458007812</t>
  </si>
  <si>
    <t>0.01729674437426887</t>
  </si>
  <si>
    <t>9.198468208312988</t>
  </si>
  <si>
    <t>762.0476684570312</t>
  </si>
  <si>
    <t>0.010450616741247032</t>
  </si>
  <si>
    <t>10.923466682434082</t>
  </si>
  <si>
    <t>734.1988525390625</t>
  </si>
  <si>
    <t>0.01956372646306015</t>
  </si>
  <si>
    <t>29459</t>
  </si>
  <si>
    <t>10.20457649230957</t>
  </si>
  <si>
    <t>741.4766845703125</t>
  </si>
  <si>
    <t>0.03155270972946589</t>
  </si>
  <si>
    <t>10.260685920715332</t>
  </si>
  <si>
    <t>855.139892578125</t>
  </si>
  <si>
    <t>0.028511216810153783</t>
  </si>
  <si>
    <t>11.002352714538574</t>
  </si>
  <si>
    <t>901.6048583984375</t>
  </si>
  <si>
    <t>0.031628066513107456</t>
  </si>
  <si>
    <t>10.127352714538574</t>
  </si>
  <si>
    <t>857.6500244140625</t>
  </si>
  <si>
    <t>0.01576134234011839</t>
  </si>
  <si>
    <t>31904</t>
  </si>
  <si>
    <t>10.612909317016602</t>
  </si>
  <si>
    <t>827.9668579101562</t>
  </si>
  <si>
    <t>0.0038313019889830713</t>
  </si>
  <si>
    <t>10.827353477478027</t>
  </si>
  <si>
    <t>625.5932006835938</t>
  </si>
  <si>
    <t>-0.013220151838721605</t>
  </si>
  <si>
    <t>10.112910270690918</t>
  </si>
  <si>
    <t>719.5498657226562</t>
  </si>
  <si>
    <t>0.03826131047585868</t>
  </si>
  <si>
    <t>9.862910270690918</t>
  </si>
  <si>
    <t>626.7958374023438</t>
  </si>
  <si>
    <t>0.018775344853416698</t>
  </si>
  <si>
    <t>11.112910270690918</t>
  </si>
  <si>
    <t>810.5648803710938</t>
  </si>
  <si>
    <t>0.03444041185450608</t>
  </si>
  <si>
    <t>10.452352523803711</t>
  </si>
  <si>
    <t>880.4300537109375</t>
  </si>
  <si>
    <t>0.01792481852942096</t>
  </si>
  <si>
    <t>36629</t>
  </si>
  <si>
    <t>9.812910079956055</t>
  </si>
  <si>
    <t>860.4484252929688</t>
  </si>
  <si>
    <t>0.04192714873686221</t>
  </si>
  <si>
    <t>10.571243286132812</t>
  </si>
  <si>
    <t>708.5450439453125</t>
  </si>
  <si>
    <t>-0.038999055447558106</t>
  </si>
  <si>
    <t>9.685685157775879</t>
  </si>
  <si>
    <t>784.0089721679688</t>
  </si>
  <si>
    <t>-0.033541401504827206</t>
  </si>
  <si>
    <t>11.2818021774292</t>
  </si>
  <si>
    <t>732.748779296875</t>
  </si>
  <si>
    <t>0.04598214477632645</t>
  </si>
  <si>
    <t>10.34401798248291</t>
  </si>
  <si>
    <t>820.4552612304688</t>
  </si>
  <si>
    <t>-0.017392234563727627</t>
  </si>
  <si>
    <t>34675</t>
  </si>
  <si>
    <t>10.131800651550293</t>
  </si>
  <si>
    <t>950.9158325195312</t>
  </si>
  <si>
    <t>-0.010870763450089527</t>
  </si>
  <si>
    <t>11.21679401397705</t>
  </si>
  <si>
    <t>850.8145751953125</t>
  </si>
  <si>
    <t>0.0047758880121371305</t>
  </si>
  <si>
    <t>34867</t>
  </si>
  <si>
    <t>11.360686302185059</t>
  </si>
  <si>
    <t>676.26806640625</t>
  </si>
  <si>
    <t>0.0007459689334279318</t>
  </si>
  <si>
    <t>35155</t>
  </si>
  <si>
    <t>10.223467826843262</t>
  </si>
  <si>
    <t>746.3262939453125</t>
  </si>
  <si>
    <t>0.00822603250466436</t>
  </si>
  <si>
    <t>11.329575538635254</t>
  </si>
  <si>
    <t>788.9706420898438</t>
  </si>
  <si>
    <t>0.015467863217287103</t>
  </si>
  <si>
    <t>36236</t>
  </si>
  <si>
    <t>11.23180103302002</t>
  </si>
  <si>
    <t>658.5856323242188</t>
  </si>
  <si>
    <t>0.014818380938629971</t>
  </si>
  <si>
    <t>36586</t>
  </si>
  <si>
    <t>11.685685157775879</t>
  </si>
  <si>
    <t>723.7879638671875</t>
  </si>
  <si>
    <t>0.00961255376206438</t>
  </si>
  <si>
    <t>11.537910461425781</t>
  </si>
  <si>
    <t>770.2247924804688</t>
  </si>
  <si>
    <t>-0.055205219200656686</t>
  </si>
  <si>
    <t>36730</t>
  </si>
  <si>
    <t>783.8116455078125</t>
  </si>
  <si>
    <t>0.059133425463127054</t>
  </si>
  <si>
    <t>37503</t>
  </si>
  <si>
    <t>12.246243476867676</t>
  </si>
  <si>
    <t>667.1627807617188</t>
  </si>
  <si>
    <t>0.020827069944958865</t>
  </si>
  <si>
    <t>13.061114311218262</t>
  </si>
  <si>
    <t>678.6666870117188</t>
  </si>
  <si>
    <t>425.8349609375</t>
  </si>
  <si>
    <t>Loire-Atlantique</t>
  </si>
  <si>
    <t>11.71682357788086</t>
  </si>
  <si>
    <t>580.5872192382812</t>
  </si>
  <si>
    <t>0.0016866653897231743</t>
  </si>
  <si>
    <t>34196</t>
  </si>
  <si>
    <t>12.558490753173828</t>
  </si>
  <si>
    <t>831.06201171875</t>
  </si>
  <si>
    <t>0.010967633719262793</t>
  </si>
  <si>
    <t>33836</t>
  </si>
  <si>
    <t>11.939200401306152</t>
  </si>
  <si>
    <t>830.9151611328125</t>
  </si>
  <si>
    <t>-0.010583353722219968</t>
  </si>
  <si>
    <t>13.08919906616211</t>
  </si>
  <si>
    <t>1077.6917724609375</t>
  </si>
  <si>
    <t>0.019636877565144317</t>
  </si>
  <si>
    <t>13.039664268493652</t>
  </si>
  <si>
    <t>778.3096923828125</t>
  </si>
  <si>
    <t>0.01726682272295932</t>
  </si>
  <si>
    <t>35478</t>
  </si>
  <si>
    <t>11.59537410736084</t>
  </si>
  <si>
    <t>644.0000610351562</t>
  </si>
  <si>
    <t>0.010483761336876896</t>
  </si>
  <si>
    <t>36178</t>
  </si>
  <si>
    <t>13.356330871582031</t>
  </si>
  <si>
    <t>846.88037109375</t>
  </si>
  <si>
    <t>0.019538413212695005</t>
  </si>
  <si>
    <t>37338</t>
  </si>
  <si>
    <t>12.611576080322266</t>
  </si>
  <si>
    <t>867.173095703125</t>
  </si>
  <si>
    <t>0.03156037553569213</t>
  </si>
  <si>
    <t>12.81466293334961</t>
  </si>
  <si>
    <t>976.5843505859375</t>
  </si>
  <si>
    <t>0.02851452494958373</t>
  </si>
  <si>
    <t>39653</t>
  </si>
  <si>
    <t>13.072532653808594</t>
  </si>
  <si>
    <t>1148.8367919921875</t>
  </si>
  <si>
    <t>0.031640507496785375</t>
  </si>
  <si>
    <t>40447</t>
  </si>
  <si>
    <t>12.503706932067871</t>
  </si>
  <si>
    <t>845.8543090820312</t>
  </si>
  <si>
    <t>0.019825867856001267</t>
  </si>
  <si>
    <t>12.803242683410645</t>
  </si>
  <si>
    <t>967.3101806640625</t>
  </si>
  <si>
    <t>-0.005777281414051316</t>
  </si>
  <si>
    <t>40626</t>
  </si>
  <si>
    <t>13.117286682128906</t>
  </si>
  <si>
    <t>799.7410278320312</t>
  </si>
  <si>
    <t>0.010193062028108102</t>
  </si>
  <si>
    <t>41345</t>
  </si>
  <si>
    <t>12.567286491394043</t>
  </si>
  <si>
    <t>639.1964111328125</t>
  </si>
  <si>
    <t>0.01754323944256697</t>
  </si>
  <si>
    <t>41866</t>
  </si>
  <si>
    <t>12.533954620361328</t>
  </si>
  <si>
    <t>588.416748046875</t>
  </si>
  <si>
    <t>0.012522546498198395</t>
  </si>
  <si>
    <t>42636</t>
  </si>
  <si>
    <t>13.397533416748047</t>
  </si>
  <si>
    <t>844.140625</t>
  </si>
  <si>
    <t>0.018224925154562754</t>
  </si>
  <si>
    <t>43301</t>
  </si>
  <si>
    <t>12.75062084197998</t>
  </si>
  <si>
    <t>890.0986328125</t>
  </si>
  <si>
    <t>0.015476762603096716</t>
  </si>
  <si>
    <t>43777</t>
  </si>
  <si>
    <t>12.12562084197998</t>
  </si>
  <si>
    <t>864.57275390625</t>
  </si>
  <si>
    <t>0.010932835876438673</t>
  </si>
  <si>
    <t>42274</t>
  </si>
  <si>
    <t>12.672069549560547</t>
  </si>
  <si>
    <t>787.4152221679688</t>
  </si>
  <si>
    <t>-0.03493632544378045</t>
  </si>
  <si>
    <t>41747</t>
  </si>
  <si>
    <t>12.030865669250488</t>
  </si>
  <si>
    <t>759.5855102539062</t>
  </si>
  <si>
    <t>-0.01254464743499284</t>
  </si>
  <si>
    <t>13.69753360748291</t>
  </si>
  <si>
    <t>642.0722045898438</t>
  </si>
  <si>
    <t>0.03557771178754621</t>
  </si>
  <si>
    <t>43288</t>
  </si>
  <si>
    <t>12.49182415008545</t>
  </si>
  <si>
    <t>952.5658569335938</t>
  </si>
  <si>
    <t>0.0006701561252349109</t>
  </si>
  <si>
    <t>12.511113166809082</t>
  </si>
  <si>
    <t>917.2822875976562</t>
  </si>
  <si>
    <t>-0.003007660227160258</t>
  </si>
  <si>
    <t>13.464200019836426</t>
  </si>
  <si>
    <t>838.0465087890625</t>
  </si>
  <si>
    <t>0.006858119776149252</t>
  </si>
  <si>
    <t>44415</t>
  </si>
  <si>
    <t>13.37731647491455</t>
  </si>
  <si>
    <t>772.8507080078125</t>
  </si>
  <si>
    <t>0.021851330332241403</t>
  </si>
  <si>
    <t>44692</t>
  </si>
  <si>
    <t>12.614200592041016</t>
  </si>
  <si>
    <t>634.8870849609375</t>
  </si>
  <si>
    <t>0.0062172644634266305</t>
  </si>
  <si>
    <t>45665</t>
  </si>
  <si>
    <t>13.486111640930176</t>
  </si>
  <si>
    <t>778.6350708007812</t>
  </si>
  <si>
    <t>0.02153762545855109</t>
  </si>
  <si>
    <t>46445</t>
  </si>
  <si>
    <t>13.336112976074219</t>
  </si>
  <si>
    <t>744.7429809570312</t>
  </si>
  <si>
    <t>0.016936676695841868</t>
  </si>
  <si>
    <t>13.713737487792969</t>
  </si>
  <si>
    <t>874.4122924804688</t>
  </si>
  <si>
    <t>0.022081875013991947</t>
  </si>
  <si>
    <t>44006</t>
  </si>
  <si>
    <t>13.655403137207031</t>
  </si>
  <si>
    <t>893.348876953125</t>
  </si>
  <si>
    <t>-0.07602470359552704</t>
  </si>
  <si>
    <t>46687</t>
  </si>
  <si>
    <t>12.862040519714355</t>
  </si>
  <si>
    <t>697.2034912109375</t>
  </si>
  <si>
    <t>0.05913976507305385</t>
  </si>
  <si>
    <t>47670</t>
  </si>
  <si>
    <t>14.40494155883789</t>
  </si>
  <si>
    <t>685.4190673828125</t>
  </si>
  <si>
    <t>0.020836515885731544</t>
  </si>
  <si>
    <t>1095</t>
  </si>
  <si>
    <t>35501</t>
  </si>
  <si>
    <t>12.18451976776123</t>
  </si>
  <si>
    <t>532.3191528320312</t>
  </si>
  <si>
    <t>329.4508056640625</t>
  </si>
  <si>
    <t>Loiret</t>
  </si>
  <si>
    <t>35561</t>
  </si>
  <si>
    <t>11.011489868164062</t>
  </si>
  <si>
    <t>466.3058776855469</t>
  </si>
  <si>
    <t>0.0016886666364008818</t>
  </si>
  <si>
    <t>35953</t>
  </si>
  <si>
    <t>12.107972145080566</t>
  </si>
  <si>
    <t>652.2271728515625</t>
  </si>
  <si>
    <t>0.010962998185295447</t>
  </si>
  <si>
    <t>35575</t>
  </si>
  <si>
    <t>11.245841026306152</t>
  </si>
  <si>
    <t>679.1478881835938</t>
  </si>
  <si>
    <t>-0.01056938594449619</t>
  </si>
  <si>
    <t>12.44052791595459</t>
  </si>
  <si>
    <t>848.1226196289062</t>
  </si>
  <si>
    <t>0.019623481271020538</t>
  </si>
  <si>
    <t>11.802855491638184</t>
  </si>
  <si>
    <t>628.0933837890625</t>
  </si>
  <si>
    <t>0.01729716727826691</t>
  </si>
  <si>
    <t>37301</t>
  </si>
  <si>
    <t>10.2892427444458</t>
  </si>
  <si>
    <t>479.2664489746094</t>
  </si>
  <si>
    <t>0.0104563434166689</t>
  </si>
  <si>
    <t>38038</t>
  </si>
  <si>
    <t>12.282512664794922</t>
  </si>
  <si>
    <t>706.5496215820312</t>
  </si>
  <si>
    <t>0.019565524117597377</t>
  </si>
  <si>
    <t>11.80663013458252</t>
  </si>
  <si>
    <t>655.756591796875</t>
  </si>
  <si>
    <t>0.03156958505618768</t>
  </si>
  <si>
    <t>12.04898452758789</t>
  </si>
  <si>
    <t>764.7762451171875</t>
  </si>
  <si>
    <t>0.02847650044095751</t>
  </si>
  <si>
    <t>41691</t>
  </si>
  <si>
    <t>12.518539428710938</t>
  </si>
  <si>
    <t>896.399169921875</t>
  </si>
  <si>
    <t>0.03165353261594106</t>
  </si>
  <si>
    <t>42414</t>
  </si>
  <si>
    <t>11.860791206359863</t>
  </si>
  <si>
    <t>770.2731323242188</t>
  </si>
  <si>
    <t>0.01719321824431752</t>
  </si>
  <si>
    <t>42177</t>
  </si>
  <si>
    <t>12.28769588470459</t>
  </si>
  <si>
    <t>769.6430053710938</t>
  </si>
  <si>
    <t>-0.005603447650992521</t>
  </si>
  <si>
    <t>43060</t>
  </si>
  <si>
    <t>12.255900382995605</t>
  </si>
  <si>
    <t>628.5626220703125</t>
  </si>
  <si>
    <t>0.02071944317033747</t>
  </si>
  <si>
    <t>11.787043571472168</t>
  </si>
  <si>
    <t>536.3016967773438</t>
  </si>
  <si>
    <t>0.021617868996509415</t>
  </si>
  <si>
    <t>43768</t>
  </si>
  <si>
    <t>11.681632041931152</t>
  </si>
  <si>
    <t>488.3239440917969</t>
  </si>
  <si>
    <t>-0.005309404171201848</t>
  </si>
  <si>
    <t>44203</t>
  </si>
  <si>
    <t>12.675889015197754</t>
  </si>
  <si>
    <t>631.459716796875</t>
  </si>
  <si>
    <t>0.009889703322006227</t>
  </si>
  <si>
    <t>44616</t>
  </si>
  <si>
    <t>12.198927879333496</t>
  </si>
  <si>
    <t>738.5526123046875</t>
  </si>
  <si>
    <t>0.009299879003721756</t>
  </si>
  <si>
    <t>42212</t>
  </si>
  <si>
    <t>11.439400672912598</t>
  </si>
  <si>
    <t>655.5599365234375</t>
  </si>
  <si>
    <t>-0.0553879982784089</t>
  </si>
  <si>
    <t>40642</t>
  </si>
  <si>
    <t>11.982613563537598</t>
  </si>
  <si>
    <t>573.0150756835938</t>
  </si>
  <si>
    <t>-0.03790252615109324</t>
  </si>
  <si>
    <t>41791</t>
  </si>
  <si>
    <t>11.250531196594238</t>
  </si>
  <si>
    <t>621.0257568359375</t>
  </si>
  <si>
    <t>0.027878990685433536</t>
  </si>
  <si>
    <t>12.886188507080078</t>
  </si>
  <si>
    <t>544.0848388671875</t>
  </si>
  <si>
    <t>0.007224207373795366</t>
  </si>
  <si>
    <t>41756</t>
  </si>
  <si>
    <t>11.806507110595703</t>
  </si>
  <si>
    <t>750.5477294921875</t>
  </si>
  <si>
    <t>-0.008062059170928393</t>
  </si>
  <si>
    <t>41367</t>
  </si>
  <si>
    <t>11.700531005859375</t>
  </si>
  <si>
    <t>720.2050170898438</t>
  </si>
  <si>
    <t>-0.00935969201833764</t>
  </si>
  <si>
    <t>40824</t>
  </si>
  <si>
    <t>12.92143726348877</t>
  </si>
  <si>
    <t>701.8002319335938</t>
  </si>
  <si>
    <t>-0.013213317766043176</t>
  </si>
  <si>
    <t>40705</t>
  </si>
  <si>
    <t>12.618266105651855</t>
  </si>
  <si>
    <t>585.2061157226562</t>
  </si>
  <si>
    <t>-0.002919208735729484</t>
  </si>
  <si>
    <t>40813</t>
  </si>
  <si>
    <t>11.68685531616211</t>
  </si>
  <si>
    <t>590.862060546875</t>
  </si>
  <si>
    <t>0.002649723084209299</t>
  </si>
  <si>
    <t>41350</t>
  </si>
  <si>
    <t>12.878548622131348</t>
  </si>
  <si>
    <t>683.7251586914062</t>
  </si>
  <si>
    <t>0.013071763359549848</t>
  </si>
  <si>
    <t>12.836749076843262</t>
  </si>
  <si>
    <t>577.031494140625</t>
  </si>
  <si>
    <t>0.007900990179196654</t>
  </si>
  <si>
    <t>13.086256980895996</t>
  </si>
  <si>
    <t>625.3746948242188</t>
  </si>
  <si>
    <t>0.004811096322420383</t>
  </si>
  <si>
    <t>13.073002815246582</t>
  </si>
  <si>
    <t>666.5968017578125</t>
  </si>
  <si>
    <t>-0.0639926526560366</t>
  </si>
  <si>
    <t>41676</t>
  </si>
  <si>
    <t>11.944832801818848</t>
  </si>
  <si>
    <t>672.7894897460938</t>
  </si>
  <si>
    <t>0.059133568234656764</t>
  </si>
  <si>
    <t>42554</t>
  </si>
  <si>
    <t>13.583149909973145</t>
  </si>
  <si>
    <t>535.2996215820312</t>
  </si>
  <si>
    <t>0.020848434101587543</t>
  </si>
  <si>
    <t>1096</t>
  </si>
  <si>
    <t>23688</t>
  </si>
  <si>
    <t>13.149836540222168</t>
  </si>
  <si>
    <t>793.3900756835938</t>
  </si>
  <si>
    <t>125.29842376708984</t>
  </si>
  <si>
    <t>Lot</t>
  </si>
  <si>
    <t>23729</t>
  </si>
  <si>
    <t>12.190770149230957</t>
  </si>
  <si>
    <t>783.2630615234375</t>
  </si>
  <si>
    <t>0.0017293380103300393</t>
  </si>
  <si>
    <t>23990</t>
  </si>
  <si>
    <t>12.73056697845459</t>
  </si>
  <si>
    <t>889.9269409179688</t>
  </si>
  <si>
    <t>0.010939148041982705</t>
  </si>
  <si>
    <t>23737</t>
  </si>
  <si>
    <t>12.184678077697754</t>
  </si>
  <si>
    <t>1115.8338623046875</t>
  </si>
  <si>
    <t>-0.010602064652788457</t>
  </si>
  <si>
    <t>24208</t>
  </si>
  <si>
    <t>13.476776123046875</t>
  </si>
  <si>
    <t>1015.5828247070312</t>
  </si>
  <si>
    <t>0.019648144847185023</t>
  </si>
  <si>
    <t>13.33426570892334</t>
  </si>
  <si>
    <t>905.0670776367188</t>
  </si>
  <si>
    <t>0.0172820550864472</t>
  </si>
  <si>
    <t>24890</t>
  </si>
  <si>
    <t>12.1198148727417</t>
  </si>
  <si>
    <t>1001.830322265625</t>
  </si>
  <si>
    <t>0.010500904247054521</t>
  </si>
  <si>
    <t>25381</t>
  </si>
  <si>
    <t>13.758814811706543</t>
  </si>
  <si>
    <t>841.6331787109375</t>
  </si>
  <si>
    <t>0.019534746233768274</t>
  </si>
  <si>
    <t>26195</t>
  </si>
  <si>
    <t>12.798964500427246</t>
  </si>
  <si>
    <t>803.1637573242188</t>
  </si>
  <si>
    <t>0.03156769024691286</t>
  </si>
  <si>
    <t>13.041511535644531</t>
  </si>
  <si>
    <t>917.1109008789062</t>
  </si>
  <si>
    <t>0.028488953244069748</t>
  </si>
  <si>
    <t>13.670230865478516</t>
  </si>
  <si>
    <t>1005.8137817382812</t>
  </si>
  <si>
    <t>0.03162578708068686</t>
  </si>
  <si>
    <t>28991</t>
  </si>
  <si>
    <t>12.820785522460938</t>
  </si>
  <si>
    <t>766.5060424804688</t>
  </si>
  <si>
    <t>0.04130214380702668</t>
  </si>
  <si>
    <t>13.151545524597168</t>
  </si>
  <si>
    <t>941.8806762695312</t>
  </si>
  <si>
    <t>0.02916590144795883</t>
  </si>
  <si>
    <t>29326</t>
  </si>
  <si>
    <t>13.582646369934082</t>
  </si>
  <si>
    <t>854.3897705078125</t>
  </si>
  <si>
    <t>-0.01767684388503632</t>
  </si>
  <si>
    <t>12.845393180847168</t>
  </si>
  <si>
    <t>724.412353515625</t>
  </si>
  <si>
    <t>0.030261070145556346</t>
  </si>
  <si>
    <t>12.646217346191406</t>
  </si>
  <si>
    <t>700.5676879882812</t>
  </si>
  <si>
    <t>0.0280863279346395</t>
  </si>
  <si>
    <t>31733</t>
  </si>
  <si>
    <t>13.778831481933594</t>
  </si>
  <si>
    <t>771.857666015625</t>
  </si>
  <si>
    <t>0.02053525623727559</t>
  </si>
  <si>
    <t>31609</t>
  </si>
  <si>
    <t>12.945541381835938</t>
  </si>
  <si>
    <t>875.3355102539062</t>
  </si>
  <si>
    <t>-0.003915258703615976</t>
  </si>
  <si>
    <t>12.488812446594238</t>
  </si>
  <si>
    <t>944.8656005859375</t>
  </si>
  <si>
    <t>-0.03329191558990097</t>
  </si>
  <si>
    <t>29727</t>
  </si>
  <si>
    <t>13.275303840637207</t>
  </si>
  <si>
    <t>770.0999145507812</t>
  </si>
  <si>
    <t>-0.02809425083396988</t>
  </si>
  <si>
    <t>29182</t>
  </si>
  <si>
    <t>12.382506370544434</t>
  </si>
  <si>
    <t>775.2960815429688</t>
  </si>
  <si>
    <t>-0.01850364290304185</t>
  </si>
  <si>
    <t>30259</t>
  </si>
  <si>
    <t>13.946064949035645</t>
  </si>
  <si>
    <t>708.7701416015625</t>
  </si>
  <si>
    <t>0.03624158004568123</t>
  </si>
  <si>
    <t>12.963919639587402</t>
  </si>
  <si>
    <t>838.2827758789062</t>
  </si>
  <si>
    <t>-0.0064984811432111655</t>
  </si>
  <si>
    <t>12.836251258850098</t>
  </si>
  <si>
    <t>989.2633666992188</t>
  </si>
  <si>
    <t>0.005771160296550448</t>
  </si>
  <si>
    <t>13.761757850646973</t>
  </si>
  <si>
    <t>940.7301025390625</t>
  </si>
  <si>
    <t>0.028173632968233164</t>
  </si>
  <si>
    <t>31858</t>
  </si>
  <si>
    <t>13.797393798828125</t>
  </si>
  <si>
    <t>755.0972900390625</t>
  </si>
  <si>
    <t>0.024048554863361105</t>
  </si>
  <si>
    <t>32934</t>
  </si>
  <si>
    <t>13.063003540039062</t>
  </si>
  <si>
    <t>737.4558715820312</t>
  </si>
  <si>
    <t>0.033217030923362145</t>
  </si>
  <si>
    <t>32543</t>
  </si>
  <si>
    <t>13.864174842834473</t>
  </si>
  <si>
    <t>881.6571044921875</t>
  </si>
  <si>
    <t>-0.011943267032046734</t>
  </si>
  <si>
    <t>32714</t>
  </si>
  <si>
    <t>13.772080421447754</t>
  </si>
  <si>
    <t>843.9754028320312</t>
  </si>
  <si>
    <t>0.00524082907257295</t>
  </si>
  <si>
    <t>32842</t>
  </si>
  <si>
    <t>14.08663272857666</t>
  </si>
  <si>
    <t>894.20068359375</t>
  </si>
  <si>
    <t>0.003905063233311523</t>
  </si>
  <si>
    <t>30454</t>
  </si>
  <si>
    <t>14.003615379333496</t>
  </si>
  <si>
    <t>947.3954467773438</t>
  </si>
  <si>
    <t>-0.07549083565110415</t>
  </si>
  <si>
    <t>13.16610050201416</t>
  </si>
  <si>
    <t>824.5116577148438</t>
  </si>
  <si>
    <t>0.05915943141786606</t>
  </si>
  <si>
    <t>14.839350700378418</t>
  </si>
  <si>
    <t>693.3031616210938</t>
  </si>
  <si>
    <t>0.02082770540408241</t>
  </si>
  <si>
    <t>13.878215789794922</t>
  </si>
  <si>
    <t>816.4081420898438</t>
  </si>
  <si>
    <t>176.8223876953125</t>
  </si>
  <si>
    <t>Lot-et-Garonne</t>
  </si>
  <si>
    <t>26105</t>
  </si>
  <si>
    <t>12.858452796936035</t>
  </si>
  <si>
    <t>803.7735595703125</t>
  </si>
  <si>
    <t>0.0016869229166225352</t>
  </si>
  <si>
    <t>26393</t>
  </si>
  <si>
    <t>13.403979301452637</t>
  </si>
  <si>
    <t>921.12939453125</t>
  </si>
  <si>
    <t>0.01097195661572492</t>
  </si>
  <si>
    <t>26115</t>
  </si>
  <si>
    <t>12.893265724182129</t>
  </si>
  <si>
    <t>1128.9248046875</t>
  </si>
  <si>
    <t>-0.010588961589979462</t>
  </si>
  <si>
    <t>14.125842094421387</t>
  </si>
  <si>
    <t>1092.8577880859375</t>
  </si>
  <si>
    <t>0.019641186492981078</t>
  </si>
  <si>
    <t>27097</t>
  </si>
  <si>
    <t>13.99664306640625</t>
  </si>
  <si>
    <t>938.7372436523438</t>
  </si>
  <si>
    <t>0.017271972269581326</t>
  </si>
  <si>
    <t>27382</t>
  </si>
  <si>
    <t>12.769600868225098</t>
  </si>
  <si>
    <t>1001.9189453125</t>
  </si>
  <si>
    <t>0.010462842560739816</t>
  </si>
  <si>
    <t>27923</t>
  </si>
  <si>
    <t>14.401413917541504</t>
  </si>
  <si>
    <t>931.8956298828125</t>
  </si>
  <si>
    <t>0.01956485876701919</t>
  </si>
  <si>
    <t>13.531810760498047</t>
  </si>
  <si>
    <t>856.8145141601562</t>
  </si>
  <si>
    <t>0.03154946993215901</t>
  </si>
  <si>
    <t>29651</t>
  </si>
  <si>
    <t>13.728405952453613</t>
  </si>
  <si>
    <t>976.4276123046875</t>
  </si>
  <si>
    <t>0.028495659777073357</t>
  </si>
  <si>
    <t>30604</t>
  </si>
  <si>
    <t>14.283161163330078</t>
  </si>
  <si>
    <t>1069.0970458984375</t>
  </si>
  <si>
    <t>0.03163486768178991</t>
  </si>
  <si>
    <t>13.53307819366455</t>
  </si>
  <si>
    <t>771.8141479492188</t>
  </si>
  <si>
    <t>0.019415572356461297</t>
  </si>
  <si>
    <t>30368</t>
  </si>
  <si>
    <t>13.82394790649414</t>
  </si>
  <si>
    <t>950.9351806640625</t>
  </si>
  <si>
    <t>-0.027156869298549324</t>
  </si>
  <si>
    <t>31041</t>
  </si>
  <si>
    <t>14.221832275390625</t>
  </si>
  <si>
    <t>881.1190795898438</t>
  </si>
  <si>
    <t>0.021919488863405334</t>
  </si>
  <si>
    <t>31200</t>
  </si>
  <si>
    <t>13.536698341369629</t>
  </si>
  <si>
    <t>701.4991455078125</t>
  </si>
  <si>
    <t>0.005109183524513838</t>
  </si>
  <si>
    <t>31344</t>
  </si>
  <si>
    <t>13.335371971130371</t>
  </si>
  <si>
    <t>691.86474609375</t>
  </si>
  <si>
    <t>0.004604766386748338</t>
  </si>
  <si>
    <t>14.436420440673828</t>
  </si>
  <si>
    <t>810.6282958984375</t>
  </si>
  <si>
    <t>0.008197548527123288</t>
  </si>
  <si>
    <t>32015</t>
  </si>
  <si>
    <t>13.683991432189941</t>
  </si>
  <si>
    <t>902.8264770507812</t>
  </si>
  <si>
    <t>0.012984133241458196</t>
  </si>
  <si>
    <t>31612</t>
  </si>
  <si>
    <t>13.157550811767578</t>
  </si>
  <si>
    <t>964.7582397460938</t>
  </si>
  <si>
    <t>-0.012667747628038128</t>
  </si>
  <si>
    <t>13.888689994812012</t>
  </si>
  <si>
    <t>809.973876953125</t>
  </si>
  <si>
    <t>-0.021939541289489384</t>
  </si>
  <si>
    <t>13.044241905212402</t>
  </si>
  <si>
    <t>776.7379150390625</t>
  </si>
  <si>
    <t>-0.023225668643082287</t>
  </si>
  <si>
    <t>31985</t>
  </si>
  <si>
    <t>14.61634349822998</t>
  </si>
  <si>
    <t>704.1704711914062</t>
  </si>
  <si>
    <t>0.0568954574919438</t>
  </si>
  <si>
    <t>13.616864204406738</t>
  </si>
  <si>
    <t>889.2242431640625</t>
  </si>
  <si>
    <t>-0.02059518765466528</t>
  </si>
  <si>
    <t>13.522765159606934</t>
  </si>
  <si>
    <t>1028.7633056640625</t>
  </si>
  <si>
    <t>-0.005632916158404555</t>
  </si>
  <si>
    <t>32124</t>
  </si>
  <si>
    <t>14.454486846923828</t>
  </si>
  <si>
    <t>943.71142578125</t>
  </si>
  <si>
    <t>0.03056447523718475</t>
  </si>
  <si>
    <t>31652</t>
  </si>
  <si>
    <t>14.47836685180664</t>
  </si>
  <si>
    <t>759.60791015625</t>
  </si>
  <si>
    <t>-0.014802076579268686</t>
  </si>
  <si>
    <t>32446</t>
  </si>
  <si>
    <t>13.778203010559082</t>
  </si>
  <si>
    <t>760.21630859375</t>
  </si>
  <si>
    <t>0.024775831241260704</t>
  </si>
  <si>
    <t>32623</t>
  </si>
  <si>
    <t>14.544684410095215</t>
  </si>
  <si>
    <t>901.35400390625</t>
  </si>
  <si>
    <t>0.005440392093571944</t>
  </si>
  <si>
    <t>32945</t>
  </si>
  <si>
    <t>14.452110290527344</t>
  </si>
  <si>
    <t>850.4485473632812</t>
  </si>
  <si>
    <t>0.00982194328400432</t>
  </si>
  <si>
    <t>33505</t>
  </si>
  <si>
    <t>14.75475788116455</t>
  </si>
  <si>
    <t>910.2078247070312</t>
  </si>
  <si>
    <t>0.016855177059349913</t>
  </si>
  <si>
    <t>14.652508735656738</t>
  </si>
  <si>
    <t>993.4841918945312</t>
  </si>
  <si>
    <t>-0.0640909269488219</t>
  </si>
  <si>
    <t>33340</t>
  </si>
  <si>
    <t>13.90642261505127</t>
  </si>
  <si>
    <t>840.6332397460938</t>
  </si>
  <si>
    <t>0.05915412284633703</t>
  </si>
  <si>
    <t>15.502659797668457</t>
  </si>
  <si>
    <t>691.9116821289062</t>
  </si>
  <si>
    <t>0.020837179063132538</t>
  </si>
  <si>
    <t>23206</t>
  </si>
  <si>
    <t>9.337054252624512</t>
  </si>
  <si>
    <t>819.9588012695312</t>
  </si>
  <si>
    <t>55.06345748901367</t>
  </si>
  <si>
    <t>LozÔøΩre</t>
  </si>
  <si>
    <t>23245</t>
  </si>
  <si>
    <t>8.473949432373047</t>
  </si>
  <si>
    <t>744.015869140625</t>
  </si>
  <si>
    <t>0.0016791892171941214</t>
  </si>
  <si>
    <t>8.967166900634766</t>
  </si>
  <si>
    <t>898.5687866210938</t>
  </si>
  <si>
    <t>0.010952918293693159</t>
  </si>
  <si>
    <t>23254</t>
  </si>
  <si>
    <t>8.540492057800293</t>
  </si>
  <si>
    <t>1068.3992919921875</t>
  </si>
  <si>
    <t>-0.010565813189824524</t>
  </si>
  <si>
    <t>9.696684837341309</t>
  </si>
  <si>
    <t>1002.6953735351562</t>
  </si>
  <si>
    <t>0.01963059908312914</t>
  </si>
  <si>
    <t>9.430853843688965</t>
  </si>
  <si>
    <t>954.8452758789062</t>
  </si>
  <si>
    <t>0.017265232496001204</t>
  </si>
  <si>
    <t>8.480019569396973</t>
  </si>
  <si>
    <t>1110.8074951171875</t>
  </si>
  <si>
    <t>0.010513176339047803</t>
  </si>
  <si>
    <t>24864</t>
  </si>
  <si>
    <t>9.894801139831543</t>
  </si>
  <si>
    <t>787.0770263671875</t>
  </si>
  <si>
    <t>0.019534806020642392</t>
  </si>
  <si>
    <t>25661</t>
  </si>
  <si>
    <t>9.125370979309082</t>
  </si>
  <si>
    <t>858.1145629882812</t>
  </si>
  <si>
    <t>0.031551355404237924</t>
  </si>
  <si>
    <t>26403</t>
  </si>
  <si>
    <t>9.318001747131348</t>
  </si>
  <si>
    <t>957.3232421875</t>
  </si>
  <si>
    <t>0.028505310470309908</t>
  </si>
  <si>
    <t>27252</t>
  </si>
  <si>
    <t>9.941203117370605</t>
  </si>
  <si>
    <t>1046.1187744140625</t>
  </si>
  <si>
    <t>0.03164927285163799</t>
  </si>
  <si>
    <t>27573</t>
  </si>
  <si>
    <t>9.218125343322754</t>
  </si>
  <si>
    <t>794.7417602539062</t>
  </si>
  <si>
    <t>0.011710120132660151</t>
  </si>
  <si>
    <t>9.540616035461426</t>
  </si>
  <si>
    <t>1071.3228759765625</t>
  </si>
  <si>
    <t>0.05007941464119803</t>
  </si>
  <si>
    <t>29458</t>
  </si>
  <si>
    <t>9.976335525512695</t>
  </si>
  <si>
    <t>806.5819702148438</t>
  </si>
  <si>
    <t>0.01604907238207076</t>
  </si>
  <si>
    <t>9.182869911193848</t>
  </si>
  <si>
    <t>769.2042236328125</t>
  </si>
  <si>
    <t>0.043477166950841806</t>
  </si>
  <si>
    <t>30898</t>
  </si>
  <si>
    <t>8.865739822387695</t>
  </si>
  <si>
    <t>737.07275390625</t>
  </si>
  <si>
    <t>0.004248769871665559</t>
  </si>
  <si>
    <t>31607</t>
  </si>
  <si>
    <t>10.113228797912598</t>
  </si>
  <si>
    <t>787.7730712890625</t>
  </si>
  <si>
    <t>0.022687158158641196</t>
  </si>
  <si>
    <t>9.44417667388916</t>
  </si>
  <si>
    <t>830.2501831054688</t>
  </si>
  <si>
    <t>0.02542774594063779</t>
  </si>
  <si>
    <t>31455</t>
  </si>
  <si>
    <t>9.023948669433594</t>
  </si>
  <si>
    <t>1091.7542724609375</t>
  </si>
  <si>
    <t>-0.030248407967144786</t>
  </si>
  <si>
    <t>30411</t>
  </si>
  <si>
    <t>9.757035255432129</t>
  </si>
  <si>
    <t>814.5925903320312</t>
  </si>
  <si>
    <t>-0.033753567953620944</t>
  </si>
  <si>
    <t>8.848238945007324</t>
  </si>
  <si>
    <t>905.252197265625</t>
  </si>
  <si>
    <t>-0.03153339193967142</t>
  </si>
  <si>
    <t>31082</t>
  </si>
  <si>
    <t>10.244338035583496</t>
  </si>
  <si>
    <t>794.3623657226562</t>
  </si>
  <si>
    <t>0.05335788036471989</t>
  </si>
  <si>
    <t>29889</t>
  </si>
  <si>
    <t>9.49002742767334</t>
  </si>
  <si>
    <t>857.7128295898438</t>
  </si>
  <si>
    <t>-0.039138353762592004</t>
  </si>
  <si>
    <t>9.262054443359375</t>
  </si>
  <si>
    <t>1012.4055786132812</t>
  </si>
  <si>
    <t>0.03326566417287147</t>
  </si>
  <si>
    <t>31193</t>
  </si>
  <si>
    <t>10.157405853271484</t>
  </si>
  <si>
    <t>979.71484375</t>
  </si>
  <si>
    <t>0.009437526765138315</t>
  </si>
  <si>
    <t>10.215739250183105</t>
  </si>
  <si>
    <t>756.2557373046875</t>
  </si>
  <si>
    <t>0.0030089651383473637</t>
  </si>
  <si>
    <t>9.475749015808105</t>
  </si>
  <si>
    <t>802.2494506835938</t>
  </si>
  <si>
    <t>0.006086213322223699</t>
  </si>
  <si>
    <t>10.29002857208252</t>
  </si>
  <si>
    <t>822.420166015625</t>
  </si>
  <si>
    <t>0.0031717864702880405</t>
  </si>
  <si>
    <t>10.209668159484863</t>
  </si>
  <si>
    <t>920.1991577148438</t>
  </si>
  <si>
    <t>0.006785464169032807</t>
  </si>
  <si>
    <t>10.438353538513184</t>
  </si>
  <si>
    <t>877.2531127929688</t>
  </si>
  <si>
    <t>-0.0004089786601593204</t>
  </si>
  <si>
    <t>10.340615272521973</t>
  </si>
  <si>
    <t>900.745361328125</t>
  </si>
  <si>
    <t>-0.024914474833710898</t>
  </si>
  <si>
    <t>9.612053871154785</t>
  </si>
  <si>
    <t>814.2744750976562</t>
  </si>
  <si>
    <t>0.059154756631244254</t>
  </si>
  <si>
    <t>11.18144702911377</t>
  </si>
  <si>
    <t>725.380126953125</t>
  </si>
  <si>
    <t>0.02082342866913578</t>
  </si>
  <si>
    <t>1099</t>
  </si>
  <si>
    <t>12.702316284179688</t>
  </si>
  <si>
    <t>625.0001831054688</t>
  </si>
  <si>
    <t>363.32708740234375</t>
  </si>
  <si>
    <t>Maine-et-Loire</t>
  </si>
  <si>
    <t>11.34134578704834</t>
  </si>
  <si>
    <t>559.5377807617188</t>
  </si>
  <si>
    <t>0.0017152049943796044</t>
  </si>
  <si>
    <t>12.193982124328613</t>
  </si>
  <si>
    <t>799.0133056640625</t>
  </si>
  <si>
    <t>0.010971757763243772</t>
  </si>
  <si>
    <t>11.573407173156738</t>
  </si>
  <si>
    <t>810.6707153320312</t>
  </si>
  <si>
    <t>-0.010614793384496224</t>
  </si>
  <si>
    <t>28575</t>
  </si>
  <si>
    <t>12.724509239196777</t>
  </si>
  <si>
    <t>1007.4622192382812</t>
  </si>
  <si>
    <t>0.019649358202592282</t>
  </si>
  <si>
    <t>12.644753456115723</t>
  </si>
  <si>
    <t>725.8619384765625</t>
  </si>
  <si>
    <t>0.017277698739647462</t>
  </si>
  <si>
    <t>29379</t>
  </si>
  <si>
    <t>11.214057922363281</t>
  </si>
  <si>
    <t>614.0584106445312</t>
  </si>
  <si>
    <t>0.010470224986244503</t>
  </si>
  <si>
    <t>12.953085899353027</t>
  </si>
  <si>
    <t>811.8223876953125</t>
  </si>
  <si>
    <t>0.019549646848082247</t>
  </si>
  <si>
    <t>30920</t>
  </si>
  <si>
    <t>12.238287925720215</t>
  </si>
  <si>
    <t>791.7023315429688</t>
  </si>
  <si>
    <t>0.03157344346437263</t>
  </si>
  <si>
    <t>12.419928550720215</t>
  </si>
  <si>
    <t>896.38720703125</t>
  </si>
  <si>
    <t>0.028503220756947556</t>
  </si>
  <si>
    <t>32836</t>
  </si>
  <si>
    <t>12.712265968322754</t>
  </si>
  <si>
    <t>1025.0888671875</t>
  </si>
  <si>
    <t>0.03161903000984978</t>
  </si>
  <si>
    <t>12.119158744812012</t>
  </si>
  <si>
    <t>797.6250610351562</t>
  </si>
  <si>
    <t>0.029379016540884706</t>
  </si>
  <si>
    <t>12.425700187683105</t>
  </si>
  <si>
    <t>881.0413208007812</t>
  </si>
  <si>
    <t>0.0013298856780856738</t>
  </si>
  <si>
    <t>12.708111763000488</t>
  </si>
  <si>
    <t>741.5916748046875</t>
  </si>
  <si>
    <t>0.004567227092033832</t>
  </si>
  <si>
    <t>34443</t>
  </si>
  <si>
    <t>12.185824394226074</t>
  </si>
  <si>
    <t>622.8225708007812</t>
  </si>
  <si>
    <t>0.012504179982760988</t>
  </si>
  <si>
    <t>34639</t>
  </si>
  <si>
    <t>12.157591819763184</t>
  </si>
  <si>
    <t>570.2973022460938</t>
  </si>
  <si>
    <t>0.005674431137473235</t>
  </si>
  <si>
    <t>13.033782958984375</t>
  </si>
  <si>
    <t>761.4918823242188</t>
  </si>
  <si>
    <t>0.0006637711099255483</t>
  </si>
  <si>
    <t>35413</t>
  </si>
  <si>
    <t>12.38607406616211</t>
  </si>
  <si>
    <t>836.9793701171875</t>
  </si>
  <si>
    <t>0.021434998337928945</t>
  </si>
  <si>
    <t>11.760650634765625</t>
  </si>
  <si>
    <t>785.7142944335938</t>
  </si>
  <si>
    <t>0.0009314272678349056</t>
  </si>
  <si>
    <t>12.332335472106934</t>
  </si>
  <si>
    <t>690.4130859375</t>
  </si>
  <si>
    <t>-0.04376977946065708</t>
  </si>
  <si>
    <t>34151</t>
  </si>
  <si>
    <t>11.677566528320312</t>
  </si>
  <si>
    <t>708.4104614257812</t>
  </si>
  <si>
    <t>0.006551235992649396</t>
  </si>
  <si>
    <t>35402</t>
  </si>
  <si>
    <t>13.343119621276855</t>
  </si>
  <si>
    <t>611.9065551757812</t>
  </si>
  <si>
    <t>0.035976447554025626</t>
  </si>
  <si>
    <t>34852</t>
  </si>
  <si>
    <t>12.134033203125</t>
  </si>
  <si>
    <t>880.356201171875</t>
  </si>
  <si>
    <t>-0.015657791349925176</t>
  </si>
  <si>
    <t>34931</t>
  </si>
  <si>
    <t>12.149598121643066</t>
  </si>
  <si>
    <t>828.2387084960938</t>
  </si>
  <si>
    <t>0.002264162725850838</t>
  </si>
  <si>
    <t>34921</t>
  </si>
  <si>
    <t>13.0938081741333</t>
  </si>
  <si>
    <t>781.6603393554688</t>
  </si>
  <si>
    <t>-0.0002863196492093323</t>
  </si>
  <si>
    <t>34923</t>
  </si>
  <si>
    <t>13.046195030212402</t>
  </si>
  <si>
    <t>699.3743896484375</t>
  </si>
  <si>
    <t>5.727048853287897e-05</t>
  </si>
  <si>
    <t>12.249083518981934</t>
  </si>
  <si>
    <t>595.669189453125</t>
  </si>
  <si>
    <t>0.005027002103267009</t>
  </si>
  <si>
    <t>13.150275230407715</t>
  </si>
  <si>
    <t>730.72412109375</t>
  </si>
  <si>
    <t>0.01946794358452486</t>
  </si>
  <si>
    <t>35731</t>
  </si>
  <si>
    <t>12.997291564941406</t>
  </si>
  <si>
    <t>678.4707641601562</t>
  </si>
  <si>
    <t>-0.0016219242929178534</t>
  </si>
  <si>
    <t>13.36957836151123</t>
  </si>
  <si>
    <t>776.7127685546875</t>
  </si>
  <si>
    <t>0.022224674525403998</t>
  </si>
  <si>
    <t>13.326125144958496</t>
  </si>
  <si>
    <t>807.8108520507812</t>
  </si>
  <si>
    <t>-0.05052429952957027</t>
  </si>
  <si>
    <t>12.48157024383545</t>
  </si>
  <si>
    <t>667.1865234375</t>
  </si>
  <si>
    <t>0.05913658431042279</t>
  </si>
  <si>
    <t>37626</t>
  </si>
  <si>
    <t>14.083606719970703</t>
  </si>
  <si>
    <t>626.2831420898438</t>
  </si>
  <si>
    <t>0.020839682153594552</t>
  </si>
  <si>
    <t>26201</t>
  </si>
  <si>
    <t>11.58884048461914</t>
  </si>
  <si>
    <t>802.6702880859375</t>
  </si>
  <si>
    <t>438.46466064453125</t>
  </si>
  <si>
    <t>Manche</t>
  </si>
  <si>
    <t>26245</t>
  </si>
  <si>
    <t>10.697857856750488</t>
  </si>
  <si>
    <t>677.8861694335938</t>
  </si>
  <si>
    <t>0.0016779167266562922</t>
  </si>
  <si>
    <t>26534</t>
  </si>
  <si>
    <t>11.25830364227295</t>
  </si>
  <si>
    <t>982.4148559570312</t>
  </si>
  <si>
    <t>0.010951434790463566</t>
  </si>
  <si>
    <t>10.709864616394043</t>
  </si>
  <si>
    <t>963.9566650390625</t>
  </si>
  <si>
    <t>-0.010570482404903103</t>
  </si>
  <si>
    <t>26776</t>
  </si>
  <si>
    <t>11.524150848388672</t>
  </si>
  <si>
    <t>1142.9671630859375</t>
  </si>
  <si>
    <t>0.019649516819201907</t>
  </si>
  <si>
    <t>27242</t>
  </si>
  <si>
    <t>11.75075912475586</t>
  </si>
  <si>
    <t>792.7061157226562</t>
  </si>
  <si>
    <t>0.017253936116125246</t>
  </si>
  <si>
    <t>27529</t>
  </si>
  <si>
    <t>10.399739265441895</t>
  </si>
  <si>
    <t>706.810302734375</t>
  </si>
  <si>
    <t>0.010480094459461853</t>
  </si>
  <si>
    <t>11.970925331115723</t>
  </si>
  <si>
    <t>994.1333618164062</t>
  </si>
  <si>
    <t>0.019568265846354294</t>
  </si>
  <si>
    <t>11.5275239944458</t>
  </si>
  <si>
    <t>1021.1044311523438</t>
  </si>
  <si>
    <t>0.03155610149094201</t>
  </si>
  <si>
    <t>11.682072639465332</t>
  </si>
  <si>
    <t>1032.0015869140625</t>
  </si>
  <si>
    <t>0.028479545868071554</t>
  </si>
  <si>
    <t>11.55867862701416</t>
  </si>
  <si>
    <t>1320.844482421875</t>
  </si>
  <si>
    <t>0.03166378192834074</t>
  </si>
  <si>
    <t>30930</t>
  </si>
  <si>
    <t>11.399554252624512</t>
  </si>
  <si>
    <t>948.3935546875</t>
  </si>
  <si>
    <t>0.005218897078657747</t>
  </si>
  <si>
    <t>11.61007022857666</t>
  </si>
  <si>
    <t>1071.4617919921875</t>
  </si>
  <si>
    <t>-0.005674004036647418</t>
  </si>
  <si>
    <t>31486</t>
  </si>
  <si>
    <t>11.809159278869629</t>
  </si>
  <si>
    <t>819.6166381835938</t>
  </si>
  <si>
    <t>0.023490419932105766</t>
  </si>
  <si>
    <t>32736</t>
  </si>
  <si>
    <t>11.492592811584473</t>
  </si>
  <si>
    <t>776.6448974609375</t>
  </si>
  <si>
    <t>0.038932387176778604</t>
  </si>
  <si>
    <t>11.335844993591309</t>
  </si>
  <si>
    <t>712.677734375</t>
  </si>
  <si>
    <t>-0.0037644078792418156</t>
  </si>
  <si>
    <t>33121</t>
  </si>
  <si>
    <t>12.070396423339844</t>
  </si>
  <si>
    <t>924.3008422851562</t>
  </si>
  <si>
    <t>0.015456540407994268</t>
  </si>
  <si>
    <t>11.740880012512207</t>
  </si>
  <si>
    <t>980.025390625</t>
  </si>
  <si>
    <t>0.00638037497201438</t>
  </si>
  <si>
    <t>32425</t>
  </si>
  <si>
    <t>11.020005226135254</t>
  </si>
  <si>
    <t>977.9345703125</t>
  </si>
  <si>
    <t>-0.027618167067474886</t>
  </si>
  <si>
    <t>11.266621589660645</t>
  </si>
  <si>
    <t>855.4415283203125</t>
  </si>
  <si>
    <t>-0.04759119162836534</t>
  </si>
  <si>
    <t>10.618821144104004</t>
  </si>
  <si>
    <t>932.2176513671875</t>
  </si>
  <si>
    <t>-0.03945102623776364</t>
  </si>
  <si>
    <t>30549</t>
  </si>
  <si>
    <t>12.090489387512207</t>
  </si>
  <si>
    <t>753.1978759765625</t>
  </si>
  <si>
    <t>0.02744443952125941</t>
  </si>
  <si>
    <t>31169</t>
  </si>
  <si>
    <t>11.159701347351074</t>
  </si>
  <si>
    <t>1107.2496337890625</t>
  </si>
  <si>
    <t>0.020092059276711538</t>
  </si>
  <si>
    <t>11.209159851074219</t>
  </si>
  <si>
    <t>1021.3154296875</t>
  </si>
  <si>
    <t>0.022554842787664953</t>
  </si>
  <si>
    <t>31247</t>
  </si>
  <si>
    <t>12.153986930847168</t>
  </si>
  <si>
    <t>948.6017456054688</t>
  </si>
  <si>
    <t>-0.02005548234789778</t>
  </si>
  <si>
    <t>31596</t>
  </si>
  <si>
    <t>11.777979850769043</t>
  </si>
  <si>
    <t>904.9047241210938</t>
  </si>
  <si>
    <t>0.011107158728057343</t>
  </si>
  <si>
    <t>31595</t>
  </si>
  <si>
    <t>11.437213897705078</t>
  </si>
  <si>
    <t>801.1456909179688</t>
  </si>
  <si>
    <t>-3.1650076754985434e-05</t>
  </si>
  <si>
    <t>32241</t>
  </si>
  <si>
    <t>12.03644847869873</t>
  </si>
  <si>
    <t>881.4795532226562</t>
  </si>
  <si>
    <t>0.02024005430170739</t>
  </si>
  <si>
    <t>33163</t>
  </si>
  <si>
    <t>11.875157356262207</t>
  </si>
  <si>
    <t>873.0333251953125</t>
  </si>
  <si>
    <t>0.0281958620940852</t>
  </si>
  <si>
    <t>34215</t>
  </si>
  <si>
    <t>12.0900297164917</t>
  </si>
  <si>
    <t>995.2084350585938</t>
  </si>
  <si>
    <t>0.03122934778324904</t>
  </si>
  <si>
    <t>12.01903247833252</t>
  </si>
  <si>
    <t>1039.2967529296875</t>
  </si>
  <si>
    <t>-0.07473992349875758</t>
  </si>
  <si>
    <t>33685</t>
  </si>
  <si>
    <t>11.727822303771973</t>
  </si>
  <si>
    <t>820.5028686523438</t>
  </si>
  <si>
    <t>0.05912841350692055</t>
  </si>
  <si>
    <t>34395</t>
  </si>
  <si>
    <t>12.60460376739502</t>
  </si>
  <si>
    <t>884.8770141601562</t>
  </si>
  <si>
    <t>0.020858570565353673</t>
  </si>
  <si>
    <t>1101</t>
  </si>
  <si>
    <t>36843</t>
  </si>
  <si>
    <t>11.2582426071167</t>
  </si>
  <si>
    <t>647.3043212890625</t>
  </si>
  <si>
    <t>356.1575927734375</t>
  </si>
  <si>
    <t>Marne</t>
  </si>
  <si>
    <t>10.16744613647461</t>
  </si>
  <si>
    <t>521.9771728515625</t>
  </si>
  <si>
    <t>0.0017084981579280623</t>
  </si>
  <si>
    <t>37312</t>
  </si>
  <si>
    <t>11.26496410369873</t>
  </si>
  <si>
    <t>740.102294921875</t>
  </si>
  <si>
    <t>0.010940851273741004</t>
  </si>
  <si>
    <t>36919</t>
  </si>
  <si>
    <t>10.463560104370117</t>
  </si>
  <si>
    <t>749.1087646484375</t>
  </si>
  <si>
    <t>-0.010588667050662082</t>
  </si>
  <si>
    <t>11.552833557128906</t>
  </si>
  <si>
    <t>795.3991088867188</t>
  </si>
  <si>
    <t>0.01965975000760878</t>
  </si>
  <si>
    <t>38308</t>
  </si>
  <si>
    <t>10.944117546081543</t>
  </si>
  <si>
    <t>664.1956176757812</t>
  </si>
  <si>
    <t>0.017272677974400352</t>
  </si>
  <si>
    <t>38711</t>
  </si>
  <si>
    <t>9.372313499450684</t>
  </si>
  <si>
    <t>551.9482421875</t>
  </si>
  <si>
    <t>0.01046504571457163</t>
  </si>
  <si>
    <t>39476</t>
  </si>
  <si>
    <t>11.460651397705078</t>
  </si>
  <si>
    <t>733.721923828125</t>
  </si>
  <si>
    <t>0.019569094935816267</t>
  </si>
  <si>
    <t>11.057820320129395</t>
  </si>
  <si>
    <t>733.684326171875</t>
  </si>
  <si>
    <t>0.031566609085604824</t>
  </si>
  <si>
    <t>11.330662727355957</t>
  </si>
  <si>
    <t>799.322265625</t>
  </si>
  <si>
    <t>0.028479683371054776</t>
  </si>
  <si>
    <t>43267</t>
  </si>
  <si>
    <t>11.667744636535645</t>
  </si>
  <si>
    <t>890.6407470703125</t>
  </si>
  <si>
    <t>0.03165103496602839</t>
  </si>
  <si>
    <t>41885</t>
  </si>
  <si>
    <t>11.050750732421875</t>
  </si>
  <si>
    <t>829.521484375</t>
  </si>
  <si>
    <t>-0.03246245212667631</t>
  </si>
  <si>
    <t>41826</t>
  </si>
  <si>
    <t>11.455029487609863</t>
  </si>
  <si>
    <t>836.3037719726562</t>
  </si>
  <si>
    <t>-0.0014096118734574503</t>
  </si>
  <si>
    <t>41264</t>
  </si>
  <si>
    <t>11.420306205749512</t>
  </si>
  <si>
    <t>605.4679565429688</t>
  </si>
  <si>
    <t>-0.013527706593327693</t>
  </si>
  <si>
    <t>44481</t>
  </si>
  <si>
    <t>11.05868148803711</t>
  </si>
  <si>
    <t>616.6285400390625</t>
  </si>
  <si>
    <t>0.07507168256501018</t>
  </si>
  <si>
    <t>10.917778968811035</t>
  </si>
  <si>
    <t>564.4772338867188</t>
  </si>
  <si>
    <t>-0.006405218227010678</t>
  </si>
  <si>
    <t>44457</t>
  </si>
  <si>
    <t>11.92568302154541</t>
  </si>
  <si>
    <t>739.5806884765625</t>
  </si>
  <si>
    <t>0.00586551639916344</t>
  </si>
  <si>
    <t>46095</t>
  </si>
  <si>
    <t>11.493514060974121</t>
  </si>
  <si>
    <t>790.2969360351562</t>
  </si>
  <si>
    <t>0.03618205437440736</t>
  </si>
  <si>
    <t>45004</t>
  </si>
  <si>
    <t>10.656062126159668</t>
  </si>
  <si>
    <t>709.4935302734375</t>
  </si>
  <si>
    <t>-0.023953109541732687</t>
  </si>
  <si>
    <t>11.190299034118652</t>
  </si>
  <si>
    <t>657.328369140625</t>
  </si>
  <si>
    <t>-0.0786992855204165</t>
  </si>
  <si>
    <t>42770</t>
  </si>
  <si>
    <t>10.377992630004883</t>
  </si>
  <si>
    <t>722.603759765625</t>
  </si>
  <si>
    <t>0.027784833050407798</t>
  </si>
  <si>
    <t>44774</t>
  </si>
  <si>
    <t>11.97494125366211</t>
  </si>
  <si>
    <t>633.0642700195312</t>
  </si>
  <si>
    <t>0.04579069156687332</t>
  </si>
  <si>
    <t>43869</t>
  </si>
  <si>
    <t>10.90990161895752</t>
  </si>
  <si>
    <t>738.2305908203125</t>
  </si>
  <si>
    <t>-0.020419693507838232</t>
  </si>
  <si>
    <t>43596</t>
  </si>
  <si>
    <t>10.856860160827637</t>
  </si>
  <si>
    <t>750.9960327148438</t>
  </si>
  <si>
    <t>-0.006242517270786507</t>
  </si>
  <si>
    <t>42899</t>
  </si>
  <si>
    <t>12.11941909790039</t>
  </si>
  <si>
    <t>740.4483642578125</t>
  </si>
  <si>
    <t>-0.01611688738808681</t>
  </si>
  <si>
    <t>42975</t>
  </si>
  <si>
    <t>11.79024600982666</t>
  </si>
  <si>
    <t>591.121826171875</t>
  </si>
  <si>
    <t>0.0017700356299332753</t>
  </si>
  <si>
    <t>42823</t>
  </si>
  <si>
    <t>10.938765525817871</t>
  </si>
  <si>
    <t>664.8444213867188</t>
  </si>
  <si>
    <t>-0.003543209842222339</t>
  </si>
  <si>
    <t>44383</t>
  </si>
  <si>
    <t>12.080894470214844</t>
  </si>
  <si>
    <t>727.0651245117188</t>
  </si>
  <si>
    <t>0.035781171810240764</t>
  </si>
  <si>
    <t>12.0027494430542</t>
  </si>
  <si>
    <t>599.3246459960938</t>
  </si>
  <si>
    <t>0.017864396660890236</t>
  </si>
  <si>
    <t>12.232803344726562</t>
  </si>
  <si>
    <t>647.4931030273438</t>
  </si>
  <si>
    <t>-0.0010629111477022946</t>
  </si>
  <si>
    <t>12.258551597595215</t>
  </si>
  <si>
    <t>693.1146850585938</t>
  </si>
  <si>
    <t>-0.08114926111298892</t>
  </si>
  <si>
    <t>44153</t>
  </si>
  <si>
    <t>11.143839836120605</t>
  </si>
  <si>
    <t>707.6741943359375</t>
  </si>
  <si>
    <t>0.059152137274207206</t>
  </si>
  <si>
    <t>45083</t>
  </si>
  <si>
    <t>12.753363609313965</t>
  </si>
  <si>
    <t>602.921142578125</t>
  </si>
  <si>
    <t>0.020844360404469242</t>
  </si>
  <si>
    <t>29741</t>
  </si>
  <si>
    <t>11.838696479797363</t>
  </si>
  <si>
    <t>677.285888671875</t>
  </si>
  <si>
    <t>112.81786346435547</t>
  </si>
  <si>
    <t>Mayenne</t>
  </si>
  <si>
    <t>29791</t>
  </si>
  <si>
    <t>10.591059684753418</t>
  </si>
  <si>
    <t>598.714599609375</t>
  </si>
  <si>
    <t>0.0016797692587768864</t>
  </si>
  <si>
    <t>11.341059684753418</t>
  </si>
  <si>
    <t>867.9541015625</t>
  </si>
  <si>
    <t>0.010949867376034206</t>
  </si>
  <si>
    <t>29802</t>
  </si>
  <si>
    <t>10.72675609588623</t>
  </si>
  <si>
    <t>835.529541015625</t>
  </si>
  <si>
    <t>-0.010580696496067077</t>
  </si>
  <si>
    <t>30393</t>
  </si>
  <si>
    <t>11.905364036560059</t>
  </si>
  <si>
    <t>1095.74951171875</t>
  </si>
  <si>
    <t>0.019636813386382457</t>
  </si>
  <si>
    <t>11.805363655090332</t>
  </si>
  <si>
    <t>714.582763671875</t>
  </si>
  <si>
    <t>0.017287924852551484</t>
  </si>
  <si>
    <t>31249</t>
  </si>
  <si>
    <t>10.372030258178711</t>
  </si>
  <si>
    <t>621.45947265625</t>
  </si>
  <si>
    <t>0.010487132078198513</t>
  </si>
  <si>
    <t>31866</t>
  </si>
  <si>
    <t>12.130364418029785</t>
  </si>
  <si>
    <t>879.4141845703125</t>
  </si>
  <si>
    <t>0.01955223499791714</t>
  </si>
  <si>
    <t>11.410088539123535</t>
  </si>
  <si>
    <t>884.1974487304688</t>
  </si>
  <si>
    <t>0.03153783223778639</t>
  </si>
  <si>
    <t>11.641059875488281</t>
  </si>
  <si>
    <t>920.2307739257812</t>
  </si>
  <si>
    <t>0.028506988430500257</t>
  </si>
  <si>
    <t>34926</t>
  </si>
  <si>
    <t>11.882725715637207</t>
  </si>
  <si>
    <t>1159.6065673828125</t>
  </si>
  <si>
    <t>0.03164710618104927</t>
  </si>
  <si>
    <t>34799</t>
  </si>
  <si>
    <t>11.288697242736816</t>
  </si>
  <si>
    <t>853.6415405273438</t>
  </si>
  <si>
    <t>-0.0036428867822841937</t>
  </si>
  <si>
    <t>11.60175609588623</t>
  </si>
  <si>
    <t>964.0889892578125</t>
  </si>
  <si>
    <t>0.024973629677848663</t>
  </si>
  <si>
    <t>35532</t>
  </si>
  <si>
    <t>11.892304420471191</t>
  </si>
  <si>
    <t>756.6112060546875</t>
  </si>
  <si>
    <t>-0.004128581505764117</t>
  </si>
  <si>
    <t>36165</t>
  </si>
  <si>
    <t>11.393424034118652</t>
  </si>
  <si>
    <t>668.4264526367188</t>
  </si>
  <si>
    <t>0.017658101393790204</t>
  </si>
  <si>
    <t>35401</t>
  </si>
  <si>
    <t>11.3184232711792</t>
  </si>
  <si>
    <t>623.6739501953125</t>
  </si>
  <si>
    <t>-0.021351731972927723</t>
  </si>
  <si>
    <t>12.174393653869629</t>
  </si>
  <si>
    <t>785.4893188476562</t>
  </si>
  <si>
    <t>0.0051279273869315745</t>
  </si>
  <si>
    <t>11.561335563659668</t>
  </si>
  <si>
    <t>888.4888916015625</t>
  </si>
  <si>
    <t>0.020583153725667103</t>
  </si>
  <si>
    <t>10.92675495147705</t>
  </si>
  <si>
    <t>846.2138061523438</t>
  </si>
  <si>
    <t>0.031169524210966415</t>
  </si>
  <si>
    <t>34541</t>
  </si>
  <si>
    <t>11.47675609588623</t>
  </si>
  <si>
    <t>755.370849609375</t>
  </si>
  <si>
    <t>-0.08147364941266844</t>
  </si>
  <si>
    <t>35143</t>
  </si>
  <si>
    <t>10.816060066223145</t>
  </si>
  <si>
    <t>780.1536254882812</t>
  </si>
  <si>
    <t>0.017278427670223806</t>
  </si>
  <si>
    <t>37244</t>
  </si>
  <si>
    <t>12.470786094665527</t>
  </si>
  <si>
    <t>655.8291625976562</t>
  </si>
  <si>
    <t>0.05806540611684596</t>
  </si>
  <si>
    <t>35433</t>
  </si>
  <si>
    <t>11.297030448913574</t>
  </si>
  <si>
    <t>984.2463989257812</t>
  </si>
  <si>
    <t>-0.049847268728463234</t>
  </si>
  <si>
    <t>36627</t>
  </si>
  <si>
    <t>11.2886962890625</t>
  </si>
  <si>
    <t>883.8677978515625</t>
  </si>
  <si>
    <t>0.03314208405700825</t>
  </si>
  <si>
    <t>12.241059303283691</t>
  </si>
  <si>
    <t>853.991943359375</t>
  </si>
  <si>
    <t>-0.0018582794405528347</t>
  </si>
  <si>
    <t>12.213696479797363</t>
  </si>
  <si>
    <t>792.2214965820312</t>
  </si>
  <si>
    <t>-0.0035622331744828983</t>
  </si>
  <si>
    <t>11.403000831604004</t>
  </si>
  <si>
    <t>684.4761962890625</t>
  </si>
  <si>
    <t>0.006157402155892555</t>
  </si>
  <si>
    <t>12.305363655090332</t>
  </si>
  <si>
    <t>754.6333618164062</t>
  </si>
  <si>
    <t>0.007041229629518142</t>
  </si>
  <si>
    <t>37795</t>
  </si>
  <si>
    <t>12.157726287841797</t>
  </si>
  <si>
    <t>727.3920288085938</t>
  </si>
  <si>
    <t>0.02361302621893735</t>
  </si>
  <si>
    <t>12.526756286621094</t>
  </si>
  <si>
    <t>891.8826904296875</t>
  </si>
  <si>
    <t>0.012280417817049027</t>
  </si>
  <si>
    <t>36918</t>
  </si>
  <si>
    <t>12.493420600891113</t>
  </si>
  <si>
    <t>851.0486450195312</t>
  </si>
  <si>
    <t>-0.03575799957478054</t>
  </si>
  <si>
    <t>39167</t>
  </si>
  <si>
    <t>11.638697624206543</t>
  </si>
  <si>
    <t>696.1616821289062</t>
  </si>
  <si>
    <t>0.059135318531778225</t>
  </si>
  <si>
    <t>39992</t>
  </si>
  <si>
    <t>13.224394798278809</t>
  </si>
  <si>
    <t>732.263916015625</t>
  </si>
  <si>
    <t>0.020844878593083038</t>
  </si>
  <si>
    <t>10.558720588684082</t>
  </si>
  <si>
    <t>864.0775756835938</t>
  </si>
  <si>
    <t>347.55987548828125</t>
  </si>
  <si>
    <t>Meurthe-et-Moselle</t>
  </si>
  <si>
    <t>27632</t>
  </si>
  <si>
    <t>9.529990196228027</t>
  </si>
  <si>
    <t>638.221435546875</t>
  </si>
  <si>
    <t>0.001702374679929619</t>
  </si>
  <si>
    <t>27937</t>
  </si>
  <si>
    <t>10.657464027404785</t>
  </si>
  <si>
    <t>876.5045776367188</t>
  </si>
  <si>
    <t>0.010977453717586627</t>
  </si>
  <si>
    <t>9.787474632263184</t>
  </si>
  <si>
    <t>905.0242919921875</t>
  </si>
  <si>
    <t>-0.010615619940073984</t>
  </si>
  <si>
    <t>28191</t>
  </si>
  <si>
    <t>10.887451171875</t>
  </si>
  <si>
    <t>950.4680786132812</t>
  </si>
  <si>
    <t>0.019666422887201662</t>
  </si>
  <si>
    <t>28682</t>
  </si>
  <si>
    <t>10.207463264465332</t>
  </si>
  <si>
    <t>822.6976318359375</t>
  </si>
  <si>
    <t>0.017266970237983514</t>
  </si>
  <si>
    <t>8.597476959228516</t>
  </si>
  <si>
    <t>723.71142578125</t>
  </si>
  <si>
    <t>0.010474205285754934</t>
  </si>
  <si>
    <t>29556</t>
  </si>
  <si>
    <t>10.71788501739502</t>
  </si>
  <si>
    <t>888.3421630859375</t>
  </si>
  <si>
    <t>0.019542815333625896</t>
  </si>
  <si>
    <t>10.296418190002441</t>
  </si>
  <si>
    <t>871.5292358398438</t>
  </si>
  <si>
    <t>0.03157105362886092</t>
  </si>
  <si>
    <t>31386</t>
  </si>
  <si>
    <t>10.635371208190918</t>
  </si>
  <si>
    <t>978.8866577148438</t>
  </si>
  <si>
    <t>0.028504111061266713</t>
  </si>
  <si>
    <t>11.033733367919922</t>
  </si>
  <si>
    <t>1001.3473510742188</t>
  </si>
  <si>
    <t>0.031642156285391465</t>
  </si>
  <si>
    <t>33745</t>
  </si>
  <si>
    <t>10.38808536529541</t>
  </si>
  <si>
    <t>994.871826171875</t>
  </si>
  <si>
    <t>0.04082816829344971</t>
  </si>
  <si>
    <t>10.836867332458496</t>
  </si>
  <si>
    <t>1127.5540771484375</t>
  </si>
  <si>
    <t>-0.008033366618134252</t>
  </si>
  <si>
    <t>33843</t>
  </si>
  <si>
    <t>10.758944511413574</t>
  </si>
  <si>
    <t>701.021728515625</t>
  </si>
  <si>
    <t>0.010933291713657312</t>
  </si>
  <si>
    <t>34754</t>
  </si>
  <si>
    <t>10.384714126586914</t>
  </si>
  <si>
    <t>740.3040771484375</t>
  </si>
  <si>
    <t>0.026562490009169437</t>
  </si>
  <si>
    <t>10.23469066619873</t>
  </si>
  <si>
    <t>700.3056640625</t>
  </si>
  <si>
    <t>-0.003458814770104013</t>
  </si>
  <si>
    <t>35594</t>
  </si>
  <si>
    <t>11.29389476776123</t>
  </si>
  <si>
    <t>958.043212890625</t>
  </si>
  <si>
    <t>0.027341225797835378</t>
  </si>
  <si>
    <t>35752</t>
  </si>
  <si>
    <t>10.88996410369873</t>
  </si>
  <si>
    <t>932.0660400390625</t>
  </si>
  <si>
    <t>0.004429127303355429</t>
  </si>
  <si>
    <t>9.979144096374512</t>
  </si>
  <si>
    <t>866.2952270507812</t>
  </si>
  <si>
    <t>0.0076069302544361506</t>
  </si>
  <si>
    <t>10.566020965576172</t>
  </si>
  <si>
    <t>844.4130249023438</t>
  </si>
  <si>
    <t>-0.01592065076076743</t>
  </si>
  <si>
    <t>34807</t>
  </si>
  <si>
    <t>9.637277603149414</t>
  </si>
  <si>
    <t>920.3878784179688</t>
  </si>
  <si>
    <t>-0.018473975146935828</t>
  </si>
  <si>
    <t>11.237488746643066</t>
  </si>
  <si>
    <t>775.9586791992188</t>
  </si>
  <si>
    <t>-0.004434214003229187</t>
  </si>
  <si>
    <t>10.247265815734863</t>
  </si>
  <si>
    <t>893.5848999023438</t>
  </si>
  <si>
    <t>-0.008171116395054412</t>
  </si>
  <si>
    <t>34869</t>
  </si>
  <si>
    <t>10.175189018249512</t>
  </si>
  <si>
    <t>979.267578125</t>
  </si>
  <si>
    <t>0.014384996750081314</t>
  </si>
  <si>
    <t>34959</t>
  </si>
  <si>
    <t>11.54205322265625</t>
  </si>
  <si>
    <t>863.0475463867188</t>
  </si>
  <si>
    <t>0.0025777639295565535</t>
  </si>
  <si>
    <t>11.22435474395752</t>
  </si>
  <si>
    <t>724.7704467773438</t>
  </si>
  <si>
    <t>-0.028698164086744526</t>
  </si>
  <si>
    <t>10.335371971130371</t>
  </si>
  <si>
    <t>823.2254028320312</t>
  </si>
  <si>
    <t>0.004142130744190453</t>
  </si>
  <si>
    <t>34433</t>
  </si>
  <si>
    <t>11.493945121765137</t>
  </si>
  <si>
    <t>923.08251953125</t>
  </si>
  <si>
    <t>0.0093954939518337</t>
  </si>
  <si>
    <t>34831</t>
  </si>
  <si>
    <t>11.38936710357666</t>
  </si>
  <si>
    <t>706.9955444335938</t>
  </si>
  <si>
    <t>0.011492387978668361</t>
  </si>
  <si>
    <t>11.59477710723877</t>
  </si>
  <si>
    <t>781.6904907226562</t>
  </si>
  <si>
    <t>0.009031471260696478</t>
  </si>
  <si>
    <t>33545</t>
  </si>
  <si>
    <t>11.654990196228027</t>
  </si>
  <si>
    <t>838.3944702148438</t>
  </si>
  <si>
    <t>-0.046651445093029764</t>
  </si>
  <si>
    <t>10.492886543273926</t>
  </si>
  <si>
    <t>824.3445434570312</t>
  </si>
  <si>
    <t>0.0591206813676699</t>
  </si>
  <si>
    <t>36338</t>
  </si>
  <si>
    <t>12.154156684875488</t>
  </si>
  <si>
    <t>755.4022827148438</t>
  </si>
  <si>
    <t>0.020855523297727885</t>
  </si>
  <si>
    <t>25144</t>
  </si>
  <si>
    <t>10.65751838684082</t>
  </si>
  <si>
    <t>955.2025146484375</t>
  </si>
  <si>
    <t>65.57765197753906</t>
  </si>
  <si>
    <t>Meuse</t>
  </si>
  <si>
    <t>25187</t>
  </si>
  <si>
    <t>9.606613159179688</t>
  </si>
  <si>
    <t>732.7871704101562</t>
  </si>
  <si>
    <t>0.0017086888979740422</t>
  </si>
  <si>
    <t>25464</t>
  </si>
  <si>
    <t>10.716758728027344</t>
  </si>
  <si>
    <t>1027.773193359375</t>
  </si>
  <si>
    <t>0.01093770158655083</t>
  </si>
  <si>
    <t>9.852807998657227</t>
  </si>
  <si>
    <t>1062.1220703125</t>
  </si>
  <si>
    <t>-0.010580438220108235</t>
  </si>
  <si>
    <t>25696</t>
  </si>
  <si>
    <t>10.865670204162598</t>
  </si>
  <si>
    <t>1110.212646484375</t>
  </si>
  <si>
    <t>0.019650086004668665</t>
  </si>
  <si>
    <t>26144</t>
  </si>
  <si>
    <t>10.24909496307373</t>
  </si>
  <si>
    <t>900.3360595703125</t>
  </si>
  <si>
    <t>0.017284380913240582</t>
  </si>
  <si>
    <t>26419</t>
  </si>
  <si>
    <t>8.618478775024414</t>
  </si>
  <si>
    <t>779.3162231445312</t>
  </si>
  <si>
    <t>0.010463729586703607</t>
  </si>
  <si>
    <t>10.786141395568848</t>
  </si>
  <si>
    <t>1022.652587890625</t>
  </si>
  <si>
    <t>0.019528722717922165</t>
  </si>
  <si>
    <t>27804</t>
  </si>
  <si>
    <t>10.375997543334961</t>
  </si>
  <si>
    <t>1036.08349609375</t>
  </si>
  <si>
    <t>0.03156772425602128</t>
  </si>
  <si>
    <t>28608</t>
  </si>
  <si>
    <t>10.7445650100708</t>
  </si>
  <si>
    <t>1111.1903076171875</t>
  </si>
  <si>
    <t>0.028506503752863566</t>
  </si>
  <si>
    <t>11.026721954345703</t>
  </si>
  <si>
    <t>1168.25732421875</t>
  </si>
  <si>
    <t>0.03165256673659478</t>
  </si>
  <si>
    <t>29189</t>
  </si>
  <si>
    <t>10.426812171936035</t>
  </si>
  <si>
    <t>1162.87890625</t>
  </si>
  <si>
    <t>-0.011547039756143462</t>
  </si>
  <si>
    <t>29516</t>
  </si>
  <si>
    <t>10.813677787780762</t>
  </si>
  <si>
    <t>1193.3243408203125</t>
  </si>
  <si>
    <t>0.01114056322456669</t>
  </si>
  <si>
    <t>10.789765357971191</t>
  </si>
  <si>
    <t>815.7874755859375</t>
  </si>
  <si>
    <t>-0.005367407661079682</t>
  </si>
  <si>
    <t>30066</t>
  </si>
  <si>
    <t>10.437047958374023</t>
  </si>
  <si>
    <t>857.149169921875</t>
  </si>
  <si>
    <t>0.023829883670600793</t>
  </si>
  <si>
    <t>30459</t>
  </si>
  <si>
    <t>10.272374153137207</t>
  </si>
  <si>
    <t>803.4221801757812</t>
  </si>
  <si>
    <t>0.012986551781553501</t>
  </si>
  <si>
    <t>11.322283744812012</t>
  </si>
  <si>
    <t>1082.602294921875</t>
  </si>
  <si>
    <t>0.0014435224448163808</t>
  </si>
  <si>
    <t>10.963043212890625</t>
  </si>
  <si>
    <t>1057.0450439453125</t>
  </si>
  <si>
    <t>0.022015965822347994</t>
  </si>
  <si>
    <t>28216</t>
  </si>
  <si>
    <t>10.063044548034668</t>
  </si>
  <si>
    <t>959.8145751953125</t>
  </si>
  <si>
    <t>-0.09995181232060801</t>
  </si>
  <si>
    <t>26529</t>
  </si>
  <si>
    <t>10.561957359313965</t>
  </si>
  <si>
    <t>938.510009765625</t>
  </si>
  <si>
    <t>-0.061650718672044746</t>
  </si>
  <si>
    <t>26660</t>
  </si>
  <si>
    <t>9.639764785766602</t>
  </si>
  <si>
    <t>1010.6136474609375</t>
  </si>
  <si>
    <t>0.004925840488855471</t>
  </si>
  <si>
    <t>27367</t>
  </si>
  <si>
    <t>11.249004364013672</t>
  </si>
  <si>
    <t>873.56884765625</t>
  </si>
  <si>
    <t>0.026173593233497883</t>
  </si>
  <si>
    <t>10.255526542663574</t>
  </si>
  <si>
    <t>1006.50927734375</t>
  </si>
  <si>
    <t>-0.008845230443537133</t>
  </si>
  <si>
    <t>10.177718162536621</t>
  </si>
  <si>
    <t>1079.4002685546875</t>
  </si>
  <si>
    <t>0.0039367956803353366</t>
  </si>
  <si>
    <t>27525</t>
  </si>
  <si>
    <t>11.566576957702637</t>
  </si>
  <si>
    <t>968.9363403320312</t>
  </si>
  <si>
    <t>0.010665209387884289</t>
  </si>
  <si>
    <t>11.205435752868652</t>
  </si>
  <si>
    <t>837.2594604492188</t>
  </si>
  <si>
    <t>0.010265026702230173</t>
  </si>
  <si>
    <t>27340</t>
  </si>
  <si>
    <t>10.427899360656738</t>
  </si>
  <si>
    <t>887.2821044921875</t>
  </si>
  <si>
    <t>-0.017008878015168705</t>
  </si>
  <si>
    <t>11.511051177978516</t>
  </si>
  <si>
    <t>1015.9744262695312</t>
  </si>
  <si>
    <t>0.03468763619281923</t>
  </si>
  <si>
    <t>28345</t>
  </si>
  <si>
    <t>11.41295337677002</t>
  </si>
  <si>
    <t>811.2406616210938</t>
  </si>
  <si>
    <t>0.0014121802876427836</t>
  </si>
  <si>
    <t>29219</t>
  </si>
  <si>
    <t>11.627808570861816</t>
  </si>
  <si>
    <t>892.216796875</t>
  </si>
  <si>
    <t>0.0303685348258238</t>
  </si>
  <si>
    <t>27768</t>
  </si>
  <si>
    <t>11.679619789123535</t>
  </si>
  <si>
    <t>958.535400390625</t>
  </si>
  <si>
    <t>-0.050934904042604146</t>
  </si>
  <si>
    <t>10.556523323059082</t>
  </si>
  <si>
    <t>959.7506713867188</t>
  </si>
  <si>
    <t>0.0591151875675795</t>
  </si>
  <si>
    <t>12.11829662322998</t>
  </si>
  <si>
    <t>855.5972290039062</t>
  </si>
  <si>
    <t>0.0208610329545742</t>
  </si>
  <si>
    <t>1105</t>
  </si>
  <si>
    <t>27057</t>
  </si>
  <si>
    <t>12.613539695739746</t>
  </si>
  <si>
    <t>803.4869384765625</t>
  </si>
  <si>
    <t>347.8694152832031</t>
  </si>
  <si>
    <t>Morbihan</t>
  </si>
  <si>
    <t>11.5042724609375</t>
  </si>
  <si>
    <t>688.62548828125</t>
  </si>
  <si>
    <t>0.0016986710140702854</t>
  </si>
  <si>
    <t>12.137686729431152</t>
  </si>
  <si>
    <t>945.1605224609375</t>
  </si>
  <si>
    <t>0.010935086212661815</t>
  </si>
  <si>
    <t>27113</t>
  </si>
  <si>
    <t>11.544817924499512</t>
  </si>
  <si>
    <t>978.9613037109375</t>
  </si>
  <si>
    <t>-0.010566191417273885</t>
  </si>
  <si>
    <t>27650</t>
  </si>
  <si>
    <t>12.554664611816406</t>
  </si>
  <si>
    <t>1267.9287109375</t>
  </si>
  <si>
    <t>0.01961241030720373</t>
  </si>
  <si>
    <t>28132</t>
  </si>
  <si>
    <t>12.669062614440918</t>
  </si>
  <si>
    <t>884.8733520507812</t>
  </si>
  <si>
    <t>0.01728199047742862</t>
  </si>
  <si>
    <t>11.25670337677002</t>
  </si>
  <si>
    <t>779.092529296875</t>
  </si>
  <si>
    <t>0.010502032486659374</t>
  </si>
  <si>
    <t>28990</t>
  </si>
  <si>
    <t>12.95894718170166</t>
  </si>
  <si>
    <t>997.05029296875</t>
  </si>
  <si>
    <t>0.019541192001133467</t>
  </si>
  <si>
    <t>29919</t>
  </si>
  <si>
    <t>12.328163146972656</t>
  </si>
  <si>
    <t>1042.1014404296875</t>
  </si>
  <si>
    <t>0.03154278715427594</t>
  </si>
  <si>
    <t>30784</t>
  </si>
  <si>
    <t>12.50756549835205</t>
  </si>
  <si>
    <t>1123.36376953125</t>
  </si>
  <si>
    <t>0.02850134439545471</t>
  </si>
  <si>
    <t>31774</t>
  </si>
  <si>
    <t>12.533385276794434</t>
  </si>
  <si>
    <t>1361.1949462890625</t>
  </si>
  <si>
    <t>0.03165327081453562</t>
  </si>
  <si>
    <t>32213</t>
  </si>
  <si>
    <t>12.245112419128418</t>
  </si>
  <si>
    <t>952.0513916015625</t>
  </si>
  <si>
    <t>0.013721752484906702</t>
  </si>
  <si>
    <t>32315</t>
  </si>
  <si>
    <t>12.452279090881348</t>
  </si>
  <si>
    <t>1135.876220703125</t>
  </si>
  <si>
    <t>0.0031614209321215725</t>
  </si>
  <si>
    <t>12.753434181213379</t>
  </si>
  <si>
    <t>911.9290161132812</t>
  </si>
  <si>
    <t>-0.010670998951086474</t>
  </si>
  <si>
    <t>33095</t>
  </si>
  <si>
    <t>12.295512199401855</t>
  </si>
  <si>
    <t>756.6947021484375</t>
  </si>
  <si>
    <t>0.034521693807112896</t>
  </si>
  <si>
    <t>33496</t>
  </si>
  <si>
    <t>12.18002700805664</t>
  </si>
  <si>
    <t>722.447509765625</t>
  </si>
  <si>
    <t>0.012043815145956316</t>
  </si>
  <si>
    <t>12.974163055419922</t>
  </si>
  <si>
    <t>972.7991333007812</t>
  </si>
  <si>
    <t>0.014404943946724202</t>
  </si>
  <si>
    <t>34120</t>
  </si>
  <si>
    <t>12.43817138671875</t>
  </si>
  <si>
    <t>1027.1365966796875</t>
  </si>
  <si>
    <t>0.0040527499599125605</t>
  </si>
  <si>
    <t>11.780652046203613</t>
  </si>
  <si>
    <t>1023.6690673828125</t>
  </si>
  <si>
    <t>-0.03219504077256197</t>
  </si>
  <si>
    <t>31658</t>
  </si>
  <si>
    <t>12.17501449584961</t>
  </si>
  <si>
    <t>941.991943359375</t>
  </si>
  <si>
    <t>-0.04269780058737105</t>
  </si>
  <si>
    <t>11.535602569580078</t>
  </si>
  <si>
    <t>919.3013916015625</t>
  </si>
  <si>
    <t>-0.01656194299606284</t>
  </si>
  <si>
    <t>32232</t>
  </si>
  <si>
    <t>13.123196601867676</t>
  </si>
  <si>
    <t>758.7772827148438</t>
  </si>
  <si>
    <t>0.03453080962156285</t>
  </si>
  <si>
    <t>32151</t>
  </si>
  <si>
    <t>12.0550537109375</t>
  </si>
  <si>
    <t>1148.482177734375</t>
  </si>
  <si>
    <t>-0.00251619349007548</t>
  </si>
  <si>
    <t>32097</t>
  </si>
  <si>
    <t>12.112971305847168</t>
  </si>
  <si>
    <t>1072.9073486328125</t>
  </si>
  <si>
    <t>-0.0016809865743905306</t>
  </si>
  <si>
    <t>32250</t>
  </si>
  <si>
    <t>13.048916816711426</t>
  </si>
  <si>
    <t>1001.1000366210938</t>
  </si>
  <si>
    <t>0.004755475417201893</t>
  </si>
  <si>
    <t>32624</t>
  </si>
  <si>
    <t>12.833586692810059</t>
  </si>
  <si>
    <t>962.6412963867188</t>
  </si>
  <si>
    <t>0.011530170590317468</t>
  </si>
  <si>
    <t>33035</t>
  </si>
  <si>
    <t>12.272697448730469</t>
  </si>
  <si>
    <t>734.0365600585938</t>
  </si>
  <si>
    <t>0.012519391649750133</t>
  </si>
  <si>
    <t>13.022345542907715</t>
  </si>
  <si>
    <t>877.1066284179688</t>
  </si>
  <si>
    <t>0.020553183202585146</t>
  </si>
  <si>
    <t>34048</t>
  </si>
  <si>
    <t>12.854571342468262</t>
  </si>
  <si>
    <t>876.7470703125</t>
  </si>
  <si>
    <t>0.009650505034745294</t>
  </si>
  <si>
    <t>34579</t>
  </si>
  <si>
    <t>13.115242004394531</t>
  </si>
  <si>
    <t>1069.9141845703125</t>
  </si>
  <si>
    <t>0.015475267667847348</t>
  </si>
  <si>
    <t>13.107342720031738</t>
  </si>
  <si>
    <t>1048.158203125</t>
  </si>
  <si>
    <t>-0.04916618557815866</t>
  </si>
  <si>
    <t>34925</t>
  </si>
  <si>
    <t>12.540318489074707</t>
  </si>
  <si>
    <t>771.7232055664062</t>
  </si>
  <si>
    <t>0.05912252933415729</t>
  </si>
  <si>
    <t>13.741092681884766</t>
  </si>
  <si>
    <t>851.7090454101562</t>
  </si>
  <si>
    <t>0.020854749523572025</t>
  </si>
  <si>
    <t>1106</t>
  </si>
  <si>
    <t>10.599148750305176</t>
  </si>
  <si>
    <t>804.4390258789062</t>
  </si>
  <si>
    <t>336.8847351074219</t>
  </si>
  <si>
    <t>Moselle</t>
  </si>
  <si>
    <t>28214</t>
  </si>
  <si>
    <t>9.61801815032959</t>
  </si>
  <si>
    <t>594.6563720703125</t>
  </si>
  <si>
    <t>0.0017027318764508692</t>
  </si>
  <si>
    <t>28525</t>
  </si>
  <si>
    <t>10.713188171386719</t>
  </si>
  <si>
    <t>863.8939819335938</t>
  </si>
  <si>
    <t>0.01096258709582898</t>
  </si>
  <si>
    <t>28224</t>
  </si>
  <si>
    <t>9.853978157043457</t>
  </si>
  <si>
    <t>876.9878540039062</t>
  </si>
  <si>
    <t>-0.01060821592375838</t>
  </si>
  <si>
    <t>28784</t>
  </si>
  <si>
    <t>10.953978538513184</t>
  </si>
  <si>
    <t>952.2461547851562</t>
  </si>
  <si>
    <t>0.019646997383796716</t>
  </si>
  <si>
    <t>10.246521949768066</t>
  </si>
  <si>
    <t>760.0693969726562</t>
  </si>
  <si>
    <t>0.01728990892488902</t>
  </si>
  <si>
    <t>8.68556022644043</t>
  </si>
  <si>
    <t>626.4266357421875</t>
  </si>
  <si>
    <t>0.010462051947277118</t>
  </si>
  <si>
    <t>30178</t>
  </si>
  <si>
    <t>10.763188362121582</t>
  </si>
  <si>
    <t>866.0037231445312</t>
  </si>
  <si>
    <t>0.01954154401111552</t>
  </si>
  <si>
    <t>10.340815544128418</t>
  </si>
  <si>
    <t>901.2718505859375</t>
  </si>
  <si>
    <t>0.03157264398168813</t>
  </si>
  <si>
    <t>32046</t>
  </si>
  <si>
    <t>10.665815353393555</t>
  </si>
  <si>
    <t>898.899169921875</t>
  </si>
  <si>
    <t>0.028486544512540846</t>
  </si>
  <si>
    <t>11.049149513244629</t>
  </si>
  <si>
    <t>1027.16455078125</t>
  </si>
  <si>
    <t>0.031665806219074</t>
  </si>
  <si>
    <t>10.437762260437012</t>
  </si>
  <si>
    <t>995.4866333007812</t>
  </si>
  <si>
    <t>-0.009416265431514859</t>
  </si>
  <si>
    <t>10.847396850585938</t>
  </si>
  <si>
    <t>980.7463989257812</t>
  </si>
  <si>
    <t>0.005963808943484139</t>
  </si>
  <si>
    <t>33189</t>
  </si>
  <si>
    <t>10.857933044433594</t>
  </si>
  <si>
    <t>695.796875</t>
  </si>
  <si>
    <t>0.006832775404152613</t>
  </si>
  <si>
    <t>10.414938926696777</t>
  </si>
  <si>
    <t>719.4178466796875</t>
  </si>
  <si>
    <t>0.03438352294747382</t>
  </si>
  <si>
    <t>10.260985374450684</t>
  </si>
  <si>
    <t>690.144287109375</t>
  </si>
  <si>
    <t>0.007887299486180055</t>
  </si>
  <si>
    <t>11.353978157043457</t>
  </si>
  <si>
    <t>933.1566772460938</t>
  </si>
  <si>
    <t>0.011458563406844036</t>
  </si>
  <si>
    <t>35216</t>
  </si>
  <si>
    <t>10.962311744689941</t>
  </si>
  <si>
    <t>920.243896484375</t>
  </si>
  <si>
    <t>0.00555264322272464</t>
  </si>
  <si>
    <t>10.030730247497559</t>
  </si>
  <si>
    <t>816.9661865234375</t>
  </si>
  <si>
    <t>-0.0395024429762465</t>
  </si>
  <si>
    <t>32351</t>
  </si>
  <si>
    <t>10.643017768859863</t>
  </si>
  <si>
    <t>791.5529174804688</t>
  </si>
  <si>
    <t>-0.04535314943763069</t>
  </si>
  <si>
    <t>32185</t>
  </si>
  <si>
    <t>9.748723030090332</t>
  </si>
  <si>
    <t>861.3722534179688</t>
  </si>
  <si>
    <t>-0.005144426865649976</t>
  </si>
  <si>
    <t>11.326351165771484</t>
  </si>
  <si>
    <t>751.6901245117188</t>
  </si>
  <si>
    <t>0.016638806291384256</t>
  </si>
  <si>
    <t>10.320645332336426</t>
  </si>
  <si>
    <t>873.4611206054688</t>
  </si>
  <si>
    <t>-0.020218298090899367</t>
  </si>
  <si>
    <t>31816</t>
  </si>
  <si>
    <t>10.261436462402344</t>
  </si>
  <si>
    <t>912.7530517578125</t>
  </si>
  <si>
    <t>-0.007951705799674968</t>
  </si>
  <si>
    <t>32269</t>
  </si>
  <si>
    <t>11.566692352294922</t>
  </si>
  <si>
    <t>827.114501953125</t>
  </si>
  <si>
    <t>0.014137709144083743</t>
  </si>
  <si>
    <t>32702</t>
  </si>
  <si>
    <t>11.232481956481934</t>
  </si>
  <si>
    <t>745.5661010742188</t>
  </si>
  <si>
    <t>0.013329221062921448</t>
  </si>
  <si>
    <t>32320</t>
  </si>
  <si>
    <t>10.373723030090332</t>
  </si>
  <si>
    <t>775.7291870117188</t>
  </si>
  <si>
    <t>-0.011750004459498697</t>
  </si>
  <si>
    <t>11.56451416015625</t>
  </si>
  <si>
    <t>850.2835693359375</t>
  </si>
  <si>
    <t>0.024541671472213977</t>
  </si>
  <si>
    <t>33093</t>
  </si>
  <si>
    <t>11.459683418273926</t>
  </si>
  <si>
    <t>668.95556640625</t>
  </si>
  <si>
    <t>-0.0009061254697559917</t>
  </si>
  <si>
    <t>33025</t>
  </si>
  <si>
    <t>11.658808708190918</t>
  </si>
  <si>
    <t>772.8734741210938</t>
  </si>
  <si>
    <t>-0.002056929246965211</t>
  </si>
  <si>
    <t>30217</t>
  </si>
  <si>
    <t>11.736435890197754</t>
  </si>
  <si>
    <t>808.0983276367188</t>
  </si>
  <si>
    <t>-0.088860170496881</t>
  </si>
  <si>
    <t>10.524599075317383</t>
  </si>
  <si>
    <t>859.6487426757812</t>
  </si>
  <si>
    <t>0.05914208229218154</t>
  </si>
  <si>
    <t>32733</t>
  </si>
  <si>
    <t>12.203103065490723</t>
  </si>
  <si>
    <t>713.301513671875</t>
  </si>
  <si>
    <t>0.020836981137382082</t>
  </si>
  <si>
    <t>1107</t>
  </si>
  <si>
    <t>25706</t>
  </si>
  <si>
    <t>11.610705375671387</t>
  </si>
  <si>
    <t>680.2786254882812</t>
  </si>
  <si>
    <t>157.1837158203125</t>
  </si>
  <si>
    <t>NiÔøΩvre</t>
  </si>
  <si>
    <t>25750</t>
  </si>
  <si>
    <t>10.66541862487793</t>
  </si>
  <si>
    <t>586.0514526367188</t>
  </si>
  <si>
    <t>0.0017101994218045036</t>
  </si>
  <si>
    <t>26034</t>
  </si>
  <si>
    <t>11.50965404510498</t>
  </si>
  <si>
    <t>785.5037841796875</t>
  </si>
  <si>
    <t>0.010968748934523376</t>
  </si>
  <si>
    <t>25760</t>
  </si>
  <si>
    <t>10.730805397033691</t>
  </si>
  <si>
    <t>853.3500366210938</t>
  </si>
  <si>
    <t>-0.010580474808115525</t>
  </si>
  <si>
    <t>26270</t>
  </si>
  <si>
    <t>12.006214141845703</t>
  </si>
  <si>
    <t>838.51123046875</t>
  </si>
  <si>
    <t>0.01960470246129553</t>
  </si>
  <si>
    <t>11.399520874023438</t>
  </si>
  <si>
    <t>777.2703247070312</t>
  </si>
  <si>
    <t>0.01728410135700642</t>
  </si>
  <si>
    <t>27010</t>
  </si>
  <si>
    <t>10.240811347961426</t>
  </si>
  <si>
    <t>687.2875366210938</t>
  </si>
  <si>
    <t>0.010495462750069962</t>
  </si>
  <si>
    <t>11.97646713256836</t>
  </si>
  <si>
    <t>713.7702026367188</t>
  </si>
  <si>
    <t>0.01954125202514767</t>
  </si>
  <si>
    <t>28426</t>
  </si>
  <si>
    <t>11.268536567687988</t>
  </si>
  <si>
    <t>679.700927734375</t>
  </si>
  <si>
    <t>0.031555799487147596</t>
  </si>
  <si>
    <t>11.381099700927734</t>
  </si>
  <si>
    <t>854.8116455078125</t>
  </si>
  <si>
    <t>0.0285069759549188</t>
  </si>
  <si>
    <t>12.141998291015625</t>
  </si>
  <si>
    <t>829.50390625</t>
  </si>
  <si>
    <t>0.031633299150882976</t>
  </si>
  <si>
    <t>11.225223541259766</t>
  </si>
  <si>
    <t>811.8551025390625</t>
  </si>
  <si>
    <t>0.0011256415689473442</t>
  </si>
  <si>
    <t>30607</t>
  </si>
  <si>
    <t>11.730551719665527</t>
  </si>
  <si>
    <t>801.7296142578125</t>
  </si>
  <si>
    <t>0.012658604975539944</t>
  </si>
  <si>
    <t>29916</t>
  </si>
  <si>
    <t>11.898755073547363</t>
  </si>
  <si>
    <t>625.7304077148438</t>
  </si>
  <si>
    <t>-0.022835286637688412</t>
  </si>
  <si>
    <t>30164</t>
  </si>
  <si>
    <t>11.229557991027832</t>
  </si>
  <si>
    <t>670.4863891601562</t>
  </si>
  <si>
    <t>0.00825570601097958</t>
  </si>
  <si>
    <t>29667</t>
  </si>
  <si>
    <t>10.99312686920166</t>
  </si>
  <si>
    <t>585.4415283203125</t>
  </si>
  <si>
    <t>-0.016613843384437388</t>
  </si>
  <si>
    <t>30466</t>
  </si>
  <si>
    <t>12.205376625061035</t>
  </si>
  <si>
    <t>762.0651245117188</t>
  </si>
  <si>
    <t>0.026575990758546553</t>
  </si>
  <si>
    <t>11.544560432434082</t>
  </si>
  <si>
    <t>828.7822875976562</t>
  </si>
  <si>
    <t>0.03853749904011927</t>
  </si>
  <si>
    <t>10.920528411865234</t>
  </si>
  <si>
    <t>777.7022094726562</t>
  </si>
  <si>
    <t>0.0028384023093206423</t>
  </si>
  <si>
    <t>11.689864158630371</t>
  </si>
  <si>
    <t>664.9634399414062</t>
  </si>
  <si>
    <t>-0.03333375136545236</t>
  </si>
  <si>
    <t>10.811137199401855</t>
  </si>
  <si>
    <t>729.0081787109375</t>
  </si>
  <si>
    <t>-0.02555828412821093</t>
  </si>
  <si>
    <t>30608</t>
  </si>
  <si>
    <t>12.401228904724121</t>
  </si>
  <si>
    <t>673.3223266601562</t>
  </si>
  <si>
    <t>0.02216623912761051</t>
  </si>
  <si>
    <t>11.475605010986328</t>
  </si>
  <si>
    <t>776.2054443359375</t>
  </si>
  <si>
    <t>-0.0015367264218575372</t>
  </si>
  <si>
    <t>30710</t>
  </si>
  <si>
    <t>11.239577293395996</t>
  </si>
  <si>
    <t>876.7306518554688</t>
  </si>
  <si>
    <t>0.004863648176691271</t>
  </si>
  <si>
    <t>31296</t>
  </si>
  <si>
    <t>12.299504280090332</t>
  </si>
  <si>
    <t>798.1488647460938</t>
  </si>
  <si>
    <t>0.018901959399677537</t>
  </si>
  <si>
    <t>31000</t>
  </si>
  <si>
    <t>12.410018920898438</t>
  </si>
  <si>
    <t>644.609375</t>
  </si>
  <si>
    <t>-0.009503089367260742</t>
  </si>
  <si>
    <t>30380</t>
  </si>
  <si>
    <t>11.316557884216309</t>
  </si>
  <si>
    <t>678.8665771484375</t>
  </si>
  <si>
    <t>-0.020202707317519497</t>
  </si>
  <si>
    <t>31550</t>
  </si>
  <si>
    <t>12.430281639099121</t>
  </si>
  <si>
    <t>757.5333862304688</t>
  </si>
  <si>
    <t>0.037789091819595555</t>
  </si>
  <si>
    <t>12.344120979309082</t>
  </si>
  <si>
    <t>616.6629028320312</t>
  </si>
  <si>
    <t>-0.004510951453116974</t>
  </si>
  <si>
    <t>31547</t>
  </si>
  <si>
    <t>12.755911827087402</t>
  </si>
  <si>
    <t>662.3740234375</t>
  </si>
  <si>
    <t>0.004415859768812425</t>
  </si>
  <si>
    <t>12.648686408996582</t>
  </si>
  <si>
    <t>710.9129028320312</t>
  </si>
  <si>
    <t>-0.06289365369160649</t>
  </si>
  <si>
    <t>31429</t>
  </si>
  <si>
    <t>11.542576789855957</t>
  </si>
  <si>
    <t>722.2426147460938</t>
  </si>
  <si>
    <t>0.05914618995639742</t>
  </si>
  <si>
    <t>13.359366416931152</t>
  </si>
  <si>
    <t>628.1961669921875</t>
  </si>
  <si>
    <t>0.020844583424393548</t>
  </si>
  <si>
    <t>28517</t>
  </si>
  <si>
    <t>11.03554630279541</t>
  </si>
  <si>
    <t>703.6080932617188</t>
  </si>
  <si>
    <t>606.7705078125</t>
  </si>
  <si>
    <t>Nord</t>
  </si>
  <si>
    <t>28565</t>
  </si>
  <si>
    <t>9.955281257629395</t>
  </si>
  <si>
    <t>660.8506469726562</t>
  </si>
  <si>
    <t>0.0016817915039322173</t>
  </si>
  <si>
    <t>28880</t>
  </si>
  <si>
    <t>11.031161308288574</t>
  </si>
  <si>
    <t>875.66748046875</t>
  </si>
  <si>
    <t>0.010967121848198147</t>
  </si>
  <si>
    <t>28576</t>
  </si>
  <si>
    <t>10.132040977478027</t>
  </si>
  <si>
    <t>864.8504638671875</t>
  </si>
  <si>
    <t>11.130721092224121</t>
  </si>
  <si>
    <t>909.8866577148438</t>
  </si>
  <si>
    <t>0.019613227897574248</t>
  </si>
  <si>
    <t>29650</t>
  </si>
  <si>
    <t>10.514067649841309</t>
  </si>
  <si>
    <t>650.979248046875</t>
  </si>
  <si>
    <t>0.01728169285207315</t>
  </si>
  <si>
    <t>8.883360862731934</t>
  </si>
  <si>
    <t>578.8033447265625</t>
  </si>
  <si>
    <t>0.010501161703606599</t>
  </si>
  <si>
    <t>30554</t>
  </si>
  <si>
    <t>11.086867332458496</t>
  </si>
  <si>
    <t>797.6478271484375</t>
  </si>
  <si>
    <t>0.01953232279618966</t>
  </si>
  <si>
    <t>10.715813636779785</t>
  </si>
  <si>
    <t>929.9512329101562</t>
  </si>
  <si>
    <t>0.031570718871758885</t>
  </si>
  <si>
    <t>11.078974723815918</t>
  </si>
  <si>
    <t>831.0247802734375</t>
  </si>
  <si>
    <t>0.02851084017291683</t>
  </si>
  <si>
    <t>33488</t>
  </si>
  <si>
    <t>11.307467460632324</t>
  </si>
  <si>
    <t>1028.7320556640625</t>
  </si>
  <si>
    <t>0.03160999671543685</t>
  </si>
  <si>
    <t>33716</t>
  </si>
  <si>
    <t>10.726786613464355</t>
  </si>
  <si>
    <t>963.2803955078125</t>
  </si>
  <si>
    <t>0.006785336431592626</t>
  </si>
  <si>
    <t>34282</t>
  </si>
  <si>
    <t>11.062308311462402</t>
  </si>
  <si>
    <t>943.2056274414062</t>
  </si>
  <si>
    <t>0.016647932949629407</t>
  </si>
  <si>
    <t>11.134242057800293</t>
  </si>
  <si>
    <t>692.5464477539062</t>
  </si>
  <si>
    <t>0.019469692680431194</t>
  </si>
  <si>
    <t>35671</t>
  </si>
  <si>
    <t>10.709681510925293</t>
  </si>
  <si>
    <t>705.6103515625</t>
  </si>
  <si>
    <t>0.02024790597564241</t>
  </si>
  <si>
    <t>36103</t>
  </si>
  <si>
    <t>10.5574951171875</t>
  </si>
  <si>
    <t>707.924072265625</t>
  </si>
  <si>
    <t>0.012037930638149064</t>
  </si>
  <si>
    <t>37177</t>
  </si>
  <si>
    <t>11.662747383117676</t>
  </si>
  <si>
    <t>833.0472412109375</t>
  </si>
  <si>
    <t>0.0293143261164861</t>
  </si>
  <si>
    <t>37996</t>
  </si>
  <si>
    <t>11.33380126953125</t>
  </si>
  <si>
    <t>865.9950561523438</t>
  </si>
  <si>
    <t>0.021790600532360926</t>
  </si>
  <si>
    <t>10.436867713928223</t>
  </si>
  <si>
    <t>816.3822021484375</t>
  </si>
  <si>
    <t>0.013722656104999231</t>
  </si>
  <si>
    <t>10.82414722442627</t>
  </si>
  <si>
    <t>761.28955078125</t>
  </si>
  <si>
    <t>-0.03532498590348965</t>
  </si>
  <si>
    <t>37104</t>
  </si>
  <si>
    <t>9.921947479248047</t>
  </si>
  <si>
    <t>843.61572265625</t>
  </si>
  <si>
    <t>-0.0021537807162701483</t>
  </si>
  <si>
    <t>38129</t>
  </si>
  <si>
    <t>11.514935493469238</t>
  </si>
  <si>
    <t>698.1549682617188</t>
  </si>
  <si>
    <t>0.027250366943675886</t>
  </si>
  <si>
    <t>37567</t>
  </si>
  <si>
    <t>10.554400444030762</t>
  </si>
  <si>
    <t>905.5885620117188</t>
  </si>
  <si>
    <t>-0.014849142004132787</t>
  </si>
  <si>
    <t>10.464934349060059</t>
  </si>
  <si>
    <t>827.1666870117188</t>
  </si>
  <si>
    <t>0.003587137992001388</t>
  </si>
  <si>
    <t>37875</t>
  </si>
  <si>
    <t>11.885987281799316</t>
  </si>
  <si>
    <t>837.4353637695312</t>
  </si>
  <si>
    <t>0.004578120384813644</t>
  </si>
  <si>
    <t>38460</t>
  </si>
  <si>
    <t>11.502654075622559</t>
  </si>
  <si>
    <t>773.3441772460938</t>
  </si>
  <si>
    <t>0.015327476331099987</t>
  </si>
  <si>
    <t>38680</t>
  </si>
  <si>
    <t>10.743881225585938</t>
  </si>
  <si>
    <t>794.9550170898438</t>
  </si>
  <si>
    <t>0.005703930424459713</t>
  </si>
  <si>
    <t>39678</t>
  </si>
  <si>
    <t>11.767134666442871</t>
  </si>
  <si>
    <t>824.4871826171875</t>
  </si>
  <si>
    <t>0.025474207335486554</t>
  </si>
  <si>
    <t>40312</t>
  </si>
  <si>
    <t>11.768441200256348</t>
  </si>
  <si>
    <t>688.7294921875</t>
  </si>
  <si>
    <t>0.015852313457717315</t>
  </si>
  <si>
    <t>11.985107421875</t>
  </si>
  <si>
    <t>782.3677978515625</t>
  </si>
  <si>
    <t>0.003985893746492053</t>
  </si>
  <si>
    <t>37892</t>
  </si>
  <si>
    <t>12.003973960876465</t>
  </si>
  <si>
    <t>839.6064453125</t>
  </si>
  <si>
    <t>-0.06589507711150056</t>
  </si>
  <si>
    <t>10.866253852844238</t>
  </si>
  <si>
    <t>824.6922607421875</t>
  </si>
  <si>
    <t>0.059126987611687554</t>
  </si>
  <si>
    <t>41047</t>
  </si>
  <si>
    <t>12.358799934387207</t>
  </si>
  <si>
    <t>685.5767211914062</t>
  </si>
  <si>
    <t>0.020850755995075687</t>
  </si>
  <si>
    <t>1109</t>
  </si>
  <si>
    <t>11.652214050292969</t>
  </si>
  <si>
    <t>567.6536865234375</t>
  </si>
  <si>
    <t>601.023681640625</t>
  </si>
  <si>
    <t>Oise</t>
  </si>
  <si>
    <t>486.50860595703125</t>
  </si>
  <si>
    <t>0.0016996978630512416</t>
  </si>
  <si>
    <t>699.2698974609375</t>
  </si>
  <si>
    <t>0.01094457621114664</t>
  </si>
  <si>
    <t>29453</t>
  </si>
  <si>
    <t>710.4791870117188</t>
  </si>
  <si>
    <t>-0.010571030065364084</t>
  </si>
  <si>
    <t>11.843880653381348</t>
  </si>
  <si>
    <t>831.5311889648438</t>
  </si>
  <si>
    <t>0.019634182583097015</t>
  </si>
  <si>
    <t>30560</t>
  </si>
  <si>
    <t>11.314972877502441</t>
  </si>
  <si>
    <t>628.6921997070312</t>
  </si>
  <si>
    <t>0.01726200923361887</t>
  </si>
  <si>
    <t>30882</t>
  </si>
  <si>
    <t>9.667186737060547</t>
  </si>
  <si>
    <t>495.66900634765625</t>
  </si>
  <si>
    <t>0.010481525600352981</t>
  </si>
  <si>
    <t>31492</t>
  </si>
  <si>
    <t>11.847786903381348</t>
  </si>
  <si>
    <t>706.2777099609375</t>
  </si>
  <si>
    <t>0.01956005542354866</t>
  </si>
  <si>
    <t>32502</t>
  </si>
  <si>
    <t>11.46054744720459</t>
  </si>
  <si>
    <t>706.21533203125</t>
  </si>
  <si>
    <t>0.03156808058159655</t>
  </si>
  <si>
    <t>33441</t>
  </si>
  <si>
    <t>787.8121948242188</t>
  </si>
  <si>
    <t>0.02848106617177848</t>
  </si>
  <si>
    <t>34516</t>
  </si>
  <si>
    <t>11.96054744720459</t>
  </si>
  <si>
    <t>932.2670288085938</t>
  </si>
  <si>
    <t>0.03164029257046508</t>
  </si>
  <si>
    <t>34101</t>
  </si>
  <si>
    <t>11.427214622497559</t>
  </si>
  <si>
    <t>813.069580078125</t>
  </si>
  <si>
    <t>-0.012096275273378865</t>
  </si>
  <si>
    <t>11.702214241027832</t>
  </si>
  <si>
    <t>794.4224853515625</t>
  </si>
  <si>
    <t>0.004418247791262431</t>
  </si>
  <si>
    <t>11.793879508972168</t>
  </si>
  <si>
    <t>636.8978881835938</t>
  </si>
  <si>
    <t>0.018283314200793654</t>
  </si>
  <si>
    <t>11.458853721618652</t>
  </si>
  <si>
    <t>581.6299438476562</t>
  </si>
  <si>
    <t>-0.0015778982804182107</t>
  </si>
  <si>
    <t>11.362761497497559</t>
  </si>
  <si>
    <t>519.2711181640625</t>
  </si>
  <si>
    <t>-0.002472260213970401</t>
  </si>
  <si>
    <t>12.353907585144043</t>
  </si>
  <si>
    <t>667.262939453125</t>
  </si>
  <si>
    <t>0.00347666533191493</t>
  </si>
  <si>
    <t>11.977213859558105</t>
  </si>
  <si>
    <t>769.360107421875</t>
  </si>
  <si>
    <t>0.02024458344850366</t>
  </si>
  <si>
    <t>35029</t>
  </si>
  <si>
    <t>683.6913452148438</t>
  </si>
  <si>
    <t>-0.01552307180859458</t>
  </si>
  <si>
    <t>33398</t>
  </si>
  <si>
    <t>597.7314453125</t>
  </si>
  <si>
    <t>-0.04768027189193269</t>
  </si>
  <si>
    <t>33777</t>
  </si>
  <si>
    <t>10.623307228088379</t>
  </si>
  <si>
    <t>658.8453369140625</t>
  </si>
  <si>
    <t>0.011284079538862457</t>
  </si>
  <si>
    <t>34416</t>
  </si>
  <si>
    <t>12.24609375</t>
  </si>
  <si>
    <t>572.8424682617188</t>
  </si>
  <si>
    <t>0.018741475036270216</t>
  </si>
  <si>
    <t>34076</t>
  </si>
  <si>
    <t>786.7608032226562</t>
  </si>
  <si>
    <t>-0.009928248344779789</t>
  </si>
  <si>
    <t>11.179427146911621</t>
  </si>
  <si>
    <t>741.1895751953125</t>
  </si>
  <si>
    <t>-0.016838951953793924</t>
  </si>
  <si>
    <t>33184</t>
  </si>
  <si>
    <t>12.516667366027832</t>
  </si>
  <si>
    <t>719.6815795898438</t>
  </si>
  <si>
    <t>-0.009686540179682623</t>
  </si>
  <si>
    <t>12.125000953674316</t>
  </si>
  <si>
    <t>632.955078125</t>
  </si>
  <si>
    <t>0.02866547096407146</t>
  </si>
  <si>
    <t>33740</t>
  </si>
  <si>
    <t>633.8181762695312</t>
  </si>
  <si>
    <t>-0.012049225893367321</t>
  </si>
  <si>
    <t>12.452214241027832</t>
  </si>
  <si>
    <t>689.0565795898438</t>
  </si>
  <si>
    <t>0.030904573617547726</t>
  </si>
  <si>
    <t>34159</t>
  </si>
  <si>
    <t>12.414454460144043</t>
  </si>
  <si>
    <t>619.103759765625</t>
  </si>
  <si>
    <t>-0.01856255624817571</t>
  </si>
  <si>
    <t>34581</t>
  </si>
  <si>
    <t>12.625000953674316</t>
  </si>
  <si>
    <t>650.006103515625</t>
  </si>
  <si>
    <t>0.01227830379979089</t>
  </si>
  <si>
    <t>31600</t>
  </si>
  <si>
    <t>12.652214050292969</t>
  </si>
  <si>
    <t>692.6978759765625</t>
  </si>
  <si>
    <t>-0.09014727769411834</t>
  </si>
  <si>
    <t>668.9804077148438</t>
  </si>
  <si>
    <t>0.059134308574876115</t>
  </si>
  <si>
    <t>34231</t>
  </si>
  <si>
    <t>12.962760925292969</t>
  </si>
  <si>
    <t>607.3402709960938</t>
  </si>
  <si>
    <t>0.020840237087270452</t>
  </si>
  <si>
    <t>11.207077980041504</t>
  </si>
  <si>
    <t>684.0877075195312</t>
  </si>
  <si>
    <t>74.9808349609375</t>
  </si>
  <si>
    <t>Orne</t>
  </si>
  <si>
    <t>26600</t>
  </si>
  <si>
    <t>10.08608341217041</t>
  </si>
  <si>
    <t>565.2916259765625</t>
  </si>
  <si>
    <t>0.0016931619132911635</t>
  </si>
  <si>
    <t>26893</t>
  </si>
  <si>
    <t>11.008816719055176</t>
  </si>
  <si>
    <t>835.4774780273438</t>
  </si>
  <si>
    <t>0.010954813907920524</t>
  </si>
  <si>
    <t>26610</t>
  </si>
  <si>
    <t>10.249554634094238</t>
  </si>
  <si>
    <t>822.2988891601562</t>
  </si>
  <si>
    <t>-0.010578944705976312</t>
  </si>
  <si>
    <t>27138</t>
  </si>
  <si>
    <t>11.360396385192871</t>
  </si>
  <si>
    <t>981.23095703125</t>
  </si>
  <si>
    <t>0.019647874734163295</t>
  </si>
  <si>
    <t>27611</t>
  </si>
  <si>
    <t>10.99267864227295</t>
  </si>
  <si>
    <t>765.0314331054688</t>
  </si>
  <si>
    <t>0.017279284323736377</t>
  </si>
  <si>
    <t>27902</t>
  </si>
  <si>
    <t>9.54712963104248</t>
  </si>
  <si>
    <t>609.6878051757812</t>
  </si>
  <si>
    <t>0.010484126798418814</t>
  </si>
  <si>
    <t>28452</t>
  </si>
  <si>
    <t>11.368367195129395</t>
  </si>
  <si>
    <t>859.2377319335938</t>
  </si>
  <si>
    <t>0.019520086025352157</t>
  </si>
  <si>
    <t>29365</t>
  </si>
  <si>
    <t>10.900809288024902</t>
  </si>
  <si>
    <t>804.2222290039062</t>
  </si>
  <si>
    <t>0.03158503210321406</t>
  </si>
  <si>
    <t>30214</t>
  </si>
  <si>
    <t>11.146358489990234</t>
  </si>
  <si>
    <t>962.4566650390625</t>
  </si>
  <si>
    <t>0.028501904147050894</t>
  </si>
  <si>
    <t>31185</t>
  </si>
  <si>
    <t>11.4817533493042</t>
  </si>
  <si>
    <t>1134.962890625</t>
  </si>
  <si>
    <t>0.03163181685655303</t>
  </si>
  <si>
    <t>10.891342163085938</t>
  </si>
  <si>
    <t>934.7000122070312</t>
  </si>
  <si>
    <t>-0.0019579842234023204</t>
  </si>
  <si>
    <t>30792</t>
  </si>
  <si>
    <t>11.264521598815918</t>
  </si>
  <si>
    <t>998.2780151367188</t>
  </si>
  <si>
    <t>-0.010724309773239682</t>
  </si>
  <si>
    <t>11.335396766662598</t>
  </si>
  <si>
    <t>783.0018310546875</t>
  </si>
  <si>
    <t>0.001071133068963448</t>
  </si>
  <si>
    <t>31807</t>
  </si>
  <si>
    <t>10.877062797546387</t>
  </si>
  <si>
    <t>659.9518432617188</t>
  </si>
  <si>
    <t>0.03136034229776108</t>
  </si>
  <si>
    <t>31737</t>
  </si>
  <si>
    <t>10.773179054260254</t>
  </si>
  <si>
    <t>588.1654663085938</t>
  </si>
  <si>
    <t>-0.002203198675422513</t>
  </si>
  <si>
    <t>31945</t>
  </si>
  <si>
    <t>11.707886695861816</t>
  </si>
  <si>
    <t>804.686767578125</t>
  </si>
  <si>
    <t>0.006532481381560373</t>
  </si>
  <si>
    <t>32333</t>
  </si>
  <si>
    <t>11.182441711425781</t>
  </si>
  <si>
    <t>894.5989379882812</t>
  </si>
  <si>
    <t>0.01207270644947478</t>
  </si>
  <si>
    <t>32258</t>
  </si>
  <si>
    <t>10.494416236877441</t>
  </si>
  <si>
    <t>797.1222534179688</t>
  </si>
  <si>
    <t>-0.0023223060087911307</t>
  </si>
  <si>
    <t>10.914278984069824</t>
  </si>
  <si>
    <t>730.1046752929688</t>
  </si>
  <si>
    <t>-0.030499476417263693</t>
  </si>
  <si>
    <t>10.257766723632812</t>
  </si>
  <si>
    <t>775.0960083007812</t>
  </si>
  <si>
    <t>-0.058232474257991385</t>
  </si>
  <si>
    <t>11.859587669372559</t>
  </si>
  <si>
    <t>661.56689453125</t>
  </si>
  <si>
    <t>0.03308592503832841</t>
  </si>
  <si>
    <t>10.721238136291504</t>
  </si>
  <si>
    <t>925.7212524414062</t>
  </si>
  <si>
    <t>-0.005092915442331147</t>
  </si>
  <si>
    <t>30410</t>
  </si>
  <si>
    <t>10.675686836242676</t>
  </si>
  <si>
    <t>871.1236572265625</t>
  </si>
  <si>
    <t>0.0017443682735400756</t>
  </si>
  <si>
    <t>11.826615333557129</t>
  </si>
  <si>
    <t>851.056640625</t>
  </si>
  <si>
    <t>0.0030535377427387544</t>
  </si>
  <si>
    <t>11.693042755126953</t>
  </si>
  <si>
    <t>743.1051635742188</t>
  </si>
  <si>
    <t>0.0022922270826537527</t>
  </si>
  <si>
    <t>10.818042755126953</t>
  </si>
  <si>
    <t>701.65869140625</t>
  </si>
  <si>
    <t>-0.0026857084137628107</t>
  </si>
  <si>
    <t>31505</t>
  </si>
  <si>
    <t>11.915775299072266</t>
  </si>
  <si>
    <t>821.8382568359375</t>
  </si>
  <si>
    <t>0.03271470529311671</t>
  </si>
  <si>
    <t>31104</t>
  </si>
  <si>
    <t>11.818404197692871</t>
  </si>
  <si>
    <t>739.7168579101562</t>
  </si>
  <si>
    <t>-0.01280983511599132</t>
  </si>
  <si>
    <t>31468</t>
  </si>
  <si>
    <t>12.023987770080566</t>
  </si>
  <si>
    <t>812.7138671875</t>
  </si>
  <si>
    <t>0.011634728188967713</t>
  </si>
  <si>
    <t>12.056755065917969</t>
  </si>
  <si>
    <t>860.096923828125</t>
  </si>
  <si>
    <t>-0.04471180076902037</t>
  </si>
  <si>
    <t>11.023058891296387</t>
  </si>
  <si>
    <t>758.2887573242188</t>
  </si>
  <si>
    <t>0.05916136914431114</t>
  </si>
  <si>
    <t>12.62317943572998</t>
  </si>
  <si>
    <t>714.759521484375</t>
  </si>
  <si>
    <t>0.020830211955154</t>
  </si>
  <si>
    <t>1112</t>
  </si>
  <si>
    <t>23171</t>
  </si>
  <si>
    <t>11.04422378540039</t>
  </si>
  <si>
    <t>635.5078125</t>
  </si>
  <si>
    <t>744.7431030273438</t>
  </si>
  <si>
    <t>Pas-de-Calais</t>
  </si>
  <si>
    <t>23211</t>
  </si>
  <si>
    <t>9.947522163391113</t>
  </si>
  <si>
    <t>630.8368530273438</t>
  </si>
  <si>
    <t>0.001724807464814404</t>
  </si>
  <si>
    <t>23466</t>
  </si>
  <si>
    <t>11.015228271484375</t>
  </si>
  <si>
    <t>806.4330444335938</t>
  </si>
  <si>
    <t>0.010926260766005669</t>
  </si>
  <si>
    <t>23219</t>
  </si>
  <si>
    <t>10.1688871383667</t>
  </si>
  <si>
    <t>824.8549194335938</t>
  </si>
  <si>
    <t>-0.010581655981203753</t>
  </si>
  <si>
    <t>23680</t>
  </si>
  <si>
    <t>11.166240692138672</t>
  </si>
  <si>
    <t>858.77392578125</t>
  </si>
  <si>
    <t>0.019659900995575796</t>
  </si>
  <si>
    <t>24093</t>
  </si>
  <si>
    <t>10.670327186584473</t>
  </si>
  <si>
    <t>579.6676025390625</t>
  </si>
  <si>
    <t>0.017290531858630942</t>
  </si>
  <si>
    <t>24346</t>
  </si>
  <si>
    <t>9.025359153747559</t>
  </si>
  <si>
    <t>561.7332153320312</t>
  </si>
  <si>
    <t>0.010446223112969832</t>
  </si>
  <si>
    <t>24827</t>
  </si>
  <si>
    <t>11.169245719909668</t>
  </si>
  <si>
    <t>772.0348510742188</t>
  </si>
  <si>
    <t>25623</t>
  </si>
  <si>
    <t>10.757477760314941</t>
  </si>
  <si>
    <t>830.0053100585938</t>
  </si>
  <si>
    <t>0.031558614998349555</t>
  </si>
  <si>
    <t>26364</t>
  </si>
  <si>
    <t>11.126843452453613</t>
  </si>
  <si>
    <t>766.4216918945312</t>
  </si>
  <si>
    <t>0.0285090575583542</t>
  </si>
  <si>
    <t>11.30274486541748</t>
  </si>
  <si>
    <t>987.99755859375</t>
  </si>
  <si>
    <t>0.03162186012378676</t>
  </si>
  <si>
    <t>27627</t>
  </si>
  <si>
    <t>10.81115436553955</t>
  </si>
  <si>
    <t>876.720458984375</t>
  </si>
  <si>
    <t>0.015172252093078598</t>
  </si>
  <si>
    <t>27845</t>
  </si>
  <si>
    <t>11.129857063293457</t>
  </si>
  <si>
    <t>892.2741088867188</t>
  </si>
  <si>
    <t>0.007859861634292642</t>
  </si>
  <si>
    <t>27643</t>
  </si>
  <si>
    <t>11.175822257995605</t>
  </si>
  <si>
    <t>657.3344116210938</t>
  </si>
  <si>
    <t>-0.0072808856818049605</t>
  </si>
  <si>
    <t>28178</t>
  </si>
  <si>
    <t>10.776482582092285</t>
  </si>
  <si>
    <t>660.650390625</t>
  </si>
  <si>
    <t>0.01916900027125834</t>
  </si>
  <si>
    <t>28495</t>
  </si>
  <si>
    <t>10.661947250366211</t>
  </si>
  <si>
    <t>658.7020263671875</t>
  </si>
  <si>
    <t>0.011187101655877996</t>
  </si>
  <si>
    <t>11.70178508758545</t>
  </si>
  <si>
    <t>771.3333129882812</t>
  </si>
  <si>
    <t>0.024919413141656577</t>
  </si>
  <si>
    <t>11.360203742980957</t>
  </si>
  <si>
    <t>805.473876953125</t>
  </si>
  <si>
    <t>0.01922255984707455</t>
  </si>
  <si>
    <t>10.464369773864746</t>
  </si>
  <si>
    <t>783.4126586914062</t>
  </si>
  <si>
    <t>0.013871975422464544</t>
  </si>
  <si>
    <t>10.874617576599121</t>
  </si>
  <si>
    <t>729.90234375</t>
  </si>
  <si>
    <t>-0.03292339909606845</t>
  </si>
  <si>
    <t>9.981951713562012</t>
  </si>
  <si>
    <t>769.7647094726562</t>
  </si>
  <si>
    <t>0.004745898932950965</t>
  </si>
  <si>
    <t>29710</t>
  </si>
  <si>
    <t>11.59605884552002</t>
  </si>
  <si>
    <t>629.9168701171875</t>
  </si>
  <si>
    <t>0.011918607939474413</t>
  </si>
  <si>
    <t>29302</t>
  </si>
  <si>
    <t>10.570578575134277</t>
  </si>
  <si>
    <t>919.2300415039062</t>
  </si>
  <si>
    <t>-0.013827916395394269</t>
  </si>
  <si>
    <t>10.520407676696777</t>
  </si>
  <si>
    <t>790.2098388671875</t>
  </si>
  <si>
    <t>0.0006141039393288139</t>
  </si>
  <si>
    <t>11.905339241027832</t>
  </si>
  <si>
    <t>811.6858520507812</t>
  </si>
  <si>
    <t>0.007780025313492089</t>
  </si>
  <si>
    <t>29262</t>
  </si>
  <si>
    <t>11.55873966217041</t>
  </si>
  <si>
    <t>743.2386474609375</t>
  </si>
  <si>
    <t>-0.009760156375971718</t>
  </si>
  <si>
    <t>29676</t>
  </si>
  <si>
    <t>10.767075538635254</t>
  </si>
  <si>
    <t>739.0502319335938</t>
  </si>
  <si>
    <t>0.014048892371308241</t>
  </si>
  <si>
    <t>11.851920127868652</t>
  </si>
  <si>
    <t>747.989501953125</t>
  </si>
  <si>
    <t>0.020049710036461832</t>
  </si>
  <si>
    <t>11.7878999710083</t>
  </si>
  <si>
    <t>663.7468872070312</t>
  </si>
  <si>
    <t>0.007305547826877756</t>
  </si>
  <si>
    <t>31029</t>
  </si>
  <si>
    <t>12.0042142868042</t>
  </si>
  <si>
    <t>779.19873046875</t>
  </si>
  <si>
    <t>0.01722835487315777</t>
  </si>
  <si>
    <t>12.059944152832031</t>
  </si>
  <si>
    <t>806.6261596679688</t>
  </si>
  <si>
    <t>-0.05736886531601826</t>
  </si>
  <si>
    <t>31085</t>
  </si>
  <si>
    <t>10.91150951385498</t>
  </si>
  <si>
    <t>735.7481689453125</t>
  </si>
  <si>
    <t>0.05917200197354333</t>
  </si>
  <si>
    <t>31739</t>
  </si>
  <si>
    <t>12.466583251953125</t>
  </si>
  <si>
    <t>647.8206176757812</t>
  </si>
  <si>
    <t>0.020820820894501324</t>
  </si>
  <si>
    <t>30968</t>
  </si>
  <si>
    <t>10.893563270568848</t>
  </si>
  <si>
    <t>714.9066772460938</t>
  </si>
  <si>
    <t>228.68141174316406</t>
  </si>
  <si>
    <t>Puy-de-DÔøΩme</t>
  </si>
  <si>
    <t>31021</t>
  </si>
  <si>
    <t>10.001093864440918</t>
  </si>
  <si>
    <t>564.1823120117188</t>
  </si>
  <si>
    <t>0.001709981219716994</t>
  </si>
  <si>
    <t>10.78442668914795</t>
  </si>
  <si>
    <t>796.3263549804688</t>
  </si>
  <si>
    <t>0.01093257446377649</t>
  </si>
  <si>
    <t>31032</t>
  </si>
  <si>
    <t>10.003216743469238</t>
  </si>
  <si>
    <t>918.1073608398438</t>
  </si>
  <si>
    <t>-0.010578038821174474</t>
  </si>
  <si>
    <t>11.249999046325684</t>
  </si>
  <si>
    <t>849.4143676757812</t>
  </si>
  <si>
    <t>0.019656025302635882</t>
  </si>
  <si>
    <t>10.732237815856934</t>
  </si>
  <si>
    <t>756.486572265625</t>
  </si>
  <si>
    <t>0.01726044072719546</t>
  </si>
  <si>
    <t>9.597585678100586</t>
  </si>
  <si>
    <t>735.7692260742188</t>
  </si>
  <si>
    <t>0.010473240919480986</t>
  </si>
  <si>
    <t>11.322071075439453</t>
  </si>
  <si>
    <t>640.1981201171875</t>
  </si>
  <si>
    <t>0.01956878585889399</t>
  </si>
  <si>
    <t>10.591955184936523</t>
  </si>
  <si>
    <t>686.0552978515625</t>
  </si>
  <si>
    <t>0.03156314570399665</t>
  </si>
  <si>
    <t>35235</t>
  </si>
  <si>
    <t>10.654824256896973</t>
  </si>
  <si>
    <t>781.045654296875</t>
  </si>
  <si>
    <t>0.028499338129117646</t>
  </si>
  <si>
    <t>36367</t>
  </si>
  <si>
    <t>11.386549949645996</t>
  </si>
  <si>
    <t>808.2263793945312</t>
  </si>
  <si>
    <t>0.031621863252764726</t>
  </si>
  <si>
    <t>10.49890422821045</t>
  </si>
  <si>
    <t>753.6533813476562</t>
  </si>
  <si>
    <t>-0.004575027272178289</t>
  </si>
  <si>
    <t>36372</t>
  </si>
  <si>
    <t>11.012354850769043</t>
  </si>
  <si>
    <t>774.9584350585938</t>
  </si>
  <si>
    <t>0.0047125051040932675</t>
  </si>
  <si>
    <t>11.204310417175293</t>
  </si>
  <si>
    <t>608.2703857421875</t>
  </si>
  <si>
    <t>0.008159734219567838</t>
  </si>
  <si>
    <t>10.506434440612793</t>
  </si>
  <si>
    <t>694.6082153320312</t>
  </si>
  <si>
    <t>0.02123462630124706</t>
  </si>
  <si>
    <t>10.277411460876465</t>
  </si>
  <si>
    <t>595.9776611328125</t>
  </si>
  <si>
    <t>0.011994942531540431</t>
  </si>
  <si>
    <t>38261</t>
  </si>
  <si>
    <t>11.49758529663086</t>
  </si>
  <si>
    <t>776.4225463867188</t>
  </si>
  <si>
    <t>0.009242549712178416</t>
  </si>
  <si>
    <t>10.843274116516113</t>
  </si>
  <si>
    <t>783.7066650390625</t>
  </si>
  <si>
    <t>0.017411119417330312</t>
  </si>
  <si>
    <t>10.190056800842285</t>
  </si>
  <si>
    <t>848.887451171875</t>
  </si>
  <si>
    <t>-0.04215208528459158</t>
  </si>
  <si>
    <t>10.959136009216309</t>
  </si>
  <si>
    <t>656.3070068359375</t>
  </si>
  <si>
    <t>-0.02002448119183242</t>
  </si>
  <si>
    <t>10.073390007019043</t>
  </si>
  <si>
    <t>774.7047119140625</t>
  </si>
  <si>
    <t>-0.0013949483259256823</t>
  </si>
  <si>
    <t>11.68011474609375</t>
  </si>
  <si>
    <t>697.5869140625</t>
  </si>
  <si>
    <t>0.051867920554325764</t>
  </si>
  <si>
    <t>38190</t>
  </si>
  <si>
    <t>10.715057373046875</t>
  </si>
  <si>
    <t>734.5167236328125</t>
  </si>
  <si>
    <t>-0.007564924560080399</t>
  </si>
  <si>
    <t>38569</t>
  </si>
  <si>
    <t>10.523390769958496</t>
  </si>
  <si>
    <t>893.3179321289062</t>
  </si>
  <si>
    <t>0.009875143760421423</t>
  </si>
  <si>
    <t>11.584136962890625</t>
  </si>
  <si>
    <t>773.7564697265625</t>
  </si>
  <si>
    <t>0.002873825587245804</t>
  </si>
  <si>
    <t>11.736839294433594</t>
  </si>
  <si>
    <t>596.165771484375</t>
  </si>
  <si>
    <t>0.009264090959799631</t>
  </si>
  <si>
    <t>39369</t>
  </si>
  <si>
    <t>10.630629539489746</t>
  </si>
  <si>
    <t>706.1348266601562</t>
  </si>
  <si>
    <t>0.0083919430373669</t>
  </si>
  <si>
    <t>41596</t>
  </si>
  <si>
    <t>11.727412223815918</t>
  </si>
  <si>
    <t>720.86767578125</t>
  </si>
  <si>
    <t>0.05502530421572693</t>
  </si>
  <si>
    <t>11.61396312713623</t>
  </si>
  <si>
    <t>623.388916015625</t>
  </si>
  <si>
    <t>0.024108427107774943</t>
  </si>
  <si>
    <t>43186</t>
  </si>
  <si>
    <t>12.066150665283203</t>
  </si>
  <si>
    <t>637.0228881835938</t>
  </si>
  <si>
    <t>0.013403932746879121</t>
  </si>
  <si>
    <t>39537</t>
  </si>
  <si>
    <t>11.93683910369873</t>
  </si>
  <si>
    <t>694.9715576171875</t>
  </si>
  <si>
    <t>-0.08827942632277797</t>
  </si>
  <si>
    <t>41946</t>
  </si>
  <si>
    <t>10.834136009216309</t>
  </si>
  <si>
    <t>731.599365234375</t>
  </si>
  <si>
    <t>0.0591461344280404</t>
  </si>
  <si>
    <t>42829</t>
  </si>
  <si>
    <t>12.64970874786377</t>
  </si>
  <si>
    <t>534.4561157226562</t>
  </si>
  <si>
    <t>0.0208323664763288</t>
  </si>
  <si>
    <t>1114</t>
  </si>
  <si>
    <t>13.518139839172363</t>
  </si>
  <si>
    <t>882.8447875976562</t>
  </si>
  <si>
    <t>208.81272888183594</t>
  </si>
  <si>
    <t>PyrÔøΩnÔøΩes-Atlantiques</t>
  </si>
  <si>
    <t>30038</t>
  </si>
  <si>
    <t>12.388545036315918</t>
  </si>
  <si>
    <t>952.2313842773438</t>
  </si>
  <si>
    <t>0.0016992923705885232</t>
  </si>
  <si>
    <t>30369</t>
  </si>
  <si>
    <t>13.051471710205078</t>
  </si>
  <si>
    <t>1041.92236328125</t>
  </si>
  <si>
    <t>0.010959104501335304</t>
  </si>
  <si>
    <t>30049</t>
  </si>
  <si>
    <t>12.39313793182373</t>
  </si>
  <si>
    <t>1002.2637939453125</t>
  </si>
  <si>
    <t>-0.010592968727443974</t>
  </si>
  <si>
    <t>13.6486234664917</t>
  </si>
  <si>
    <t>978.0039672851562</t>
  </si>
  <si>
    <t>0.01964013438041512</t>
  </si>
  <si>
    <t>13.540291786193848</t>
  </si>
  <si>
    <t>964.721923828125</t>
  </si>
  <si>
    <t>0.017275274336698843</t>
  </si>
  <si>
    <t>12.230090141296387</t>
  </si>
  <si>
    <t>1394.6688232421875</t>
  </si>
  <si>
    <t>0.010464952091714608</t>
  </si>
  <si>
    <t>14.017162322998047</t>
  </si>
  <si>
    <t>1155.2857666015625</t>
  </si>
  <si>
    <t>0.019549305716774157</t>
  </si>
  <si>
    <t>13.122855186462402</t>
  </si>
  <si>
    <t>904.1611328125</t>
  </si>
  <si>
    <t>0.031585281184211667</t>
  </si>
  <si>
    <t>34118</t>
  </si>
  <si>
    <t>13.353341102600098</t>
  </si>
  <si>
    <t>1089.752197265625</t>
  </si>
  <si>
    <t>0.028480773991233832</t>
  </si>
  <si>
    <t>35215</t>
  </si>
  <si>
    <t>13.749602317810059</t>
  </si>
  <si>
    <t>1169.470947265625</t>
  </si>
  <si>
    <t>0.03164702393904584</t>
  </si>
  <si>
    <t>36215</t>
  </si>
  <si>
    <t>13.043137550354004</t>
  </si>
  <si>
    <t>772.2345581054688</t>
  </si>
  <si>
    <t>0.028001269449914545</t>
  </si>
  <si>
    <t>13.343013763427734</t>
  </si>
  <si>
    <t>1207.1162109375</t>
  </si>
  <si>
    <t>0.048060129115059524</t>
  </si>
  <si>
    <t>37453</t>
  </si>
  <si>
    <t>13.764521598815918</t>
  </si>
  <si>
    <t>1190.62255859375</t>
  </si>
  <si>
    <t>-0.014446713198420724</t>
  </si>
  <si>
    <t>37491</t>
  </si>
  <si>
    <t>13.099724769592285</t>
  </si>
  <si>
    <t>961.0943603515625</t>
  </si>
  <si>
    <t>0.0010140906078284218</t>
  </si>
  <si>
    <t>38672</t>
  </si>
  <si>
    <t>12.944884300231934</t>
  </si>
  <si>
    <t>945.611572265625</t>
  </si>
  <si>
    <t>0.031014919789370765</t>
  </si>
  <si>
    <t>13.996878623962402</t>
  </si>
  <si>
    <t>806.947265625</t>
  </si>
  <si>
    <t>0.035537056701951286</t>
  </si>
  <si>
    <t>40504</t>
  </si>
  <si>
    <t>13.12273120880127</t>
  </si>
  <si>
    <t>953.4312133789062</t>
  </si>
  <si>
    <t>0.0107478540045296</t>
  </si>
  <si>
    <t>12.668013572692871</t>
  </si>
  <si>
    <t>1206.2781982421875</t>
  </si>
  <si>
    <t>-0.005247796587173781</t>
  </si>
  <si>
    <t>38808</t>
  </si>
  <si>
    <t>13.408828735351562</t>
  </si>
  <si>
    <t>954.8778076171875</t>
  </si>
  <si>
    <t>-0.03752652713751914</t>
  </si>
  <si>
    <t>12.605088233947754</t>
  </si>
  <si>
    <t>863.6284790039062</t>
  </si>
  <si>
    <t>0.01861053138694757</t>
  </si>
  <si>
    <t>40471</t>
  </si>
  <si>
    <t>14.231062889099121</t>
  </si>
  <si>
    <t>844.116943359375</t>
  </si>
  <si>
    <t>0.023348725914111412</t>
  </si>
  <si>
    <t>39691</t>
  </si>
  <si>
    <t>13.19785213470459</t>
  </si>
  <si>
    <t>995.7830810546875</t>
  </si>
  <si>
    <t>-0.019461206503104123</t>
  </si>
  <si>
    <t>13.106186866760254</t>
  </si>
  <si>
    <t>1307.456787109375</t>
  </si>
  <si>
    <t>0.011722112934178242</t>
  </si>
  <si>
    <t>39866</t>
  </si>
  <si>
    <t>14.011549949645996</t>
  </si>
  <si>
    <t>1103.0731201171875</t>
  </si>
  <si>
    <t>-0.007322744374473444</t>
  </si>
  <si>
    <t>13.916390419006348</t>
  </si>
  <si>
    <t>943.7264404296875</t>
  </si>
  <si>
    <t>-0.0014559331838608358</t>
  </si>
  <si>
    <t>39724</t>
  </si>
  <si>
    <t>13.20805835723877</t>
  </si>
  <si>
    <t>937.02978515625</t>
  </si>
  <si>
    <t>-0.002112358075601506</t>
  </si>
  <si>
    <t>14.028340339660645</t>
  </si>
  <si>
    <t>1001.3867797851562</t>
  </si>
  <si>
    <t>-0.010374849505504713</t>
  </si>
  <si>
    <t>39345</t>
  </si>
  <si>
    <t>1158.0858154296875</t>
  </si>
  <si>
    <t>0.0007882124513383104</t>
  </si>
  <si>
    <t>40558</t>
  </si>
  <si>
    <t>14.193138122558594</t>
  </si>
  <si>
    <t>1043.3099365234375</t>
  </si>
  <si>
    <t>0.03036414641552554</t>
  </si>
  <si>
    <t>37305</t>
  </si>
  <si>
    <t>14.11988353729248</t>
  </si>
  <si>
    <t>1176.290283203125</t>
  </si>
  <si>
    <t>-0.08360568247899458</t>
  </si>
  <si>
    <t>39578</t>
  </si>
  <si>
    <t>13.362773895263672</t>
  </si>
  <si>
    <t>985.8098754882812</t>
  </si>
  <si>
    <t>0.059146042403234844</t>
  </si>
  <si>
    <t>40411</t>
  </si>
  <si>
    <t>14.912402153015137</t>
  </si>
  <si>
    <t>818.159912109375</t>
  </si>
  <si>
    <t>0.020828616807397893</t>
  </si>
  <si>
    <t>23807</t>
  </si>
  <si>
    <t>14.416666984558105</t>
  </si>
  <si>
    <t>675.9000244140625</t>
  </si>
  <si>
    <t>133.17156982421875</t>
  </si>
  <si>
    <t>PyrÔøΩnÔøΩes-Orientales</t>
  </si>
  <si>
    <t>23848</t>
  </si>
  <si>
    <t>988.5</t>
  </si>
  <si>
    <t>0.0017207012953992518</t>
  </si>
  <si>
    <t>24110</t>
  </si>
  <si>
    <t>14.041666984558105</t>
  </si>
  <si>
    <t>0.010926335817309507</t>
  </si>
  <si>
    <t>23857</t>
  </si>
  <si>
    <t>13.550000190734863</t>
  </si>
  <si>
    <t>855.9998779296875</t>
  </si>
  <si>
    <t>-0.010549016873518724</t>
  </si>
  <si>
    <t>24330</t>
  </si>
  <si>
    <t>14.666666984558105</t>
  </si>
  <si>
    <t>715.0</t>
  </si>
  <si>
    <t>0.019632481475870378</t>
  </si>
  <si>
    <t>24754</t>
  </si>
  <si>
    <t>14.408333778381348</t>
  </si>
  <si>
    <t>0.017276935322398046</t>
  </si>
  <si>
    <t>13.475001335144043</t>
  </si>
  <si>
    <t>885.7999877929688</t>
  </si>
  <si>
    <t>0.010488552822337738</t>
  </si>
  <si>
    <t>25508</t>
  </si>
  <si>
    <t>14.891666412353516</t>
  </si>
  <si>
    <t>605.9000854492188</t>
  </si>
  <si>
    <t>0.01951648351285762</t>
  </si>
  <si>
    <t>26326</t>
  </si>
  <si>
    <t>14.075000762939453</t>
  </si>
  <si>
    <t>0.03156491555018981</t>
  </si>
  <si>
    <t>14.266666412353516</t>
  </si>
  <si>
    <t>0.02849686399023632</t>
  </si>
  <si>
    <t>27958</t>
  </si>
  <si>
    <t>14.875000953674316</t>
  </si>
  <si>
    <t>0.03164947605548463</t>
  </si>
  <si>
    <t>14.199999809265137</t>
  </si>
  <si>
    <t>451.9000244140625</t>
  </si>
  <si>
    <t>0.034659544604002335</t>
  </si>
  <si>
    <t>14.475001335144043</t>
  </si>
  <si>
    <t>0.000863364065164518</t>
  </si>
  <si>
    <t>15.0</t>
  </si>
  <si>
    <t>814.2999877929688</t>
  </si>
  <si>
    <t>0.03453766169469752</t>
  </si>
  <si>
    <t>30281</t>
  </si>
  <si>
    <t>14.13333511352539</t>
  </si>
  <si>
    <t>742.10009765625</t>
  </si>
  <si>
    <t>0.009756498710206785</t>
  </si>
  <si>
    <t>13.816666603088379</t>
  </si>
  <si>
    <t>875.800048828125</t>
  </si>
  <si>
    <t>-0.0027778714248487546</t>
  </si>
  <si>
    <t>15.050000190734863</t>
  </si>
  <si>
    <t>414.29998779296875</t>
  </si>
  <si>
    <t>0.028049444728495132</t>
  </si>
  <si>
    <t>14.383334159851074</t>
  </si>
  <si>
    <t>561.8999633789062</t>
  </si>
  <si>
    <t>0.0146081326810652</t>
  </si>
  <si>
    <t>13.966666221618652</t>
  </si>
  <si>
    <t>736.9000244140625</t>
  </si>
  <si>
    <t>-0.013449607739746128</t>
  </si>
  <si>
    <t>14.72500228881836</t>
  </si>
  <si>
    <t>495.4000549316406</t>
  </si>
  <si>
    <t>-0.030533482671657453</t>
  </si>
  <si>
    <t>29746</t>
  </si>
  <si>
    <t>13.833332061767578</t>
  </si>
  <si>
    <t>872.1000366210938</t>
  </si>
  <si>
    <t>-0.013722399525908813</t>
  </si>
  <si>
    <t>802.2000122070312</t>
  </si>
  <si>
    <t>0.03179597246104038</t>
  </si>
  <si>
    <t>14.491667747497559</t>
  </si>
  <si>
    <t>524.7000122070312</t>
  </si>
  <si>
    <t>-0.022060686566746313</t>
  </si>
  <si>
    <t>14.225001335144043</t>
  </si>
  <si>
    <t>663.7999877929688</t>
  </si>
  <si>
    <t>-0.015568172169912131</t>
  </si>
  <si>
    <t>29463</t>
  </si>
  <si>
    <t>15.14999771118164</t>
  </si>
  <si>
    <t>-0.003726544051041003</t>
  </si>
  <si>
    <t>29717</t>
  </si>
  <si>
    <t>15.15000057220459</t>
  </si>
  <si>
    <t>482.8000183105469</t>
  </si>
  <si>
    <t>0.008584033784297063</t>
  </si>
  <si>
    <t>29622</t>
  </si>
  <si>
    <t>14.52500057220459</t>
  </si>
  <si>
    <t>-0.0032019441232638</t>
  </si>
  <si>
    <t>15.258334159851074</t>
  </si>
  <si>
    <t>0.02249836209471212</t>
  </si>
  <si>
    <t>30480</t>
  </si>
  <si>
    <t>959.1000366210938</t>
  </si>
  <si>
    <t>0.0060550402189534225</t>
  </si>
  <si>
    <t>30978</t>
  </si>
  <si>
    <t>0.01620654430712065</t>
  </si>
  <si>
    <t>29224</t>
  </si>
  <si>
    <t>15.25</t>
  </si>
  <si>
    <t>686.7999267578125</t>
  </si>
  <si>
    <t>-0.05828698563258605</t>
  </si>
  <si>
    <t>31004</t>
  </si>
  <si>
    <t>14.616665840148926</t>
  </si>
  <si>
    <t>462.699951171875</t>
  </si>
  <si>
    <t>0.05912593892628415</t>
  </si>
  <si>
    <t>16.116666793823242</t>
  </si>
  <si>
    <t>462.6000061035156</t>
  </si>
  <si>
    <t>0.020843064752989804</t>
  </si>
  <si>
    <t>43261</t>
  </si>
  <si>
    <t>736.8809204101562</t>
  </si>
  <si>
    <t>RhÔøΩne</t>
  </si>
  <si>
    <t>703.2000122070312</t>
  </si>
  <si>
    <t>0.0016860099842403997</t>
  </si>
  <si>
    <t>43811</t>
  </si>
  <si>
    <t>877.5999755859375</t>
  </si>
  <si>
    <t>0.010947381119635224</t>
  </si>
  <si>
    <t>43350</t>
  </si>
  <si>
    <t>1019.2999267578125</t>
  </si>
  <si>
    <t>-0.010578224177599793</t>
  </si>
  <si>
    <t>44210</t>
  </si>
  <si>
    <t>12.341666221618652</t>
  </si>
  <si>
    <t>897.7000732421875</t>
  </si>
  <si>
    <t>0.01964430461160127</t>
  </si>
  <si>
    <t>44981</t>
  </si>
  <si>
    <t>11.741667747497559</t>
  </si>
  <si>
    <t>0.017289170549044997</t>
  </si>
  <si>
    <t>45454</t>
  </si>
  <si>
    <t>870.4999389648438</t>
  </si>
  <si>
    <t>0.010460647164624248</t>
  </si>
  <si>
    <t>12.333334922790527</t>
  </si>
  <si>
    <t>0.019563615475172824</t>
  </si>
  <si>
    <t>47838</t>
  </si>
  <si>
    <t>0.031555861721418665</t>
  </si>
  <si>
    <t>49221</t>
  </si>
  <si>
    <t>11.633334159851074</t>
  </si>
  <si>
    <t>948.2999877929688</t>
  </si>
  <si>
    <t>0.02850005895244223</t>
  </si>
  <si>
    <t>50803</t>
  </si>
  <si>
    <t>12.433331489562988</t>
  </si>
  <si>
    <t>0.03163504625800684</t>
  </si>
  <si>
    <t>51117</t>
  </si>
  <si>
    <t>839.5000610351562</t>
  </si>
  <si>
    <t>0.0061617149423494055</t>
  </si>
  <si>
    <t>12.041665077209473</t>
  </si>
  <si>
    <t>911.2999877929688</t>
  </si>
  <si>
    <t>-0.015555540633481968</t>
  </si>
  <si>
    <t>50450</t>
  </si>
  <si>
    <t>12.249999046325684</t>
  </si>
  <si>
    <t>699.7000732421875</t>
  </si>
  <si>
    <t>0.0024211645318885644</t>
  </si>
  <si>
    <t>52326</t>
  </si>
  <si>
    <t>732.2999877929688</t>
  </si>
  <si>
    <t>0.036510632673286025</t>
  </si>
  <si>
    <t>52719</t>
  </si>
  <si>
    <t>676.0</t>
  </si>
  <si>
    <t>0.00748254240791546</t>
  </si>
  <si>
    <t>54804</t>
  </si>
  <si>
    <t>12.516666412353516</t>
  </si>
  <si>
    <t>855.7999877929688</t>
  </si>
  <si>
    <t>0.03878726211004313</t>
  </si>
  <si>
    <t>55200</t>
  </si>
  <si>
    <t>828.1000366210938</t>
  </si>
  <si>
    <t>0.007199769292187241</t>
  </si>
  <si>
    <t>57123</t>
  </si>
  <si>
    <t>0.03424388437750281</t>
  </si>
  <si>
    <t>54493</t>
  </si>
  <si>
    <t>-0.04713458460749642</t>
  </si>
  <si>
    <t>56158</t>
  </si>
  <si>
    <t>823.4000244140625</t>
  </si>
  <si>
    <t>0.030096893494745203</t>
  </si>
  <si>
    <t>56667</t>
  </si>
  <si>
    <t>0.00902288416999042</t>
  </si>
  <si>
    <t>56946</t>
  </si>
  <si>
    <t>893.7000122070312</t>
  </si>
  <si>
    <t>0.004911419658618854</t>
  </si>
  <si>
    <t>56331</t>
  </si>
  <si>
    <t>1022.9000244140625</t>
  </si>
  <si>
    <t>-0.010858445097627012</t>
  </si>
  <si>
    <t>56490</t>
  </si>
  <si>
    <t>891.4998779296875</t>
  </si>
  <si>
    <t>0.002818626058386897</t>
  </si>
  <si>
    <t>57272</t>
  </si>
  <si>
    <t>720.7999877929688</t>
  </si>
  <si>
    <t>0.01374821675671356</t>
  </si>
  <si>
    <t>58386</t>
  </si>
  <si>
    <t>0.019264286974022937</t>
  </si>
  <si>
    <t>60086</t>
  </si>
  <si>
    <t>12.750000953674316</t>
  </si>
  <si>
    <t>774.9999389648438</t>
  </si>
  <si>
    <t>0.028700734245818538</t>
  </si>
  <si>
    <t>62278</t>
  </si>
  <si>
    <t>0.03583136409854326</t>
  </si>
  <si>
    <t>62956</t>
  </si>
  <si>
    <t>13.10000228881836</t>
  </si>
  <si>
    <t>750.2000122070312</t>
  </si>
  <si>
    <t>0.010827836277085723</t>
  </si>
  <si>
    <t>-0.08133810126089003</t>
  </si>
  <si>
    <t>61574</t>
  </si>
  <si>
    <t>795.0000610351562</t>
  </si>
  <si>
    <t>0.059141735088973135</t>
  </si>
  <si>
    <t>62870</t>
  </si>
  <si>
    <t>13.649998664855957</t>
  </si>
  <si>
    <t>0.020829398877532768</t>
  </si>
  <si>
    <t>28027</t>
  </si>
  <si>
    <t>12.211219787597656</t>
  </si>
  <si>
    <t>616.3947143554688</t>
  </si>
  <si>
    <t>275.30078125</t>
  </si>
  <si>
    <t>Sarthe</t>
  </si>
  <si>
    <t>10.999890327453613</t>
  </si>
  <si>
    <t>512.1571044921875</t>
  </si>
  <si>
    <t>0.0017111693598241828</t>
  </si>
  <si>
    <t>28384</t>
  </si>
  <si>
    <t>12.018662452697754</t>
  </si>
  <si>
    <t>765.6901245117188</t>
  </si>
  <si>
    <t>0.010946105502661396</t>
  </si>
  <si>
    <t>28085</t>
  </si>
  <si>
    <t>11.216796875</t>
  </si>
  <si>
    <t>741.6016235351562</t>
  </si>
  <si>
    <t>-0.01058998014277357</t>
  </si>
  <si>
    <t>28642</t>
  </si>
  <si>
    <t>12.386670112609863</t>
  </si>
  <si>
    <t>971.9187622070312</t>
  </si>
  <si>
    <t>0.019638546072116014</t>
  </si>
  <si>
    <t>29141</t>
  </si>
  <si>
    <t>11.9032564163208</t>
  </si>
  <si>
    <t>698.3292236328125</t>
  </si>
  <si>
    <t>0.01727194521163966</t>
  </si>
  <si>
    <t>10.393868446350098</t>
  </si>
  <si>
    <t>559.9340209960938</t>
  </si>
  <si>
    <t>0.010479878808569154</t>
  </si>
  <si>
    <t>12.327292442321777</t>
  </si>
  <si>
    <t>786.502685546875</t>
  </si>
  <si>
    <t>0.019537585330759555</t>
  </si>
  <si>
    <t>30992</t>
  </si>
  <si>
    <t>11.818928718566895</t>
  </si>
  <si>
    <t>771.5252075195312</t>
  </si>
  <si>
    <t>0.03156552525716094</t>
  </si>
  <si>
    <t>12.060212135314941</t>
  </si>
  <si>
    <t>861.1692504882812</t>
  </si>
  <si>
    <t>0.028500656805798386</t>
  </si>
  <si>
    <t>12.421287536621094</t>
  </si>
  <si>
    <t>1001.7418212890625</t>
  </si>
  <si>
    <t>0.03163795303302486</t>
  </si>
  <si>
    <t>11.827796936035156</t>
  </si>
  <si>
    <t>805.7886352539062</t>
  </si>
  <si>
    <t>-0.004079650059455986</t>
  </si>
  <si>
    <t>33317</t>
  </si>
  <si>
    <t>12.205695152282715</t>
  </si>
  <si>
    <t>856.2070922851562</t>
  </si>
  <si>
    <t>0.016279710786742285</t>
  </si>
  <si>
    <t>12.26236629486084</t>
  </si>
  <si>
    <t>706.132568359375</t>
  </si>
  <si>
    <t>-0.004391777002375363</t>
  </si>
  <si>
    <t>11.802024841308594</t>
  </si>
  <si>
    <t>599.14453125</t>
  </si>
  <si>
    <t>0.024743346187161563</t>
  </si>
  <si>
    <t>33864</t>
  </si>
  <si>
    <t>11.697647094726562</t>
  </si>
  <si>
    <t>547.350341796875</t>
  </si>
  <si>
    <t>-0.00406684319691486</t>
  </si>
  <si>
    <t>33654</t>
  </si>
  <si>
    <t>12.660284996032715</t>
  </si>
  <si>
    <t>708.0770263671875</t>
  </si>
  <si>
    <t>-0.00622058346436738</t>
  </si>
  <si>
    <t>12.172444343566895</t>
  </si>
  <si>
    <t>814.6583251953125</t>
  </si>
  <si>
    <t>0.022505871029139257</t>
  </si>
  <si>
    <t>11.421764373779297</t>
  </si>
  <si>
    <t>748.0739135742188</t>
  </si>
  <si>
    <t>0.017538499058780133</t>
  </si>
  <si>
    <t>34184</t>
  </si>
  <si>
    <t>11.943763732910156</t>
  </si>
  <si>
    <t>649.8272094726562</t>
  </si>
  <si>
    <t>-0.024418591500449338</t>
  </si>
  <si>
    <t>33629</t>
  </si>
  <si>
    <t>11.21921157836914</t>
  </si>
  <si>
    <t>683.871826171875</t>
  </si>
  <si>
    <t>-0.01636890838698868</t>
  </si>
  <si>
    <t>12.849635124206543</t>
  </si>
  <si>
    <t>596.9400024414062</t>
  </si>
  <si>
    <t>0.014787972963880236</t>
  </si>
  <si>
    <t>34201</t>
  </si>
  <si>
    <t>11.72896957397461</t>
  </si>
  <si>
    <t>844.0269165039062</t>
  </si>
  <si>
    <t>0.0020781204885516047</t>
  </si>
  <si>
    <t>34044</t>
  </si>
  <si>
    <t>11.702442169189453</t>
  </si>
  <si>
    <t>796.7617797851562</t>
  </si>
  <si>
    <t>-0.004601077792452557</t>
  </si>
  <si>
    <t>34469</t>
  </si>
  <si>
    <t>12.86083984375</t>
  </si>
  <si>
    <t>754.299560546875</t>
  </si>
  <si>
    <t>0.012406563759267186</t>
  </si>
  <si>
    <t>12.60916805267334</t>
  </si>
  <si>
    <t>668.4317016601562</t>
  </si>
  <si>
    <t>-0.01874194658077677</t>
  </si>
  <si>
    <t>34045</t>
  </si>
  <si>
    <t>11.76110553741455</t>
  </si>
  <si>
    <t>590.2100219726562</t>
  </si>
  <si>
    <t>0.0063647561417248255</t>
  </si>
  <si>
    <t>12.858004570007324</t>
  </si>
  <si>
    <t>721.3765869140625</t>
  </si>
  <si>
    <t>0.007841112177647602</t>
  </si>
  <si>
    <t>34202</t>
  </si>
  <si>
    <t>12.769203186035156</t>
  </si>
  <si>
    <t>656.6558837890625</t>
  </si>
  <si>
    <t>-0.003240169221715661</t>
  </si>
  <si>
    <t>34537</t>
  </si>
  <si>
    <t>12.98204517364502</t>
  </si>
  <si>
    <t>728.9130859375</t>
  </si>
  <si>
    <t>0.009747091236144811</t>
  </si>
  <si>
    <t>13.019888877868652</t>
  </si>
  <si>
    <t>763.5448608398438</t>
  </si>
  <si>
    <t>-0.07158765872803663</t>
  </si>
  <si>
    <t>11.94658374786377</t>
  </si>
  <si>
    <t>658.7439575195312</t>
  </si>
  <si>
    <t>0.05914704203158472</t>
  </si>
  <si>
    <t>34828</t>
  </si>
  <si>
    <t>13.583041191101074</t>
  </si>
  <si>
    <t>605.7424926757812</t>
  </si>
  <si>
    <t>0.020831064535814292</t>
  </si>
  <si>
    <t>1118</t>
  </si>
  <si>
    <t>8.070610046386719</t>
  </si>
  <si>
    <t>1215.4078369140625</t>
  </si>
  <si>
    <t>231.4730682373047</t>
  </si>
  <si>
    <t>Savoie</t>
  </si>
  <si>
    <t>34225</t>
  </si>
  <si>
    <t>7.1157708168029785</t>
  </si>
  <si>
    <t>935.4666748046875</t>
  </si>
  <si>
    <t>0.0016961052141883926</t>
  </si>
  <si>
    <t>34602</t>
  </si>
  <si>
    <t>8.005813598632812</t>
  </si>
  <si>
    <t>1211.981201171875</t>
  </si>
  <si>
    <t>0.010955112686819035</t>
  </si>
  <si>
    <t>7.224063396453857</t>
  </si>
  <si>
    <t>1297.326171875</t>
  </si>
  <si>
    <t>-0.010575345508744505</t>
  </si>
  <si>
    <t>34917</t>
  </si>
  <si>
    <t>8.5118989944458</t>
  </si>
  <si>
    <t>1266.246337890625</t>
  </si>
  <si>
    <t>0.019637678275362447</t>
  </si>
  <si>
    <t>35526</t>
  </si>
  <si>
    <t>7.843469142913818</t>
  </si>
  <si>
    <t>1191.17138671875</t>
  </si>
  <si>
    <t>0.01729100614974577</t>
  </si>
  <si>
    <t>6.669566631317139</t>
  </si>
  <si>
    <t>1127.7076416015625</t>
  </si>
  <si>
    <t>0.01047247271653795</t>
  </si>
  <si>
    <t>8.468563079833984</t>
  </si>
  <si>
    <t>1066.669677734375</t>
  </si>
  <si>
    <t>0.019556816323579085</t>
  </si>
  <si>
    <t>37783</t>
  </si>
  <si>
    <t>7.768411636352539</t>
  </si>
  <si>
    <t>1078.2362060546875</t>
  </si>
  <si>
    <t>0.03156515419667549</t>
  </si>
  <si>
    <t>38875</t>
  </si>
  <si>
    <t>7.818760395050049</t>
  </si>
  <si>
    <t>1379.2978515625</t>
  </si>
  <si>
    <t>0.02849210448491135</t>
  </si>
  <si>
    <t>40124</t>
  </si>
  <si>
    <t>8.663655281066895</t>
  </si>
  <si>
    <t>1220.9342041015625</t>
  </si>
  <si>
    <t>0.03162328852184082</t>
  </si>
  <si>
    <t>7.6854987144470215</t>
  </si>
  <si>
    <t>1203.384033203125</t>
  </si>
  <si>
    <t>0.02098746560865372</t>
  </si>
  <si>
    <t>41937</t>
  </si>
  <si>
    <t>8.24650764465332</t>
  </si>
  <si>
    <t>1356.4560546875</t>
  </si>
  <si>
    <t>0.023206367527208727</t>
  </si>
  <si>
    <t>8.399949073791504</t>
  </si>
  <si>
    <t>948.7274169921875</t>
  </si>
  <si>
    <t>0.0068202876038672144</t>
  </si>
  <si>
    <t>43616</t>
  </si>
  <si>
    <t>7.746959686279297</t>
  </si>
  <si>
    <t>1005.1603393554688</t>
  </si>
  <si>
    <t>0.03243527575315319</t>
  </si>
  <si>
    <t>7.489253997802734</t>
  </si>
  <si>
    <t>919.5194702148438</t>
  </si>
  <si>
    <t>0.016733748053315622</t>
  </si>
  <si>
    <t>45593</t>
  </si>
  <si>
    <t>8.688584327697754</t>
  </si>
  <si>
    <t>1309.3778076171875</t>
  </si>
  <si>
    <t>0.027596392397295944</t>
  </si>
  <si>
    <t>46236</t>
  </si>
  <si>
    <t>8.019954681396484</t>
  </si>
  <si>
    <t>1251.1456298828125</t>
  </si>
  <si>
    <t>0.014004519467286869</t>
  </si>
  <si>
    <t>44819</t>
  </si>
  <si>
    <t>7.4378275871276855</t>
  </si>
  <si>
    <t>1180.477783203125</t>
  </si>
  <si>
    <t>-0.031126558776238156</t>
  </si>
  <si>
    <t>42741</t>
  </si>
  <si>
    <t>8.189471244812012</t>
  </si>
  <si>
    <t>1051.3006591796875</t>
  </si>
  <si>
    <t>-0.047473509752578025</t>
  </si>
  <si>
    <t>41895</t>
  </si>
  <si>
    <t>7.321587085723877</t>
  </si>
  <si>
    <t>1070.183837890625</t>
  </si>
  <si>
    <t>43951</t>
  </si>
  <si>
    <t>8.818470001220703</t>
  </si>
  <si>
    <t>980.8422241210938</t>
  </si>
  <si>
    <t>0.047908888935642935</t>
  </si>
  <si>
    <t>43304</t>
  </si>
  <si>
    <t>7.916900634765625</t>
  </si>
  <si>
    <t>1250.4254150390625</t>
  </si>
  <si>
    <t>-0.01483036750621558</t>
  </si>
  <si>
    <t>7.67463493347168</t>
  </si>
  <si>
    <t>1329.6451416015625</t>
  </si>
  <si>
    <t>-0.004188512030184555</t>
  </si>
  <si>
    <t>8.767071723937988</t>
  </si>
  <si>
    <t>1178.2030029296875</t>
  </si>
  <si>
    <t>-0.003810325002218562</t>
  </si>
  <si>
    <t>43272</t>
  </si>
  <si>
    <t>8.882110595703125</t>
  </si>
  <si>
    <t>950.100830078125</t>
  </si>
  <si>
    <t>0.007259602106852725</t>
  </si>
  <si>
    <t>44345</t>
  </si>
  <si>
    <t>7.7912468910217285</t>
  </si>
  <si>
    <t>1048.77587890625</t>
  </si>
  <si>
    <t>0.02449418825928973</t>
  </si>
  <si>
    <t>45673</t>
  </si>
  <si>
    <t>8.870665550231934</t>
  </si>
  <si>
    <t>1123.8349609375</t>
  </si>
  <si>
    <t>0.029507350846953884</t>
  </si>
  <si>
    <t>46616</t>
  </si>
  <si>
    <t>8.795475959777832</t>
  </si>
  <si>
    <t>888.9449462890625</t>
  </si>
  <si>
    <t>0.020436516165402097</t>
  </si>
  <si>
    <t>9.183826446533203</t>
  </si>
  <si>
    <t>1033.16943359375</t>
  </si>
  <si>
    <t>0.006436253281416171</t>
  </si>
  <si>
    <t>42951</t>
  </si>
  <si>
    <t>9.089441299438477</t>
  </si>
  <si>
    <t>1097.3642578125</t>
  </si>
  <si>
    <t>-0.08832015207588917</t>
  </si>
  <si>
    <t>7.992227077484131</t>
  </si>
  <si>
    <t>1046.300048828125</t>
  </si>
  <si>
    <t>0.05914578474321175</t>
  </si>
  <si>
    <t>46527</t>
  </si>
  <si>
    <t>9.813021659851074</t>
  </si>
  <si>
    <t>929.5755004882812</t>
  </si>
  <si>
    <t>0.020827073455913947</t>
  </si>
  <si>
    <t>26655</t>
  </si>
  <si>
    <t>11.430584907531738</t>
  </si>
  <si>
    <t>781.2034301757812</t>
  </si>
  <si>
    <t>372.1115417480469</t>
  </si>
  <si>
    <t>SaÔøΩne-et-Loire</t>
  </si>
  <si>
    <t>26700</t>
  </si>
  <si>
    <t>10.555275917053223</t>
  </si>
  <si>
    <t>664.3410034179688</t>
  </si>
  <si>
    <t>0.0016868151314799462</t>
  </si>
  <si>
    <t>26994</t>
  </si>
  <si>
    <t>11.36861515045166</t>
  </si>
  <si>
    <t>852.1869506835938</t>
  </si>
  <si>
    <t>0.010951053680885892</t>
  </si>
  <si>
    <t>26710</t>
  </si>
  <si>
    <t>10.588353157043457</t>
  </si>
  <si>
    <t>995.994873046875</t>
  </si>
  <si>
    <t>-0.010576591965220317</t>
  </si>
  <si>
    <t>11.833565711975098</t>
  </si>
  <si>
    <t>903.6339721679688</t>
  </si>
  <si>
    <t>0.019648454159442608</t>
  </si>
  <si>
    <t>27715</t>
  </si>
  <si>
    <t>11.240307807922363</t>
  </si>
  <si>
    <t>849.2831420898438</t>
  </si>
  <si>
    <t>0.017287301590457105</t>
  </si>
  <si>
    <t>28007</t>
  </si>
  <si>
    <t>10.128886222839355</t>
  </si>
  <si>
    <t>791.2921142578125</t>
  </si>
  <si>
    <t>0.010480696058642991</t>
  </si>
  <si>
    <t>28559</t>
  </si>
  <si>
    <t>11.87548542022705</t>
  </si>
  <si>
    <t>765.4882202148438</t>
  </si>
  <si>
    <t>0.01951764392236477</t>
  </si>
  <si>
    <t>29475</t>
  </si>
  <si>
    <t>11.140033721923828</t>
  </si>
  <si>
    <t>776.0099487304688</t>
  </si>
  <si>
    <t>0.03157032357065859</t>
  </si>
  <si>
    <t>11.209285736083984</t>
  </si>
  <si>
    <t>915.1262817382812</t>
  </si>
  <si>
    <t>0.028495958416595357</t>
  </si>
  <si>
    <t>11.974635124206543</t>
  </si>
  <si>
    <t>916.6229248046875</t>
  </si>
  <si>
    <t>0.0316435884282793</t>
  </si>
  <si>
    <t>31178</t>
  </si>
  <si>
    <t>11.062012672424316</t>
  </si>
  <si>
    <t>864.5588989257812</t>
  </si>
  <si>
    <t>-0.00396927537781977</t>
  </si>
  <si>
    <t>11.56564712524414</t>
  </si>
  <si>
    <t>876.315185546875</t>
  </si>
  <si>
    <t>0.03181885750581337</t>
  </si>
  <si>
    <t>11.761608123779297</t>
  </si>
  <si>
    <t>673.4207763671875</t>
  </si>
  <si>
    <t>0.01782929709515635</t>
  </si>
  <si>
    <t>33866</t>
  </si>
  <si>
    <t>11.06124496459961</t>
  </si>
  <si>
    <t>729.0975952148438</t>
  </si>
  <si>
    <t>0.033050688751689705</t>
  </si>
  <si>
    <t>10.819300651550293</t>
  </si>
  <si>
    <t>652.4813232421875</t>
  </si>
  <si>
    <t>-0.017244630869308608</t>
  </si>
  <si>
    <t>34056</t>
  </si>
  <si>
    <t>12.064053535461426</t>
  </si>
  <si>
    <t>823.1021728515625</t>
  </si>
  <si>
    <t>0.022839298152010912</t>
  </si>
  <si>
    <t>11.40918254852295</t>
  </si>
  <si>
    <t>869.0770874023438</t>
  </si>
  <si>
    <t>0.028940554327258283</t>
  </si>
  <si>
    <t>35388</t>
  </si>
  <si>
    <t>10.77523422241211</t>
  </si>
  <si>
    <t>891.4845581054688</t>
  </si>
  <si>
    <t>0.009425996768030132</t>
  </si>
  <si>
    <t>33431</t>
  </si>
  <si>
    <t>11.531132698059082</t>
  </si>
  <si>
    <t>738.0010986328125</t>
  </si>
  <si>
    <t>-0.05688916638495556</t>
  </si>
  <si>
    <t>10.650626182556152</t>
  </si>
  <si>
    <t>806.6763305664062</t>
  </si>
  <si>
    <t>-0.021283187952455762</t>
  </si>
  <si>
    <t>12.236103057861328</t>
  </si>
  <si>
    <t>740.8954467773438</t>
  </si>
  <si>
    <t>0.026950446454272026</t>
  </si>
  <si>
    <t>32986</t>
  </si>
  <si>
    <t>11.295295715332031</t>
  </si>
  <si>
    <t>870.408447265625</t>
  </si>
  <si>
    <t>-0.019067642712039756</t>
  </si>
  <si>
    <t>33038</t>
  </si>
  <si>
    <t>11.066901206970215</t>
  </si>
  <si>
    <t>992.2095336914062</t>
  </si>
  <si>
    <t>0.001575185106988286</t>
  </si>
  <si>
    <t>12.157505989074707</t>
  </si>
  <si>
    <t>872.6682739257812</t>
  </si>
  <si>
    <t>0.016569989491252102</t>
  </si>
  <si>
    <t>12.336504936218262</t>
  </si>
  <si>
    <t>709.921142578125</t>
  </si>
  <si>
    <t>-0.01324602063740521</t>
  </si>
  <si>
    <t>32741</t>
  </si>
  <si>
    <t>11.240796089172363</t>
  </si>
  <si>
    <t>767.053466796875</t>
  </si>
  <si>
    <t>-0.012354267832797916</t>
  </si>
  <si>
    <t>34041</t>
  </si>
  <si>
    <t>12.28689193725586</t>
  </si>
  <si>
    <t>823.0926513671875</t>
  </si>
  <si>
    <t>0.03893756532296422</t>
  </si>
  <si>
    <t>34513</t>
  </si>
  <si>
    <t>12.161418914794922</t>
  </si>
  <si>
    <t>685.5946655273438</t>
  </si>
  <si>
    <t>0.01377038417889409</t>
  </si>
  <si>
    <t>12.610013008117676</t>
  </si>
  <si>
    <t>751.398681640625</t>
  </si>
  <si>
    <t>0.0037884858129419996</t>
  </si>
  <si>
    <t>32772</t>
  </si>
  <si>
    <t>12.497386932373047</t>
  </si>
  <si>
    <t>793.5765380859375</t>
  </si>
  <si>
    <t>-0.055550058189229645</t>
  </si>
  <si>
    <t>34768</t>
  </si>
  <si>
    <t>11.409472465515137</t>
  </si>
  <si>
    <t>784.0967407226562</t>
  </si>
  <si>
    <t>0.05912293123450496</t>
  </si>
  <si>
    <t>35500</t>
  </si>
  <si>
    <t>13.201363563537598</t>
  </si>
  <si>
    <t>703.5186157226562</t>
  </si>
  <si>
    <t>0.020835272967296703</t>
  </si>
  <si>
    <t>1120</t>
  </si>
  <si>
    <t>11.317286491394043</t>
  </si>
  <si>
    <t>649.2744140625</t>
  </si>
  <si>
    <t>194.42440795898438</t>
  </si>
  <si>
    <t>Seine-Maritime</t>
  </si>
  <si>
    <t>33247</t>
  </si>
  <si>
    <t>10.205130577087402</t>
  </si>
  <si>
    <t>562.4888305664062</t>
  </si>
  <si>
    <t>0.0016857826322898006</t>
  </si>
  <si>
    <t>33613</t>
  </si>
  <si>
    <t>11.305819511413574</t>
  </si>
  <si>
    <t>835.9669799804688</t>
  </si>
  <si>
    <t>0.010948359435333899</t>
  </si>
  <si>
    <t>33259</t>
  </si>
  <si>
    <t>10.471796989440918</t>
  </si>
  <si>
    <t>840.06494140625</t>
  </si>
  <si>
    <t>-0.010587489735449651</t>
  </si>
  <si>
    <t>33919</t>
  </si>
  <si>
    <t>11.596107482910156</t>
  </si>
  <si>
    <t>919.4136352539062</t>
  </si>
  <si>
    <t>0.019649922189783453</t>
  </si>
  <si>
    <t>34510</t>
  </si>
  <si>
    <t>10.908953666687012</t>
  </si>
  <si>
    <t>700.3521118164062</t>
  </si>
  <si>
    <t>0.01727380775286136</t>
  </si>
  <si>
    <t>9.392285346984863</t>
  </si>
  <si>
    <t>584.2632446289062</t>
  </si>
  <si>
    <t>0.010492428785390473</t>
  </si>
  <si>
    <t>35562</t>
  </si>
  <si>
    <t>11.417285919189453</t>
  </si>
  <si>
    <t>798.3715209960938</t>
  </si>
  <si>
    <t>0.019536086138455033</t>
  </si>
  <si>
    <t>36702</t>
  </si>
  <si>
    <t>11.013463020324707</t>
  </si>
  <si>
    <t>816.2136840820312</t>
  </si>
  <si>
    <t>0.0315535974547263</t>
  </si>
  <si>
    <t>11.271797180175781</t>
  </si>
  <si>
    <t>925.168701171875</t>
  </si>
  <si>
    <t>0.02849853778544187</t>
  </si>
  <si>
    <t>38977</t>
  </si>
  <si>
    <t>11.667285919189453</t>
  </si>
  <si>
    <t>1100.837646484375</t>
  </si>
  <si>
    <t>0.031641941298826026</t>
  </si>
  <si>
    <t>11.062774658203125</t>
  </si>
  <si>
    <t>907.4471435546875</t>
  </si>
  <si>
    <t>0.0025623300461941056</t>
  </si>
  <si>
    <t>11.4506196975708</t>
  </si>
  <si>
    <t>940.3743896484375</t>
  </si>
  <si>
    <t>-0.003666153751858303</t>
  </si>
  <si>
    <t>39416</t>
  </si>
  <si>
    <t>11.412775993347168</t>
  </si>
  <si>
    <t>734.4661865234375</t>
  </si>
  <si>
    <t>0.012303920374575839</t>
  </si>
  <si>
    <t>40280</t>
  </si>
  <si>
    <t>10.980130195617676</t>
  </si>
  <si>
    <t>636.5702514648438</t>
  </si>
  <si>
    <t>0.021683242608698805</t>
  </si>
  <si>
    <t>10.86728572845459</t>
  </si>
  <si>
    <t>584.5521240234375</t>
  </si>
  <si>
    <t>0.005817208062326884</t>
  </si>
  <si>
    <t>11.88464069366455</t>
  </si>
  <si>
    <t>754.673095703125</t>
  </si>
  <si>
    <t>0.012948021693398815</t>
  </si>
  <si>
    <t>42321</t>
  </si>
  <si>
    <t>11.458952903747559</t>
  </si>
  <si>
    <t>846.56201171875</t>
  </si>
  <si>
    <t>0.03066311915438824</t>
  </si>
  <si>
    <t>41758</t>
  </si>
  <si>
    <t>10.676307678222656</t>
  </si>
  <si>
    <t>772.5475463867188</t>
  </si>
  <si>
    <t>-0.013392367053292276</t>
  </si>
  <si>
    <t>39943</t>
  </si>
  <si>
    <t>11.138463020324707</t>
  </si>
  <si>
    <t>677.8421630859375</t>
  </si>
  <si>
    <t>-0.044437611871325444</t>
  </si>
  <si>
    <t>10.392285346984863</t>
  </si>
  <si>
    <t>764.3235473632812</t>
  </si>
  <si>
    <t>0.025435468738431055</t>
  </si>
  <si>
    <t>41611</t>
  </si>
  <si>
    <t>11.980130195617676</t>
  </si>
  <si>
    <t>674.45751953125</t>
  </si>
  <si>
    <t>0.015475648816231313</t>
  </si>
  <si>
    <t>41752</t>
  </si>
  <si>
    <t>10.938464164733887</t>
  </si>
  <si>
    <t>895.3082885742188</t>
  </si>
  <si>
    <t>0.003382798950591237</t>
  </si>
  <si>
    <t>10.884642601013184</t>
  </si>
  <si>
    <t>833.7015991210938</t>
  </si>
  <si>
    <t>-0.00122224500854351</t>
  </si>
  <si>
    <t>41664</t>
  </si>
  <si>
    <t>12.108952522277832</t>
  </si>
  <si>
    <t>796.9574584960938</t>
  </si>
  <si>
    <t>-0.0008876627464644571</t>
  </si>
  <si>
    <t>42003</t>
  </si>
  <si>
    <t>11.8256196975708</t>
  </si>
  <si>
    <t>681.5458984375</t>
  </si>
  <si>
    <t>0.008103597717795452</t>
  </si>
  <si>
    <t>10.988463401794434</t>
  </si>
  <si>
    <t>686.8868408203125</t>
  </si>
  <si>
    <t>-0.022438767958858463</t>
  </si>
  <si>
    <t>41375</t>
  </si>
  <si>
    <t>12.171109199523926</t>
  </si>
  <si>
    <t>795.5665893554688</t>
  </si>
  <si>
    <t>0.007374557352186173</t>
  </si>
  <si>
    <t>41026</t>
  </si>
  <si>
    <t>12.083952903747559</t>
  </si>
  <si>
    <t>695.1678466796875</t>
  </si>
  <si>
    <t>-0.008470821637281745</t>
  </si>
  <si>
    <t>41104</t>
  </si>
  <si>
    <t>12.29228687286377</t>
  </si>
  <si>
    <t>788.02685546875</t>
  </si>
  <si>
    <t>0.001899428307583051</t>
  </si>
  <si>
    <t>37714</t>
  </si>
  <si>
    <t>12.341597557067871</t>
  </si>
  <si>
    <t>839.5855712890625</t>
  </si>
  <si>
    <t>-0.08607406206279755</t>
  </si>
  <si>
    <t>40012</t>
  </si>
  <si>
    <t>11.121108055114746</t>
  </si>
  <si>
    <t>764.4169311523438</t>
  </si>
  <si>
    <t>0.05914803081820352</t>
  </si>
  <si>
    <t>40854</t>
  </si>
  <si>
    <t>12.816596984863281</t>
  </si>
  <si>
    <t>691.453369140625</t>
  </si>
  <si>
    <t>0.02082532660595149</t>
  </si>
  <si>
    <t>28628</t>
  </si>
  <si>
    <t>12.11361026763916</t>
  </si>
  <si>
    <t>544.0148315429688</t>
  </si>
  <si>
    <t>961.8964233398438</t>
  </si>
  <si>
    <t>Seine-et-Marne</t>
  </si>
  <si>
    <t>28677</t>
  </si>
  <si>
    <t>10.977547645568848</t>
  </si>
  <si>
    <t>460.8632507324219</t>
  </si>
  <si>
    <t>0.0017101478733838604</t>
  </si>
  <si>
    <t>28993</t>
  </si>
  <si>
    <t>12.086478233337402</t>
  </si>
  <si>
    <t>639.9075927734375</t>
  </si>
  <si>
    <t>0.010959013789719307</t>
  </si>
  <si>
    <t>28688</t>
  </si>
  <si>
    <t>11.259570121765137</t>
  </si>
  <si>
    <t>677.123779296875</t>
  </si>
  <si>
    <t>-0.010575504676678449</t>
  </si>
  <si>
    <t>29257</t>
  </si>
  <si>
    <t>12.412320137023926</t>
  </si>
  <si>
    <t>795.1906127929688</t>
  </si>
  <si>
    <t>0.019639944422841893</t>
  </si>
  <si>
    <t>29767</t>
  </si>
  <si>
    <t>11.773475646972656</t>
  </si>
  <si>
    <t>596.2323608398438</t>
  </si>
  <si>
    <t>0.017281536074312598</t>
  </si>
  <si>
    <t>10.280341148376465</t>
  </si>
  <si>
    <t>454.7507019042969</t>
  </si>
  <si>
    <t>0.010460101721708526</t>
  </si>
  <si>
    <t>30674</t>
  </si>
  <si>
    <t>12.297881126403809</t>
  </si>
  <si>
    <t>690.4421997070312</t>
  </si>
  <si>
    <t>0.01955489114694764</t>
  </si>
  <si>
    <t>11.873040199279785</t>
  </si>
  <si>
    <t>647.4451904296875</t>
  </si>
  <si>
    <t>0.0315754910349586</t>
  </si>
  <si>
    <t>32573</t>
  </si>
  <si>
    <t>12.113516807556152</t>
  </si>
  <si>
    <t>746.7017822265625</t>
  </si>
  <si>
    <t>0.028492843085833996</t>
  </si>
  <si>
    <t>12.48929214477539</t>
  </si>
  <si>
    <t>900.9921875</t>
  </si>
  <si>
    <t>0.031637403631089356</t>
  </si>
  <si>
    <t>32685</t>
  </si>
  <si>
    <t>11.868681907653809</t>
  </si>
  <si>
    <t>757.1898803710938</t>
  </si>
  <si>
    <t>-0.028204870915775615</t>
  </si>
  <si>
    <t>12.265837669372559</t>
  </si>
  <si>
    <t>735.63427734375</t>
  </si>
  <si>
    <t>0.05299904390928489</t>
  </si>
  <si>
    <t>34720</t>
  </si>
  <si>
    <t>12.207087516784668</t>
  </si>
  <si>
    <t>592.9219970703125</t>
  </si>
  <si>
    <t>0.007400588818171627</t>
  </si>
  <si>
    <t>11.84622859954834</t>
  </si>
  <si>
    <t>529.345458984375</t>
  </si>
  <si>
    <t>0.024242921745242896</t>
  </si>
  <si>
    <t>35306</t>
  </si>
  <si>
    <t>11.714706420898438</t>
  </si>
  <si>
    <t>458.8368835449219</t>
  </si>
  <si>
    <t>-0.007505890370302026</t>
  </si>
  <si>
    <t>12.684294700622559</t>
  </si>
  <si>
    <t>618.4767456054688</t>
  </si>
  <si>
    <t>0.029581351030111946</t>
  </si>
  <si>
    <t>12.207939147949219</t>
  </si>
  <si>
    <t>722.4006958007812</t>
  </si>
  <si>
    <t>0.020036604318978135</t>
  </si>
  <si>
    <t>38113</t>
  </si>
  <si>
    <t>11.45724868774414</t>
  </si>
  <si>
    <t>623.1372680664062</t>
  </si>
  <si>
    <t>0.026884554767566016</t>
  </si>
  <si>
    <t>11.961700439453125</t>
  </si>
  <si>
    <t>551.0050048828125</t>
  </si>
  <si>
    <t>-0.020517074460762785</t>
  </si>
  <si>
    <t>36206</t>
  </si>
  <si>
    <t>11.233441352844238</t>
  </si>
  <si>
    <t>635.3546752929688</t>
  </si>
  <si>
    <t>-0.030813505869232927</t>
  </si>
  <si>
    <t>38165</t>
  </si>
  <si>
    <t>12.839709281921387</t>
  </si>
  <si>
    <t>549.6705322265625</t>
  </si>
  <si>
    <t>0.05269401429668186</t>
  </si>
  <si>
    <t>38854</t>
  </si>
  <si>
    <t>11.754424095153809</t>
  </si>
  <si>
    <t>729.7694702148438</t>
  </si>
  <si>
    <t>0.017892166366156204</t>
  </si>
  <si>
    <t>37598</t>
  </si>
  <si>
    <t>11.683441162109375</t>
  </si>
  <si>
    <t>691.848876953125</t>
  </si>
  <si>
    <t>-0.032860174124820674</t>
  </si>
  <si>
    <t>12.884410858154297</t>
  </si>
  <si>
    <t>679.6570434570312</t>
  </si>
  <si>
    <t>0.0028683754926230876</t>
  </si>
  <si>
    <t>37639</t>
  </si>
  <si>
    <t>12.507941246032715</t>
  </si>
  <si>
    <t>555.3555908203125</t>
  </si>
  <si>
    <t>-0.0017784861015375242</t>
  </si>
  <si>
    <t>37919</t>
  </si>
  <si>
    <t>11.699444770812988</t>
  </si>
  <si>
    <t>586.6502075195312</t>
  </si>
  <si>
    <t>0.007411558848220423</t>
  </si>
  <si>
    <t>12.801238059997559</t>
  </si>
  <si>
    <t>687.4912109375</t>
  </si>
  <si>
    <t>0.011041431886424036</t>
  </si>
  <si>
    <t>38147</t>
  </si>
  <si>
    <t>12.715836524963379</t>
  </si>
  <si>
    <t>570.9283447265625</t>
  </si>
  <si>
    <t>-0.0050466199384509025</t>
  </si>
  <si>
    <t>12.874171257019043</t>
  </si>
  <si>
    <t>606.3095703125</t>
  </si>
  <si>
    <t>0.034676323333687975</t>
  </si>
  <si>
    <t>34165</t>
  </si>
  <si>
    <t>12.93087100982666</t>
  </si>
  <si>
    <t>653.5274047851562</t>
  </si>
  <si>
    <t>-0.1449217127799951</t>
  </si>
  <si>
    <t>36247</t>
  </si>
  <si>
    <t>11.915677070617676</t>
  </si>
  <si>
    <t>676.1925048828125</t>
  </si>
  <si>
    <t>0.05915489102256899</t>
  </si>
  <si>
    <t>37010</t>
  </si>
  <si>
    <t>13.431629180908203</t>
  </si>
  <si>
    <t>544.3386840820312</t>
  </si>
  <si>
    <t>0.02083152714275549</t>
  </si>
  <si>
    <t>11.322357177734375</t>
  </si>
  <si>
    <t>604.9620361328125</t>
  </si>
  <si>
    <t>290.71612548828125</t>
  </si>
  <si>
    <t>Somme</t>
  </si>
  <si>
    <t>10.200386047363281</t>
  </si>
  <si>
    <t>541.1959228515625</t>
  </si>
  <si>
    <t>0.001698192014709221</t>
  </si>
  <si>
    <t>28006</t>
  </si>
  <si>
    <t>11.2900972366333</t>
  </si>
  <si>
    <t>755.6529541015625</t>
  </si>
  <si>
    <t>0.010986359740293494</t>
  </si>
  <si>
    <t>10.482560157775879</t>
  </si>
  <si>
    <t>779.0308837890625</t>
  </si>
  <si>
    <t>-0.010589326655003006</t>
  </si>
  <si>
    <t>28260</t>
  </si>
  <si>
    <t>11.52658462524414</t>
  </si>
  <si>
    <t>834.7780151367188</t>
  </si>
  <si>
    <t>0.01961793097779818</t>
  </si>
  <si>
    <t>10.986556053161621</t>
  </si>
  <si>
    <t>629.5316772460938</t>
  </si>
  <si>
    <t>0.01729473236921031</t>
  </si>
  <si>
    <t>29056</t>
  </si>
  <si>
    <t>9.363911628723145</t>
  </si>
  <si>
    <t>536.62939453125</t>
  </si>
  <si>
    <t>0.010482892793291398</t>
  </si>
  <si>
    <t>29629</t>
  </si>
  <si>
    <t>11.514025688171387</t>
  </si>
  <si>
    <t>740.1603393554688</t>
  </si>
  <si>
    <t>0.01952860901893061</t>
  </si>
  <si>
    <t>11.11258602142334</t>
  </si>
  <si>
    <t>765.1328735351562</t>
  </si>
  <si>
    <t>0.03159258906310214</t>
  </si>
  <si>
    <t>11.47493839263916</t>
  </si>
  <si>
    <t>813.45458984375</t>
  </si>
  <si>
    <t>0.028466051769086675</t>
  </si>
  <si>
    <t>11.642415046691895</t>
  </si>
  <si>
    <t>986.8092651367188</t>
  </si>
  <si>
    <t>0.03165831028666055</t>
  </si>
  <si>
    <t>33862</t>
  </si>
  <si>
    <t>11.102339744567871</t>
  </si>
  <si>
    <t>857.8104248046875</t>
  </si>
  <si>
    <t>0.0418228791493771</t>
  </si>
  <si>
    <t>33759</t>
  </si>
  <si>
    <t>11.41694164276123</t>
  </si>
  <si>
    <t>857.2806396484375</t>
  </si>
  <si>
    <t>-0.003046393270070169</t>
  </si>
  <si>
    <t>34254</t>
  </si>
  <si>
    <t>11.462069511413574</t>
  </si>
  <si>
    <t>651.6751098632812</t>
  </si>
  <si>
    <t>0.01455629777420775</t>
  </si>
  <si>
    <t>34230</t>
  </si>
  <si>
    <t>11.114541053771973</t>
  </si>
  <si>
    <t>624.4732055664062</t>
  </si>
  <si>
    <t>-0.0007008936680836797</t>
  </si>
  <si>
    <t>34156</t>
  </si>
  <si>
    <t>11.012585639953613</t>
  </si>
  <si>
    <t>566.335205078125</t>
  </si>
  <si>
    <t>-0.0021641864967332225</t>
  </si>
  <si>
    <t>34063</t>
  </si>
  <si>
    <t>12.008593559265137</t>
  </si>
  <si>
    <t>720.2850952148438</t>
  </si>
  <si>
    <t>-0.002726514830548865</t>
  </si>
  <si>
    <t>34892</t>
  </si>
  <si>
    <t>11.62043285369873</t>
  </si>
  <si>
    <t>794.890625</t>
  </si>
  <si>
    <t>0.024045825356161288</t>
  </si>
  <si>
    <t>35049</t>
  </si>
  <si>
    <t>10.753373146057129</t>
  </si>
  <si>
    <t>729.9223022460938</t>
  </si>
  <si>
    <t>0.004489505832147245</t>
  </si>
  <si>
    <t>11.193450927734375</t>
  </si>
  <si>
    <t>663.665771484375</t>
  </si>
  <si>
    <t>-0.03315509252735893</t>
  </si>
  <si>
    <t>34084</t>
  </si>
  <si>
    <t>10.330021858215332</t>
  </si>
  <si>
    <t>724.5365600585938</t>
  </si>
  <si>
    <t>0.0052360760899485825</t>
  </si>
  <si>
    <t>11.951155662536621</t>
  </si>
  <si>
    <t>621.3887939453125</t>
  </si>
  <si>
    <t>0.013984612013443254</t>
  </si>
  <si>
    <t>34862</t>
  </si>
  <si>
    <t>10.891899108886719</t>
  </si>
  <si>
    <t>833.370849609375</t>
  </si>
  <si>
    <t>0.008584732813520901</t>
  </si>
  <si>
    <t>10.859081268310547</t>
  </si>
  <si>
    <t>763.3065795898438</t>
  </si>
  <si>
    <t>0.0015191255053252917</t>
  </si>
  <si>
    <t>12.177815437316895</t>
  </si>
  <si>
    <t>767.0598754882812</t>
  </si>
  <si>
    <t>-0.01230509885316522</t>
  </si>
  <si>
    <t>11.857436180114746</t>
  </si>
  <si>
    <t>661.1295166015625</t>
  </si>
  <si>
    <t>0.013221190640916092</t>
  </si>
  <si>
    <t>11.076014518737793</t>
  </si>
  <si>
    <t>675.387939453125</t>
  </si>
  <si>
    <t>-0.03059462051457018</t>
  </si>
  <si>
    <t>35070</t>
  </si>
  <si>
    <t>12.131961822509766</t>
  </si>
  <si>
    <t>733.138916015625</t>
  </si>
  <si>
    <t>0.034108056580906876</t>
  </si>
  <si>
    <t>12.07494068145752</t>
  </si>
  <si>
    <t>648.5318603515625</t>
  </si>
  <si>
    <t>0.01704803597146487</t>
  </si>
  <si>
    <t>12.261260032653809</t>
  </si>
  <si>
    <t>726.4484252929688</t>
  </si>
  <si>
    <t>0.011289161161935013</t>
  </si>
  <si>
    <t>33953</t>
  </si>
  <si>
    <t>12.30683422088623</t>
  </si>
  <si>
    <t>758.4996948242188</t>
  </si>
  <si>
    <t>-0.060706045941754994</t>
  </si>
  <si>
    <t>11.198906898498535</t>
  </si>
  <si>
    <t>713.5851440429688</t>
  </si>
  <si>
    <t>0.0591526475711337</t>
  </si>
  <si>
    <t>36780</t>
  </si>
  <si>
    <t>12.73028564453125</t>
  </si>
  <si>
    <t>621.8810424804688</t>
  </si>
  <si>
    <t>0.020824356261309518</t>
  </si>
  <si>
    <t>23679</t>
  </si>
  <si>
    <t>13.241722106933594</t>
  </si>
  <si>
    <t>747.7869873046875</t>
  </si>
  <si>
    <t>186.913818359375</t>
  </si>
  <si>
    <t>Tarn</t>
  </si>
  <si>
    <t>23719</t>
  </si>
  <si>
    <t>12.254347801208496</t>
  </si>
  <si>
    <t>707.8399047851562</t>
  </si>
  <si>
    <t>0.001687835330434595</t>
  </si>
  <si>
    <t>23981</t>
  </si>
  <si>
    <t>12.829937934875488</t>
  </si>
  <si>
    <t>793.0523071289062</t>
  </si>
  <si>
    <t>0.010985435422927736</t>
  </si>
  <si>
    <t>23728</t>
  </si>
  <si>
    <t>12.315967559814453</t>
  </si>
  <si>
    <t>995.2500610351562</t>
  </si>
  <si>
    <t>-0.010606064752160194</t>
  </si>
  <si>
    <t>24199</t>
  </si>
  <si>
    <t>13.56329345703125</t>
  </si>
  <si>
    <t>908.6489868164062</t>
  </si>
  <si>
    <t>0.019655524599224705</t>
  </si>
  <si>
    <t>24621</t>
  </si>
  <si>
    <t>13.309150695800781</t>
  </si>
  <si>
    <t>854.3672485351562</t>
  </si>
  <si>
    <t>0.017288427320883315</t>
  </si>
  <si>
    <t>24880</t>
  </si>
  <si>
    <t>12.184280395507812</t>
  </si>
  <si>
    <t>1050.9522705078125</t>
  </si>
  <si>
    <t>0.010464530555294616</t>
  </si>
  <si>
    <t>25371</t>
  </si>
  <si>
    <t>13.754960060119629</t>
  </si>
  <si>
    <t>737.8048706054688</t>
  </si>
  <si>
    <t>0.019542521597216478</t>
  </si>
  <si>
    <t>26185</t>
  </si>
  <si>
    <t>12.929154396057129</t>
  </si>
  <si>
    <t>774.211181640625</t>
  </si>
  <si>
    <t>0.031579938263256224</t>
  </si>
  <si>
    <t>26942</t>
  </si>
  <si>
    <t>13.161247253417969</t>
  </si>
  <si>
    <t>847.400146484375</t>
  </si>
  <si>
    <t>0.02849967954492527</t>
  </si>
  <si>
    <t>27808</t>
  </si>
  <si>
    <t>13.766631126403809</t>
  </si>
  <si>
    <t>945.7628784179688</t>
  </si>
  <si>
    <t>0.03163734180660427</t>
  </si>
  <si>
    <t>12.982132911682129</t>
  </si>
  <si>
    <t>660.6517944335938</t>
  </si>
  <si>
    <t>0.03167789783647912</t>
  </si>
  <si>
    <t>29051</t>
  </si>
  <si>
    <t>13.311134338378906</t>
  </si>
  <si>
    <t>935.9568481445312</t>
  </si>
  <si>
    <t>0.01205125919390504</t>
  </si>
  <si>
    <t>13.732369422912598</t>
  </si>
  <si>
    <t>810.9816284179688</t>
  </si>
  <si>
    <t>0.0008945775438320425</t>
  </si>
  <si>
    <t>30162</t>
  </si>
  <si>
    <t>12.996869087219238</t>
  </si>
  <si>
    <t>669.8704833984375</t>
  </si>
  <si>
    <t>0.03663537028129582</t>
  </si>
  <si>
    <t>30236</t>
  </si>
  <si>
    <t>12.740032196044922</t>
  </si>
  <si>
    <t>652.167724609375</t>
  </si>
  <si>
    <t>0.002450413491436265</t>
  </si>
  <si>
    <t>30596</t>
  </si>
  <si>
    <t>13.910606384277344</t>
  </si>
  <si>
    <t>621.8858032226562</t>
  </si>
  <si>
    <t>0.011836014029690034</t>
  </si>
  <si>
    <t>30606</t>
  </si>
  <si>
    <t>13.169161796569824</t>
  </si>
  <si>
    <t>779.8765258789062</t>
  </si>
  <si>
    <t>0.0003267867092251464</t>
  </si>
  <si>
    <t>12.71432876586914</t>
  </si>
  <si>
    <t>894.0289306640625</t>
  </si>
  <si>
    <t>-0.013387256919035195</t>
  </si>
  <si>
    <t>29662</t>
  </si>
  <si>
    <t>13.492778778076172</t>
  </si>
  <si>
    <t>725.0636596679688</t>
  </si>
  <si>
    <t>-0.01794204593003812</t>
  </si>
  <si>
    <t>29001</t>
  </si>
  <si>
    <t>12.600704193115234</t>
  </si>
  <si>
    <t>730.8798828125</t>
  </si>
  <si>
    <t>-0.022536453169193393</t>
  </si>
  <si>
    <t>14.058438301086426</t>
  </si>
  <si>
    <t>677.2759399414062</t>
  </si>
  <si>
    <t>0.01838111197612946</t>
  </si>
  <si>
    <t>29415</t>
  </si>
  <si>
    <t>13.189826011657715</t>
  </si>
  <si>
    <t>743.482421875</t>
  </si>
  <si>
    <t>-0.004206675810287663</t>
  </si>
  <si>
    <t>28761</t>
  </si>
  <si>
    <t>13.019824028015137</t>
  </si>
  <si>
    <t>918.9592895507812</t>
  </si>
  <si>
    <t>-0.022484445553450527</t>
  </si>
  <si>
    <t>29093</t>
  </si>
  <si>
    <t>13.92360782623291</t>
  </si>
  <si>
    <t>880.289794921875</t>
  </si>
  <si>
    <t>0.011477292649548332</t>
  </si>
  <si>
    <t>28829</t>
  </si>
  <si>
    <t>13.935635566711426</t>
  </si>
  <si>
    <t>694.1564331054688</t>
  </si>
  <si>
    <t>-0.009115770454661387</t>
  </si>
  <si>
    <t>13.169018745422363</t>
  </si>
  <si>
    <t>676.3946533203125</t>
  </si>
  <si>
    <t>0.009012647549253572</t>
  </si>
  <si>
    <t>14.040112495422363</t>
  </si>
  <si>
    <t>803.9804077148438</t>
  </si>
  <si>
    <t>0.03243491005017063</t>
  </si>
  <si>
    <t>13.95434856414795</t>
  </si>
  <si>
    <t>833.4280395507812</t>
  </si>
  <si>
    <t>0.001330273899988299</t>
  </si>
  <si>
    <t>30578</t>
  </si>
  <si>
    <t>14.211990356445312</t>
  </si>
  <si>
    <t>845.6273803710938</t>
  </si>
  <si>
    <t>0.016121139681153807</t>
  </si>
  <si>
    <t>29321</t>
  </si>
  <si>
    <t>14.148059844970703</t>
  </si>
  <si>
    <t>931.6395874023438</t>
  </si>
  <si>
    <t>-0.04197681328957614</t>
  </si>
  <si>
    <t>31107</t>
  </si>
  <si>
    <t>13.303897857666016</t>
  </si>
  <si>
    <t>769.2328491210938</t>
  </si>
  <si>
    <t>0.05912889139540489</t>
  </si>
  <si>
    <t>31762</t>
  </si>
  <si>
    <t>14.9486083984375</t>
  </si>
  <si>
    <t>658.3751831054688</t>
  </si>
  <si>
    <t>0.020837732444203283</t>
  </si>
  <si>
    <t>24612</t>
  </si>
  <si>
    <t>765.3001098632812</t>
  </si>
  <si>
    <t>22.49358367919922</t>
  </si>
  <si>
    <t>Tarn-et-Garonne</t>
  </si>
  <si>
    <t>24654</t>
  </si>
  <si>
    <t>12.091668128967285</t>
  </si>
  <si>
    <t>0.0017050302510845938</t>
  </si>
  <si>
    <t>24926</t>
  </si>
  <si>
    <t>0.010972276274857862</t>
  </si>
  <si>
    <t>12.074999809265137</t>
  </si>
  <si>
    <t>1093.0</t>
  </si>
  <si>
    <t>-0.010607290566079897</t>
  </si>
  <si>
    <t>973.0000610351562</t>
  </si>
  <si>
    <t>0.01963327140868998</t>
  </si>
  <si>
    <t>13.083332061767578</t>
  </si>
  <si>
    <t>866.7999877929688</t>
  </si>
  <si>
    <t>0.017303310926138238</t>
  </si>
  <si>
    <t>11.941668510437012</t>
  </si>
  <si>
    <t>994.2000122070312</t>
  </si>
  <si>
    <t>0.010456646170776907</t>
  </si>
  <si>
    <t>0.019567548183394123</t>
  </si>
  <si>
    <t>12.591667175292969</t>
  </si>
  <si>
    <t>773.0000610351562</t>
  </si>
  <si>
    <t>0.03157685654368869</t>
  </si>
  <si>
    <t>28003</t>
  </si>
  <si>
    <t>12.77500057220459</t>
  </si>
  <si>
    <t>884.4000244140625</t>
  </si>
  <si>
    <t>0.028469869222167432</t>
  </si>
  <si>
    <t>28903</t>
  </si>
  <si>
    <t>13.441668510437012</t>
  </si>
  <si>
    <t>971.2999877929688</t>
  </si>
  <si>
    <t>0.031633748666305195</t>
  </si>
  <si>
    <t>28830</t>
  </si>
  <si>
    <t>12.658332824707031</t>
  </si>
  <si>
    <t>728.4000854492188</t>
  </si>
  <si>
    <t>-0.002528884308954815</t>
  </si>
  <si>
    <t>12.958333015441895</t>
  </si>
  <si>
    <t>0.01767158442374317</t>
  </si>
  <si>
    <t>833.7999877929688</t>
  </si>
  <si>
    <t>0.020841816021135884</t>
  </si>
  <si>
    <t>31089</t>
  </si>
  <si>
    <t>12.666667938232422</t>
  </si>
  <si>
    <t>0.03692414677500011</t>
  </si>
  <si>
    <t>688.0</t>
  </si>
  <si>
    <t>0.017251978447367478</t>
  </si>
  <si>
    <t>31761</t>
  </si>
  <si>
    <t>0.00413308471179441</t>
  </si>
  <si>
    <t>31352</t>
  </si>
  <si>
    <t>12.833333015441895</t>
  </si>
  <si>
    <t>834.5999755859375</t>
  </si>
  <si>
    <t>-0.012961061132022778</t>
  </si>
  <si>
    <t>921.2000122070312</t>
  </si>
  <si>
    <t>-0.07015090696835813</t>
  </si>
  <si>
    <t>28702</t>
  </si>
  <si>
    <t>13.199999809265137</t>
  </si>
  <si>
    <t>742.7000122070312</t>
  </si>
  <si>
    <t>-0.018160347180231184</t>
  </si>
  <si>
    <t>27430</t>
  </si>
  <si>
    <t>752.0000610351562</t>
  </si>
  <si>
    <t>-0.045329501799228566</t>
  </si>
  <si>
    <t>28064</t>
  </si>
  <si>
    <t>0.022850311240260268</t>
  </si>
  <si>
    <t>12.916666984558105</t>
  </si>
  <si>
    <t>780.300048828125</t>
  </si>
  <si>
    <t>27996</t>
  </si>
  <si>
    <t>941.7001342773438</t>
  </si>
  <si>
    <t>-0.0024259733624791835</t>
  </si>
  <si>
    <t>13.616667747497559</t>
  </si>
  <si>
    <t>916.0</t>
  </si>
  <si>
    <t>0.00042854082507126634</t>
  </si>
  <si>
    <t>28105</t>
  </si>
  <si>
    <t>13.666666984558105</t>
  </si>
  <si>
    <t>711.2000122070312</t>
  </si>
  <si>
    <t>0.0034573128016734955</t>
  </si>
  <si>
    <t>28025</t>
  </si>
  <si>
    <t>12.958334922790527</t>
  </si>
  <si>
    <t>-0.002850527495814603</t>
  </si>
  <si>
    <t>13.72499942779541</t>
  </si>
  <si>
    <t>0.035267255608692594</t>
  </si>
  <si>
    <t>13.716667175292969</t>
  </si>
  <si>
    <t>0.01065571215053751</t>
  </si>
  <si>
    <t>29938</t>
  </si>
  <si>
    <t>13.991667747497559</t>
  </si>
  <si>
    <t>864.699951171875</t>
  </si>
  <si>
    <t>0.020108639775591186</t>
  </si>
  <si>
    <t>939.4000244140625</t>
  </si>
  <si>
    <t>-0.047611755285467794</t>
  </si>
  <si>
    <t>30285</t>
  </si>
  <si>
    <t>13.09999942779541</t>
  </si>
  <si>
    <t>801.2000122070312</t>
  </si>
  <si>
    <t>0.05913571922533478</t>
  </si>
  <si>
    <t>14.716668128967285</t>
  </si>
  <si>
    <t>662.300048828125</t>
  </si>
  <si>
    <t>0.02084770315929063</t>
  </si>
  <si>
    <t>26341</t>
  </si>
  <si>
    <t>15.810057640075684</t>
  </si>
  <si>
    <t>665.0382080078125</t>
  </si>
  <si>
    <t>336.7237548828125</t>
  </si>
  <si>
    <t>Var</t>
  </si>
  <si>
    <t>14.973033905029297</t>
  </si>
  <si>
    <t>686.56689453125</t>
  </si>
  <si>
    <t>0.0017069057949719024</t>
  </si>
  <si>
    <t>15.484992027282715</t>
  </si>
  <si>
    <t>666.5038452148438</t>
  </si>
  <si>
    <t>0.010968204485450883</t>
  </si>
  <si>
    <t>15.075450897216797</t>
  </si>
  <si>
    <t>860.616455078125</t>
  </si>
  <si>
    <t>-0.010589287425860405</t>
  </si>
  <si>
    <t>16.156431198120117</t>
  </si>
  <si>
    <t>852.7219848632812</t>
  </si>
  <si>
    <t>0.019657021255351736</t>
  </si>
  <si>
    <t>27389</t>
  </si>
  <si>
    <t>15.851658821105957</t>
  </si>
  <si>
    <t>950.626220703125</t>
  </si>
  <si>
    <t>0.01727196815690135</t>
  </si>
  <si>
    <t>15.012347221374512</t>
  </si>
  <si>
    <t>994.6741943359375</t>
  </si>
  <si>
    <t>0.010460270439450525</t>
  </si>
  <si>
    <t>16.299304962158203</t>
  </si>
  <si>
    <t>596.3521118164062</t>
  </si>
  <si>
    <t>0.019570936451501098</t>
  </si>
  <si>
    <t>29129</t>
  </si>
  <si>
    <t>15.552867889404297</t>
  </si>
  <si>
    <t>721.2649536132812</t>
  </si>
  <si>
    <t>0.03156156168713409</t>
  </si>
  <si>
    <t>15.77551555633545</t>
  </si>
  <si>
    <t>688.2555541992188</t>
  </si>
  <si>
    <t>0.028496005960434445</t>
  </si>
  <si>
    <t>16.369535446166992</t>
  </si>
  <si>
    <t>993.7069091796875</t>
  </si>
  <si>
    <t>0.03162565514399951</t>
  </si>
  <si>
    <t>31574</t>
  </si>
  <si>
    <t>15.763619422912598</t>
  </si>
  <si>
    <t>501.3782653808594</t>
  </si>
  <si>
    <t>0.02047809449358695</t>
  </si>
  <si>
    <t>16.000513076782227</t>
  </si>
  <si>
    <t>1041.716796875</t>
  </si>
  <si>
    <t>0.014557487747982378</t>
  </si>
  <si>
    <t>16.457639694213867</t>
  </si>
  <si>
    <t>628.3507690429688</t>
  </si>
  <si>
    <t>0.012654863215614043</t>
  </si>
  <si>
    <t>33256</t>
  </si>
  <si>
    <t>15.652867317199707</t>
  </si>
  <si>
    <t>552.2128295898438</t>
  </si>
  <si>
    <t>0.024688853877204764</t>
  </si>
  <si>
    <t>34107</t>
  </si>
  <si>
    <t>15.313620567321777</t>
  </si>
  <si>
    <t>675.9790649414062</t>
  </si>
  <si>
    <t>0.025267439864743224</t>
  </si>
  <si>
    <t>34529</t>
  </si>
  <si>
    <t>16.595678329467773</t>
  </si>
  <si>
    <t>513.9252319335938</t>
  </si>
  <si>
    <t>0.012296908843106635</t>
  </si>
  <si>
    <t>34736</t>
  </si>
  <si>
    <t>15.964764595031738</t>
  </si>
  <si>
    <t>504.8548583984375</t>
  </si>
  <si>
    <t>0.0059770624777488734</t>
  </si>
  <si>
    <t>32302</t>
  </si>
  <si>
    <t>15.57303237915039</t>
  </si>
  <si>
    <t>945.833740234375</t>
  </si>
  <si>
    <t>-0.07264746531961386</t>
  </si>
  <si>
    <t>16.25522232055664</t>
  </si>
  <si>
    <t>833.8981323242188</t>
  </si>
  <si>
    <t>-0.017614446675670692</t>
  </si>
  <si>
    <t>15.374305725097656</t>
  </si>
  <si>
    <t>840.9599609375</t>
  </si>
  <si>
    <t>0.012057583327358401</t>
  </si>
  <si>
    <t>16.666038513183594</t>
  </si>
  <si>
    <t>673.9825439453125</t>
  </si>
  <si>
    <t>0.014310463812753582</t>
  </si>
  <si>
    <t>16.018325805664062</t>
  </si>
  <si>
    <t>698.13330078125</t>
  </si>
  <si>
    <t>-0.006496228261060111</t>
  </si>
  <si>
    <t>15.818325996398926</t>
  </si>
  <si>
    <t>910.845458984375</t>
  </si>
  <si>
    <t>-0.019871818879051872</t>
  </si>
  <si>
    <t>31159</t>
  </si>
  <si>
    <t>16.65165901184082</t>
  </si>
  <si>
    <t>833.4529418945312</t>
  </si>
  <si>
    <t>-0.018411573079264443</t>
  </si>
  <si>
    <t>31274</t>
  </si>
  <si>
    <t>16.692182540893555</t>
  </si>
  <si>
    <t>601.4573974609375</t>
  </si>
  <si>
    <t>0.0036839533599319907</t>
  </si>
  <si>
    <t>16.07666015625</t>
  </si>
  <si>
    <t>654.5921630859375</t>
  </si>
  <si>
    <t>0.015042649807311292</t>
  </si>
  <si>
    <t>32346</t>
  </si>
  <si>
    <t>16.7635555267334</t>
  </si>
  <si>
    <t>558.8209838867188</t>
  </si>
  <si>
    <t>0.01866063446895616</t>
  </si>
  <si>
    <t>32992</t>
  </si>
  <si>
    <t>16.6790771484375</t>
  </si>
  <si>
    <t>889.3627319335938</t>
  </si>
  <si>
    <t>0.019774742136963397</t>
  </si>
  <si>
    <t>16.902868270874023</t>
  </si>
  <si>
    <t>858.2728271484375</t>
  </si>
  <si>
    <t>0.004958587894730471</t>
  </si>
  <si>
    <t>16.76005744934082</t>
  </si>
  <si>
    <t>754.9457397460938</t>
  </si>
  <si>
    <t>-0.07053223883942117</t>
  </si>
  <si>
    <t>16.16120147705078</t>
  </si>
  <si>
    <t>572.721435546875</t>
  </si>
  <si>
    <t>0.059157622366859286</t>
  </si>
  <si>
    <t>17.65528678894043</t>
  </si>
  <si>
    <t>573.2759399414062</t>
  </si>
  <si>
    <t>0.020830313022434765</t>
  </si>
  <si>
    <t>28534</t>
  </si>
  <si>
    <t>13.463970184326172</t>
  </si>
  <si>
    <t>631.1544189453125</t>
  </si>
  <si>
    <t>347.0942077636719</t>
  </si>
  <si>
    <t>Vaucluse</t>
  </si>
  <si>
    <t>28582</t>
  </si>
  <si>
    <t>12.654898643493652</t>
  </si>
  <si>
    <t>641.11376953125</t>
  </si>
  <si>
    <t>0.0016807903669810997</t>
  </si>
  <si>
    <t>28897</t>
  </si>
  <si>
    <t>13.153363227844238</t>
  </si>
  <si>
    <t>685.1793212890625</t>
  </si>
  <si>
    <t>0.010960634442170658</t>
  </si>
  <si>
    <t>12.723204612731934</t>
  </si>
  <si>
    <t>867.0224609375</t>
  </si>
  <si>
    <t>-0.01057585087817614</t>
  </si>
  <si>
    <t>13.85315990447998</t>
  </si>
  <si>
    <t>848.896240234375</t>
  </si>
  <si>
    <t>0.019635974516859278</t>
  </si>
  <si>
    <t>29668</t>
  </si>
  <si>
    <t>13.563251495361328</t>
  </si>
  <si>
    <t>861.2420654296875</t>
  </si>
  <si>
    <t>0.017271116733855507</t>
  </si>
  <si>
    <t>29981</t>
  </si>
  <si>
    <t>12.671257019042969</t>
  </si>
  <si>
    <t>971.7335815429688</t>
  </si>
  <si>
    <t>0.010494823814234167</t>
  </si>
  <si>
    <t>14.009465217590332</t>
  </si>
  <si>
    <t>570.921630859375</t>
  </si>
  <si>
    <t>0.01955341882611883</t>
  </si>
  <si>
    <t>31553</t>
  </si>
  <si>
    <t>13.239279747009277</t>
  </si>
  <si>
    <t>720.3827514648438</t>
  </si>
  <si>
    <t>0.03155140511529275</t>
  </si>
  <si>
    <t>13.446483612060547</t>
  </si>
  <si>
    <t>756.41259765625</t>
  </si>
  <si>
    <t>0.02849391433049142</t>
  </si>
  <si>
    <t>33509</t>
  </si>
  <si>
    <t>14.068903923034668</t>
  </si>
  <si>
    <t>923.3519897460938</t>
  </si>
  <si>
    <t>0.03165147350523512</t>
  </si>
  <si>
    <t>34031</t>
  </si>
  <si>
    <t>13.399044036865234</t>
  </si>
  <si>
    <t>522.8569946289062</t>
  </si>
  <si>
    <t>0.01545781445140193</t>
  </si>
  <si>
    <t>34868</t>
  </si>
  <si>
    <t>13.677566528320312</t>
  </si>
  <si>
    <t>1032.975830078125</t>
  </si>
  <si>
    <t>0.0242976292322421</t>
  </si>
  <si>
    <t>34574</t>
  </si>
  <si>
    <t>14.149985313415527</t>
  </si>
  <si>
    <t>601.0248413085938</t>
  </si>
  <si>
    <t>-0.008467548648733114</t>
  </si>
  <si>
    <t>13.316018104553223</t>
  </si>
  <si>
    <t>561.5302734375</t>
  </si>
  <si>
    <t>0.01913659864594308</t>
  </si>
  <si>
    <t>35322</t>
  </si>
  <si>
    <t>12.99742603302002</t>
  </si>
  <si>
    <t>633.3831787109375</t>
  </si>
  <si>
    <t>0.0022674461276412927</t>
  </si>
  <si>
    <t>36101</t>
  </si>
  <si>
    <t>14.27959156036377</t>
  </si>
  <si>
    <t>534.0183715820312</t>
  </si>
  <si>
    <t>0.02181456651201863</t>
  </si>
  <si>
    <t>36318</t>
  </si>
  <si>
    <t>13.62527084350586</t>
  </si>
  <si>
    <t>515.8916015625</t>
  </si>
  <si>
    <t>0.005992920351406639</t>
  </si>
  <si>
    <t>13.21468448638916</t>
  </si>
  <si>
    <t>952.431884765625</t>
  </si>
  <si>
    <t>0.039651641991577335</t>
  </si>
  <si>
    <t>37031</t>
  </si>
  <si>
    <t>13.936490058898926</t>
  </si>
  <si>
    <t>774.088134765625</t>
  </si>
  <si>
    <t>-0.02020972843731883</t>
  </si>
  <si>
    <t>13.024658203125</t>
  </si>
  <si>
    <t>794.1233520507812</t>
  </si>
  <si>
    <t>-0.005089758395506294</t>
  </si>
  <si>
    <t>37777</t>
  </si>
  <si>
    <t>14.366551399230957</t>
  </si>
  <si>
    <t>657.9549560546875</t>
  </si>
  <si>
    <t>0.02503481053039458</t>
  </si>
  <si>
    <t>37826</t>
  </si>
  <si>
    <t>13.678977966308594</t>
  </si>
  <si>
    <t>664.7251586914062</t>
  </si>
  <si>
    <t>0.0012962450395104241</t>
  </si>
  <si>
    <t>38347</t>
  </si>
  <si>
    <t>13.466629981994629</t>
  </si>
  <si>
    <t>842.9575805664062</t>
  </si>
  <si>
    <t>0.013679601029235045</t>
  </si>
  <si>
    <t>39438</t>
  </si>
  <si>
    <t>14.3384370803833</t>
  </si>
  <si>
    <t>811.6294555664062</t>
  </si>
  <si>
    <t>0.02805352061399624</t>
  </si>
  <si>
    <t>14.353056907653809</t>
  </si>
  <si>
    <t>610.7396240234375</t>
  </si>
  <si>
    <t>-0.004956734135294738</t>
  </si>
  <si>
    <t>13.685036659240723</t>
  </si>
  <si>
    <t>572.3228149414062</t>
  </si>
  <si>
    <t>0.009081286092648355</t>
  </si>
  <si>
    <t>14.45193099975586</t>
  </si>
  <si>
    <t>504.6064758300781</t>
  </si>
  <si>
    <t>0.02840513092851893</t>
  </si>
  <si>
    <t>41127</t>
  </si>
  <si>
    <t>14.356558799743652</t>
  </si>
  <si>
    <t>890.0288696289062</t>
  </si>
  <si>
    <t>0.009405338726507395</t>
  </si>
  <si>
    <t>14.582377433776855</t>
  </si>
  <si>
    <t>764.185791015625</t>
  </si>
  <si>
    <t>0.015082514219237453</t>
  </si>
  <si>
    <t>39443</t>
  </si>
  <si>
    <t>14.456151008605957</t>
  </si>
  <si>
    <t>672.9530639648438</t>
  </si>
  <si>
    <t>-0.05689076259074355</t>
  </si>
  <si>
    <t>41846</t>
  </si>
  <si>
    <t>13.799964904785156</t>
  </si>
  <si>
    <t>582.349609375</t>
  </si>
  <si>
    <t>0.05913962116669147</t>
  </si>
  <si>
    <t>15.339583396911621</t>
  </si>
  <si>
    <t>531.298583984375</t>
  </si>
  <si>
    <t>0.02083482598957964</t>
  </si>
  <si>
    <t>13.52426528930664</t>
  </si>
  <si>
    <t>726.300537109375</t>
  </si>
  <si>
    <t>441.5087890625</t>
  </si>
  <si>
    <t>VendÔøΩe</t>
  </si>
  <si>
    <t>12.188251495361328</t>
  </si>
  <si>
    <t>596.692626953125</t>
  </si>
  <si>
    <t>0.0017012655000101518</t>
  </si>
  <si>
    <t>27954</t>
  </si>
  <si>
    <t>13.013117790222168</t>
  </si>
  <si>
    <t>892.4359130859375</t>
  </si>
  <si>
    <t>0.01093457409437093</t>
  </si>
  <si>
    <t>27660</t>
  </si>
  <si>
    <t>12.396456718444824</t>
  </si>
  <si>
    <t>846.8875732421875</t>
  </si>
  <si>
    <t>-0.010572975826102393</t>
  </si>
  <si>
    <t>28208</t>
  </si>
  <si>
    <t>13.551197052001953</t>
  </si>
  <si>
    <t>1162.34375</t>
  </si>
  <si>
    <t>0.019618299418901586</t>
  </si>
  <si>
    <t>13.49825382232666</t>
  </si>
  <si>
    <t>813.5880126953125</t>
  </si>
  <si>
    <t>12.089905738830566</t>
  </si>
  <si>
    <t>682.0927124023438</t>
  </si>
  <si>
    <t>0.010467670360128523</t>
  </si>
  <si>
    <t>29575</t>
  </si>
  <si>
    <t>13.814156532287598</t>
  </si>
  <si>
    <t>911.5511474609375</t>
  </si>
  <si>
    <t>0.01956461673874621</t>
  </si>
  <si>
    <t>13.050562858581543</t>
  </si>
  <si>
    <t>928.9966430664062</t>
  </si>
  <si>
    <t>0.031551087920265175</t>
  </si>
  <si>
    <t>13.263636589050293</t>
  </si>
  <si>
    <t>1051.5657958984375</t>
  </si>
  <si>
    <t>0.02851845967804678</t>
  </si>
  <si>
    <t>13.528507232666016</t>
  </si>
  <si>
    <t>1227.43310546875</t>
  </si>
  <si>
    <t>0.031622321164196165</t>
  </si>
  <si>
    <t>34162</t>
  </si>
  <si>
    <t>12.952359199523926</t>
  </si>
  <si>
    <t>902.619140625</t>
  </si>
  <si>
    <t>0.05249263658891046</t>
  </si>
  <si>
    <t>34236</t>
  </si>
  <si>
    <t>13.24324893951416</t>
  </si>
  <si>
    <t>1049.3890380859375</t>
  </si>
  <si>
    <t>0.0021638068034945945</t>
  </si>
  <si>
    <t>13.57824993133545</t>
  </si>
  <si>
    <t>860.8781127929688</t>
  </si>
  <si>
    <t>0.0022465690932147453</t>
  </si>
  <si>
    <t>13.021712303161621</t>
  </si>
  <si>
    <t>665.3831176757812</t>
  </si>
  <si>
    <t>-0.00429329358771291</t>
  </si>
  <si>
    <t>35037</t>
  </si>
  <si>
    <t>12.973251342773438</t>
  </si>
  <si>
    <t>611.3080444335938</t>
  </si>
  <si>
    <t>0.02517364843967229</t>
  </si>
  <si>
    <t>13.856842994689941</t>
  </si>
  <si>
    <t>888.5850830078125</t>
  </si>
  <si>
    <t>0.019725954707404014</t>
  </si>
  <si>
    <t>13.186847686767578</t>
  </si>
  <si>
    <t>933.6134643554688</t>
  </si>
  <si>
    <t>0.01403288050283713</t>
  </si>
  <si>
    <t>36045</t>
  </si>
  <si>
    <t>12.5768461227417</t>
  </si>
  <si>
    <t>896.0590209960938</t>
  </si>
  <si>
    <t>-0.005395323318236223</t>
  </si>
  <si>
    <t>13.146064758300781</t>
  </si>
  <si>
    <t>833.6359252929688</t>
  </si>
  <si>
    <t>-0.04836994452567822</t>
  </si>
  <si>
    <t>33501</t>
  </si>
  <si>
    <t>12.489655494689941</t>
  </si>
  <si>
    <t>805.2266845703125</t>
  </si>
  <si>
    <t>-0.024822924199099816</t>
  </si>
  <si>
    <t>34797</t>
  </si>
  <si>
    <t>14.164399147033691</t>
  </si>
  <si>
    <t>684.7018432617188</t>
  </si>
  <si>
    <t>0.03795588703608388</t>
  </si>
  <si>
    <t>12.957228660583496</t>
  </si>
  <si>
    <t>1018.063232421875</t>
  </si>
  <si>
    <t>-0.0027338539883672297</t>
  </si>
  <si>
    <t>12.971062660217285</t>
  </si>
  <si>
    <t>974.521240234375</t>
  </si>
  <si>
    <t>-0.010253529369242287</t>
  </si>
  <si>
    <t>34553</t>
  </si>
  <si>
    <t>13.922471046447754</t>
  </si>
  <si>
    <t>878.3786010742188</t>
  </si>
  <si>
    <t>0.005950584314048157</t>
  </si>
  <si>
    <t>35013</t>
  </si>
  <si>
    <t>13.837726593017578</t>
  </si>
  <si>
    <t>797.1264038085938</t>
  </si>
  <si>
    <t>0.013225043974038897</t>
  </si>
  <si>
    <t>35595</t>
  </si>
  <si>
    <t>13.066195487976074</t>
  </si>
  <si>
    <t>655.3417358398438</t>
  </si>
  <si>
    <t>0.01648575745751124</t>
  </si>
  <si>
    <t>13.942606925964355</t>
  </si>
  <si>
    <t>805.8406982421875</t>
  </si>
  <si>
    <t>0.022061352613702567</t>
  </si>
  <si>
    <t>36874</t>
  </si>
  <si>
    <t>13.800933837890625</t>
  </si>
  <si>
    <t>775.7140502929688</t>
  </si>
  <si>
    <t>0.013240164478659722</t>
  </si>
  <si>
    <t>37315</t>
  </si>
  <si>
    <t>14.154271125793457</t>
  </si>
  <si>
    <t>937.1561279296875</t>
  </si>
  <si>
    <t>0.011888694935151989</t>
  </si>
  <si>
    <t>35428</t>
  </si>
  <si>
    <t>14.114006996154785</t>
  </si>
  <si>
    <t>956.1510009765625</t>
  </si>
  <si>
    <t>-0.051892922636014305</t>
  </si>
  <si>
    <t>37586</t>
  </si>
  <si>
    <t>13.304917335510254</t>
  </si>
  <si>
    <t>720.0227661132812</t>
  </si>
  <si>
    <t>0.059129172687072185</t>
  </si>
  <si>
    <t>14.883746147155762</t>
  </si>
  <si>
    <t>718.1555786132812</t>
  </si>
  <si>
    <t>0.02082668117873787</t>
  </si>
  <si>
    <t>1132</t>
  </si>
  <si>
    <t>12.58120346069336</t>
  </si>
  <si>
    <t>646.009521484375</t>
  </si>
  <si>
    <t>204.6845245361328</t>
  </si>
  <si>
    <t>Vienne</t>
  </si>
  <si>
    <t>28115</t>
  </si>
  <si>
    <t>11.273910522460938</t>
  </si>
  <si>
    <t>589.1472778320312</t>
  </si>
  <si>
    <t>0.00170873274995742</t>
  </si>
  <si>
    <t>28424</t>
  </si>
  <si>
    <t>12.029410362243652</t>
  </si>
  <si>
    <t>835.0953369140625</t>
  </si>
  <si>
    <t>0.010930616974560436</t>
  </si>
  <si>
    <t>28125</t>
  </si>
  <si>
    <t>11.44998550415039</t>
  </si>
  <si>
    <t>866.4951171875</t>
  </si>
  <si>
    <t>-0.010574998194140761</t>
  </si>
  <si>
    <t>12.60305404663086</t>
  </si>
  <si>
    <t>1033.2469482421875</t>
  </si>
  <si>
    <t>0.01964575224683429</t>
  </si>
  <si>
    <t>29183</t>
  </si>
  <si>
    <t>12.419129371643066</t>
  </si>
  <si>
    <t>817.1738891601562</t>
  </si>
  <si>
    <t>0.017281735182553604</t>
  </si>
  <si>
    <t>29490</t>
  </si>
  <si>
    <t>11.027713775634766</t>
  </si>
  <si>
    <t>680.4124145507812</t>
  </si>
  <si>
    <t>0.010464874873212793</t>
  </si>
  <si>
    <t>30072</t>
  </si>
  <si>
    <t>12.78490924835205</t>
  </si>
  <si>
    <t>830.7120971679688</t>
  </si>
  <si>
    <t>0.01954328343469136</t>
  </si>
  <si>
    <t>31037</t>
  </si>
  <si>
    <t>12.097431182861328</t>
  </si>
  <si>
    <t>781.7708129882812</t>
  </si>
  <si>
    <t>0.03158553489774363</t>
  </si>
  <si>
    <t>12.251605987548828</t>
  </si>
  <si>
    <t>960.271728515625</t>
  </si>
  <si>
    <t>0.028491231757890034</t>
  </si>
  <si>
    <t>32960</t>
  </si>
  <si>
    <t>12.638335227966309</t>
  </si>
  <si>
    <t>1022.08251953125</t>
  </si>
  <si>
    <t>0.03162343212376051</t>
  </si>
  <si>
    <t>33026</t>
  </si>
  <si>
    <t>12.051980018615723</t>
  </si>
  <si>
    <t>834.0104370117188</t>
  </si>
  <si>
    <t>0.002000424999526018</t>
  </si>
  <si>
    <t>33157</t>
  </si>
  <si>
    <t>12.36663818359375</t>
  </si>
  <si>
    <t>924.1506958007812</t>
  </si>
  <si>
    <t>0.003958725687278175</t>
  </si>
  <si>
    <t>33778</t>
  </si>
  <si>
    <t>12.617524147033691</t>
  </si>
  <si>
    <t>808.160888671875</t>
  </si>
  <si>
    <t>0.018555847267654357</t>
  </si>
  <si>
    <t>12.049378395080566</t>
  </si>
  <si>
    <t>631.4131469726562</t>
  </si>
  <si>
    <t>0.01987344475607955</t>
  </si>
  <si>
    <t>11.939083099365234</t>
  </si>
  <si>
    <t>584.1272583007812</t>
  </si>
  <si>
    <t>0.0019426208286663638</t>
  </si>
  <si>
    <t>34660</t>
  </si>
  <si>
    <t>12.918864250183105</t>
  </si>
  <si>
    <t>832.9992065429688</t>
  </si>
  <si>
    <t>0.003960515706983969</t>
  </si>
  <si>
    <t>35225</t>
  </si>
  <si>
    <t>12.286605834960938</t>
  </si>
  <si>
    <t>872.9068603515625</t>
  </si>
  <si>
    <t>0.016169773497285433</t>
  </si>
  <si>
    <t>11.630016326904297</t>
  </si>
  <si>
    <t>820.6319580078125</t>
  </si>
  <si>
    <t>0.011066994182874268</t>
  </si>
  <si>
    <t>12.211387634277344</t>
  </si>
  <si>
    <t>718.428466796875</t>
  </si>
  <si>
    <t>-0.014564943062120861</t>
  </si>
  <si>
    <t>34699</t>
  </si>
  <si>
    <t>11.522555351257324</t>
  </si>
  <si>
    <t>734.8756713867188</t>
  </si>
  <si>
    <t>-0.011547240811747628</t>
  </si>
  <si>
    <t>35766</t>
  </si>
  <si>
    <t>13.206623077392578</t>
  </si>
  <si>
    <t>670.6435546875</t>
  </si>
  <si>
    <t>0.030286853372093248</t>
  </si>
  <si>
    <t>12.041637420654297</t>
  </si>
  <si>
    <t>884.5621948242188</t>
  </si>
  <si>
    <t>0.02326907429148939</t>
  </si>
  <si>
    <t>12.037880897521973</t>
  </si>
  <si>
    <t>902.9094848632812</t>
  </si>
  <si>
    <t>-0.002653210708649212</t>
  </si>
  <si>
    <t>13.04091739654541</t>
  </si>
  <si>
    <t>840.5989379882812</t>
  </si>
  <si>
    <t>0.00845474954007841</t>
  </si>
  <si>
    <t>36305</t>
  </si>
  <si>
    <t>12.953675270080566</t>
  </si>
  <si>
    <t>712.9896240234375</t>
  </si>
  <si>
    <t>-0.014112861756551354</t>
  </si>
  <si>
    <t>36180</t>
  </si>
  <si>
    <t>12.207229614257812</t>
  </si>
  <si>
    <t>644.7280883789062</t>
  </si>
  <si>
    <t>-0.0034489928650618396</t>
  </si>
  <si>
    <t>13.0628662109375</t>
  </si>
  <si>
    <t>779.8522338867188</t>
  </si>
  <si>
    <t>0.02462519670851293</t>
  </si>
  <si>
    <t>37057</t>
  </si>
  <si>
    <t>12.920329093933105</t>
  </si>
  <si>
    <t>710.94677734375</t>
  </si>
  <si>
    <t>-0.0006744089061783143</t>
  </si>
  <si>
    <t>13.274018287658691</t>
  </si>
  <si>
    <t>797.3828735351562</t>
  </si>
  <si>
    <t>0.012630053256673435</t>
  </si>
  <si>
    <t>34344</t>
  </si>
  <si>
    <t>13.22732162475586</t>
  </si>
  <si>
    <t>841.3427734375</t>
  </si>
  <si>
    <t>-0.08865999010389736</t>
  </si>
  <si>
    <t>36436</t>
  </si>
  <si>
    <t>12.460061073303223</t>
  </si>
  <si>
    <t>706.7806396484375</t>
  </si>
  <si>
    <t>0.059129965960304176</t>
  </si>
  <si>
    <t>37204</t>
  </si>
  <si>
    <t>13.924145698547363</t>
  </si>
  <si>
    <t>653.1368408203125</t>
  </si>
  <si>
    <t>0.0208589854976573</t>
  </si>
  <si>
    <t>27666</t>
  </si>
  <si>
    <t>9.906828880310059</t>
  </si>
  <si>
    <t>881.278076171875</t>
  </si>
  <si>
    <t>172.8895263671875</t>
  </si>
  <si>
    <t>Vosges</t>
  </si>
  <si>
    <t>27713</t>
  </si>
  <si>
    <t>8.868817329406738</t>
  </si>
  <si>
    <t>673.9258422851562</t>
  </si>
  <si>
    <t>0.0016973947266833989</t>
  </si>
  <si>
    <t>28018</t>
  </si>
  <si>
    <t>9.995519638061523</t>
  </si>
  <si>
    <t>928.1349487304688</t>
  </si>
  <si>
    <t>0.01094554359461597</t>
  </si>
  <si>
    <t>27724</t>
  </si>
  <si>
    <t>9.1361665725708</t>
  </si>
  <si>
    <t>955.223876953125</t>
  </si>
  <si>
    <t>-0.010548696718185369</t>
  </si>
  <si>
    <t>10.218817710876465</t>
  </si>
  <si>
    <t>930.4201049804688</t>
  </si>
  <si>
    <t>0.0196088215808512</t>
  </si>
  <si>
    <t>28766</t>
  </si>
  <si>
    <t>9.526813507080078</t>
  </si>
  <si>
    <t>850.904296875</t>
  </si>
  <si>
    <t>0.017286848545108313</t>
  </si>
  <si>
    <t>29069</t>
  </si>
  <si>
    <t>7.938462734222412</t>
  </si>
  <si>
    <t>760.8778686523438</t>
  </si>
  <si>
    <t>0.010478180072601262</t>
  </si>
  <si>
    <t>10.05283260345459</t>
  </si>
  <si>
    <t>898.3506469726562</t>
  </si>
  <si>
    <t>9.6484956741333</t>
  </si>
  <si>
    <t>875.850830078125</t>
  </si>
  <si>
    <t>0.03157790142013717</t>
  </si>
  <si>
    <t>9.98786735534668</t>
  </si>
  <si>
    <t>1006.6620483398438</t>
  </si>
  <si>
    <t>0.028484977828336255</t>
  </si>
  <si>
    <t>10.354193687438965</t>
  </si>
  <si>
    <t>988.2050170898438</t>
  </si>
  <si>
    <t>0.03164346055159939</t>
  </si>
  <si>
    <t>33548</t>
  </si>
  <si>
    <t>9.74586009979248</t>
  </si>
  <si>
    <t>997.4844970703125</t>
  </si>
  <si>
    <t>0.03204489944115707</t>
  </si>
  <si>
    <t>10.176472663879395</t>
  </si>
  <si>
    <t>1063.0831298828125</t>
  </si>
  <si>
    <t>0.0030358069685707534</t>
  </si>
  <si>
    <t>10.088887214660645</t>
  </si>
  <si>
    <t>701.1411743164062</t>
  </si>
  <si>
    <t>-0.013945224043618865</t>
  </si>
  <si>
    <t>33599</t>
  </si>
  <si>
    <t>9.751557350158691</t>
  </si>
  <si>
    <t>793.521728515625</t>
  </si>
  <si>
    <t>0.012428472574384841</t>
  </si>
  <si>
    <t>9.606829643249512</t>
  </si>
  <si>
    <t>721.8704223632812</t>
  </si>
  <si>
    <t>-0.029110972534320823</t>
  </si>
  <si>
    <t>10.636165618896484</t>
  </si>
  <si>
    <t>1010.4482421875</t>
  </si>
  <si>
    <t>-0.007689979452301543</t>
  </si>
  <si>
    <t>10.236166000366211</t>
  </si>
  <si>
    <t>967.6888427734375</t>
  </si>
  <si>
    <t>0.01340366962255679</t>
  </si>
  <si>
    <t>9.3141450881958</t>
  </si>
  <si>
    <t>890.899658203125</t>
  </si>
  <si>
    <t>-0.01566034399632521</t>
  </si>
  <si>
    <t>31080</t>
  </si>
  <si>
    <t>9.876473426818848</t>
  </si>
  <si>
    <t>866.1028442382812</t>
  </si>
  <si>
    <t>-0.038874152761664504</t>
  </si>
  <si>
    <t>8.972136497497559</t>
  </si>
  <si>
    <t>905.92822265625</t>
  </si>
  <si>
    <t>-0.02779587834097441</t>
  </si>
  <si>
    <t>10.569499969482422</t>
  </si>
  <si>
    <t>785.7388305664062</t>
  </si>
  <si>
    <t>0.030238195899229936</t>
  </si>
  <si>
    <t>9.581404685974121</t>
  </si>
  <si>
    <t>915.0694580078125</t>
  </si>
  <si>
    <t>-0.02752915198799144</t>
  </si>
  <si>
    <t>30220</t>
  </si>
  <si>
    <t>9.50546932220459</t>
  </si>
  <si>
    <t>1004.2073974609375</t>
  </si>
  <si>
    <t>-0.0029737342251170418</t>
  </si>
  <si>
    <t>30482</t>
  </si>
  <si>
    <t>10.877833366394043</t>
  </si>
  <si>
    <t>892.0115356445312</t>
  </si>
  <si>
    <t>0.008632388619064457</t>
  </si>
  <si>
    <t>10.578768730163574</t>
  </si>
  <si>
    <t>710.2097778320312</t>
  </si>
  <si>
    <t>0.015527402994617745</t>
  </si>
  <si>
    <t>9.67281723022461</t>
  </si>
  <si>
    <t>816.9356689453125</t>
  </si>
  <si>
    <t>-0.00016151696770805302</t>
  </si>
  <si>
    <t>10.827832221984863</t>
  </si>
  <si>
    <t>895.3942260742188</t>
  </si>
  <si>
    <t>0.033327416914902486</t>
  </si>
  <si>
    <t>32313</t>
  </si>
  <si>
    <t>10.7181396484375</t>
  </si>
  <si>
    <t>689.5637817382812</t>
  </si>
  <si>
    <t>0.00963997763127189</t>
  </si>
  <si>
    <t>32474</t>
  </si>
  <si>
    <t>10.92349624633789</t>
  </si>
  <si>
    <t>772.8032836914062</t>
  </si>
  <si>
    <t>0.0049701431281796715</t>
  </si>
  <si>
    <t>10.973495483398438</t>
  </si>
  <si>
    <t>807.1541748046875</t>
  </si>
  <si>
    <t>-0.05490756248797268</t>
  </si>
  <si>
    <t>32611</t>
  </si>
  <si>
    <t>9.820859909057617</t>
  </si>
  <si>
    <t>822.7152099609375</t>
  </si>
  <si>
    <t>0.059117448094152536</t>
  </si>
  <si>
    <t>33298</t>
  </si>
  <si>
    <t>11.502490997314453</t>
  </si>
  <si>
    <t>746.1842041015625</t>
  </si>
  <si>
    <t>0.02084768035155804</t>
  </si>
  <si>
    <t>27208</t>
  </si>
  <si>
    <t>12.042819023132324</t>
  </si>
  <si>
    <t>612.10986328125</t>
  </si>
  <si>
    <t>157.12796020507812</t>
  </si>
  <si>
    <t>Yonne</t>
  </si>
  <si>
    <t>27255</t>
  </si>
  <si>
    <t>10.904396057128906</t>
  </si>
  <si>
    <t>499.6936950683594</t>
  </si>
  <si>
    <t>0.0017259428113494124</t>
  </si>
  <si>
    <t>11.994887351989746</t>
  </si>
  <si>
    <t>710.7125244140625</t>
  </si>
  <si>
    <t>0.010947016818954936</t>
  </si>
  <si>
    <t>27265</t>
  </si>
  <si>
    <t>11.174873352050781</t>
  </si>
  <si>
    <t>740.9677734375</t>
  </si>
  <si>
    <t>-0.010580178957173558</t>
  </si>
  <si>
    <t>27805</t>
  </si>
  <si>
    <t>12.306797981262207</t>
  </si>
  <si>
    <t>836.1944580078125</t>
  </si>
  <si>
    <t>0.01961203226150232</t>
  </si>
  <si>
    <t>28290</t>
  </si>
  <si>
    <t>11.676334381103516</t>
  </si>
  <si>
    <t>662.3929443359375</t>
  </si>
  <si>
    <t>0.01729252467394815</t>
  </si>
  <si>
    <t>10.18978214263916</t>
  </si>
  <si>
    <t>545.3381958007812</t>
  </si>
  <si>
    <t>0.010478664044256902</t>
  </si>
  <si>
    <t>29152</t>
  </si>
  <si>
    <t>12.180973052978516</t>
  </si>
  <si>
    <t>720.8975219726562</t>
  </si>
  <si>
    <t>0.01953647171981565</t>
  </si>
  <si>
    <t>30087</t>
  </si>
  <si>
    <t>11.736309051513672</t>
  </si>
  <si>
    <t>664.270751953125</t>
  </si>
  <si>
    <t>0.031569663696632944</t>
  </si>
  <si>
    <t>30957</t>
  </si>
  <si>
    <t>11.950921058654785</t>
  </si>
  <si>
    <t>785.745849609375</t>
  </si>
  <si>
    <t>0.028505960027505495</t>
  </si>
  <si>
    <t>12.363425254821777</t>
  </si>
  <si>
    <t>880.53125</t>
  </si>
  <si>
    <t>0.03163563187177232</t>
  </si>
  <si>
    <t>11.755622863769531</t>
  </si>
  <si>
    <t>796.7767333984375</t>
  </si>
  <si>
    <t>0.017005312662233152</t>
  </si>
  <si>
    <t>33187</t>
  </si>
  <si>
    <t>12.214085578918457</t>
  </si>
  <si>
    <t>767.2601318359375</t>
  </si>
  <si>
    <t>0.020918143639603315</t>
  </si>
  <si>
    <t>12.112030982971191</t>
  </si>
  <si>
    <t>607.8189697265625</t>
  </si>
  <si>
    <t>-0.024462880340415438</t>
  </si>
  <si>
    <t>33400</t>
  </si>
  <si>
    <t>11.753802299499512</t>
  </si>
  <si>
    <t>586.722900390625</t>
  </si>
  <si>
    <t>0.03086054734777477</t>
  </si>
  <si>
    <t>33429</t>
  </si>
  <si>
    <t>11.6017484664917</t>
  </si>
  <si>
    <t>523.0963134765625</t>
  </si>
  <si>
    <t>0.0008678867503721932</t>
  </si>
  <si>
    <t>12.611255645751953</t>
  </si>
  <si>
    <t>685.1987915039062</t>
  </si>
  <si>
    <t>0.006410947367163189</t>
  </si>
  <si>
    <t>12.112960815429688</t>
  </si>
  <si>
    <t>778.530517578125</t>
  </si>
  <si>
    <t>0.032287282297483344</t>
  </si>
  <si>
    <t>34187</t>
  </si>
  <si>
    <t>11.324048042297363</t>
  </si>
  <si>
    <t>695.7677612304688</t>
  </si>
  <si>
    <t>-0.016276561550942148</t>
  </si>
  <si>
    <t>32835</t>
  </si>
  <si>
    <t>11.890480041503906</t>
  </si>
  <si>
    <t>605.2696533203125</t>
  </si>
  <si>
    <t>-0.04035043520379489</t>
  </si>
  <si>
    <t>11.148465156555176</t>
  </si>
  <si>
    <t>671.7564086914062</t>
  </si>
  <si>
    <t>-0.03492600466802642</t>
  </si>
  <si>
    <t>33000</t>
  </si>
  <si>
    <t>12.745223045349121</t>
  </si>
  <si>
    <t>618.4783935546875</t>
  </si>
  <si>
    <t>0.03993854649156958</t>
  </si>
  <si>
    <t>11.662895202636719</t>
  </si>
  <si>
    <t>755.2776489257812</t>
  </si>
  <si>
    <t>-0.006079046076381545</t>
  </si>
  <si>
    <t>31884</t>
  </si>
  <si>
    <t>11.581965446472168</t>
  </si>
  <si>
    <t>747.5860595703125</t>
  </si>
  <si>
    <t>-0.028324198824421387</t>
  </si>
  <si>
    <t>32220</t>
  </si>
  <si>
    <t>12.79336166381836</t>
  </si>
  <si>
    <t>721.1400756835938</t>
  </si>
  <si>
    <t>0.010483061183151676</t>
  </si>
  <si>
    <t>12.477999687194824</t>
  </si>
  <si>
    <t>607.3772583007812</t>
  </si>
  <si>
    <t>0.0014886493258998712</t>
  </si>
  <si>
    <t>31140</t>
  </si>
  <si>
    <t>11.594253540039062</t>
  </si>
  <si>
    <t>615.8966674804688</t>
  </si>
  <si>
    <t>-0.03558286066887639</t>
  </si>
  <si>
    <t>32788</t>
  </si>
  <si>
    <t>12.74025821685791</t>
  </si>
  <si>
    <t>696.2142333984375</t>
  </si>
  <si>
    <t>0.051569428384931726</t>
  </si>
  <si>
    <t>12.661319732666016</t>
  </si>
  <si>
    <t>593.7327270507812</t>
  </si>
  <si>
    <t>0.014142536945600526</t>
  </si>
  <si>
    <t>12.846112251281738</t>
  </si>
  <si>
    <t>642.2838745117188</t>
  </si>
  <si>
    <t>-0.010610900808261547</t>
  </si>
  <si>
    <t>31494</t>
  </si>
  <si>
    <t>12.90722370147705</t>
  </si>
  <si>
    <t>673.0921630859375</t>
  </si>
  <si>
    <t>-0.04379717942990524</t>
  </si>
  <si>
    <t>33413</t>
  </si>
  <si>
    <t>11.832443237304688</t>
  </si>
  <si>
    <t>685.077880859375</t>
  </si>
  <si>
    <t>0.05914799431426232</t>
  </si>
  <si>
    <t>13.434043884277344</t>
  </si>
  <si>
    <t>583.0057983398438</t>
  </si>
  <si>
    <t>0.020850747974680672</t>
  </si>
  <si>
    <t>40905</t>
  </si>
  <si>
    <t>268.8434143066406</t>
  </si>
  <si>
    <t>Yvelines</t>
  </si>
  <si>
    <t>40974</t>
  </si>
  <si>
    <t>455.9000244140625</t>
  </si>
  <si>
    <t>0.0016854142413453843</t>
  </si>
  <si>
    <t>41425</t>
  </si>
  <si>
    <t>11.616667747497559</t>
  </si>
  <si>
    <t>667.7000732421875</t>
  </si>
  <si>
    <t>0.010946844105619746</t>
  </si>
  <si>
    <t>-0.01058082528816584</t>
  </si>
  <si>
    <t>41802</t>
  </si>
  <si>
    <t>807.300048828125</t>
  </si>
  <si>
    <t>0.019640447251576987</t>
  </si>
  <si>
    <t>42531</t>
  </si>
  <si>
    <t>606.2999267578125</t>
  </si>
  <si>
    <t>0.017289036527566637</t>
  </si>
  <si>
    <t>42979</t>
  </si>
  <si>
    <t>0.010478402504443096</t>
  </si>
  <si>
    <t>43827</t>
  </si>
  <si>
    <t>11.708335876464844</t>
  </si>
  <si>
    <t>662.6000366210938</t>
  </si>
  <si>
    <t>0.019538441510439597</t>
  </si>
  <si>
    <t>657.0</t>
  </si>
  <si>
    <t>0.031576843130316945</t>
  </si>
  <si>
    <t>46540</t>
  </si>
  <si>
    <t>750.4000244140625</t>
  </si>
  <si>
    <t>0.028485248925342432</t>
  </si>
  <si>
    <t>877.9000854492188</t>
  </si>
  <si>
    <t>0.031638571924290204</t>
  </si>
  <si>
    <t>750.9999389648438</t>
  </si>
  <si>
    <t>0.009138728859783285</t>
  </si>
  <si>
    <t>744.0</t>
  </si>
  <si>
    <t>-8.251676126391772e-05</t>
  </si>
  <si>
    <t>48087</t>
  </si>
  <si>
    <t>612.1000366210938</t>
  </si>
  <si>
    <t>-0.007995071585101599</t>
  </si>
  <si>
    <t>48085</t>
  </si>
  <si>
    <t>540.5999755859375</t>
  </si>
  <si>
    <t>-4.1592147409730273e-05</t>
  </si>
  <si>
    <t>48988</t>
  </si>
  <si>
    <t>500.6000061035156</t>
  </si>
  <si>
    <t>0.018605091994595924</t>
  </si>
  <si>
    <t>49287</t>
  </si>
  <si>
    <t>646.2999267578125</t>
  </si>
  <si>
    <t>0.006084984433268659</t>
  </si>
  <si>
    <t>50851</t>
  </si>
  <si>
    <t>736.800048828125</t>
  </si>
  <si>
    <t>0.031239433392276084</t>
  </si>
  <si>
    <t>52295</t>
  </si>
  <si>
    <t>650.2999267578125</t>
  </si>
  <si>
    <t>0.028000976221646212</t>
  </si>
  <si>
    <t>49637</t>
  </si>
  <si>
    <t>580.2999877929688</t>
  </si>
  <si>
    <t>-0.05216424082905924</t>
  </si>
  <si>
    <t>50778</t>
  </si>
  <si>
    <t>619.0</t>
  </si>
  <si>
    <t>0.022726666538851248</t>
  </si>
  <si>
    <t>51837</t>
  </si>
  <si>
    <t>12.100001335144043</t>
  </si>
  <si>
    <t>561.2999877929688</t>
  </si>
  <si>
    <t>0.020640990083071742</t>
  </si>
  <si>
    <t>51323</t>
  </si>
  <si>
    <t>730.699951171875</t>
  </si>
  <si>
    <t>-0.009965185218177908</t>
  </si>
  <si>
    <t>51853</t>
  </si>
  <si>
    <t>686.9000854492188</t>
  </si>
  <si>
    <t>0.01027379743009682</t>
  </si>
  <si>
    <t>50872</t>
  </si>
  <si>
    <t>677.0999755859375</t>
  </si>
  <si>
    <t>-0.019100118245907183</t>
  </si>
  <si>
    <t>52173</t>
  </si>
  <si>
    <t>567.2000122070312</t>
  </si>
  <si>
    <t>0.025252445728709105</t>
  </si>
  <si>
    <t>52621</t>
  </si>
  <si>
    <t>11.3583345413208</t>
  </si>
  <si>
    <t>565.9999389648438</t>
  </si>
  <si>
    <t>0.008550159918673472</t>
  </si>
  <si>
    <t>52988</t>
  </si>
  <si>
    <t>12.341667175292969</t>
  </si>
  <si>
    <t>0.00695019320952639</t>
  </si>
  <si>
    <t>572.5</t>
  </si>
  <si>
    <t>0.004969889747654221</t>
  </si>
  <si>
    <t>53704</t>
  </si>
  <si>
    <t>12.491668701171875</t>
  </si>
  <si>
    <t>613.3999633789062</t>
  </si>
  <si>
    <t>0.008452124066780087</t>
  </si>
  <si>
    <t>48267</t>
  </si>
  <si>
    <t>12.533333778381348</t>
  </si>
  <si>
    <t>641.1000366210938</t>
  </si>
  <si>
    <t>-0.10673938929944349</t>
  </si>
  <si>
    <t>51208</t>
  </si>
  <si>
    <t>640.5000610351562</t>
  </si>
  <si>
    <t>12.841666221618652</t>
  </si>
  <si>
    <t>0.020832878972296243</t>
  </si>
  <si>
    <t>GBR</t>
  </si>
  <si>
    <t>8.23833179473877</t>
  </si>
  <si>
    <t>790.3184204101562</t>
  </si>
  <si>
    <t>275.49822998046875</t>
  </si>
  <si>
    <t>Aberdeen City and Aberdeenshire</t>
  </si>
  <si>
    <t>United Kingdom</t>
  </si>
  <si>
    <t>8.001620292663574</t>
  </si>
  <si>
    <t>761.09033203125</t>
  </si>
  <si>
    <t>-0.014790872299681013</t>
  </si>
  <si>
    <t>7.923616886138916</t>
  </si>
  <si>
    <t>921.7660522460938</t>
  </si>
  <si>
    <t>0.0006583820499521664</t>
  </si>
  <si>
    <t>37261</t>
  </si>
  <si>
    <t>7.400387287139893</t>
  </si>
  <si>
    <t>946.1918334960938</t>
  </si>
  <si>
    <t>0.021594306809737063</t>
  </si>
  <si>
    <t>38572</t>
  </si>
  <si>
    <t>7.884791851043701</t>
  </si>
  <si>
    <t>783.9044799804688</t>
  </si>
  <si>
    <t>0.0345794214022046</t>
  </si>
  <si>
    <t>39420</t>
  </si>
  <si>
    <t>8.350922584533691</t>
  </si>
  <si>
    <t>779.098876953125</t>
  </si>
  <si>
    <t>0.02174667707643607</t>
  </si>
  <si>
    <t>40307</t>
  </si>
  <si>
    <t>7.518823623657227</t>
  </si>
  <si>
    <t>756.9970092773438</t>
  </si>
  <si>
    <t>0.02225184941491065</t>
  </si>
  <si>
    <t>8.81882381439209</t>
  </si>
  <si>
    <t>917.370361328125</t>
  </si>
  <si>
    <t>0.04482815023515485</t>
  </si>
  <si>
    <t>8.300923347473145</t>
  </si>
  <si>
    <t>995.4537353515625</t>
  </si>
  <si>
    <t>0.02998133267549008</t>
  </si>
  <si>
    <t>43151</t>
  </si>
  <si>
    <t>8.494894981384277</t>
  </si>
  <si>
    <t>853.6779174804688</t>
  </si>
  <si>
    <t>-0.006629041818197123</t>
  </si>
  <si>
    <t>44256</t>
  </si>
  <si>
    <t>8.087794303894043</t>
  </si>
  <si>
    <t>941.7481689453125</t>
  </si>
  <si>
    <t>0.025285363250416637</t>
  </si>
  <si>
    <t>8.19151782989502</t>
  </si>
  <si>
    <t>865.11767578125</t>
  </si>
  <si>
    <t>0.05960330167148342</t>
  </si>
  <si>
    <t>8.577692031860352</t>
  </si>
  <si>
    <t>1079.6558837890625</t>
  </si>
  <si>
    <t>0.019667374373007362</t>
  </si>
  <si>
    <t>47343</t>
  </si>
  <si>
    <t>8.861723899841309</t>
  </si>
  <si>
    <t>700.8312377929688</t>
  </si>
  <si>
    <t>-0.011842658092733771</t>
  </si>
  <si>
    <t>48480</t>
  </si>
  <si>
    <t>8.745057106018066</t>
  </si>
  <si>
    <t>947.9879150390625</t>
  </si>
  <si>
    <t>0.02373236832695369</t>
  </si>
  <si>
    <t>49825</t>
  </si>
  <si>
    <t>8.512260437011719</t>
  </si>
  <si>
    <t>821.8847045898438</t>
  </si>
  <si>
    <t>0.027365524337799485</t>
  </si>
  <si>
    <t>54361</t>
  </si>
  <si>
    <t>8.876459121704102</t>
  </si>
  <si>
    <t>904.6220703125</t>
  </si>
  <si>
    <t>0.08713011889420486</t>
  </si>
  <si>
    <t>58404</t>
  </si>
  <si>
    <t>8.652155876159668</t>
  </si>
  <si>
    <t>959.4306030273438</t>
  </si>
  <si>
    <t>0.07173739564625414</t>
  </si>
  <si>
    <t>8.287260055541992</t>
  </si>
  <si>
    <t>853.7857055664062</t>
  </si>
  <si>
    <t>0.04864013057467176</t>
  </si>
  <si>
    <t>57911</t>
  </si>
  <si>
    <t>8.468287467956543</t>
  </si>
  <si>
    <t>1002.4398803710938</t>
  </si>
  <si>
    <t>-0.057117161950630546</t>
  </si>
  <si>
    <t>58779</t>
  </si>
  <si>
    <t>7.528926372528076</t>
  </si>
  <si>
    <t>817.6665649414062</t>
  </si>
  <si>
    <t>0.014877298993381416</t>
  </si>
  <si>
    <t>58761</t>
  </si>
  <si>
    <t>8.71528434753418</t>
  </si>
  <si>
    <t>996.72509765625</t>
  </si>
  <si>
    <t>-0.00030627871602462164</t>
  </si>
  <si>
    <t>60776</t>
  </si>
  <si>
    <t>7.934418201446533</t>
  </si>
  <si>
    <t>989.3182983398438</t>
  </si>
  <si>
    <t>0.03371660466020465</t>
  </si>
  <si>
    <t>63317</t>
  </si>
  <si>
    <t>8.146663665771484</t>
  </si>
  <si>
    <t>866.8126220703125</t>
  </si>
  <si>
    <t>0.040958881294047345</t>
  </si>
  <si>
    <t>64682</t>
  </si>
  <si>
    <t>8.993287086486816</t>
  </si>
  <si>
    <t>994.6777954101562</t>
  </si>
  <si>
    <t>0.021329100195373485</t>
  </si>
  <si>
    <t>61688</t>
  </si>
  <si>
    <t>8.32059383392334</t>
  </si>
  <si>
    <t>1017.9568481445312</t>
  </si>
  <si>
    <t>-0.04739353315968131</t>
  </si>
  <si>
    <t>56071</t>
  </si>
  <si>
    <t>8.538331031799316</t>
  </si>
  <si>
    <t>779.6472778320312</t>
  </si>
  <si>
    <t>-0.09547067770482265</t>
  </si>
  <si>
    <t>55027</t>
  </si>
  <si>
    <t>8.681950569152832</t>
  </si>
  <si>
    <t>945.2335815429688</t>
  </si>
  <si>
    <t>-0.01879477095890536</t>
  </si>
  <si>
    <t>54267</t>
  </si>
  <si>
    <t>8.52485179901123</t>
  </si>
  <si>
    <t>733.7510375976562</t>
  </si>
  <si>
    <t>-0.013907666479324732</t>
  </si>
  <si>
    <t>53774</t>
  </si>
  <si>
    <t>8.810490608215332</t>
  </si>
  <si>
    <t>966.6078491210938</t>
  </si>
  <si>
    <t>-0.009126228408581127</t>
  </si>
  <si>
    <t>46927</t>
  </si>
  <si>
    <t>8.373618125915527</t>
  </si>
  <si>
    <t>979.50048828125</t>
  </si>
  <si>
    <t>-0.13619687621066134</t>
  </si>
  <si>
    <t>51003</t>
  </si>
  <si>
    <t>8.743823051452637</t>
  </si>
  <si>
    <t>789.4286499023438</t>
  </si>
  <si>
    <t>0.08329125175533747</t>
  </si>
  <si>
    <t>53226</t>
  </si>
  <si>
    <t>9.046847343444824</t>
  </si>
  <si>
    <t>922.4860229492188</t>
  </si>
  <si>
    <t>0.042662544242801914</t>
  </si>
  <si>
    <t>1137</t>
  </si>
  <si>
    <t>7.679378032684326</t>
  </si>
  <si>
    <t>1046.3548583984375</t>
  </si>
  <si>
    <t>60.87920379638672</t>
  </si>
  <si>
    <t>Angus and Dundee City</t>
  </si>
  <si>
    <t>7.446044445037842</t>
  </si>
  <si>
    <t>981.1055297851562</t>
  </si>
  <si>
    <t>-0.014793812858323818</t>
  </si>
  <si>
    <t>22828</t>
  </si>
  <si>
    <t>7.368669509887695</t>
  </si>
  <si>
    <t>1246.1937255859375</t>
  </si>
  <si>
    <t>0.0006573037637238599</t>
  </si>
  <si>
    <t>23326</t>
  </si>
  <si>
    <t>6.794834136962891</t>
  </si>
  <si>
    <t>1076.597900390625</t>
  </si>
  <si>
    <t>0.021580765594396922</t>
  </si>
  <si>
    <t>7.248419284820557</t>
  </si>
  <si>
    <t>1090.918701171875</t>
  </si>
  <si>
    <t>0.0345915305108484</t>
  </si>
  <si>
    <t>24678</t>
  </si>
  <si>
    <t>7.688875675201416</t>
  </si>
  <si>
    <t>947.2724609375</t>
  </si>
  <si>
    <t>0.02175200969663571</t>
  </si>
  <si>
    <t>6.916294574737549</t>
  </si>
  <si>
    <t>862.7213745117188</t>
  </si>
  <si>
    <t>0.022280133029207505</t>
  </si>
  <si>
    <t>26390</t>
  </si>
  <si>
    <t>8.16029167175293</t>
  </si>
  <si>
    <t>1077.5721435546875</t>
  </si>
  <si>
    <t>0.04479285900968222</t>
  </si>
  <si>
    <t>7.669834613800049</t>
  </si>
  <si>
    <t>1219.93115234375</t>
  </si>
  <si>
    <t>0.02997443672459177</t>
  </si>
  <si>
    <t>27575</t>
  </si>
  <si>
    <t>7.860291957855225</t>
  </si>
  <si>
    <t>1031.4779052734375</t>
  </si>
  <si>
    <t>0.013949977899741839</t>
  </si>
  <si>
    <t>29353</t>
  </si>
  <si>
    <t>7.537710189819336</t>
  </si>
  <si>
    <t>1087.76611328125</t>
  </si>
  <si>
    <t>0.06248519056174473</t>
  </si>
  <si>
    <t>30141</t>
  </si>
  <si>
    <t>7.562711238861084</t>
  </si>
  <si>
    <t>1015.5335693359375</t>
  </si>
  <si>
    <t>0.02649161544697698</t>
  </si>
  <si>
    <t>30630</t>
  </si>
  <si>
    <t>8.027003288269043</t>
  </si>
  <si>
    <t>1272.63232421875</t>
  </si>
  <si>
    <t>0.016093549696396536</t>
  </si>
  <si>
    <t>8.279377937316895</t>
  </si>
  <si>
    <t>866.4357299804688</t>
  </si>
  <si>
    <t>0.0419418373894338</t>
  </si>
  <si>
    <t>8.149628639221191</t>
  </si>
  <si>
    <t>1143.4696044921875</t>
  </si>
  <si>
    <t>0.012599522709324518</t>
  </si>
  <si>
    <t>7.904377460479736</t>
  </si>
  <si>
    <t>968.43408203125</t>
  </si>
  <si>
    <t>0.00812837382765963</t>
  </si>
  <si>
    <t>33493</t>
  </si>
  <si>
    <t>8.329377174377441</t>
  </si>
  <si>
    <t>1114.88818359375</t>
  </si>
  <si>
    <t>0.026686807001853552</t>
  </si>
  <si>
    <t>8.079378128051758</t>
  </si>
  <si>
    <t>1118.1917724609375</t>
  </si>
  <si>
    <t>0.011606464796349414</t>
  </si>
  <si>
    <t>7.796043872833252</t>
  </si>
  <si>
    <t>1057.4315185546875</t>
  </si>
  <si>
    <t>-0.0190987079470073</t>
  </si>
  <si>
    <t>7.854377269744873</t>
  </si>
  <si>
    <t>1206.058837890625</t>
  </si>
  <si>
    <t>-0.04819021783084487</t>
  </si>
  <si>
    <t>6.9150848388671875</t>
  </si>
  <si>
    <t>989.2474975585938</t>
  </si>
  <si>
    <t>0.0009150141834570746</t>
  </si>
  <si>
    <t>32125</t>
  </si>
  <si>
    <t>8.121044158935547</t>
  </si>
  <si>
    <t>1238.3221435546875</t>
  </si>
  <si>
    <t>0.013065528240474578</t>
  </si>
  <si>
    <t>32408</t>
  </si>
  <si>
    <t>7.34129524230957</t>
  </si>
  <si>
    <t>1182.9786376953125</t>
  </si>
  <si>
    <t>0.008770762685005096</t>
  </si>
  <si>
    <t>7.535336017608643</t>
  </si>
  <si>
    <t>1050.5076904296875</t>
  </si>
  <si>
    <t>0.007960088131644838</t>
  </si>
  <si>
    <t>8.44129467010498</t>
  </si>
  <si>
    <t>1237.0975341796875</t>
  </si>
  <si>
    <t>0.02488149277407814</t>
  </si>
  <si>
    <t>7.74725341796875</t>
  </si>
  <si>
    <t>1242.9566650390625</t>
  </si>
  <si>
    <t>-0.006410470384471623</t>
  </si>
  <si>
    <t>33465</t>
  </si>
  <si>
    <t>8.012710571289062</t>
  </si>
  <si>
    <t>936.905029296875</t>
  </si>
  <si>
    <t>0.005663700130964955</t>
  </si>
  <si>
    <t>33619</t>
  </si>
  <si>
    <t>8.112710952758789</t>
  </si>
  <si>
    <t>1138.0933837890625</t>
  </si>
  <si>
    <t>0.004591266785615389</t>
  </si>
  <si>
    <t>7.927002429962158</t>
  </si>
  <si>
    <t>883.0924072265625</t>
  </si>
  <si>
    <t>0.016988051211837885</t>
  </si>
  <si>
    <t>35113</t>
  </si>
  <si>
    <t>8.254377365112305</t>
  </si>
  <si>
    <t>1180.933837890625</t>
  </si>
  <si>
    <t>0.02649199772195665</t>
  </si>
  <si>
    <t>31162</t>
  </si>
  <si>
    <t>7.916295528411865</t>
  </si>
  <si>
    <t>1241.62451171875</t>
  </si>
  <si>
    <t>-0.11937202847685313</t>
  </si>
  <si>
    <t>33868</t>
  </si>
  <si>
    <t>8.204378128051758</t>
  </si>
  <si>
    <t>985.9164428710938</t>
  </si>
  <si>
    <t>0.08327121198486864</t>
  </si>
  <si>
    <t>35345</t>
  </si>
  <si>
    <t>8.474628448486328</t>
  </si>
  <si>
    <t>1141.330078125</t>
  </si>
  <si>
    <t>0.04268632384288651</t>
  </si>
  <si>
    <t>1139</t>
  </si>
  <si>
    <t>1027.9000244140625</t>
  </si>
  <si>
    <t>57.48508071899414</t>
  </si>
  <si>
    <t>Armagh City, Banbridge and Craigavon</t>
  </si>
  <si>
    <t>883.0999755859375</t>
  </si>
  <si>
    <t>-0.014791864937462762</t>
  </si>
  <si>
    <t>20279</t>
  </si>
  <si>
    <t>1012.199951171875</t>
  </si>
  <si>
    <t>0.0006412628163996459</t>
  </si>
  <si>
    <t>1051.0999755859375</t>
  </si>
  <si>
    <t>0.021610069987033853</t>
  </si>
  <si>
    <t>21451</t>
  </si>
  <si>
    <t>1035.800048828125</t>
  </si>
  <si>
    <t>0.03457532650440598</t>
  </si>
  <si>
    <t>21922</t>
  </si>
  <si>
    <t>912.800048828125</t>
  </si>
  <si>
    <t>0.021719434459566145</t>
  </si>
  <si>
    <t>22416</t>
  </si>
  <si>
    <t>0.022284290801119155</t>
  </si>
  <si>
    <t>23443</t>
  </si>
  <si>
    <t>1039.4000244140625</t>
  </si>
  <si>
    <t>0.04479695327272992</t>
  </si>
  <si>
    <t>1096.9000244140625</t>
  </si>
  <si>
    <t>25186</t>
  </si>
  <si>
    <t>0.04171409141247473</t>
  </si>
  <si>
    <t>1096.7000732421875</t>
  </si>
  <si>
    <t>0.05142232600543828</t>
  </si>
  <si>
    <t>27554</t>
  </si>
  <si>
    <t>891.0</t>
  </si>
  <si>
    <t>0.03843710503331543</t>
  </si>
  <si>
    <t>27435</t>
  </si>
  <si>
    <t>-0.004328145111468729</t>
  </si>
  <si>
    <t>873.1000366210938</t>
  </si>
  <si>
    <t>0.030653465998206286</t>
  </si>
  <si>
    <t>28622</t>
  </si>
  <si>
    <t>902.1000366210938</t>
  </si>
  <si>
    <t>0.011702616379539066</t>
  </si>
  <si>
    <t>29150</t>
  </si>
  <si>
    <t>826.2001342773438</t>
  </si>
  <si>
    <t>0.01827925990781587</t>
  </si>
  <si>
    <t>1035.699951171875</t>
  </si>
  <si>
    <t>0.018321694037737757</t>
  </si>
  <si>
    <t>30294</t>
  </si>
  <si>
    <t>971.7999877929688</t>
  </si>
  <si>
    <t>0.020173066270595896</t>
  </si>
  <si>
    <t>-0.04355040019290257</t>
  </si>
  <si>
    <t>1035.4000244140625</t>
  </si>
  <si>
    <t>-0.07709620870273781</t>
  </si>
  <si>
    <t>0.004866912807431234</t>
  </si>
  <si>
    <t>1020.1000366210938</t>
  </si>
  <si>
    <t>0.005654430498742258</t>
  </si>
  <si>
    <t>27224</t>
  </si>
  <si>
    <t>1073.5001220703125</t>
  </si>
  <si>
    <t>0.0032745296832370485</t>
  </si>
  <si>
    <t>1004.4000244140625</t>
  </si>
  <si>
    <t>0.02538759690955139</t>
  </si>
  <si>
    <t>28516</t>
  </si>
  <si>
    <t>0.020978799147226113</t>
  </si>
  <si>
    <t>1124.0999755859375</t>
  </si>
  <si>
    <t>0.015173953006058838</t>
  </si>
  <si>
    <t>30118</t>
  </si>
  <si>
    <t>891.9999389648438</t>
  </si>
  <si>
    <t>0.039483713403186016</t>
  </si>
  <si>
    <t>1097.10009765625</t>
  </si>
  <si>
    <t>0.005826673440207486</t>
  </si>
  <si>
    <t>925.5000610351562</t>
  </si>
  <si>
    <t>0.027222311348682027</t>
  </si>
  <si>
    <t>1117.9000244140625</t>
  </si>
  <si>
    <t>0.01801850550267936</t>
  </si>
  <si>
    <t>28888</t>
  </si>
  <si>
    <t>1203.4000244140625</t>
  </si>
  <si>
    <t>-0.09276420598103918</t>
  </si>
  <si>
    <t>891.6000366210938</t>
  </si>
  <si>
    <t>0.0833179126429684</t>
  </si>
  <si>
    <t>32766</t>
  </si>
  <si>
    <t>992.5</t>
  </si>
  <si>
    <t>0.04264719577994747</t>
  </si>
  <si>
    <t>1151</t>
  </si>
  <si>
    <t>23013</t>
  </si>
  <si>
    <t>863.10009765625</t>
  </si>
  <si>
    <t>963.9287719726562</t>
  </si>
  <si>
    <t>Bradford</t>
  </si>
  <si>
    <t>22674</t>
  </si>
  <si>
    <t>778.5</t>
  </si>
  <si>
    <t>-0.0148403800498631</t>
  </si>
  <si>
    <t>1055.2999267578125</t>
  </si>
  <si>
    <t>0.0007054051963439889</t>
  </si>
  <si>
    <t>23185</t>
  </si>
  <si>
    <t>1056.699951171875</t>
  </si>
  <si>
    <t>0.021581219051673983</t>
  </si>
  <si>
    <t>24000</t>
  </si>
  <si>
    <t>1115.9000244140625</t>
  </si>
  <si>
    <t>0.03454831250452095</t>
  </si>
  <si>
    <t>24528</t>
  </si>
  <si>
    <t>717.7000122070312</t>
  </si>
  <si>
    <t>0.021761491781512987</t>
  </si>
  <si>
    <t>25080</t>
  </si>
  <si>
    <t>0.02225539363526252</t>
  </si>
  <si>
    <t>26230</t>
  </si>
  <si>
    <t>1006.7999877929688</t>
  </si>
  <si>
    <t>0.044833078114061564</t>
  </si>
  <si>
    <t>27028</t>
  </si>
  <si>
    <t>1118.699951171875</t>
  </si>
  <si>
    <t>0.029969571811145457</t>
  </si>
  <si>
    <t>28259</t>
  </si>
  <si>
    <t>1009.9000854492188</t>
  </si>
  <si>
    <t>0.04453862523618923</t>
  </si>
  <si>
    <t>28539</t>
  </si>
  <si>
    <t>1328.5001220703125</t>
  </si>
  <si>
    <t>0.009859581966312092</t>
  </si>
  <si>
    <t>0.012154711082727587</t>
  </si>
  <si>
    <t>1249.300048828125</t>
  </si>
  <si>
    <t>0.004834597440734001</t>
  </si>
  <si>
    <t>0.023761202310812024</t>
  </si>
  <si>
    <t>30258</t>
  </si>
  <si>
    <t>961.0999755859375</t>
  </si>
  <si>
    <t>0.01773852859593994</t>
  </si>
  <si>
    <t>911.7999877929688</t>
  </si>
  <si>
    <t>0.010193097821955988</t>
  </si>
  <si>
    <t>30409</t>
  </si>
  <si>
    <t>1084.0999755859375</t>
  </si>
  <si>
    <t>-0.005215092915776154</t>
  </si>
  <si>
    <t>1144.300048828125</t>
  </si>
  <si>
    <t>0.014171202999868626</t>
  </si>
  <si>
    <t>1121.4998779296875</t>
  </si>
  <si>
    <t>-0.01249547276167462</t>
  </si>
  <si>
    <t>28807</t>
  </si>
  <si>
    <t>1041.0</t>
  </si>
  <si>
    <t>-0.055795934302777184</t>
  </si>
  <si>
    <t>843.5</t>
  </si>
  <si>
    <t>-0.010398586266951781</t>
  </si>
  <si>
    <t>28975</t>
  </si>
  <si>
    <t>0.01621356232852733</t>
  </si>
  <si>
    <t>8.8583345413208</t>
  </si>
  <si>
    <t>1383.0999755859375</t>
  </si>
  <si>
    <t>0.005026174172384046</t>
  </si>
  <si>
    <t>29076</t>
  </si>
  <si>
    <t>1059.0</t>
  </si>
  <si>
    <t>-0.0015464717758089108</t>
  </si>
  <si>
    <t>28898</t>
  </si>
  <si>
    <t>1044.5</t>
  </si>
  <si>
    <t>-0.006140703050970586</t>
  </si>
  <si>
    <t>1108.4000244140625</t>
  </si>
  <si>
    <t>0.021498842540477625</t>
  </si>
  <si>
    <t>952.7001342773438</t>
  </si>
  <si>
    <t>-6.773920409131051e-05</t>
  </si>
  <si>
    <t>997.5999755859375</t>
  </si>
  <si>
    <t>30333</t>
  </si>
  <si>
    <t>880.2999877929688</t>
  </si>
  <si>
    <t>-0.0052281253486548</t>
  </si>
  <si>
    <t>1200.9998779296875</t>
  </si>
  <si>
    <t>-0.011338892124218347</t>
  </si>
  <si>
    <t>1217.7000732421875</t>
  </si>
  <si>
    <t>-0.08025946284941554</t>
  </si>
  <si>
    <t>855.9000244140625</t>
  </si>
  <si>
    <t>0.08328911242928427</t>
  </si>
  <si>
    <t>1001.0</t>
  </si>
  <si>
    <t>0.042657951892307366</t>
  </si>
  <si>
    <t>23341</t>
  </si>
  <si>
    <t>1558.9000244140625</t>
  </si>
  <si>
    <t>254.28663635253906</t>
  </si>
  <si>
    <t>Bridgend and Neath Port Talbot</t>
  </si>
  <si>
    <t>1491.699951171875</t>
  </si>
  <si>
    <t>-0.014804215215576733</t>
  </si>
  <si>
    <t>2055.300048828125</t>
  </si>
  <si>
    <t>0.0006520180187958857</t>
  </si>
  <si>
    <t>23515</t>
  </si>
  <si>
    <t>1943.099853515625</t>
  </si>
  <si>
    <t>0.021579241751741307</t>
  </si>
  <si>
    <t>24343</t>
  </si>
  <si>
    <t>2226.900146484375</t>
  </si>
  <si>
    <t>0.034605818470272</t>
  </si>
  <si>
    <t>24878</t>
  </si>
  <si>
    <t>1565.10009765625</t>
  </si>
  <si>
    <t>0.021739544920491127</t>
  </si>
  <si>
    <t>25438</t>
  </si>
  <si>
    <t>1364.0001220703125</t>
  </si>
  <si>
    <t>0.022260240241518403</t>
  </si>
  <si>
    <t>1990.2999267578125</t>
  </si>
  <si>
    <t>0.04481746139288312</t>
  </si>
  <si>
    <t>27414</t>
  </si>
  <si>
    <t>2212.2001953125</t>
  </si>
  <si>
    <t>0.029992251387014335</t>
  </si>
  <si>
    <t>1887.0</t>
  </si>
  <si>
    <t>0.009584041994548542</t>
  </si>
  <si>
    <t>28857</t>
  </si>
  <si>
    <t>2358.900146484375</t>
  </si>
  <si>
    <t>0.04171472403485055</t>
  </si>
  <si>
    <t>28229</t>
  </si>
  <si>
    <t>1763.39990234375</t>
  </si>
  <si>
    <t>-0.02200277950914753</t>
  </si>
  <si>
    <t>2132.800048828125</t>
  </si>
  <si>
    <t>0.006074537485423193</t>
  </si>
  <si>
    <t>1543.9000244140625</t>
  </si>
  <si>
    <t>0.020181581077672206</t>
  </si>
  <si>
    <t>29065</t>
  </si>
  <si>
    <t>1677.5</t>
  </si>
  <si>
    <t>0.0029287642607780384</t>
  </si>
  <si>
    <t>29496</t>
  </si>
  <si>
    <t>1525.5001220703125</t>
  </si>
  <si>
    <t>0.014719959778528136</t>
  </si>
  <si>
    <t>30496</t>
  </si>
  <si>
    <t>0.033340866539948166</t>
  </si>
  <si>
    <t>30510</t>
  </si>
  <si>
    <t>1995.60009765625</t>
  </si>
  <si>
    <t>0.0004589712567870663</t>
  </si>
  <si>
    <t>2000.2000732421875</t>
  </si>
  <si>
    <t>-0.017824251256628898</t>
  </si>
  <si>
    <t>27688</t>
  </si>
  <si>
    <t>1769.800048828125</t>
  </si>
  <si>
    <t>-0.07923114113890506</t>
  </si>
  <si>
    <t>29479</t>
  </si>
  <si>
    <t>1597.800048828125</t>
  </si>
  <si>
    <t>0.06267903911017392</t>
  </si>
  <si>
    <t>1400.699951171875</t>
  </si>
  <si>
    <t>0.004096215886796983</t>
  </si>
  <si>
    <t>29449</t>
  </si>
  <si>
    <t>2505.000244140625</t>
  </si>
  <si>
    <t>-0.005114407666317433</t>
  </si>
  <si>
    <t>2101.7001953125</t>
  </si>
  <si>
    <t>0.025347519927006346</t>
  </si>
  <si>
    <t>2054.39990234375</t>
  </si>
  <si>
    <t>0.025431193378469885</t>
  </si>
  <si>
    <t>31014</t>
  </si>
  <si>
    <t>2008.10009765625</t>
  </si>
  <si>
    <t>0.0010000484727843428</t>
  </si>
  <si>
    <t>31048</t>
  </si>
  <si>
    <t>1650.4998779296875</t>
  </si>
  <si>
    <t>0.0010956786246474337</t>
  </si>
  <si>
    <t>31788</t>
  </si>
  <si>
    <t>1875.4000244140625</t>
  </si>
  <si>
    <t>0.023554466011328046</t>
  </si>
  <si>
    <t>0.02424135112274506</t>
  </si>
  <si>
    <t>34232</t>
  </si>
  <si>
    <t>2210.7998046875</t>
  </si>
  <si>
    <t>0.049830667913838056</t>
  </si>
  <si>
    <t>29397</t>
  </si>
  <si>
    <t>2276.0</t>
  </si>
  <si>
    <t>-0.15226825079272466</t>
  </si>
  <si>
    <t>31951</t>
  </si>
  <si>
    <t>1579.9000244140625</t>
  </si>
  <si>
    <t>0.08331085091649015</t>
  </si>
  <si>
    <t>1838.10009765625</t>
  </si>
  <si>
    <t>0.04264437603982785</t>
  </si>
  <si>
    <t>27577</t>
  </si>
  <si>
    <t>736.9000854492188</t>
  </si>
  <si>
    <t>758.8424682617188</t>
  </si>
  <si>
    <t>Brighton and Hove</t>
  </si>
  <si>
    <t>-0.014795060645472091</t>
  </si>
  <si>
    <t>996.699951171875</t>
  </si>
  <si>
    <t>0.0006622273153240599</t>
  </si>
  <si>
    <t>27784</t>
  </si>
  <si>
    <t>1107.5999755859375</t>
  </si>
  <si>
    <t>0.021611056797393502</t>
  </si>
  <si>
    <t>1089.0999755859375</t>
  </si>
  <si>
    <t>0.03455998732119703</t>
  </si>
  <si>
    <t>29393</t>
  </si>
  <si>
    <t>0.02173624799440077</t>
  </si>
  <si>
    <t>30055</t>
  </si>
  <si>
    <t>9.524998664855957</t>
  </si>
  <si>
    <t>0.02227248573375462</t>
  </si>
  <si>
    <t>31433</t>
  </si>
  <si>
    <t>904.199951171875</t>
  </si>
  <si>
    <t>0.04482925997007925</t>
  </si>
  <si>
    <t>32389</t>
  </si>
  <si>
    <t>1033.0</t>
  </si>
  <si>
    <t>0.029960562518972722</t>
  </si>
  <si>
    <t>891.60009765625</t>
  </si>
  <si>
    <t>0.04733505562187723</t>
  </si>
  <si>
    <t>0.04054043894150361</t>
  </si>
  <si>
    <t>953.199951171875</t>
  </si>
  <si>
    <t>0.04743732313210458</t>
  </si>
  <si>
    <t>37559</t>
  </si>
  <si>
    <t>1124.300048828125</t>
  </si>
  <si>
    <t>0.012781353241814841</t>
  </si>
  <si>
    <t>775.7999877929688</t>
  </si>
  <si>
    <t>0.012462292022691557</t>
  </si>
  <si>
    <t>38498</t>
  </si>
  <si>
    <t>859.5000610351562</t>
  </si>
  <si>
    <t>0.012230969952275572</t>
  </si>
  <si>
    <t>39720</t>
  </si>
  <si>
    <t>0.031248547284528527</t>
  </si>
  <si>
    <t>41042</t>
  </si>
  <si>
    <t>11.533332824707031</t>
  </si>
  <si>
    <t>992.699951171875</t>
  </si>
  <si>
    <t>0.03274109344160081</t>
  </si>
  <si>
    <t>0.0017284405739399489</t>
  </si>
  <si>
    <t>41267</t>
  </si>
  <si>
    <t>1018.7999877929688</t>
  </si>
  <si>
    <t>0.003738775901675595</t>
  </si>
  <si>
    <t>39734</t>
  </si>
  <si>
    <t>916.0000610351562</t>
  </si>
  <si>
    <t>-0.03785590474831757</t>
  </si>
  <si>
    <t>39281</t>
  </si>
  <si>
    <t>862.9000244140625</t>
  </si>
  <si>
    <t>-0.011466302935190242</t>
  </si>
  <si>
    <t>11.558334350585938</t>
  </si>
  <si>
    <t>712.5</t>
  </si>
  <si>
    <t>-0.0039026181736243615</t>
  </si>
  <si>
    <t>41181</t>
  </si>
  <si>
    <t>1241.5</t>
  </si>
  <si>
    <t>0.05113866170057513</t>
  </si>
  <si>
    <t>42670</t>
  </si>
  <si>
    <t>1010.800048828125</t>
  </si>
  <si>
    <t>0.035519112262276664</t>
  </si>
  <si>
    <t>43649</t>
  </si>
  <si>
    <t>1087.4000244140625</t>
  </si>
  <si>
    <t>0.022684275315830504</t>
  </si>
  <si>
    <t>43791</t>
  </si>
  <si>
    <t>963.4000244140625</t>
  </si>
  <si>
    <t>0.003247944300811767</t>
  </si>
  <si>
    <t>44741</t>
  </si>
  <si>
    <t>903.10009765625</t>
  </si>
  <si>
    <t>0.021461990359078698</t>
  </si>
  <si>
    <t>45596</t>
  </si>
  <si>
    <t>899.199951171875</t>
  </si>
  <si>
    <t>0.018929686198902118</t>
  </si>
  <si>
    <t>838.7000122070312</t>
  </si>
  <si>
    <t>0.012900030715078614</t>
  </si>
  <si>
    <t>47051</t>
  </si>
  <si>
    <t>1065.10009765625</t>
  </si>
  <si>
    <t>0.018512095701037623</t>
  </si>
  <si>
    <t>43686</t>
  </si>
  <si>
    <t>1103.199951171875</t>
  </si>
  <si>
    <t>-0.07420443515001907</t>
  </si>
  <si>
    <t>47481</t>
  </si>
  <si>
    <t>0.08330194637862753</t>
  </si>
  <si>
    <t>49551</t>
  </si>
  <si>
    <t>12.041666984558105</t>
  </si>
  <si>
    <t>0.0426728111878063</t>
  </si>
  <si>
    <t>1158</t>
  </si>
  <si>
    <t>35396</t>
  </si>
  <si>
    <t>511.2000427246094</t>
  </si>
  <si>
    <t>438.9275817871094</t>
  </si>
  <si>
    <t>Buckinghamshire CC</t>
  </si>
  <si>
    <t>34875</t>
  </si>
  <si>
    <t>-0.014828579263575392</t>
  </si>
  <si>
    <t>898.3999633789062</t>
  </si>
  <si>
    <t>0.0006879353612099237</t>
  </si>
  <si>
    <t>35660</t>
  </si>
  <si>
    <t>824.9000244140625</t>
  </si>
  <si>
    <t>0.021571436932255494</t>
  </si>
  <si>
    <t>36915</t>
  </si>
  <si>
    <t>753.10009765625</t>
  </si>
  <si>
    <t>0.03458836007613364</t>
  </si>
  <si>
    <t>37726</t>
  </si>
  <si>
    <t>583.6000366210938</t>
  </si>
  <si>
    <t>0.021731539412405354</t>
  </si>
  <si>
    <t>38576</t>
  </si>
  <si>
    <t>460.79998779296875</t>
  </si>
  <si>
    <t>0.022280809515281774</t>
  </si>
  <si>
    <t>40344</t>
  </si>
  <si>
    <t>688.2000732421875</t>
  </si>
  <si>
    <t>0.04481236333560901</t>
  </si>
  <si>
    <t>849.0999755859375</t>
  </si>
  <si>
    <t>0.029984178951751872</t>
  </si>
  <si>
    <t>10.508332252502441</t>
  </si>
  <si>
    <t>0.0349121380740538</t>
  </si>
  <si>
    <t>44778</t>
  </si>
  <si>
    <t>934.5999755859375</t>
  </si>
  <si>
    <t>0.03937794557707619</t>
  </si>
  <si>
    <t>45583</t>
  </si>
  <si>
    <t>0.017817892615678232</t>
  </si>
  <si>
    <t>815.7000732421875</t>
  </si>
  <si>
    <t>0.004945738372489572</t>
  </si>
  <si>
    <t>614.7999267578125</t>
  </si>
  <si>
    <t>0.02138125680847125</t>
  </si>
  <si>
    <t>46210</t>
  </si>
  <si>
    <t>675.1000366210938</t>
  </si>
  <si>
    <t>-0.01266561029176927</t>
  </si>
  <si>
    <t>47161</t>
  </si>
  <si>
    <t>628.9000244140625</t>
  </si>
  <si>
    <t>0.020371054972700975</t>
  </si>
  <si>
    <t>47038</t>
  </si>
  <si>
    <t>718.9000244140625</t>
  </si>
  <si>
    <t>-0.0026114941751806953</t>
  </si>
  <si>
    <t>47709</t>
  </si>
  <si>
    <t>0.014164273662192528</t>
  </si>
  <si>
    <t>48044</t>
  </si>
  <si>
    <t>0.0069971983503549495</t>
  </si>
  <si>
    <t>-0.05471267139002123</t>
  </si>
  <si>
    <t>45446</t>
  </si>
  <si>
    <t>677.9999389648438</t>
  </si>
  <si>
    <t>-0.0008797783526155456</t>
  </si>
  <si>
    <t>46051</t>
  </si>
  <si>
    <t>0.013224670042532694</t>
  </si>
  <si>
    <t>46125</t>
  </si>
  <si>
    <t>933.10009765625</t>
  </si>
  <si>
    <t>0.0016056243685511618</t>
  </si>
  <si>
    <t>46140</t>
  </si>
  <si>
    <t>747.0</t>
  </si>
  <si>
    <t>0.00032515038491709447</t>
  </si>
  <si>
    <t>46394</t>
  </si>
  <si>
    <t>746.9999389648438</t>
  </si>
  <si>
    <t>0.005489887780470326</t>
  </si>
  <si>
    <t>45974</t>
  </si>
  <si>
    <t>741.6000366210938</t>
  </si>
  <si>
    <t>-0.009094121223853335</t>
  </si>
  <si>
    <t>45746</t>
  </si>
  <si>
    <t>695.5999145507812</t>
  </si>
  <si>
    <t>-0.004971663097057544</t>
  </si>
  <si>
    <t>45445</t>
  </si>
  <si>
    <t>681.0</t>
  </si>
  <si>
    <t>-0.006601552634434071</t>
  </si>
  <si>
    <t>45966</t>
  </si>
  <si>
    <t>655.2000732421875</t>
  </si>
  <si>
    <t>0.01139918919200511</t>
  </si>
  <si>
    <t>47905</t>
  </si>
  <si>
    <t>0.04131789034009792</t>
  </si>
  <si>
    <t>42479</t>
  </si>
  <si>
    <t>782.300048828125</t>
  </si>
  <si>
    <t>-0.12021004693587578</t>
  </si>
  <si>
    <t>46169</t>
  </si>
  <si>
    <t>0.08329874103138835</t>
  </si>
  <si>
    <t>48181</t>
  </si>
  <si>
    <t>622.4000244140625</t>
  </si>
  <si>
    <t>0.04265617527319243</t>
  </si>
  <si>
    <t>1159</t>
  </si>
  <si>
    <t>22787</t>
  </si>
  <si>
    <t>8.030905723571777</t>
  </si>
  <si>
    <t>1306.4195556640625</t>
  </si>
  <si>
    <t>60.50514602661133</t>
  </si>
  <si>
    <t>Caithness &amp; Sutherland and Ross &amp; Cromarty</t>
  </si>
  <si>
    <t>7.850244522094727</t>
  </si>
  <si>
    <t>1051.4017333984375</t>
  </si>
  <si>
    <t>-0.014810500830016338</t>
  </si>
  <si>
    <t>7.7285237312316895</t>
  </si>
  <si>
    <t>1295.632080078125</t>
  </si>
  <si>
    <t>0.00066786885538761</t>
  </si>
  <si>
    <t>22958</t>
  </si>
  <si>
    <t>7.216700077056885</t>
  </si>
  <si>
    <t>1096.443359375</t>
  </si>
  <si>
    <t>0.02161889370796466</t>
  </si>
  <si>
    <t>23765</t>
  </si>
  <si>
    <t>7.647518157958984</t>
  </si>
  <si>
    <t>1164.0697021484375</t>
  </si>
  <si>
    <t>0.034547450422667936</t>
  </si>
  <si>
    <t>24288</t>
  </si>
  <si>
    <t>8.125555992126465</t>
  </si>
  <si>
    <t>1030.372314453125</t>
  </si>
  <si>
    <t>0.021768491147247104</t>
  </si>
  <si>
    <t>7.354743480682373</t>
  </si>
  <si>
    <t>988.2251586914062</t>
  </si>
  <si>
    <t>0.022271547346093712</t>
  </si>
  <si>
    <t>25973</t>
  </si>
  <si>
    <t>8.587690353393555</t>
  </si>
  <si>
    <t>1180.5174560546875</t>
  </si>
  <si>
    <t>0.04480358834893927</t>
  </si>
  <si>
    <t>26763</t>
  </si>
  <si>
    <t>8.103704452514648</t>
  </si>
  <si>
    <t>1297.8804931640625</t>
  </si>
  <si>
    <t>0.029962799691503506</t>
  </si>
  <si>
    <t>8.283693313598633</t>
  </si>
  <si>
    <t>1148.0279541015625</t>
  </si>
  <si>
    <t>0.043396863001351704</t>
  </si>
  <si>
    <t>29161</t>
  </si>
  <si>
    <t>7.951311111450195</t>
  </si>
  <si>
    <t>1163.018798828125</t>
  </si>
  <si>
    <t>0.04241500050415148</t>
  </si>
  <si>
    <t>29586</t>
  </si>
  <si>
    <t>7.9409003257751465</t>
  </si>
  <si>
    <t>1079.11962890625</t>
  </si>
  <si>
    <t>0.014469076364784783</t>
  </si>
  <si>
    <t>8.41483211517334</t>
  </si>
  <si>
    <t>1251.5745849609375</t>
  </si>
  <si>
    <t>0.007039317728898098</t>
  </si>
  <si>
    <t>8.693138122558594</t>
  </si>
  <si>
    <t>864.5760498046875</t>
  </si>
  <si>
    <t>0.0717702383058576</t>
  </si>
  <si>
    <t>33195</t>
  </si>
  <si>
    <t>8.564528465270996</t>
  </si>
  <si>
    <t>1152.2315673828125</t>
  </si>
  <si>
    <t>0.03628842966632284</t>
  </si>
  <si>
    <t>8.325970649719238</t>
  </si>
  <si>
    <t>1045.6641845703125</t>
  </si>
  <si>
    <t>0.019214721302843074</t>
  </si>
  <si>
    <t>33724</t>
  </si>
  <si>
    <t>8.73049259185791</t>
  </si>
  <si>
    <t>1173.596923828125</t>
  </si>
  <si>
    <t>-0.0034042334135371277</t>
  </si>
  <si>
    <t>8.473963737487793</t>
  </si>
  <si>
    <t>1187.503662109375</t>
  </si>
  <si>
    <t>-0.005590261361851034</t>
  </si>
  <si>
    <t>8.212767601013184</t>
  </si>
  <si>
    <t>1056.1339111328125</t>
  </si>
  <si>
    <t>-0.006041591578592076</t>
  </si>
  <si>
    <t>31312</t>
  </si>
  <si>
    <t>8.28231143951416</t>
  </si>
  <si>
    <t>1263.9581298828125</t>
  </si>
  <si>
    <t>-0.06257648646626457</t>
  </si>
  <si>
    <t>31238</t>
  </si>
  <si>
    <t>7.3259735107421875</t>
  </si>
  <si>
    <t>1014.3067016601562</t>
  </si>
  <si>
    <t>-0.002366108218190277</t>
  </si>
  <si>
    <t>32590</t>
  </si>
  <si>
    <t>8.508028030395508</t>
  </si>
  <si>
    <t>1262.2255859375</t>
  </si>
  <si>
    <t>0.042370190413940634</t>
  </si>
  <si>
    <t>33675</t>
  </si>
  <si>
    <t>7.7419657707214355</t>
  </si>
  <si>
    <t>1183.172119140625</t>
  </si>
  <si>
    <t>0.03275022944695749</t>
  </si>
  <si>
    <t>7.948164463043213</t>
  </si>
  <si>
    <t>1104.63525390625</t>
  </si>
  <si>
    <t>0.003616318856924039</t>
  </si>
  <si>
    <t>8.841523170471191</t>
  </si>
  <si>
    <t>1278.3717041015625</t>
  </si>
  <si>
    <t>0.028641715203020723</t>
  </si>
  <si>
    <t>33631</t>
  </si>
  <si>
    <t>8.1408052444458</t>
  </si>
  <si>
    <t>1274.5384521484375</t>
  </si>
  <si>
    <t>-0.03356549569094369</t>
  </si>
  <si>
    <t>8.406039237976074</t>
  </si>
  <si>
    <t>990.7203369140625</t>
  </si>
  <si>
    <t>0.0013965445226880036</t>
  </si>
  <si>
    <t>8.4950532913208</t>
  </si>
  <si>
    <t>1237.4942626953125</t>
  </si>
  <si>
    <t>0.04766119408606251</t>
  </si>
  <si>
    <t>35183</t>
  </si>
  <si>
    <t>8.323844909667969</t>
  </si>
  <si>
    <t>944.7241821289062</t>
  </si>
  <si>
    <t>-0.003942987875692694</t>
  </si>
  <si>
    <t>36267</t>
  </si>
  <si>
    <t>8.642840385437012</t>
  </si>
  <si>
    <t>1203.051513671875</t>
  </si>
  <si>
    <t>0.03034522548947649</t>
  </si>
  <si>
    <t>32153</t>
  </si>
  <si>
    <t>8.267594337463379</t>
  </si>
  <si>
    <t>1251.2418212890625</t>
  </si>
  <si>
    <t>-0.12040247796048398</t>
  </si>
  <si>
    <t>34946</t>
  </si>
  <si>
    <t>8.60270881652832</t>
  </si>
  <si>
    <t>997.257080078125</t>
  </si>
  <si>
    <t>0.08329825398936741</t>
  </si>
  <si>
    <t>8.847868919372559</t>
  </si>
  <si>
    <t>1183.1070556640625</t>
  </si>
  <si>
    <t>0.042658571730719075</t>
  </si>
  <si>
    <t>10.457829475402832</t>
  </si>
  <si>
    <t>424.3938903808594</t>
  </si>
  <si>
    <t>409.90472412109375</t>
  </si>
  <si>
    <t>Cambridgeshire CC</t>
  </si>
  <si>
    <t>31654</t>
  </si>
  <si>
    <t>9.70883846282959</t>
  </si>
  <si>
    <t>484.4333190917969</t>
  </si>
  <si>
    <t>-0.014832275175756138</t>
  </si>
  <si>
    <t>10.154040336608887</t>
  </si>
  <si>
    <t>724.6151733398438</t>
  </si>
  <si>
    <t>0.0006947734370754688</t>
  </si>
  <si>
    <t>9.545202255249023</t>
  </si>
  <si>
    <t>683.345458984375</t>
  </si>
  <si>
    <t>0.021580088889146865</t>
  </si>
  <si>
    <t>601.6061401367188</t>
  </si>
  <si>
    <t>0.03458514203402707</t>
  </si>
  <si>
    <t>34242</t>
  </si>
  <si>
    <t>10.620706558227539</t>
  </si>
  <si>
    <t>459.712158203125</t>
  </si>
  <si>
    <t>0.02172843351128506</t>
  </si>
  <si>
    <t>9.254039764404297</t>
  </si>
  <si>
    <t>385.7394104003906</t>
  </si>
  <si>
    <t>0.022266460315700343</t>
  </si>
  <si>
    <t>10.891414642333984</t>
  </si>
  <si>
    <t>545.2394409179688</t>
  </si>
  <si>
    <t>0.04482050169208662</t>
  </si>
  <si>
    <t>37733</t>
  </si>
  <si>
    <t>10.437878608703613</t>
  </si>
  <si>
    <t>686.5909423828125</t>
  </si>
  <si>
    <t>0.029995120349280313</t>
  </si>
  <si>
    <t>38918</t>
  </si>
  <si>
    <t>10.641414642333984</t>
  </si>
  <si>
    <t>576.42724609375</t>
  </si>
  <si>
    <t>0.03092182539627153</t>
  </si>
  <si>
    <t>40489</t>
  </si>
  <si>
    <t>10.321717262268066</t>
  </si>
  <si>
    <t>770.4485473632812</t>
  </si>
  <si>
    <t>0.03957346374695625</t>
  </si>
  <si>
    <t>41783</t>
  </si>
  <si>
    <t>640.2696533203125</t>
  </si>
  <si>
    <t>0.0314592259589066</t>
  </si>
  <si>
    <t>10.578282356262207</t>
  </si>
  <si>
    <t>695.9363403320312</t>
  </si>
  <si>
    <t>0.0214282920513309</t>
  </si>
  <si>
    <t>43139</t>
  </si>
  <si>
    <t>492.8091125488281</t>
  </si>
  <si>
    <t>0.010509610056114838</t>
  </si>
  <si>
    <t>10.60732364654541</t>
  </si>
  <si>
    <t>573.315185546875</t>
  </si>
  <si>
    <t>-0.0030645672070033214</t>
  </si>
  <si>
    <t>10.39116096496582</t>
  </si>
  <si>
    <t>511.763671875</t>
  </si>
  <si>
    <t>0.012799361500125173</t>
  </si>
  <si>
    <t>44704</t>
  </si>
  <si>
    <t>11.082575798034668</t>
  </si>
  <si>
    <t>612.51513671875</t>
  </si>
  <si>
    <t>0.025900728432157294</t>
  </si>
  <si>
    <t>45123</t>
  </si>
  <si>
    <t>10.799495697021484</t>
  </si>
  <si>
    <t>646.5606079101562</t>
  </si>
  <si>
    <t>0.009329111266634271</t>
  </si>
  <si>
    <t>44898</t>
  </si>
  <si>
    <t>10.066162109375</t>
  </si>
  <si>
    <t>643.1182250976562</t>
  </si>
  <si>
    <t>-0.00499884401491002</t>
  </si>
  <si>
    <t>43076</t>
  </si>
  <si>
    <t>10.262626647949219</t>
  </si>
  <si>
    <t>571.6303100585938</t>
  </si>
  <si>
    <t>-0.04142725285964133</t>
  </si>
  <si>
    <t>43797</t>
  </si>
  <si>
    <t>9.449747085571289</t>
  </si>
  <si>
    <t>582.5242309570312</t>
  </si>
  <si>
    <t>0.01659932441931744</t>
  </si>
  <si>
    <t>43592</t>
  </si>
  <si>
    <t>10.978787422180176</t>
  </si>
  <si>
    <t>448.3121032714844</t>
  </si>
  <si>
    <t>-0.004691674605155072</t>
  </si>
  <si>
    <t>44532</t>
  </si>
  <si>
    <t>9.945201873779297</t>
  </si>
  <si>
    <t>736.3394165039062</t>
  </si>
  <si>
    <t>0.021334384585664168</t>
  </si>
  <si>
    <t>44606</t>
  </si>
  <si>
    <t>10.103788375854492</t>
  </si>
  <si>
    <t>0.0016603472593050839</t>
  </si>
  <si>
    <t>45358</t>
  </si>
  <si>
    <t>11.162373542785645</t>
  </si>
  <si>
    <t>637.8091430664062</t>
  </si>
  <si>
    <t>0.016718187610903712</t>
  </si>
  <si>
    <t>46010</t>
  </si>
  <si>
    <t>10.591414451599121</t>
  </si>
  <si>
    <t>594.04248046875</t>
  </si>
  <si>
    <t>0.014272197430706512</t>
  </si>
  <si>
    <t>46695</t>
  </si>
  <si>
    <t>10.404545783996582</t>
  </si>
  <si>
    <t>578.6455078125</t>
  </si>
  <si>
    <t>0.014778328394305262</t>
  </si>
  <si>
    <t>48167</t>
  </si>
  <si>
    <t>10.9502534866333</t>
  </si>
  <si>
    <t>573.6362915039062</t>
  </si>
  <si>
    <t>0.031037046713974448</t>
  </si>
  <si>
    <t>47822</t>
  </si>
  <si>
    <t>10.812626838684082</t>
  </si>
  <si>
    <t>533.3515014648438</t>
  </si>
  <si>
    <t>-0.007188354615246695</t>
  </si>
  <si>
    <t>49486</t>
  </si>
  <si>
    <t>11.046212196350098</t>
  </si>
  <si>
    <t>650.845458984375</t>
  </si>
  <si>
    <t>0.034204016627944256</t>
  </si>
  <si>
    <t>46035</t>
  </si>
  <si>
    <t>10.904797554016113</t>
  </si>
  <si>
    <t>642.4090576171875</t>
  </si>
  <si>
    <t>-0.07228782454854432</t>
  </si>
  <si>
    <t>50034</t>
  </si>
  <si>
    <t>10.716919898986816</t>
  </si>
  <si>
    <t>522.3515014648438</t>
  </si>
  <si>
    <t>0.08330079759309328</t>
  </si>
  <si>
    <t>52215</t>
  </si>
  <si>
    <t>512.7817993164062</t>
  </si>
  <si>
    <t>0.042667035598608294</t>
  </si>
  <si>
    <t>33957</t>
  </si>
  <si>
    <t>737.2999877929688</t>
  </si>
  <si>
    <t>957.467041015625</t>
  </si>
  <si>
    <t>Cheshire East</t>
  </si>
  <si>
    <t>33458</t>
  </si>
  <si>
    <t>-0.014804097409303552</t>
  </si>
  <si>
    <t>33481</t>
  </si>
  <si>
    <t>970.199951171875</t>
  </si>
  <si>
    <t>0.0006871928443850095</t>
  </si>
  <si>
    <t>0.021569116027757573</t>
  </si>
  <si>
    <t>35415</t>
  </si>
  <si>
    <t>979.5000610351562</t>
  </si>
  <si>
    <t>0.034588229424354466</t>
  </si>
  <si>
    <t>36193</t>
  </si>
  <si>
    <t>638.0999755859375</t>
  </si>
  <si>
    <t>0.021730270761972648</t>
  </si>
  <si>
    <t>37008</t>
  </si>
  <si>
    <t>673.3999633789062</t>
  </si>
  <si>
    <t>0.022268375521525385</t>
  </si>
  <si>
    <t>894.0</t>
  </si>
  <si>
    <t>0.04480884837858845</t>
  </si>
  <si>
    <t>39883</t>
  </si>
  <si>
    <t>1011.5999755859375</t>
  </si>
  <si>
    <t>0.030007214073688004</t>
  </si>
  <si>
    <t>41505</t>
  </si>
  <si>
    <t>900.9999389648438</t>
  </si>
  <si>
    <t>0.039863733965638914</t>
  </si>
  <si>
    <t>1215.60009765625</t>
  </si>
  <si>
    <t>0.03394331284037477</t>
  </si>
  <si>
    <t>887.2000732421875</t>
  </si>
  <si>
    <t>0.1254288807271795</t>
  </si>
  <si>
    <t>48926</t>
  </si>
  <si>
    <t>1091.2000732421875</t>
  </si>
  <si>
    <t>0.005122857046838902</t>
  </si>
  <si>
    <t>46113</t>
  </si>
  <si>
    <t>770.800048828125</t>
  </si>
  <si>
    <t>-0.0592140466104869</t>
  </si>
  <si>
    <t>49601</t>
  </si>
  <si>
    <t>870.0999755859375</t>
  </si>
  <si>
    <t>0.07291608890706236</t>
  </si>
  <si>
    <t>51034</t>
  </si>
  <si>
    <t>0.028481082449518524</t>
  </si>
  <si>
    <t>52769</t>
  </si>
  <si>
    <t>0.03343181980945786</t>
  </si>
  <si>
    <t>1054.699951171875</t>
  </si>
  <si>
    <t>-0.009577833012134107</t>
  </si>
  <si>
    <t>49848</t>
  </si>
  <si>
    <t>-0.047367688822889775</t>
  </si>
  <si>
    <t>47037</t>
  </si>
  <si>
    <t>-0.05804384919549754</t>
  </si>
  <si>
    <t>48648</t>
  </si>
  <si>
    <t>784.5</t>
  </si>
  <si>
    <t>0.033676171771386265</t>
  </si>
  <si>
    <t>49807</t>
  </si>
  <si>
    <t>0.02354483858384704</t>
  </si>
  <si>
    <t>1260.1002197265625</t>
  </si>
  <si>
    <t>0.028852721720397767</t>
  </si>
  <si>
    <t>51176</t>
  </si>
  <si>
    <t>946.8001098632812</t>
  </si>
  <si>
    <t>-0.0017375859742170263</t>
  </si>
  <si>
    <t>53385</t>
  </si>
  <si>
    <t>0.042259135482428434</t>
  </si>
  <si>
    <t>54784</t>
  </si>
  <si>
    <t>952.5</t>
  </si>
  <si>
    <t>0.025868372889011226</t>
  </si>
  <si>
    <t>58236</t>
  </si>
  <si>
    <t>865.1000366210938</t>
  </si>
  <si>
    <t>0.061105539691803656</t>
  </si>
  <si>
    <t>57206</t>
  </si>
  <si>
    <t>873.0999755859375</t>
  </si>
  <si>
    <t>-0.017844932221539267</t>
  </si>
  <si>
    <t>57426</t>
  </si>
  <si>
    <t>765.5999755859375</t>
  </si>
  <si>
    <t>0.003838374452284299</t>
  </si>
  <si>
    <t>58136</t>
  </si>
  <si>
    <t>1086.9000244140625</t>
  </si>
  <si>
    <t>0.012287930872510344</t>
  </si>
  <si>
    <t>52401</t>
  </si>
  <si>
    <t>1066.7999267578125</t>
  </si>
  <si>
    <t>-0.10385941819997058</t>
  </si>
  <si>
    <t>56953</t>
  </si>
  <si>
    <t>0.08330069117893402</t>
  </si>
  <si>
    <t>0.04265691213928946</t>
  </si>
  <si>
    <t>1167</t>
  </si>
  <si>
    <t>895.5439453125</t>
  </si>
  <si>
    <t>Cheshire West and Chester</t>
  </si>
  <si>
    <t>548.2000122070312</t>
  </si>
  <si>
    <t>-0.014807471799009875</t>
  </si>
  <si>
    <t>30924</t>
  </si>
  <si>
    <t>823.39990234375</t>
  </si>
  <si>
    <t>0.000679314888561322</t>
  </si>
  <si>
    <t>0.021561245992430145</t>
  </si>
  <si>
    <t>831.1000366210938</t>
  </si>
  <si>
    <t>0.03458701409963538</t>
  </si>
  <si>
    <t>549.5999755859375</t>
  </si>
  <si>
    <t>0.021742945182733564</t>
  </si>
  <si>
    <t>0.02227540299328723</t>
  </si>
  <si>
    <t>814.7999877929688</t>
  </si>
  <si>
    <t>0.04479513379283162</t>
  </si>
  <si>
    <t>36837</t>
  </si>
  <si>
    <t>866.199951171875</t>
  </si>
  <si>
    <t>0.030008451327340424</t>
  </si>
  <si>
    <t>0.06418725006724024</t>
  </si>
  <si>
    <t>38675</t>
  </si>
  <si>
    <t>1020.5001220703125</t>
  </si>
  <si>
    <t>-0.015496628454597428</t>
  </si>
  <si>
    <t>41253</t>
  </si>
  <si>
    <t>757.9000854492188</t>
  </si>
  <si>
    <t>0.06453044094978821</t>
  </si>
  <si>
    <t>41106</t>
  </si>
  <si>
    <t>924.8999633789062</t>
  </si>
  <si>
    <t>-0.003569741160101003</t>
  </si>
  <si>
    <t>42882</t>
  </si>
  <si>
    <t>678.800048828125</t>
  </si>
  <si>
    <t>0.04229806121708002</t>
  </si>
  <si>
    <t>42687</t>
  </si>
  <si>
    <t>752.2001342773438</t>
  </si>
  <si>
    <t>-0.004557733234232586</t>
  </si>
  <si>
    <t>43137</t>
  </si>
  <si>
    <t>705.5999755859375</t>
  </si>
  <si>
    <t>0.010486673282050774</t>
  </si>
  <si>
    <t>827.1000366210938</t>
  </si>
  <si>
    <t>0.03733584986359162</t>
  </si>
  <si>
    <t>0.037197586230201196</t>
  </si>
  <si>
    <t>862.300048828125</t>
  </si>
  <si>
    <t>-0.02265381016647794</t>
  </si>
  <si>
    <t>45439</t>
  </si>
  <si>
    <t>0.0001100436874548194</t>
  </si>
  <si>
    <t>47058</t>
  </si>
  <si>
    <t>681.3999633789062</t>
  </si>
  <si>
    <t>0.03501011633010087</t>
  </si>
  <si>
    <t>46420</t>
  </si>
  <si>
    <t>622.699951171875</t>
  </si>
  <si>
    <t>-0.013650482612293402</t>
  </si>
  <si>
    <t>46135</t>
  </si>
  <si>
    <t>-0.006158519815771868</t>
  </si>
  <si>
    <t>46900</t>
  </si>
  <si>
    <t>826.7000122070312</t>
  </si>
  <si>
    <t>0.016445794421713344</t>
  </si>
  <si>
    <t>48589</t>
  </si>
  <si>
    <t>800.9000244140625</t>
  </si>
  <si>
    <t>0.03537949238747018</t>
  </si>
  <si>
    <t>47225</t>
  </si>
  <si>
    <t>849.9000244140625</t>
  </si>
  <si>
    <t>-0.028473754452129185</t>
  </si>
  <si>
    <t>742.4000854492188</t>
  </si>
  <si>
    <t>0.0318843428995077</t>
  </si>
  <si>
    <t>50894</t>
  </si>
  <si>
    <t>793.7000122070312</t>
  </si>
  <si>
    <t>0.04293728212868153</t>
  </si>
  <si>
    <t>50972</t>
  </si>
  <si>
    <t>0.0015314239342689717</t>
  </si>
  <si>
    <t>52659</t>
  </si>
  <si>
    <t>923.800048828125</t>
  </si>
  <si>
    <t>0.03256070179228665</t>
  </si>
  <si>
    <t>45213</t>
  </si>
  <si>
    <t>-0.15245250803667076</t>
  </si>
  <si>
    <t>49141</t>
  </si>
  <si>
    <t>712.4000854492188</t>
  </si>
  <si>
    <t>0.08330906080067635</t>
  </si>
  <si>
    <t>51283</t>
  </si>
  <si>
    <t>754.0</t>
  </si>
  <si>
    <t>0.04266559633498801</t>
  </si>
  <si>
    <t>1169</t>
  </si>
  <si>
    <t>22694</t>
  </si>
  <si>
    <t>8.764981269836426</t>
  </si>
  <si>
    <t>946.9646606445312</t>
  </si>
  <si>
    <t>740.28369140625</t>
  </si>
  <si>
    <t>Clackmannanshire and Fife</t>
  </si>
  <si>
    <t>22361</t>
  </si>
  <si>
    <t>8.53981876373291</t>
  </si>
  <si>
    <t>806.4498901367188</t>
  </si>
  <si>
    <t>-0.014782202362788155</t>
  </si>
  <si>
    <t>22376</t>
  </si>
  <si>
    <t>8.48517894744873</t>
  </si>
  <si>
    <t>1045.0684814453125</t>
  </si>
  <si>
    <t>0.0006705858936495446</t>
  </si>
  <si>
    <t>22864</t>
  </si>
  <si>
    <t>7.916778087615967</t>
  </si>
  <si>
    <t>938.5171508789062</t>
  </si>
  <si>
    <t>0.021574665287852568</t>
  </si>
  <si>
    <t>8.363405227661133</t>
  </si>
  <si>
    <t>877.276123046875</t>
  </si>
  <si>
    <t>0.03456030362693596</t>
  </si>
  <si>
    <t>24189</t>
  </si>
  <si>
    <t>8.806591033935547</t>
  </si>
  <si>
    <t>813.92041015625</t>
  </si>
  <si>
    <t>0.021774059556546987</t>
  </si>
  <si>
    <t>8.018073081970215</t>
  </si>
  <si>
    <t>734.0580444335938</t>
  </si>
  <si>
    <t>0.022240399954466028</t>
  </si>
  <si>
    <t>25867</t>
  </si>
  <si>
    <t>9.278512001037598</t>
  </si>
  <si>
    <t>935.3240966796875</t>
  </si>
  <si>
    <t>0.04482964071051043</t>
  </si>
  <si>
    <t>26654</t>
  </si>
  <si>
    <t>8.807043075561523</t>
  </si>
  <si>
    <t>1069.3612060546875</t>
  </si>
  <si>
    <t>0.029971208121564175</t>
  </si>
  <si>
    <t>26967</t>
  </si>
  <si>
    <t>8.986872673034668</t>
  </si>
  <si>
    <t>858.3953247070312</t>
  </si>
  <si>
    <t>0.011674663101837623</t>
  </si>
  <si>
    <t>8.66666030883789</t>
  </si>
  <si>
    <t>987.2268676757812</t>
  </si>
  <si>
    <t>0.030278229192708395</t>
  </si>
  <si>
    <t>8.686726570129395</t>
  </si>
  <si>
    <t>852.9466552734375</t>
  </si>
  <si>
    <t>0.010414710387790294</t>
  </si>
  <si>
    <t>9.109766960144043</t>
  </si>
  <si>
    <t>1085.4151611328125</t>
  </si>
  <si>
    <t>0.017855096783726765</t>
  </si>
  <si>
    <t>9.389979362487793</t>
  </si>
  <si>
    <t>728.69140625</t>
  </si>
  <si>
    <t>0.021075267455774593</t>
  </si>
  <si>
    <t>9.26481819152832</t>
  </si>
  <si>
    <t>918.2933959960938</t>
  </si>
  <si>
    <t>0.02248350955570544</t>
  </si>
  <si>
    <t>9.0166597366333</t>
  </si>
  <si>
    <t>808.5388793945312</t>
  </si>
  <si>
    <t>0.01145228576350199</t>
  </si>
  <si>
    <t>31680</t>
  </si>
  <si>
    <t>9.433235168457031</t>
  </si>
  <si>
    <t>933.772705078125</t>
  </si>
  <si>
    <t>0.04751257154764588</t>
  </si>
  <si>
    <t>9.196606636047363</t>
  </si>
  <si>
    <t>950.3483276367188</t>
  </si>
  <si>
    <t>0.010081585365229628</t>
  </si>
  <si>
    <t>32107</t>
  </si>
  <si>
    <t>8.879555702209473</t>
  </si>
  <si>
    <t>915.9876098632812</t>
  </si>
  <si>
    <t>0.003306922586853389</t>
  </si>
  <si>
    <t>8.949727058410645</t>
  </si>
  <si>
    <t>998.0010986328125</t>
  </si>
  <si>
    <t>-0.06977850052575008</t>
  </si>
  <si>
    <t>30073</t>
  </si>
  <si>
    <t>8.021780967712402</t>
  </si>
  <si>
    <t>829.2706909179688</t>
  </si>
  <si>
    <t>0.004332184861306487</t>
  </si>
  <si>
    <t>29979</t>
  </si>
  <si>
    <t>9.236313819885254</t>
  </si>
  <si>
    <t>1000.3496704101562</t>
  </si>
  <si>
    <t>-0.0031306226861023134</t>
  </si>
  <si>
    <t>30271</t>
  </si>
  <si>
    <t>8.43333911895752</t>
  </si>
  <si>
    <t>1032.6904296875</t>
  </si>
  <si>
    <t>0.009693021949438219</t>
  </si>
  <si>
    <t>30668</t>
  </si>
  <si>
    <t>8.648165702819824</t>
  </si>
  <si>
    <t>872.498779296875</t>
  </si>
  <si>
    <t>0.013029607199447568</t>
  </si>
  <si>
    <t>31686</t>
  </si>
  <si>
    <t>9.516289710998535</t>
  </si>
  <si>
    <t>996.5636596679688</t>
  </si>
  <si>
    <t>0.032655177256202705</t>
  </si>
  <si>
    <t>8.811355590820312</t>
  </si>
  <si>
    <t>1034.5821533203125</t>
  </si>
  <si>
    <t>0.011640625302462126</t>
  </si>
  <si>
    <t>32505</t>
  </si>
  <si>
    <t>9.092822074890137</t>
  </si>
  <si>
    <t>786.3318481445312</t>
  </si>
  <si>
    <t>0.01387835540111837</t>
  </si>
  <si>
    <t>9.207781791687012</t>
  </si>
  <si>
    <t>945.8767700195312</t>
  </si>
  <si>
    <t>0.006011734818940795</t>
  </si>
  <si>
    <t>9.011327743530273</t>
  </si>
  <si>
    <t>751.5410766601562</t>
  </si>
  <si>
    <t>-0.003369481837680155</t>
  </si>
  <si>
    <t>9.332942008972168</t>
  </si>
  <si>
    <t>992.2819213867188</t>
  </si>
  <si>
    <t>0.014287915755184954</t>
  </si>
  <si>
    <t>8.981276512145996</t>
  </si>
  <si>
    <t>1019.7653198242188</t>
  </si>
  <si>
    <t>-0.0845395952252499</t>
  </si>
  <si>
    <t>33019</t>
  </si>
  <si>
    <t>9.294648170471191</t>
  </si>
  <si>
    <t>815.9680786132812</t>
  </si>
  <si>
    <t>0.08329865618981103</t>
  </si>
  <si>
    <t>9.581250190734863</t>
  </si>
  <si>
    <t>924.8316650390625</t>
  </si>
  <si>
    <t>0.04265803775277632</t>
  </si>
  <si>
    <t>1466.300048828125</t>
  </si>
  <si>
    <t>102.03091430664062</t>
  </si>
  <si>
    <t>Conwy and Denbighshire</t>
  </si>
  <si>
    <t>19220</t>
  </si>
  <si>
    <t>1186.5</t>
  </si>
  <si>
    <t>-0.014821971970649273</t>
  </si>
  <si>
    <t>19233</t>
  </si>
  <si>
    <t>1784.300048828125</t>
  </si>
  <si>
    <t>0.0006761501310847962</t>
  </si>
  <si>
    <t>19653</t>
  </si>
  <si>
    <t>1608.7000732421875</t>
  </si>
  <si>
    <t>0.0216024447446177</t>
  </si>
  <si>
    <t>20344</t>
  </si>
  <si>
    <t>1870.300048828125</t>
  </si>
  <si>
    <t>0.034556029701970914</t>
  </si>
  <si>
    <t>20791</t>
  </si>
  <si>
    <t>1193.7000732421875</t>
  </si>
  <si>
    <t>0.02173417264143218</t>
  </si>
  <si>
    <t>21259</t>
  </si>
  <si>
    <t>0.022260134357672712</t>
  </si>
  <si>
    <t>22234</t>
  </si>
  <si>
    <t>1621.2000732421875</t>
  </si>
  <si>
    <t>0.04484231369249869</t>
  </si>
  <si>
    <t>22910</t>
  </si>
  <si>
    <t>1808.60009765625</t>
  </si>
  <si>
    <t>0.029950847653982038</t>
  </si>
  <si>
    <t>23112</t>
  </si>
  <si>
    <t>9.141668319702148</t>
  </si>
  <si>
    <t>1705.60009765625</t>
  </si>
  <si>
    <t>0.008778466698529996</t>
  </si>
  <si>
    <t>23869</t>
  </si>
  <si>
    <t>2179.599853515625</t>
  </si>
  <si>
    <t>0.032228582718962784</t>
  </si>
  <si>
    <t>1572.5001220703125</t>
  </si>
  <si>
    <t>0.02134663362133793</t>
  </si>
  <si>
    <t>1938.89990234375</t>
  </si>
  <si>
    <t>0.032361105079418806</t>
  </si>
  <si>
    <t>1422.9998779296875</t>
  </si>
  <si>
    <t>0.03211589841794904</t>
  </si>
  <si>
    <t>26699</t>
  </si>
  <si>
    <t>1526.60009765625</t>
  </si>
  <si>
    <t>0.026221928519690962</t>
  </si>
  <si>
    <t>1446.300048828125</t>
  </si>
  <si>
    <t>0.014538544575708912</t>
  </si>
  <si>
    <t>27494</t>
  </si>
  <si>
    <t>1776.8001708984375</t>
  </si>
  <si>
    <t>0.014803142952224846</t>
  </si>
  <si>
    <t>1733.2000732421875</t>
  </si>
  <si>
    <t>-0.010272998748311224</t>
  </si>
  <si>
    <t>26536</t>
  </si>
  <si>
    <t>1750.89990234375</t>
  </si>
  <si>
    <t>-0.025192498656165796</t>
  </si>
  <si>
    <t>24701</t>
  </si>
  <si>
    <t>1609.699951171875</t>
  </si>
  <si>
    <t>-0.07165857300038958</t>
  </si>
  <si>
    <t>1402.300048828125</t>
  </si>
  <si>
    <t>0.028495822254503977</t>
  </si>
  <si>
    <t>26081</t>
  </si>
  <si>
    <t>9.158331871032715</t>
  </si>
  <si>
    <t>1325.800048828125</t>
  </si>
  <si>
    <t>0.02586752898277389</t>
  </si>
  <si>
    <t>2100.10009765625</t>
  </si>
  <si>
    <t>-0.011375370892993786</t>
  </si>
  <si>
    <t>26817</t>
  </si>
  <si>
    <t>1815.9000244140625</t>
  </si>
  <si>
    <t>0.03920430578518008</t>
  </si>
  <si>
    <t>1704.800048828125</t>
  </si>
  <si>
    <t>0.017557604179351927</t>
  </si>
  <si>
    <t>27617</t>
  </si>
  <si>
    <t>1833.9000244140625</t>
  </si>
  <si>
    <t>0.011837906184478442</t>
  </si>
  <si>
    <t>1509.300048828125</t>
  </si>
  <si>
    <t>0.023298897690951392</t>
  </si>
  <si>
    <t>1656.400146484375</t>
  </si>
  <si>
    <t>0.04194772261461033</t>
  </si>
  <si>
    <t>29699</t>
  </si>
  <si>
    <t>1500.89990234375</t>
  </si>
  <si>
    <t>0.007435229764917395</t>
  </si>
  <si>
    <t>29632</t>
  </si>
  <si>
    <t>1903.900146484375</t>
  </si>
  <si>
    <t>-0.002258516744365835</t>
  </si>
  <si>
    <t>26584</t>
  </si>
  <si>
    <t>1999.4000244140625</t>
  </si>
  <si>
    <t>-0.10854532741147693</t>
  </si>
  <si>
    <t>28893</t>
  </si>
  <si>
    <t>1468.4000244140625</t>
  </si>
  <si>
    <t>0.083289820194544</t>
  </si>
  <si>
    <t>1647.5</t>
  </si>
  <si>
    <t>0.042651904717997624</t>
  </si>
  <si>
    <t>1171</t>
  </si>
  <si>
    <t>20788</t>
  </si>
  <si>
    <t>11.318095207214355</t>
  </si>
  <si>
    <t>1037.64892578125</t>
  </si>
  <si>
    <t>360.7138977050781</t>
  </si>
  <si>
    <t>Cornwall and Isles of Scilly</t>
  </si>
  <si>
    <t>10.59027099609375</t>
  </si>
  <si>
    <t>939.6054077148438</t>
  </si>
  <si>
    <t>-0.014829445492949844</t>
  </si>
  <si>
    <t>20496</t>
  </si>
  <si>
    <t>10.962725639343262</t>
  </si>
  <si>
    <t>1258.5062255859375</t>
  </si>
  <si>
    <t>0.0006832935011313879</t>
  </si>
  <si>
    <t>20943</t>
  </si>
  <si>
    <t>10.468094825744629</t>
  </si>
  <si>
    <t>1302.7149658203125</t>
  </si>
  <si>
    <t>0.021574716501996605</t>
  </si>
  <si>
    <t>21680</t>
  </si>
  <si>
    <t>11.134902000427246</t>
  </si>
  <si>
    <t>1425.4210205078125</t>
  </si>
  <si>
    <t>0.03458571491507101</t>
  </si>
  <si>
    <t>11.568095207214355</t>
  </si>
  <si>
    <t>1021.2882690429688</t>
  </si>
  <si>
    <t>0.021763297081694333</t>
  </si>
  <si>
    <t>22656</t>
  </si>
  <si>
    <t>10.165270805358887</t>
  </si>
  <si>
    <t>897.062255859375</t>
  </si>
  <si>
    <t>0.022271243858169143</t>
  </si>
  <si>
    <t>11.765271186828613</t>
  </si>
  <si>
    <t>1250.1871337890625</t>
  </si>
  <si>
    <t>0.044797134021258955</t>
  </si>
  <si>
    <t>11.365269660949707</t>
  </si>
  <si>
    <t>1355.185302734375</t>
  </si>
  <si>
    <t>0.02997584598105618</t>
  </si>
  <si>
    <t>24844</t>
  </si>
  <si>
    <t>11.443096160888672</t>
  </si>
  <si>
    <t>1150.2283935546875</t>
  </si>
  <si>
    <t>0.01741857718343276</t>
  </si>
  <si>
    <t>25942</t>
  </si>
  <si>
    <t>11.129252433776855</t>
  </si>
  <si>
    <t>1472.3829345703125</t>
  </si>
  <si>
    <t>0.04324700222142397</t>
  </si>
  <si>
    <t>11.240269660949707</t>
  </si>
  <si>
    <t>1122.358154296875</t>
  </si>
  <si>
    <t>0.025498964961160553</t>
  </si>
  <si>
    <t>11.348743438720703</t>
  </si>
  <si>
    <t>1369.7958984375</t>
  </si>
  <si>
    <t>0.041008359236542447</t>
  </si>
  <si>
    <t>11.543094635009766</t>
  </si>
  <si>
    <t>1055.6990966796875</t>
  </si>
  <si>
    <t>0.048401936731993445</t>
  </si>
  <si>
    <t>29270</t>
  </si>
  <si>
    <t>11.334761619567871</t>
  </si>
  <si>
    <t>1051.5933837890625</t>
  </si>
  <si>
    <t>0.005790562855617409</t>
  </si>
  <si>
    <t>30101</t>
  </si>
  <si>
    <t>11.145779609680176</t>
  </si>
  <si>
    <t>1020.7619018554688</t>
  </si>
  <si>
    <t>0.027995293090539164</t>
  </si>
  <si>
    <t>31054</t>
  </si>
  <si>
    <t>11.73758602142334</t>
  </si>
  <si>
    <t>1204.6201171875</t>
  </si>
  <si>
    <t>0.03116923076464495</t>
  </si>
  <si>
    <t>11.540270805358887</t>
  </si>
  <si>
    <t>1222.706787109375</t>
  </si>
  <si>
    <t>-0.008277871752756738</t>
  </si>
  <si>
    <t>10.812586784362793</t>
  </si>
  <si>
    <t>1240.6326904296875</t>
  </si>
  <si>
    <t>0.006988962635736229</t>
  </si>
  <si>
    <t>28617</t>
  </si>
  <si>
    <t>10.893094062805176</t>
  </si>
  <si>
    <t>1256.9765625</t>
  </si>
  <si>
    <t>-0.08043776861077667</t>
  </si>
  <si>
    <t>10.251428604125977</t>
  </si>
  <si>
    <t>1101.226806640625</t>
  </si>
  <si>
    <t>0.01298449016078429</t>
  </si>
  <si>
    <t>11.673604011535645</t>
  </si>
  <si>
    <t>988.341796875</t>
  </si>
  <si>
    <t>0.011489057562922511</t>
  </si>
  <si>
    <t>29661</t>
  </si>
  <si>
    <t>10.843094825744629</t>
  </si>
  <si>
    <t>1403.9066162109375</t>
  </si>
  <si>
    <t>0.011358557028216865</t>
  </si>
  <si>
    <t>10.96527099609375</t>
  </si>
  <si>
    <t>1252.598876953125</t>
  </si>
  <si>
    <t>0.008593829116382068</t>
  </si>
  <si>
    <t>30248</t>
  </si>
  <si>
    <t>11.765410423278809</t>
  </si>
  <si>
    <t>1281.357421875</t>
  </si>
  <si>
    <t>0.011003185889144618</t>
  </si>
  <si>
    <t>11.301426887512207</t>
  </si>
  <si>
    <t>1266.970703125</t>
  </si>
  <si>
    <t>-0.0010253866771243736</t>
  </si>
  <si>
    <t>11.190410614013672</t>
  </si>
  <si>
    <t>1030.1041259765625</t>
  </si>
  <si>
    <t>0.029092486476265833</t>
  </si>
  <si>
    <t>11.601569175720215</t>
  </si>
  <si>
    <t>1119.5289306640625</t>
  </si>
  <si>
    <t>0.044388868126558734</t>
  </si>
  <si>
    <t>32882</t>
  </si>
  <si>
    <t>11.412586212158203</t>
  </si>
  <si>
    <t>1101.5045166015625</t>
  </si>
  <si>
    <t>0.011039361074352882</t>
  </si>
  <si>
    <t>1337.2052001953125</t>
  </si>
  <si>
    <t>0.005912781216077079</t>
  </si>
  <si>
    <t>11.448742866516113</t>
  </si>
  <si>
    <t>1342.720947265625</t>
  </si>
  <si>
    <t>-0.14861834990747447</t>
  </si>
  <si>
    <t>30986</t>
  </si>
  <si>
    <t>11.554252624511719</t>
  </si>
  <si>
    <t>1015.302490234375</t>
  </si>
  <si>
    <t>0.0833156626768119</t>
  </si>
  <si>
    <t>32336</t>
  </si>
  <si>
    <t>12.06823444366455</t>
  </si>
  <si>
    <t>1183.6326904296875</t>
  </si>
  <si>
    <t>0.04264567108716655</t>
  </si>
  <si>
    <t>25949</t>
  </si>
  <si>
    <t>10.808941841125488</t>
  </si>
  <si>
    <t>1090.4549560546875</t>
  </si>
  <si>
    <t>574.2003784179688</t>
  </si>
  <si>
    <t>Devon CC</t>
  </si>
  <si>
    <t>25567</t>
  </si>
  <si>
    <t>10.078316688537598</t>
  </si>
  <si>
    <t>976.32861328125</t>
  </si>
  <si>
    <t>-0.01483061579415157</t>
  </si>
  <si>
    <t>10.49091625213623</t>
  </si>
  <si>
    <t>1304.9501953125</t>
  </si>
  <si>
    <t>0.0007037848272979375</t>
  </si>
  <si>
    <t>9.96448040008545</t>
  </si>
  <si>
    <t>1354.7252197265625</t>
  </si>
  <si>
    <t>0.021575225994997282</t>
  </si>
  <si>
    <t>27063</t>
  </si>
  <si>
    <t>10.657578468322754</t>
  </si>
  <si>
    <t>1487.4622802734375</t>
  </si>
  <si>
    <t>0.034586013090558865</t>
  </si>
  <si>
    <t>11.065011024475098</t>
  </si>
  <si>
    <t>1053.5960693359375</t>
  </si>
  <si>
    <t>0.021747535699855547</t>
  </si>
  <si>
    <t>9.65451717376709</t>
  </si>
  <si>
    <t>934.3179931640625</t>
  </si>
  <si>
    <t>0.02223982398590607</t>
  </si>
  <si>
    <t>29576</t>
  </si>
  <si>
    <t>11.26059341430664</t>
  </si>
  <si>
    <t>1274.630859375</t>
  </si>
  <si>
    <t>0.044808380605957154</t>
  </si>
  <si>
    <t>30477</t>
  </si>
  <si>
    <t>10.880125999450684</t>
  </si>
  <si>
    <t>1408.718505859375</t>
  </si>
  <si>
    <t>0.030009079143187734</t>
  </si>
  <si>
    <t>10.966292381286621</t>
  </si>
  <si>
    <t>1213.2725830078125</t>
  </si>
  <si>
    <t>0.030949621057507315</t>
  </si>
  <si>
    <t>10.674967765808105</t>
  </si>
  <si>
    <t>1621.2508544921875</t>
  </si>
  <si>
    <t>0.01615635786633085</t>
  </si>
  <si>
    <t>32387</t>
  </si>
  <si>
    <t>10.741333961486816</t>
  </si>
  <si>
    <t>1202.3497314453125</t>
  </si>
  <si>
    <t>0.013678828012899658</t>
  </si>
  <si>
    <t>33142</t>
  </si>
  <si>
    <t>10.8724365234375</t>
  </si>
  <si>
    <t>1456.9696044921875</t>
  </si>
  <si>
    <t>0.02304425249334585</t>
  </si>
  <si>
    <t>11.054794311523438</t>
  </si>
  <si>
    <t>1075.8936767578125</t>
  </si>
  <si>
    <t>0.027410391007210322</t>
  </si>
  <si>
    <t>10.841068267822266</t>
  </si>
  <si>
    <t>1088.23486328125</t>
  </si>
  <si>
    <t>0.044133886643173525</t>
  </si>
  <si>
    <t>10.652230262756348</t>
  </si>
  <si>
    <t>1037.0885009765625</t>
  </si>
  <si>
    <t>0.006021162208428521</t>
  </si>
  <si>
    <t>11.27685546875</t>
  </si>
  <si>
    <t>1282.966064453125</t>
  </si>
  <si>
    <t>0.016833643163534973</t>
  </si>
  <si>
    <t>35933</t>
  </si>
  <si>
    <t>11.053473472595215</t>
  </si>
  <si>
    <t>1333.06298828125</t>
  </si>
  <si>
    <t>-0.013544349904035968</t>
  </si>
  <si>
    <t>10.311539649963379</t>
  </si>
  <si>
    <t>1303.89501953125</t>
  </si>
  <si>
    <t>-0.009647590943391293</t>
  </si>
  <si>
    <t>33772</t>
  </si>
  <si>
    <t>10.418221473693848</t>
  </si>
  <si>
    <t>1234.1551513671875</t>
  </si>
  <si>
    <t>-0.052376445575267994</t>
  </si>
  <si>
    <t>9.76855182647705</t>
  </si>
  <si>
    <t>1127.9197998046875</t>
  </si>
  <si>
    <t>0.03070346285861625</t>
  </si>
  <si>
    <t>11.197704315185547</t>
  </si>
  <si>
    <t>989.429443359375</t>
  </si>
  <si>
    <t>-0.002530118367623402</t>
  </si>
  <si>
    <t>34966</t>
  </si>
  <si>
    <t>10.3557710647583</t>
  </si>
  <si>
    <t>1567.23876953125</t>
  </si>
  <si>
    <t>0.006570759477211752</t>
  </si>
  <si>
    <t>10.454449653625488</t>
  </si>
  <si>
    <t>1379.17724609375</t>
  </si>
  <si>
    <t>0.011487842441932017</t>
  </si>
  <si>
    <t>35990</t>
  </si>
  <si>
    <t>11.324591636657715</t>
  </si>
  <si>
    <t>1387.03515625</t>
  </si>
  <si>
    <t>0.01737711887354898</t>
  </si>
  <si>
    <t>36593</t>
  </si>
  <si>
    <t>10.817313194274902</t>
  </si>
  <si>
    <t>1342.1507568359375</t>
  </si>
  <si>
    <t>0.016615843193861224</t>
  </si>
  <si>
    <t>36585</t>
  </si>
  <si>
    <t>10.706146240234375</t>
  </si>
  <si>
    <t>1080.7835693359375</t>
  </si>
  <si>
    <t>-0.0002186449488075226</t>
  </si>
  <si>
    <t>37656</t>
  </si>
  <si>
    <t>11.147027015686035</t>
  </si>
  <si>
    <t>1203.7052001953125</t>
  </si>
  <si>
    <t>0.028853983762848756</t>
  </si>
  <si>
    <t>37529</t>
  </si>
  <si>
    <t>10.952235221862793</t>
  </si>
  <si>
    <t>1144.3604736328125</t>
  </si>
  <si>
    <t>-0.003378336657291925</t>
  </si>
  <si>
    <t>37820</t>
  </si>
  <si>
    <t>11.117169380187988</t>
  </si>
  <si>
    <t>1441.9754638671875</t>
  </si>
  <si>
    <t>0.0077240957887614314</t>
  </si>
  <si>
    <t>11.018145561218262</t>
  </si>
  <si>
    <t>1482.212890625</t>
  </si>
  <si>
    <t>-0.15085978488471952</t>
  </si>
  <si>
    <t>11.058676719665527</t>
  </si>
  <si>
    <t>1065.5758056640625</t>
  </si>
  <si>
    <t>0.08332011399699013</t>
  </si>
  <si>
    <t>11.597405433654785</t>
  </si>
  <si>
    <t>1212.885009765625</t>
  </si>
  <si>
    <t>0.042642119266002254</t>
  </si>
  <si>
    <t>25978</t>
  </si>
  <si>
    <t>8.155545234680176</t>
  </si>
  <si>
    <t>1758.6337890625</t>
  </si>
  <si>
    <t>84.52935791015625</t>
  </si>
  <si>
    <t>Dumfries &amp; Galloway</t>
  </si>
  <si>
    <t>25596</t>
  </si>
  <si>
    <t>7.710935592651367</t>
  </si>
  <si>
    <t>1525.5997314453125</t>
  </si>
  <si>
    <t>-0.014813936707877673</t>
  </si>
  <si>
    <t>25613</t>
  </si>
  <si>
    <t>7.8807854652404785</t>
  </si>
  <si>
    <t>1927.972900390625</t>
  </si>
  <si>
    <t>0.0006639458151678213</t>
  </si>
  <si>
    <t>26172</t>
  </si>
  <si>
    <t>7.304983139038086</t>
  </si>
  <si>
    <t>1540.334716796875</t>
  </si>
  <si>
    <t>0.021590101915110793</t>
  </si>
  <si>
    <t>7.853542327880859</t>
  </si>
  <si>
    <t>1828.9588623046875</t>
  </si>
  <si>
    <t>0.034585254929277554</t>
  </si>
  <si>
    <t>8.40514850616455</t>
  </si>
  <si>
    <t>1364.5635986328125</t>
  </si>
  <si>
    <t>0.021723714396273408</t>
  </si>
  <si>
    <t>7.227548599243164</t>
  </si>
  <si>
    <t>1259.0838623046875</t>
  </si>
  <si>
    <t>0.022286636710118657</t>
  </si>
  <si>
    <t>8.710549354553223</t>
  </si>
  <si>
    <t>1637.2706298828125</t>
  </si>
  <si>
    <t>0.04479262612584023</t>
  </si>
  <si>
    <t>8.3128662109375</t>
  </si>
  <si>
    <t>1902.22021484375</t>
  </si>
  <si>
    <t>0.030008905161420074</t>
  </si>
  <si>
    <t>31481</t>
  </si>
  <si>
    <t>8.401113510131836</t>
  </si>
  <si>
    <t>1680.7822265625</t>
  </si>
  <si>
    <t>0.03129691491500708</t>
  </si>
  <si>
    <t>8.010448455810547</t>
  </si>
  <si>
    <t>1768.495361328125</t>
  </si>
  <si>
    <t>0.0598002556764321</t>
  </si>
  <si>
    <t>8.072901725769043</t>
  </si>
  <si>
    <t>1453.0888671875</t>
  </si>
  <si>
    <t>0.046449290044712654</t>
  </si>
  <si>
    <t>8.216592788696289</t>
  </si>
  <si>
    <t>1885.8421630859375</t>
  </si>
  <si>
    <t>-0.002058672883537227</t>
  </si>
  <si>
    <t>8.47415542602539</t>
  </si>
  <si>
    <t>1322.7647705078125</t>
  </si>
  <si>
    <t>0.01725257025476168</t>
  </si>
  <si>
    <t>36449</t>
  </si>
  <si>
    <t>8.422661781311035</t>
  </si>
  <si>
    <t>1599.60791015625</t>
  </si>
  <si>
    <t>0.025086390898275468</t>
  </si>
  <si>
    <t>36937</t>
  </si>
  <si>
    <t>8.23553466796875</t>
  </si>
  <si>
    <t>1425.7620849609375</t>
  </si>
  <si>
    <t>0.013299735459606055</t>
  </si>
  <si>
    <t>8.636137962341309</t>
  </si>
  <si>
    <t>1722.407470703125</t>
  </si>
  <si>
    <t>0.018614420098156614</t>
  </si>
  <si>
    <t>37044</t>
  </si>
  <si>
    <t>8.53465461730957</t>
  </si>
  <si>
    <t>1622.4613037109375</t>
  </si>
  <si>
    <t>-0.0157217834858141</t>
  </si>
  <si>
    <t>37708</t>
  </si>
  <si>
    <t>7.8686347007751465</t>
  </si>
  <si>
    <t>1723.3111572265625</t>
  </si>
  <si>
    <t>0.01776587822588027</t>
  </si>
  <si>
    <t>35640</t>
  </si>
  <si>
    <t>7.930440902709961</t>
  </si>
  <si>
    <t>1715.3731689453125</t>
  </si>
  <si>
    <t>-0.05640367093129406</t>
  </si>
  <si>
    <t>7.16594123840332</t>
  </si>
  <si>
    <t>1471.6566162109375</t>
  </si>
  <si>
    <t>-0.018177685603053106</t>
  </si>
  <si>
    <t>8.409390449523926</t>
  </si>
  <si>
    <t>1798.248779296875</t>
  </si>
  <si>
    <t>0.02533495167412525</t>
  </si>
  <si>
    <t>36018</t>
  </si>
  <si>
    <t>7.686347484588623</t>
  </si>
  <si>
    <t>1800.139404296875</t>
  </si>
  <si>
    <t>0.0033929448240801463</t>
  </si>
  <si>
    <t>37138</t>
  </si>
  <si>
    <t>7.869779586791992</t>
  </si>
  <si>
    <t>1650.7393798828125</t>
  </si>
  <si>
    <t>0.03062189068064214</t>
  </si>
  <si>
    <t>8.554022789001465</t>
  </si>
  <si>
    <t>1829.89453125</t>
  </si>
  <si>
    <t>0.03723757179104936</t>
  </si>
  <si>
    <t>37994</t>
  </si>
  <si>
    <t>7.908894062042236</t>
  </si>
  <si>
    <t>1915.140869140625</t>
  </si>
  <si>
    <t>-0.01445002344659585</t>
  </si>
  <si>
    <t>8.12777042388916</t>
  </si>
  <si>
    <t>1377.0604248046875</t>
  </si>
  <si>
    <t>0.00564283743409888</t>
  </si>
  <si>
    <t>39231</t>
  </si>
  <si>
    <t>8.364062309265137</t>
  </si>
  <si>
    <t>1741.94140625</t>
  </si>
  <si>
    <t>0.026396160635519195</t>
  </si>
  <si>
    <t>38839</t>
  </si>
  <si>
    <t>8.13420295715332</t>
  </si>
  <si>
    <t>1450.17919921875</t>
  </si>
  <si>
    <t>-0.010042354153737776</t>
  </si>
  <si>
    <t>39758</t>
  </si>
  <si>
    <t>8.388930320739746</t>
  </si>
  <si>
    <t>1783.6904296875</t>
  </si>
  <si>
    <t>0.023386182273592127</t>
  </si>
  <si>
    <t>35599</t>
  </si>
  <si>
    <t>8.084850311279297</t>
  </si>
  <si>
    <t>1916.24658203125</t>
  </si>
  <si>
    <t>-0.11049353113651428</t>
  </si>
  <si>
    <t>38691</t>
  </si>
  <si>
    <t>8.446988105773926</t>
  </si>
  <si>
    <t>1481.1964111328125</t>
  </si>
  <si>
    <t>0.08328946727454856</t>
  </si>
  <si>
    <t>8.749396324157715</t>
  </si>
  <si>
    <t>1702.8406982421875</t>
  </si>
  <si>
    <t>0.042678067337668324</t>
  </si>
  <si>
    <t>1178</t>
  </si>
  <si>
    <t>19559</t>
  </si>
  <si>
    <t>8.903182029724121</t>
  </si>
  <si>
    <t>624.629150390625</t>
  </si>
  <si>
    <t>560.1079711914062</t>
  </si>
  <si>
    <t>Durham CC</t>
  </si>
  <si>
    <t>8.436514854431152</t>
  </si>
  <si>
    <t>557.8473510742188</t>
  </si>
  <si>
    <t>-0.014834163339596529</t>
  </si>
  <si>
    <t>19285</t>
  </si>
  <si>
    <t>8.569849967956543</t>
  </si>
  <si>
    <t>761.3477172851562</t>
  </si>
  <si>
    <t>0.0007262164444075125</t>
  </si>
  <si>
    <t>19705</t>
  </si>
  <si>
    <t>8.00352954864502</t>
  </si>
  <si>
    <t>814.9280395507812</t>
  </si>
  <si>
    <t>0.021544818986775738</t>
  </si>
  <si>
    <t>8.545195579528809</t>
  </si>
  <si>
    <t>705.7467651367188</t>
  </si>
  <si>
    <t>0.034613469393860896</t>
  </si>
  <si>
    <t>20847</t>
  </si>
  <si>
    <t>9.053181648254395</t>
  </si>
  <si>
    <t>581.5219116210938</t>
  </si>
  <si>
    <t>0.021724172959473265</t>
  </si>
  <si>
    <t>21316</t>
  </si>
  <si>
    <t>7.919849395751953</t>
  </si>
  <si>
    <t>604.2141723632812</t>
  </si>
  <si>
    <t>0.02224791143423488</t>
  </si>
  <si>
    <t>22293</t>
  </si>
  <si>
    <t>9.311516761779785</t>
  </si>
  <si>
    <t>782.8858642578125</t>
  </si>
  <si>
    <t>0.044814763408906444</t>
  </si>
  <si>
    <t>22972</t>
  </si>
  <si>
    <t>8.886515617370605</t>
  </si>
  <si>
    <t>811.8843994140625</t>
  </si>
  <si>
    <t>0.030003355158607192</t>
  </si>
  <si>
    <t>23994</t>
  </si>
  <si>
    <t>9.061515808105469</t>
  </si>
  <si>
    <t>756.6405029296875</t>
  </si>
  <si>
    <t>0.0435277160906864</t>
  </si>
  <si>
    <t>24671</t>
  </si>
  <si>
    <t>8.669849395751953</t>
  </si>
  <si>
    <t>967.3352661132812</t>
  </si>
  <si>
    <t>0.02782466568983466</t>
  </si>
  <si>
    <t>8.727835655212402</t>
  </si>
  <si>
    <t>765.915283203125</t>
  </si>
  <si>
    <t>0.016362502985776572</t>
  </si>
  <si>
    <t>25770</t>
  </si>
  <si>
    <t>9.003182411193848</t>
  </si>
  <si>
    <t>977.9140014648438</t>
  </si>
  <si>
    <t>0.027220056895925993</t>
  </si>
  <si>
    <t>9.269848823547363</t>
  </si>
  <si>
    <t>622.464599609375</t>
  </si>
  <si>
    <t>0.03941471839203281</t>
  </si>
  <si>
    <t>28038</t>
  </si>
  <si>
    <t>9.220196723937988</t>
  </si>
  <si>
    <t>763.0999145507812</t>
  </si>
  <si>
    <t>0.04493498989003797</t>
  </si>
  <si>
    <t>28377</t>
  </si>
  <si>
    <t>9.086516380310059</t>
  </si>
  <si>
    <t>690.9135131835938</t>
  </si>
  <si>
    <t>0.012018224952798917</t>
  </si>
  <si>
    <t>9.411515235900879</t>
  </si>
  <si>
    <t>783.5684204101562</t>
  </si>
  <si>
    <t>0.02886368645419246</t>
  </si>
  <si>
    <t>9.261515617370605</t>
  </si>
  <si>
    <t>862.772705078125</t>
  </si>
  <si>
    <t>0.011844124573066495</t>
  </si>
  <si>
    <t>29395</t>
  </si>
  <si>
    <t>8.769848823547363</t>
  </si>
  <si>
    <t>811.0990600585938</t>
  </si>
  <si>
    <t>-0.0054621770721841045</t>
  </si>
  <si>
    <t>8.861515998840332</t>
  </si>
  <si>
    <t>812.677001953125</t>
  </si>
  <si>
    <t>-0.027243064133726236</t>
  </si>
  <si>
    <t>8.003182411193848</t>
  </si>
  <si>
    <t>719.6500244140625</t>
  </si>
  <si>
    <t>-0.0012593138404728421</t>
  </si>
  <si>
    <t>9.211515426635742</t>
  </si>
  <si>
    <t>713.2333374023438</t>
  </si>
  <si>
    <t>-0.025812459518661512</t>
  </si>
  <si>
    <t>8.478181838989258</t>
  </si>
  <si>
    <t>989.516357421875</t>
  </si>
  <si>
    <t>0.005194630772164643</t>
  </si>
  <si>
    <t>8.686515808105469</t>
  </si>
  <si>
    <t>740.9313354492188</t>
  </si>
  <si>
    <t>-0.013091828477785228</t>
  </si>
  <si>
    <t>9.403182029724121</t>
  </si>
  <si>
    <t>764.2776489257812</t>
  </si>
  <si>
    <t>-0.012128866066019484</t>
  </si>
  <si>
    <t>27291</t>
  </si>
  <si>
    <t>8.73616886138916</t>
  </si>
  <si>
    <t>848.4874877929688</t>
  </si>
  <si>
    <t>7.328691831709477e-05</t>
  </si>
  <si>
    <t>26976</t>
  </si>
  <si>
    <t>9.036515235900879</t>
  </si>
  <si>
    <t>679.184814453125</t>
  </si>
  <si>
    <t>-0.01160939568858943</t>
  </si>
  <si>
    <t>27269</t>
  </si>
  <si>
    <t>9.153182029724121</t>
  </si>
  <si>
    <t>737.8829345703125</t>
  </si>
  <si>
    <t>0.010802944031979678</t>
  </si>
  <si>
    <t>8.94554328918457</t>
  </si>
  <si>
    <t>658.325927734375</t>
  </si>
  <si>
    <t>0.0347055605215445</t>
  </si>
  <si>
    <t>9.252835273742676</t>
  </si>
  <si>
    <t>884.7008666992188</t>
  </si>
  <si>
    <t>0.017659805586736965</t>
  </si>
  <si>
    <t>8.836169242858887</t>
  </si>
  <si>
    <t>868.419677734375</t>
  </si>
  <si>
    <t>-0.1089048672954327</t>
  </si>
  <si>
    <t>691.2508544921875</t>
  </si>
  <si>
    <t>0.08327915898809124</t>
  </si>
  <si>
    <t>9.578529357910156</t>
  </si>
  <si>
    <t>741.2017211914062</t>
  </si>
  <si>
    <t>0.04267118345894971</t>
  </si>
  <si>
    <t>19146</t>
  </si>
  <si>
    <t>1858.300048828125</t>
  </si>
  <si>
    <t>340.2234802246094</t>
  </si>
  <si>
    <t>East Ayrshire and North Ayrshire mainland</t>
  </si>
  <si>
    <t>18865</t>
  </si>
  <si>
    <t>1539.300048828125</t>
  </si>
  <si>
    <t>-0.014785463107887864</t>
  </si>
  <si>
    <t>18877</t>
  </si>
  <si>
    <t>8.833333969116211</t>
  </si>
  <si>
    <t>2027.2000732421875</t>
  </si>
  <si>
    <t>0.0006358963703227971</t>
  </si>
  <si>
    <t>1497.5001220703125</t>
  </si>
  <si>
    <t>0.02159073545550605</t>
  </si>
  <si>
    <t>19968</t>
  </si>
  <si>
    <t>1782.300048828125</t>
  </si>
  <si>
    <t>0.03459600694491449</t>
  </si>
  <si>
    <t>20407</t>
  </si>
  <si>
    <t>1444.0</t>
  </si>
  <si>
    <t>0.021746987059930944</t>
  </si>
  <si>
    <t>1287.5001220703125</t>
  </si>
  <si>
    <t>0.022243060798830427</t>
  </si>
  <si>
    <t>21823</t>
  </si>
  <si>
    <t>1620.60009765625</t>
  </si>
  <si>
    <t>0.04484341945108383</t>
  </si>
  <si>
    <t>22487</t>
  </si>
  <si>
    <t>1936.0001220703125</t>
  </si>
  <si>
    <t>0.02997290495783389</t>
  </si>
  <si>
    <t>23183</t>
  </si>
  <si>
    <t>9.350001335144043</t>
  </si>
  <si>
    <t>1697.000244140625</t>
  </si>
  <si>
    <t>0.03048188699806076</t>
  </si>
  <si>
    <t>24081</t>
  </si>
  <si>
    <t>1687.800048828125</t>
  </si>
  <si>
    <t>0.038003896364791956</t>
  </si>
  <si>
    <t>24651</t>
  </si>
  <si>
    <t>1406.7000732421875</t>
  </si>
  <si>
    <t>0.023394319799612262</t>
  </si>
  <si>
    <t>24332</t>
  </si>
  <si>
    <t>-0.01302511115870253</t>
  </si>
  <si>
    <t>1259.300048828125</t>
  </si>
  <si>
    <t>0.012700528042289605</t>
  </si>
  <si>
    <t>25031</t>
  </si>
  <si>
    <t>1603.7000732421875</t>
  </si>
  <si>
    <t>0.015622172202403917</t>
  </si>
  <si>
    <t>26228</t>
  </si>
  <si>
    <t>1422.5</t>
  </si>
  <si>
    <t>0.04671248569822062</t>
  </si>
  <si>
    <t>1697.0</t>
  </si>
  <si>
    <t>0.03675701039378154</t>
  </si>
  <si>
    <t>27234</t>
  </si>
  <si>
    <t>1555.3001708984375</t>
  </si>
  <si>
    <t>0.0008816399072291148</t>
  </si>
  <si>
    <t>1661.39990234375</t>
  </si>
  <si>
    <t>-0.006742219516503667</t>
  </si>
  <si>
    <t>1689.5</t>
  </si>
  <si>
    <t>-0.049910898423080496</t>
  </si>
  <si>
    <t>26070</t>
  </si>
  <si>
    <t>1438.800048828125</t>
  </si>
  <si>
    <t>0.012972153182611024</t>
  </si>
  <si>
    <t>26031</t>
  </si>
  <si>
    <t>1911.2999267578125</t>
  </si>
  <si>
    <t>-0.0014970924659483131</t>
  </si>
  <si>
    <t>26295</t>
  </si>
  <si>
    <t>1738.4000244140625</t>
  </si>
  <si>
    <t>0.010090671561846065</t>
  </si>
  <si>
    <t>26518</t>
  </si>
  <si>
    <t>1603.400146484375</t>
  </si>
  <si>
    <t>0.008444940651219923</t>
  </si>
  <si>
    <t>1809.9000244140625</t>
  </si>
  <si>
    <t>0.02049152600209858</t>
  </si>
  <si>
    <t>27228</t>
  </si>
  <si>
    <t>1900.5999755859375</t>
  </si>
  <si>
    <t>0.005930581891078646</t>
  </si>
  <si>
    <t>27218</t>
  </si>
  <si>
    <t>1367.2000732421875</t>
  </si>
  <si>
    <t>-0.00036733644757980244</t>
  </si>
  <si>
    <t>28032</t>
  </si>
  <si>
    <t>1741.5999755859375</t>
  </si>
  <si>
    <t>0.029468195615855564</t>
  </si>
  <si>
    <t>27628</t>
  </si>
  <si>
    <t>1439.4000244140625</t>
  </si>
  <si>
    <t>-0.014516963527254845</t>
  </si>
  <si>
    <t>27458</t>
  </si>
  <si>
    <t>1725.500244140625</t>
  </si>
  <si>
    <t>-0.006172186751312481</t>
  </si>
  <si>
    <t>1858.800048828125</t>
  </si>
  <si>
    <t>-0.1035492871662651</t>
  </si>
  <si>
    <t>1494.699951171875</t>
  </si>
  <si>
    <t>0.08327819849482765</t>
  </si>
  <si>
    <t>28080</t>
  </si>
  <si>
    <t>1730.5</t>
  </si>
  <si>
    <t>0.042671103353633555</t>
  </si>
  <si>
    <t>1180</t>
  </si>
  <si>
    <t>29118</t>
  </si>
  <si>
    <t>8.599814414978027</t>
  </si>
  <si>
    <t>1621.944091796875</t>
  </si>
  <si>
    <t>203.10662841796875</t>
  </si>
  <si>
    <t>East Cumbria</t>
  </si>
  <si>
    <t>28689</t>
  </si>
  <si>
    <t>8.186161994934082</t>
  </si>
  <si>
    <t>1433.504150390625</t>
  </si>
  <si>
    <t>-0.014842765615618703</t>
  </si>
  <si>
    <t>8.293785095214844</t>
  </si>
  <si>
    <t>1803.656005859375</t>
  </si>
  <si>
    <t>0.0006968884215261539</t>
  </si>
  <si>
    <t>7.815944671630859</t>
  </si>
  <si>
    <t>1568.704833984375</t>
  </si>
  <si>
    <t>0.021570679920781544</t>
  </si>
  <si>
    <t>30367</t>
  </si>
  <si>
    <t>8.303712844848633</t>
  </si>
  <si>
    <t>1759.8033447265625</t>
  </si>
  <si>
    <t>0.03457515010814127</t>
  </si>
  <si>
    <t>31035</t>
  </si>
  <si>
    <t>8.841830253601074</t>
  </si>
  <si>
    <t>1273.72314453125</t>
  </si>
  <si>
    <t>0.021759107379651255</t>
  </si>
  <si>
    <t>7.671799182891846</t>
  </si>
  <si>
    <t>1276.906982421875</t>
  </si>
  <si>
    <t>0.02227306144628116</t>
  </si>
  <si>
    <t>33188</t>
  </si>
  <si>
    <t>9.099278450012207</t>
  </si>
  <si>
    <t>1650.182373046875</t>
  </si>
  <si>
    <t>0.04479970349014195</t>
  </si>
  <si>
    <t>34198</t>
  </si>
  <si>
    <t>8.716830253601074</t>
  </si>
  <si>
    <t>1947.262939453125</t>
  </si>
  <si>
    <t>0.029978798024361097</t>
  </si>
  <si>
    <t>34878</t>
  </si>
  <si>
    <t>8.829597473144531</t>
  </si>
  <si>
    <t>1665.8271484375</t>
  </si>
  <si>
    <t>0.01968909512086725</t>
  </si>
  <si>
    <t>36437</t>
  </si>
  <si>
    <t>8.418959617614746</t>
  </si>
  <si>
    <t>1945.4544677734375</t>
  </si>
  <si>
    <t>0.04372848394236506</t>
  </si>
  <si>
    <t>36560</t>
  </si>
  <si>
    <t>8.59643840789795</t>
  </si>
  <si>
    <t>1502.3291015625</t>
  </si>
  <si>
    <t>0.003370004696316542</t>
  </si>
  <si>
    <t>37662</t>
  </si>
  <si>
    <t>8.831191062927246</t>
  </si>
  <si>
    <t>1911.31591796875</t>
  </si>
  <si>
    <t>0.02969688197750031</t>
  </si>
  <si>
    <t>39467</t>
  </si>
  <si>
    <t>9.055306434631348</t>
  </si>
  <si>
    <t>1364.069580078125</t>
  </si>
  <si>
    <t>0.046813251128625666</t>
  </si>
  <si>
    <t>9.012930870056152</t>
  </si>
  <si>
    <t>1609.747802734375</t>
  </si>
  <si>
    <t>0.00045597325746982165</t>
  </si>
  <si>
    <t>39531</t>
  </si>
  <si>
    <t>8.817191123962402</t>
  </si>
  <si>
    <t>1433.799072265625</t>
  </si>
  <si>
    <t>0.0011643212816796478</t>
  </si>
  <si>
    <t>9.28722095489502</t>
  </si>
  <si>
    <t>1769.541015625</t>
  </si>
  <si>
    <t>0.037145212318380416</t>
  </si>
  <si>
    <t>41286</t>
  </si>
  <si>
    <t>9.138815879821777</t>
  </si>
  <si>
    <t>1667.0224609375</t>
  </si>
  <si>
    <t>0.006293072898792218</t>
  </si>
  <si>
    <t>41860</t>
  </si>
  <si>
    <t>8.493075370788574</t>
  </si>
  <si>
    <t>1771.8323974609375</t>
  </si>
  <si>
    <t>0.01380725756945722</t>
  </si>
  <si>
    <t>8.606553077697754</t>
  </si>
  <si>
    <t>1698.590576171875</t>
  </si>
  <si>
    <t>-0.05451723491766458</t>
  </si>
  <si>
    <t>40144</t>
  </si>
  <si>
    <t>7.782436847686768</t>
  </si>
  <si>
    <t>1444.8919677734375</t>
  </si>
  <si>
    <t>0.012659507523876457</t>
  </si>
  <si>
    <t>9.064350128173828</t>
  </si>
  <si>
    <t>1657.925537109375</t>
  </si>
  <si>
    <t>-0.023745223720982978</t>
  </si>
  <si>
    <t>39825</t>
  </si>
  <si>
    <t>8.280306816101074</t>
  </si>
  <si>
    <t>1901.3743896484375</t>
  </si>
  <si>
    <t>0.01576708989302844</t>
  </si>
  <si>
    <t>8.426407814025879</t>
  </si>
  <si>
    <t>1740.84375</t>
  </si>
  <si>
    <t>0.007728999568213268</t>
  </si>
  <si>
    <t>41304</t>
  </si>
  <si>
    <t>9.262930870056152</t>
  </si>
  <si>
    <t>1804.5037841796875</t>
  </si>
  <si>
    <t>0.028735492213023406</t>
  </si>
  <si>
    <t>42528</t>
  </si>
  <si>
    <t>8.607611656188965</t>
  </si>
  <si>
    <t>1889.053466796875</t>
  </si>
  <si>
    <t>0.02920333495348615</t>
  </si>
  <si>
    <t>42355</t>
  </si>
  <si>
    <t>8.766480445861816</t>
  </si>
  <si>
    <t>1438.5540771484375</t>
  </si>
  <si>
    <t>-0.004076204647320836</t>
  </si>
  <si>
    <t>43102</t>
  </si>
  <si>
    <t>9.046263694763184</t>
  </si>
  <si>
    <t>1751.9569091796875</t>
  </si>
  <si>
    <t>0.017482921861866174</t>
  </si>
  <si>
    <t>8.843250274658203</t>
  </si>
  <si>
    <t>1488.193115234375</t>
  </si>
  <si>
    <t>-0.020912239950972022</t>
  </si>
  <si>
    <t>44198</t>
  </si>
  <si>
    <t>9.126582145690918</t>
  </si>
  <si>
    <t>1837.5821533203125</t>
  </si>
  <si>
    <t>0.04602237939670495</t>
  </si>
  <si>
    <t>37498</t>
  </si>
  <si>
    <t>8.817713737487793</t>
  </si>
  <si>
    <t>1945.215576171875</t>
  </si>
  <si>
    <t>-0.16439194097035426</t>
  </si>
  <si>
    <t>40756</t>
  </si>
  <si>
    <t>9.09094524383545</t>
  </si>
  <si>
    <t>1500.5765380859375</t>
  </si>
  <si>
    <t>0.08331546989128036</t>
  </si>
  <si>
    <t>42532</t>
  </si>
  <si>
    <t>9.479598045349121</t>
  </si>
  <si>
    <t>1699.3509521484375</t>
  </si>
  <si>
    <t>0.0426536656768004</t>
  </si>
  <si>
    <t>23299</t>
  </si>
  <si>
    <t>9.900001525878906</t>
  </si>
  <si>
    <t>624.3999633789062</t>
  </si>
  <si>
    <t>788.8710327148438</t>
  </si>
  <si>
    <t>East Derbyshire</t>
  </si>
  <si>
    <t>22956</t>
  </si>
  <si>
    <t>9.458332061767578</t>
  </si>
  <si>
    <t>-0.01483110094958029</t>
  </si>
  <si>
    <t>796.9999389648438</t>
  </si>
  <si>
    <t>0.0006967427559327888</t>
  </si>
  <si>
    <t>23473</t>
  </si>
  <si>
    <t>817.2000122070312</t>
  </si>
  <si>
    <t>0.021574741444700507</t>
  </si>
  <si>
    <t>24299</t>
  </si>
  <si>
    <t>0.03458437278960069</t>
  </si>
  <si>
    <t>504.9000244140625</t>
  </si>
  <si>
    <t>0.02173821657217445</t>
  </si>
  <si>
    <t>25392</t>
  </si>
  <si>
    <t>0.02226074997552807</t>
  </si>
  <si>
    <t>0.04482154707286057</t>
  </si>
  <si>
    <t>830.2000122070312</t>
  </si>
  <si>
    <t>0.02997257004183851</t>
  </si>
  <si>
    <t>739.699951171875</t>
  </si>
  <si>
    <t>0.02072369422315745</t>
  </si>
  <si>
    <t>28423</t>
  </si>
  <si>
    <t>1011.2000122070312</t>
  </si>
  <si>
    <t>0.017246701441202106</t>
  </si>
  <si>
    <t>29177</t>
  </si>
  <si>
    <t>0.026182051102269455</t>
  </si>
  <si>
    <t>29327</t>
  </si>
  <si>
    <t>0.005127865742084126</t>
  </si>
  <si>
    <t>29355</t>
  </si>
  <si>
    <t>0.0009542961086843604</t>
  </si>
  <si>
    <t>706.199951171875</t>
  </si>
  <si>
    <t>0.014642738332248939</t>
  </si>
  <si>
    <t>30735</t>
  </si>
  <si>
    <t>0.03129644251057506</t>
  </si>
  <si>
    <t>30487</t>
  </si>
  <si>
    <t>-0.008101707115420353</t>
  </si>
  <si>
    <t>864.800048828125</t>
  </si>
  <si>
    <t>0.007125144537809547</t>
  </si>
  <si>
    <t>30624</t>
  </si>
  <si>
    <t>805.4000244140625</t>
  </si>
  <si>
    <t>-0.002641492510818466</t>
  </si>
  <si>
    <t>739.0999755859375</t>
  </si>
  <si>
    <t>-0.0638073360629523</t>
  </si>
  <si>
    <t>0.0020536307653458152</t>
  </si>
  <si>
    <t>30395</t>
  </si>
  <si>
    <t>1010.2999877929688</t>
  </si>
  <si>
    <t>0.021986949009527024</t>
  </si>
  <si>
    <t>30099</t>
  </si>
  <si>
    <t>765.5000610351562</t>
  </si>
  <si>
    <t>-0.009786172589100417</t>
  </si>
  <si>
    <t>30690</t>
  </si>
  <si>
    <t>774.0999145507812</t>
  </si>
  <si>
    <t>0.019444920020058376</t>
  </si>
  <si>
    <t>773.300048828125</t>
  </si>
  <si>
    <t>0.06536296125205787</t>
  </si>
  <si>
    <t>0.0072986365417069266</t>
  </si>
  <si>
    <t>722.699951171875</t>
  </si>
  <si>
    <t>0.011298533895802265</t>
  </si>
  <si>
    <t>649.5999755859375</t>
  </si>
  <si>
    <t>0.02969433957894374</t>
  </si>
  <si>
    <t>34451</t>
  </si>
  <si>
    <t>871.0001220703125</t>
  </si>
  <si>
    <t>0.0019466847144187227</t>
  </si>
  <si>
    <t>878.699951171875</t>
  </si>
  <si>
    <t>-0.060299937949555016</t>
  </si>
  <si>
    <t>0.083284178572395</t>
  </si>
  <si>
    <t>722.6000366210938</t>
  </si>
  <si>
    <t>0.042676622210585435</t>
  </si>
  <si>
    <t>1182</t>
  </si>
  <si>
    <t>3562.89990234375</t>
  </si>
  <si>
    <t>18.452810287475586</t>
  </si>
  <si>
    <t>East Dunbartonshire, West Dunbartonshire and Helensburgh &amp; Lomond</t>
  </si>
  <si>
    <t>17549</t>
  </si>
  <si>
    <t>2863.7001953125</t>
  </si>
  <si>
    <t>-0.014763129070100689</t>
  </si>
  <si>
    <t>17561</t>
  </si>
  <si>
    <t>3836.60009765625</t>
  </si>
  <si>
    <t>0.0006835659622481671</t>
  </si>
  <si>
    <t>17944</t>
  </si>
  <si>
    <t>6.666667461395264</t>
  </si>
  <si>
    <t>2833.7001953125</t>
  </si>
  <si>
    <t>0.02157526302418944</t>
  </si>
  <si>
    <t>18575</t>
  </si>
  <si>
    <t>3372.5</t>
  </si>
  <si>
    <t>0.034560793385916</t>
  </si>
  <si>
    <t>18983</t>
  </si>
  <si>
    <t>2732.599853515625</t>
  </si>
  <si>
    <t>0.021727251204580966</t>
  </si>
  <si>
    <t>19411</t>
  </si>
  <si>
    <t>2386.2001953125</t>
  </si>
  <si>
    <t>0.022296073880550438</t>
  </si>
  <si>
    <t>20300</t>
  </si>
  <si>
    <t>3137.400146484375</t>
  </si>
  <si>
    <t>0.044780970358786476</t>
  </si>
  <si>
    <t>20918</t>
  </si>
  <si>
    <t>3524.10009765625</t>
  </si>
  <si>
    <t>0.029989146284336243</t>
  </si>
  <si>
    <t>3205.2001953125</t>
  </si>
  <si>
    <t>0.02558070487047459</t>
  </si>
  <si>
    <t>22270</t>
  </si>
  <si>
    <t>3169.39990234375</t>
  </si>
  <si>
    <t>0.037049744066724344</t>
  </si>
  <si>
    <t>23378</t>
  </si>
  <si>
    <t>7.258333683013916</t>
  </si>
  <si>
    <t>2645.0</t>
  </si>
  <si>
    <t>0.048554927916303114</t>
  </si>
  <si>
    <t>23585</t>
  </si>
  <si>
    <t>3250.80029296875</t>
  </si>
  <si>
    <t>0.008815507550645307</t>
  </si>
  <si>
    <t>24449</t>
  </si>
  <si>
    <t>2344.999755859375</t>
  </si>
  <si>
    <t>0.03597839855273577</t>
  </si>
  <si>
    <t>25455</t>
  </si>
  <si>
    <t>2965.10009765625</t>
  </si>
  <si>
    <t>0.0403228720653388</t>
  </si>
  <si>
    <t>7.575000762939453</t>
  </si>
  <si>
    <t>2660.099853515625</t>
  </si>
  <si>
    <t>0.04204222792937884</t>
  </si>
  <si>
    <t>27142</t>
  </si>
  <si>
    <t>3169.900146484375</t>
  </si>
  <si>
    <t>0.02212792837550026</t>
  </si>
  <si>
    <t>27008</t>
  </si>
  <si>
    <t>2917.10009765625</t>
  </si>
  <si>
    <t>-0.004949225245631794</t>
  </si>
  <si>
    <t>27236</t>
  </si>
  <si>
    <t>7.291666507720947</t>
  </si>
  <si>
    <t>3058.699951171875</t>
  </si>
  <si>
    <t>0.00840650920717323</t>
  </si>
  <si>
    <t>3097.699951171875</t>
  </si>
  <si>
    <t>-0.06011302190851353</t>
  </si>
  <si>
    <t>25979</t>
  </si>
  <si>
    <t>2636.89990234375</t>
  </si>
  <si>
    <t>0.012861913642407075</t>
  </si>
  <si>
    <t>3550.60009765625</t>
  </si>
  <si>
    <t>0.01989394877464079</t>
  </si>
  <si>
    <t>3197.19970703125</t>
  </si>
  <si>
    <t>-0.011766627826157006</t>
  </si>
  <si>
    <t>26262</t>
  </si>
  <si>
    <t>3011.89990234375</t>
  </si>
  <si>
    <t>0.0027071871337156495</t>
  </si>
  <si>
    <t>27214</t>
  </si>
  <si>
    <t>3421.2001953125</t>
  </si>
  <si>
    <t>0.03560851933185383</t>
  </si>
  <si>
    <t>27078</t>
  </si>
  <si>
    <t>3557.200439453125</t>
  </si>
  <si>
    <t>-0.005009956695747775</t>
  </si>
  <si>
    <t>27837</t>
  </si>
  <si>
    <t>2547.300048828125</t>
  </si>
  <si>
    <t>0.02764448096623262</t>
  </si>
  <si>
    <t>7.724999904632568</t>
  </si>
  <si>
    <t>3219.000244140625</t>
  </si>
  <si>
    <t>0.04165363481699025</t>
  </si>
  <si>
    <t>2668.300048828125</t>
  </si>
  <si>
    <t>0.014402520479679382</t>
  </si>
  <si>
    <t>29828</t>
  </si>
  <si>
    <t>3175.800048828125</t>
  </si>
  <si>
    <t>0.013025323345727813</t>
  </si>
  <si>
    <t>3438.800048828125</t>
  </si>
  <si>
    <t>-0.011396326854363537</t>
  </si>
  <si>
    <t>2822.699951171875</t>
  </si>
  <si>
    <t>0.0833083610886387</t>
  </si>
  <si>
    <t>33449</t>
  </si>
  <si>
    <t>8.133333206176758</t>
  </si>
  <si>
    <t>3239.800048828125</t>
  </si>
  <si>
    <t>0.042662306845320686</t>
  </si>
  <si>
    <t>22748</t>
  </si>
  <si>
    <t>613.0000610351562</t>
  </si>
  <si>
    <t>490.306396484375</t>
  </si>
  <si>
    <t>East Kent</t>
  </si>
  <si>
    <t>22414</t>
  </si>
  <si>
    <t>-0.014791465814717242</t>
  </si>
  <si>
    <t>22429</t>
  </si>
  <si>
    <t>838.2001342773438</t>
  </si>
  <si>
    <t>0.0006690007608529669</t>
  </si>
  <si>
    <t>22919</t>
  </si>
  <si>
    <t>0.02161149648658167</t>
  </si>
  <si>
    <t>23725</t>
  </si>
  <si>
    <t>863.800048828125</t>
  </si>
  <si>
    <t>0.03456308361872118</t>
  </si>
  <si>
    <t>24246</t>
  </si>
  <si>
    <t>567.1000366210938</t>
  </si>
  <si>
    <t>0.021722310828399927</t>
  </si>
  <si>
    <t>24792</t>
  </si>
  <si>
    <t>0.022269365161056598</t>
  </si>
  <si>
    <t>0.044841012953163784</t>
  </si>
  <si>
    <t>26718</t>
  </si>
  <si>
    <t>831.0</t>
  </si>
  <si>
    <t>0.029975462129009145</t>
  </si>
  <si>
    <t>684.800048828125</t>
  </si>
  <si>
    <t>0.032297101323843336</t>
  </si>
  <si>
    <t>28856</t>
  </si>
  <si>
    <t>0.044683346709774696</t>
  </si>
  <si>
    <t>29243</t>
  </si>
  <si>
    <t>836.4000244140625</t>
  </si>
  <si>
    <t>0.01332228519660994</t>
  </si>
  <si>
    <t>28955</t>
  </si>
  <si>
    <t>-0.009897328120095139</t>
  </si>
  <si>
    <t>654.9999389648438</t>
  </si>
  <si>
    <t>0.02779186464905692</t>
  </si>
  <si>
    <t>30708</t>
  </si>
  <si>
    <t>668.800048828125</t>
  </si>
  <si>
    <t>0.030988441638841735</t>
  </si>
  <si>
    <t>0.01528572799061223</t>
  </si>
  <si>
    <t>-0.021951112401001893</t>
  </si>
  <si>
    <t>0.0017359693850416136</t>
  </si>
  <si>
    <t>31532</t>
  </si>
  <si>
    <t>794.7999877929688</t>
  </si>
  <si>
    <t>0.031409111257357125</t>
  </si>
  <si>
    <t>29027</t>
  </si>
  <si>
    <t>781.1000366210938</t>
  </si>
  <si>
    <t>-0.08277647187220616</t>
  </si>
  <si>
    <t>10.208332061767578</t>
  </si>
  <si>
    <t>0.02399747553759113</t>
  </si>
  <si>
    <t>30070</t>
  </si>
  <si>
    <t>577.7000122070312</t>
  </si>
  <si>
    <t>0.011304090137391754</t>
  </si>
  <si>
    <t>29712</t>
  </si>
  <si>
    <t>974.7000122070312</t>
  </si>
  <si>
    <t>-0.011976992390087204</t>
  </si>
  <si>
    <t>0.0015133938216163045</t>
  </si>
  <si>
    <t>30174</t>
  </si>
  <si>
    <t>840.2999877929688</t>
  </si>
  <si>
    <t>0.013916227985916407</t>
  </si>
  <si>
    <t>774.800048828125</t>
  </si>
  <si>
    <t>0.021280538126921655</t>
  </si>
  <si>
    <t>30793</t>
  </si>
  <si>
    <t>735.7999877929688</t>
  </si>
  <si>
    <t>-0.0009737731229098046</t>
  </si>
  <si>
    <t>721.7000732421875</t>
  </si>
  <si>
    <t>0.019042680347599372</t>
  </si>
  <si>
    <t>0.0063205914815771536</t>
  </si>
  <si>
    <t>0.0019610950457202847</t>
  </si>
  <si>
    <t>27641</t>
  </si>
  <si>
    <t>843.2000732421875</t>
  </si>
  <si>
    <t>-0.13531158060171045</t>
  </si>
  <si>
    <t>0.08329622488078137</t>
  </si>
  <si>
    <t>684.2999877929688</t>
  </si>
  <si>
    <t>0.04268165832146664</t>
  </si>
  <si>
    <t>22373</t>
  </si>
  <si>
    <t>859.6635131835938</t>
  </si>
  <si>
    <t>East Lancashire</t>
  </si>
  <si>
    <t>997.300048828125</t>
  </si>
  <si>
    <t>-0.014814418669951479</t>
  </si>
  <si>
    <t>22059</t>
  </si>
  <si>
    <t>1403.0</t>
  </si>
  <si>
    <t>0.0006802258612061962</t>
  </si>
  <si>
    <t>22541</t>
  </si>
  <si>
    <t>1377.60009765625</t>
  </si>
  <si>
    <t>0.021615191317629012</t>
  </si>
  <si>
    <t>23334</t>
  </si>
  <si>
    <t>0.03457565120184114</t>
  </si>
  <si>
    <t>23847</t>
  </si>
  <si>
    <t>977.0000610351562</t>
  </si>
  <si>
    <t>0.02174689885742076</t>
  </si>
  <si>
    <t>1013.9000244140625</t>
  </si>
  <si>
    <t>0.02222774490550883</t>
  </si>
  <si>
    <t>25501</t>
  </si>
  <si>
    <t>1354.2000732421875</t>
  </si>
  <si>
    <t>0.044831498917146106</t>
  </si>
  <si>
    <t>26277</t>
  </si>
  <si>
    <t>1487.60009765625</t>
  </si>
  <si>
    <t>0.029976364767321684</t>
  </si>
  <si>
    <t>27484</t>
  </si>
  <si>
    <t>1332.7000732421875</t>
  </si>
  <si>
    <t>0.04490998531976764</t>
  </si>
  <si>
    <t>27754</t>
  </si>
  <si>
    <t>1720.3001708984375</t>
  </si>
  <si>
    <t>0.00977595677998977</t>
  </si>
  <si>
    <t>1266.2000732421875</t>
  </si>
  <si>
    <t>0.004995787341471214</t>
  </si>
  <si>
    <t>1645.300048828125</t>
  </si>
  <si>
    <t>0.009597790204828982</t>
  </si>
  <si>
    <t>1152.0999755859375</t>
  </si>
  <si>
    <t>0.04383711636684673</t>
  </si>
  <si>
    <t>1269.5</t>
  </si>
  <si>
    <t>0.024606400834349174</t>
  </si>
  <si>
    <t>30412</t>
  </si>
  <si>
    <t>1175.5</t>
  </si>
  <si>
    <t>0.008420198669874424</t>
  </si>
  <si>
    <t>1403.0999755859375</t>
  </si>
  <si>
    <t>-0.005770927325338349</t>
  </si>
  <si>
    <t>1475.0999755859375</t>
  </si>
  <si>
    <t>0.015554556564891797</t>
  </si>
  <si>
    <t>1482.300048828125</t>
  </si>
  <si>
    <t>-0.02422383511435733</t>
  </si>
  <si>
    <t>27459</t>
  </si>
  <si>
    <t>1354.30029296875</t>
  </si>
  <si>
    <t>-0.08770307842063474</t>
  </si>
  <si>
    <t>28489</t>
  </si>
  <si>
    <t>1163.0</t>
  </si>
  <si>
    <t>0.03682406478794498</t>
  </si>
  <si>
    <t>1075.2000732421875</t>
  </si>
  <si>
    <t>0.022422152736341516</t>
  </si>
  <si>
    <t>1759.800048828125</t>
  </si>
  <si>
    <t>0.005647315427983912</t>
  </si>
  <si>
    <t>1402.3001708984375</t>
  </si>
  <si>
    <t>-0.013227024412840294</t>
  </si>
  <si>
    <t>1355.300048828125</t>
  </si>
  <si>
    <t>0.027695232134691494</t>
  </si>
  <si>
    <t>30231</t>
  </si>
  <si>
    <t>1484.7000732421875</t>
  </si>
  <si>
    <t>0.016812164221502002</t>
  </si>
  <si>
    <t>1222.39990234375</t>
  </si>
  <si>
    <t>0.029561050301108338</t>
  </si>
  <si>
    <t>1319.39990234375</t>
  </si>
  <si>
    <t>0.016246017172818483</t>
  </si>
  <si>
    <t>31564</t>
  </si>
  <si>
    <t>1154.0999755859375</t>
  </si>
  <si>
    <t>-0.0026577247815122718</t>
  </si>
  <si>
    <t>31275</t>
  </si>
  <si>
    <t>1604.9998779296875</t>
  </si>
  <si>
    <t>-0.009198174305813822</t>
  </si>
  <si>
    <t>27230</t>
  </si>
  <si>
    <t>1603.60009765625</t>
  </si>
  <si>
    <t>-0.13849974966730727</t>
  </si>
  <si>
    <t>29595</t>
  </si>
  <si>
    <t>1129.9000244140625</t>
  </si>
  <si>
    <t>0.08328612145701975</t>
  </si>
  <si>
    <t>30885</t>
  </si>
  <si>
    <t>1322.2000732421875</t>
  </si>
  <si>
    <t>0.04266520100517468</t>
  </si>
  <si>
    <t>24903</t>
  </si>
  <si>
    <t>10.165511131286621</t>
  </si>
  <si>
    <t>523.7966918945312</t>
  </si>
  <si>
    <t>537.8426513671875</t>
  </si>
  <si>
    <t>East Riding of Yorkshire</t>
  </si>
  <si>
    <t>9.694594383239746</t>
  </si>
  <si>
    <t>448.49298095703125</t>
  </si>
  <si>
    <t>-0.014806095720061307</t>
  </si>
  <si>
    <t>9.786261558532715</t>
  </si>
  <si>
    <t>717.6618041992188</t>
  </si>
  <si>
    <t>0.0006518639464889731</t>
  </si>
  <si>
    <t>25089</t>
  </si>
  <si>
    <t>9.22580337524414</t>
  </si>
  <si>
    <t>748.5748901367188</t>
  </si>
  <si>
    <t>0.021595456700062243</t>
  </si>
  <si>
    <t>25972</t>
  </si>
  <si>
    <t>9.794594764709473</t>
  </si>
  <si>
    <t>681.6790771484375</t>
  </si>
  <si>
    <t>0.03458953157874234</t>
  </si>
  <si>
    <t>26543</t>
  </si>
  <si>
    <t>10.217470169067383</t>
  </si>
  <si>
    <t>497.45416259765625</t>
  </si>
  <si>
    <t>0.021747024795024217</t>
  </si>
  <si>
    <t>27140</t>
  </si>
  <si>
    <t>9.11959457397461</t>
  </si>
  <si>
    <t>527.7771606445312</t>
  </si>
  <si>
    <t>0.02224259496545855</t>
  </si>
  <si>
    <t>10.50717830657959</t>
  </si>
  <si>
    <t>720.4835815429688</t>
  </si>
  <si>
    <t>0.04481695172044553</t>
  </si>
  <si>
    <t>10.073843002319336</t>
  </si>
  <si>
    <t>729.6383056640625</t>
  </si>
  <si>
    <t>0.029985589144569502</t>
  </si>
  <si>
    <t>10.296719551086426</t>
  </si>
  <si>
    <t>672.8563842773438</t>
  </si>
  <si>
    <t>-0.01467221085556858</t>
  </si>
  <si>
    <t>9.8738431930542</t>
  </si>
  <si>
    <t>896.7301025390625</t>
  </si>
  <si>
    <t>0.032429370081494824</t>
  </si>
  <si>
    <t>9.955052375793457</t>
  </si>
  <si>
    <t>729.0202026367188</t>
  </si>
  <si>
    <t>0.024846616781555753</t>
  </si>
  <si>
    <t>31747</t>
  </si>
  <si>
    <t>10.232177734375</t>
  </si>
  <si>
    <t>837.755615234375</t>
  </si>
  <si>
    <t>0.039383261406213066</t>
  </si>
  <si>
    <t>32651</t>
  </si>
  <si>
    <t>10.486260414123535</t>
  </si>
  <si>
    <t>587.11279296875</t>
  </si>
  <si>
    <t>0.02807725043934539</t>
  </si>
  <si>
    <t>10.477928161621094</t>
  </si>
  <si>
    <t>672.6524658203125</t>
  </si>
  <si>
    <t>0.03215633626883019</t>
  </si>
  <si>
    <t>10.317469596862793</t>
  </si>
  <si>
    <t>617.2227172851562</t>
  </si>
  <si>
    <t>0.0039662624142504654</t>
  </si>
  <si>
    <t>10.673843383789062</t>
  </si>
  <si>
    <t>744.4869995117188</t>
  </si>
  <si>
    <t>0.018062287566122492</t>
  </si>
  <si>
    <t>33971</t>
  </si>
  <si>
    <t>10.511261940002441</t>
  </si>
  <si>
    <t>777.0679931640625</t>
  </si>
  <si>
    <t>-0.014553149895590423</t>
  </si>
  <si>
    <t>9.944594383239746</t>
  </si>
  <si>
    <t>746.4915771484375</t>
  </si>
  <si>
    <t>-0.02839378098640921</t>
  </si>
  <si>
    <t>30654</t>
  </si>
  <si>
    <t>10.094594955444336</t>
  </si>
  <si>
    <t>690.4204711914062</t>
  </si>
  <si>
    <t>-0.0743502789152668</t>
  </si>
  <si>
    <t>29843</t>
  </si>
  <si>
    <t>9.23005199432373</t>
  </si>
  <si>
    <t>648.437744140625</t>
  </si>
  <si>
    <t>-0.026812853101549905</t>
  </si>
  <si>
    <t>29447</t>
  </si>
  <si>
    <t>10.52792739868164</t>
  </si>
  <si>
    <t>531.4127807617188</t>
  </si>
  <si>
    <t>-0.01335826913858007</t>
  </si>
  <si>
    <t>9.692469596862793</t>
  </si>
  <si>
    <t>917.5289306640625</t>
  </si>
  <si>
    <t>0.0033563335628308266</t>
  </si>
  <si>
    <t>9.877927780151367</t>
  </si>
  <si>
    <t>685.6773681640625</t>
  </si>
  <si>
    <t>0.009398597084562255</t>
  </si>
  <si>
    <t>10.69247055053711</t>
  </si>
  <si>
    <t>693.6300659179688</t>
  </si>
  <si>
    <t>0.031095719034214042</t>
  </si>
  <si>
    <t>10.027928352355957</t>
  </si>
  <si>
    <t>726.5145263671875</t>
  </si>
  <si>
    <t>0.030567759463174582</t>
  </si>
  <si>
    <t>10.271719932556152</t>
  </si>
  <si>
    <t>666.9873657226562</t>
  </si>
  <si>
    <t>0.0018896453090775367</t>
  </si>
  <si>
    <t>32806</t>
  </si>
  <si>
    <t>10.461260795593262</t>
  </si>
  <si>
    <t>656.5068359375</t>
  </si>
  <si>
    <t>0.031711333699849575</t>
  </si>
  <si>
    <t>34011</t>
  </si>
  <si>
    <t>599.6519165039062</t>
  </si>
  <si>
    <t>0.036072576213276974</t>
  </si>
  <si>
    <t>34605</t>
  </si>
  <si>
    <t>10.536261558532715</t>
  </si>
  <si>
    <t>774.52099609375</t>
  </si>
  <si>
    <t>0.017314178590254414</t>
  </si>
  <si>
    <t>10.169594764709473</t>
  </si>
  <si>
    <t>777.5890502929688</t>
  </si>
  <si>
    <t>-0.1050234342976406</t>
  </si>
  <si>
    <t>33861</t>
  </si>
  <si>
    <t>10.505051612854004</t>
  </si>
  <si>
    <t>584.9110717773438</t>
  </si>
  <si>
    <t>0.08328916364541428</t>
  </si>
  <si>
    <t>10.903092384338379</t>
  </si>
  <si>
    <t>619.0402221679688</t>
  </si>
  <si>
    <t>0.042666664003156995</t>
  </si>
  <si>
    <t>1188</t>
  </si>
  <si>
    <t>561.699951171875</t>
  </si>
  <si>
    <t>1765.7958984375</t>
  </si>
  <si>
    <t>East Surrey</t>
  </si>
  <si>
    <t>-0.014816683415791232</t>
  </si>
  <si>
    <t>860.400146484375</t>
  </si>
  <si>
    <t>0.0006733348792060667</t>
  </si>
  <si>
    <t>820.7000122070312</t>
  </si>
  <si>
    <t>0.02158704885901841</t>
  </si>
  <si>
    <t>48716</t>
  </si>
  <si>
    <t>825.5999755859375</t>
  </si>
  <si>
    <t>0.03458413492564816</t>
  </si>
  <si>
    <t>49787</t>
  </si>
  <si>
    <t>614.7999877929688</t>
  </si>
  <si>
    <t>0.021746387551074164</t>
  </si>
  <si>
    <t>50907</t>
  </si>
  <si>
    <t>509.9000549316406</t>
  </si>
  <si>
    <t>0.022246532882860492</t>
  </si>
  <si>
    <t>53241</t>
  </si>
  <si>
    <t>710.2000122070312</t>
  </si>
  <si>
    <t>0.04482833756173754</t>
  </si>
  <si>
    <t>54861</t>
  </si>
  <si>
    <t>874.6000366210938</t>
  </si>
  <si>
    <t>0.0299739373400687</t>
  </si>
  <si>
    <t>56693</t>
  </si>
  <si>
    <t>0.03284803276156012</t>
  </si>
  <si>
    <t>58654</t>
  </si>
  <si>
    <t>0.03400502764524305</t>
  </si>
  <si>
    <t>59791</t>
  </si>
  <si>
    <t>815.4000854492188</t>
  </si>
  <si>
    <t>0.01919937399042304</t>
  </si>
  <si>
    <t>60197</t>
  </si>
  <si>
    <t>890.7000732421875</t>
  </si>
  <si>
    <t>0.006767369228150244</t>
  </si>
  <si>
    <t>59985</t>
  </si>
  <si>
    <t>-0.003527986219090451</t>
  </si>
  <si>
    <t>61646</t>
  </si>
  <si>
    <t>0.027313814137858827</t>
  </si>
  <si>
    <t>63011</t>
  </si>
  <si>
    <t>0.0219009692200256</t>
  </si>
  <si>
    <t>67074</t>
  </si>
  <si>
    <t>0.06248717319146735</t>
  </si>
  <si>
    <t>67432</t>
  </si>
  <si>
    <t>0.005323195178936757</t>
  </si>
  <si>
    <t>65606</t>
  </si>
  <si>
    <t>-0.027452527513025515</t>
  </si>
  <si>
    <t>63539</t>
  </si>
  <si>
    <t>728.7999877929688</t>
  </si>
  <si>
    <t>-0.03201326458235165</t>
  </si>
  <si>
    <t>63712</t>
  </si>
  <si>
    <t>0.00271903728198275</t>
  </si>
  <si>
    <t>61654</t>
  </si>
  <si>
    <t>-0.0328348179755551</t>
  </si>
  <si>
    <t>63460</t>
  </si>
  <si>
    <t>941.7000732421875</t>
  </si>
  <si>
    <t>0.028871676248819256</t>
  </si>
  <si>
    <t>64475</t>
  </si>
  <si>
    <t>801.5999755859375</t>
  </si>
  <si>
    <t>0.015867765612359364</t>
  </si>
  <si>
    <t>63691</t>
  </si>
  <si>
    <t>-0.012234286455424126</t>
  </si>
  <si>
    <t>-0.04102416282507626</t>
  </si>
  <si>
    <t>59072</t>
  </si>
  <si>
    <t>58975</t>
  </si>
  <si>
    <t>713.699951171875</t>
  </si>
  <si>
    <t>-0.0016434135866472133</t>
  </si>
  <si>
    <t>54986</t>
  </si>
  <si>
    <t>687.0000610351562</t>
  </si>
  <si>
    <t>-0.0700350179180056</t>
  </si>
  <si>
    <t>54627</t>
  </si>
  <si>
    <t>-0.006550341357916878</t>
  </si>
  <si>
    <t>-0.13128750848511217</t>
  </si>
  <si>
    <t>52068</t>
  </si>
  <si>
    <t>10.99166488647461</t>
  </si>
  <si>
    <t>671.0</t>
  </si>
  <si>
    <t>0.08330979907150926</t>
  </si>
  <si>
    <t>54337</t>
  </si>
  <si>
    <t>658.2000122070312</t>
  </si>
  <si>
    <t>0.04265483792002911</t>
  </si>
  <si>
    <t>1189</t>
  </si>
  <si>
    <t>20730</t>
  </si>
  <si>
    <t>11.183331489562988</t>
  </si>
  <si>
    <t>348.94476318359375</t>
  </si>
  <si>
    <t>East Sussex CC</t>
  </si>
  <si>
    <t>629.9000854492188</t>
  </si>
  <si>
    <t>-0.014773327291781158</t>
  </si>
  <si>
    <t>926.699951171875</t>
  </si>
  <si>
    <t>0.000636241303732632</t>
  </si>
  <si>
    <t>20885</t>
  </si>
  <si>
    <t>0.021586357489498553</t>
  </si>
  <si>
    <t>21620</t>
  </si>
  <si>
    <t>11.099998474121094</t>
  </si>
  <si>
    <t>0.03458761426192325</t>
  </si>
  <si>
    <t>669.5999755859375</t>
  </si>
  <si>
    <t>0.02173252637164147</t>
  </si>
  <si>
    <t>22593</t>
  </si>
  <si>
    <t>627.5999755859375</t>
  </si>
  <si>
    <t>0.022288785204620964</t>
  </si>
  <si>
    <t>23628</t>
  </si>
  <si>
    <t>0.04479232565766367</t>
  </si>
  <si>
    <t>936.4000244140625</t>
  </si>
  <si>
    <t>0.030017261186689126</t>
  </si>
  <si>
    <t>25299</t>
  </si>
  <si>
    <t>812.7000122070312</t>
  </si>
  <si>
    <t>0.03831515862893653</t>
  </si>
  <si>
    <t>1141.0001220703125</t>
  </si>
  <si>
    <t>0.03243401424425052</t>
  </si>
  <si>
    <t>26812</t>
  </si>
  <si>
    <t>908.5</t>
  </si>
  <si>
    <t>0.025650664990847005</t>
  </si>
  <si>
    <t>1016.4000244140625</t>
  </si>
  <si>
    <t>0.014661499209182693</t>
  </si>
  <si>
    <t>27423</t>
  </si>
  <si>
    <t>739.800048828125</t>
  </si>
  <si>
    <t>0.007871029634896942</t>
  </si>
  <si>
    <t>761.5000610351562</t>
  </si>
  <si>
    <t>-0.008459264945976486</t>
  </si>
  <si>
    <t>714.5000610351562</t>
  </si>
  <si>
    <t>0.01366031687843261</t>
  </si>
  <si>
    <t>27806</t>
  </si>
  <si>
    <t>866.0</t>
  </si>
  <si>
    <t>0.008668695475103405</t>
  </si>
  <si>
    <t>11.483332633972168</t>
  </si>
  <si>
    <t>903.7999877929688</t>
  </si>
  <si>
    <t>0.00035956995820995985</t>
  </si>
  <si>
    <t>28386</t>
  </si>
  <si>
    <t>918.9000244140625</t>
  </si>
  <si>
    <t>0.02028467117150612</t>
  </si>
  <si>
    <t>26510</t>
  </si>
  <si>
    <t>822.2999877929688</t>
  </si>
  <si>
    <t>-0.06837404557613347</t>
  </si>
  <si>
    <t>-0.004855284981612584</t>
  </si>
  <si>
    <t>25955</t>
  </si>
  <si>
    <t>1106.199951171875</t>
  </si>
  <si>
    <t>-0.028673757842677006</t>
  </si>
  <si>
    <t>26066</t>
  </si>
  <si>
    <t>960.7000732421875</t>
  </si>
  <si>
    <t>0.004267513829335101</t>
  </si>
  <si>
    <t>26793</t>
  </si>
  <si>
    <t>938.7999877929688</t>
  </si>
  <si>
    <t>0.02750887626133114</t>
  </si>
  <si>
    <t>886.6000366210938</t>
  </si>
  <si>
    <t>0.024371217459609795</t>
  </si>
  <si>
    <t>28213</t>
  </si>
  <si>
    <t>829.5</t>
  </si>
  <si>
    <t>0.027270987797814783</t>
  </si>
  <si>
    <t>818.1000366210938</t>
  </si>
  <si>
    <t>0.00674711569256381</t>
  </si>
  <si>
    <t>762.9000244140625</t>
  </si>
  <si>
    <t>-0.009657809214248303</t>
  </si>
  <si>
    <t>918.0000610351562</t>
  </si>
  <si>
    <t>0.012645876753097696</t>
  </si>
  <si>
    <t>26233</t>
  </si>
  <si>
    <t>12.066666603088379</t>
  </si>
  <si>
    <t>959.0999755859375</t>
  </si>
  <si>
    <t>-0.08249988766448091</t>
  </si>
  <si>
    <t>28512</t>
  </si>
  <si>
    <t>0.08330689109418365</t>
  </si>
  <si>
    <t>29754</t>
  </si>
  <si>
    <t>774.7000732421875</t>
  </si>
  <si>
    <t>0.042638525446653475</t>
  </si>
  <si>
    <t>19064</t>
  </si>
  <si>
    <t>8.673796653747559</t>
  </si>
  <si>
    <t>1896.06689453125</t>
  </si>
  <si>
    <t>41.02910232543945</t>
  </si>
  <si>
    <t>Eilean Siar (Western Isles)</t>
  </si>
  <si>
    <t>18784</t>
  </si>
  <si>
    <t>8.59789752960205</t>
  </si>
  <si>
    <t>1438.4190673828125</t>
  </si>
  <si>
    <t>-0.014796296150754173</t>
  </si>
  <si>
    <t>18796</t>
  </si>
  <si>
    <t>8.402236938476562</t>
  </si>
  <si>
    <t>1985.114990234375</t>
  </si>
  <si>
    <t>0.000638637594882141</t>
  </si>
  <si>
    <t>7.950582504272461</t>
  </si>
  <si>
    <t>1309.630126953125</t>
  </si>
  <si>
    <t>0.021578648975213</t>
  </si>
  <si>
    <t>19882</t>
  </si>
  <si>
    <t>8.304905891418457</t>
  </si>
  <si>
    <t>1694.578857421875</t>
  </si>
  <si>
    <t>0.03459206957417216</t>
  </si>
  <si>
    <t>20319</t>
  </si>
  <si>
    <t>8.734943389892578</t>
  </si>
  <si>
    <t>1335.877197265625</t>
  </si>
  <si>
    <t>0.021741609110922155</t>
  </si>
  <si>
    <t>20777</t>
  </si>
  <si>
    <t>8.069302558898926</t>
  </si>
  <si>
    <t>1313.1346435546875</t>
  </si>
  <si>
    <t>0.022290196761773018</t>
  </si>
  <si>
    <t>21729</t>
  </si>
  <si>
    <t>9.222899436950684</t>
  </si>
  <si>
    <t>1500.771240234375</t>
  </si>
  <si>
    <t>0.04480116821864932</t>
  </si>
  <si>
    <t>22390</t>
  </si>
  <si>
    <t>8.73766040802002</t>
  </si>
  <si>
    <t>1747.9654541015625</t>
  </si>
  <si>
    <t>0.02996665672936416</t>
  </si>
  <si>
    <t>24134</t>
  </si>
  <si>
    <t>8.871108055114746</t>
  </si>
  <si>
    <t>1641.890625</t>
  </si>
  <si>
    <t>0.07500720404074634</t>
  </si>
  <si>
    <t>8.57294750213623</t>
  </si>
  <si>
    <t>1473.87841796875</t>
  </si>
  <si>
    <t>0.032650804346676665</t>
  </si>
  <si>
    <t>26911</t>
  </si>
  <si>
    <t>8.6239652633667</t>
  </si>
  <si>
    <t>1313.2718505859375</t>
  </si>
  <si>
    <t>0.0762626859570048</t>
  </si>
  <si>
    <t>9.024487495422363</t>
  </si>
  <si>
    <t>1364.0919189453125</t>
  </si>
  <si>
    <t>-0.0015247023276909744</t>
  </si>
  <si>
    <t>9.327122688293457</t>
  </si>
  <si>
    <t>1142.868896484375</t>
  </si>
  <si>
    <t>0.05994574259800878</t>
  </si>
  <si>
    <t>30273</t>
  </si>
  <si>
    <t>9.20946216583252</t>
  </si>
  <si>
    <t>1435.781982421875</t>
  </si>
  <si>
    <t>0.05930006092509288</t>
  </si>
  <si>
    <t>9.021200180053711</t>
  </si>
  <si>
    <t>1343.5548095703125</t>
  </si>
  <si>
    <t>0.017842708709160604</t>
  </si>
  <si>
    <t>31079</t>
  </si>
  <si>
    <t>9.298876762390137</t>
  </si>
  <si>
    <t>1552.0048828125</t>
  </si>
  <si>
    <t>0.008433415089982077</t>
  </si>
  <si>
    <t>30896</t>
  </si>
  <si>
    <t>9.151641845703125</t>
  </si>
  <si>
    <t>1437.58447265625</t>
  </si>
  <si>
    <t>-0.00590562426348562</t>
  </si>
  <si>
    <t>31709</t>
  </si>
  <si>
    <t>8.792729377746582</t>
  </si>
  <si>
    <t>1423.828857421875</t>
  </si>
  <si>
    <t>0.025973826573709502</t>
  </si>
  <si>
    <t>29999</t>
  </si>
  <si>
    <t>8.935178756713867</t>
  </si>
  <si>
    <t>1511.1917724609375</t>
  </si>
  <si>
    <t>-0.05543650448661275</t>
  </si>
  <si>
    <t>8.01706600189209</t>
  </si>
  <si>
    <t>1198.8359375</t>
  </si>
  <si>
    <t>0.04350780747417993</t>
  </si>
  <si>
    <t>32071</t>
  </si>
  <si>
    <t>9.147889137268066</t>
  </si>
  <si>
    <t>1663.0904541015625</t>
  </si>
  <si>
    <t>0.023280339761321045</t>
  </si>
  <si>
    <t>31883</t>
  </si>
  <si>
    <t>8.453824043273926</t>
  </si>
  <si>
    <t>1423.212158203125</t>
  </si>
  <si>
    <t>-0.005879242628319403</t>
  </si>
  <si>
    <t>31031</t>
  </si>
  <si>
    <t>8.623763084411621</t>
  </si>
  <si>
    <t>1468.2718505859375</t>
  </si>
  <si>
    <t>-0.02708624756220601</t>
  </si>
  <si>
    <t>9.40194034576416</t>
  </si>
  <si>
    <t>1659.6029052734375</t>
  </si>
  <si>
    <t>0.020919797315977817</t>
  </si>
  <si>
    <t>31091</t>
  </si>
  <si>
    <t>8.70162582397461</t>
  </si>
  <si>
    <t>1629.3350830078125</t>
  </si>
  <si>
    <t>-0.01898811389763999</t>
  </si>
  <si>
    <t>9.03306770324707</t>
  </si>
  <si>
    <t>1328.190673828125</t>
  </si>
  <si>
    <t>-0.015134372966024046</t>
  </si>
  <si>
    <t>9.08769702911377</t>
  </si>
  <si>
    <t>1660.9603271484375</t>
  </si>
  <si>
    <t>0.03266973269204243</t>
  </si>
  <si>
    <t>32454</t>
  </si>
  <si>
    <t>8.926344871520996</t>
  </si>
  <si>
    <t>1288.277587890625</t>
  </si>
  <si>
    <t>0.02536995415475829</t>
  </si>
  <si>
    <t>34340</t>
  </si>
  <si>
    <t>9.234441757202148</t>
  </si>
  <si>
    <t>1510.669921875</t>
  </si>
  <si>
    <t>0.056487153351984176</t>
  </si>
  <si>
    <t>8.776200294494629</t>
  </si>
  <si>
    <t>1647.54248046875</t>
  </si>
  <si>
    <t>-0.0869901986254451</t>
  </si>
  <si>
    <t>34214</t>
  </si>
  <si>
    <t>9.19777774810791</t>
  </si>
  <si>
    <t>1322.734375</t>
  </si>
  <si>
    <t>0.08331426018621535</t>
  </si>
  <si>
    <t>35705</t>
  </si>
  <si>
    <t>9.448698997497559</t>
  </si>
  <si>
    <t>1569.72509765625</t>
  </si>
  <si>
    <t>0.0426558179709744</t>
  </si>
  <si>
    <t>9.424999237060547</t>
  </si>
  <si>
    <t>474.9548645019531</t>
  </si>
  <si>
    <t>Flintshire and Wrexham</t>
  </si>
  <si>
    <t>-0.014824060794227378</t>
  </si>
  <si>
    <t>27874</t>
  </si>
  <si>
    <t>965.0999755859375</t>
  </si>
  <si>
    <t>0.0006818712245379999</t>
  </si>
  <si>
    <t>28482</t>
  </si>
  <si>
    <t>914.7000732421875</t>
  </si>
  <si>
    <t>0.021577954099917918</t>
  </si>
  <si>
    <t>29484</t>
  </si>
  <si>
    <t>992.2000732421875</t>
  </si>
  <si>
    <t>0.03457543452980616</t>
  </si>
  <si>
    <t>0.021739986636406528</t>
  </si>
  <si>
    <t>0.02228403911289334</t>
  </si>
  <si>
    <t>32223</t>
  </si>
  <si>
    <t>907.1000366210938</t>
  </si>
  <si>
    <t>0.044808714207677625</t>
  </si>
  <si>
    <t>1000.0000610351562</t>
  </si>
  <si>
    <t>0.02998986730876929</t>
  </si>
  <si>
    <t>32948</t>
  </si>
  <si>
    <t>944.7000122070312</t>
  </si>
  <si>
    <t>-0.007739789513786732</t>
  </si>
  <si>
    <t>34351</t>
  </si>
  <si>
    <t>1209.900146484375</t>
  </si>
  <si>
    <t>0.04170056924712284</t>
  </si>
  <si>
    <t>34398</t>
  </si>
  <si>
    <t>878.3999633789062</t>
  </si>
  <si>
    <t>0.0013672928281760477</t>
  </si>
  <si>
    <t>33987</t>
  </si>
  <si>
    <t>1076.2000732421875</t>
  </si>
  <si>
    <t>-0.012020324594839593</t>
  </si>
  <si>
    <t>791.5000610351562</t>
  </si>
  <si>
    <t>0.030283830939636047</t>
  </si>
  <si>
    <t>856.2000122070312</t>
  </si>
  <si>
    <t>0.02076375109050943</t>
  </si>
  <si>
    <t>36226</t>
  </si>
  <si>
    <t>0.012751412481117441</t>
  </si>
  <si>
    <t>971.4000854492188</t>
  </si>
  <si>
    <t>0.029108989222677906</t>
  </si>
  <si>
    <t>37275</t>
  </si>
  <si>
    <t>-0.0005632216425990322</t>
  </si>
  <si>
    <t>986.39990234375</t>
  </si>
  <si>
    <t>-0.018356590816091867</t>
  </si>
  <si>
    <t>35027</t>
  </si>
  <si>
    <t>-0.04384707717195191</t>
  </si>
  <si>
    <t>8.524998664855957</t>
  </si>
  <si>
    <t>785.4999389648438</t>
  </si>
  <si>
    <t>0.044256862859773705</t>
  </si>
  <si>
    <t>728.300048828125</t>
  </si>
  <si>
    <t>0.053212951812817266</t>
  </si>
  <si>
    <t>39272</t>
  </si>
  <si>
    <t>1201.5001220703125</t>
  </si>
  <si>
    <t>0.01692278942040204</t>
  </si>
  <si>
    <t>39884</t>
  </si>
  <si>
    <t>976.2999877929688</t>
  </si>
  <si>
    <t>0.015463444210794819</t>
  </si>
  <si>
    <t>937.0</t>
  </si>
  <si>
    <t>-0.024518372430582858</t>
  </si>
  <si>
    <t>999.9000854492188</t>
  </si>
  <si>
    <t>0.022811973020289145</t>
  </si>
  <si>
    <t>40361</t>
  </si>
  <si>
    <t>0.013595130629147079</t>
  </si>
  <si>
    <t>920.2000732421875</t>
  </si>
  <si>
    <t>0.018460401007112992</t>
  </si>
  <si>
    <t>41718</t>
  </si>
  <si>
    <t>818.699951171875</t>
  </si>
  <si>
    <t>0.0146083171524225</t>
  </si>
  <si>
    <t>42100</t>
  </si>
  <si>
    <t>1061.5999755859375</t>
  </si>
  <si>
    <t>0.0091150503434001</t>
  </si>
  <si>
    <t>38634</t>
  </si>
  <si>
    <t>1084.800048828125</t>
  </si>
  <si>
    <t>-0.08591502290423492</t>
  </si>
  <si>
    <t>0.08332259182251711</t>
  </si>
  <si>
    <t>43821</t>
  </si>
  <si>
    <t>892.800048828125</t>
  </si>
  <si>
    <t>0.04265784493016511</t>
  </si>
  <si>
    <t>10.554266929626465</t>
  </si>
  <si>
    <t>631.9479370117188</t>
  </si>
  <si>
    <t>446.5619201660156</t>
  </si>
  <si>
    <t>Gloucestershire</t>
  </si>
  <si>
    <t>32231</t>
  </si>
  <si>
    <t>9.709124565124512</t>
  </si>
  <si>
    <t>630.6990966796875</t>
  </si>
  <si>
    <t>-0.014813260722837285</t>
  </si>
  <si>
    <t>10.223934173583984</t>
  </si>
  <si>
    <t>898.3735961914062</t>
  </si>
  <si>
    <t>0.0006823398316981866</t>
  </si>
  <si>
    <t>32956</t>
  </si>
  <si>
    <t>9.600790977478027</t>
  </si>
  <si>
    <t>848.350830078125</t>
  </si>
  <si>
    <t>0.021562276282141468</t>
  </si>
  <si>
    <t>10.395853996276855</t>
  </si>
  <si>
    <t>879.1973876953125</t>
  </si>
  <si>
    <t>0.03459314400351943</t>
  </si>
  <si>
    <t>34866</t>
  </si>
  <si>
    <t>10.649092674255371</t>
  </si>
  <si>
    <t>647.171142578125</t>
  </si>
  <si>
    <t>0.02174565986416077</t>
  </si>
  <si>
    <t>35651</t>
  </si>
  <si>
    <t>9.200552940368652</t>
  </si>
  <si>
    <t>553.7333374023438</t>
  </si>
  <si>
    <t>0.022265054636758208</t>
  </si>
  <si>
    <t>37285</t>
  </si>
  <si>
    <t>10.925869941711426</t>
  </si>
  <si>
    <t>781.5675659179688</t>
  </si>
  <si>
    <t>0.04481390403797647</t>
  </si>
  <si>
    <t>38420</t>
  </si>
  <si>
    <t>10.489140510559082</t>
  </si>
  <si>
    <t>894.2817993164062</t>
  </si>
  <si>
    <t>0.029987056344653595</t>
  </si>
  <si>
    <t>39549</t>
  </si>
  <si>
    <t>10.742457389831543</t>
  </si>
  <si>
    <t>781.0817260742188</t>
  </si>
  <si>
    <t>0.028962252103530872</t>
  </si>
  <si>
    <t>40730</t>
  </si>
  <si>
    <t>10.454187393188477</t>
  </si>
  <si>
    <t>1012.2627563476562</t>
  </si>
  <si>
    <t>0.029424512216378318</t>
  </si>
  <si>
    <t>42238</t>
  </si>
  <si>
    <t>10.382505416870117</t>
  </si>
  <si>
    <t>767.331298828125</t>
  </si>
  <si>
    <t>0.036355368131861354</t>
  </si>
  <si>
    <t>10.650870323181152</t>
  </si>
  <si>
    <t>906.40380859375</t>
  </si>
  <si>
    <t>0.0054541082232919535</t>
  </si>
  <si>
    <t>43210</t>
  </si>
  <si>
    <t>10.776107788085938</t>
  </si>
  <si>
    <t>639.2589111328125</t>
  </si>
  <si>
    <t>0.017297551928368904</t>
  </si>
  <si>
    <t>43776</t>
  </si>
  <si>
    <t>10.635823249816895</t>
  </si>
  <si>
    <t>717.2796630859375</t>
  </si>
  <si>
    <t>0.01301377205624199</t>
  </si>
  <si>
    <t>44218</t>
  </si>
  <si>
    <t>10.434203147888184</t>
  </si>
  <si>
    <t>645.5692749023438</t>
  </si>
  <si>
    <t>0.010046224002943305</t>
  </si>
  <si>
    <t>43802</t>
  </si>
  <si>
    <t>11.15248966217041</t>
  </si>
  <si>
    <t>779.9620361328125</t>
  </si>
  <si>
    <t>-0.009452467562653055</t>
  </si>
  <si>
    <t>44646</t>
  </si>
  <si>
    <t>10.830649375915527</t>
  </si>
  <si>
    <t>862.0839233398438</t>
  </si>
  <si>
    <t>0.019085239202803805</t>
  </si>
  <si>
    <t>44137</t>
  </si>
  <si>
    <t>10.102410316467285</t>
  </si>
  <si>
    <t>834.5219116210938</t>
  </si>
  <si>
    <t>-0.011466284688466999</t>
  </si>
  <si>
    <t>10.36259937286377</t>
  </si>
  <si>
    <t>739.401123046875</t>
  </si>
  <si>
    <t>-0.04029159016416628</t>
  </si>
  <si>
    <t>44199</t>
  </si>
  <si>
    <t>9.549408912658691</t>
  </si>
  <si>
    <t>684.5260620117188</t>
  </si>
  <si>
    <t>0.041695321602780666</t>
  </si>
  <si>
    <t>43442</t>
  </si>
  <si>
    <t>11.091155052185059</t>
  </si>
  <si>
    <t>585.8507080078125</t>
  </si>
  <si>
    <t>-0.017275449311824786</t>
  </si>
  <si>
    <t>43448</t>
  </si>
  <si>
    <t>10.072710990905762</t>
  </si>
  <si>
    <t>1010.655029296875</t>
  </si>
  <si>
    <t>0.0001381056510432188</t>
  </si>
  <si>
    <t>43514</t>
  </si>
  <si>
    <t>10.162520408630371</t>
  </si>
  <si>
    <t>804.3555297851562</t>
  </si>
  <si>
    <t>0.0015179046634656856</t>
  </si>
  <si>
    <t>11.265838623046875</t>
  </si>
  <si>
    <t>824.9887084960938</t>
  </si>
  <si>
    <t>0.02453901972216066</t>
  </si>
  <si>
    <t>44109</t>
  </si>
  <si>
    <t>10.779582977294922</t>
  </si>
  <si>
    <t>805.2281494140625</t>
  </si>
  <si>
    <t>-0.010957901854540708</t>
  </si>
  <si>
    <t>43673</t>
  </si>
  <si>
    <t>10.447474479675293</t>
  </si>
  <si>
    <t>726.2682495117188</t>
  </si>
  <si>
    <t>-0.009933781079666915</t>
  </si>
  <si>
    <t>45774</t>
  </si>
  <si>
    <t>11.106202125549316</t>
  </si>
  <si>
    <t>752.0722045898438</t>
  </si>
  <si>
    <t>0.04698618215218353</t>
  </si>
  <si>
    <t>45947</t>
  </si>
  <si>
    <t>10.959519386291504</t>
  </si>
  <si>
    <t>689.6721801757812</t>
  </si>
  <si>
    <t>0.003772313977261632</t>
  </si>
  <si>
    <t>47435</t>
  </si>
  <si>
    <t>11.21121883392334</t>
  </si>
  <si>
    <t>878.1024780273438</t>
  </si>
  <si>
    <t>0.03187179453143152</t>
  </si>
  <si>
    <t>11.141392707824707</t>
  </si>
  <si>
    <t>884.3922119140625</t>
  </si>
  <si>
    <t>-0.11209407303117658</t>
  </si>
  <si>
    <t>46089</t>
  </si>
  <si>
    <t>10.754108428955078</t>
  </si>
  <si>
    <t>692.4622192382812</t>
  </si>
  <si>
    <t>0.0833080300029696</t>
  </si>
  <si>
    <t>48098</t>
  </si>
  <si>
    <t>11.661376953125</t>
  </si>
  <si>
    <t>719.191162109375</t>
  </si>
  <si>
    <t>0.042666286389028585</t>
  </si>
  <si>
    <t>1203</t>
  </si>
  <si>
    <t>18740</t>
  </si>
  <si>
    <t>1259.800048828125</t>
  </si>
  <si>
    <t>445.26812744140625</t>
  </si>
  <si>
    <t>Gwent Valleys</t>
  </si>
  <si>
    <t>18465</t>
  </si>
  <si>
    <t>1191.199951171875</t>
  </si>
  <si>
    <t>-0.01478322850574898</t>
  </si>
  <si>
    <t>1642.0001220703125</t>
  </si>
  <si>
    <t>0.0006496670684903449</t>
  </si>
  <si>
    <t>18880</t>
  </si>
  <si>
    <t>1550.5</t>
  </si>
  <si>
    <t>0.021576445344337003</t>
  </si>
  <si>
    <t>19545</t>
  </si>
  <si>
    <t>1802.9000244140625</t>
  </si>
  <si>
    <t>0.03461633852756485</t>
  </si>
  <si>
    <t>19974</t>
  </si>
  <si>
    <t>1272.0</t>
  </si>
  <si>
    <t>0.021711928576024775</t>
  </si>
  <si>
    <t>20424</t>
  </si>
  <si>
    <t>1111.9000244140625</t>
  </si>
  <si>
    <t>0.022279252118238446</t>
  </si>
  <si>
    <t>21360</t>
  </si>
  <si>
    <t>1597.5</t>
  </si>
  <si>
    <t>0.04480933415281285</t>
  </si>
  <si>
    <t>1794.5001220703125</t>
  </si>
  <si>
    <t>0.029976881446375003</t>
  </si>
  <si>
    <t>22045</t>
  </si>
  <si>
    <t>1534.0001220703125</t>
  </si>
  <si>
    <t>0.001588923271532039</t>
  </si>
  <si>
    <t>23039</t>
  </si>
  <si>
    <t>1894.499755859375</t>
  </si>
  <si>
    <t>0.04410261329808307</t>
  </si>
  <si>
    <t>23045</t>
  </si>
  <si>
    <t>1396.60009765625</t>
  </si>
  <si>
    <t>0.0002603940644867464</t>
  </si>
  <si>
    <t>23267</t>
  </si>
  <si>
    <t>1747.3001708984375</t>
  </si>
  <si>
    <t>0.009587221472685314</t>
  </si>
  <si>
    <t>1251.7999267578125</t>
  </si>
  <si>
    <t>0.02792968610355473</t>
  </si>
  <si>
    <t>24450</t>
  </si>
  <si>
    <t>1347.7000732421875</t>
  </si>
  <si>
    <t>0.021664482172170096</t>
  </si>
  <si>
    <t>1217.2000732421875</t>
  </si>
  <si>
    <t>0.01610680498790984</t>
  </si>
  <si>
    <t>25257</t>
  </si>
  <si>
    <t>10.033334732055664</t>
  </si>
  <si>
    <t>1521.0001220703125</t>
  </si>
  <si>
    <t>0.016366324114844844</t>
  </si>
  <si>
    <t>24907</t>
  </si>
  <si>
    <t>1602.5</t>
  </si>
  <si>
    <t>-0.013954456563070039</t>
  </si>
  <si>
    <t>24160</t>
  </si>
  <si>
    <t>1583.199951171875</t>
  </si>
  <si>
    <t>-0.030450515393951605</t>
  </si>
  <si>
    <t>1407.0001220703125</t>
  </si>
  <si>
    <t>-0.05903492992059256</t>
  </si>
  <si>
    <t>23431</t>
  </si>
  <si>
    <t>1266.699951171875</t>
  </si>
  <si>
    <t>0.028396488787272745</t>
  </si>
  <si>
    <t>24340</t>
  </si>
  <si>
    <t>1148.7999267578125</t>
  </si>
  <si>
    <t>0.03806115562608703</t>
  </si>
  <si>
    <t>24234</t>
  </si>
  <si>
    <t>1975.3001708984375</t>
  </si>
  <si>
    <t>-0.004364481750050331</t>
  </si>
  <si>
    <t>24710</t>
  </si>
  <si>
    <t>1685.2000732421875</t>
  </si>
  <si>
    <t>0.019451414191186345</t>
  </si>
  <si>
    <t>24811</t>
  </si>
  <si>
    <t>1679.39990234375</t>
  </si>
  <si>
    <t>0.004079083219007629</t>
  </si>
  <si>
    <t>1619.5999755859375</t>
  </si>
  <si>
    <t>0.015398148540157308</t>
  </si>
  <si>
    <t>1341.800048828125</t>
  </si>
  <si>
    <t>0.013991203067369895</t>
  </si>
  <si>
    <t>26264</t>
  </si>
  <si>
    <t>1478.9000244140625</t>
  </si>
  <si>
    <t>0.0275227253722381</t>
  </si>
  <si>
    <t>1324.5001220703125</t>
  </si>
  <si>
    <t>0.028526179866153356</t>
  </si>
  <si>
    <t>1755.5</t>
  </si>
  <si>
    <t>0.02163374328770651</t>
  </si>
  <si>
    <t>1826.39990234375</t>
  </si>
  <si>
    <t>-0.13287461551467672</t>
  </si>
  <si>
    <t>26279</t>
  </si>
  <si>
    <t>1273.89990234375</t>
  </si>
  <si>
    <t>0.08328565330356952</t>
  </si>
  <si>
    <t>1481.3001708984375</t>
  </si>
  <si>
    <t>0.042684865019250395</t>
  </si>
  <si>
    <t>1204</t>
  </si>
  <si>
    <t>1897.7000732421875</t>
  </si>
  <si>
    <t>12.951416015625</t>
  </si>
  <si>
    <t>Gwynedd</t>
  </si>
  <si>
    <t>22714</t>
  </si>
  <si>
    <t>1694.5</t>
  </si>
  <si>
    <t>-0.014814438348004444</t>
  </si>
  <si>
    <t>22730</t>
  </si>
  <si>
    <t>8.116667747497559</t>
  </si>
  <si>
    <t>2231.199951171875</t>
  </si>
  <si>
    <t>0.0007041633949977921</t>
  </si>
  <si>
    <t>1975.60009765625</t>
  </si>
  <si>
    <t>0.021586702959114135</t>
  </si>
  <si>
    <t>24043</t>
  </si>
  <si>
    <t>2383.5</t>
  </si>
  <si>
    <t>0.03457155307087589</t>
  </si>
  <si>
    <t>24571</t>
  </si>
  <si>
    <t>1449.800048828125</t>
  </si>
  <si>
    <t>0.02172299185112081</t>
  </si>
  <si>
    <t>7.541666030883789</t>
  </si>
  <si>
    <t>1482.5</t>
  </si>
  <si>
    <t>0.022256678846570566</t>
  </si>
  <si>
    <t>26276</t>
  </si>
  <si>
    <t>2028.4000244140625</t>
  </si>
  <si>
    <t>0.04483241043809194</t>
  </si>
  <si>
    <t>27076</t>
  </si>
  <si>
    <t>2365.0</t>
  </si>
  <si>
    <t>0.02999175161613543</t>
  </si>
  <si>
    <t>2051.2001953125</t>
  </si>
  <si>
    <t>-0.004441819562391203</t>
  </si>
  <si>
    <t>2327.60009765625</t>
  </si>
  <si>
    <t>0.031944600255274125</t>
  </si>
  <si>
    <t>1869.1002197265625</t>
  </si>
  <si>
    <t>0.01752368807924576</t>
  </si>
  <si>
    <t>29623</t>
  </si>
  <si>
    <t>2360.89990234375</t>
  </si>
  <si>
    <t>0.04487689120934313</t>
  </si>
  <si>
    <t>1624.300048828125</t>
  </si>
  <si>
    <t>0.04978150169658235</t>
  </si>
  <si>
    <t>1866.5999755859375</t>
  </si>
  <si>
    <t>0.01713199461068271</t>
  </si>
  <si>
    <t>32937</t>
  </si>
  <si>
    <t>1713.7000732421875</t>
  </si>
  <si>
    <t>0.03913206298560645</t>
  </si>
  <si>
    <t>2187.0</t>
  </si>
  <si>
    <t>0.03827206618907475</t>
  </si>
  <si>
    <t>2136.699951171875</t>
  </si>
  <si>
    <t>-0.005391164537293491</t>
  </si>
  <si>
    <t>33306</t>
  </si>
  <si>
    <t>2105.199951171875</t>
  </si>
  <si>
    <t>-0.021739986636406528</t>
  </si>
  <si>
    <t>31112</t>
  </si>
  <si>
    <t>2037.60009765625</t>
  </si>
  <si>
    <t>-0.06814396408263335</t>
  </si>
  <si>
    <t>1686.699951171875</t>
  </si>
  <si>
    <t>-0.015613676008761956</t>
  </si>
  <si>
    <t>31324</t>
  </si>
  <si>
    <t>1841.5</t>
  </si>
  <si>
    <t>0.022404656044006543</t>
  </si>
  <si>
    <t>2481.500244140625</t>
  </si>
  <si>
    <t>0.011269423902762199</t>
  </si>
  <si>
    <t>32562</t>
  </si>
  <si>
    <t>2152.800048828125</t>
  </si>
  <si>
    <t>0.027491963517869422</t>
  </si>
  <si>
    <t>32190</t>
  </si>
  <si>
    <t>2215.2001953125</t>
  </si>
  <si>
    <t>-0.01149011899860497</t>
  </si>
  <si>
    <t>2320.10009765625</t>
  </si>
  <si>
    <t>0.0031017394594670122</t>
  </si>
  <si>
    <t>8.458333969116211</t>
  </si>
  <si>
    <t>1744.0</t>
  </si>
  <si>
    <t>-0.017400435897824806</t>
  </si>
  <si>
    <t>32711</t>
  </si>
  <si>
    <t>2107.900146484375</t>
  </si>
  <si>
    <t>0.030354263901243073</t>
  </si>
  <si>
    <t>32734</t>
  </si>
  <si>
    <t>1766.5001220703125</t>
  </si>
  <si>
    <t>0.0007028803100901371</t>
  </si>
  <si>
    <t>33207</t>
  </si>
  <si>
    <t>2304.300048828125</t>
  </si>
  <si>
    <t>0.01434640398790421</t>
  </si>
  <si>
    <t>2449.10009765625</t>
  </si>
  <si>
    <t>-0.16969941117641163</t>
  </si>
  <si>
    <t>1733.9000244140625</t>
  </si>
  <si>
    <t>0.08332023109201003</t>
  </si>
  <si>
    <t>31786</t>
  </si>
  <si>
    <t>2042.8001708984375</t>
  </si>
  <si>
    <t>0.04264442428743287</t>
  </si>
  <si>
    <t>32380</t>
  </si>
  <si>
    <t>483.697021484375</t>
  </si>
  <si>
    <t>Heart of Essex</t>
  </si>
  <si>
    <t>444.300048828125</t>
  </si>
  <si>
    <t>-0.014809554470060604</t>
  </si>
  <si>
    <t>633.4000244140625</t>
  </si>
  <si>
    <t>0.0006893310628584004</t>
  </si>
  <si>
    <t>32622</t>
  </si>
  <si>
    <t>0.021566182549552337</t>
  </si>
  <si>
    <t>33770</t>
  </si>
  <si>
    <t>612.2000122070312</t>
  </si>
  <si>
    <t>0.03458592700563656</t>
  </si>
  <si>
    <t>34512</t>
  </si>
  <si>
    <t>435.3000183105469</t>
  </si>
  <si>
    <t>0.021734255249324264</t>
  </si>
  <si>
    <t>35289</t>
  </si>
  <si>
    <t>9.174999237060547</t>
  </si>
  <si>
    <t>405.3000183105469</t>
  </si>
  <si>
    <t>0.022264210999614065</t>
  </si>
  <si>
    <t>36907</t>
  </si>
  <si>
    <t>0.04482993430595705</t>
  </si>
  <si>
    <t>0.029974086987797577</t>
  </si>
  <si>
    <t>0.0019964281087236913</t>
  </si>
  <si>
    <t>0.05152813795854172</t>
  </si>
  <si>
    <t>603.8999633789062</t>
  </si>
  <si>
    <t>0.05210675173181478</t>
  </si>
  <si>
    <t>42245</t>
  </si>
  <si>
    <t>-0.0005206361344409771</t>
  </si>
  <si>
    <t>44376</t>
  </si>
  <si>
    <t>493.9999694824219</t>
  </si>
  <si>
    <t>0.04921277914812627</t>
  </si>
  <si>
    <t>515.800048828125</t>
  </si>
  <si>
    <t>-0.01285950702648897</t>
  </si>
  <si>
    <t>505.8000183105469</t>
  </si>
  <si>
    <t>-0.004048449623212491</t>
  </si>
  <si>
    <t>0.012888713087880532</t>
  </si>
  <si>
    <t>0.013461633701904674</t>
  </si>
  <si>
    <t>595.7999877929688</t>
  </si>
  <si>
    <t>-0.028598930900372466</t>
  </si>
  <si>
    <t>41734</t>
  </si>
  <si>
    <t>559.7000122070312</t>
  </si>
  <si>
    <t>-0.04222609768145169</t>
  </si>
  <si>
    <t>42194</t>
  </si>
  <si>
    <t>0.010961886527438125</t>
  </si>
  <si>
    <t>431.300048828125</t>
  </si>
  <si>
    <t>-0.016897905688001202</t>
  </si>
  <si>
    <t>711.4000244140625</t>
  </si>
  <si>
    <t>0.005144984181937318</t>
  </si>
  <si>
    <t>582.1000366210938</t>
  </si>
  <si>
    <t>-0.005699528445163082</t>
  </si>
  <si>
    <t>0.06471335632570963</t>
  </si>
  <si>
    <t>45416</t>
  </si>
  <si>
    <t>584.7000732421875</t>
  </si>
  <si>
    <t>0.02632552865531146</t>
  </si>
  <si>
    <t>45514</t>
  </si>
  <si>
    <t>562.7999877929688</t>
  </si>
  <si>
    <t>0.002155505068600405</t>
  </si>
  <si>
    <t>47463</t>
  </si>
  <si>
    <t>559.0000610351562</t>
  </si>
  <si>
    <t>0.04193048919801079</t>
  </si>
  <si>
    <t>510.70001220703125</t>
  </si>
  <si>
    <t>0.01694265330937128</t>
  </si>
  <si>
    <t>48715</t>
  </si>
  <si>
    <t>0.009093877432896136</t>
  </si>
  <si>
    <t>42943</t>
  </si>
  <si>
    <t>620.7000122070312</t>
  </si>
  <si>
    <t>-0.12611333593930318</t>
  </si>
  <si>
    <t>46674</t>
  </si>
  <si>
    <t>530.7000732421875</t>
  </si>
  <si>
    <t>0.08331360951469158</t>
  </si>
  <si>
    <t>48708</t>
  </si>
  <si>
    <t>511.6000061035156</t>
  </si>
  <si>
    <t>0.04265602319206785</t>
  </si>
  <si>
    <t>1210</t>
  </si>
  <si>
    <t>25654</t>
  </si>
  <si>
    <t>80.76782989501953</t>
  </si>
  <si>
    <t>Herefordshire, County of</t>
  </si>
  <si>
    <t>-0.014804613527024557</t>
  </si>
  <si>
    <t>25294</t>
  </si>
  <si>
    <t>895.0999755859375</t>
  </si>
  <si>
    <t>0.0006723221071514018</t>
  </si>
  <si>
    <t>0.021588636645214265</t>
  </si>
  <si>
    <t>26755</t>
  </si>
  <si>
    <t>937.3001098632812</t>
  </si>
  <si>
    <t>0.03456552166026938</t>
  </si>
  <si>
    <t>27343</t>
  </si>
  <si>
    <t>0.021739182847019478</t>
  </si>
  <si>
    <t>600.1000366210938</t>
  </si>
  <si>
    <t>0.022278596736612144</t>
  </si>
  <si>
    <t>842.5</t>
  </si>
  <si>
    <t>0.0447984835346773</t>
  </si>
  <si>
    <t>30130</t>
  </si>
  <si>
    <t>0.02998371826063284</t>
  </si>
  <si>
    <t>0.03249000164266036</t>
  </si>
  <si>
    <t>32335</t>
  </si>
  <si>
    <t>977.199951171875</t>
  </si>
  <si>
    <t>0.03813888011368505</t>
  </si>
  <si>
    <t>32040</t>
  </si>
  <si>
    <t>-0.009165112698397593</t>
  </si>
  <si>
    <t>921.3999633789062</t>
  </si>
  <si>
    <t>0.018982237503815114</t>
  </si>
  <si>
    <t>32774</t>
  </si>
  <si>
    <t>0.0036681584200586315</t>
  </si>
  <si>
    <t>-0.032152325451285435</t>
  </si>
  <si>
    <t>0.0011966244027714623</t>
  </si>
  <si>
    <t>868.800048828125</t>
  </si>
  <si>
    <t>0.0025773210143000824</t>
  </si>
  <si>
    <t>31637</t>
  </si>
  <si>
    <t>894.2000122070312</t>
  </si>
  <si>
    <t>-0.006929816373489217</t>
  </si>
  <si>
    <t>854.7000122070312</t>
  </si>
  <si>
    <t>0.01031423250236152</t>
  </si>
  <si>
    <t>771.800048828125</t>
  </si>
  <si>
    <t>-0.07399968649605171</t>
  </si>
  <si>
    <t>29841</t>
  </si>
  <si>
    <t>0.005241419115748158</t>
  </si>
  <si>
    <t>30807</t>
  </si>
  <si>
    <t>669.0</t>
  </si>
  <si>
    <t>0.031858650045879955</t>
  </si>
  <si>
    <t>1057.0001220703125</t>
  </si>
  <si>
    <t>0.011521645584345208</t>
  </si>
  <si>
    <t>31697</t>
  </si>
  <si>
    <t>882.199951171875</t>
  </si>
  <si>
    <t>0.01695845671226337</t>
  </si>
  <si>
    <t>884.9000244140625</t>
  </si>
  <si>
    <t>0.02885682646198262</t>
  </si>
  <si>
    <t>849.4000244140625</t>
  </si>
  <si>
    <t>0.009426693152949639</t>
  </si>
  <si>
    <t>754.0999755859375</t>
  </si>
  <si>
    <t>-0.004870040671775655</t>
  </si>
  <si>
    <t>842.4000244140625</t>
  </si>
  <si>
    <t>0.023252302890819365</t>
  </si>
  <si>
    <t>34309</t>
  </si>
  <si>
    <t>0.022519889409185367</t>
  </si>
  <si>
    <t>924.1000366210938</t>
  </si>
  <si>
    <t>0.015760197814413957</t>
  </si>
  <si>
    <t>976.0000610351562</t>
  </si>
  <si>
    <t>-0.12436775919679022</t>
  </si>
  <si>
    <t>33452</t>
  </si>
  <si>
    <t>0.08331142647761958</t>
  </si>
  <si>
    <t>34910</t>
  </si>
  <si>
    <t>786.60009765625</t>
  </si>
  <si>
    <t>0.042661745597664336</t>
  </si>
  <si>
    <t>498.3999938964844</t>
  </si>
  <si>
    <t>2129.787841796875</t>
  </si>
  <si>
    <t>Hertfordshire</t>
  </si>
  <si>
    <t>35996</t>
  </si>
  <si>
    <t>529.5999755859375</t>
  </si>
  <si>
    <t>-0.014835512682790153</t>
  </si>
  <si>
    <t>797.9000244140625</t>
  </si>
  <si>
    <t>0.000694280544989212</t>
  </si>
  <si>
    <t>36807</t>
  </si>
  <si>
    <t>751.8001098632812</t>
  </si>
  <si>
    <t>0.02158594276046344</t>
  </si>
  <si>
    <t>0.03457872971608822</t>
  </si>
  <si>
    <t>38939</t>
  </si>
  <si>
    <t>557.2999877929688</t>
  </si>
  <si>
    <t>0.02172954488690415</t>
  </si>
  <si>
    <t>0.022272522476106005</t>
  </si>
  <si>
    <t>41641</t>
  </si>
  <si>
    <t>633.699951171875</t>
  </si>
  <si>
    <t>0.04481641727198671</t>
  </si>
  <si>
    <t>42908</t>
  </si>
  <si>
    <t>0.029973029906942728</t>
  </si>
  <si>
    <t>44847</t>
  </si>
  <si>
    <t>0.044198407900303494</t>
  </si>
  <si>
    <t>46538</t>
  </si>
  <si>
    <t>10.716668128967285</t>
  </si>
  <si>
    <t>919.0999755859375</t>
  </si>
  <si>
    <t>0.03701248652926914</t>
  </si>
  <si>
    <t>47615</t>
  </si>
  <si>
    <t>752.3001098632812</t>
  </si>
  <si>
    <t>0.02287865448125359</t>
  </si>
  <si>
    <t>47849</t>
  </si>
  <si>
    <t>0.004902381392986044</t>
  </si>
  <si>
    <t>49370</t>
  </si>
  <si>
    <t>0.03129273323177628</t>
  </si>
  <si>
    <t>50047</t>
  </si>
  <si>
    <t>627.6000366210938</t>
  </si>
  <si>
    <t>0.013619611634041462</t>
  </si>
  <si>
    <t>51943</t>
  </si>
  <si>
    <t>587.199951171875</t>
  </si>
  <si>
    <t>0.037184399614442754</t>
  </si>
  <si>
    <t>51575</t>
  </si>
  <si>
    <t>11.3916654586792</t>
  </si>
  <si>
    <t>713.1000366210938</t>
  </si>
  <si>
    <t>-0.007109904561939828</t>
  </si>
  <si>
    <t>52255</t>
  </si>
  <si>
    <t>0.01309852108915166</t>
  </si>
  <si>
    <t>52507</t>
  </si>
  <si>
    <t>0.0048109139963461445</t>
  </si>
  <si>
    <t>48417</t>
  </si>
  <si>
    <t>666.800048828125</t>
  </si>
  <si>
    <t>-0.08109550232101803</t>
  </si>
  <si>
    <t>47250</t>
  </si>
  <si>
    <t>674.1000366210938</t>
  </si>
  <si>
    <t>-0.02439833778204381</t>
  </si>
  <si>
    <t>46216</t>
  </si>
  <si>
    <t>-0.022126595460786547</t>
  </si>
  <si>
    <t>865.7000122070312</t>
  </si>
  <si>
    <t>-0.01379121848598075</t>
  </si>
  <si>
    <t>46942</t>
  </si>
  <si>
    <t>712.2999877929688</t>
  </si>
  <si>
    <t>0.029377957106365926</t>
  </si>
  <si>
    <t>772.2000122070312</t>
  </si>
  <si>
    <t>0.04066007949120376</t>
  </si>
  <si>
    <t>50144</t>
  </si>
  <si>
    <t>692.7000122070312</t>
  </si>
  <si>
    <t>0.025325989583055986</t>
  </si>
  <si>
    <t>51081</t>
  </si>
  <si>
    <t>675.2000732421875</t>
  </si>
  <si>
    <t>0.018513741933006145</t>
  </si>
  <si>
    <t>53806</t>
  </si>
  <si>
    <t>0.051972377006334725</t>
  </si>
  <si>
    <t>53696</t>
  </si>
  <si>
    <t>-0.002046474268210474</t>
  </si>
  <si>
    <t>54466</t>
  </si>
  <si>
    <t>742.2000122070312</t>
  </si>
  <si>
    <t>0.014238142936063625</t>
  </si>
  <si>
    <t>767.4000244140625</t>
  </si>
  <si>
    <t>-0.1045122319539562</t>
  </si>
  <si>
    <t>608.6000366210938</t>
  </si>
  <si>
    <t>0.08330333596691375</t>
  </si>
  <si>
    <t>55647</t>
  </si>
  <si>
    <t>0.04266041011888966</t>
  </si>
  <si>
    <t>22009</t>
  </si>
  <si>
    <t>1597.699951171875</t>
  </si>
  <si>
    <t>794.9130249023438</t>
  </si>
  <si>
    <t>Inverclyde, East Renfrewshire and Renfrewshire</t>
  </si>
  <si>
    <t>21685</t>
  </si>
  <si>
    <t>8.241665840148926</t>
  </si>
  <si>
    <t>1342.0999755859375</t>
  </si>
  <si>
    <t>-0.014830683325206095</t>
  </si>
  <si>
    <t>8.241667747497559</t>
  </si>
  <si>
    <t>1759.199951171875</t>
  </si>
  <si>
    <t>0.0006914832590840803</t>
  </si>
  <si>
    <t>22174</t>
  </si>
  <si>
    <t>1305.0999755859375</t>
  </si>
  <si>
    <t>0.021608170803746773</t>
  </si>
  <si>
    <t>22954</t>
  </si>
  <si>
    <t>1555.4000244140625</t>
  </si>
  <si>
    <t>0.03457178190831556</t>
  </si>
  <si>
    <t>1247.2999267578125</t>
  </si>
  <si>
    <t>0.021719374840836636</t>
  </si>
  <si>
    <t>23986</t>
  </si>
  <si>
    <t>1115.5</t>
  </si>
  <si>
    <t>0.02225873871021733</t>
  </si>
  <si>
    <t>25086</t>
  </si>
  <si>
    <t>1405.10009765625</t>
  </si>
  <si>
    <t>0.0448395947929523</t>
  </si>
  <si>
    <t>1685.9998779296875</t>
  </si>
  <si>
    <t>0.029961993884146665</t>
  </si>
  <si>
    <t>26045</t>
  </si>
  <si>
    <t>1479.2000732421875</t>
  </si>
  <si>
    <t>0.007553895710525893</t>
  </si>
  <si>
    <t>0.0512280206120348</t>
  </si>
  <si>
    <t>28385</t>
  </si>
  <si>
    <t>8.525001525878906</t>
  </si>
  <si>
    <t>0.03480700481349963</t>
  </si>
  <si>
    <t>28813</t>
  </si>
  <si>
    <t>1549.199951171875</t>
  </si>
  <si>
    <t>0.014965837562781914</t>
  </si>
  <si>
    <t>1092.0</t>
  </si>
  <si>
    <t>0.02285147125774678</t>
  </si>
  <si>
    <t>1400.800048828125</t>
  </si>
  <si>
    <t>0.028261332750838974</t>
  </si>
  <si>
    <t>30748</t>
  </si>
  <si>
    <t>1237.199951171875</t>
  </si>
  <si>
    <t>0.013885473292829076</t>
  </si>
  <si>
    <t>1475.7999267578125</t>
  </si>
  <si>
    <t>0.012636101365437469</t>
  </si>
  <si>
    <t>1356.0001220703125</t>
  </si>
  <si>
    <t>-0.02718133584865612</t>
  </si>
  <si>
    <t>0.015715357479628267</t>
  </si>
  <si>
    <t>1487.2999267578125</t>
  </si>
  <si>
    <t>-0.06554387734365541</t>
  </si>
  <si>
    <t>28686</t>
  </si>
  <si>
    <t>-0.005041998267618197</t>
  </si>
  <si>
    <t>29238</t>
  </si>
  <si>
    <t>1671.0001220703125</t>
  </si>
  <si>
    <t>0.019060034217401878</t>
  </si>
  <si>
    <t>29550</t>
  </si>
  <si>
    <t>1530.2999267578125</t>
  </si>
  <si>
    <t>0.010614510762684048</t>
  </si>
  <si>
    <t>30044</t>
  </si>
  <si>
    <t>1394.800048828125</t>
  </si>
  <si>
    <t>0.01657922997165784</t>
  </si>
  <si>
    <t>31873</t>
  </si>
  <si>
    <t>1582.3001708984375</t>
  </si>
  <si>
    <t>0.05909628258822863</t>
  </si>
  <si>
    <t>1678.0001220703125</t>
  </si>
  <si>
    <t>0.014390978486561679</t>
  </si>
  <si>
    <t>1177.2000732421875</t>
  </si>
  <si>
    <t>-0.024957066915160198</t>
  </si>
  <si>
    <t>32708</t>
  </si>
  <si>
    <t>1509.60009765625</t>
  </si>
  <si>
    <t>0.036426528316335194</t>
  </si>
  <si>
    <t>32528</t>
  </si>
  <si>
    <t>1250.4000244140625</t>
  </si>
  <si>
    <t>-0.005518439413739529</t>
  </si>
  <si>
    <t>32416</t>
  </si>
  <si>
    <t>-0.0034491288197191494</t>
  </si>
  <si>
    <t>28257</t>
  </si>
  <si>
    <t>1615.0</t>
  </si>
  <si>
    <t>-0.13731091355748326</t>
  </si>
  <si>
    <t>1299.099853515625</t>
  </si>
  <si>
    <t>0.08327968209695413</t>
  </si>
  <si>
    <t>32050</t>
  </si>
  <si>
    <t>1503.800048828125</t>
  </si>
  <si>
    <t>0.042676286760935156</t>
  </si>
  <si>
    <t>7.599100589752197</t>
  </si>
  <si>
    <t>1088.75048828125</t>
  </si>
  <si>
    <t>126.24514770507812</t>
  </si>
  <si>
    <t>Inverness &amp; Nairn and Moray, Badenoch &amp; Strathspey</t>
  </si>
  <si>
    <t>26939</t>
  </si>
  <si>
    <t>7.425774097442627</t>
  </si>
  <si>
    <t>943.6146850585938</t>
  </si>
  <si>
    <t>-0.01481235630327049</t>
  </si>
  <si>
    <t>7.308236598968506</t>
  </si>
  <si>
    <t>1146.098876953125</t>
  </si>
  <si>
    <t>0.0006679531196844835</t>
  </si>
  <si>
    <t>6.800099849700928</t>
  </si>
  <si>
    <t>1034.6268310546875</t>
  </si>
  <si>
    <t>0.021578027036593284</t>
  </si>
  <si>
    <t>7.224748134613037</t>
  </si>
  <si>
    <t>1013.5389404296875</t>
  </si>
  <si>
    <t>0.03460923368382218</t>
  </si>
  <si>
    <t>7.704590320587158</t>
  </si>
  <si>
    <t>911.406005859375</t>
  </si>
  <si>
    <t>0.02175016798316065</t>
  </si>
  <si>
    <t>6.939849853515625</t>
  </si>
  <si>
    <t>865.2506103515625</t>
  </si>
  <si>
    <t>0.022260844573485983</t>
  </si>
  <si>
    <t>8.161986351013184</t>
  </si>
  <si>
    <t>1051.687744140625</t>
  </si>
  <si>
    <t>0.04479021648160142</t>
  </si>
  <si>
    <t>32112</t>
  </si>
  <si>
    <t>7.669490337371826</t>
  </si>
  <si>
    <t>1152.9959716796875</t>
  </si>
  <si>
    <t>0.029998298407232227</t>
  </si>
  <si>
    <t>32968</t>
  </si>
  <si>
    <t>7.846883296966553</t>
  </si>
  <si>
    <t>977.1995239257812</t>
  </si>
  <si>
    <t>0.026307601982534123</t>
  </si>
  <si>
    <t>7.503385066986084</t>
  </si>
  <si>
    <t>1040.235107421875</t>
  </si>
  <si>
    <t>0.02566278002033684</t>
  </si>
  <si>
    <t>34532</t>
  </si>
  <si>
    <t>7.508668422698975</t>
  </si>
  <si>
    <t>967.5331420898438</t>
  </si>
  <si>
    <t>0.020686256316423624</t>
  </si>
  <si>
    <t>7.973936080932617</t>
  </si>
  <si>
    <t>1191.8232421875</t>
  </si>
  <si>
    <t>-0.006770231145333483</t>
  </si>
  <si>
    <t>36107</t>
  </si>
  <si>
    <t>8.26163101196289</t>
  </si>
  <si>
    <t>777.8670043945312</t>
  </si>
  <si>
    <t>0.05137055313076466</t>
  </si>
  <si>
    <t>37477</t>
  </si>
  <si>
    <t>8.12805461883545</t>
  </si>
  <si>
    <t>1047.9178466796875</t>
  </si>
  <si>
    <t>0.03724065911849195</t>
  </si>
  <si>
    <t>38161</t>
  </si>
  <si>
    <t>7.896548748016357</t>
  </si>
  <si>
    <t>920.3347778320312</t>
  </si>
  <si>
    <t>0.018086640210263738</t>
  </si>
  <si>
    <t>38651</t>
  </si>
  <si>
    <t>8.258849143981934</t>
  </si>
  <si>
    <t>1026.6513671875</t>
  </si>
  <si>
    <t>0.012758596232478325</t>
  </si>
  <si>
    <t>8.025334358215332</t>
  </si>
  <si>
    <t>1074.2176513671875</t>
  </si>
  <si>
    <t>0.010961410699003693</t>
  </si>
  <si>
    <t>39902</t>
  </si>
  <si>
    <t>7.764193058013916</t>
  </si>
  <si>
    <t>974.2579956054688</t>
  </si>
  <si>
    <t>0.02089238933392501</t>
  </si>
  <si>
    <t>37874</t>
  </si>
  <si>
    <t>7.8500518798828125</t>
  </si>
  <si>
    <t>1163.326904296875</t>
  </si>
  <si>
    <t>-0.05216158711215613</t>
  </si>
  <si>
    <t>39295</t>
  </si>
  <si>
    <t>6.9030609130859375</t>
  </si>
  <si>
    <t>933.3955078125</t>
  </si>
  <si>
    <t>0.036832423477424214</t>
  </si>
  <si>
    <t>40305</t>
  </si>
  <si>
    <t>8.085397720336914</t>
  </si>
  <si>
    <t>1158.7415771484375</t>
  </si>
  <si>
    <t>0.02537824641742681</t>
  </si>
  <si>
    <t>7.330545425415039</t>
  </si>
  <si>
    <t>1097.838623046875</t>
  </si>
  <si>
    <t>-0.014620691558592469</t>
  </si>
  <si>
    <t>41006</t>
  </si>
  <si>
    <t>7.5347723960876465</t>
  </si>
  <si>
    <t>981.4578857421875</t>
  </si>
  <si>
    <t>0.031863558283882654</t>
  </si>
  <si>
    <t>41186</t>
  </si>
  <si>
    <t>8.381845474243164</t>
  </si>
  <si>
    <t>1163.985107421875</t>
  </si>
  <si>
    <t>0.004379995322301156</t>
  </si>
  <si>
    <t>7.69688081741333</t>
  </si>
  <si>
    <t>1163.9534912109375</t>
  </si>
  <si>
    <t>0.008895393439438237</t>
  </si>
  <si>
    <t>7.978930950164795</t>
  </si>
  <si>
    <t>895.2543334960938</t>
  </si>
  <si>
    <t>-0.011569776886545924</t>
  </si>
  <si>
    <t>8.055746078491211</t>
  </si>
  <si>
    <t>1097.4312744140625</t>
  </si>
  <si>
    <t>0.055173671062744845</t>
  </si>
  <si>
    <t>7.883302688598633</t>
  </si>
  <si>
    <t>840.8011474609375</t>
  </si>
  <si>
    <t>0.009264421427014113</t>
  </si>
  <si>
    <t>43593</t>
  </si>
  <si>
    <t>8.190252304077148</t>
  </si>
  <si>
    <t>1110.822509765625</t>
  </si>
  <si>
    <t>-0.004965514819138761</t>
  </si>
  <si>
    <t>7.805124759674072</t>
  </si>
  <si>
    <t>1144.1090087890625</t>
  </si>
  <si>
    <t>-0.2827926466568371</t>
  </si>
  <si>
    <t>35709</t>
  </si>
  <si>
    <t>8.163263320922852</t>
  </si>
  <si>
    <t>904.6340942382812</t>
  </si>
  <si>
    <t>0.08329881750402102</t>
  </si>
  <si>
    <t>37265</t>
  </si>
  <si>
    <t>8.40462589263916</t>
  </si>
  <si>
    <t>1069.1776123046875</t>
  </si>
  <si>
    <t>0.04265179047980361</t>
  </si>
  <si>
    <t>17792</t>
  </si>
  <si>
    <t>1253.699951171875</t>
  </si>
  <si>
    <t>95.88369750976562</t>
  </si>
  <si>
    <t>Isle of Anglesey</t>
  </si>
  <si>
    <t>17530</t>
  </si>
  <si>
    <t>1130.199951171875</t>
  </si>
  <si>
    <t>-0.014835219135029831</t>
  </si>
  <si>
    <t>17542</t>
  </si>
  <si>
    <t>1674.60009765625</t>
  </si>
  <si>
    <t>0.0006843065960477901</t>
  </si>
  <si>
    <t>1493.9000244140625</t>
  </si>
  <si>
    <t>0.021598380956493912</t>
  </si>
  <si>
    <t>1718.5001220703125</t>
  </si>
  <si>
    <t>0.03454290802687687</t>
  </si>
  <si>
    <t>18963</t>
  </si>
  <si>
    <t>1143.0999755859375</t>
  </si>
  <si>
    <t>0.02175041764571084</t>
  </si>
  <si>
    <t>19390</t>
  </si>
  <si>
    <t>1074.199951171875</t>
  </si>
  <si>
    <t>0.02226775709628903</t>
  </si>
  <si>
    <t>1531.7000732421875</t>
  </si>
  <si>
    <t>0.04482839858796517</t>
  </si>
  <si>
    <t>20896</t>
  </si>
  <si>
    <t>1711.5</t>
  </si>
  <si>
    <t>0.029971885251494967</t>
  </si>
  <si>
    <t>21105</t>
  </si>
  <si>
    <t>1502.1002197265625</t>
  </si>
  <si>
    <t>0.009952226140441667</t>
  </si>
  <si>
    <t>1732.4000244140625</t>
  </si>
  <si>
    <t>0.03418738304817204</t>
  </si>
  <si>
    <t>22398</t>
  </si>
  <si>
    <t>1376.5999755859375</t>
  </si>
  <si>
    <t>0.025274306877866692</t>
  </si>
  <si>
    <t>22590</t>
  </si>
  <si>
    <t>1845.3001708984375</t>
  </si>
  <si>
    <t>0.008535661319410082</t>
  </si>
  <si>
    <t>24102</t>
  </si>
  <si>
    <t>1307.5</t>
  </si>
  <si>
    <t>0.06478749412528906</t>
  </si>
  <si>
    <t>26271</t>
  </si>
  <si>
    <t>1404.699951171875</t>
  </si>
  <si>
    <t>0.08617084460299651</t>
  </si>
  <si>
    <t>1290.5999755859375</t>
  </si>
  <si>
    <t>-0.006338802345680961</t>
  </si>
  <si>
    <t>1540.9000244140625</t>
  </si>
  <si>
    <t>-3.830757149714259e-05</t>
  </si>
  <si>
    <t>25649</t>
  </si>
  <si>
    <t>1532.0</t>
  </si>
  <si>
    <t>-0.01758397478900342</t>
  </si>
  <si>
    <t>24956</t>
  </si>
  <si>
    <t>1623.699951171875</t>
  </si>
  <si>
    <t>-0.027390310253474937</t>
  </si>
  <si>
    <t>22468</t>
  </si>
  <si>
    <t>1565.900146484375</t>
  </si>
  <si>
    <t>-0.10502219957835379</t>
  </si>
  <si>
    <t>22353</t>
  </si>
  <si>
    <t>9.083334922790527</t>
  </si>
  <si>
    <t>1290.4000244140625</t>
  </si>
  <si>
    <t>-0.005131534430486084</t>
  </si>
  <si>
    <t>23414</t>
  </si>
  <si>
    <t>1277.3001708984375</t>
  </si>
  <si>
    <t>0.046373593817779835</t>
  </si>
  <si>
    <t>23531</t>
  </si>
  <si>
    <t>1896.5</t>
  </si>
  <si>
    <t>0.004984566716263572</t>
  </si>
  <si>
    <t>23248</t>
  </si>
  <si>
    <t>1575.9000244140625</t>
  </si>
  <si>
    <t>-0.012099593945816167</t>
  </si>
  <si>
    <t>23137</t>
  </si>
  <si>
    <t>1631.5</t>
  </si>
  <si>
    <t>-0.004786039102382844</t>
  </si>
  <si>
    <t>24046</t>
  </si>
  <si>
    <t>1681.699951171875</t>
  </si>
  <si>
    <t>0.03853559482717195</t>
  </si>
  <si>
    <t>25127</t>
  </si>
  <si>
    <t>1329.3001708984375</t>
  </si>
  <si>
    <t>0.04397430264850222</t>
  </si>
  <si>
    <t>1496.300048828125</t>
  </si>
  <si>
    <t>0.020639592010386565</t>
  </si>
  <si>
    <t>0.03805648832641495</t>
  </si>
  <si>
    <t>1791.7999267578125</t>
  </si>
  <si>
    <t>0.039190400740562126</t>
  </si>
  <si>
    <t>9.899998664855957</t>
  </si>
  <si>
    <t>1800.199951171875</t>
  </si>
  <si>
    <t>-0.22196240799258504</t>
  </si>
  <si>
    <t>24123</t>
  </si>
  <si>
    <t>1243.300048828125</t>
  </si>
  <si>
    <t>0.08329870394812389</t>
  </si>
  <si>
    <t>1495.5001220703125</t>
  </si>
  <si>
    <t>0.0426856963705049</t>
  </si>
  <si>
    <t>1216</t>
  </si>
  <si>
    <t>19595</t>
  </si>
  <si>
    <t>661.1000366210938</t>
  </si>
  <si>
    <t>897.9691772460938</t>
  </si>
  <si>
    <t>Isle of Wight</t>
  </si>
  <si>
    <t>19307</t>
  </si>
  <si>
    <t>608.3999633789062</t>
  </si>
  <si>
    <t>-0.014806707197914548</t>
  </si>
  <si>
    <t>19320</t>
  </si>
  <si>
    <t>906.5</t>
  </si>
  <si>
    <t>0.0006731043306924533</t>
  </si>
  <si>
    <t>19742</t>
  </si>
  <si>
    <t>973.9000854492188</t>
  </si>
  <si>
    <t>0.021607517211323923</t>
  </si>
  <si>
    <t>20436</t>
  </si>
  <si>
    <t>0.03454970547285541</t>
  </si>
  <si>
    <t>714.2000732421875</t>
  </si>
  <si>
    <t>0.021733146480586996</t>
  </si>
  <si>
    <t>619.5999755859375</t>
  </si>
  <si>
    <t>0.022301532688800307</t>
  </si>
  <si>
    <t>22334</t>
  </si>
  <si>
    <t>840.1000366210938</t>
  </si>
  <si>
    <t>0.044777450385661055</t>
  </si>
  <si>
    <t>23014</t>
  </si>
  <si>
    <t>911.0999755859375</t>
  </si>
  <si>
    <t>0.029992545377666602</t>
  </si>
  <si>
    <t>23502</t>
  </si>
  <si>
    <t>782.6000366210938</t>
  </si>
  <si>
    <t>0.020982797510482598</t>
  </si>
  <si>
    <t>24312</t>
  </si>
  <si>
    <t>0.03388453170274275</t>
  </si>
  <si>
    <t>24613</t>
  </si>
  <si>
    <t>0.012304703025057151</t>
  </si>
  <si>
    <t>25513</t>
  </si>
  <si>
    <t>964.9000244140625</t>
  </si>
  <si>
    <t>0.03591336754053032</t>
  </si>
  <si>
    <t>0.016944947043828762</t>
  </si>
  <si>
    <t>26690</t>
  </si>
  <si>
    <t>728.5999755859375</t>
  </si>
  <si>
    <t>0.02815589019252407</t>
  </si>
  <si>
    <t>26692</t>
  </si>
  <si>
    <t>7.493162492799854e-05</t>
  </si>
  <si>
    <t>27177</t>
  </si>
  <si>
    <t>0.018007132313899277</t>
  </si>
  <si>
    <t>27167</t>
  </si>
  <si>
    <t>-0.0003680259131773056</t>
  </si>
  <si>
    <t>886.4000244140625</t>
  </si>
  <si>
    <t>0.010690981628668439</t>
  </si>
  <si>
    <t>25798</t>
  </si>
  <si>
    <t>799.9000244140625</t>
  </si>
  <si>
    <t>-0.06239701352780713</t>
  </si>
  <si>
    <t>26621</t>
  </si>
  <si>
    <t>730.2000122070312</t>
  </si>
  <si>
    <t>0.0314034084584911</t>
  </si>
  <si>
    <t>618.5</t>
  </si>
  <si>
    <t>0.024783312588281703</t>
  </si>
  <si>
    <t>27588</t>
  </si>
  <si>
    <t>1073.89990234375</t>
  </si>
  <si>
    <t>0.010897204979327668</t>
  </si>
  <si>
    <t>29011</t>
  </si>
  <si>
    <t>909.0999755859375</t>
  </si>
  <si>
    <t>0.050294172842274776</t>
  </si>
  <si>
    <t>930.7000122070312</t>
  </si>
  <si>
    <t>0.029045641223758523</t>
  </si>
  <si>
    <t>30355</t>
  </si>
  <si>
    <t>842.1000366210938</t>
  </si>
  <si>
    <t>0.01624053894732036</t>
  </si>
  <si>
    <t>29682</t>
  </si>
  <si>
    <t>-0.02242044710877167</t>
  </si>
  <si>
    <t>12.0</t>
  </si>
  <si>
    <t>0.019781487965529365</t>
  </si>
  <si>
    <t>740.4000854492188</t>
  </si>
  <si>
    <t>-0.004071033474321695</t>
  </si>
  <si>
    <t>961.1000366210938</t>
  </si>
  <si>
    <t>0.04246564166529687</t>
  </si>
  <si>
    <t>12.108333587646484</t>
  </si>
  <si>
    <t>982.3999633789062</t>
  </si>
  <si>
    <t>-0.08976613589639726</t>
  </si>
  <si>
    <t>31257</t>
  </si>
  <si>
    <t>704.4999389648438</t>
  </si>
  <si>
    <t>0.0832925893644223</t>
  </si>
  <si>
    <t>32619</t>
  </si>
  <si>
    <t>0.042651589585565475</t>
  </si>
  <si>
    <t>1224</t>
  </si>
  <si>
    <t>28661</t>
  </si>
  <si>
    <t>10.137746810913086</t>
  </si>
  <si>
    <t>559.3896484375</t>
  </si>
  <si>
    <t>959.1971435546875</t>
  </si>
  <si>
    <t>Leicestershire CC and Rutland</t>
  </si>
  <si>
    <t>28240</t>
  </si>
  <si>
    <t>9.363622665405273</t>
  </si>
  <si>
    <t>514.0706787109375</t>
  </si>
  <si>
    <t>-0.014797901001589508</t>
  </si>
  <si>
    <t>9.851788520812988</t>
  </si>
  <si>
    <t>738.5775756835938</t>
  </si>
  <si>
    <t>0.0006725783010761432</t>
  </si>
  <si>
    <t>9.248286247253418</t>
  </si>
  <si>
    <t>738.1617431640625</t>
  </si>
  <si>
    <t>0.021598809350797055</t>
  </si>
  <si>
    <t>29891</t>
  </si>
  <si>
    <t>9.990828514099121</t>
  </si>
  <si>
    <t>739.7097778320312</t>
  </si>
  <si>
    <t>0.03454663146464654</t>
  </si>
  <si>
    <t>10.291704177856445</t>
  </si>
  <si>
    <t>470.86578369140625</t>
  </si>
  <si>
    <t>0.021774520116077056</t>
  </si>
  <si>
    <t>31236</t>
  </si>
  <si>
    <t>8.939078330993652</t>
  </si>
  <si>
    <t>498.7565002441406</t>
  </si>
  <si>
    <t>0.0222393239427916</t>
  </si>
  <si>
    <t>10.545205116271973</t>
  </si>
  <si>
    <t>704.0349731445312</t>
  </si>
  <si>
    <t>0.04482472969560014</t>
  </si>
  <si>
    <t>10.085121154785156</t>
  </si>
  <si>
    <t>738.17529296875</t>
  </si>
  <si>
    <t>0.02997359920794551</t>
  </si>
  <si>
    <t>10.360577583312988</t>
  </si>
  <si>
    <t>692.8961181640625</t>
  </si>
  <si>
    <t>0.008784309898079101</t>
  </si>
  <si>
    <t>35387</t>
  </si>
  <si>
    <t>10.068035125732422</t>
  </si>
  <si>
    <t>918.9756469726562</t>
  </si>
  <si>
    <t>0.04119060645320616</t>
  </si>
  <si>
    <t>35810</t>
  </si>
  <si>
    <t>10.017160415649414</t>
  </si>
  <si>
    <t>682.3846435546875</t>
  </si>
  <si>
    <t>0.011882662955081003</t>
  </si>
  <si>
    <t>36120</t>
  </si>
  <si>
    <t>10.273286819458008</t>
  </si>
  <si>
    <t>826.439208984375</t>
  </si>
  <si>
    <t>0.008619544538444046</t>
  </si>
  <si>
    <t>37378</t>
  </si>
  <si>
    <t>10.351787567138672</t>
  </si>
  <si>
    <t>576.2235717773438</t>
  </si>
  <si>
    <t>0.034235567499326436</t>
  </si>
  <si>
    <t>38093</t>
  </si>
  <si>
    <t>10.299162864685059</t>
  </si>
  <si>
    <t>656.0068359375</t>
  </si>
  <si>
    <t>0.01894824217054314</t>
  </si>
  <si>
    <t>38348</t>
  </si>
  <si>
    <t>10.066702842712402</t>
  </si>
  <si>
    <t>589.5319213867188</t>
  </si>
  <si>
    <t>0.006671836996096303</t>
  </si>
  <si>
    <t>39561</t>
  </si>
  <si>
    <t>10.773287773132324</t>
  </si>
  <si>
    <t>701.5059204101562</t>
  </si>
  <si>
    <t>0.03114140927891995</t>
  </si>
  <si>
    <t>40201</t>
  </si>
  <si>
    <t>10.512328147888184</t>
  </si>
  <si>
    <t>798.184326171875</t>
  </si>
  <si>
    <t>0.01604808644380107</t>
  </si>
  <si>
    <t>9.78470230102539</t>
  </si>
  <si>
    <t>744.3250732421875</t>
  </si>
  <si>
    <t>0.002633280202012145</t>
  </si>
  <si>
    <t>37863</t>
  </si>
  <si>
    <t>9.958370208740234</t>
  </si>
  <si>
    <t>672.2254638671875</t>
  </si>
  <si>
    <t>-0.06255076919488012</t>
  </si>
  <si>
    <t>9.111870765686035</t>
  </si>
  <si>
    <t>605.1722412109375</t>
  </si>
  <si>
    <t>0.02863809591861255</t>
  </si>
  <si>
    <t>37539</t>
  </si>
  <si>
    <t>10.64870548248291</t>
  </si>
  <si>
    <t>521.1173095703125</t>
  </si>
  <si>
    <t>-0.0372320853121888</t>
  </si>
  <si>
    <t>9.638203620910645</t>
  </si>
  <si>
    <t>926.1466674804688</t>
  </si>
  <si>
    <t>0.009597104413543889</t>
  </si>
  <si>
    <t>9.774163246154785</t>
  </si>
  <si>
    <t>698.4819946289062</t>
  </si>
  <si>
    <t>0.014745241948171284</t>
  </si>
  <si>
    <t>39259</t>
  </si>
  <si>
    <t>10.903119087219238</t>
  </si>
  <si>
    <t>726.813720703125</t>
  </si>
  <si>
    <t>0.020457978393650933</t>
  </si>
  <si>
    <t>10.347411155700684</t>
  </si>
  <si>
    <t>701.8843383789062</t>
  </si>
  <si>
    <t>0.01383693739063574</t>
  </si>
  <si>
    <t>39929</t>
  </si>
  <si>
    <t>10.17724323272705</t>
  </si>
  <si>
    <t>659.0889892578125</t>
  </si>
  <si>
    <t>0.0030852222378019434</t>
  </si>
  <si>
    <t>10.703994750976562</t>
  </si>
  <si>
    <t>666.6363525390625</t>
  </si>
  <si>
    <t>0.005917989679655733</t>
  </si>
  <si>
    <t>40629</t>
  </si>
  <si>
    <t>10.525912284851074</t>
  </si>
  <si>
    <t>596.241943359375</t>
  </si>
  <si>
    <t>0.011461230726856897</t>
  </si>
  <si>
    <t>10.795660972595215</t>
  </si>
  <si>
    <t>800.4750366210938</t>
  </si>
  <si>
    <t>-0.012283158817066209</t>
  </si>
  <si>
    <t>10.68470287322998</t>
  </si>
  <si>
    <t>802.5247802734375</t>
  </si>
  <si>
    <t>-0.13756541797273236</t>
  </si>
  <si>
    <t>10.425037384033203</t>
  </si>
  <si>
    <t>602.3619384765625</t>
  </si>
  <si>
    <t>0.08329468593333544</t>
  </si>
  <si>
    <t>39670</t>
  </si>
  <si>
    <t>11.166703224182129</t>
  </si>
  <si>
    <t>651.4910888671875</t>
  </si>
  <si>
    <t>0.04266702804135747</t>
  </si>
  <si>
    <t>1226</t>
  </si>
  <si>
    <t>10.383686065673828</t>
  </si>
  <si>
    <t>457.5321044921875</t>
  </si>
  <si>
    <t>475.55108642578125</t>
  </si>
  <si>
    <t>Lincolnshire</t>
  </si>
  <si>
    <t>24126</t>
  </si>
  <si>
    <t>9.616195678710938</t>
  </si>
  <si>
    <t>458.7795104980469</t>
  </si>
  <si>
    <t>-0.014811428508531677</t>
  </si>
  <si>
    <t>10.126337051391602</t>
  </si>
  <si>
    <t>688.5181274414062</t>
  </si>
  <si>
    <t>0.0007043858668254188</t>
  </si>
  <si>
    <t>9.4586763381958</t>
  </si>
  <si>
    <t>712.6448364257812</t>
  </si>
  <si>
    <t>0.021552911646850248</t>
  </si>
  <si>
    <t>25537</t>
  </si>
  <si>
    <t>10.205805778503418</t>
  </si>
  <si>
    <t>629.252197265625</t>
  </si>
  <si>
    <t>0.034580986244783674</t>
  </si>
  <si>
    <t>26099</t>
  </si>
  <si>
    <t>10.437499046325684</t>
  </si>
  <si>
    <t>447.4879150390625</t>
  </si>
  <si>
    <t>0.021768618516743388</t>
  </si>
  <si>
    <t>9.064549446105957</t>
  </si>
  <si>
    <t>438.83148193359375</t>
  </si>
  <si>
    <t>0.022242083901833354</t>
  </si>
  <si>
    <t>10.762077331542969</t>
  </si>
  <si>
    <t>624.836669921875</t>
  </si>
  <si>
    <t>0.04481013413430368</t>
  </si>
  <si>
    <t>10.319405555725098</t>
  </si>
  <si>
    <t>682.4278564453125</t>
  </si>
  <si>
    <t>0.030001544279201653</t>
  </si>
  <si>
    <t>28838</t>
  </si>
  <si>
    <t>10.55228328704834</t>
  </si>
  <si>
    <t>614.1843872070312</t>
  </si>
  <si>
    <t>0.002743200150721492</t>
  </si>
  <si>
    <t>10.264023780822754</t>
  </si>
  <si>
    <t>820.38330078125</t>
  </si>
  <si>
    <t>0.03526110051956799</t>
  </si>
  <si>
    <t>10.195488929748535</t>
  </si>
  <si>
    <t>671.2698974609375</t>
  </si>
  <si>
    <t>0.04323864826481483</t>
  </si>
  <si>
    <t>31694</t>
  </si>
  <si>
    <t>10.493651390075684</t>
  </si>
  <si>
    <t>761.3745727539062</t>
  </si>
  <si>
    <t>0.015933677851778683</t>
  </si>
  <si>
    <t>10.611202239990234</t>
  </si>
  <si>
    <t>518.7866821289062</t>
  </si>
  <si>
    <t>0.019991919658798096</t>
  </si>
  <si>
    <t>30904</t>
  </si>
  <si>
    <t>10.520886421203613</t>
  </si>
  <si>
    <t>608.0897216796875</t>
  </si>
  <si>
    <t>-0.04523368281543405</t>
  </si>
  <si>
    <t>31055</t>
  </si>
  <si>
    <t>10.293055534362793</t>
  </si>
  <si>
    <t>548.9830932617188</t>
  </si>
  <si>
    <t>0.004874200647286386</t>
  </si>
  <si>
    <t>11.022071838378906</t>
  </si>
  <si>
    <t>679.7775268554688</t>
  </si>
  <si>
    <t>0.026532655010699457</t>
  </si>
  <si>
    <t>10.745413780212402</t>
  </si>
  <si>
    <t>709.6210327148438</t>
  </si>
  <si>
    <t>0.010388002262052609</t>
  </si>
  <si>
    <t>9.989222526550293</t>
  </si>
  <si>
    <t>681.1759033203125</t>
  </si>
  <si>
    <t>0.006156721435361945</t>
  </si>
  <si>
    <t>10.204768180847168</t>
  </si>
  <si>
    <t>611.8719482421875</t>
  </si>
  <si>
    <t>-0.07036633909072698</t>
  </si>
  <si>
    <t>30609</t>
  </si>
  <si>
    <t>9.36119270324707</t>
  </si>
  <si>
    <t>587.0263671875</t>
  </si>
  <si>
    <t>0.01282321773262396</t>
  </si>
  <si>
    <t>30657</t>
  </si>
  <si>
    <t>10.902716636657715</t>
  </si>
  <si>
    <t>485.6280822753906</t>
  </si>
  <si>
    <t>0.0015669379369036562</t>
  </si>
  <si>
    <t>9.841252326965332</t>
  </si>
  <si>
    <t>801.8804321289062</t>
  </si>
  <si>
    <t>0.01560003155414158</t>
  </si>
  <si>
    <t>605.7904663085938</t>
  </si>
  <si>
    <t>0.025523316908596883</t>
  </si>
  <si>
    <t>32374</t>
  </si>
  <si>
    <t>11.091957092285156</t>
  </si>
  <si>
    <t>665.1829833984375</t>
  </si>
  <si>
    <t>0.013371261750847907</t>
  </si>
  <si>
    <t>32323</t>
  </si>
  <si>
    <t>10.534463882446289</t>
  </si>
  <si>
    <t>631.6749267578125</t>
  </si>
  <si>
    <t>-0.0015765803843699189</t>
  </si>
  <si>
    <t>10.319991111755371</t>
  </si>
  <si>
    <t>611.0360717773438</t>
  </si>
  <si>
    <t>-0.01380019720538428</t>
  </si>
  <si>
    <t>33170</t>
  </si>
  <si>
    <t>10.898255348205566</t>
  </si>
  <si>
    <t>600.3026123046875</t>
  </si>
  <si>
    <t>0.039666999036947814</t>
  </si>
  <si>
    <t>33869</t>
  </si>
  <si>
    <t>10.754454612731934</t>
  </si>
  <si>
    <t>538.376953125</t>
  </si>
  <si>
    <t>0.020854288781771757</t>
  </si>
  <si>
    <t>34519</t>
  </si>
  <si>
    <t>10.996382713317871</t>
  </si>
  <si>
    <t>696.8788452148438</t>
  </si>
  <si>
    <t>0.01900975534110394</t>
  </si>
  <si>
    <t>10.856595039367676</t>
  </si>
  <si>
    <t>690.1680908203125</t>
  </si>
  <si>
    <t>-0.12779123486600952</t>
  </si>
  <si>
    <t>33016</t>
  </si>
  <si>
    <t>10.63265609741211</t>
  </si>
  <si>
    <t>544.9172973632812</t>
  </si>
  <si>
    <t>0.08327363023445322</t>
  </si>
  <si>
    <t>11.395655632019043</t>
  </si>
  <si>
    <t>563.3695068359375</t>
  </si>
  <si>
    <t>0.042661832358890095</t>
  </si>
  <si>
    <t>8.534895896911621</t>
  </si>
  <si>
    <t>2399.803466796875</t>
  </si>
  <si>
    <t>81.9386215209961</t>
  </si>
  <si>
    <t>Lochaber, Skye &amp; Lochalsh, Arran &amp; Cumbrae and Argyll &amp; Bute</t>
  </si>
  <si>
    <t>22317</t>
  </si>
  <si>
    <t>8.215862274169922</t>
  </si>
  <si>
    <t>1944.2108154296875</t>
  </si>
  <si>
    <t>-0.014811132051729459</t>
  </si>
  <si>
    <t>22332</t>
  </si>
  <si>
    <t>8.271528244018555</t>
  </si>
  <si>
    <t>2565.024169921875</t>
  </si>
  <si>
    <t>0.0006719075707994904</t>
  </si>
  <si>
    <t>22820</t>
  </si>
  <si>
    <t>7.7655487060546875</t>
  </si>
  <si>
    <t>1873.9808349609375</t>
  </si>
  <si>
    <t>0.021616716985816353</t>
  </si>
  <si>
    <t>8.212284088134766</t>
  </si>
  <si>
    <t>2260.19873046875</t>
  </si>
  <si>
    <t>0.03454113675572579</t>
  </si>
  <si>
    <t>24142</t>
  </si>
  <si>
    <t>8.777504920959473</t>
  </si>
  <si>
    <t>1795.089111328125</t>
  </si>
  <si>
    <t>0.021774581089278655</t>
  </si>
  <si>
    <t>24685</t>
  </si>
  <si>
    <t>7.706052780151367</t>
  </si>
  <si>
    <t>1647.7999267578125</t>
  </si>
  <si>
    <t>0.022242709431891328</t>
  </si>
  <si>
    <t>25817</t>
  </si>
  <si>
    <t>9.10546588897705</t>
  </si>
  <si>
    <t>2040.7022705078125</t>
  </si>
  <si>
    <t>0.04483741795643148</t>
  </si>
  <si>
    <t>8.700298309326172</t>
  </si>
  <si>
    <t>2384.209228515625</t>
  </si>
  <si>
    <t>0.029953211263846313</t>
  </si>
  <si>
    <t>8.784306526184082</t>
  </si>
  <si>
    <t>2186.42919921875</t>
  </si>
  <si>
    <t>0.06035481357768546</t>
  </si>
  <si>
    <t>29554</t>
  </si>
  <si>
    <t>8.415205001831055</t>
  </si>
  <si>
    <t>2078.703125</t>
  </si>
  <si>
    <t>0.04487788397265291</t>
  </si>
  <si>
    <t>31197</t>
  </si>
  <si>
    <t>8.5084228515625</t>
  </si>
  <si>
    <t>1774.5516357421875</t>
  </si>
  <si>
    <t>0.054102837864762776</t>
  </si>
  <si>
    <t>31267</t>
  </si>
  <si>
    <t>8.680976867675781</t>
  </si>
  <si>
    <t>2082.199951171875</t>
  </si>
  <si>
    <t>0.002241291921846411</t>
  </si>
  <si>
    <t>8.944292068481445</t>
  </si>
  <si>
    <t>1599.6531982421875</t>
  </si>
  <si>
    <t>0.06823566330918496</t>
  </si>
  <si>
    <t>35323</t>
  </si>
  <si>
    <t>8.89618968963623</t>
  </si>
  <si>
    <t>2039.16162109375</t>
  </si>
  <si>
    <t>0.053735418263864076</t>
  </si>
  <si>
    <t>8.70334529876709</t>
  </si>
  <si>
    <t>1786.2735595703125</t>
  </si>
  <si>
    <t>0.04427326950727739</t>
  </si>
  <si>
    <t>9.061519622802734</t>
  </si>
  <si>
    <t>2148.812744140625</t>
  </si>
  <si>
    <t>0.0065598788288792065</t>
  </si>
  <si>
    <t>8.986722946166992</t>
  </si>
  <si>
    <t>1957.0106201171875</t>
  </si>
  <si>
    <t>-0.011202022004265899</t>
  </si>
  <si>
    <t>37055</t>
  </si>
  <si>
    <t>8.348597526550293</t>
  </si>
  <si>
    <t>2064.225341796875</t>
  </si>
  <si>
    <t>0.008237859230330713</t>
  </si>
  <si>
    <t>35145</t>
  </si>
  <si>
    <t>8.391304969787598</t>
  </si>
  <si>
    <t>2113.91357421875</t>
  </si>
  <si>
    <t>-0.05292093477545379</t>
  </si>
  <si>
    <t>7.624466419219971</t>
  </si>
  <si>
    <t>1751.1976318359375</t>
  </si>
  <si>
    <t>-0.012569777959555495</t>
  </si>
  <si>
    <t>8.85488224029541</t>
  </si>
  <si>
    <t>2357.18212890625</t>
  </si>
  <si>
    <t>0.008464049841517607</t>
  </si>
  <si>
    <t>8.168410301208496</t>
  </si>
  <si>
    <t>2067.031982421875</t>
  </si>
  <si>
    <t>0.017137530472840723</t>
  </si>
  <si>
    <t>8.310478210449219</t>
  </si>
  <si>
    <t>2017.8992919921875</t>
  </si>
  <si>
    <t>0.0018799371408810828</t>
  </si>
  <si>
    <t>9.00275993347168</t>
  </si>
  <si>
    <t>2274.18408203125</t>
  </si>
  <si>
    <t>0.006900143310447859</t>
  </si>
  <si>
    <t>36102</t>
  </si>
  <si>
    <t>8.358232498168945</t>
  </si>
  <si>
    <t>2364.5419921875</t>
  </si>
  <si>
    <t>0.0050540220322705665</t>
  </si>
  <si>
    <t>8.610321998596191</t>
  </si>
  <si>
    <t>1764.7679443359375</t>
  </si>
  <si>
    <t>0.023054987145869177</t>
  </si>
  <si>
    <t>8.787698745727539</t>
  </si>
  <si>
    <t>2240.7431640625</t>
  </si>
  <si>
    <t>0.06535192183127947</t>
  </si>
  <si>
    <t>38863</t>
  </si>
  <si>
    <t>8.58584976196289</t>
  </si>
  <si>
    <t>1792.639892578125</t>
  </si>
  <si>
    <t>-0.014712533268040673</t>
  </si>
  <si>
    <t>40118</t>
  </si>
  <si>
    <t>8.833681106567383</t>
  </si>
  <si>
    <t>2144.63330078125</t>
  </si>
  <si>
    <t>0.0317824702271281</t>
  </si>
  <si>
    <t>39569</t>
  </si>
  <si>
    <t>8.51025104522705</t>
  </si>
  <si>
    <t>2342.400146484375</t>
  </si>
  <si>
    <t>-0.013779127994965279</t>
  </si>
  <si>
    <t>43006</t>
  </si>
  <si>
    <t>8.933234214782715</t>
  </si>
  <si>
    <t>1848.507080078125</t>
  </si>
  <si>
    <t>0.08329365743565553</t>
  </si>
  <si>
    <t>44880</t>
  </si>
  <si>
    <t>9.206713676452637</t>
  </si>
  <si>
    <t>2181.763916015625</t>
  </si>
  <si>
    <t>0.04265262037124451</t>
  </si>
  <si>
    <t>1233</t>
  </si>
  <si>
    <t>30175</t>
  </si>
  <si>
    <t>567.9000244140625</t>
  </si>
  <si>
    <t>345.2334289550781</t>
  </si>
  <si>
    <t>Mid Kent</t>
  </si>
  <si>
    <t>-0.014789860120549392</t>
  </si>
  <si>
    <t>771.5999145507812</t>
  </si>
  <si>
    <t>0.000672449759722582</t>
  </si>
  <si>
    <t>30401</t>
  </si>
  <si>
    <t>771.0000610351562</t>
  </si>
  <si>
    <t>0.02157914598523014</t>
  </si>
  <si>
    <t>835.7000732421875</t>
  </si>
  <si>
    <t>0.034590984258345614</t>
  </si>
  <si>
    <t>32162</t>
  </si>
  <si>
    <t>10.908331871032715</t>
  </si>
  <si>
    <t>0.021719144565487625</t>
  </si>
  <si>
    <t>32886</t>
  </si>
  <si>
    <t>0.022261403860202478</t>
  </si>
  <si>
    <t>34394</t>
  </si>
  <si>
    <t>11.36666488647461</t>
  </si>
  <si>
    <t>750.9000854492188</t>
  </si>
  <si>
    <t>0.044835095269972314</t>
  </si>
  <si>
    <t>776.7999267578125</t>
  </si>
  <si>
    <t>0.02998721148107819</t>
  </si>
  <si>
    <t>36027</t>
  </si>
  <si>
    <t>649.2000122070312</t>
  </si>
  <si>
    <t>0.016399315303571527</t>
  </si>
  <si>
    <t>979.2999877929688</t>
  </si>
  <si>
    <t>0.021038952343301887</t>
  </si>
  <si>
    <t>37487</t>
  </si>
  <si>
    <t>779.5000610351562</t>
  </si>
  <si>
    <t>0.01868659651696092</t>
  </si>
  <si>
    <t>37893</t>
  </si>
  <si>
    <t>860.1000366210938</t>
  </si>
  <si>
    <t>0.010772192253028834</t>
  </si>
  <si>
    <t>599.8999633789062</t>
  </si>
  <si>
    <t>0.017163760875709144</t>
  </si>
  <si>
    <t>0.014805930092588682</t>
  </si>
  <si>
    <t>39685</t>
  </si>
  <si>
    <t>574.6000366210938</t>
  </si>
  <si>
    <t>0.014237193114592372</t>
  </si>
  <si>
    <t>0.00015117919803131485</t>
  </si>
  <si>
    <t>40112</t>
  </si>
  <si>
    <t>0.010551079675067854</t>
  </si>
  <si>
    <t>40345</t>
  </si>
  <si>
    <t>792.8001098632812</t>
  </si>
  <si>
    <t>0.005791929884532365</t>
  </si>
  <si>
    <t>718.4000244140625</t>
  </si>
  <si>
    <t>-0.08819956782162564</t>
  </si>
  <si>
    <t>0.022829536536107753</t>
  </si>
  <si>
    <t>-0.0020130324115221754</t>
  </si>
  <si>
    <t>37452</t>
  </si>
  <si>
    <t>917.8999633789062</t>
  </si>
  <si>
    <t>-0.007024294526786434</t>
  </si>
  <si>
    <t>758.7999877929688</t>
  </si>
  <si>
    <t>-0.0013894086561574426</t>
  </si>
  <si>
    <t>0.027922034362072523</t>
  </si>
  <si>
    <t>708.300048828125</t>
  </si>
  <si>
    <t>0.02091905797319349</t>
  </si>
  <si>
    <t>39395</t>
  </si>
  <si>
    <t>10.974998474121094</t>
  </si>
  <si>
    <t>677.199951171875</t>
  </si>
  <si>
    <t>0.0031271079418999648</t>
  </si>
  <si>
    <t>11.858332633972168</t>
  </si>
  <si>
    <t>0.001825974994423163</t>
  </si>
  <si>
    <t>40291</t>
  </si>
  <si>
    <t>641.3999633789062</t>
  </si>
  <si>
    <t>0.020663239257771693</t>
  </si>
  <si>
    <t>41719</t>
  </si>
  <si>
    <t>749.6000366210938</t>
  </si>
  <si>
    <t>0.03482854157618398</t>
  </si>
  <si>
    <t>37580</t>
  </si>
  <si>
    <t>12.066668510437012</t>
  </si>
  <si>
    <t>-0.10448466654071176</t>
  </si>
  <si>
    <t>40845</t>
  </si>
  <si>
    <t>0.08331242080851275</t>
  </si>
  <si>
    <t>42625</t>
  </si>
  <si>
    <t>12.391667366027832</t>
  </si>
  <si>
    <t>616.1000366210938</t>
  </si>
  <si>
    <t>0.042656520809849496</t>
  </si>
  <si>
    <t>1234</t>
  </si>
  <si>
    <t>37873</t>
  </si>
  <si>
    <t>946.0</t>
  </si>
  <si>
    <t>523.8494262695312</t>
  </si>
  <si>
    <t>Mid Lancashire</t>
  </si>
  <si>
    <t>37316</t>
  </si>
  <si>
    <t>-0.014816268056042858</t>
  </si>
  <si>
    <t>37341</t>
  </si>
  <si>
    <t>1204.400146484375</t>
  </si>
  <si>
    <t>0.0006697295882354126</t>
  </si>
  <si>
    <t>38156</t>
  </si>
  <si>
    <t>0.02159110059601055</t>
  </si>
  <si>
    <t>39498</t>
  </si>
  <si>
    <t>1219.0999755859375</t>
  </si>
  <si>
    <t>0.034567018430832874</t>
  </si>
  <si>
    <t>40367</t>
  </si>
  <si>
    <t>0.021762581781363366</t>
  </si>
  <si>
    <t>41275</t>
  </si>
  <si>
    <t>841.9000854492188</t>
  </si>
  <si>
    <t>0.02224437031103399</t>
  </si>
  <si>
    <t>43167</t>
  </si>
  <si>
    <t>1137.7000732421875</t>
  </si>
  <si>
    <t>0.044819324643198044</t>
  </si>
  <si>
    <t>1273.4000244140625</t>
  </si>
  <si>
    <t>0.029985817254608804</t>
  </si>
  <si>
    <t>46084</t>
  </si>
  <si>
    <t>0.03540368647180969</t>
  </si>
  <si>
    <t>1502.7000732421875</t>
  </si>
  <si>
    <t>0.033521738213782015</t>
  </si>
  <si>
    <t>48811</t>
  </si>
  <si>
    <t>1100.4000244140625</t>
  </si>
  <si>
    <t>0.023968140904596424</t>
  </si>
  <si>
    <t>49424</t>
  </si>
  <si>
    <t>1329.5999755859375</t>
  </si>
  <si>
    <t>0.01248043888204009</t>
  </si>
  <si>
    <t>51818</t>
  </si>
  <si>
    <t>977.0999755859375</t>
  </si>
  <si>
    <t>0.047301443075912886</t>
  </si>
  <si>
    <t>53356</t>
  </si>
  <si>
    <t>1100.300048828125</t>
  </si>
  <si>
    <t>0.02924885702665847</t>
  </si>
  <si>
    <t>53185</t>
  </si>
  <si>
    <t>1020.1001586914062</t>
  </si>
  <si>
    <t>-0.0032100345751704396</t>
  </si>
  <si>
    <t>52001</t>
  </si>
  <si>
    <t>1198.699951171875</t>
  </si>
  <si>
    <t>-0.0225134525378774</t>
  </si>
  <si>
    <t>53044</t>
  </si>
  <si>
    <t>1221.400146484375</t>
  </si>
  <si>
    <t>0.019858808649601656</t>
  </si>
  <si>
    <t>51342</t>
  </si>
  <si>
    <t>1244.4000244140625</t>
  </si>
  <si>
    <t>-0.03261262715137825</t>
  </si>
  <si>
    <t>47471</t>
  </si>
  <si>
    <t>1118.7999267578125</t>
  </si>
  <si>
    <t>-0.07839013238625014</t>
  </si>
  <si>
    <t>47886</t>
  </si>
  <si>
    <t>984.0999145507812</t>
  </si>
  <si>
    <t>0.008704187844204014</t>
  </si>
  <si>
    <t>47738</t>
  </si>
  <si>
    <t>901.9000244140625</t>
  </si>
  <si>
    <t>-0.0030954596790842004</t>
  </si>
  <si>
    <t>48110</t>
  </si>
  <si>
    <t>1506.0</t>
  </si>
  <si>
    <t>0.007762329268519608</t>
  </si>
  <si>
    <t>48223</t>
  </si>
  <si>
    <t>1201.0999755859375</t>
  </si>
  <si>
    <t>0.0023460299550102093</t>
  </si>
  <si>
    <t>1118.9000244140625</t>
  </si>
  <si>
    <t>0.009658122415505233</t>
  </si>
  <si>
    <t>50768</t>
  </si>
  <si>
    <t>1240.60009765625</t>
  </si>
  <si>
    <t>0.04177202675896119</t>
  </si>
  <si>
    <t>51838</t>
  </si>
  <si>
    <t>0.02085723621202895</t>
  </si>
  <si>
    <t>52446</t>
  </si>
  <si>
    <t>1137.2000732421875</t>
  </si>
  <si>
    <t>0.011660597773538228</t>
  </si>
  <si>
    <t>50212</t>
  </si>
  <si>
    <t>997.7000122070312</t>
  </si>
  <si>
    <t>-0.04353002687044416</t>
  </si>
  <si>
    <t>1333.0</t>
  </si>
  <si>
    <t>-0.008098505554306357</t>
  </si>
  <si>
    <t>44902</t>
  </si>
  <si>
    <t>1353.0001220703125</t>
  </si>
  <si>
    <t>-0.103673199215633</t>
  </si>
  <si>
    <t>48803</t>
  </si>
  <si>
    <t>1023.1000366210938</t>
  </si>
  <si>
    <t>0.08330944919337924</t>
  </si>
  <si>
    <t>50930</t>
  </si>
  <si>
    <t>1101.9000244140625</t>
  </si>
  <si>
    <t>0.04266035451711048</t>
  </si>
  <si>
    <t>27531</t>
  </si>
  <si>
    <t>787.6000366210938</t>
  </si>
  <si>
    <t>191.19627380371094</t>
  </si>
  <si>
    <t>Monmouthshire and Newport</t>
  </si>
  <si>
    <t>724.6000366210938</t>
  </si>
  <si>
    <t>-0.014783100643592562</t>
  </si>
  <si>
    <t>27145</t>
  </si>
  <si>
    <t>1025.699951171875</t>
  </si>
  <si>
    <t>0.0006633254960206614</t>
  </si>
  <si>
    <t>27737</t>
  </si>
  <si>
    <t>974.4000244140625</t>
  </si>
  <si>
    <t>0.021574394600925473</t>
  </si>
  <si>
    <t>1092.199951171875</t>
  </si>
  <si>
    <t>0.034582719923539784</t>
  </si>
  <si>
    <t>0.021738114192174862</t>
  </si>
  <si>
    <t>30005</t>
  </si>
  <si>
    <t>0.02227593836742159</t>
  </si>
  <si>
    <t>898.7000122070312</t>
  </si>
  <si>
    <t>0.044806712863410425</t>
  </si>
  <si>
    <t>1070.9000244140625</t>
  </si>
  <si>
    <t>0.02997948759366942</t>
  </si>
  <si>
    <t>0.036856821815604235</t>
  </si>
  <si>
    <t>1195.2000732421875</t>
  </si>
  <si>
    <t>0.059563274999392846</t>
  </si>
  <si>
    <t>895.2000122070312</t>
  </si>
  <si>
    <t>0.006131467378914124</t>
  </si>
  <si>
    <t>35915</t>
  </si>
  <si>
    <t>1116.5999755859375</t>
  </si>
  <si>
    <t>0.002453236434297068</t>
  </si>
  <si>
    <t>37486</t>
  </si>
  <si>
    <t>0.04281249441002899</t>
  </si>
  <si>
    <t>814.10009765625</t>
  </si>
  <si>
    <t>0.022786997876471204</t>
  </si>
  <si>
    <t>38542</t>
  </si>
  <si>
    <t>740.0999755859375</t>
  </si>
  <si>
    <t>0.004994027962464287</t>
  </si>
  <si>
    <t>936.7000122070312</t>
  </si>
  <si>
    <t>0.017183260528511823</t>
  </si>
  <si>
    <t>39547</t>
  </si>
  <si>
    <t>10.649998664855957</t>
  </si>
  <si>
    <t>998.0000610351562</t>
  </si>
  <si>
    <t>0.008558021682221195</t>
  </si>
  <si>
    <t>-0.05493716966932283</t>
  </si>
  <si>
    <t>898.2000122070312</t>
  </si>
  <si>
    <t>-0.05827318243653323</t>
  </si>
  <si>
    <t>792.6000366210938</t>
  </si>
  <si>
    <t>0.020960193473570143</t>
  </si>
  <si>
    <t>36433</t>
  </si>
  <si>
    <t>716.2999877929688</t>
  </si>
  <si>
    <t>0.010235277987520774</t>
  </si>
  <si>
    <t>1183.0</t>
  </si>
  <si>
    <t>0.0074925152259108785</t>
  </si>
  <si>
    <t>35870</t>
  </si>
  <si>
    <t>994.7000122070312</t>
  </si>
  <si>
    <t>-0.023066181023416732</t>
  </si>
  <si>
    <t>-0.0032950799130411212</t>
  </si>
  <si>
    <t>36806</t>
  </si>
  <si>
    <t>982.0000610351562</t>
  </si>
  <si>
    <t>0.029054663731853836</t>
  </si>
  <si>
    <t>38064</t>
  </si>
  <si>
    <t>818.4000244140625</t>
  </si>
  <si>
    <t>0.0336080781975987</t>
  </si>
  <si>
    <t>38300</t>
  </si>
  <si>
    <t>899.9000244140625</t>
  </si>
  <si>
    <t>0.006180942625997332</t>
  </si>
  <si>
    <t>40555</t>
  </si>
  <si>
    <t>804.10009765625</t>
  </si>
  <si>
    <t>0.0572091813357094</t>
  </si>
  <si>
    <t>40559</t>
  </si>
  <si>
    <t>1057.699951171875</t>
  </si>
  <si>
    <t>9.862662433590685e-05</t>
  </si>
  <si>
    <t>35157</t>
  </si>
  <si>
    <t>1098.199951171875</t>
  </si>
  <si>
    <t>-0.14293395920206997</t>
  </si>
  <si>
    <t>38211</t>
  </si>
  <si>
    <t>794.800048828125</t>
  </si>
  <si>
    <t>0.08329968733115756</t>
  </si>
  <si>
    <t>0.042676284311280455</t>
  </si>
  <si>
    <t>1237</t>
  </si>
  <si>
    <t>19017</t>
  </si>
  <si>
    <t>136.29605102539062</t>
  </si>
  <si>
    <t>Newry, Mourne and Down</t>
  </si>
  <si>
    <t>1012.2000732421875</t>
  </si>
  <si>
    <t>-0.014833137353763348</t>
  </si>
  <si>
    <t>18750</t>
  </si>
  <si>
    <t>1157.0999755859375</t>
  </si>
  <si>
    <t>0.0006935738000439784</t>
  </si>
  <si>
    <t>19159</t>
  </si>
  <si>
    <t>1182.199951171875</t>
  </si>
  <si>
    <t>0.021578826697435716</t>
  </si>
  <si>
    <t>19833</t>
  </si>
  <si>
    <t>1164.9000244140625</t>
  </si>
  <si>
    <t>0.03457463790569548</t>
  </si>
  <si>
    <t>20269</t>
  </si>
  <si>
    <t>1038.2999267578125</t>
  </si>
  <si>
    <t>0.021745408236277797</t>
  </si>
  <si>
    <t>973.199951171875</t>
  </si>
  <si>
    <t>0.02229632550619698</t>
  </si>
  <si>
    <t>21676</t>
  </si>
  <si>
    <t>1183.7000732421875</t>
  </si>
  <si>
    <t>0.04481670694184281</t>
  </si>
  <si>
    <t>1265.5001220703125</t>
  </si>
  <si>
    <t>0.029949297100214878</t>
  </si>
  <si>
    <t>1113.800048828125</t>
  </si>
  <si>
    <t>0.04234132330153706</t>
  </si>
  <si>
    <t>25016</t>
  </si>
  <si>
    <t>1250.0001220703125</t>
  </si>
  <si>
    <t>0.07101934204992055</t>
  </si>
  <si>
    <t>1013.0999145507812</t>
  </si>
  <si>
    <t>0.023350131452756884</t>
  </si>
  <si>
    <t>1358.0999755859375</t>
  </si>
  <si>
    <t>-0.0013286441970166152</t>
  </si>
  <si>
    <t>26527</t>
  </si>
  <si>
    <t>985.5999145507812</t>
  </si>
  <si>
    <t>0.036625974811791195</t>
  </si>
  <si>
    <t>26810</t>
  </si>
  <si>
    <t>1017.2000122070312</t>
  </si>
  <si>
    <t>0.010611870024796133</t>
  </si>
  <si>
    <t>932.6000366210938</t>
  </si>
  <si>
    <t>0.02268005391342598</t>
  </si>
  <si>
    <t>1172.0999755859375</t>
  </si>
  <si>
    <t>0.01871171484547851</t>
  </si>
  <si>
    <t>1103.699951171875</t>
  </si>
  <si>
    <t>-0.0077239880335220334</t>
  </si>
  <si>
    <t>1194.5999755859375</t>
  </si>
  <si>
    <t>-0.021544622627660104</t>
  </si>
  <si>
    <t>1158.9000244140625</t>
  </si>
  <si>
    <t>-0.08018397620374884</t>
  </si>
  <si>
    <t>24829</t>
  </si>
  <si>
    <t>994.0000610351562</t>
  </si>
  <si>
    <t>-0.008701809295043716</t>
  </si>
  <si>
    <t>25544</t>
  </si>
  <si>
    <t>1140.900146484375</t>
  </si>
  <si>
    <t>0.028390130565682625</t>
  </si>
  <si>
    <t>26005</t>
  </si>
  <si>
    <t>1222.900146484375</t>
  </si>
  <si>
    <t>0.017886371812554813</t>
  </si>
  <si>
    <t>26437</t>
  </si>
  <si>
    <t>0.01647571687306737</t>
  </si>
  <si>
    <t>27440</t>
  </si>
  <si>
    <t>1236.0999755859375</t>
  </si>
  <si>
    <t>0.03723725875958195</t>
  </si>
  <si>
    <t>27679</t>
  </si>
  <si>
    <t>0.008672200071552894</t>
  </si>
  <si>
    <t>28542</t>
  </si>
  <si>
    <t>1009.5</t>
  </si>
  <si>
    <t>0.030702683748961235</t>
  </si>
  <si>
    <t>28947</t>
  </si>
  <si>
    <t>1239.7000732421875</t>
  </si>
  <si>
    <t>0.014089885028157667</t>
  </si>
  <si>
    <t>29190</t>
  </si>
  <si>
    <t>1042.89990234375</t>
  </si>
  <si>
    <t>0.00835961315966749</t>
  </si>
  <si>
    <t>30151</t>
  </si>
  <si>
    <t>1264.7000732421875</t>
  </si>
  <si>
    <t>0.032391905252994846</t>
  </si>
  <si>
    <t>27442</t>
  </si>
  <si>
    <t>1364.0</t>
  </si>
  <si>
    <t>-0.09414340362003593</t>
  </si>
  <si>
    <t>998.5</t>
  </si>
  <si>
    <t>0.08330580984160818</t>
  </si>
  <si>
    <t>31126</t>
  </si>
  <si>
    <t>0.042662986442227435</t>
  </si>
  <si>
    <t>1238</t>
  </si>
  <si>
    <t>638.9000244140625</t>
  </si>
  <si>
    <t>228.82713317871094</t>
  </si>
  <si>
    <t>North Hampshire</t>
  </si>
  <si>
    <t>42205</t>
  </si>
  <si>
    <t>-0.014816827980324021</t>
  </si>
  <si>
    <t>42234</t>
  </si>
  <si>
    <t>907.699951171875</t>
  </si>
  <si>
    <t>0.0006868864183662282</t>
  </si>
  <si>
    <t>43155</t>
  </si>
  <si>
    <t>947.6000366210938</t>
  </si>
  <si>
    <t>0.021572701817570206</t>
  </si>
  <si>
    <t>0.034593391239745586</t>
  </si>
  <si>
    <t>45656</t>
  </si>
  <si>
    <t>0.02174335632304114</t>
  </si>
  <si>
    <t>602.7999877929688</t>
  </si>
  <si>
    <t>0.022245039471075145</t>
  </si>
  <si>
    <t>48823</t>
  </si>
  <si>
    <t>829.4000244140625</t>
  </si>
  <si>
    <t>0.04482144059666204</t>
  </si>
  <si>
    <t>50309</t>
  </si>
  <si>
    <t>0.029982474239474755</t>
  </si>
  <si>
    <t>50608</t>
  </si>
  <si>
    <t>781.6000366210938</t>
  </si>
  <si>
    <t>0.0059256790216739574</t>
  </si>
  <si>
    <t>54062</t>
  </si>
  <si>
    <t>0.06602186953112366</t>
  </si>
  <si>
    <t>56269</t>
  </si>
  <si>
    <t>0.04001222573382002</t>
  </si>
  <si>
    <t>58310</t>
  </si>
  <si>
    <t>955.9000244140625</t>
  </si>
  <si>
    <t>0.035629843405828865</t>
  </si>
  <si>
    <t>58302</t>
  </si>
  <si>
    <t>667.2000122070312</t>
  </si>
  <si>
    <t>-0.00013720714870757433</t>
  </si>
  <si>
    <t>59394</t>
  </si>
  <si>
    <t>0.018556813080367718</t>
  </si>
  <si>
    <t>60279</t>
  </si>
  <si>
    <t>665.3999633789062</t>
  </si>
  <si>
    <t>0.014790573204800594</t>
  </si>
  <si>
    <t>59672</t>
  </si>
  <si>
    <t>829.0000610351562</t>
  </si>
  <si>
    <t>-0.010120885717663342</t>
  </si>
  <si>
    <t>904.7000122070312</t>
  </si>
  <si>
    <t>0.027846365424716524</t>
  </si>
  <si>
    <t>61150</t>
  </si>
  <si>
    <t>874.9000244140625</t>
  </si>
  <si>
    <t>-0.0033794019443984524</t>
  </si>
  <si>
    <t>59020</t>
  </si>
  <si>
    <t>784.1000366210938</t>
  </si>
  <si>
    <t>-0.03545349261838737</t>
  </si>
  <si>
    <t>60556</t>
  </si>
  <si>
    <t>703.5999755859375</t>
  </si>
  <si>
    <t>0.02569218723483857</t>
  </si>
  <si>
    <t>60424</t>
  </si>
  <si>
    <t>-0.0021821797384848907</t>
  </si>
  <si>
    <t>60081</t>
  </si>
  <si>
    <t>1081.199951171875</t>
  </si>
  <si>
    <t>-0.005692725219750727</t>
  </si>
  <si>
    <t>61457</t>
  </si>
  <si>
    <t>885.4000854492188</t>
  </si>
  <si>
    <t>0.022644091483986273</t>
  </si>
  <si>
    <t>910.800048828125</t>
  </si>
  <si>
    <t>-0.014769186525750655</t>
  </si>
  <si>
    <t>60531</t>
  </si>
  <si>
    <t>-0.0004129262489822594</t>
  </si>
  <si>
    <t>61474</t>
  </si>
  <si>
    <t>772.7999267578125</t>
  </si>
  <si>
    <t>0.015458690694188704</t>
  </si>
  <si>
    <t>62938</t>
  </si>
  <si>
    <t>0.023535793641661584</t>
  </si>
  <si>
    <t>65739</t>
  </si>
  <si>
    <t>0.04354224184487521</t>
  </si>
  <si>
    <t>70135</t>
  </si>
  <si>
    <t>944.1000366210938</t>
  </si>
  <si>
    <t>0.06472959949025991</t>
  </si>
  <si>
    <t>64019</t>
  </si>
  <si>
    <t>968.0</t>
  </si>
  <si>
    <t>-0.09124204187062723</t>
  </si>
  <si>
    <t>69580</t>
  </si>
  <si>
    <t>0.08329725542278865</t>
  </si>
  <si>
    <t>72612</t>
  </si>
  <si>
    <t>782.2000732421875</t>
  </si>
  <si>
    <t>0.042653027704387725</t>
  </si>
  <si>
    <t>23907</t>
  </si>
  <si>
    <t>7.924999713897705</t>
  </si>
  <si>
    <t>1127.4000244140625</t>
  </si>
  <si>
    <t>247.1732635498047</t>
  </si>
  <si>
    <t>North Lanarkshire</t>
  </si>
  <si>
    <t>962.9000244140625</t>
  </si>
  <si>
    <t>-0.01479073800139652</t>
  </si>
  <si>
    <t>23572</t>
  </si>
  <si>
    <t>1266.5999755859375</t>
  </si>
  <si>
    <t>0.0006790018933422459</t>
  </si>
  <si>
    <t>24086</t>
  </si>
  <si>
    <t>1190.7999267578125</t>
  </si>
  <si>
    <t>0.021571191862621575</t>
  </si>
  <si>
    <t>7.633333683013916</t>
  </si>
  <si>
    <t>1085.1002197265625</t>
  </si>
  <si>
    <t>0.03456146840071028</t>
  </si>
  <si>
    <t>1010.699951171875</t>
  </si>
  <si>
    <t>0.021780093320190375</t>
  </si>
  <si>
    <t>26055</t>
  </si>
  <si>
    <t>7.216667175292969</t>
  </si>
  <si>
    <t>0.022237367801988484</t>
  </si>
  <si>
    <t>0.04480713482700871</t>
  </si>
  <si>
    <t>28079</t>
  </si>
  <si>
    <t>1311.7999267578125</t>
  </si>
  <si>
    <t>0.030005142799669926</t>
  </si>
  <si>
    <t>1029.5999755859375</t>
  </si>
  <si>
    <t>0.001387974669858849</t>
  </si>
  <si>
    <t>28983</t>
  </si>
  <si>
    <t>1233.0</t>
  </si>
  <si>
    <t>0.03029951054576685</t>
  </si>
  <si>
    <t>1061.10009765625</t>
  </si>
  <si>
    <t>0.04093377794206354</t>
  </si>
  <si>
    <t>1381.099853515625</t>
  </si>
  <si>
    <t>0.012997238061217331</t>
  </si>
  <si>
    <t>917.5999755859375</t>
  </si>
  <si>
    <t>0.026963287269548886</t>
  </si>
  <si>
    <t>1164.2000732421875</t>
  </si>
  <si>
    <t>0.0277111231037388</t>
  </si>
  <si>
    <t>0.025908818149229518</t>
  </si>
  <si>
    <t>33818</t>
  </si>
  <si>
    <t>1195.0</t>
  </si>
  <si>
    <t>0.01976950938695765</t>
  </si>
  <si>
    <t>1165.5999755859375</t>
  </si>
  <si>
    <t>-0.014055379977969906</t>
  </si>
  <si>
    <t>34053</t>
  </si>
  <si>
    <t>1163.7999267578125</t>
  </si>
  <si>
    <t>0.020980309303045175</t>
  </si>
  <si>
    <t>1246.199951171875</t>
  </si>
  <si>
    <t>-0.0652180851852151</t>
  </si>
  <si>
    <t>1047.199951171875</t>
  </si>
  <si>
    <t>-0.0027307413507084988</t>
  </si>
  <si>
    <t>32100</t>
  </si>
  <si>
    <t>0.008886722230581512</t>
  </si>
  <si>
    <t>32282</t>
  </si>
  <si>
    <t>1282.9998779296875</t>
  </si>
  <si>
    <t>0.005653769215117066</t>
  </si>
  <si>
    <t>1102.2000732421875</t>
  </si>
  <si>
    <t>0.01634545424160372</t>
  </si>
  <si>
    <t>1248.9000244140625</t>
  </si>
  <si>
    <t>0.08275363097690125</t>
  </si>
  <si>
    <t>35663</t>
  </si>
  <si>
    <t>1273.0</t>
  </si>
  <si>
    <t>0.000504852201219208</t>
  </si>
  <si>
    <t>956.5999755859375</t>
  </si>
  <si>
    <t>0.0050903505340240685</t>
  </si>
  <si>
    <t>1167.0</t>
  </si>
  <si>
    <t>0.04777336699265966</t>
  </si>
  <si>
    <t>37992</t>
  </si>
  <si>
    <t>949.8001098632812</t>
  </si>
  <si>
    <t>0.010398156949325</t>
  </si>
  <si>
    <t>1260.599853515625</t>
  </si>
  <si>
    <t>0.014943587555313442</t>
  </si>
  <si>
    <t>1299.300048828125</t>
  </si>
  <si>
    <t>-0.10077837565567371</t>
  </si>
  <si>
    <t>37895</t>
  </si>
  <si>
    <t>0.0832783541175317</t>
  </si>
  <si>
    <t>0.04267066072246983</t>
  </si>
  <si>
    <t>26896</t>
  </si>
  <si>
    <t>455.79998779296875</t>
  </si>
  <si>
    <t>406.23822021484375</t>
  </si>
  <si>
    <t>North Northamptonshire</t>
  </si>
  <si>
    <t>519.5999755859375</t>
  </si>
  <si>
    <t>-0.014832843674083662</t>
  </si>
  <si>
    <t>798.5999755859375</t>
  </si>
  <si>
    <t>0.0006790147003510327</t>
  </si>
  <si>
    <t>710.0000610351562</t>
  </si>
  <si>
    <t>0.021599272958296112</t>
  </si>
  <si>
    <t>28050</t>
  </si>
  <si>
    <t>0.03456561131788227</t>
  </si>
  <si>
    <t>28667</t>
  </si>
  <si>
    <t>0.021758003456065822</t>
  </si>
  <si>
    <t>29312</t>
  </si>
  <si>
    <t>414.8999938964844</t>
  </si>
  <si>
    <t>0.02225035306694778</t>
  </si>
  <si>
    <t>0.04483141329673046</t>
  </si>
  <si>
    <t>0.029980556937283964</t>
  </si>
  <si>
    <t>622.8999633789062</t>
  </si>
  <si>
    <t>0.008730651942583378</t>
  </si>
  <si>
    <t>839.6000366210938</t>
  </si>
  <si>
    <t>0.02830946858840022</t>
  </si>
  <si>
    <t>679.5</t>
  </si>
  <si>
    <t>-0.005199424485615722</t>
  </si>
  <si>
    <t>742.9000244140625</t>
  </si>
  <si>
    <t>-0.019413877013057856</t>
  </si>
  <si>
    <t>0.028115292074655684</t>
  </si>
  <si>
    <t>33143</t>
  </si>
  <si>
    <t>614.0999755859375</t>
  </si>
  <si>
    <t>0.007480463113834546</t>
  </si>
  <si>
    <t>-0.0037786656408584918</t>
  </si>
  <si>
    <t>0.007392800828030843</t>
  </si>
  <si>
    <t>33628</t>
  </si>
  <si>
    <t>0.010913385139343035</t>
  </si>
  <si>
    <t>9.79999828338623</t>
  </si>
  <si>
    <t>701.300048828125</t>
  </si>
  <si>
    <t>-0.01070296324266451</t>
  </si>
  <si>
    <t>30691</t>
  </si>
  <si>
    <t>614.2000122070312</t>
  </si>
  <si>
    <t>-0.08068663802603204</t>
  </si>
  <si>
    <t>31935</t>
  </si>
  <si>
    <t>0.039733135009198506</t>
  </si>
  <si>
    <t>30997</t>
  </si>
  <si>
    <t>477.8000183105469</t>
  </si>
  <si>
    <t>-0.029812161404878523</t>
  </si>
  <si>
    <t>31731</t>
  </si>
  <si>
    <t>824.7999267578125</t>
  </si>
  <si>
    <t>0.02340369540535292</t>
  </si>
  <si>
    <t>648.2000122070312</t>
  </si>
  <si>
    <t>0.007441281452116755</t>
  </si>
  <si>
    <t>0.022303227407464377</t>
  </si>
  <si>
    <t>659.0000610351562</t>
  </si>
  <si>
    <t>0.011587897120094226</t>
  </si>
  <si>
    <t>6.0475945710791734e-05</t>
  </si>
  <si>
    <t>33057</t>
  </si>
  <si>
    <t>-0.00045365876566272334</t>
  </si>
  <si>
    <t>579.7000732421875</t>
  </si>
  <si>
    <t>0.020006057920069154</t>
  </si>
  <si>
    <t>710.7000122070312</t>
  </si>
  <si>
    <t>-0.005560277768900335</t>
  </si>
  <si>
    <t>-0.10377815827773063</t>
  </si>
  <si>
    <t>0.08329428043695764</t>
  </si>
  <si>
    <t>0.04265851999068282</t>
  </si>
  <si>
    <t>157.53810119628906</t>
  </si>
  <si>
    <t>North Nottinghamshire</t>
  </si>
  <si>
    <t>24395</t>
  </si>
  <si>
    <t>473.8000183105469</t>
  </si>
  <si>
    <t>-0.014810866010856572</t>
  </si>
  <si>
    <t>689.6000366210938</t>
  </si>
  <si>
    <t>0.0006966214144483729</t>
  </si>
  <si>
    <t>24944</t>
  </si>
  <si>
    <t>0.021558497633172635</t>
  </si>
  <si>
    <t>25822</t>
  </si>
  <si>
    <t>0.03459352943710492</t>
  </si>
  <si>
    <t>417.6999816894531</t>
  </si>
  <si>
    <t>0.021758308762706235</t>
  </si>
  <si>
    <t>466.300048828125</t>
  </si>
  <si>
    <t>0.02225894724411681</t>
  </si>
  <si>
    <t>28221</t>
  </si>
  <si>
    <t>640.9000244140625</t>
  </si>
  <si>
    <t>0.04482228389857568</t>
  </si>
  <si>
    <t>29080</t>
  </si>
  <si>
    <t>706.300048828125</t>
  </si>
  <si>
    <t>0.029984271007393204</t>
  </si>
  <si>
    <t>634.0</t>
  </si>
  <si>
    <t>0.02267763390545774</t>
  </si>
  <si>
    <t>858.0</t>
  </si>
  <si>
    <t>0.011132212510863937</t>
  </si>
  <si>
    <t>631.300048828125</t>
  </si>
  <si>
    <t>0.006263587397036474</t>
  </si>
  <si>
    <t>0.014008266465975083</t>
  </si>
  <si>
    <t>540.9000244140625</t>
  </si>
  <si>
    <t>0.00597637221192393</t>
  </si>
  <si>
    <t>31358</t>
  </si>
  <si>
    <t>0.015360692781683838</t>
  </si>
  <si>
    <t>558.9000854492188</t>
  </si>
  <si>
    <t>0.013210399137259188</t>
  </si>
  <si>
    <t>31953</t>
  </si>
  <si>
    <t>652.0</t>
  </si>
  <si>
    <t>0.0055862560536201755</t>
  </si>
  <si>
    <t>32072</t>
  </si>
  <si>
    <t>0.0037173022110668086</t>
  </si>
  <si>
    <t>697.7999877929688</t>
  </si>
  <si>
    <t>-0.018885113693501765</t>
  </si>
  <si>
    <t>632.2000122070312</t>
  </si>
  <si>
    <t>-0.061492833504015465</t>
  </si>
  <si>
    <t>30226</t>
  </si>
  <si>
    <t>550.9000244140625</t>
  </si>
  <si>
    <t>0.02109705300524034</t>
  </si>
  <si>
    <t>30556</t>
  </si>
  <si>
    <t>475.40008544921875</t>
  </si>
  <si>
    <t>0.010858584531185045</t>
  </si>
  <si>
    <t>873.2999267578125</t>
  </si>
  <si>
    <t>0.014490652853989872</t>
  </si>
  <si>
    <t>31072</t>
  </si>
  <si>
    <t>0.0022553735758119586</t>
  </si>
  <si>
    <t>655.199951171875</t>
  </si>
  <si>
    <t>-0.001868376666957161</t>
  </si>
  <si>
    <t>31685</t>
  </si>
  <si>
    <t>656.6000366210938</t>
  </si>
  <si>
    <t>0.021404667333522198</t>
  </si>
  <si>
    <t>0.0032140183956475</t>
  </si>
  <si>
    <t>616.7000122070312</t>
  </si>
  <si>
    <t>0.003172362299311615</t>
  </si>
  <si>
    <t>32271</t>
  </si>
  <si>
    <t>550.0</t>
  </si>
  <si>
    <t>0.011939230647538324</t>
  </si>
  <si>
    <t>32853</t>
  </si>
  <si>
    <t>744.7000732421875</t>
  </si>
  <si>
    <t>0.017874070843754808</t>
  </si>
  <si>
    <t>29735</t>
  </si>
  <si>
    <t>734.800048828125</t>
  </si>
  <si>
    <t>-0.09971826180317578</t>
  </si>
  <si>
    <t>32318</t>
  </si>
  <si>
    <t>10.44999885559082</t>
  </si>
  <si>
    <t>0.08329954739149947</t>
  </si>
  <si>
    <t>33727</t>
  </si>
  <si>
    <t>602.0</t>
  </si>
  <si>
    <t>0.04267435297294497</t>
  </si>
  <si>
    <t>27580</t>
  </si>
  <si>
    <t>8.903594017028809</t>
  </si>
  <si>
    <t>756.3848876953125</t>
  </si>
  <si>
    <t>191.2517547607422</t>
  </si>
  <si>
    <t>North Yorkshire CC</t>
  </si>
  <si>
    <t>27175</t>
  </si>
  <si>
    <t>8.460213661193848</t>
  </si>
  <si>
    <t>663.987548828125</t>
  </si>
  <si>
    <t>-0.014793439357882576</t>
  </si>
  <si>
    <t>8.556520462036133</t>
  </si>
  <si>
    <t>925.0258178710938</t>
  </si>
  <si>
    <t>0.0006621542325504493</t>
  </si>
  <si>
    <t>27786</t>
  </si>
  <si>
    <t>8.009970664978027</t>
  </si>
  <si>
    <t>956.4981079101562</t>
  </si>
  <si>
    <t>0.0215727094868452</t>
  </si>
  <si>
    <t>8.547036170959473</t>
  </si>
  <si>
    <t>949.6749267578125</t>
  </si>
  <si>
    <t>0.034592308513579084</t>
  </si>
  <si>
    <t>29396</t>
  </si>
  <si>
    <t>8.998208045959473</t>
  </si>
  <si>
    <t>676.56884765625</t>
  </si>
  <si>
    <t>0.021734005426376157</t>
  </si>
  <si>
    <t>30058</t>
  </si>
  <si>
    <t>7.916026592254639</t>
  </si>
  <si>
    <t>715.0399780273438</t>
  </si>
  <si>
    <t>0.022270237845278373</t>
  </si>
  <si>
    <t>9.293304443359375</t>
  </si>
  <si>
    <t>928.5863037109375</t>
  </si>
  <si>
    <t>0.044824884492026484</t>
  </si>
  <si>
    <t>8.866589546203613</t>
  </si>
  <si>
    <t>992.4998779296875</t>
  </si>
  <si>
    <t>0.02998861706960909</t>
  </si>
  <si>
    <t>32718</t>
  </si>
  <si>
    <t>9.037209510803223</t>
  </si>
  <si>
    <t>902.676025390625</t>
  </si>
  <si>
    <t>0.009983035098441562</t>
  </si>
  <si>
    <t>8.618545532226562</t>
  </si>
  <si>
    <t>1175.86767578125</t>
  </si>
  <si>
    <t>0.0343089915330097</t>
  </si>
  <si>
    <t>34731</t>
  </si>
  <si>
    <t>8.723750114440918</t>
  </si>
  <si>
    <t>872.0439453125</t>
  </si>
  <si>
    <t>0.025398283186710557</t>
  </si>
  <si>
    <t>9.019804000854492</t>
  </si>
  <si>
    <t>1103.7957763671875</t>
  </si>
  <si>
    <t>0.051677603359419066</t>
  </si>
  <si>
    <t>9.263401985168457</t>
  </si>
  <si>
    <t>795.13525390625</t>
  </si>
  <si>
    <t>0.024390464837821924</t>
  </si>
  <si>
    <t>37868</t>
  </si>
  <si>
    <t>9.218330383300781</t>
  </si>
  <si>
    <t>868.4028930664062</t>
  </si>
  <si>
    <t>0.010405700177702926</t>
  </si>
  <si>
    <t>9.100054740905762</t>
  </si>
  <si>
    <t>812.697265625</t>
  </si>
  <si>
    <t>0.0034270984957043282</t>
  </si>
  <si>
    <t>38554</t>
  </si>
  <si>
    <t>9.447264671325684</t>
  </si>
  <si>
    <t>955.5338134765625</t>
  </si>
  <si>
    <t>0.014526329213051525</t>
  </si>
  <si>
    <t>39434</t>
  </si>
  <si>
    <t>9.294024467468262</t>
  </si>
  <si>
    <t>1019.9191284179688</t>
  </si>
  <si>
    <t>0.02256853236867684</t>
  </si>
  <si>
    <t>8.724139213562012</t>
  </si>
  <si>
    <t>1003.42431640625</t>
  </si>
  <si>
    <t>-0.019202310489360386</t>
  </si>
  <si>
    <t>36426</t>
  </si>
  <si>
    <t>8.869929313659668</t>
  </si>
  <si>
    <t>907.0823364257812</t>
  </si>
  <si>
    <t>-0.06014327247836526</t>
  </si>
  <si>
    <t>8.022429466247559</t>
  </si>
  <si>
    <t>793.95849609375</t>
  </si>
  <si>
    <t>-0.0046779205307547755</t>
  </si>
  <si>
    <t>9.297048568725586</t>
  </si>
  <si>
    <t>713.1326904296875</t>
  </si>
  <si>
    <t>0.021231524770028543</t>
  </si>
  <si>
    <t>36889</t>
  </si>
  <si>
    <t>8.477005958557129</t>
  </si>
  <si>
    <t>1194.7091064453125</t>
  </si>
  <si>
    <t>-0.003923005991699924</t>
  </si>
  <si>
    <t>37431</t>
  </si>
  <si>
    <t>8.652633666992188</t>
  </si>
  <si>
    <t>947.23974609375</t>
  </si>
  <si>
    <t>0.014585834473068715</t>
  </si>
  <si>
    <t>37653</t>
  </si>
  <si>
    <t>9.450709342956543</t>
  </si>
  <si>
    <t>907.30322265625</t>
  </si>
  <si>
    <t>0.0059133942494256075</t>
  </si>
  <si>
    <t>37989</t>
  </si>
  <si>
    <t>8.790947914123535</t>
  </si>
  <si>
    <t>987.7079467773438</t>
  </si>
  <si>
    <t>0.00888401179016185</t>
  </si>
  <si>
    <t>9.046276092529297</t>
  </si>
  <si>
    <t>862.662841796875</t>
  </si>
  <si>
    <t>0.02122668996245558</t>
  </si>
  <si>
    <t>9.228646278381348</t>
  </si>
  <si>
    <t>893.2251586914062</t>
  </si>
  <si>
    <t>0.040850857107541216</t>
  </si>
  <si>
    <t>9.038741111755371</t>
  </si>
  <si>
    <t>789.1956787109375</t>
  </si>
  <si>
    <t>-0.00839693901049543</t>
  </si>
  <si>
    <t>40657</t>
  </si>
  <si>
    <t>9.295523643493652</t>
  </si>
  <si>
    <t>1071.9229736328125</t>
  </si>
  <si>
    <t>0.014193770694738816</t>
  </si>
  <si>
    <t>8.937268257141113</t>
  </si>
  <si>
    <t>1074.290771484375</t>
  </si>
  <si>
    <t>-0.11539392982009744</t>
  </si>
  <si>
    <t>39373</t>
  </si>
  <si>
    <t>9.28971004486084</t>
  </si>
  <si>
    <t>777.317626953125</t>
  </si>
  <si>
    <t>0.08330320913423783</t>
  </si>
  <si>
    <t>41089</t>
  </si>
  <si>
    <t>9.665481567382812</t>
  </si>
  <si>
    <t>895.9507446289062</t>
  </si>
  <si>
    <t>0.04266014357260062</t>
  </si>
  <si>
    <t>1244</t>
  </si>
  <si>
    <t>560.4999389648438</t>
  </si>
  <si>
    <t>66.0402603149414</t>
  </si>
  <si>
    <t>North and West Norfolk</t>
  </si>
  <si>
    <t>22633</t>
  </si>
  <si>
    <t>505.10003662109375</t>
  </si>
  <si>
    <t>-0.014779998453418486</t>
  </si>
  <si>
    <t>22648</t>
  </si>
  <si>
    <t>0.0006625295620086291</t>
  </si>
  <si>
    <t>23142</t>
  </si>
  <si>
    <t>816.5000610351562</t>
  </si>
  <si>
    <t>0.021577600644548056</t>
  </si>
  <si>
    <t>23956</t>
  </si>
  <si>
    <t>0.03456966594806943</t>
  </si>
  <si>
    <t>24483</t>
  </si>
  <si>
    <t>503.29998779296875</t>
  </si>
  <si>
    <t>0.0217601847530009</t>
  </si>
  <si>
    <t>25034</t>
  </si>
  <si>
    <t>524.1000366210938</t>
  </si>
  <si>
    <t>0.02225590175061498</t>
  </si>
  <si>
    <t>0.04483725085207624</t>
  </si>
  <si>
    <t>791.1000366210938</t>
  </si>
  <si>
    <t>0.02994956728958087</t>
  </si>
  <si>
    <t>0.022576638738353694</t>
  </si>
  <si>
    <t>28755</t>
  </si>
  <si>
    <t>892.4000244140625</t>
  </si>
  <si>
    <t>0.041213307379875275</t>
  </si>
  <si>
    <t>0.015391290097459986</t>
  </si>
  <si>
    <t>29812</t>
  </si>
  <si>
    <t>847.0999755859375</t>
  </si>
  <si>
    <t>0.02070804175627039</t>
  </si>
  <si>
    <t>30377</t>
  </si>
  <si>
    <t>599.0999755859375</t>
  </si>
  <si>
    <t>0.018774746095068906</t>
  </si>
  <si>
    <t>29780</t>
  </si>
  <si>
    <t>-0.019848715858653776</t>
  </si>
  <si>
    <t>0.019453602093676636</t>
  </si>
  <si>
    <t>757.199951171875</t>
  </si>
  <si>
    <t>0.006499497669929966</t>
  </si>
  <si>
    <t>30484</t>
  </si>
  <si>
    <t>749.7000732421875</t>
  </si>
  <si>
    <t>-0.0025881712155975123</t>
  </si>
  <si>
    <t>724.5000610351562</t>
  </si>
  <si>
    <t>0.004614713061020126</t>
  </si>
  <si>
    <t>713.5999755859375</t>
  </si>
  <si>
    <t>-0.043308075457426654</t>
  </si>
  <si>
    <t>0.004151360256232195</t>
  </si>
  <si>
    <t>29628</t>
  </si>
  <si>
    <t>559.0999755859375</t>
  </si>
  <si>
    <t>0.006059906487346112</t>
  </si>
  <si>
    <t>832.0</t>
  </si>
  <si>
    <t>0.0136102131070448</t>
  </si>
  <si>
    <t>30105</t>
  </si>
  <si>
    <t>0.0023611976583222116</t>
  </si>
  <si>
    <t>30383</t>
  </si>
  <si>
    <t>0.009191970552928197</t>
  </si>
  <si>
    <t>30268</t>
  </si>
  <si>
    <t>-0.0037921926370643178</t>
  </si>
  <si>
    <t>30593</t>
  </si>
  <si>
    <t>681.6000366210938</t>
  </si>
  <si>
    <t>0.010680175786985657</t>
  </si>
  <si>
    <t>30742</t>
  </si>
  <si>
    <t>681.800048828125</t>
  </si>
  <si>
    <t>0.00485857318347982</t>
  </si>
  <si>
    <t>30297</t>
  </si>
  <si>
    <t>630.2999877929688</t>
  </si>
  <si>
    <t>-0.014581100090209631</t>
  </si>
  <si>
    <t>30714</t>
  </si>
  <si>
    <t>751.5999755859375</t>
  </si>
  <si>
    <t>0.01366987899097083</t>
  </si>
  <si>
    <t>756.0</t>
  </si>
  <si>
    <t>-0.10234797558731756</t>
  </si>
  <si>
    <t>30135</t>
  </si>
  <si>
    <t>618.2000122070312</t>
  </si>
  <si>
    <t>0.0833166858188239</t>
  </si>
  <si>
    <t>31448</t>
  </si>
  <si>
    <t>610.0</t>
  </si>
  <si>
    <t>0.04264810118455209</t>
  </si>
  <si>
    <t>8.952431678771973</t>
  </si>
  <si>
    <t>1396.5240478515625</t>
  </si>
  <si>
    <t>102.41983032226562</t>
  </si>
  <si>
    <t>Northern Ireland</t>
  </si>
  <si>
    <t>24417</t>
  </si>
  <si>
    <t>8.50202751159668</t>
  </si>
  <si>
    <t>1200.97265625</t>
  </si>
  <si>
    <t>-0.014797619498837733</t>
  </si>
  <si>
    <t>24433</t>
  </si>
  <si>
    <t>8.663409233093262</t>
  </si>
  <si>
    <t>1405.4569091796875</t>
  </si>
  <si>
    <t>0.0006550665536195766</t>
  </si>
  <si>
    <t>24966</t>
  </si>
  <si>
    <t>8.127432823181152</t>
  </si>
  <si>
    <t>1343.14697265625</t>
  </si>
  <si>
    <t>0.021580221662226506</t>
  </si>
  <si>
    <t>8.64674186706543</t>
  </si>
  <si>
    <t>1401.941650390625</t>
  </si>
  <si>
    <t>0.03460225941914352</t>
  </si>
  <si>
    <t>9.216861724853516</t>
  </si>
  <si>
    <t>1202.8143310546875</t>
  </si>
  <si>
    <t>0.021739154545661776</t>
  </si>
  <si>
    <t>8.049385070800781</t>
  </si>
  <si>
    <t>1109.6446533203125</t>
  </si>
  <si>
    <t>0.02223977846804992</t>
  </si>
  <si>
    <t>9.491862297058105</t>
  </si>
  <si>
    <t>1381.5438232421875</t>
  </si>
  <si>
    <t>0.0448203591155103</t>
  </si>
  <si>
    <t>9.072147369384766</t>
  </si>
  <si>
    <t>1471.0179443359375</t>
  </si>
  <si>
    <t>0.02999352994647353</t>
  </si>
  <si>
    <t>9.122147560119629</t>
  </si>
  <si>
    <t>1329.72021484375</t>
  </si>
  <si>
    <t>0.04330233801595185</t>
  </si>
  <si>
    <t>8.742266654968262</t>
  </si>
  <si>
    <t>1422.4674072265625</t>
  </si>
  <si>
    <t>0.05936773808312523</t>
  </si>
  <si>
    <t>33049</t>
  </si>
  <si>
    <t>8.890436172485352</t>
  </si>
  <si>
    <t>1146.8507080078125</t>
  </si>
  <si>
    <t>0.024411251831079284</t>
  </si>
  <si>
    <t>8.9729585647583</t>
  </si>
  <si>
    <t>1526.2508544921875</t>
  </si>
  <si>
    <t>0.00957607895930046</t>
  </si>
  <si>
    <t>9.215031623840332</t>
  </si>
  <si>
    <t>1160.620849609375</t>
  </si>
  <si>
    <t>0.04577867120558565</t>
  </si>
  <si>
    <t>35412</t>
  </si>
  <si>
    <t>9.145316123962402</t>
  </si>
  <si>
    <t>1237.179443359375</t>
  </si>
  <si>
    <t>0.013704686930061882</t>
  </si>
  <si>
    <t>8.96645736694336</t>
  </si>
  <si>
    <t>1124.209228515625</t>
  </si>
  <si>
    <t>0.024298566266919508</t>
  </si>
  <si>
    <t>37347</t>
  </si>
  <si>
    <t>9.341052055358887</t>
  </si>
  <si>
    <t>1422.1976318359375</t>
  </si>
  <si>
    <t>0.028903275052035937</t>
  </si>
  <si>
    <t>37308</t>
  </si>
  <si>
    <t>9.302433013916016</t>
  </si>
  <si>
    <t>1290.09375</t>
  </si>
  <si>
    <t>-0.001044806203141846</t>
  </si>
  <si>
    <t>8.552433013916016</t>
  </si>
  <si>
    <t>1427.33349609375</t>
  </si>
  <si>
    <t>-0.025821023210156113</t>
  </si>
  <si>
    <t>8.577432632446289</t>
  </si>
  <si>
    <t>1379.4180908203125</t>
  </si>
  <si>
    <t>-0.04428674606880989</t>
  </si>
  <si>
    <t>33800</t>
  </si>
  <si>
    <t>7.861171245574951</t>
  </si>
  <si>
    <t>1155.770751953125</t>
  </si>
  <si>
    <t>-0.02863920909667783</t>
  </si>
  <si>
    <t>33765</t>
  </si>
  <si>
    <t>1456.1376953125</t>
  </si>
  <si>
    <t>-0.0010360394621677926</t>
  </si>
  <si>
    <t>8.450196266174316</t>
  </si>
  <si>
    <t>1360.94873046875</t>
  </si>
  <si>
    <t>0.016099528085772974</t>
  </si>
  <si>
    <t>34248</t>
  </si>
  <si>
    <t>8.58922004699707</t>
  </si>
  <si>
    <t>1334.136962890625</t>
  </si>
  <si>
    <t>-0.001896122269933187</t>
  </si>
  <si>
    <t>34587</t>
  </si>
  <si>
    <t>9.217267990112305</t>
  </si>
  <si>
    <t>1466.2039794921875</t>
  </si>
  <si>
    <t>0.009849720076282154</t>
  </si>
  <si>
    <t>8.611982345581055</t>
  </si>
  <si>
    <t>1571.50927734375</t>
  </si>
  <si>
    <t>0.020971486816831586</t>
  </si>
  <si>
    <t>36167</t>
  </si>
  <si>
    <t>8.836576461791992</t>
  </si>
  <si>
    <t>1164.3447265625</t>
  </si>
  <si>
    <t>0.023697725124035784</t>
  </si>
  <si>
    <t>9.052838325500488</t>
  </si>
  <si>
    <t>1485.3892822265625</t>
  </si>
  <si>
    <t>0.017513774503209234</t>
  </si>
  <si>
    <t>8.828649520874023</t>
  </si>
  <si>
    <t>1206.5032958984375</t>
  </si>
  <si>
    <t>0.006337534414974755</t>
  </si>
  <si>
    <t>37710</t>
  </si>
  <si>
    <t>9.055480003356934</t>
  </si>
  <si>
    <t>1448.156494140625</t>
  </si>
  <si>
    <t>0.01792690149228804</t>
  </si>
  <si>
    <t>8.781291961669922</t>
  </si>
  <si>
    <t>1600.924560546875</t>
  </si>
  <si>
    <t>-0.07030069301359276</t>
  </si>
  <si>
    <t>38203</t>
  </si>
  <si>
    <t>9.206697463989258</t>
  </si>
  <si>
    <t>1184.366455078125</t>
  </si>
  <si>
    <t>0.08328942830363317</t>
  </si>
  <si>
    <t>9.469910621643066</t>
  </si>
  <si>
    <t>1386.2381591796875</t>
  </si>
  <si>
    <t>0.04265995054490368</t>
  </si>
  <si>
    <t>1246</t>
  </si>
  <si>
    <t>1201.900146484375</t>
  </si>
  <si>
    <t>62.72339630126953</t>
  </si>
  <si>
    <t>1036.800048828125</t>
  </si>
  <si>
    <t>1185.5001220703125</t>
  </si>
  <si>
    <t>1205.4000244140625</t>
  </si>
  <si>
    <t>1233.7000732421875</t>
  </si>
  <si>
    <t>1213.699951171875</t>
  </si>
  <si>
    <t>1280.5</t>
  </si>
  <si>
    <t>1136.2000732421875</t>
  </si>
  <si>
    <t>1379.800048828125</t>
  </si>
  <si>
    <t>1028.199951171875</t>
  </si>
  <si>
    <t>1073.2000732421875</t>
  </si>
  <si>
    <t>978.6998901367188</t>
  </si>
  <si>
    <t>1246.0</t>
  </si>
  <si>
    <t>1138.0</t>
  </si>
  <si>
    <t>1264.5</t>
  </si>
  <si>
    <t>7.941667556762695</t>
  </si>
  <si>
    <t>1227.800048828125</t>
  </si>
  <si>
    <t>1216.300048828125</t>
  </si>
  <si>
    <t>8.67500114440918</t>
  </si>
  <si>
    <t>1191.800048828125</t>
  </si>
  <si>
    <t>1281.5</t>
  </si>
  <si>
    <t>1362.0999755859375</t>
  </si>
  <si>
    <t>1024.60009765625</t>
  </si>
  <si>
    <t>1294.300048828125</t>
  </si>
  <si>
    <t>1058.0</t>
  </si>
  <si>
    <t>1410.5</t>
  </si>
  <si>
    <t>1044.9000244140625</t>
  </si>
  <si>
    <t>1178.8001708984375</t>
  </si>
  <si>
    <t>8.992181777954102</t>
  </si>
  <si>
    <t>1344.59228515625</t>
  </si>
  <si>
    <t>153.49839782714844</t>
  </si>
  <si>
    <t>8.741621971130371</t>
  </si>
  <si>
    <t>1138.5792236328125</t>
  </si>
  <si>
    <t>8.750618934631348</t>
  </si>
  <si>
    <t>1407.912841796875</t>
  </si>
  <si>
    <t>8.284053802490234</t>
  </si>
  <si>
    <t>1158.8489990234375</t>
  </si>
  <si>
    <t>8.71728515625</t>
  </si>
  <si>
    <t>1306.94580078125</t>
  </si>
  <si>
    <t>9.258849143981934</t>
  </si>
  <si>
    <t>1055.5186767578125</t>
  </si>
  <si>
    <t>8.194331169128418</t>
  </si>
  <si>
    <t>969.79638671875</t>
  </si>
  <si>
    <t>9.582110404968262</t>
  </si>
  <si>
    <t>1228.1514892578125</t>
  </si>
  <si>
    <t>9.204298973083496</t>
  </si>
  <si>
    <t>1442.585693359375</t>
  </si>
  <si>
    <t>9.309053421020508</t>
  </si>
  <si>
    <t>1303.300537109375</t>
  </si>
  <si>
    <t>8.907111167907715</t>
  </si>
  <si>
    <t>1268.080078125</t>
  </si>
  <si>
    <t>9.033950805664062</t>
  </si>
  <si>
    <t>1036.3905029296875</t>
  </si>
  <si>
    <t>9.133951187133789</t>
  </si>
  <si>
    <t>1307.519287109375</t>
  </si>
  <si>
    <t>9.419228553771973</t>
  </si>
  <si>
    <t>1001.0596313476562</t>
  </si>
  <si>
    <t>9.389678001403809</t>
  </si>
  <si>
    <t>1191.1923828125</t>
  </si>
  <si>
    <t>9.233287811279297</t>
  </si>
  <si>
    <t>1053.2265625</t>
  </si>
  <si>
    <t>9.585997581481934</t>
  </si>
  <si>
    <t>1299.12646484375</t>
  </si>
  <si>
    <t>9.53783893585205</t>
  </si>
  <si>
    <t>1173.276611328125</t>
  </si>
  <si>
    <t>8.844433784484863</t>
  </si>
  <si>
    <t>1301.350341796875</t>
  </si>
  <si>
    <t>8.887072563171387</t>
  </si>
  <si>
    <t>1287.70068359375</t>
  </si>
  <si>
    <t>8.152767181396484</t>
  </si>
  <si>
    <t>1040.4273681640625</t>
  </si>
  <si>
    <t>9.352560997009277</t>
  </si>
  <si>
    <t>1416.4984130859375</t>
  </si>
  <si>
    <t>8.692490577697754</t>
  </si>
  <si>
    <t>1227.277099609375</t>
  </si>
  <si>
    <t>8.78221321105957</t>
  </si>
  <si>
    <t>1218.021484375</t>
  </si>
  <si>
    <t>9.484158515930176</t>
  </si>
  <si>
    <t>1379.612548828125</t>
  </si>
  <si>
    <t>8.869331359863281</t>
  </si>
  <si>
    <t>1452.271728515625</t>
  </si>
  <si>
    <t>9.149086952209473</t>
  </si>
  <si>
    <t>1071.56494140625</t>
  </si>
  <si>
    <t>9.317490577697754</t>
  </si>
  <si>
    <t>1374.0758056640625</t>
  </si>
  <si>
    <t>9.122143745422363</t>
  </si>
  <si>
    <t>1094.951416015625</t>
  </si>
  <si>
    <t>9.387072563171387</t>
  </si>
  <si>
    <t>1320.57080078125</t>
  </si>
  <si>
    <t>9.044331550598145</t>
  </si>
  <si>
    <t>1445.642822265625</t>
  </si>
  <si>
    <t>9.493462562561035</t>
  </si>
  <si>
    <t>1086.1251220703125</t>
  </si>
  <si>
    <t>9.773115158081055</t>
  </si>
  <si>
    <t>1325.9014892578125</t>
  </si>
  <si>
    <t>1065.7000732421875</t>
  </si>
  <si>
    <t>153.2504119873047</t>
  </si>
  <si>
    <t>8.250000953674316</t>
  </si>
  <si>
    <t>1041.699951171875</t>
  </si>
  <si>
    <t>1044.60009765625</t>
  </si>
  <si>
    <t>1130.5</t>
  </si>
  <si>
    <t>1039.9000244140625</t>
  </si>
  <si>
    <t>1118.2000732421875</t>
  </si>
  <si>
    <t>887.5000610351562</t>
  </si>
  <si>
    <t>998.0999755859375</t>
  </si>
  <si>
    <t>1109.5</t>
  </si>
  <si>
    <t>1033.5001220703125</t>
  </si>
  <si>
    <t>1128.9000244140625</t>
  </si>
  <si>
    <t>8.899998664855957</t>
  </si>
  <si>
    <t>1105.9998779296875</t>
  </si>
  <si>
    <t>929.7999267578125</t>
  </si>
  <si>
    <t>1140.4000244140625</t>
  </si>
  <si>
    <t>1079.39990234375</t>
  </si>
  <si>
    <t>1143.7999267578125</t>
  </si>
  <si>
    <t>1223.300048828125</t>
  </si>
  <si>
    <t>906.6000366210938</t>
  </si>
  <si>
    <t>1172.7001953125</t>
  </si>
  <si>
    <t>932.2999877929688</t>
  </si>
  <si>
    <t>1136.9998779296875</t>
  </si>
  <si>
    <t>1250.7000732421875</t>
  </si>
  <si>
    <t>931.2000122070312</t>
  </si>
  <si>
    <t>1250</t>
  </si>
  <si>
    <t>631.8128051757812</t>
  </si>
  <si>
    <t>931.5999755859375</t>
  </si>
  <si>
    <t>1112.9000244140625</t>
  </si>
  <si>
    <t>1017.699951171875</t>
  </si>
  <si>
    <t>1105.0</t>
  </si>
  <si>
    <t>1041.3001708984375</t>
  </si>
  <si>
    <t>1172.699951171875</t>
  </si>
  <si>
    <t>1037.4000244140625</t>
  </si>
  <si>
    <t>1216.9000244140625</t>
  </si>
  <si>
    <t>935.199951171875</t>
  </si>
  <si>
    <t>1187.0001220703125</t>
  </si>
  <si>
    <t>967.7999877929688</t>
  </si>
  <si>
    <t>909.7000122070312</t>
  </si>
  <si>
    <t>1097.4000244140625</t>
  </si>
  <si>
    <t>1001.3999633789062</t>
  </si>
  <si>
    <t>1126.5001220703125</t>
  </si>
  <si>
    <t>1093.5</t>
  </si>
  <si>
    <t>896.800048828125</t>
  </si>
  <si>
    <t>1083.800048828125</t>
  </si>
  <si>
    <t>1139.10009765625</t>
  </si>
  <si>
    <t>1066.10009765625</t>
  </si>
  <si>
    <t>1119.699951171875</t>
  </si>
  <si>
    <t>1211.39990234375</t>
  </si>
  <si>
    <t>935.0001220703125</t>
  </si>
  <si>
    <t>1149.800048828125</t>
  </si>
  <si>
    <t>932.300048828125</t>
  </si>
  <si>
    <t>1249.9000244140625</t>
  </si>
  <si>
    <t>1065.199951171875</t>
  </si>
  <si>
    <t>1251</t>
  </si>
  <si>
    <t>1550.8001708984375</t>
  </si>
  <si>
    <t>27.986961364746094</t>
  </si>
  <si>
    <t>1333.900146484375</t>
  </si>
  <si>
    <t>8.783334732055664</t>
  </si>
  <si>
    <t>1613.2999267578125</t>
  </si>
  <si>
    <t>1393.0001220703125</t>
  </si>
  <si>
    <t>1563.699951171875</t>
  </si>
  <si>
    <t>1246.5001220703125</t>
  </si>
  <si>
    <t>1469.60009765625</t>
  </si>
  <si>
    <t>1663.5001220703125</t>
  </si>
  <si>
    <t>1468.900146484375</t>
  </si>
  <si>
    <t>1547.89990234375</t>
  </si>
  <si>
    <t>1222.2999267578125</t>
  </si>
  <si>
    <t>9.291667938232422</t>
  </si>
  <si>
    <t>1340.8001708984375</t>
  </si>
  <si>
    <t>1519.699951171875</t>
  </si>
  <si>
    <t>1372.9000244140625</t>
  </si>
  <si>
    <t>1481.2000732421875</t>
  </si>
  <si>
    <t>1440.099853515625</t>
  </si>
  <si>
    <t>7.966667175292969</t>
  </si>
  <si>
    <t>1224.9000244140625</t>
  </si>
  <si>
    <t>1428.9000244140625</t>
  </si>
  <si>
    <t>1439.2000732421875</t>
  </si>
  <si>
    <t>1579.5999755859375</t>
  </si>
  <si>
    <t>1716.89990234375</t>
  </si>
  <si>
    <t>1242.099853515625</t>
  </si>
  <si>
    <t>1612.7001953125</t>
  </si>
  <si>
    <t>1309.0</t>
  </si>
  <si>
    <t>1515.1002197265625</t>
  </si>
  <si>
    <t>1673.2999267578125</t>
  </si>
  <si>
    <t>1286.7999267578125</t>
  </si>
  <si>
    <t>1482.4000244140625</t>
  </si>
  <si>
    <t>20616</t>
  </si>
  <si>
    <t>9.010064125061035</t>
  </si>
  <si>
    <t>624.6455078125</t>
  </si>
  <si>
    <t>258.65679931640625</t>
  </si>
  <si>
    <t>Northumberland</t>
  </si>
  <si>
    <t>20313</t>
  </si>
  <si>
    <t>8.600738525390625</t>
  </si>
  <si>
    <t>581.9375</t>
  </si>
  <si>
    <t>-0.014806398178446756</t>
  </si>
  <si>
    <t>20327</t>
  </si>
  <si>
    <t>8.6978120803833</t>
  </si>
  <si>
    <t>756.0006713867188</t>
  </si>
  <si>
    <t>0.0006889764052075975</t>
  </si>
  <si>
    <t>20770</t>
  </si>
  <si>
    <t>8.125946998596191</t>
  </si>
  <si>
    <t>802.71533203125</t>
  </si>
  <si>
    <t>0.02155958631119681</t>
  </si>
  <si>
    <t>21501</t>
  </si>
  <si>
    <t>8.666542053222656</t>
  </si>
  <si>
    <t>695.2284545898438</t>
  </si>
  <si>
    <t>0.034589807791869376</t>
  </si>
  <si>
    <t>9.17674732208252</t>
  </si>
  <si>
    <t>610.8781127929688</t>
  </si>
  <si>
    <t>0.021714981235238184</t>
  </si>
  <si>
    <t>8.084856033325195</t>
  </si>
  <si>
    <t>601.3101196289062</t>
  </si>
  <si>
    <t>0.022277647755057473</t>
  </si>
  <si>
    <t>9.445748329162598</t>
  </si>
  <si>
    <t>776.603271484375</t>
  </si>
  <si>
    <t>0.04482323647519415</t>
  </si>
  <si>
    <t>9.016045570373535</t>
  </si>
  <si>
    <t>795.7861938476562</t>
  </si>
  <si>
    <t>0.029974367864964435</t>
  </si>
  <si>
    <t>24154</t>
  </si>
  <si>
    <t>9.176138877868652</t>
  </si>
  <si>
    <t>695.7369384765625</t>
  </si>
  <si>
    <t>-0.002439681157161644</t>
  </si>
  <si>
    <t>24563</t>
  </si>
  <si>
    <t>8.814574241638184</t>
  </si>
  <si>
    <t>908.8722534179688</t>
  </si>
  <si>
    <t>0.016791247803206844</t>
  </si>
  <si>
    <t>25156</t>
  </si>
  <si>
    <t>8.871533393859863</t>
  </si>
  <si>
    <t>725.08935546875</t>
  </si>
  <si>
    <t>0.02385519102486633</t>
  </si>
  <si>
    <t>26335</t>
  </si>
  <si>
    <t>9.146515846252441</t>
  </si>
  <si>
    <t>948.3875122070312</t>
  </si>
  <si>
    <t>0.0458024162540962</t>
  </si>
  <si>
    <t>26587</t>
  </si>
  <si>
    <t>9.426522254943848</t>
  </si>
  <si>
    <t>590.1148681640625</t>
  </si>
  <si>
    <t>0.009523521584362982</t>
  </si>
  <si>
    <t>27620</t>
  </si>
  <si>
    <t>9.371036529541016</t>
  </si>
  <si>
    <t>714.909423828125</t>
  </si>
  <si>
    <t>0.03811777346142975</t>
  </si>
  <si>
    <t>27910</t>
  </si>
  <si>
    <t>9.234280586242676</t>
  </si>
  <si>
    <t>674.5536499023438</t>
  </si>
  <si>
    <t>0.010444899567085386</t>
  </si>
  <si>
    <t>9.616333961486816</t>
  </si>
  <si>
    <t>720.6719970703125</t>
  </si>
  <si>
    <t>0.01574779713279817</t>
  </si>
  <si>
    <t>28316</t>
  </si>
  <si>
    <t>9.455552101135254</t>
  </si>
  <si>
    <t>854.111328125</t>
  </si>
  <si>
    <t>-0.001305828769085693</t>
  </si>
  <si>
    <t>8.92210865020752</t>
  </si>
  <si>
    <t>779.1194458007812</t>
  </si>
  <si>
    <t>-0.008226996756940608</t>
  </si>
  <si>
    <t>9.038485527038574</t>
  </si>
  <si>
    <t>814.8380126953125</t>
  </si>
  <si>
    <t>-0.05737627146247526</t>
  </si>
  <si>
    <t>27143</t>
  </si>
  <si>
    <t>8.181432723999023</t>
  </si>
  <si>
    <t>679.2462768554688</t>
  </si>
  <si>
    <t>0.023295438556688808</t>
  </si>
  <si>
    <t>9.414957046508789</t>
  </si>
  <si>
    <t>682.1902465820312</t>
  </si>
  <si>
    <t>-0.0008845970131954317</t>
  </si>
  <si>
    <t>8.635848045349121</t>
  </si>
  <si>
    <t>966.69189453125</t>
  </si>
  <si>
    <t>-0.004545882354861419</t>
  </si>
  <si>
    <t>26606</t>
  </si>
  <si>
    <t>8.799859046936035</t>
  </si>
  <si>
    <t>720.3540649414062</t>
  </si>
  <si>
    <t>-0.01455195261944553</t>
  </si>
  <si>
    <t>9.595540046691895</t>
  </si>
  <si>
    <t>743.6134033203125</t>
  </si>
  <si>
    <t>0.015255513034315271</t>
  </si>
  <si>
    <t>27260</t>
  </si>
  <si>
    <t>8.94005298614502</t>
  </si>
  <si>
    <t>844.62255859375</t>
  </si>
  <si>
    <t>0.009028158972357758</t>
  </si>
  <si>
    <t>27743</t>
  </si>
  <si>
    <t>9.197602272033691</t>
  </si>
  <si>
    <t>662.2454223632812</t>
  </si>
  <si>
    <t>0.017563129850852732</t>
  </si>
  <si>
    <t>9.367901802062988</t>
  </si>
  <si>
    <t>718.356689453125</t>
  </si>
  <si>
    <t>0.007218951385290495</t>
  </si>
  <si>
    <t>27987</t>
  </si>
  <si>
    <t>9.160943031311035</t>
  </si>
  <si>
    <t>619.1173095703125</t>
  </si>
  <si>
    <t>0.0015376091424030847</t>
  </si>
  <si>
    <t>28866</t>
  </si>
  <si>
    <t>9.464079856872559</t>
  </si>
  <si>
    <t>845.7100219726562</t>
  </si>
  <si>
    <t>0.030924315298438643</t>
  </si>
  <si>
    <t>25419</t>
  </si>
  <si>
    <t>9.115646362304688</t>
  </si>
  <si>
    <t>834.8516845703125</t>
  </si>
  <si>
    <t>-0.1271675060609354</t>
  </si>
  <si>
    <t>9.442900657653809</t>
  </si>
  <si>
    <t>652.2844848632812</t>
  </si>
  <si>
    <t>0.08329662952290207</t>
  </si>
  <si>
    <t>9.805649757385254</t>
  </si>
  <si>
    <t>724.2626953125</t>
  </si>
  <si>
    <t>0.042657641732301244</t>
  </si>
  <si>
    <t>1253</t>
  </si>
  <si>
    <t>25194</t>
  </si>
  <si>
    <t>535.0000610351562</t>
  </si>
  <si>
    <t>238.6258087158203</t>
  </si>
  <si>
    <t>Norwich and East Norfolk</t>
  </si>
  <si>
    <t>24824</t>
  </si>
  <si>
    <t>480.5999755859375</t>
  </si>
  <si>
    <t>-0.014794943784032455</t>
  </si>
  <si>
    <t>703.89990234375</t>
  </si>
  <si>
    <t>0.0006443299191989382</t>
  </si>
  <si>
    <t>25382</t>
  </si>
  <si>
    <t>777.9000854492188</t>
  </si>
  <si>
    <t>0.021585004322695056</t>
  </si>
  <si>
    <t>26275</t>
  </si>
  <si>
    <t>0.03457765537504187</t>
  </si>
  <si>
    <t>26853</t>
  </si>
  <si>
    <t>479.6000061035156</t>
  </si>
  <si>
    <t>0.02175962979389645</t>
  </si>
  <si>
    <t>496.6000061035156</t>
  </si>
  <si>
    <t>0.022280017918502537</t>
  </si>
  <si>
    <t>631.7000732421875</t>
  </si>
  <si>
    <t>0.04479689423882327</t>
  </si>
  <si>
    <t>753.5999755859375</t>
  </si>
  <si>
    <t>0.02998200769788184</t>
  </si>
  <si>
    <t>0.022588503852716713</t>
  </si>
  <si>
    <t>31885</t>
  </si>
  <si>
    <t>0.05211070950239893</t>
  </si>
  <si>
    <t>32700</t>
  </si>
  <si>
    <t>0.02523939813597309</t>
  </si>
  <si>
    <t>33371</t>
  </si>
  <si>
    <t>801.3999633789062</t>
  </si>
  <si>
    <t>0.020312181447332378</t>
  </si>
  <si>
    <t>34366</t>
  </si>
  <si>
    <t>0.029380444174012865</t>
  </si>
  <si>
    <t>628.3999633789062</t>
  </si>
  <si>
    <t>0.014214962574937928</t>
  </si>
  <si>
    <t>35519</t>
  </si>
  <si>
    <t>0.018785098475017747</t>
  </si>
  <si>
    <t>37251</t>
  </si>
  <si>
    <t>695.4000244140625</t>
  </si>
  <si>
    <t>0.04761102552830643</t>
  </si>
  <si>
    <t>707.10009765625</t>
  </si>
  <si>
    <t>0.006742139673720615</t>
  </si>
  <si>
    <t>682.7999877929688</t>
  </si>
  <si>
    <t>0.005663477826894692</t>
  </si>
  <si>
    <t>37252</t>
  </si>
  <si>
    <t>654.800048828125</t>
  </si>
  <si>
    <t>-0.012378772944018124</t>
  </si>
  <si>
    <t>677.9000244140625</t>
  </si>
  <si>
    <t>-0.0004027440347638134</t>
  </si>
  <si>
    <t>36762</t>
  </si>
  <si>
    <t>-0.01283818765307565</t>
  </si>
  <si>
    <t>787.4000244140625</t>
  </si>
  <si>
    <t>0.0281882558725588</t>
  </si>
  <si>
    <t>0.026514431284279993</t>
  </si>
  <si>
    <t>0.0010810811863724012</t>
  </si>
  <si>
    <t>38996</t>
  </si>
  <si>
    <t>0.0032106054522422767</t>
  </si>
  <si>
    <t>639.5999755859375</t>
  </si>
  <si>
    <t>-0.004832665824110904</t>
  </si>
  <si>
    <t>40782</t>
  </si>
  <si>
    <t>0.04961439664964118</t>
  </si>
  <si>
    <t>39080</t>
  </si>
  <si>
    <t>-0.04262998041797417</t>
  </si>
  <si>
    <t>42879</t>
  </si>
  <si>
    <t>704.5</t>
  </si>
  <si>
    <t>0.0927713684205056</t>
  </si>
  <si>
    <t>37096</t>
  </si>
  <si>
    <t>-0.14487304850592864</t>
  </si>
  <si>
    <t>40318</t>
  </si>
  <si>
    <t>583.0</t>
  </si>
  <si>
    <t>0.08328887226907256</t>
  </si>
  <si>
    <t>42075</t>
  </si>
  <si>
    <t>579.300048828125</t>
  </si>
  <si>
    <t>0.042655720718638435</t>
  </si>
  <si>
    <t>1256</t>
  </si>
  <si>
    <t>36464</t>
  </si>
  <si>
    <t>490.5</t>
  </si>
  <si>
    <t>236.69287109375</t>
  </si>
  <si>
    <t>Oxfordshire</t>
  </si>
  <si>
    <t>536.4000244140625</t>
  </si>
  <si>
    <t>-0.01480853671789184</t>
  </si>
  <si>
    <t>35952</t>
  </si>
  <si>
    <t>857.0999755859375</t>
  </si>
  <si>
    <t>0.0006677796575367267</t>
  </si>
  <si>
    <t>0.021599706137990893</t>
  </si>
  <si>
    <t>716.2000732421875</t>
  </si>
  <si>
    <t>0.03456460498324354</t>
  </si>
  <si>
    <t>38865</t>
  </si>
  <si>
    <t>0.02174507611797516</t>
  </si>
  <si>
    <t>39740</t>
  </si>
  <si>
    <t>440.2000427246094</t>
  </si>
  <si>
    <t>0.022264134441487116</t>
  </si>
  <si>
    <t>41562</t>
  </si>
  <si>
    <t>665.9000854492188</t>
  </si>
  <si>
    <t>0.044828051144852665</t>
  </si>
  <si>
    <t>42827</t>
  </si>
  <si>
    <t>0.02998245654410603</t>
  </si>
  <si>
    <t>43864</t>
  </si>
  <si>
    <t>0.02392519328911824</t>
  </si>
  <si>
    <t>45428</t>
  </si>
  <si>
    <t>908.9999389648438</t>
  </si>
  <si>
    <t>0.03503471692765281</t>
  </si>
  <si>
    <t>45911</t>
  </si>
  <si>
    <t>0.010576084741407143</t>
  </si>
  <si>
    <t>47478</t>
  </si>
  <si>
    <t>0.03356170608430453</t>
  </si>
  <si>
    <t>48438</t>
  </si>
  <si>
    <t>574.2000732421875</t>
  </si>
  <si>
    <t>0.02001818378582243</t>
  </si>
  <si>
    <t>47565</t>
  </si>
  <si>
    <t>630.89990234375</t>
  </si>
  <si>
    <t>-0.01818743298251313</t>
  </si>
  <si>
    <t>48013</t>
  </si>
  <si>
    <t>10.341665267944336</t>
  </si>
  <si>
    <t>577.7000732421875</t>
  </si>
  <si>
    <t>0.009374610914075987</t>
  </si>
  <si>
    <t>-0.004153323928830943</t>
  </si>
  <si>
    <t>48640</t>
  </si>
  <si>
    <t>0.017127754014245156</t>
  </si>
  <si>
    <t>49542</t>
  </si>
  <si>
    <t>754.6000366210938</t>
  </si>
  <si>
    <t>0.01837455700543522</t>
  </si>
  <si>
    <t>46766</t>
  </si>
  <si>
    <t>647.5</t>
  </si>
  <si>
    <t>-0.05766435149214466</t>
  </si>
  <si>
    <t>47798</t>
  </si>
  <si>
    <t>636.9000854492188</t>
  </si>
  <si>
    <t>0.021827354446665836</t>
  </si>
  <si>
    <t>513.0000610351562</t>
  </si>
  <si>
    <t>0.008126229786737937</t>
  </si>
  <si>
    <t>0.014585566139450279</t>
  </si>
  <si>
    <t>49548</t>
  </si>
  <si>
    <t>718.3999633789062</t>
  </si>
  <si>
    <t>0.013246303147896654</t>
  </si>
  <si>
    <t>51104</t>
  </si>
  <si>
    <t>746.7000732421875</t>
  </si>
  <si>
    <t>0.0309208753406498</t>
  </si>
  <si>
    <t>52126</t>
  </si>
  <si>
    <t>691.1000366210938</t>
  </si>
  <si>
    <t>0.019801092554617483</t>
  </si>
  <si>
    <t>50695</t>
  </si>
  <si>
    <t>-0.027836578182677485</t>
  </si>
  <si>
    <t>50789</t>
  </si>
  <si>
    <t>651.4000854492188</t>
  </si>
  <si>
    <t>0.00185250929964198</t>
  </si>
  <si>
    <t>51952</t>
  </si>
  <si>
    <t>626.1000366210938</t>
  </si>
  <si>
    <t>0.022640419656305255</t>
  </si>
  <si>
    <t>0.0368288152580547</t>
  </si>
  <si>
    <t>49437</t>
  </si>
  <si>
    <t>-0.08644989892184185</t>
  </si>
  <si>
    <t>53731</t>
  </si>
  <si>
    <t>606.9000244140625</t>
  </si>
  <si>
    <t>0.0832909844472347</t>
  </si>
  <si>
    <t>56073</t>
  </si>
  <si>
    <t>613.300048828125</t>
  </si>
  <si>
    <t>0.042664297108213844</t>
  </si>
  <si>
    <t>1257</t>
  </si>
  <si>
    <t>7.176729202270508</t>
  </si>
  <si>
    <t>1934.6617431640625</t>
  </si>
  <si>
    <t>19.204307556152344</t>
  </si>
  <si>
    <t>Perth &amp; Kinross and Stirling</t>
  </si>
  <si>
    <t>31136</t>
  </si>
  <si>
    <t>6.948770046234131</t>
  </si>
  <si>
    <t>1625.4208984375</t>
  </si>
  <si>
    <t>-0.014792414589271274</t>
  </si>
  <si>
    <t>6.89136266708374</t>
  </si>
  <si>
    <t>2138.016357421875</t>
  </si>
  <si>
    <t>6.366006851196289</t>
  </si>
  <si>
    <t>1668.0106201171875</t>
  </si>
  <si>
    <t>0.02155878585457316</t>
  </si>
  <si>
    <t>6.796737194061279</t>
  </si>
  <si>
    <t>1874.7208251953125</t>
  </si>
  <si>
    <t>0.034575613509739256</t>
  </si>
  <si>
    <t>33681</t>
  </si>
  <si>
    <t>7.247636795043945</t>
  </si>
  <si>
    <t>1587.21533203125</t>
  </si>
  <si>
    <t>0.02176054169140862</t>
  </si>
  <si>
    <t>34439</t>
  </si>
  <si>
    <t>6.432188510894775</t>
  </si>
  <si>
    <t>1380.9295654296875</t>
  </si>
  <si>
    <t>0.02225576298858023</t>
  </si>
  <si>
    <t>7.722636699676514</t>
  </si>
  <si>
    <t>1796.9713134765625</t>
  </si>
  <si>
    <t>0.044829170364430126</t>
  </si>
  <si>
    <t>37114</t>
  </si>
  <si>
    <t>7.265040874481201</t>
  </si>
  <si>
    <t>2007.901611328125</t>
  </si>
  <si>
    <t>0.029975443424385517</t>
  </si>
  <si>
    <t>7.40945291519165</t>
  </si>
  <si>
    <t>1785.9864501953125</t>
  </si>
  <si>
    <t>-0.020635004665622958</t>
  </si>
  <si>
    <t>36899</t>
  </si>
  <si>
    <t>7.07998514175415</t>
  </si>
  <si>
    <t>1826.9759521484375</t>
  </si>
  <si>
    <t>0.014825198151735108</t>
  </si>
  <si>
    <t>38003</t>
  </si>
  <si>
    <t>7.1052398681640625</t>
  </si>
  <si>
    <t>1554.7623291015625</t>
  </si>
  <si>
    <t>0.02948065357036711</t>
  </si>
  <si>
    <t>7.469820499420166</t>
  </si>
  <si>
    <t>1949.220703125</t>
  </si>
  <si>
    <t>0.031572709880020255</t>
  </si>
  <si>
    <t>7.770828723907471</t>
  </si>
  <si>
    <t>1351.91650390625</t>
  </si>
  <si>
    <t>0.04421229418949402</t>
  </si>
  <si>
    <t>41640</t>
  </si>
  <si>
    <t>7.654501438140869</t>
  </si>
  <si>
    <t>1716.4296875</t>
  </si>
  <si>
    <t>0.015611135698627265</t>
  </si>
  <si>
    <t>7.441531658172607</t>
  </si>
  <si>
    <t>1531.19384765625</t>
  </si>
  <si>
    <t>0.018417252670104745</t>
  </si>
  <si>
    <t>44495</t>
  </si>
  <si>
    <t>7.792929172515869</t>
  </si>
  <si>
    <t>1800.78857421875</t>
  </si>
  <si>
    <t>0.0478983268919535</t>
  </si>
  <si>
    <t>45284</t>
  </si>
  <si>
    <t>7.598517894744873</t>
  </si>
  <si>
    <t>1713.678466796875</t>
  </si>
  <si>
    <t>0.01757694590703629</t>
  </si>
  <si>
    <t>43719</t>
  </si>
  <si>
    <t>7.221226215362549</t>
  </si>
  <si>
    <t>1722.6998291015625</t>
  </si>
  <si>
    <t>-0.03517097899619337</t>
  </si>
  <si>
    <t>43357</t>
  </si>
  <si>
    <t>7.317302227020264</t>
  </si>
  <si>
    <t>1833.3375244140625</t>
  </si>
  <si>
    <t>-0.008314623673774335</t>
  </si>
  <si>
    <t>6.423330307006836</t>
  </si>
  <si>
    <t>1528.0701904296875</t>
  </si>
  <si>
    <t>-0.03800826489684006</t>
  </si>
  <si>
    <t>41682</t>
  </si>
  <si>
    <t>7.592216968536377</t>
  </si>
  <si>
    <t>2043.34716796875</t>
  </si>
  <si>
    <t>-0.0013905207102560269</t>
  </si>
  <si>
    <t>43404</t>
  </si>
  <si>
    <t>6.860886096954346</t>
  </si>
  <si>
    <t>1847.98486328125</t>
  </si>
  <si>
    <t>0.040482221819162945</t>
  </si>
  <si>
    <t>7.029331684112549</t>
  </si>
  <si>
    <t>1721.328125</t>
  </si>
  <si>
    <t>0.03571080699101792</t>
  </si>
  <si>
    <t>7.853024005889893</t>
  </si>
  <si>
    <t>1993.3621826171875</t>
  </si>
  <si>
    <t>0.009117527974298767</t>
  </si>
  <si>
    <t>45778</t>
  </si>
  <si>
    <t>7.145402431488037</t>
  </si>
  <si>
    <t>2045.3612060546875</t>
  </si>
  <si>
    <t>0.008423688647178906</t>
  </si>
  <si>
    <t>7.438333511352539</t>
  </si>
  <si>
    <t>1464.427734375</t>
  </si>
  <si>
    <t>-0.023270996975673697</t>
  </si>
  <si>
    <t>45365</t>
  </si>
  <si>
    <t>7.54380989074707</t>
  </si>
  <si>
    <t>1843.129150390625</t>
  </si>
  <si>
    <t>0.01420825322680841</t>
  </si>
  <si>
    <t>7.360034942626953</t>
  </si>
  <si>
    <t>1501.5810546875</t>
  </si>
  <si>
    <t>-0.01718641188199932</t>
  </si>
  <si>
    <t>7.6662068367004395</t>
  </si>
  <si>
    <t>1834.9320068359375</t>
  </si>
  <si>
    <t>0.018728262407718077</t>
  </si>
  <si>
    <t>7.2897562980651855</t>
  </si>
  <si>
    <t>1982.0799560546875</t>
  </si>
  <si>
    <t>-0.13181298752207482</t>
  </si>
  <si>
    <t>43284</t>
  </si>
  <si>
    <t>7.64103889465332</t>
  </si>
  <si>
    <t>1614.6749267578125</t>
  </si>
  <si>
    <t>0.08331330608416643</t>
  </si>
  <si>
    <t>45170</t>
  </si>
  <si>
    <t>7.912011623382568</t>
  </si>
  <si>
    <t>1871.2275390625</t>
  </si>
  <si>
    <t>0.042650097957110944</t>
  </si>
  <si>
    <t>1261</t>
  </si>
  <si>
    <t>20663</t>
  </si>
  <si>
    <t>8.867560386657715</t>
  </si>
  <si>
    <t>1156.552978515625</t>
  </si>
  <si>
    <t>91.23722839355469</t>
  </si>
  <si>
    <t>Powys</t>
  </si>
  <si>
    <t>20359</t>
  </si>
  <si>
    <t>8.478161811828613</t>
  </si>
  <si>
    <t>1036.3873291015625</t>
  </si>
  <si>
    <t>-0.014821586718927193</t>
  </si>
  <si>
    <t>20373</t>
  </si>
  <si>
    <t>8.581194877624512</t>
  </si>
  <si>
    <t>1413.6905517578125</t>
  </si>
  <si>
    <t>0.0006874202372237903</t>
  </si>
  <si>
    <t>8.131195068359375</t>
  </si>
  <si>
    <t>1247.1015625</t>
  </si>
  <si>
    <t>0.02155946578575829</t>
  </si>
  <si>
    <t>21550</t>
  </si>
  <si>
    <t>8.5852632522583</t>
  </si>
  <si>
    <t>1485.6072998046875</t>
  </si>
  <si>
    <t>0.03460585596423549</t>
  </si>
  <si>
    <t>22023</t>
  </si>
  <si>
    <t>9.192559242248535</t>
  </si>
  <si>
    <t>949.670654296875</t>
  </si>
  <si>
    <t>0.02171154524699581</t>
  </si>
  <si>
    <t>22519</t>
  </si>
  <si>
    <t>8.048897743225098</t>
  </si>
  <si>
    <t>940.3783569335938</t>
  </si>
  <si>
    <t>0.022272035515449318</t>
  </si>
  <si>
    <t>23551</t>
  </si>
  <si>
    <t>9.441523551940918</t>
  </si>
  <si>
    <t>1298.497802734375</t>
  </si>
  <si>
    <t>0.04480888509371361</t>
  </si>
  <si>
    <t>9.051887512207031</t>
  </si>
  <si>
    <t>1460.8642578125</t>
  </si>
  <si>
    <t>0.029990327674134676</t>
  </si>
  <si>
    <t>24642</t>
  </si>
  <si>
    <t>9.136332511901855</t>
  </si>
  <si>
    <t>1297.50048828125</t>
  </si>
  <si>
    <t>0.015293694122425094</t>
  </si>
  <si>
    <t>25913</t>
  </si>
  <si>
    <t>8.742636680603027</t>
  </si>
  <si>
    <t>1522.53369140625</t>
  </si>
  <si>
    <t>0.05029246907996665</t>
  </si>
  <si>
    <t>8.962454795837402</t>
  </si>
  <si>
    <t>1158.838623046875</t>
  </si>
  <si>
    <t>0.029394310037785587</t>
  </si>
  <si>
    <t>26881</t>
  </si>
  <si>
    <t>9.137455940246582</t>
  </si>
  <si>
    <t>1437.9097900390625</t>
  </si>
  <si>
    <t>0.007280634023681287</t>
  </si>
  <si>
    <t>28302</t>
  </si>
  <si>
    <t>9.372862815856934</t>
  </si>
  <si>
    <t>1053.48583984375</t>
  </si>
  <si>
    <t>0.051512756186269826</t>
  </si>
  <si>
    <t>28553</t>
  </si>
  <si>
    <t>9.313490867614746</t>
  </si>
  <si>
    <t>1132.08349609375</t>
  </si>
  <si>
    <t>0.008829535860554572</t>
  </si>
  <si>
    <t>28405</t>
  </si>
  <si>
    <t>9.06783390045166</t>
  </si>
  <si>
    <t>1084.3621826171875</t>
  </si>
  <si>
    <t>-0.005196823381643512</t>
  </si>
  <si>
    <t>28419</t>
  </si>
  <si>
    <t>9.598820686340332</t>
  </si>
  <si>
    <t>1359.94775390625</t>
  </si>
  <si>
    <t>0.0004927495524160719</t>
  </si>
  <si>
    <t>9.459424018859863</t>
  </si>
  <si>
    <t>1336.8248291015625</t>
  </si>
  <si>
    <t>0.008374700732904472</t>
  </si>
  <si>
    <t>8.761495590209961</t>
  </si>
  <si>
    <t>1316.965087890625</t>
  </si>
  <si>
    <t>-0.06442221366701162</t>
  </si>
  <si>
    <t>8.829472541809082</t>
  </si>
  <si>
    <t>1218.808837890625</t>
  </si>
  <si>
    <t>-0.044130401349601556</t>
  </si>
  <si>
    <t>26206</t>
  </si>
  <si>
    <t>8.047860145568848</t>
  </si>
  <si>
    <t>1027.9266357421875</t>
  </si>
  <si>
    <t>0.019108370904595162</t>
  </si>
  <si>
    <t>26737</t>
  </si>
  <si>
    <t>9.374780654907227</t>
  </si>
  <si>
    <t>1076.704833984375</t>
  </si>
  <si>
    <t>0.020059981724021014</t>
  </si>
  <si>
    <t>27144</t>
  </si>
  <si>
    <t>8.586495399475098</t>
  </si>
  <si>
    <t>1573.959716796875</t>
  </si>
  <si>
    <t>0.015107653575514135</t>
  </si>
  <si>
    <t>27299</t>
  </si>
  <si>
    <t>8.695789337158203</t>
  </si>
  <si>
    <t>1387.290771484375</t>
  </si>
  <si>
    <t>0.005694044001460341</t>
  </si>
  <si>
    <t>9.538493156433105</t>
  </si>
  <si>
    <t>1390.790771484375</t>
  </si>
  <si>
    <t>0.02005470559691247</t>
  </si>
  <si>
    <t>28648</t>
  </si>
  <si>
    <t>8.923821449279785</t>
  </si>
  <si>
    <t>1389.2711181640625</t>
  </si>
  <si>
    <t>0.02817885561583111</t>
  </si>
  <si>
    <t>28929</t>
  </si>
  <si>
    <t>9.014527320861816</t>
  </si>
  <si>
    <t>1138.7061767578125</t>
  </si>
  <si>
    <t>0.009760919500225285</t>
  </si>
  <si>
    <t>9.354121208190918</t>
  </si>
  <si>
    <t>1317.904052734375</t>
  </si>
  <si>
    <t>-0.013362762780134929</t>
  </si>
  <si>
    <t>9.149855613708496</t>
  </si>
  <si>
    <t>1130.037841796875</t>
  </si>
  <si>
    <t>0.01584852273435544</t>
  </si>
  <si>
    <t>9.434423446655273</t>
  </si>
  <si>
    <t>1427.4996337890625</t>
  </si>
  <si>
    <t>-0.006191327734407892</t>
  </si>
  <si>
    <t>25912</t>
  </si>
  <si>
    <t>9.163491249084473</t>
  </si>
  <si>
    <t>1534.83740234375</t>
  </si>
  <si>
    <t>-0.10643280254714149</t>
  </si>
  <si>
    <t>9.381194114685059</t>
  </si>
  <si>
    <t>1096.822265625</t>
  </si>
  <si>
    <t>0.08330287783736878</t>
  </si>
  <si>
    <t>9.779122352600098</t>
  </si>
  <si>
    <t>1260.7679443359375</t>
  </si>
  <si>
    <t>0.04267944532421808</t>
  </si>
  <si>
    <t>1263</t>
  </si>
  <si>
    <t>24943</t>
  </si>
  <si>
    <t>7.930396556854248</t>
  </si>
  <si>
    <t>1029.3743896484375</t>
  </si>
  <si>
    <t>458.194580078125</t>
  </si>
  <si>
    <t>Scottish Borders</t>
  </si>
  <si>
    <t>24577</t>
  </si>
  <si>
    <t>7.572196960449219</t>
  </si>
  <si>
    <t>890.1528930664062</t>
  </si>
  <si>
    <t>-0.014782175469040482</t>
  </si>
  <si>
    <t>24593</t>
  </si>
  <si>
    <t>7.626452922821045</t>
  </si>
  <si>
    <t>1153.0543212890625</t>
  </si>
  <si>
    <t>0.0006508033583365602</t>
  </si>
  <si>
    <t>7.104342937469482</t>
  </si>
  <si>
    <t>1099.0155029296875</t>
  </si>
  <si>
    <t>0.02160050195555563</t>
  </si>
  <si>
    <t>26014</t>
  </si>
  <si>
    <t>7.59403657913208</t>
  </si>
  <si>
    <t>991.1688842773438</t>
  </si>
  <si>
    <t>0.0345725030860482</t>
  </si>
  <si>
    <t>8.060433387756348</t>
  </si>
  <si>
    <t>905.912353515625</t>
  </si>
  <si>
    <t>0.021749906803858465</t>
  </si>
  <si>
    <t>27184</t>
  </si>
  <si>
    <t>7.061196804046631</t>
  </si>
  <si>
    <t>830.047607421875</t>
  </si>
  <si>
    <t>0.022243803484169433</t>
  </si>
  <si>
    <t>8.38962459564209</t>
  </si>
  <si>
    <t>1064.1029052734375</t>
  </si>
  <si>
    <t>0.04481636073333206</t>
  </si>
  <si>
    <t>29296</t>
  </si>
  <si>
    <t>7.972889423370361</t>
  </si>
  <si>
    <t>1215.73291015625</t>
  </si>
  <si>
    <t>0.03000606226924596</t>
  </si>
  <si>
    <t>8.125981330871582</t>
  </si>
  <si>
    <t>947.1173095703125</t>
  </si>
  <si>
    <t>-0.00822598551327225</t>
  </si>
  <si>
    <t>29751</t>
  </si>
  <si>
    <t>7.724079608917236</t>
  </si>
  <si>
    <t>1170.9677734375</t>
  </si>
  <si>
    <t>0.023637742453214372</t>
  </si>
  <si>
    <t>7.828830242156982</t>
  </si>
  <si>
    <t>983.0921020507812</t>
  </si>
  <si>
    <t>0.02351877211509823</t>
  </si>
  <si>
    <t>30726</t>
  </si>
  <si>
    <t>8.122488021850586</t>
  </si>
  <si>
    <t>1264.024658203125</t>
  </si>
  <si>
    <t>0.008727684721272055</t>
  </si>
  <si>
    <t>8.41719913482666</t>
  </si>
  <si>
    <t>850.6574096679688</t>
  </si>
  <si>
    <t>0.01562935457422121</t>
  </si>
  <si>
    <t>30922</t>
  </si>
  <si>
    <t>8.323159217834473</t>
  </si>
  <si>
    <t>1011.6673583984375</t>
  </si>
  <si>
    <t>-0.009270651602285795</t>
  </si>
  <si>
    <t>8.14464282989502</t>
  </si>
  <si>
    <t>913.7393798828125</t>
  </si>
  <si>
    <t>0.022922632157005296</t>
  </si>
  <si>
    <t>32261</t>
  </si>
  <si>
    <t>8.537809371948242</t>
  </si>
  <si>
    <t>1071.2059326171875</t>
  </si>
  <si>
    <t>0.01946853351933342</t>
  </si>
  <si>
    <t>8.362518310546875</t>
  </si>
  <si>
    <t>1082.7532958984375</t>
  </si>
  <si>
    <t>-0.01410980174497034</t>
  </si>
  <si>
    <t>7.812205791473389</t>
  </si>
  <si>
    <t>1053.1912841796875</t>
  </si>
  <si>
    <t>0.004235101149149045</t>
  </si>
  <si>
    <t>30180</t>
  </si>
  <si>
    <t>7.958445072174072</t>
  </si>
  <si>
    <t>1118.7772216796875</t>
  </si>
  <si>
    <t>-0.056804916421217655</t>
  </si>
  <si>
    <t>30104</t>
  </si>
  <si>
    <t>7.139177322387695</t>
  </si>
  <si>
    <t>964.877197265625</t>
  </si>
  <si>
    <t>-0.002521400048566491</t>
  </si>
  <si>
    <t>8.347644805908203</t>
  </si>
  <si>
    <t>1048.178466796875</t>
  </si>
  <si>
    <t>0.019604601302015467</t>
  </si>
  <si>
    <t>7.564489841461182</t>
  </si>
  <si>
    <t>1221.0308837890625</t>
  </si>
  <si>
    <t>0.006590611976514893</t>
  </si>
  <si>
    <t>31452</t>
  </si>
  <si>
    <t>7.714938640594482</t>
  </si>
  <si>
    <t>987.60546875</t>
  </si>
  <si>
    <t>0.017609307559602883</t>
  </si>
  <si>
    <t>33655</t>
  </si>
  <si>
    <t>8.52645206451416</t>
  </si>
  <si>
    <t>1100.1392822265625</t>
  </si>
  <si>
    <t>0.06769905933340681</t>
  </si>
  <si>
    <t>33483</t>
  </si>
  <si>
    <t>7.859877109527588</t>
  </si>
  <si>
    <t>1160.1470947265625</t>
  </si>
  <si>
    <t>-0.005123786120988072</t>
  </si>
  <si>
    <t>8.115052223205566</t>
  </si>
  <si>
    <t>890.8844604492188</t>
  </si>
  <si>
    <t>-0.008216923818615385</t>
  </si>
  <si>
    <t>33680</t>
  </si>
  <si>
    <t>8.309428215026855</t>
  </si>
  <si>
    <t>1041.1414794921875</t>
  </si>
  <si>
    <t>0.014083265851052573</t>
  </si>
  <si>
    <t>34620</t>
  </si>
  <si>
    <t>8.085750579833984</t>
  </si>
  <si>
    <t>849.4689331054688</t>
  </si>
  <si>
    <t>0.02752736037393788</t>
  </si>
  <si>
    <t>8.372241020202637</t>
  </si>
  <si>
    <t>1132.083740234375</t>
  </si>
  <si>
    <t>0.003287484576858901</t>
  </si>
  <si>
    <t>8.061354637145996</t>
  </si>
  <si>
    <t>1177.03515625</t>
  </si>
  <si>
    <t>-0.0830774801062315</t>
  </si>
  <si>
    <t>8.33326244354248</t>
  </si>
  <si>
    <t>913.9924926757812</t>
  </si>
  <si>
    <t>0.08330777546104073</t>
  </si>
  <si>
    <t>8.712159156799316</t>
  </si>
  <si>
    <t>1014.6400146484375</t>
  </si>
  <si>
    <t>0.04265555516586517</t>
  </si>
  <si>
    <t>1470.900146484375</t>
  </si>
  <si>
    <t>23.100854873657227</t>
  </si>
  <si>
    <t>Shetland Islands</t>
  </si>
  <si>
    <t>-0.014806204845680071</t>
  </si>
  <si>
    <t>33140</t>
  </si>
  <si>
    <t>7.458332538604736</t>
  </si>
  <si>
    <t>1413.7000732421875</t>
  </si>
  <si>
    <t>0.0006640707781251365</t>
  </si>
  <si>
    <t>33863</t>
  </si>
  <si>
    <t>1142.9000244140625</t>
  </si>
  <si>
    <t>0.021581960899945685</t>
  </si>
  <si>
    <t>35055</t>
  </si>
  <si>
    <t>1333.39990234375</t>
  </si>
  <si>
    <t>0.03459528376056831</t>
  </si>
  <si>
    <t>7.7583327293396</t>
  </si>
  <si>
    <t>0.021727717055304296</t>
  </si>
  <si>
    <t>36632</t>
  </si>
  <si>
    <t>7.058333873748779</t>
  </si>
  <si>
    <t>1136.5999755859375</t>
  </si>
  <si>
    <t>0.022276201640558213</t>
  </si>
  <si>
    <t>38311</t>
  </si>
  <si>
    <t>0.04481488586229965</t>
  </si>
  <si>
    <t>1472.2001953125</t>
  </si>
  <si>
    <t>0.02998116261901984</t>
  </si>
  <si>
    <t>40899</t>
  </si>
  <si>
    <t>0.03538738903598926</t>
  </si>
  <si>
    <t>40876</t>
  </si>
  <si>
    <t>1250.7999267578125</t>
  </si>
  <si>
    <t>-0.0005625191221394488</t>
  </si>
  <si>
    <t>42891</t>
  </si>
  <si>
    <t>1212.60009765625</t>
  </si>
  <si>
    <t>0.048118919965173035</t>
  </si>
  <si>
    <t>42890</t>
  </si>
  <si>
    <t>1170.0999755859375</t>
  </si>
  <si>
    <t>-2.3315186346906103e-05</t>
  </si>
  <si>
    <t>44085</t>
  </si>
  <si>
    <t>1053.0999755859375</t>
  </si>
  <si>
    <t>0.027480890010201264</t>
  </si>
  <si>
    <t>47180</t>
  </si>
  <si>
    <t>8.258334159851074</t>
  </si>
  <si>
    <t>1347.300048828125</t>
  </si>
  <si>
    <t>0.06785048544053751</t>
  </si>
  <si>
    <t>1229.699951171875</t>
  </si>
  <si>
    <t>0.019000204184916214</t>
  </si>
  <si>
    <t>48746</t>
  </si>
  <si>
    <t>1364.0999755859375</t>
  </si>
  <si>
    <t>0.01365286463096993</t>
  </si>
  <si>
    <t>48358</t>
  </si>
  <si>
    <t>1329.10009765625</t>
  </si>
  <si>
    <t>-0.007991474396995102</t>
  </si>
  <si>
    <t>0.03383124025811135</t>
  </si>
  <si>
    <t>51881</t>
  </si>
  <si>
    <t>7.991668224334717</t>
  </si>
  <si>
    <t>1310.7000732421875</t>
  </si>
  <si>
    <t>0.03648972585652466</t>
  </si>
  <si>
    <t>7.033334255218506</t>
  </si>
  <si>
    <t>1050.39990234375</t>
  </si>
  <si>
    <t>-0.014463884369245505</t>
  </si>
  <si>
    <t>53896</t>
  </si>
  <si>
    <t>1417.0</t>
  </si>
  <si>
    <t>0.052567513514548025</t>
  </si>
  <si>
    <t>53273</t>
  </si>
  <si>
    <t>1230.9000244140625</t>
  </si>
  <si>
    <t>-0.011626627438895198</t>
  </si>
  <si>
    <t>54451</t>
  </si>
  <si>
    <t>1244.300048828125</t>
  </si>
  <si>
    <t>0.021871578463773744</t>
  </si>
  <si>
    <t>57246</t>
  </si>
  <si>
    <t>1403.300048828125</t>
  </si>
  <si>
    <t>0.050056556314526546</t>
  </si>
  <si>
    <t>53121</t>
  </si>
  <si>
    <t>1350.0001220703125</t>
  </si>
  <si>
    <t>-0.07478544070557369</t>
  </si>
  <si>
    <t>50823</t>
  </si>
  <si>
    <t>-0.04422332226527104</t>
  </si>
  <si>
    <t>53642</t>
  </si>
  <si>
    <t>1412.10009765625</t>
  </si>
  <si>
    <t>0.05398333529922361</t>
  </si>
  <si>
    <t>52229</t>
  </si>
  <si>
    <t>1039.699951171875</t>
  </si>
  <si>
    <t>-0.026694447145848343</t>
  </si>
  <si>
    <t>54186</t>
  </si>
  <si>
    <t>1256.800048828125</t>
  </si>
  <si>
    <t>0.03678467631642235</t>
  </si>
  <si>
    <t>48513</t>
  </si>
  <si>
    <t>7.849998950958252</t>
  </si>
  <si>
    <t>-0.11059076923280031</t>
  </si>
  <si>
    <t>52728</t>
  </si>
  <si>
    <t>1097.199951171875</t>
  </si>
  <si>
    <t>0.0833148204865033</t>
  </si>
  <si>
    <t>1261.5001220703125</t>
  </si>
  <si>
    <t>0.042659177054442665</t>
  </si>
  <si>
    <t>24884</t>
  </si>
  <si>
    <t>103.2212905883789</t>
  </si>
  <si>
    <t>Shropshire CC</t>
  </si>
  <si>
    <t>24518</t>
  </si>
  <si>
    <t>561.4000244140625</t>
  </si>
  <si>
    <t>-0.01481748497996982</t>
  </si>
  <si>
    <t>0.0006931278690629483</t>
  </si>
  <si>
    <t>25070</t>
  </si>
  <si>
    <t>749.3999633789062</t>
  </si>
  <si>
    <t>0.021571242628336762</t>
  </si>
  <si>
    <t>812.39990234375</t>
  </si>
  <si>
    <t>0.03457676576280022</t>
  </si>
  <si>
    <t>26522</t>
  </si>
  <si>
    <t>583.9000244140625</t>
  </si>
  <si>
    <t>0.021725899322404985</t>
  </si>
  <si>
    <t>0.022260011980613115</t>
  </si>
  <si>
    <t>28363</t>
  </si>
  <si>
    <t>791.2000122070312</t>
  </si>
  <si>
    <t>0.04485088962596606</t>
  </si>
  <si>
    <t>837.7000122070312</t>
  </si>
  <si>
    <t>0.029973245190474174</t>
  </si>
  <si>
    <t>29291</t>
  </si>
  <si>
    <t>795.800048828125</t>
  </si>
  <si>
    <t>0.0022215775495464385</t>
  </si>
  <si>
    <t>29956</t>
  </si>
  <si>
    <t>942.6000366210938</t>
  </si>
  <si>
    <t>0.022449336785113516</t>
  </si>
  <si>
    <t>30514</t>
  </si>
  <si>
    <t>0.018455956303888854</t>
  </si>
  <si>
    <t>31353</t>
  </si>
  <si>
    <t>0.027124361589466517</t>
  </si>
  <si>
    <t>648.2000732421875</t>
  </si>
  <si>
    <t>0.02423119736022805</t>
  </si>
  <si>
    <t>32531</t>
  </si>
  <si>
    <t>0.012652327226660987</t>
  </si>
  <si>
    <t>657.9000244140625</t>
  </si>
  <si>
    <t>0.013889748158595339</t>
  </si>
  <si>
    <t>803.2999267578125</t>
  </si>
  <si>
    <t>-0.004131484095340809</t>
  </si>
  <si>
    <t>32605</t>
  </si>
  <si>
    <t>849.8999633789062</t>
  </si>
  <si>
    <t>-0.007486094085454198</t>
  </si>
  <si>
    <t>0.010920069471564986</t>
  </si>
  <si>
    <t>759.7000122070312</t>
  </si>
  <si>
    <t>-0.07788857124112347</t>
  </si>
  <si>
    <t>30840</t>
  </si>
  <si>
    <t>665.800048828125</t>
  </si>
  <si>
    <t>0.011315399619521216</t>
  </si>
  <si>
    <t>0.006754053046568842</t>
  </si>
  <si>
    <t>994.4000854492188</t>
  </si>
  <si>
    <t>-0.0026121884663510286</t>
  </si>
  <si>
    <t>0.020139414175311288</t>
  </si>
  <si>
    <t>32201</t>
  </si>
  <si>
    <t>806.6000366210938</t>
  </si>
  <si>
    <t>0.01890368051810043</t>
  </si>
  <si>
    <t>32156</t>
  </si>
  <si>
    <t>808.5999755859375</t>
  </si>
  <si>
    <t>-0.0013984495030445743</t>
  </si>
  <si>
    <t>32409</t>
  </si>
  <si>
    <t>710.5999755859375</t>
  </si>
  <si>
    <t>0.007837103537243095</t>
  </si>
  <si>
    <t>761.7999877929688</t>
  </si>
  <si>
    <t>0.002865463900860732</t>
  </si>
  <si>
    <t>33161</t>
  </si>
  <si>
    <t>0.020072860724010155</t>
  </si>
  <si>
    <t>-0.021242703544368524</t>
  </si>
  <si>
    <t>895.0000610351562</t>
  </si>
  <si>
    <t>-0.11577129147327803</t>
  </si>
  <si>
    <t>648.0</t>
  </si>
  <si>
    <t>0.0833069044368262</t>
  </si>
  <si>
    <t>32797</t>
  </si>
  <si>
    <t>0.04266965174542392</t>
  </si>
  <si>
    <t>26025</t>
  </si>
  <si>
    <t>10.51677131652832</t>
  </si>
  <si>
    <t>811.7390747070312</t>
  </si>
  <si>
    <t>726.600341796875</t>
  </si>
  <si>
    <t>Somerset</t>
  </si>
  <si>
    <t>25643</t>
  </si>
  <si>
    <t>9.817974090576172</t>
  </si>
  <si>
    <t>761.0858764648438</t>
  </si>
  <si>
    <t>-0.014786984612889853</t>
  </si>
  <si>
    <t>25660</t>
  </si>
  <si>
    <t>10.233438491821289</t>
  </si>
  <si>
    <t>1070.399169921875</t>
  </si>
  <si>
    <t>0.0006627292993464096</t>
  </si>
  <si>
    <t>9.668353080749512</t>
  </si>
  <si>
    <t>1007.4456176757812</t>
  </si>
  <si>
    <t>0.021589119148064384</t>
  </si>
  <si>
    <t>10.374051094055176</t>
  </si>
  <si>
    <t>1123.2894287109375</t>
  </si>
  <si>
    <t>0.03459670791366243</t>
  </si>
  <si>
    <t>27739</t>
  </si>
  <si>
    <t>10.779590606689453</t>
  </si>
  <si>
    <t>779.8201904296875</t>
  </si>
  <si>
    <t>0.021720178961011527</t>
  </si>
  <si>
    <t>9.399688720703125</t>
  </si>
  <si>
    <t>692.9633178710938</t>
  </si>
  <si>
    <t>0.022281370231521436</t>
  </si>
  <si>
    <t>29664</t>
  </si>
  <si>
    <t>10.952213287353516</t>
  </si>
  <si>
    <t>947.473388671875</t>
  </si>
  <si>
    <t>0.04481345394169445</t>
  </si>
  <si>
    <t>30567</t>
  </si>
  <si>
    <t>10.595728874206543</t>
  </si>
  <si>
    <t>1099.16162109375</t>
  </si>
  <si>
    <t>0.029986806276813383</t>
  </si>
  <si>
    <t>31790</t>
  </si>
  <si>
    <t>10.721146583557129</t>
  </si>
  <si>
    <t>955.194580078125</t>
  </si>
  <si>
    <t>0.03923077926245355</t>
  </si>
  <si>
    <t>33061</t>
  </si>
  <si>
    <t>10.417567253112793</t>
  </si>
  <si>
    <t>1230.355224609375</t>
  </si>
  <si>
    <t>0.03920256504658326</t>
  </si>
  <si>
    <t>10.456439018249512</t>
  </si>
  <si>
    <t>923.6226196289062</t>
  </si>
  <si>
    <t>-0.007803880795130169</t>
  </si>
  <si>
    <t>32958</t>
  </si>
  <si>
    <t>10.615189552307129</t>
  </si>
  <si>
    <t>1133.052978515625</t>
  </si>
  <si>
    <t>0.004683564414374786</t>
  </si>
  <si>
    <t>33402</t>
  </si>
  <si>
    <t>10.780006408691406</t>
  </si>
  <si>
    <t>770.634765625</t>
  </si>
  <si>
    <t>0.013381754840887439</t>
  </si>
  <si>
    <t>34113</t>
  </si>
  <si>
    <t>10.57657527923584</t>
  </si>
  <si>
    <t>855.48291015625</t>
  </si>
  <si>
    <t>0.021062764881270013</t>
  </si>
  <si>
    <t>34967</t>
  </si>
  <si>
    <t>10.387018203735352</t>
  </si>
  <si>
    <t>775.2714233398438</t>
  </si>
  <si>
    <t>0.024726216266472534</t>
  </si>
  <si>
    <t>35439</t>
  </si>
  <si>
    <t>10.993241310119629</t>
  </si>
  <si>
    <t>977.4066162109375</t>
  </si>
  <si>
    <t>0.013408149057323016</t>
  </si>
  <si>
    <t>34983</t>
  </si>
  <si>
    <t>10.77853775024414</t>
  </si>
  <si>
    <t>1065.110107421875</t>
  </si>
  <si>
    <t>-0.012950679428186618</t>
  </si>
  <si>
    <t>10.036870002746582</t>
  </si>
  <si>
    <t>1034.5062255859375</t>
  </si>
  <si>
    <t>-0.004354434359120418</t>
  </si>
  <si>
    <t>10.163191795349121</t>
  </si>
  <si>
    <t>944.6881103515625</t>
  </si>
  <si>
    <t>-0.05245597182114636</t>
  </si>
  <si>
    <t>9.496524810791016</t>
  </si>
  <si>
    <t>844.7607421875</t>
  </si>
  <si>
    <t>0.009395678478776759</t>
  </si>
  <si>
    <t>10.943621635437012</t>
  </si>
  <si>
    <t>754.9061279296875</t>
  </si>
  <si>
    <t>0.0020361117313694166</t>
  </si>
  <si>
    <t>10.088720321655273</t>
  </si>
  <si>
    <t>1232.529296875</t>
  </si>
  <si>
    <t>-0.005248411285847965</t>
  </si>
  <si>
    <t>10.190716743469238</t>
  </si>
  <si>
    <t>1031.0780029296875</t>
  </si>
  <si>
    <t>-0.012192136988604219</t>
  </si>
  <si>
    <t>11.051953315734863</t>
  </si>
  <si>
    <t>1061.86083984375</t>
  </si>
  <si>
    <t>0.041497503688136206</t>
  </si>
  <si>
    <t>34249</t>
  </si>
  <si>
    <t>10.616096496582031</t>
  </si>
  <si>
    <t>1009.4593505859375</t>
  </si>
  <si>
    <t>0.00011679855183110988</t>
  </si>
  <si>
    <t>10.411341667175293</t>
  </si>
  <si>
    <t>849.0340576171875</t>
  </si>
  <si>
    <t>-0.004682615597717543</t>
  </si>
  <si>
    <t>35717</t>
  </si>
  <si>
    <t>10.919148445129395</t>
  </si>
  <si>
    <t>943.4169921875</t>
  </si>
  <si>
    <t>0.04665201431509658</t>
  </si>
  <si>
    <t>10.750900268554688</t>
  </si>
  <si>
    <t>845.4048461914062</t>
  </si>
  <si>
    <t>0.011081525583731988</t>
  </si>
  <si>
    <t>36064</t>
  </si>
  <si>
    <t>10.903803825378418</t>
  </si>
  <si>
    <t>1108.84619140625</t>
  </si>
  <si>
    <t>-0.001413153645444254</t>
  </si>
  <si>
    <t>32110</t>
  </si>
  <si>
    <t>10.840041160583496</t>
  </si>
  <si>
    <t>1135.1236572265625</t>
  </si>
  <si>
    <t>-0.11612762975594393</t>
  </si>
  <si>
    <t>10.736868858337402</t>
  </si>
  <si>
    <t>834.7191772460938</t>
  </si>
  <si>
    <t>0.0832906674013163</t>
  </si>
  <si>
    <t>11.425483703613281</t>
  </si>
  <si>
    <t>909.4899291992188</t>
  </si>
  <si>
    <t>0.04265989879672283</t>
  </si>
  <si>
    <t>24720</t>
  </si>
  <si>
    <t>1528.6002197265625</t>
  </si>
  <si>
    <t>68.4564208984375</t>
  </si>
  <si>
    <t>South Ayrshire</t>
  </si>
  <si>
    <t>1357.5999755859375</t>
  </si>
  <si>
    <t>-0.01483440684316406</t>
  </si>
  <si>
    <t>24373</t>
  </si>
  <si>
    <t>1627.5</t>
  </si>
  <si>
    <t>0.0006977364891422866</t>
  </si>
  <si>
    <t>24904</t>
  </si>
  <si>
    <t>7.825000286102295</t>
  </si>
  <si>
    <t>1471.800048828125</t>
  </si>
  <si>
    <t>0.021552470903838383</t>
  </si>
  <si>
    <t>25781</t>
  </si>
  <si>
    <t>1627.0</t>
  </si>
  <si>
    <t>0.03460935337893467</t>
  </si>
  <si>
    <t>0.02175458426020427</t>
  </si>
  <si>
    <t>26941</t>
  </si>
  <si>
    <t>1228.10009765625</t>
  </si>
  <si>
    <t>0.022256919039728373</t>
  </si>
  <si>
    <t>28176</t>
  </si>
  <si>
    <t>1508.5999755859375</t>
  </si>
  <si>
    <t>0.044821261935675594</t>
  </si>
  <si>
    <t>1717.0</t>
  </si>
  <si>
    <t>0.029962562314331365</t>
  </si>
  <si>
    <t>1523.4000244140625</t>
  </si>
  <si>
    <t>0.01748141072945586</t>
  </si>
  <si>
    <t>1839.5</t>
  </si>
  <si>
    <t>0.069013179285486</t>
  </si>
  <si>
    <t>8.549999237060547</t>
  </si>
  <si>
    <t>1365.900146484375</t>
  </si>
  <si>
    <t>0.029875261433828015</t>
  </si>
  <si>
    <t>1711.199951171875</t>
  </si>
  <si>
    <t>0.01786738507583685</t>
  </si>
  <si>
    <t>33687</t>
  </si>
  <si>
    <t>1305.099853515625</t>
  </si>
  <si>
    <t>0.014441655665722308</t>
  </si>
  <si>
    <t>34751</t>
  </si>
  <si>
    <t>1415.2999267578125</t>
  </si>
  <si>
    <t>0.031096342316658365</t>
  </si>
  <si>
    <t>1326.2999267578125</t>
  </si>
  <si>
    <t>0.029320462615391563</t>
  </si>
  <si>
    <t>1604.5</t>
  </si>
  <si>
    <t>0.018933773457005643</t>
  </si>
  <si>
    <t>35443</t>
  </si>
  <si>
    <t>1459.199951171875</t>
  </si>
  <si>
    <t>-0.028536812380437482</t>
  </si>
  <si>
    <t>35704</t>
  </si>
  <si>
    <t>1640.099853515625</t>
  </si>
  <si>
    <t>0.007336955059839667</t>
  </si>
  <si>
    <t>1600.4000244140625</t>
  </si>
  <si>
    <t>-0.041109118416187584</t>
  </si>
  <si>
    <t>35073</t>
  </si>
  <si>
    <t>7.608334064483643</t>
  </si>
  <si>
    <t>1313.4000244140625</t>
  </si>
  <si>
    <t>0.02327799478200987</t>
  </si>
  <si>
    <t>34984</t>
  </si>
  <si>
    <t>1563.2000732421875</t>
  </si>
  <si>
    <t>-0.002540789582171854</t>
  </si>
  <si>
    <t>1681.10009765625</t>
  </si>
  <si>
    <t>-0.013380917028781525</t>
  </si>
  <si>
    <t>33729</t>
  </si>
  <si>
    <t>1565.5001220703125</t>
  </si>
  <si>
    <t>-0.023151895646105203</t>
  </si>
  <si>
    <t>34960</t>
  </si>
  <si>
    <t>1611.0001220703125</t>
  </si>
  <si>
    <t>0.03584654935160181</t>
  </si>
  <si>
    <t>1802.699951171875</t>
  </si>
  <si>
    <t>0.01120698932635733</t>
  </si>
  <si>
    <t>35226</t>
  </si>
  <si>
    <t>1357.300048828125</t>
  </si>
  <si>
    <t>-0.003627093803586945</t>
  </si>
  <si>
    <t>1655.7000732421875</t>
  </si>
  <si>
    <t>0.029427050625672635</t>
  </si>
  <si>
    <t>1352.7000732421875</t>
  </si>
  <si>
    <t>0.0016800477669978164</t>
  </si>
  <si>
    <t>1628.60009765625</t>
  </si>
  <si>
    <t>-0.0036666937490235085</t>
  </si>
  <si>
    <t>31042</t>
  </si>
  <si>
    <t>1816.2000732421875</t>
  </si>
  <si>
    <t>-0.15388372472475886</t>
  </si>
  <si>
    <t>33738</t>
  </si>
  <si>
    <t>1343.9998779296875</t>
  </si>
  <si>
    <t>0.08328367230912725</t>
  </si>
  <si>
    <t>35209</t>
  </si>
  <si>
    <t>1567.8001708984375</t>
  </si>
  <si>
    <t>0.042676933203088296</t>
  </si>
  <si>
    <t>1276</t>
  </si>
  <si>
    <t>28425</t>
  </si>
  <si>
    <t>10.787044525146484</t>
  </si>
  <si>
    <t>704.15478515625</t>
  </si>
  <si>
    <t>759.347412109375</t>
  </si>
  <si>
    <t>South West England</t>
  </si>
  <si>
    <t>10.0589599609375</t>
  </si>
  <si>
    <t>643.6204833984375</t>
  </si>
  <si>
    <t>-0.014814560706188473</t>
  </si>
  <si>
    <t>10.515128135681152</t>
  </si>
  <si>
    <t>922.3748168945312</t>
  </si>
  <si>
    <t>0.0006781718176149809</t>
  </si>
  <si>
    <t>9.951447486877441</t>
  </si>
  <si>
    <t>1007.1588134765625</t>
  </si>
  <si>
    <t>0.021566937254547724</t>
  </si>
  <si>
    <t>29645</t>
  </si>
  <si>
    <t>10.65821361541748</t>
  </si>
  <si>
    <t>1010.0014038085938</t>
  </si>
  <si>
    <t>0.03459388915675632</t>
  </si>
  <si>
    <t>11.033961296081543</t>
  </si>
  <si>
    <t>740.5263061523438</t>
  </si>
  <si>
    <t>0.02175522055319945</t>
  </si>
  <si>
    <t>30979</t>
  </si>
  <si>
    <t>9.657492637634277</t>
  </si>
  <si>
    <t>649.95654296875</t>
  </si>
  <si>
    <t>0.022260857865610717</t>
  </si>
  <si>
    <t>11.21438217163086</t>
  </si>
  <si>
    <t>872.4105224609375</t>
  </si>
  <si>
    <t>0.04481800254630208</t>
  </si>
  <si>
    <t>10.858263969421387</t>
  </si>
  <si>
    <t>952.5940551757812</t>
  </si>
  <si>
    <t>0.029979139185389414</t>
  </si>
  <si>
    <t>34352</t>
  </si>
  <si>
    <t>10.980228424072266</t>
  </si>
  <si>
    <t>826.08984375</t>
  </si>
  <si>
    <t>0.028553543826593142</t>
  </si>
  <si>
    <t>35437</t>
  </si>
  <si>
    <t>10.701225280761719</t>
  </si>
  <si>
    <t>1154.0936279296875</t>
  </si>
  <si>
    <t>0.031096230904564592</t>
  </si>
  <si>
    <t>10.707443237304688</t>
  </si>
  <si>
    <t>824.0047607421875</t>
  </si>
  <si>
    <t>0.030432116788443153</t>
  </si>
  <si>
    <t>37146</t>
  </si>
  <si>
    <t>10.876324653625488</t>
  </si>
  <si>
    <t>1013.2603759765625</t>
  </si>
  <si>
    <t>0.016667504935716337</t>
  </si>
  <si>
    <t>38012</t>
  </si>
  <si>
    <t>11.040825843811035</t>
  </si>
  <si>
    <t>706.2941284179688</t>
  </si>
  <si>
    <t>0.023045805583919332</t>
  </si>
  <si>
    <t>10.827144622802734</t>
  </si>
  <si>
    <t>766.2153930664062</t>
  </si>
  <si>
    <t>0.021728954405743295</t>
  </si>
  <si>
    <t>10.652045249938965</t>
  </si>
  <si>
    <t>703.7501220703125</t>
  </si>
  <si>
    <t>0.01080454977952705</t>
  </si>
  <si>
    <t>39819</t>
  </si>
  <si>
    <t>11.282393455505371</t>
  </si>
  <si>
    <t>894.2883911132812</t>
  </si>
  <si>
    <t>0.013908781777836055</t>
  </si>
  <si>
    <t>40021</t>
  </si>
  <si>
    <t>11.057393074035645</t>
  </si>
  <si>
    <t>966.6054077148438</t>
  </si>
  <si>
    <t>0.005060131037476268</t>
  </si>
  <si>
    <t>10.30886173248291</t>
  </si>
  <si>
    <t>928.80224609375</t>
  </si>
  <si>
    <t>0.002071763611549926</t>
  </si>
  <si>
    <t>10.440726280212402</t>
  </si>
  <si>
    <t>851.5631713867188</t>
  </si>
  <si>
    <t>-0.03959780399174839</t>
  </si>
  <si>
    <t>38867</t>
  </si>
  <si>
    <t>9.777840614318848</t>
  </si>
  <si>
    <t>779.3403930664062</t>
  </si>
  <si>
    <t>0.008267285571383454</t>
  </si>
  <si>
    <t>11.1976900100708</t>
  </si>
  <si>
    <t>671.0034790039062</t>
  </si>
  <si>
    <t>-0.011229095998430694</t>
  </si>
  <si>
    <t>10.345376968383789</t>
  </si>
  <si>
    <t>1126.0914306640625</t>
  </si>
  <si>
    <t>0.006974812744550363</t>
  </si>
  <si>
    <t>38766</t>
  </si>
  <si>
    <t>10.462766647338867</t>
  </si>
  <si>
    <t>948.3226928710938</t>
  </si>
  <si>
    <t>0.0016522955171272002</t>
  </si>
  <si>
    <t>11.346625328063965</t>
  </si>
  <si>
    <t>966.6741943359375</t>
  </si>
  <si>
    <t>0.02541840654581584</t>
  </si>
  <si>
    <t>39875</t>
  </si>
  <si>
    <t>10.839954376220703</t>
  </si>
  <si>
    <t>877.4588623046875</t>
  </si>
  <si>
    <t>0.002787580755109431</t>
  </si>
  <si>
    <t>10.73000717163086</t>
  </si>
  <si>
    <t>791.1182861328125</t>
  </si>
  <si>
    <t>0.008664548507402614</t>
  </si>
  <si>
    <t>11.1738862991333</t>
  </si>
  <si>
    <t>819.2127075195312</t>
  </si>
  <si>
    <t>0.025309727796505754</t>
  </si>
  <si>
    <t>41349</t>
  </si>
  <si>
    <t>11.00873851776123</t>
  </si>
  <si>
    <t>768.3429565429688</t>
  </si>
  <si>
    <t>0.002324399971493918</t>
  </si>
  <si>
    <t>41905</t>
  </si>
  <si>
    <t>11.155652046203613</t>
  </si>
  <si>
    <t>1009.1288452148438</t>
  </si>
  <si>
    <t>0.013356914170458367</t>
  </si>
  <si>
    <t>11.063339233398438</t>
  </si>
  <si>
    <t>1028.9996337890625</t>
  </si>
  <si>
    <t>-0.08479885965842549</t>
  </si>
  <si>
    <t>41843</t>
  </si>
  <si>
    <t>11.030327796936035</t>
  </si>
  <si>
    <t>733.9821166992188</t>
  </si>
  <si>
    <t>0.08331822701461888</t>
  </si>
  <si>
    <t>43666</t>
  </si>
  <si>
    <t>11.611821174621582</t>
  </si>
  <si>
    <t>850.1828002929688</t>
  </si>
  <si>
    <t>0.042645248333862185</t>
  </si>
  <si>
    <t>1277</t>
  </si>
  <si>
    <t>10.391735076904297</t>
  </si>
  <si>
    <t>1117.25146484375</t>
  </si>
  <si>
    <t>337.4101257324219</t>
  </si>
  <si>
    <t>South West Wales</t>
  </si>
  <si>
    <t>20598</t>
  </si>
  <si>
    <t>9.98698902130127</t>
  </si>
  <si>
    <t>1042.45263671875</t>
  </si>
  <si>
    <t>-0.014794381104918486</t>
  </si>
  <si>
    <t>20612</t>
  </si>
  <si>
    <t>10.109877586364746</t>
  </si>
  <si>
    <t>1323.3048095703125</t>
  </si>
  <si>
    <t>0.0006794467623674194</t>
  </si>
  <si>
    <t>21062</t>
  </si>
  <si>
    <t>9.638922691345215</t>
  </si>
  <si>
    <t>1379.34033203125</t>
  </si>
  <si>
    <t>0.02159703849242689</t>
  </si>
  <si>
    <t>10.140061378479004</t>
  </si>
  <si>
    <t>1497.2750244140625</t>
  </si>
  <si>
    <t>0.034577106047505524</t>
  </si>
  <si>
    <t>10.709809303283691</t>
  </si>
  <si>
    <t>1074.0330810546875</t>
  </si>
  <si>
    <t>0.021731602631215097</t>
  </si>
  <si>
    <t>9.535056114196777</t>
  </si>
  <si>
    <t>1014.2032470703125</t>
  </si>
  <si>
    <t>0.022279357592440263</t>
  </si>
  <si>
    <t>23828</t>
  </si>
  <si>
    <t>10.952322959899902</t>
  </si>
  <si>
    <t>1361.1102294921875</t>
  </si>
  <si>
    <t>0.04480282453687501</t>
  </si>
  <si>
    <t>10.582064628601074</t>
  </si>
  <si>
    <t>1462.8128662109375</t>
  </si>
  <si>
    <t>0.029972686600995502</t>
  </si>
  <si>
    <t>24201</t>
  </si>
  <si>
    <t>10.678915977478027</t>
  </si>
  <si>
    <t>1230.5867919921875</t>
  </si>
  <si>
    <t>-0.014440091744489791</t>
  </si>
  <si>
    <t>10.228522300720215</t>
  </si>
  <si>
    <t>1548.623046875</t>
  </si>
  <si>
    <t>0.020490257392875577</t>
  </si>
  <si>
    <t>10.404809951782227</t>
  </si>
  <si>
    <t>1168.031005859375</t>
  </si>
  <si>
    <t>0.038127086457004467</t>
  </si>
  <si>
    <t>10.529874801635742</t>
  </si>
  <si>
    <t>1549.431884765625</t>
  </si>
  <si>
    <t>0.006370437951632724</t>
  </si>
  <si>
    <t>10.78335189819336</t>
  </si>
  <si>
    <t>1096.130615234375</t>
  </si>
  <si>
    <t>0.039628686202940244</t>
  </si>
  <si>
    <t>10.715641975402832</t>
  </si>
  <si>
    <t>1165.284423828125</t>
  </si>
  <si>
    <t>0.06365424490653915</t>
  </si>
  <si>
    <t>28498</t>
  </si>
  <si>
    <t>10.514082908630371</t>
  </si>
  <si>
    <t>1070.939697265625</t>
  </si>
  <si>
    <t>-0.0048307581603417304</t>
  </si>
  <si>
    <t>10.962120056152344</t>
  </si>
  <si>
    <t>1299.7435302734375</t>
  </si>
  <si>
    <t>-0.0025648697369966555</t>
  </si>
  <si>
    <t>10.881999015808105</t>
  </si>
  <si>
    <t>1316.207275390625</t>
  </si>
  <si>
    <t>0.022712834872633536</t>
  </si>
  <si>
    <t>28234</t>
  </si>
  <si>
    <t>10.183853149414062</t>
  </si>
  <si>
    <t>1348.576904296875</t>
  </si>
  <si>
    <t>-0.02945494904722601</t>
  </si>
  <si>
    <t>25761</t>
  </si>
  <si>
    <t>10.247367858886719</t>
  </si>
  <si>
    <t>1262.47119140625</t>
  </si>
  <si>
    <t>-0.09166520510355092</t>
  </si>
  <si>
    <t>26370</t>
  </si>
  <si>
    <t>9.473931312561035</t>
  </si>
  <si>
    <t>1084.5517578125</t>
  </si>
  <si>
    <t>0.023365280006737876</t>
  </si>
  <si>
    <t>26593</t>
  </si>
  <si>
    <t>10.750343322753906</t>
  </si>
  <si>
    <t>1064.6156005859375</t>
  </si>
  <si>
    <t>0.008421022895607422</t>
  </si>
  <si>
    <t>10.017903327941895</t>
  </si>
  <si>
    <t>1597.2232666015625</t>
  </si>
  <si>
    <t>0.015040683620357598</t>
  </si>
  <si>
    <t>10.151734352111816</t>
  </si>
  <si>
    <t>1392.0775146484375</t>
  </si>
  <si>
    <t>0.03801467941777936</t>
  </si>
  <si>
    <t>28052</t>
  </si>
  <si>
    <t>10.882035255432129</t>
  </si>
  <si>
    <t>1408.519287109375</t>
  </si>
  <si>
    <t>0.00035654437572496533</t>
  </si>
  <si>
    <t>10.297792434692383</t>
  </si>
  <si>
    <t>1405.1923828125</t>
  </si>
  <si>
    <t>0.07328518157372521</t>
  </si>
  <si>
    <t>30374</t>
  </si>
  <si>
    <t>10.455183029174805</t>
  </si>
  <si>
    <t>1120.328125</t>
  </si>
  <si>
    <t>0.006241867059689099</t>
  </si>
  <si>
    <t>30733</t>
  </si>
  <si>
    <t>10.720714569091797</t>
  </si>
  <si>
    <t>1288.05224609375</t>
  </si>
  <si>
    <t>0.01175001654055663</t>
  </si>
  <si>
    <t>30618</t>
  </si>
  <si>
    <t>10.520373344421387</t>
  </si>
  <si>
    <t>1134.8370361328125</t>
  </si>
  <si>
    <t>-0.003748924538745868</t>
  </si>
  <si>
    <t>31749</t>
  </si>
  <si>
    <t>10.761277198791504</t>
  </si>
  <si>
    <t>1484.6953125</t>
  </si>
  <si>
    <t>0.036273157469807416</t>
  </si>
  <si>
    <t>10.46337604522705</t>
  </si>
  <si>
    <t>1523.068603515625</t>
  </si>
  <si>
    <t>-0.12504975998400525</t>
  </si>
  <si>
    <t>30451</t>
  </si>
  <si>
    <t>10.817493438720703</t>
  </si>
  <si>
    <t>1088.613037109375</t>
  </si>
  <si>
    <t>0.0833073655434653</t>
  </si>
  <si>
    <t>31778</t>
  </si>
  <si>
    <t>11.139477729797363</t>
  </si>
  <si>
    <t>1250.0474853515625</t>
  </si>
  <si>
    <t>0.04265539212701874</t>
  </si>
  <si>
    <t>1278</t>
  </si>
  <si>
    <t>24885</t>
  </si>
  <si>
    <t>971.800048828125</t>
  </si>
  <si>
    <t>163.80670166015625</t>
  </si>
  <si>
    <t>South and West Derbyshire</t>
  </si>
  <si>
    <t>24519</t>
  </si>
  <si>
    <t>841.2999877929688</t>
  </si>
  <si>
    <t>-0.014816885108414724</t>
  </si>
  <si>
    <t>24536</t>
  </si>
  <si>
    <t>1228.5999755859375</t>
  </si>
  <si>
    <t>0.0006930996098493125</t>
  </si>
  <si>
    <t>25071</t>
  </si>
  <si>
    <t>1246.5</t>
  </si>
  <si>
    <t>0.021570372875457267</t>
  </si>
  <si>
    <t>25953</t>
  </si>
  <si>
    <t>0.03457541017893817</t>
  </si>
  <si>
    <t>26523</t>
  </si>
  <si>
    <t>849.2999877929688</t>
  </si>
  <si>
    <t>0.02172507122543088</t>
  </si>
  <si>
    <t>27120</t>
  </si>
  <si>
    <t>883.5</t>
  </si>
  <si>
    <t>0.022259181980416543</t>
  </si>
  <si>
    <t>1153.60009765625</t>
  </si>
  <si>
    <t>0.04484927236955549</t>
  </si>
  <si>
    <t>29227</t>
  </si>
  <si>
    <t>1301.5001220703125</t>
  </si>
  <si>
    <t>0.029972204134297797</t>
  </si>
  <si>
    <t>29507</t>
  </si>
  <si>
    <t>1171.4000244140625</t>
  </si>
  <si>
    <t>0.009534583756943604</t>
  </si>
  <si>
    <t>29354</t>
  </si>
  <si>
    <t>-0.005198700143983714</t>
  </si>
  <si>
    <t>29598</t>
  </si>
  <si>
    <t>1161.2999267578125</t>
  </si>
  <si>
    <t>0.008277968290649085</t>
  </si>
  <si>
    <t>1418.7000732421875</t>
  </si>
  <si>
    <t>0.009783728251171908</t>
  </si>
  <si>
    <t>30302</t>
  </si>
  <si>
    <t>1001.0999145507812</t>
  </si>
  <si>
    <t>0.01372319720681503</t>
  </si>
  <si>
    <t>1101.2000732421875</t>
  </si>
  <si>
    <t>0.016950112954326357</t>
  </si>
  <si>
    <t>1024.5</t>
  </si>
  <si>
    <t>0.03167974720291866</t>
  </si>
  <si>
    <t>31276</t>
  </si>
  <si>
    <t>-0.016992546832620192</t>
  </si>
  <si>
    <t>1347.699951171875</t>
  </si>
  <si>
    <t>-0.005514601984240031</t>
  </si>
  <si>
    <t>1249.0</t>
  </si>
  <si>
    <t>-0.004672679819751835</t>
  </si>
  <si>
    <t>28128</t>
  </si>
  <si>
    <t>1158.5</t>
  </si>
  <si>
    <t>-0.09589822695551042</t>
  </si>
  <si>
    <t>1016.0</t>
  </si>
  <si>
    <t>0.0552902022421069</t>
  </si>
  <si>
    <t>868.5</t>
  </si>
  <si>
    <t>0.019652887542930486</t>
  </si>
  <si>
    <t>1588.4000244140625</t>
  </si>
  <si>
    <t>0.03079064973145762</t>
  </si>
  <si>
    <t>8.583333969116211</t>
  </si>
  <si>
    <t>1249.5999755859375</t>
  </si>
  <si>
    <t>0.017752883424209998</t>
  </si>
  <si>
    <t>1210.9000244140625</t>
  </si>
  <si>
    <t>0.0109997671690234</t>
  </si>
  <si>
    <t>32179</t>
  </si>
  <si>
    <t>1227.9000244140625</t>
  </si>
  <si>
    <t>6.215426691014159e-05</t>
  </si>
  <si>
    <t>33064</t>
  </si>
  <si>
    <t>1126.699951171875</t>
  </si>
  <si>
    <t>0.027131011330027377</t>
  </si>
  <si>
    <t>33004</t>
  </si>
  <si>
    <t>1111.3001708984375</t>
  </si>
  <si>
    <t>-0.001816310967335255</t>
  </si>
  <si>
    <t>33810</t>
  </si>
  <si>
    <t>1014.7000732421875</t>
  </si>
  <si>
    <t>0.024127850477698942</t>
  </si>
  <si>
    <t>1374.5999755859375</t>
  </si>
  <si>
    <t>0.03541967312237837</t>
  </si>
  <si>
    <t>1402.8001708984375</t>
  </si>
  <si>
    <t>-0.10052228905072091</t>
  </si>
  <si>
    <t>995.10009765625</t>
  </si>
  <si>
    <t>0.08330332057518852</t>
  </si>
  <si>
    <t>1185.199951171875</t>
  </si>
  <si>
    <t>0.04264311126683751</t>
  </si>
  <si>
    <t>9.842669486999512</t>
  </si>
  <si>
    <t>594.3696899414062</t>
  </si>
  <si>
    <t>1174.54150390625</t>
  </si>
  <si>
    <t>Staffordshire CC</t>
  </si>
  <si>
    <t>25407</t>
  </si>
  <si>
    <t>9.359336853027344</t>
  </si>
  <si>
    <t>592.6385498046875</t>
  </si>
  <si>
    <t>-0.014806982381074363</t>
  </si>
  <si>
    <t>25424</t>
  </si>
  <si>
    <t>9.555135726928711</t>
  </si>
  <si>
    <t>848.4984130859375</t>
  </si>
  <si>
    <t>0.0006688831867887046</t>
  </si>
  <si>
    <t>9.03853702545166</t>
  </si>
  <si>
    <t>767.7416381835938</t>
  </si>
  <si>
    <t>0.02155641619073201</t>
  </si>
  <si>
    <t>9.538469314575195</t>
  </si>
  <si>
    <t>793.2369384765625</t>
  </si>
  <si>
    <t>0.034578818621698204</t>
  </si>
  <si>
    <t>10.101003646850586</t>
  </si>
  <si>
    <t>590.5440673828125</t>
  </si>
  <si>
    <t>0.021775172562039202</t>
  </si>
  <si>
    <t>28102</t>
  </si>
  <si>
    <t>8.892669677734375</t>
  </si>
  <si>
    <t>528.219970703125</t>
  </si>
  <si>
    <t>0.022236731015318867</t>
  </si>
  <si>
    <t>29390</t>
  </si>
  <si>
    <t>10.338536262512207</t>
  </si>
  <si>
    <t>775.1336059570312</t>
  </si>
  <si>
    <t>0.04481373224667706</t>
  </si>
  <si>
    <t>9.938469886779785</t>
  </si>
  <si>
    <t>839.3937377929688</t>
  </si>
  <si>
    <t>0.029998060002085936</t>
  </si>
  <si>
    <t>30501</t>
  </si>
  <si>
    <t>10.00100326538086</t>
  </si>
  <si>
    <t>799.5272827148438</t>
  </si>
  <si>
    <t>0.007106929528221784</t>
  </si>
  <si>
    <t>31108</t>
  </si>
  <si>
    <t>9.596869468688965</t>
  </si>
  <si>
    <t>979.403564453125</t>
  </si>
  <si>
    <t>0.01970555087156356</t>
  </si>
  <si>
    <t>31603</t>
  </si>
  <si>
    <t>9.838603973388672</t>
  </si>
  <si>
    <t>731.6600952148438</t>
  </si>
  <si>
    <t>0.015787031962826603</t>
  </si>
  <si>
    <t>32468</t>
  </si>
  <si>
    <t>10.034402847290039</t>
  </si>
  <si>
    <t>881.0584716796875</t>
  </si>
  <si>
    <t>0.027002936103405872</t>
  </si>
  <si>
    <t>10.234403610229492</t>
  </si>
  <si>
    <t>646.753662109375</t>
  </si>
  <si>
    <t>0.02395014283745489</t>
  </si>
  <si>
    <t>10.192669868469238</t>
  </si>
  <si>
    <t>711.9679565429688</t>
  </si>
  <si>
    <t>0.02268466455551632</t>
  </si>
  <si>
    <t>34380</t>
  </si>
  <si>
    <t>9.921936988830566</t>
  </si>
  <si>
    <t>665.4896240234375</t>
  </si>
  <si>
    <t>0.010585203662802911</t>
  </si>
  <si>
    <t>34262</t>
  </si>
  <si>
    <t>10.492804527282715</t>
  </si>
  <si>
    <t>776.2848510742188</t>
  </si>
  <si>
    <t>-0.003438131646436915</t>
  </si>
  <si>
    <t>10.346936225891113</t>
  </si>
  <si>
    <t>845.5016479492188</t>
  </si>
  <si>
    <t>-0.005883833551694195</t>
  </si>
  <si>
    <t>34073</t>
  </si>
  <si>
    <t>9.651001930236816</t>
  </si>
  <si>
    <t>822.07275390625</t>
  </si>
  <si>
    <t>0.00035224704623360026</t>
  </si>
  <si>
    <t>31122</t>
  </si>
  <si>
    <t>9.71353816986084</t>
  </si>
  <si>
    <t>723.0296020507812</t>
  </si>
  <si>
    <t>-0.09059031720548738</t>
  </si>
  <si>
    <t>32294</t>
  </si>
  <si>
    <t>8.934203147888184</t>
  </si>
  <si>
    <t>650.0992431640625</t>
  </si>
  <si>
    <t>0.036966489862111374</t>
  </si>
  <si>
    <t>32743</t>
  </si>
  <si>
    <t>10.234336853027344</t>
  </si>
  <si>
    <t>580.2488403320312</t>
  </si>
  <si>
    <t>0.013807744318068416</t>
  </si>
  <si>
    <t>9.463536262512207</t>
  </si>
  <si>
    <t>1028.82958984375</t>
  </si>
  <si>
    <t>-0.011518918352107832</t>
  </si>
  <si>
    <t>9.571869850158691</t>
  </si>
  <si>
    <t>796.00244140625</t>
  </si>
  <si>
    <t>0.01203797855947819</t>
  </si>
  <si>
    <t>10.476069450378418</t>
  </si>
  <si>
    <t>776.158447265625</t>
  </si>
  <si>
    <t>0.011080025321517084</t>
  </si>
  <si>
    <t>34029</t>
  </si>
  <si>
    <t>9.801337242126465</t>
  </si>
  <si>
    <t>788.8303833007812</t>
  </si>
  <si>
    <t>0.026924817938629886</t>
  </si>
  <si>
    <t>9.892803192138672</t>
  </si>
  <si>
    <t>720.3568115234375</t>
  </si>
  <si>
    <t>0.007844784544866812</t>
  </si>
  <si>
    <t>10.209603309631348</t>
  </si>
  <si>
    <t>747.4719848632812</t>
  </si>
  <si>
    <t>0.018316800305008485</t>
  </si>
  <si>
    <t>35093</t>
  </si>
  <si>
    <t>10.018070220947266</t>
  </si>
  <si>
    <t>663.8944091796875</t>
  </si>
  <si>
    <t>0.004626993288653125</t>
  </si>
  <si>
    <t>10.301403999328613</t>
  </si>
  <si>
    <t>870.1456298828125</t>
  </si>
  <si>
    <t>0.0016229378731296151</t>
  </si>
  <si>
    <t>30952</t>
  </si>
  <si>
    <t>10.018271446228027</t>
  </si>
  <si>
    <t>883.0833129882812</t>
  </si>
  <si>
    <t>-0.12718700085846102</t>
  </si>
  <si>
    <t>33641</t>
  </si>
  <si>
    <t>10.255270957946777</t>
  </si>
  <si>
    <t>671.6767578125</t>
  </si>
  <si>
    <t>0.08330794378076334</t>
  </si>
  <si>
    <t>10.638937950134277</t>
  </si>
  <si>
    <t>719.065673828125</t>
  </si>
  <si>
    <t>0.04265497960871656</t>
  </si>
  <si>
    <t>1283</t>
  </si>
  <si>
    <t>28485</t>
  </si>
  <si>
    <t>10.890162467956543</t>
  </si>
  <si>
    <t>486.1371765136719</t>
  </si>
  <si>
    <t>503.1700744628906</t>
  </si>
  <si>
    <t>Suffolk</t>
  </si>
  <si>
    <t>9.825271606445312</t>
  </si>
  <si>
    <t>465.0677795410156</t>
  </si>
  <si>
    <t>-0.014783123938151732</t>
  </si>
  <si>
    <t>10.80237865447998</t>
  </si>
  <si>
    <t>683.5125122070312</t>
  </si>
  <si>
    <t>0.0006767225517805286</t>
  </si>
  <si>
    <t>9.801299095153809</t>
  </si>
  <si>
    <t>724.8285522460938</t>
  </si>
  <si>
    <t>0.021556202380226708</t>
  </si>
  <si>
    <t>10.652779579162598</t>
  </si>
  <si>
    <t>644.6246337890625</t>
  </si>
  <si>
    <t>0.034588935880835336</t>
  </si>
  <si>
    <t>10.32636833190918</t>
  </si>
  <si>
    <t>462.74627685546875</t>
  </si>
  <si>
    <t>0.02174252025434953</t>
  </si>
  <si>
    <t>31045</t>
  </si>
  <si>
    <t>8.746408462524414</t>
  </si>
  <si>
    <t>443.4651184082031</t>
  </si>
  <si>
    <t>0.022278874755455647</t>
  </si>
  <si>
    <t>10.865093231201172</t>
  </si>
  <si>
    <t>572.836669921875</t>
  </si>
  <si>
    <t>0.04481722408207389</t>
  </si>
  <si>
    <t>33456</t>
  </si>
  <si>
    <t>10.524752616882324</t>
  </si>
  <si>
    <t>708.7875366210938</t>
  </si>
  <si>
    <t>0.029976153787348636</t>
  </si>
  <si>
    <t>11.024571418762207</t>
  </si>
  <si>
    <t>622.6630249023438</t>
  </si>
  <si>
    <t>0.03188693003225396</t>
  </si>
  <si>
    <t>36090</t>
  </si>
  <si>
    <t>10.94091796875</t>
  </si>
  <si>
    <t>783.3135986328125</t>
  </si>
  <si>
    <t>0.04389774593616558</t>
  </si>
  <si>
    <t>10.597865104675293</t>
  </si>
  <si>
    <t>689.6280517578125</t>
  </si>
  <si>
    <t>0.024334365294517823</t>
  </si>
  <si>
    <t>10.832411766052246</t>
  </si>
  <si>
    <t>733.5827026367188</t>
  </si>
  <si>
    <t>0.016574076029421292</t>
  </si>
  <si>
    <t>38202</t>
  </si>
  <si>
    <t>10.854869842529297</t>
  </si>
  <si>
    <t>527.6469116210938</t>
  </si>
  <si>
    <t>0.015963610284307705</t>
  </si>
  <si>
    <t>38408</t>
  </si>
  <si>
    <t>10.80373477935791</t>
  </si>
  <si>
    <t>572.3358764648438</t>
  </si>
  <si>
    <t>0.005377900965694238</t>
  </si>
  <si>
    <t>10.474259376525879</t>
  </si>
  <si>
    <t>545.5614013671875</t>
  </si>
  <si>
    <t>0.020666045075602213</t>
  </si>
  <si>
    <t>11.600090026855469</t>
  </si>
  <si>
    <t>637.672607421875</t>
  </si>
  <si>
    <t>0.026848770122994026</t>
  </si>
  <si>
    <t>40002</t>
  </si>
  <si>
    <t>11.229424476623535</t>
  </si>
  <si>
    <t>649.8782348632812</t>
  </si>
  <si>
    <t>-0.0068511335632575054</t>
  </si>
  <si>
    <t>10.446656227111816</t>
  </si>
  <si>
    <t>630.6546630859375</t>
  </si>
  <si>
    <t>-0.01813759754869615</t>
  </si>
  <si>
    <t>37078</t>
  </si>
  <si>
    <t>10.590539932250977</t>
  </si>
  <si>
    <t>606.6456909179688</t>
  </si>
  <si>
    <t>-0.0577680535048799</t>
  </si>
  <si>
    <t>37264</t>
  </si>
  <si>
    <t>9.651456832885742</t>
  </si>
  <si>
    <t>626.352294921875</t>
  </si>
  <si>
    <t>0.005003911331584732</t>
  </si>
  <si>
    <t>11.267406463623047</t>
  </si>
  <si>
    <t>479.40484619140625</t>
  </si>
  <si>
    <t>0.0007511132924609143</t>
  </si>
  <si>
    <t>10.211251258850098</t>
  </si>
  <si>
    <t>722.9229125976562</t>
  </si>
  <si>
    <t>0.013186301694736002</t>
  </si>
  <si>
    <t>10.273383140563965</t>
  </si>
  <si>
    <t>606.2216186523438</t>
  </si>
  <si>
    <t>0.013406436007819877</t>
  </si>
  <si>
    <t>38592</t>
  </si>
  <si>
    <t>11.73681640625</t>
  </si>
  <si>
    <t>629.2603759765625</t>
  </si>
  <si>
    <t>0.007673436967717606</t>
  </si>
  <si>
    <t>38943</t>
  </si>
  <si>
    <t>11.13849925994873</t>
  </si>
  <si>
    <t>626.0752563476562</t>
  </si>
  <si>
    <t>0.009054037474246712</t>
  </si>
  <si>
    <t>39536</t>
  </si>
  <si>
    <t>10.714019775390625</t>
  </si>
  <si>
    <t>594.818359375</t>
  </si>
  <si>
    <t>0.01511261066728764</t>
  </si>
  <si>
    <t>40188</t>
  </si>
  <si>
    <t>11.425289154052734</t>
  </si>
  <si>
    <t>608.2864990234375</t>
  </si>
  <si>
    <t>0.016356794353812987</t>
  </si>
  <si>
    <t>40058</t>
  </si>
  <si>
    <t>11.40601634979248</t>
  </si>
  <si>
    <t>552.5308227539062</t>
  </si>
  <si>
    <t>-0.0032400397210263776</t>
  </si>
  <si>
    <t>11.696292877197266</t>
  </si>
  <si>
    <t>654.2078857421875</t>
  </si>
  <si>
    <t>0.03162309129508856</t>
  </si>
  <si>
    <t>11.591143608093262</t>
  </si>
  <si>
    <t>661.0932006835938</t>
  </si>
  <si>
    <t>-0.12264123192301035</t>
  </si>
  <si>
    <t>39750</t>
  </si>
  <si>
    <t>10.870511054992676</t>
  </si>
  <si>
    <t>543.193359375</t>
  </si>
  <si>
    <t>0.08329957784922115</t>
  </si>
  <si>
    <t>11.959967613220215</t>
  </si>
  <si>
    <t>542.634521484375</t>
  </si>
  <si>
    <t>0.04264975710634644</t>
  </si>
  <si>
    <t>26683</t>
  </si>
  <si>
    <t>567.2999877929688</t>
  </si>
  <si>
    <t>543.5921630859375</t>
  </si>
  <si>
    <t>Wakefield</t>
  </si>
  <si>
    <t>26291</t>
  </si>
  <si>
    <t>478.8999938964844</t>
  </si>
  <si>
    <t>-0.014799983209284662</t>
  </si>
  <si>
    <t>0.0006464001441823797</t>
  </si>
  <si>
    <t>26882</t>
  </si>
  <si>
    <t>716.800048828125</t>
  </si>
  <si>
    <t>0.021583842209851767</t>
  </si>
  <si>
    <t>27828</t>
  </si>
  <si>
    <t>697.9000244140625</t>
  </si>
  <si>
    <t>0.034585790412439366</t>
  </si>
  <si>
    <t>473.0</t>
  </si>
  <si>
    <t>0.021753896873644152</t>
  </si>
  <si>
    <t>525.800048828125</t>
  </si>
  <si>
    <t>0.022254047730278614</t>
  </si>
  <si>
    <t>30413</t>
  </si>
  <si>
    <t>0.04481949591747991</t>
  </si>
  <si>
    <t>31339</t>
  </si>
  <si>
    <t>725.3999633789062</t>
  </si>
  <si>
    <t>0.029993179731343744</t>
  </si>
  <si>
    <t>0.0386510958372277</t>
  </si>
  <si>
    <t>880.5</t>
  </si>
  <si>
    <t>0.026716718534908424</t>
  </si>
  <si>
    <t>34205</t>
  </si>
  <si>
    <t>684.9000244140625</t>
  </si>
  <si>
    <t>0.022140689526683133</t>
  </si>
  <si>
    <t>0.007978610841769651</t>
  </si>
  <si>
    <t>570.0</t>
  </si>
  <si>
    <t>0.02398567598460488</t>
  </si>
  <si>
    <t>35642</t>
  </si>
  <si>
    <t>659.199951171875</t>
  </si>
  <si>
    <t>0.009188598711572737</t>
  </si>
  <si>
    <t>36146</t>
  </si>
  <si>
    <t>598.0999755859375</t>
  </si>
  <si>
    <t>0.014041574662538636</t>
  </si>
  <si>
    <t>36223</t>
  </si>
  <si>
    <t>0.0021279837791503553</t>
  </si>
  <si>
    <t>36371</t>
  </si>
  <si>
    <t>0.004077477616656111</t>
  </si>
  <si>
    <t>-0.01716554217810362</t>
  </si>
  <si>
    <t>-0.051599544242707296</t>
  </si>
  <si>
    <t>33264</t>
  </si>
  <si>
    <t>-0.020530936272784572</t>
  </si>
  <si>
    <t>33388</t>
  </si>
  <si>
    <t>512.1000366210938</t>
  </si>
  <si>
    <t>0.0037208228728324855</t>
  </si>
  <si>
    <t>904.2000122070312</t>
  </si>
  <si>
    <t>0.006567579878590024</t>
  </si>
  <si>
    <t>670.199951171875</t>
  </si>
  <si>
    <t>0.007440709029079784</t>
  </si>
  <si>
    <t>33444</t>
  </si>
  <si>
    <t>692.10009765625</t>
  </si>
  <si>
    <t>-0.012332444608349036</t>
  </si>
  <si>
    <t>701.2000122070312</t>
  </si>
  <si>
    <t>0.0438457642090313</t>
  </si>
  <si>
    <t>0.01643406034829198</t>
  </si>
  <si>
    <t>643.0000610351562</t>
  </si>
  <si>
    <t>0.013255598326567863</t>
  </si>
  <si>
    <t>37201</t>
  </si>
  <si>
    <t>0.03292782146652229</t>
  </si>
  <si>
    <t>0.012448736924371318</t>
  </si>
  <si>
    <t>33842</t>
  </si>
  <si>
    <t>-0.10708174491616163</t>
  </si>
  <si>
    <t>36782</t>
  </si>
  <si>
    <t>573.199951171875</t>
  </si>
  <si>
    <t>0.08330596043035499</t>
  </si>
  <si>
    <t>38385</t>
  </si>
  <si>
    <t>634.5000610351562</t>
  </si>
  <si>
    <t>0.04265816320307181</t>
  </si>
  <si>
    <t>1296</t>
  </si>
  <si>
    <t>743.92578125</t>
  </si>
  <si>
    <t>Warwickshire</t>
  </si>
  <si>
    <t>-0.014822405759520763</t>
  </si>
  <si>
    <t>9.999998092651367</t>
  </si>
  <si>
    <t>792.0000610351562</t>
  </si>
  <si>
    <t>0.0006841860008766076</t>
  </si>
  <si>
    <t>32867</t>
  </si>
  <si>
    <t>0.021559120803425813</t>
  </si>
  <si>
    <t>774.5000610351562</t>
  </si>
  <si>
    <t>0.034597043074452216</t>
  </si>
  <si>
    <t>34772</t>
  </si>
  <si>
    <t>0.021746307265484432</t>
  </si>
  <si>
    <t>492.39996337890625</t>
  </si>
  <si>
    <t>0.022268328118663305</t>
  </si>
  <si>
    <t>0.04479776789396439</t>
  </si>
  <si>
    <t>38316</t>
  </si>
  <si>
    <t>784.0000610351562</t>
  </si>
  <si>
    <t>0.029989002291200606</t>
  </si>
  <si>
    <t>40660</t>
  </si>
  <si>
    <t>733.9998779296875</t>
  </si>
  <si>
    <t>0.05937724467955441</t>
  </si>
  <si>
    <t>42118</t>
  </si>
  <si>
    <t>910.2000732421875</t>
  </si>
  <si>
    <t>0.03523039455738619</t>
  </si>
  <si>
    <t>41875</t>
  </si>
  <si>
    <t>-0.005786212612356678</t>
  </si>
  <si>
    <t>825.2000122070312</t>
  </si>
  <si>
    <t>-0.0008122701005621735</t>
  </si>
  <si>
    <t>42930</t>
  </si>
  <si>
    <t>0.025694162191800984</t>
  </si>
  <si>
    <t>43349</t>
  </si>
  <si>
    <t>0.009712752673260994</t>
  </si>
  <si>
    <t>611.300048828125</t>
  </si>
  <si>
    <t>0.01837724000160712</t>
  </si>
  <si>
    <t>44922</t>
  </si>
  <si>
    <t>0.017266777565266622</t>
  </si>
  <si>
    <t>44329</t>
  </si>
  <si>
    <t>786.0000610351562</t>
  </si>
  <si>
    <t>-0.013288562061152476</t>
  </si>
  <si>
    <t>44002</t>
  </si>
  <si>
    <t>-0.007404002984761959</t>
  </si>
  <si>
    <t>40716</t>
  </si>
  <si>
    <t>665.7000732421875</t>
  </si>
  <si>
    <t>-0.07761395184059516</t>
  </si>
  <si>
    <t>42098</t>
  </si>
  <si>
    <t>0.033379098031556254</t>
  </si>
  <si>
    <t>43204</t>
  </si>
  <si>
    <t>0.025932849934577007</t>
  </si>
  <si>
    <t>44753</t>
  </si>
  <si>
    <t>950.4000244140625</t>
  </si>
  <si>
    <t>0.03522539802376201</t>
  </si>
  <si>
    <t>0.05158150168431774</t>
  </si>
  <si>
    <t>48973</t>
  </si>
  <si>
    <t>0.03852914257062068</t>
  </si>
  <si>
    <t>51246</t>
  </si>
  <si>
    <t>0.045368440357137274</t>
  </si>
  <si>
    <t>51444</t>
  </si>
  <si>
    <t>0.0038562712117755638</t>
  </si>
  <si>
    <t>0.07921697344122336</t>
  </si>
  <si>
    <t>55843</t>
  </si>
  <si>
    <t>618.3001098632812</t>
  </si>
  <si>
    <t>0.002833371094288495</t>
  </si>
  <si>
    <t>54857</t>
  </si>
  <si>
    <t>803.4000244140625</t>
  </si>
  <si>
    <t>-0.017814382576995413</t>
  </si>
  <si>
    <t>813.1000366210938</t>
  </si>
  <si>
    <t>-0.15869703497405574</t>
  </si>
  <si>
    <t>50873</t>
  </si>
  <si>
    <t>0.08329956656240789</t>
  </si>
  <si>
    <t>53090</t>
  </si>
  <si>
    <t>638.7000122070312</t>
  </si>
  <si>
    <t>0.04265625564487152</t>
  </si>
  <si>
    <t>1297</t>
  </si>
  <si>
    <t>8.841419219970703</t>
  </si>
  <si>
    <t>2138.329833984375</t>
  </si>
  <si>
    <t>159.61163330078125</t>
  </si>
  <si>
    <t>West Cumbria</t>
  </si>
  <si>
    <t>8.413938522338867</t>
  </si>
  <si>
    <t>1948.6094970703125</t>
  </si>
  <si>
    <t>-0.014813362236088423</t>
  </si>
  <si>
    <t>8.511012077331543</t>
  </si>
  <si>
    <t>2533.168212890625</t>
  </si>
  <si>
    <t>0.0006639198853548578</t>
  </si>
  <si>
    <t>26173</t>
  </si>
  <si>
    <t>7.974752426147461</t>
  </si>
  <si>
    <t>2301.826904296875</t>
  </si>
  <si>
    <t>0.02158926804641048</t>
  </si>
  <si>
    <t>27094</t>
  </si>
  <si>
    <t>8.494345664978027</t>
  </si>
  <si>
    <t>2665.0810546875</t>
  </si>
  <si>
    <t>0.034583956108255265</t>
  </si>
  <si>
    <t>27689</t>
  </si>
  <si>
    <t>8.958086013793945</t>
  </si>
  <si>
    <t>1736.5869140625</t>
  </si>
  <si>
    <t>0.02172292125157327</t>
  </si>
  <si>
    <t>7.8835320472717285</t>
  </si>
  <si>
    <t>1801.4820556640625</t>
  </si>
  <si>
    <t>0.022285840721346872</t>
  </si>
  <si>
    <t>29610</t>
  </si>
  <si>
    <t>9.244345664978027</t>
  </si>
  <si>
    <t>2344.56591796875</t>
  </si>
  <si>
    <t>0.04479107898203516</t>
  </si>
  <si>
    <t>8.846379280090332</t>
  </si>
  <si>
    <t>2696.5849609375</t>
  </si>
  <si>
    <t>0.03000790674456333</t>
  </si>
  <si>
    <t>31482</t>
  </si>
  <si>
    <t>9.018452644348145</t>
  </si>
  <si>
    <t>2396.53271484375</t>
  </si>
  <si>
    <t>0.03129590507456648</t>
  </si>
  <si>
    <t>8.590972900390625</t>
  </si>
  <si>
    <t>2836.261474609375</t>
  </si>
  <si>
    <t>-0.06550037950500176</t>
  </si>
  <si>
    <t>8.686013221740723</t>
  </si>
  <si>
    <t>2223.461181640625</t>
  </si>
  <si>
    <t>-0.02076626040300411</t>
  </si>
  <si>
    <t>8.94141960144043</t>
  </si>
  <si>
    <t>2837.867919921875</t>
  </si>
  <si>
    <t>0.031392635970687977</t>
  </si>
  <si>
    <t>30639</t>
  </si>
  <si>
    <t>9.219346046447754</t>
  </si>
  <si>
    <t>1987.6397705078125</t>
  </si>
  <si>
    <t>0.027731757268758983</t>
  </si>
  <si>
    <t>9.166866302490234</t>
  </si>
  <si>
    <t>2362.060791015625</t>
  </si>
  <si>
    <t>-0.0060235229756244735</t>
  </si>
  <si>
    <t>9.044791221618652</t>
  </si>
  <si>
    <t>2100.64501953125</t>
  </si>
  <si>
    <t>0.03678034601372637</t>
  </si>
  <si>
    <t>9.354464530944824</t>
  </si>
  <si>
    <t>2584.186279296875</t>
  </si>
  <si>
    <t>0.03626929958152836</t>
  </si>
  <si>
    <t>9.222718238830566</t>
  </si>
  <si>
    <t>2488.717041015625</t>
  </si>
  <si>
    <t>-0.0060617378853375925</t>
  </si>
  <si>
    <t>8.69434642791748</t>
  </si>
  <si>
    <t>2604.43505859375</t>
  </si>
  <si>
    <t>0.047700174046996224</t>
  </si>
  <si>
    <t>8.833531379699707</t>
  </si>
  <si>
    <t>2485.5283203125</t>
  </si>
  <si>
    <t>-0.052131905056223005</t>
  </si>
  <si>
    <t>33308</t>
  </si>
  <si>
    <t>7.9722723960876465</t>
  </si>
  <si>
    <t>2046.1785888671875</t>
  </si>
  <si>
    <t>0.02699124738443537</t>
  </si>
  <si>
    <t>9.198164939880371</t>
  </si>
  <si>
    <t>2355.664794921875</t>
  </si>
  <si>
    <t>-0.018391949898200366</t>
  </si>
  <si>
    <t>8.436012268066406</t>
  </si>
  <si>
    <t>2917.1142578125</t>
  </si>
  <si>
    <t>0.023512718121571297</t>
  </si>
  <si>
    <t>8.614384651184082</t>
  </si>
  <si>
    <t>2529.783203125</t>
  </si>
  <si>
    <t>0.021921114116926432</t>
  </si>
  <si>
    <t>35684</t>
  </si>
  <si>
    <t>9.378571510314941</t>
  </si>
  <si>
    <t>2570.95263671875</t>
  </si>
  <si>
    <t>0.04186291833766731</t>
  </si>
  <si>
    <t>36161</t>
  </si>
  <si>
    <t>8.7015380859375</t>
  </si>
  <si>
    <t>2816.159423828125</t>
  </si>
  <si>
    <t>0.013278780957305614</t>
  </si>
  <si>
    <t>35260</t>
  </si>
  <si>
    <t>8.986458778381348</t>
  </si>
  <si>
    <t>2072.555419921875</t>
  </si>
  <si>
    <t>-0.02523201303911904</t>
  </si>
  <si>
    <t>35195</t>
  </si>
  <si>
    <t>9.115723609924316</t>
  </si>
  <si>
    <t>2529.60302734375</t>
  </si>
  <si>
    <t>-0.0018451499096290291</t>
  </si>
  <si>
    <t>8.910318374633789</t>
  </si>
  <si>
    <t>2136.239990234375</t>
  </si>
  <si>
    <t>-0.009506616267421109</t>
  </si>
  <si>
    <t>9.21235179901123</t>
  </si>
  <si>
    <t>2732.228515625</t>
  </si>
  <si>
    <t>0.0038077833488294743</t>
  </si>
  <si>
    <t>30788</t>
  </si>
  <si>
    <t>8.796577453613281</t>
  </si>
  <si>
    <t>2924.412841796875</t>
  </si>
  <si>
    <t>-0.12808019046943286</t>
  </si>
  <si>
    <t>33462</t>
  </si>
  <si>
    <t>9.208977699279785</t>
  </si>
  <si>
    <t>2129.8291015625</t>
  </si>
  <si>
    <t>0.083285462963401</t>
  </si>
  <si>
    <t>9.530357360839844</t>
  </si>
  <si>
    <t>2485.921875</t>
  </si>
  <si>
    <t>0.042677900810209835</t>
  </si>
  <si>
    <t>32357</t>
  </si>
  <si>
    <t>472.7000427246094</t>
  </si>
  <si>
    <t>827.8544921875</t>
  </si>
  <si>
    <t>West Essex</t>
  </si>
  <si>
    <t>-0.014820159788325071</t>
  </si>
  <si>
    <t>741.9000854492188</t>
  </si>
  <si>
    <t>0.0006898281974301312</t>
  </si>
  <si>
    <t>0.021581563799456305</t>
  </si>
  <si>
    <t>667.8999633789062</t>
  </si>
  <si>
    <t>0.03455064513981654</t>
  </si>
  <si>
    <t>34487</t>
  </si>
  <si>
    <t>485.5000305175781</t>
  </si>
  <si>
    <t>0.021750183236413534</t>
  </si>
  <si>
    <t>35264</t>
  </si>
  <si>
    <t>422.7000427246094</t>
  </si>
  <si>
    <t>0.022280172098664508</t>
  </si>
  <si>
    <t>36880</t>
  </si>
  <si>
    <t>580.4999389648438</t>
  </si>
  <si>
    <t>0.04480678515794523</t>
  </si>
  <si>
    <t>704.0</t>
  </si>
  <si>
    <t>0.029995705290232877</t>
  </si>
  <si>
    <t>605.699951171875</t>
  </si>
  <si>
    <t>0.025229653163316712</t>
  </si>
  <si>
    <t>40391</t>
  </si>
  <si>
    <t>0.035712230730503336</t>
  </si>
  <si>
    <t>42120</t>
  </si>
  <si>
    <t>0.04191569939332851</t>
  </si>
  <si>
    <t>748.699951171875</t>
  </si>
  <si>
    <t>0.02464628626774612</t>
  </si>
  <si>
    <t>519.6000366210938</t>
  </si>
  <si>
    <t>0.06153576623728618</t>
  </si>
  <si>
    <t>46038</t>
  </si>
  <si>
    <t>586.6000366210938</t>
  </si>
  <si>
    <t>0.0027624026527757195</t>
  </si>
  <si>
    <t>46096</t>
  </si>
  <si>
    <t>0.0012590359185900013</t>
  </si>
  <si>
    <t>0.011239103130533223</t>
  </si>
  <si>
    <t>47103</t>
  </si>
  <si>
    <t>669.800048828125</t>
  </si>
  <si>
    <t>0.0103714117887872</t>
  </si>
  <si>
    <t>45639</t>
  </si>
  <si>
    <t>680.9000854492188</t>
  </si>
  <si>
    <t>-0.031574079112392184</t>
  </si>
  <si>
    <t>42352</t>
  </si>
  <si>
    <t>632.7000122070312</t>
  </si>
  <si>
    <t>-0.07474696866435515</t>
  </si>
  <si>
    <t>43672</t>
  </si>
  <si>
    <t>639.1000366210938</t>
  </si>
  <si>
    <t>0.030691518994709455</t>
  </si>
  <si>
    <t>42139</t>
  </si>
  <si>
    <t>502.9000549316406</t>
  </si>
  <si>
    <t>-0.03573348680738597</t>
  </si>
  <si>
    <t>-0.02762114725921272</t>
  </si>
  <si>
    <t>40930</t>
  </si>
  <si>
    <t>627.5</t>
  </si>
  <si>
    <t>-0.0014892399085457697</t>
  </si>
  <si>
    <t>41246</t>
  </si>
  <si>
    <t>11.725001335144043</t>
  </si>
  <si>
    <t>0.007690847877544371</t>
  </si>
  <si>
    <t>43052</t>
  </si>
  <si>
    <t>0.042854549020196586</t>
  </si>
  <si>
    <t>44406</t>
  </si>
  <si>
    <t>603.0999755859375</t>
  </si>
  <si>
    <t>0.030965908041332924</t>
  </si>
  <si>
    <t>46233</t>
  </si>
  <si>
    <t>0.04031923337796428</t>
  </si>
  <si>
    <t>569.5</t>
  </si>
  <si>
    <t>0.002311690182880355</t>
  </si>
  <si>
    <t>-0.026657748939456383</t>
  </si>
  <si>
    <t>37725</t>
  </si>
  <si>
    <t>-0.1790247654108601</t>
  </si>
  <si>
    <t>41002</t>
  </si>
  <si>
    <t>0.08329784134846996</t>
  </si>
  <si>
    <t>42789</t>
  </si>
  <si>
    <t>535.4000244140625</t>
  </si>
  <si>
    <t>0.04266021420701094</t>
  </si>
  <si>
    <t>1299</t>
  </si>
  <si>
    <t>571.800048828125</t>
  </si>
  <si>
    <t>717.4758911132812</t>
  </si>
  <si>
    <t>West Kent</t>
  </si>
  <si>
    <t>581.800048828125</t>
  </si>
  <si>
    <t>-0.014794510858711973</t>
  </si>
  <si>
    <t>35046</t>
  </si>
  <si>
    <t>0.0006564957634918045</t>
  </si>
  <si>
    <t>843.9999389648438</t>
  </si>
  <si>
    <t>0.02159362449478408</t>
  </si>
  <si>
    <t>37071</t>
  </si>
  <si>
    <t>853.1000366210938</t>
  </si>
  <si>
    <t>0.034579884009152906</t>
  </si>
  <si>
    <t>0.021746657915922896</t>
  </si>
  <si>
    <t>38739</t>
  </si>
  <si>
    <t>499.6000671386719</t>
  </si>
  <si>
    <t>0.02226519382653791</t>
  </si>
  <si>
    <t>11.03333568572998</t>
  </si>
  <si>
    <t>0.044800748858989436</t>
  </si>
  <si>
    <t>41748</t>
  </si>
  <si>
    <t>0.030003952566191927</t>
  </si>
  <si>
    <t>42814</t>
  </si>
  <si>
    <t>719.8999633789062</t>
  </si>
  <si>
    <t>0.025213605947223883</t>
  </si>
  <si>
    <t>43557</t>
  </si>
  <si>
    <t>1040.0</t>
  </si>
  <si>
    <t>0.01720527326463106</t>
  </si>
  <si>
    <t>841.7999877929688</t>
  </si>
  <si>
    <t>0.017568665245789816</t>
  </si>
  <si>
    <t>44584</t>
  </si>
  <si>
    <t>916.6000366210938</t>
  </si>
  <si>
    <t>0.005735959851785211</t>
  </si>
  <si>
    <t>645.4000244140625</t>
  </si>
  <si>
    <t>0.01597613135754017</t>
  </si>
  <si>
    <t>46146</t>
  </si>
  <si>
    <t>679.8999633789062</t>
  </si>
  <si>
    <t>0.018459101678194756</t>
  </si>
  <si>
    <t>47895</t>
  </si>
  <si>
    <t>0.037200831531883694</t>
  </si>
  <si>
    <t>47762</t>
  </si>
  <si>
    <t>-0.0027807705803848393</t>
  </si>
  <si>
    <t>47876</t>
  </si>
  <si>
    <t>799.7000122070312</t>
  </si>
  <si>
    <t>0.002383990756653631</t>
  </si>
  <si>
    <t>47749</t>
  </si>
  <si>
    <t>837.0000610351562</t>
  </si>
  <si>
    <t>-0.0026562107120557954</t>
  </si>
  <si>
    <t>44697</t>
  </si>
  <si>
    <t>-0.066051739025756</t>
  </si>
  <si>
    <t>45819</t>
  </si>
  <si>
    <t>0.02479246698310611</t>
  </si>
  <si>
    <t>46270</t>
  </si>
  <si>
    <t>0.009794950662490365</t>
  </si>
  <si>
    <t>956.3999633789062</t>
  </si>
  <si>
    <t>0.004829469090960714</t>
  </si>
  <si>
    <t>826.7000732421875</t>
  </si>
  <si>
    <t>0.012907265265919676</t>
  </si>
  <si>
    <t>0.0009974216418520143</t>
  </si>
  <si>
    <t>49159</t>
  </si>
  <si>
    <t>0.04183198383204356</t>
  </si>
  <si>
    <t>51234</t>
  </si>
  <si>
    <t>746.5999755859375</t>
  </si>
  <si>
    <t>0.041343431403840114</t>
  </si>
  <si>
    <t>52022</t>
  </si>
  <si>
    <t>0.015263331879173947</t>
  </si>
  <si>
    <t>53027</t>
  </si>
  <si>
    <t>700.0</t>
  </si>
  <si>
    <t>0.01913451176426051</t>
  </si>
  <si>
    <t>54080</t>
  </si>
  <si>
    <t>807.0001220703125</t>
  </si>
  <si>
    <t>0.019663213937750612</t>
  </si>
  <si>
    <t>852.3999633789062</t>
  </si>
  <si>
    <t>-0.09049376483073779</t>
  </si>
  <si>
    <t>53692</t>
  </si>
  <si>
    <t>0.08329334772141728</t>
  </si>
  <si>
    <t>56033</t>
  </si>
  <si>
    <t>677.5</t>
  </si>
  <si>
    <t>0.04267678826340138</t>
  </si>
  <si>
    <t>1301</t>
  </si>
  <si>
    <t>517.0</t>
  </si>
  <si>
    <t>237.6756134033203</t>
  </si>
  <si>
    <t>West Northamptonshire</t>
  </si>
  <si>
    <t>31698</t>
  </si>
  <si>
    <t>551.699951171875</t>
  </si>
  <si>
    <t>-0.014811838219248585</t>
  </si>
  <si>
    <t>31719</t>
  </si>
  <si>
    <t>866.4000244140625</t>
  </si>
  <si>
    <t>0.0006622830082640974</t>
  </si>
  <si>
    <t>0.021582000933445755</t>
  </si>
  <si>
    <t>33552</t>
  </si>
  <si>
    <t>730.5999755859375</t>
  </si>
  <si>
    <t>0.03459860280761973</t>
  </si>
  <si>
    <t>0.02172812886872677</t>
  </si>
  <si>
    <t>35061</t>
  </si>
  <si>
    <t>452.70001220703125</t>
  </si>
  <si>
    <t>0.02226479859083952</t>
  </si>
  <si>
    <t>36668</t>
  </si>
  <si>
    <t>667.199951171875</t>
  </si>
  <si>
    <t>0.04481503848039914</t>
  </si>
  <si>
    <t>37784</t>
  </si>
  <si>
    <t>0.029981292494285938</t>
  </si>
  <si>
    <t>687.1000366210938</t>
  </si>
  <si>
    <t>0.0046208972814216764</t>
  </si>
  <si>
    <t>40319</t>
  </si>
  <si>
    <t>905.4000244140625</t>
  </si>
  <si>
    <t>0.06031619199301019</t>
  </si>
  <si>
    <t>40708</t>
  </si>
  <si>
    <t>0.009601811461438459</t>
  </si>
  <si>
    <t>40837</t>
  </si>
  <si>
    <t>0.0031638998739413893</t>
  </si>
  <si>
    <t>41444</t>
  </si>
  <si>
    <t>583.4000854492188</t>
  </si>
  <si>
    <t>0.014754585185878355</t>
  </si>
  <si>
    <t>0.017697883838662776</t>
  </si>
  <si>
    <t>42781</t>
  </si>
  <si>
    <t>592.5000610351562</t>
  </si>
  <si>
    <t>0.014053076561960864</t>
  </si>
  <si>
    <t>44517</t>
  </si>
  <si>
    <t>0.039777059901970446</t>
  </si>
  <si>
    <t>45513</t>
  </si>
  <si>
    <t>786.7999877929688</t>
  </si>
  <si>
    <t>0.02212686074196668</t>
  </si>
  <si>
    <t>-0.019457291110612118</t>
  </si>
  <si>
    <t>41832</t>
  </si>
  <si>
    <t>663.4000854492188</t>
  </si>
  <si>
    <t>-0.06487911143762481</t>
  </si>
  <si>
    <t>43133</t>
  </si>
  <si>
    <t>658.9000854492188</t>
  </si>
  <si>
    <t>0.030626768507730162</t>
  </si>
  <si>
    <t>520.9000244140625</t>
  </si>
  <si>
    <t>-0.005183466390125346</t>
  </si>
  <si>
    <t>893.0999755859375</t>
  </si>
  <si>
    <t>-0.013230933369689168</t>
  </si>
  <si>
    <t>43992</t>
  </si>
  <si>
    <t>0.03813383357176825</t>
  </si>
  <si>
    <t>44799</t>
  </si>
  <si>
    <t>0.01817801853772849</t>
  </si>
  <si>
    <t>0.015372650224284357</t>
  </si>
  <si>
    <t>45945</t>
  </si>
  <si>
    <t>669.1998901367188</t>
  </si>
  <si>
    <t>0.009886560985322035</t>
  </si>
  <si>
    <t>47442</t>
  </si>
  <si>
    <t>662.2999877929688</t>
  </si>
  <si>
    <t>0.032062883363996875</t>
  </si>
  <si>
    <t>49092</t>
  </si>
  <si>
    <t>623.7999877929688</t>
  </si>
  <si>
    <t>0.034188176418416205</t>
  </si>
  <si>
    <t>49212</t>
  </si>
  <si>
    <t>776.0</t>
  </si>
  <si>
    <t>0.002441407462661971</t>
  </si>
  <si>
    <t>44347</t>
  </si>
  <si>
    <t>778.7999877929688</t>
  </si>
  <si>
    <t>-0.1040924334732285</t>
  </si>
  <si>
    <t>48199</t>
  </si>
  <si>
    <t>0.08329321122867306</t>
  </si>
  <si>
    <t>50300</t>
  </si>
  <si>
    <t>615.800048828125</t>
  </si>
  <si>
    <t>0.04266680315232563</t>
  </si>
  <si>
    <t>1302</t>
  </si>
  <si>
    <t>41616</t>
  </si>
  <si>
    <t>603.0</t>
  </si>
  <si>
    <t>601.6156005859375</t>
  </si>
  <si>
    <t>West Surrey</t>
  </si>
  <si>
    <t>41004</t>
  </si>
  <si>
    <t>-0.014815085785139459</t>
  </si>
  <si>
    <t>41032</t>
  </si>
  <si>
    <t>871.5</t>
  </si>
  <si>
    <t>0.000682627165812022</t>
  </si>
  <si>
    <t>41927</t>
  </si>
  <si>
    <t>868.8999633789062</t>
  </si>
  <si>
    <t>0.021577760718244576</t>
  </si>
  <si>
    <t>43402</t>
  </si>
  <si>
    <t>0.03457551218866861</t>
  </si>
  <si>
    <t>0.021742464097089353</t>
  </si>
  <si>
    <t>45355</t>
  </si>
  <si>
    <t>0.022272436975937282</t>
  </si>
  <si>
    <t>47434</t>
  </si>
  <si>
    <t>0.04481884707579553</t>
  </si>
  <si>
    <t>48877</t>
  </si>
  <si>
    <t>862.2000732421875</t>
  </si>
  <si>
    <t>0.029967667041709944</t>
  </si>
  <si>
    <t>51096</t>
  </si>
  <si>
    <t>707.5000610351562</t>
  </si>
  <si>
    <t>0.044399278074875426</t>
  </si>
  <si>
    <t>53880</t>
  </si>
  <si>
    <t>0.05305313528287492</t>
  </si>
  <si>
    <t>54735</t>
  </si>
  <si>
    <t>774.7000122070312</t>
  </si>
  <si>
    <t>0.015744007014356853</t>
  </si>
  <si>
    <t>54856</t>
  </si>
  <si>
    <t>0.0022082114255432828</t>
  </si>
  <si>
    <t>55523</t>
  </si>
  <si>
    <t>637.7999877929688</t>
  </si>
  <si>
    <t>0.012085779338802283</t>
  </si>
  <si>
    <t>55325</t>
  </si>
  <si>
    <t>675.2999877929688</t>
  </si>
  <si>
    <t>-0.003572463383752833</t>
  </si>
  <si>
    <t>56027</t>
  </si>
  <si>
    <t>0.01260883146165881</t>
  </si>
  <si>
    <t>57687</t>
  </si>
  <si>
    <t>797.0000610351562</t>
  </si>
  <si>
    <t>0.02919812743778749</t>
  </si>
  <si>
    <t>57755</t>
  </si>
  <si>
    <t>0.0011780809040846663</t>
  </si>
  <si>
    <t>795.9000244140625</t>
  </si>
  <si>
    <t>0.006110631456257565</t>
  </si>
  <si>
    <t>55324</t>
  </si>
  <si>
    <t>757.9000244140625</t>
  </si>
  <si>
    <t>-0.049113746434439776</t>
  </si>
  <si>
    <t>56294</t>
  </si>
  <si>
    <t>0.01738114676793323</t>
  </si>
  <si>
    <t>55551</t>
  </si>
  <si>
    <t>593.9000244140625</t>
  </si>
  <si>
    <t>-0.013286439806606154</t>
  </si>
  <si>
    <t>56049</t>
  </si>
  <si>
    <t>1012.7000122070312</t>
  </si>
  <si>
    <t>0.008924790422021545</t>
  </si>
  <si>
    <t>57055</t>
  </si>
  <si>
    <t>826.5</t>
  </si>
  <si>
    <t>0.017789406740833513</t>
  </si>
  <si>
    <t>59046</t>
  </si>
  <si>
    <t>881.9000244140625</t>
  </si>
  <si>
    <t>0.03430108625826023</t>
  </si>
  <si>
    <t>60592</t>
  </si>
  <si>
    <t>780.2000122070312</t>
  </si>
  <si>
    <t>0.025846070014534206</t>
  </si>
  <si>
    <t>60242</t>
  </si>
  <si>
    <t>-0.005793087687717247</t>
  </si>
  <si>
    <t>60985</t>
  </si>
  <si>
    <t>0.012258148823480752</t>
  </si>
  <si>
    <t>62027</t>
  </si>
  <si>
    <t>676.7000122070312</t>
  </si>
  <si>
    <t>0.016941841825277137</t>
  </si>
  <si>
    <t>64164</t>
  </si>
  <si>
    <t>859.7999267578125</t>
  </si>
  <si>
    <t>0.03387253163411508</t>
  </si>
  <si>
    <t>60054</t>
  </si>
  <si>
    <t>884.2000732421875</t>
  </si>
  <si>
    <t>-0.06619814828965787</t>
  </si>
  <si>
    <t>65271</t>
  </si>
  <si>
    <t>0.0833036760392396</t>
  </si>
  <si>
    <t>68116</t>
  </si>
  <si>
    <t>0.04266430066018323</t>
  </si>
  <si>
    <t>28319</t>
  </si>
  <si>
    <t>646.2000122070312</t>
  </si>
  <si>
    <t>100.49366760253906</t>
  </si>
  <si>
    <t>Wiltshire CC</t>
  </si>
  <si>
    <t>-0.014798747539177981</t>
  </si>
  <si>
    <t>27922</t>
  </si>
  <si>
    <t>0.0006806986380158975</t>
  </si>
  <si>
    <t>9.45000171661377</t>
  </si>
  <si>
    <t>928.7000732421875</t>
  </si>
  <si>
    <t>0.021576306868380968</t>
  </si>
  <si>
    <t>29535</t>
  </si>
  <si>
    <t>933.5</t>
  </si>
  <si>
    <t>0.0345847853243626</t>
  </si>
  <si>
    <t>30184</t>
  </si>
  <si>
    <t>0.02173598190281112</t>
  </si>
  <si>
    <t>30864</t>
  </si>
  <si>
    <t>0.022278473501362583</t>
  </si>
  <si>
    <t>32279</t>
  </si>
  <si>
    <t>816.2999267578125</t>
  </si>
  <si>
    <t>0.04482640782419267</t>
  </si>
  <si>
    <t>0.029968675470758654</t>
  </si>
  <si>
    <t>777.4000244140625</t>
  </si>
  <si>
    <t>0.03724022912215119</t>
  </si>
  <si>
    <t>0.03545582791162971</t>
  </si>
  <si>
    <t>0.047206001728653746</t>
  </si>
  <si>
    <t>37587</t>
  </si>
  <si>
    <t>936.8001098632812</t>
  </si>
  <si>
    <t>0.002370647710765894</t>
  </si>
  <si>
    <t>656.5</t>
  </si>
  <si>
    <t>0.008160931332467314</t>
  </si>
  <si>
    <t>0.012899683344855362</t>
  </si>
  <si>
    <t>38285</t>
  </si>
  <si>
    <t>654.4999389648438</t>
  </si>
  <si>
    <t>-0.002660686043761018</t>
  </si>
  <si>
    <t>814.8999633789062</t>
  </si>
  <si>
    <t>-0.00634107564421349</t>
  </si>
  <si>
    <t>38666</t>
  </si>
  <si>
    <t>892.9000854492188</t>
  </si>
  <si>
    <t>0.01624356198943744</t>
  </si>
  <si>
    <t>860.4999389648438</t>
  </si>
  <si>
    <t>-0.007215750154928813</t>
  </si>
  <si>
    <t>-0.0514742883741075</t>
  </si>
  <si>
    <t>0.03269957897875386</t>
  </si>
  <si>
    <t>606.4999389648438</t>
  </si>
  <si>
    <t>0.0011142062434021938</t>
  </si>
  <si>
    <t>38361</t>
  </si>
  <si>
    <t>1062.0999755859375</t>
  </si>
  <si>
    <t>0.016956910893711097</t>
  </si>
  <si>
    <t>38437</t>
  </si>
  <si>
    <t>878.0999755859375</t>
  </si>
  <si>
    <t>0.001979218854907927</t>
  </si>
  <si>
    <t>39835</t>
  </si>
  <si>
    <t>894.1000366210938</t>
  </si>
  <si>
    <t>0.035725385480279925</t>
  </si>
  <si>
    <t>38989</t>
  </si>
  <si>
    <t>825.2000732421875</t>
  </si>
  <si>
    <t>-0.02146636776867794</t>
  </si>
  <si>
    <t>-0.0026967001048276984</t>
  </si>
  <si>
    <t>0.0062554682782334226</t>
  </si>
  <si>
    <t>39612</t>
  </si>
  <si>
    <t>717.9000244140625</t>
  </si>
  <si>
    <t>0.012293779422000384</t>
  </si>
  <si>
    <t>931.0999755859375</t>
  </si>
  <si>
    <t>0.01032218620572145</t>
  </si>
  <si>
    <t>957.0</t>
  </si>
  <si>
    <t>-0.0946932250185295</t>
  </si>
  <si>
    <t>698.8999633789062</t>
  </si>
  <si>
    <t>0.08328491956129191</t>
  </si>
  <si>
    <t>41294</t>
  </si>
  <si>
    <t>0.04267122755514663</t>
  </si>
  <si>
    <t>26208</t>
  </si>
  <si>
    <t>595.5000610351562</t>
  </si>
  <si>
    <t>380.1109619140625</t>
  </si>
  <si>
    <t>Worcestershire</t>
  </si>
  <si>
    <t>-0.01483786591813363</t>
  </si>
  <si>
    <t>25840</t>
  </si>
  <si>
    <t>840.0999755859375</t>
  </si>
  <si>
    <t>0.0006968371618754077</t>
  </si>
  <si>
    <t>26404</t>
  </si>
  <si>
    <t>0.021591834912122465</t>
  </si>
  <si>
    <t>27333</t>
  </si>
  <si>
    <t>0.034579249573306825</t>
  </si>
  <si>
    <t>579.4000244140625</t>
  </si>
  <si>
    <t>0.02171402217467211</t>
  </si>
  <si>
    <t>506.6999816894531</t>
  </si>
  <si>
    <t>0.022268377456239108</t>
  </si>
  <si>
    <t>29871</t>
  </si>
  <si>
    <t>737.699951171875</t>
  </si>
  <si>
    <t>0.0448109470433149</t>
  </si>
  <si>
    <t>0.03000950643791178</t>
  </si>
  <si>
    <t>31841</t>
  </si>
  <si>
    <t>0.033857151006198904</t>
  </si>
  <si>
    <t>33032</t>
  </si>
  <si>
    <t>961.0000610351562</t>
  </si>
  <si>
    <t>0.03672202106562139</t>
  </si>
  <si>
    <t>714.7999877929688</t>
  </si>
  <si>
    <t>0.0010590176332812007</t>
  </si>
  <si>
    <t>10.566665649414062</t>
  </si>
  <si>
    <t>-0.007650078291383977</t>
  </si>
  <si>
    <t>33876</t>
  </si>
  <si>
    <t>623.9000244140625</t>
  </si>
  <si>
    <t>0.031821071133666834</t>
  </si>
  <si>
    <t>34823</t>
  </si>
  <si>
    <t>690.2000122070312</t>
  </si>
  <si>
    <t>0.027571288950172246</t>
  </si>
  <si>
    <t>34789</t>
  </si>
  <si>
    <t>642.9000854492188</t>
  </si>
  <si>
    <t>-0.0009768431507115594</t>
  </si>
  <si>
    <t>755.3001098632812</t>
  </si>
  <si>
    <t>0.029344728855422275</t>
  </si>
  <si>
    <t>34813</t>
  </si>
  <si>
    <t>834.5</t>
  </si>
  <si>
    <t>-0.028655093472783832</t>
  </si>
  <si>
    <t>0.00449967083383207</t>
  </si>
  <si>
    <t>33328</t>
  </si>
  <si>
    <t>694.199951171875</t>
  </si>
  <si>
    <t>-0.04809266655666811</t>
  </si>
  <si>
    <t>34065</t>
  </si>
  <si>
    <t>634.7000122070312</t>
  </si>
  <si>
    <t>0.02187257970701495</t>
  </si>
  <si>
    <t>35133</t>
  </si>
  <si>
    <t>570.9000244140625</t>
  </si>
  <si>
    <t>0.030870395502478942</t>
  </si>
  <si>
    <t>9.916667938232422</t>
  </si>
  <si>
    <t>0.03765071738301273</t>
  </si>
  <si>
    <t>36986</t>
  </si>
  <si>
    <t>0.013747885551561367</t>
  </si>
  <si>
    <t>769.300048828125</t>
  </si>
  <si>
    <t>0.0273098203384734</t>
  </si>
  <si>
    <t>37974</t>
  </si>
  <si>
    <t>785.2999877929688</t>
  </si>
  <si>
    <t>-0.0009475679799333392</t>
  </si>
  <si>
    <t>37543</t>
  </si>
  <si>
    <t>706.5999755859375</t>
  </si>
  <si>
    <t>-0.011414772298284248</t>
  </si>
  <si>
    <t>39186</t>
  </si>
  <si>
    <t>0.042832597425634944</t>
  </si>
  <si>
    <t>39509</t>
  </si>
  <si>
    <t>0.008208953906331473</t>
  </si>
  <si>
    <t>39704</t>
  </si>
  <si>
    <t>861.2999877929688</t>
  </si>
  <si>
    <t>0.004923444230232832</t>
  </si>
  <si>
    <t>867.8999633789062</t>
  </si>
  <si>
    <t>-0.10980879430922386</t>
  </si>
  <si>
    <t>38665</t>
  </si>
  <si>
    <t>660.5</t>
  </si>
  <si>
    <t>0.08329165408508388</t>
  </si>
  <si>
    <t>696.7000122070312</t>
  </si>
  <si>
    <t>0.04268137949532047</t>
  </si>
  <si>
    <t>GEO</t>
  </si>
  <si>
    <t>7311</t>
  </si>
  <si>
    <t>9.633018493652344</t>
  </si>
  <si>
    <t>1274.8157958984375</t>
  </si>
  <si>
    <t>147.43417358398438</t>
  </si>
  <si>
    <t>Abkhazia</t>
  </si>
  <si>
    <t>Georgia</t>
  </si>
  <si>
    <t>9.072381973266602</t>
  </si>
  <si>
    <t>1311.9532470703125</t>
  </si>
  <si>
    <t>-0.24576096941105874</t>
  </si>
  <si>
    <t>3121</t>
  </si>
  <si>
    <t>8.36638355255127</t>
  </si>
  <si>
    <t>1830.4254150390625</t>
  </si>
  <si>
    <t>-0.6054656306114783</t>
  </si>
  <si>
    <t>8.573220252990723</t>
  </si>
  <si>
    <t>1257.244384765625</t>
  </si>
  <si>
    <t>-0.35653763474108846</t>
  </si>
  <si>
    <t>9.320292472839355</t>
  </si>
  <si>
    <t>1236.75390625</t>
  </si>
  <si>
    <t>-0.09650081968487267</t>
  </si>
  <si>
    <t>2110</t>
  </si>
  <si>
    <t>9.614660263061523</t>
  </si>
  <si>
    <t>1600.9578857421875</t>
  </si>
  <si>
    <t>0.06157293862529478</t>
  </si>
  <si>
    <t>9.305607795715332</t>
  </si>
  <si>
    <t>1592.0302734375</t>
  </si>
  <si>
    <t>0.13914357690147128</t>
  </si>
  <si>
    <t>2758</t>
  </si>
  <si>
    <t>8.880316734313965</t>
  </si>
  <si>
    <t>1524.093994140625</t>
  </si>
  <si>
    <t>0.12867425498166352</t>
  </si>
  <si>
    <t>10.02768325805664</t>
  </si>
  <si>
    <t>1226.6492919921875</t>
  </si>
  <si>
    <t>0.051583317591439304</t>
  </si>
  <si>
    <t>10.027353286743164</t>
  </si>
  <si>
    <t>1635.7149658203125</t>
  </si>
  <si>
    <t>0.04511030721103104</t>
  </si>
  <si>
    <t>10.073819160461426</t>
  </si>
  <si>
    <t>1143.7596435546875</t>
  </si>
  <si>
    <t>0.033978353641849424</t>
  </si>
  <si>
    <t>3333</t>
  </si>
  <si>
    <t>9.90592098236084</t>
  </si>
  <si>
    <t>1743.6971435546875</t>
  </si>
  <si>
    <t>0.05869504151017324</t>
  </si>
  <si>
    <t>3534</t>
  </si>
  <si>
    <t>10.096951484680176</t>
  </si>
  <si>
    <t>1480.35400390625</t>
  </si>
  <si>
    <t>0.05855757457190158</t>
  </si>
  <si>
    <t>3936</t>
  </si>
  <si>
    <t>9.101445198059082</t>
  </si>
  <si>
    <t>1244.893798828125</t>
  </si>
  <si>
    <t>0.10773460529250123</t>
  </si>
  <si>
    <t>4173</t>
  </si>
  <si>
    <t>9.913590431213379</t>
  </si>
  <si>
    <t>1602.7977294921875</t>
  </si>
  <si>
    <t>0.05847022241940891</t>
  </si>
  <si>
    <t>9.593645095825195</t>
  </si>
  <si>
    <t>1505.4520263671875</t>
  </si>
  <si>
    <t>0.09393677780302312</t>
  </si>
  <si>
    <t>5027</t>
  </si>
  <si>
    <t>10.1320219039917</t>
  </si>
  <si>
    <t>1573.134033203125</t>
  </si>
  <si>
    <t>0.09225140529800058</t>
  </si>
  <si>
    <t>10.071533203125</t>
  </si>
  <si>
    <t>1280.107666015625</t>
  </si>
  <si>
    <t>0.12001293711799477</t>
  </si>
  <si>
    <t>10.255448341369629</t>
  </si>
  <si>
    <t>1358.740966796875</t>
  </si>
  <si>
    <t>5619</t>
  </si>
  <si>
    <t>10.38753890991211</t>
  </si>
  <si>
    <t>1531.7327880859375</t>
  </si>
  <si>
    <t>-0.03204897356915026</t>
  </si>
  <si>
    <t>5991</t>
  </si>
  <si>
    <t>11.206692695617676</t>
  </si>
  <si>
    <t>1326.315185546875</t>
  </si>
  <si>
    <t>0.0641046309717268</t>
  </si>
  <si>
    <t>9.269387245178223</t>
  </si>
  <si>
    <t>1474.7286376953125</t>
  </si>
  <si>
    <t>0.07645397936266818</t>
  </si>
  <si>
    <t>6400</t>
  </si>
  <si>
    <t>10.55671215057373</t>
  </si>
  <si>
    <t>1223.3177490234375</t>
  </si>
  <si>
    <t>-0.010414332098831025</t>
  </si>
  <si>
    <t>10.278511047363281</t>
  </si>
  <si>
    <t>1529.142578125</t>
  </si>
  <si>
    <t>0.13431233760759476</t>
  </si>
  <si>
    <t>10.534567832946777</t>
  </si>
  <si>
    <t>1245.3621826171875</t>
  </si>
  <si>
    <t>0.054110360978226524</t>
  </si>
  <si>
    <t>10.397652626037598</t>
  </si>
  <si>
    <t>1438.54638671875</t>
  </si>
  <si>
    <t>0.021508958756159657</t>
  </si>
  <si>
    <t>8843</t>
  </si>
  <si>
    <t>10.226841926574707</t>
  </si>
  <si>
    <t>1487.0494384765625</t>
  </si>
  <si>
    <t>0.11339653788599158</t>
  </si>
  <si>
    <t>10.577797889709473</t>
  </si>
  <si>
    <t>1527.054931640625</t>
  </si>
  <si>
    <t>0.030733963357929994</t>
  </si>
  <si>
    <t>9742</t>
  </si>
  <si>
    <t>11.079010009765625</t>
  </si>
  <si>
    <t>1289.704833984375</t>
  </si>
  <si>
    <t>0.06608628643282266</t>
  </si>
  <si>
    <t>11695</t>
  </si>
  <si>
    <t>10.938465118408203</t>
  </si>
  <si>
    <t>1160.5352783203125</t>
  </si>
  <si>
    <t>0.18271496465179204</t>
  </si>
  <si>
    <t>11.157696723937988</t>
  </si>
  <si>
    <t>1102.3853759765625</t>
  </si>
  <si>
    <t>0.04742519874374729</t>
  </si>
  <si>
    <t>13199</t>
  </si>
  <si>
    <t>10.356146812438965</t>
  </si>
  <si>
    <t>1608.5272216796875</t>
  </si>
  <si>
    <t>0.0735544703669273</t>
  </si>
  <si>
    <t>14541</t>
  </si>
  <si>
    <t>10.682459831237793</t>
  </si>
  <si>
    <t>1297.0972900390625</t>
  </si>
  <si>
    <t>0.09683117638453176</t>
  </si>
  <si>
    <t>12.342949867248535</t>
  </si>
  <si>
    <t>1588.5296630859375</t>
  </si>
  <si>
    <t>284.255859375</t>
  </si>
  <si>
    <t>Ajaria</t>
  </si>
  <si>
    <t>8413</t>
  </si>
  <si>
    <t>11.880620002746582</t>
  </si>
  <si>
    <t>1603.3463134765625</t>
  </si>
  <si>
    <t>-0.2457785768811913</t>
  </si>
  <si>
    <t>4591</t>
  </si>
  <si>
    <t>10.942610740661621</t>
  </si>
  <si>
    <t>2147.114990234375</t>
  </si>
  <si>
    <t>-0.6056802633015916</t>
  </si>
  <si>
    <t>3215</t>
  </si>
  <si>
    <t>11.508931159973145</t>
  </si>
  <si>
    <t>1487.899658203125</t>
  </si>
  <si>
    <t>-0.3562705075775021</t>
  </si>
  <si>
    <t>2920</t>
  </si>
  <si>
    <t>12.348315238952637</t>
  </si>
  <si>
    <t>1619.673828125</t>
  </si>
  <si>
    <t>-0.09624374140939285</t>
  </si>
  <si>
    <t>12.280051231384277</t>
  </si>
  <si>
    <t>1785.8671875</t>
  </si>
  <si>
    <t>0.06110798604078216</t>
  </si>
  <si>
    <t>3568</t>
  </si>
  <si>
    <t>12.4308443069458</t>
  </si>
  <si>
    <t>1968.37451171875</t>
  </si>
  <si>
    <t>0.13931361239679063</t>
  </si>
  <si>
    <t>4058</t>
  </si>
  <si>
    <t>11.755278587341309</t>
  </si>
  <si>
    <t>1755.86083984375</t>
  </si>
  <si>
    <t>0.12868502668585968</t>
  </si>
  <si>
    <t>4273</t>
  </si>
  <si>
    <t>13.07217025756836</t>
  </si>
  <si>
    <t>1466.248779296875</t>
  </si>
  <si>
    <t>0.05162591525826521</t>
  </si>
  <si>
    <t>12.953105926513672</t>
  </si>
  <si>
    <t>2065.238037109375</t>
  </si>
  <si>
    <t>0.04529594058995556</t>
  </si>
  <si>
    <t>4624</t>
  </si>
  <si>
    <t>12.84774398803711</t>
  </si>
  <si>
    <t>1359.632080078125</t>
  </si>
  <si>
    <t>0.03364803411823303</t>
  </si>
  <si>
    <t>12.982330322265625</t>
  </si>
  <si>
    <t>2011.37939453125</t>
  </si>
  <si>
    <t>0.058791067263832986</t>
  </si>
  <si>
    <t>12.907219886779785</t>
  </si>
  <si>
    <t>1838.2431640625</t>
  </si>
  <si>
    <t>0.05841510076766809</t>
  </si>
  <si>
    <t>12.155387878417969</t>
  </si>
  <si>
    <t>1694.8990478515625</t>
  </si>
  <si>
    <t>0.10783868884207415</t>
  </si>
  <si>
    <t>12.554367065429688</t>
  </si>
  <si>
    <t>1789.0394287109375</t>
  </si>
  <si>
    <t>0.058519753915399875</t>
  </si>
  <si>
    <t>12.519545555114746</t>
  </si>
  <si>
    <t>1953.7623291015625</t>
  </si>
  <si>
    <t>0.0939767475006672</t>
  </si>
  <si>
    <t>12.802536964416504</t>
  </si>
  <si>
    <t>1802.85888671875</t>
  </si>
  <si>
    <t>0.09213782386515845</t>
  </si>
  <si>
    <t>8339</t>
  </si>
  <si>
    <t>12.820579528808594</t>
  </si>
  <si>
    <t>1756.912841796875</t>
  </si>
  <si>
    <t>0.12000399157997066</t>
  </si>
  <si>
    <t>13.192493438720703</t>
  </si>
  <si>
    <t>1570.2313232421875</t>
  </si>
  <si>
    <t>0.023349208894604345</t>
  </si>
  <si>
    <t>13.43575668334961</t>
  </si>
  <si>
    <t>2105.998291015625</t>
  </si>
  <si>
    <t>-0.032020827728914014</t>
  </si>
  <si>
    <t>8814</t>
  </si>
  <si>
    <t>14.21269702911377</t>
  </si>
  <si>
    <t>1539.41259765625</t>
  </si>
  <si>
    <t>0.06406968014925596</t>
  </si>
  <si>
    <t>12.147286415100098</t>
  </si>
  <si>
    <t>1885.713134765625</t>
  </si>
  <si>
    <t>0.07652813432831884</t>
  </si>
  <si>
    <t>10454</t>
  </si>
  <si>
    <t>13.410874366760254</t>
  </si>
  <si>
    <t>1646.7080078125</t>
  </si>
  <si>
    <t>0.09411517954261583</t>
  </si>
  <si>
    <t>12921</t>
  </si>
  <si>
    <t>13.075827598571777</t>
  </si>
  <si>
    <t>1755.201416015625</t>
  </si>
  <si>
    <t>0.21186921444935436</t>
  </si>
  <si>
    <t>13023</t>
  </si>
  <si>
    <t>13.707446098327637</t>
  </si>
  <si>
    <t>1628.25048828125</t>
  </si>
  <si>
    <t>0.007863130245482353</t>
  </si>
  <si>
    <t>12664</t>
  </si>
  <si>
    <t>13.161898612976074</t>
  </si>
  <si>
    <t>1935.840087890625</t>
  </si>
  <si>
    <t>-0.027953702406854575</t>
  </si>
  <si>
    <t>14462</t>
  </si>
  <si>
    <t>13.04215145111084</t>
  </si>
  <si>
    <t>1976.6513671875</t>
  </si>
  <si>
    <t>0.1327611971740481</t>
  </si>
  <si>
    <t>15750</t>
  </si>
  <si>
    <t>13.515210151672363</t>
  </si>
  <si>
    <t>1678.035888671875</t>
  </si>
  <si>
    <t>0.08531584551888294</t>
  </si>
  <si>
    <t>14720</t>
  </si>
  <si>
    <t>14.35036849975586</t>
  </si>
  <si>
    <t>1721.710693359375</t>
  </si>
  <si>
    <t>-0.06763325197091241</t>
  </si>
  <si>
    <t>16004</t>
  </si>
  <si>
    <t>13.702880859375</t>
  </si>
  <si>
    <t>1366.643310546875</t>
  </si>
  <si>
    <t>0.08363157769425911</t>
  </si>
  <si>
    <t>16697</t>
  </si>
  <si>
    <t>13.939984321594238</t>
  </si>
  <si>
    <t>1536.417236328125</t>
  </si>
  <si>
    <t>0.04239037157183034</t>
  </si>
  <si>
    <t>15941</t>
  </si>
  <si>
    <t>13.324679374694824</t>
  </si>
  <si>
    <t>1850.4981689453125</t>
  </si>
  <si>
    <t>-0.0463346559153095</t>
  </si>
  <si>
    <t>13.633129119873047</t>
  </si>
  <si>
    <t>1487.0146484375</t>
  </si>
  <si>
    <t>0.09678612754220772</t>
  </si>
  <si>
    <t>12.116710662841797</t>
  </si>
  <si>
    <t>1097.23486328125</t>
  </si>
  <si>
    <t>248.66217041015625</t>
  </si>
  <si>
    <t>Imereti</t>
  </si>
  <si>
    <t>6069</t>
  </si>
  <si>
    <t>11.518012046813965</t>
  </si>
  <si>
    <t>1084.2862548828125</t>
  </si>
  <si>
    <t>-0.24578848734140912</t>
  </si>
  <si>
    <t>10.59898853302002</t>
  </si>
  <si>
    <t>1579.2734375</t>
  </si>
  <si>
    <t>-0.6056416103307054</t>
  </si>
  <si>
    <t>11.24599838256836</t>
  </si>
  <si>
    <t>1025.5877685546875</t>
  </si>
  <si>
    <t>-0.356416178249618</t>
  </si>
  <si>
    <t>12.088638305664062</t>
  </si>
  <si>
    <t>1077.401123046875</t>
  </si>
  <si>
    <t>-0.09634564456161065</t>
  </si>
  <si>
    <t>2239</t>
  </si>
  <si>
    <t>12.195834159851074</t>
  </si>
  <si>
    <t>1236.0545654296875</t>
  </si>
  <si>
    <t>0.061238923904833875</t>
  </si>
  <si>
    <t>2573</t>
  </si>
  <si>
    <t>12.497136116027832</t>
  </si>
  <si>
    <t>1258.6590576171875</t>
  </si>
  <si>
    <t>0.13904319568298984</t>
  </si>
  <si>
    <t>11.438556671142578</t>
  </si>
  <si>
    <t>1190.69580078125</t>
  </si>
  <si>
    <t>0.128905474410141</t>
  </si>
  <si>
    <t>3082</t>
  </si>
  <si>
    <t>12.954662322998047</t>
  </si>
  <si>
    <t>998.4052124023438</t>
  </si>
  <si>
    <t>0.05160072918817615</t>
  </si>
  <si>
    <t>12.699727058410645</t>
  </si>
  <si>
    <t>1270.02880859375</t>
  </si>
  <si>
    <t>0.04535421334981038</t>
  </si>
  <si>
    <t>12.50279712677002</t>
  </si>
  <si>
    <t>984.9532470703125</t>
  </si>
  <si>
    <t>0.03353972911985181</t>
  </si>
  <si>
    <t>3537</t>
  </si>
  <si>
    <t>12.997054100036621</t>
  </si>
  <si>
    <t>1334.00732421875</t>
  </si>
  <si>
    <t>0.058806230855756425</t>
  </si>
  <si>
    <t>3751</t>
  </si>
  <si>
    <t>12.51492691040039</t>
  </si>
  <si>
    <t>1289.7301025390625</t>
  </si>
  <si>
    <t>0.05874356087640642</t>
  </si>
  <si>
    <t>4177</t>
  </si>
  <si>
    <t>12.197382926940918</t>
  </si>
  <si>
    <t>1237.16064453125</t>
  </si>
  <si>
    <t>0.10757081441528804</t>
  </si>
  <si>
    <t>12.105140686035156</t>
  </si>
  <si>
    <t>1330.2755126953125</t>
  </si>
  <si>
    <t>0.05858053942602304</t>
  </si>
  <si>
    <t>12.451260566711426</t>
  </si>
  <si>
    <t>1380.4805908203125</t>
  </si>
  <si>
    <t>0.09389289069690676</t>
  </si>
  <si>
    <t>5335</t>
  </si>
  <si>
    <t>12.802468299865723</t>
  </si>
  <si>
    <t>1189.1087646484375</t>
  </si>
  <si>
    <t>0.09222216911574854</t>
  </si>
  <si>
    <t>12.237338066101074</t>
  </si>
  <si>
    <t>1290.1409912109375</t>
  </si>
  <si>
    <t>0.12013370189382222</t>
  </si>
  <si>
    <t>6157</t>
  </si>
  <si>
    <t>12.900932312011719</t>
  </si>
  <si>
    <t>1021.198486328125</t>
  </si>
  <si>
    <t>0.023167059281535174</t>
  </si>
  <si>
    <t>5964</t>
  </si>
  <si>
    <t>13.309185028076172</t>
  </si>
  <si>
    <t>1445.705810546875</t>
  </si>
  <si>
    <t>-0.03184824902658079</t>
  </si>
  <si>
    <t>6358</t>
  </si>
  <si>
    <t>14.165982246398926</t>
  </si>
  <si>
    <t>1088.65576171875</t>
  </si>
  <si>
    <t>0.06397246558611869</t>
  </si>
  <si>
    <t>12.008540153503418</t>
  </si>
  <si>
    <t>1328.725830078125</t>
  </si>
  <si>
    <t>0.07657649969704927</t>
  </si>
  <si>
    <t>13.115735054016113</t>
  </si>
  <si>
    <t>1050.3037109375</t>
  </si>
  <si>
    <t>0.0569155716133487</t>
  </si>
  <si>
    <t>12.78014087677002</t>
  </si>
  <si>
    <t>0.07053311052845324</t>
  </si>
  <si>
    <t>7768</t>
  </si>
  <si>
    <t>13.499480247497559</t>
  </si>
  <si>
    <t>1050.1697998046875</t>
  </si>
  <si>
    <t>-0.003726313338438203</t>
  </si>
  <si>
    <t>13.006114959716797</t>
  </si>
  <si>
    <t>1290.6221923828125</t>
  </si>
  <si>
    <t>0.010882893403712401</t>
  </si>
  <si>
    <t>9706</t>
  </si>
  <si>
    <t>12.61428451538086</t>
  </si>
  <si>
    <t>1290.8516845703125</t>
  </si>
  <si>
    <t>0.21184862659028703</t>
  </si>
  <si>
    <t>13.191146850585938</t>
  </si>
  <si>
    <t>1205.066650390625</t>
  </si>
  <si>
    <t>-0.06766173935021591</t>
  </si>
  <si>
    <t>13.99786376953125</t>
  </si>
  <si>
    <t>1008.5521850585938</t>
  </si>
  <si>
    <t>0.16525468341205674</t>
  </si>
  <si>
    <t>13.440010070800781</t>
  </si>
  <si>
    <t>1039.081787109375</t>
  </si>
  <si>
    <t>0.08993517378477556</t>
  </si>
  <si>
    <t>10175</t>
  </si>
  <si>
    <t>13.653839111328125</t>
  </si>
  <si>
    <t>1024.7347412109375</t>
  </si>
  <si>
    <t>-0.14033863750098163</t>
  </si>
  <si>
    <t>11329</t>
  </si>
  <si>
    <t>13.274165153503418</t>
  </si>
  <si>
    <t>1218.945556640625</t>
  </si>
  <si>
    <t>0.10743207856269343</t>
  </si>
  <si>
    <t>13.53548526763916</t>
  </si>
  <si>
    <t>1040.81494140625</t>
  </si>
  <si>
    <t>0.09676155304993017</t>
  </si>
  <si>
    <t>6494</t>
  </si>
  <si>
    <t>12.420344352722168</t>
  </si>
  <si>
    <t>665.7155151367188</t>
  </si>
  <si>
    <t>226.31858825683594</t>
  </si>
  <si>
    <t>Kakheti</t>
  </si>
  <si>
    <t>11.909137725830078</t>
  </si>
  <si>
    <t>642.3405151367188</t>
  </si>
  <si>
    <t>-0.2457642818615451</t>
  </si>
  <si>
    <t>10.947571754455566</t>
  </si>
  <si>
    <t>748.7318725585938</t>
  </si>
  <si>
    <t>-0.6055453104914514</t>
  </si>
  <si>
    <t>11.077181816101074</t>
  </si>
  <si>
    <t>653.0875244140625</t>
  </si>
  <si>
    <t>-0.356365777140784</t>
  </si>
  <si>
    <t>11.60975170135498</t>
  </si>
  <si>
    <t>731.28173828125</t>
  </si>
  <si>
    <t>-0.09618640077114016</t>
  </si>
  <si>
    <t>12.631413459777832</t>
  </si>
  <si>
    <t>633.166748046875</t>
  </si>
  <si>
    <t>0.061058280400497544</t>
  </si>
  <si>
    <t>12.27157211303711</t>
  </si>
  <si>
    <t>623.7461547851562</t>
  </si>
  <si>
    <t>0.13925139491796656</t>
  </si>
  <si>
    <t>2450</t>
  </si>
  <si>
    <t>11.819905281066895</t>
  </si>
  <si>
    <t>697.1476440429688</t>
  </si>
  <si>
    <t>0.12876144582243843</t>
  </si>
  <si>
    <t>2580</t>
  </si>
  <si>
    <t>13.061602592468262</t>
  </si>
  <si>
    <t>593.0565185546875</t>
  </si>
  <si>
    <t>0.05170137437689082</t>
  </si>
  <si>
    <t>12.8200101852417</t>
  </si>
  <si>
    <t>746.4132080078125</t>
  </si>
  <si>
    <t>0.04509193510234155</t>
  </si>
  <si>
    <t>12.782448768615723</t>
  </si>
  <si>
    <t>519.4124145507812</t>
  </si>
  <si>
    <t>0.0338768508642584</t>
  </si>
  <si>
    <t>2961</t>
  </si>
  <si>
    <t>13.061158180236816</t>
  </si>
  <si>
    <t>647.7628173828125</t>
  </si>
  <si>
    <t>0.05876886421932781</t>
  </si>
  <si>
    <t>3139</t>
  </si>
  <si>
    <t>12.57909107208252</t>
  </si>
  <si>
    <t>866.1432495117188</t>
  </si>
  <si>
    <t>0.058377228740361886</t>
  </si>
  <si>
    <t>3496</t>
  </si>
  <si>
    <t>12.2014741897583</t>
  </si>
  <si>
    <t>865.8224487304688</t>
  </si>
  <si>
    <t>0.10771517993347324</t>
  </si>
  <si>
    <t>3707</t>
  </si>
  <si>
    <t>12.790179252624512</t>
  </si>
  <si>
    <t>833.5490112304688</t>
  </si>
  <si>
    <t>0.05860346637530611</t>
  </si>
  <si>
    <t>12.56432056427002</t>
  </si>
  <si>
    <t>869.75732421875</t>
  </si>
  <si>
    <t>0.09391135507962645</t>
  </si>
  <si>
    <t>13.043868064880371</t>
  </si>
  <si>
    <t>685.4448852539062</t>
  </si>
  <si>
    <t>0.09213493508024051</t>
  </si>
  <si>
    <t>12.260452270507812</t>
  </si>
  <si>
    <t>872.2774658203125</t>
  </si>
  <si>
    <t>0.12014431184206309</t>
  </si>
  <si>
    <t>12.789608001708984</t>
  </si>
  <si>
    <t>635.8011474609375</t>
  </si>
  <si>
    <t>0.023165543175561965</t>
  </si>
  <si>
    <t>4991</t>
  </si>
  <si>
    <t>12.893837928771973</t>
  </si>
  <si>
    <t>915.8605346679688</t>
  </si>
  <si>
    <t>-0.03194277885861574</t>
  </si>
  <si>
    <t>13.924519538879395</t>
  </si>
  <si>
    <t>852.8959350585938</t>
  </si>
  <si>
    <t>0.06402496512676059</t>
  </si>
  <si>
    <t>12.024214744567871</t>
  </si>
  <si>
    <t>787.1171875</t>
  </si>
  <si>
    <t>0.07666865568648618</t>
  </si>
  <si>
    <t>6232</t>
  </si>
  <si>
    <t>13.140957832336426</t>
  </si>
  <si>
    <t>652.7540893554688</t>
  </si>
  <si>
    <t>0.08136739726772824</t>
  </si>
  <si>
    <t>13.03357982635498</t>
  </si>
  <si>
    <t>720.22705078125</t>
  </si>
  <si>
    <t>0.029409234119219363</t>
  </si>
  <si>
    <t>13.184364318847656</t>
  </si>
  <si>
    <t>676.0446166992188</t>
  </si>
  <si>
    <t>0.24819332712056585</t>
  </si>
  <si>
    <t>13.291518211364746</t>
  </si>
  <si>
    <t>783.9891967773438</t>
  </si>
  <si>
    <t>0.05406722127027663</t>
  </si>
  <si>
    <t>12.808853149414062</t>
  </si>
  <si>
    <t>830.029541015625</t>
  </si>
  <si>
    <t>-0.052973727448904384</t>
  </si>
  <si>
    <t>13.225531578063965</t>
  </si>
  <si>
    <t>641.3268432617188</t>
  </si>
  <si>
    <t>0.09149433112609984</t>
  </si>
  <si>
    <t>10147</t>
  </si>
  <si>
    <t>13.824755668640137</t>
  </si>
  <si>
    <t>662.5739135742188</t>
  </si>
  <si>
    <t>0.11729040054124162</t>
  </si>
  <si>
    <t>10413</t>
  </si>
  <si>
    <t>13.598834037780762</t>
  </si>
  <si>
    <t>591.5227661132812</t>
  </si>
  <si>
    <t>0.0258769302508135</t>
  </si>
  <si>
    <t>13.3294095993042</t>
  </si>
  <si>
    <t>681.5249633789062</t>
  </si>
  <si>
    <t>-0.08976522427859024</t>
  </si>
  <si>
    <t>10620</t>
  </si>
  <si>
    <t>13.602676391601562</t>
  </si>
  <si>
    <t>668.8008422851562</t>
  </si>
  <si>
    <t>0.10944921454462353</t>
  </si>
  <si>
    <t>13.571005821228027</t>
  </si>
  <si>
    <t>649.9263916015625</t>
  </si>
  <si>
    <t>0.09676435225167168</t>
  </si>
  <si>
    <t>11.085545539855957</t>
  </si>
  <si>
    <t>621.4869995117188</t>
  </si>
  <si>
    <t>243.41375732421875</t>
  </si>
  <si>
    <t>Kvemo Kartli</t>
  </si>
  <si>
    <t>7619</t>
  </si>
  <si>
    <t>10.498237609863281</t>
  </si>
  <si>
    <t>594.333251953125</t>
  </si>
  <si>
    <t>-0.24580130789347798</t>
  </si>
  <si>
    <t>9.664571762084961</t>
  </si>
  <si>
    <t>710.3370361328125</t>
  </si>
  <si>
    <t>-0.605610938055051</t>
  </si>
  <si>
    <t>9.629122734069824</t>
  </si>
  <si>
    <t>618.0223388671875</t>
  </si>
  <si>
    <t>-0.3561940591013819</t>
  </si>
  <si>
    <t>10.194592475891113</t>
  </si>
  <si>
    <t>643.1801147460938</t>
  </si>
  <si>
    <t>-0.09654720834500008</t>
  </si>
  <si>
    <t>11.265509605407715</t>
  </si>
  <si>
    <t>603.0702514648438</t>
  </si>
  <si>
    <t>0.06124736993495539</t>
  </si>
  <si>
    <t>10.739521026611328</t>
  </si>
  <si>
    <t>583.4259643554688</t>
  </si>
  <si>
    <t>0.13925139491796568</t>
  </si>
  <si>
    <t>10.50367546081543</t>
  </si>
  <si>
    <t>639.55615234375</t>
  </si>
  <si>
    <t>0.1287614458224393</t>
  </si>
  <si>
    <t>3870</t>
  </si>
  <si>
    <t>11.670580863952637</t>
  </si>
  <si>
    <t>582.0288696289062</t>
  </si>
  <si>
    <t>0.05170137437688993</t>
  </si>
  <si>
    <t>4049</t>
  </si>
  <si>
    <t>11.299403190612793</t>
  </si>
  <si>
    <t>685.7929077148438</t>
  </si>
  <si>
    <t>0.04521543000833361</t>
  </si>
  <si>
    <t>11.386368751525879</t>
  </si>
  <si>
    <t>471.6185607910156</t>
  </si>
  <si>
    <t>0.03375335595826634</t>
  </si>
  <si>
    <t>4441</t>
  </si>
  <si>
    <t>11.559252738952637</t>
  </si>
  <si>
    <t>626.312255859375</t>
  </si>
  <si>
    <t>0.058656283301674605</t>
  </si>
  <si>
    <t>11.27196216583252</t>
  </si>
  <si>
    <t>839.7634887695312</t>
  </si>
  <si>
    <t>0.05859599495145318</t>
  </si>
  <si>
    <t>5245</t>
  </si>
  <si>
    <t>10.654096603393555</t>
  </si>
  <si>
    <t>831.3846435546875</t>
  </si>
  <si>
    <t>0.10779967058684292</t>
  </si>
  <si>
    <t>5561</t>
  </si>
  <si>
    <t>11.444437980651855</t>
  </si>
  <si>
    <t>815.3866577148438</t>
  </si>
  <si>
    <t>0.05850270635716548</t>
  </si>
  <si>
    <t>11.12558650970459</t>
  </si>
  <si>
    <t>852.6429443359375</t>
  </si>
  <si>
    <t>0.09382143915095931</t>
  </si>
  <si>
    <t>6698</t>
  </si>
  <si>
    <t>11.620304107666016</t>
  </si>
  <si>
    <t>658.5333251953125</t>
  </si>
  <si>
    <t>0.09220958701562765</t>
  </si>
  <si>
    <t>10.97982120513916</t>
  </si>
  <si>
    <t>870.0520629882812</t>
  </si>
  <si>
    <t>0.12013586095929796</t>
  </si>
  <si>
    <t>7731</t>
  </si>
  <si>
    <t>11.409735679626465</t>
  </si>
  <si>
    <t>604.682861328125</t>
  </si>
  <si>
    <t>0.023293385007026046</t>
  </si>
  <si>
    <t>11.4002103805542</t>
  </si>
  <si>
    <t>925.6334228515625</t>
  </si>
  <si>
    <t>-0.03193648116304537</t>
  </si>
  <si>
    <t>7983</t>
  </si>
  <si>
    <t>12.376585960388184</t>
  </si>
  <si>
    <t>792.4036865234375</t>
  </si>
  <si>
    <t>0.06401254148837054</t>
  </si>
  <si>
    <t>8618</t>
  </si>
  <si>
    <t>10.616867065429688</t>
  </si>
  <si>
    <t>765.2451782226562</t>
  </si>
  <si>
    <t>0.07653875852998482</t>
  </si>
  <si>
    <t>11.757563591003418</t>
  </si>
  <si>
    <t>630.5946044921875</t>
  </si>
  <si>
    <t>0.06153884209802207</t>
  </si>
  <si>
    <t>8612</t>
  </si>
  <si>
    <t>11.584118843078613</t>
  </si>
  <si>
    <t>682.9397583007812</t>
  </si>
  <si>
    <t>-0.06223530178955272</t>
  </si>
  <si>
    <t>11.707745552062988</t>
  </si>
  <si>
    <t>655.812744140625</t>
  </si>
  <si>
    <t>-0.02029276132628688</t>
  </si>
  <si>
    <t>11.838085174560547</t>
  </si>
  <si>
    <t>774.6096801757812</t>
  </si>
  <si>
    <t>0.06091036896003743</t>
  </si>
  <si>
    <t>8702</t>
  </si>
  <si>
    <t>11.345733642578125</t>
  </si>
  <si>
    <t>821.7335205078125</t>
  </si>
  <si>
    <t>-0.030221302837379227</t>
  </si>
  <si>
    <t>9326</t>
  </si>
  <si>
    <t>11.705540657043457</t>
  </si>
  <si>
    <t>599.2522583007812</t>
  </si>
  <si>
    <t>0.06925331408764102</t>
  </si>
  <si>
    <t>12.319039344787598</t>
  </si>
  <si>
    <t>715.2341918945312</t>
  </si>
  <si>
    <t>0.21509062576797078</t>
  </si>
  <si>
    <t>11259</t>
  </si>
  <si>
    <t>12.109452247619629</t>
  </si>
  <si>
    <t>541.8126220703125</t>
  </si>
  <si>
    <t>-0.026729015333106787</t>
  </si>
  <si>
    <t>11.947098731994629</t>
  </si>
  <si>
    <t>698.0903930664062</t>
  </si>
  <si>
    <t>-0.12008384195321398</t>
  </si>
  <si>
    <t>11738</t>
  </si>
  <si>
    <t>12.053489685058594</t>
  </si>
  <si>
    <t>580.076416015625</t>
  </si>
  <si>
    <t>0.16174747526836342</t>
  </si>
  <si>
    <t>12931</t>
  </si>
  <si>
    <t>12.073177337646484</t>
  </si>
  <si>
    <t>597.5955200195312</t>
  </si>
  <si>
    <t>0.09679608717757304</t>
  </si>
  <si>
    <t>1316</t>
  </si>
  <si>
    <t>7.39166784286499</t>
  </si>
  <si>
    <t>1131.5999755859375</t>
  </si>
  <si>
    <t>10.838934898376465</t>
  </si>
  <si>
    <t>Mtskheta-Mtianeti</t>
  </si>
  <si>
    <t>6.808332443237305</t>
  </si>
  <si>
    <t>865.699951171875</t>
  </si>
  <si>
    <t>-0.24571538766719137</t>
  </si>
  <si>
    <t>1299.199951171875</t>
  </si>
  <si>
    <t>-0.6057646771975271</t>
  </si>
  <si>
    <t>5.983333587646484</t>
  </si>
  <si>
    <t>994.199951171875</t>
  </si>
  <si>
    <t>-0.35631057884087713</t>
  </si>
  <si>
    <t>803.300048828125</t>
  </si>
  <si>
    <t>-0.09629427042007332</t>
  </si>
  <si>
    <t>987.300048828125</t>
  </si>
  <si>
    <t>0.06107283545671027</t>
  </si>
  <si>
    <t>3046</t>
  </si>
  <si>
    <t>7.016666412353516</t>
  </si>
  <si>
    <t>969.4000244140625</t>
  </si>
  <si>
    <t>0.13926961447483865</t>
  </si>
  <si>
    <t>3465</t>
  </si>
  <si>
    <t>6.8416666984558105</t>
  </si>
  <si>
    <t>1102.5999755859375</t>
  </si>
  <si>
    <t>0.12888337816889717</t>
  </si>
  <si>
    <t>3649</t>
  </si>
  <si>
    <t>853.6000366210938</t>
  </si>
  <si>
    <t>0.05174052481244473</t>
  </si>
  <si>
    <t>3817</t>
  </si>
  <si>
    <t>998.5999145507812</t>
  </si>
  <si>
    <t>0.04501161630878059</t>
  </si>
  <si>
    <t>779.3001098632812</t>
  </si>
  <si>
    <t>0.033744347808143615</t>
  </si>
  <si>
    <t>977.5999755859375</t>
  </si>
  <si>
    <t>0.058775365465770335</t>
  </si>
  <si>
    <t>1293.300048828125</t>
  </si>
  <si>
    <t>0.058669889407127584</t>
  </si>
  <si>
    <t>1065.0</t>
  </si>
  <si>
    <t>0.1077225886305424</t>
  </si>
  <si>
    <t>1230.2001953125</t>
  </si>
  <si>
    <t>0.058516888515720566</t>
  </si>
  <si>
    <t>0.09386999493413839</t>
  </si>
  <si>
    <t>6315</t>
  </si>
  <si>
    <t>960.7000122070312</t>
  </si>
  <si>
    <t>0.09216390727791968</t>
  </si>
  <si>
    <t>7121</t>
  </si>
  <si>
    <t>1073.0999755859375</t>
  </si>
  <si>
    <t>0.12012040919753275</t>
  </si>
  <si>
    <t>7.825000762939453</t>
  </si>
  <si>
    <t>0.02331819740008889</t>
  </si>
  <si>
    <t>1301.7999267578125</t>
  </si>
  <si>
    <t>-0.03206296398674091</t>
  </si>
  <si>
    <t>7526</t>
  </si>
  <si>
    <t>1080.5001220703125</t>
  </si>
  <si>
    <t>0.06406029375791</t>
  </si>
  <si>
    <t>8125</t>
  </si>
  <si>
    <t>6.950000286102295</t>
  </si>
  <si>
    <t>1114.0999755859375</t>
  </si>
  <si>
    <t>0.07658203604455593</t>
  </si>
  <si>
    <t>8.191665649414062</t>
  </si>
  <si>
    <t>1040.199951171875</t>
  </si>
  <si>
    <t>0.07878274265324059</t>
  </si>
  <si>
    <t>10887</t>
  </si>
  <si>
    <t>1098.800048828125</t>
  </si>
  <si>
    <t>0.21384094603000037</t>
  </si>
  <si>
    <t>1060.10009765625</t>
  </si>
  <si>
    <t>0.008506019182341618</t>
  </si>
  <si>
    <t>13102</t>
  </si>
  <si>
    <t>1095.2999267578125</t>
  </si>
  <si>
    <t>0.17668945422830085</t>
  </si>
  <si>
    <t>14106</t>
  </si>
  <si>
    <t>1116.300048828125</t>
  </si>
  <si>
    <t>0.0738353484763028</t>
  </si>
  <si>
    <t>12740</t>
  </si>
  <si>
    <t>1030.5</t>
  </si>
  <si>
    <t>-0.10185358864197092</t>
  </si>
  <si>
    <t>906.7000122070312</t>
  </si>
  <si>
    <t>0.13716489334849946</t>
  </si>
  <si>
    <t>16020</t>
  </si>
  <si>
    <t>813.0000610351562</t>
  </si>
  <si>
    <t>0.09192639814769699</t>
  </si>
  <si>
    <t>15027</t>
  </si>
  <si>
    <t>8.125001907348633</t>
  </si>
  <si>
    <t>-0.0639893585966238</t>
  </si>
  <si>
    <t>18003</t>
  </si>
  <si>
    <t>1068.199951171875</t>
  </si>
  <si>
    <t>0.18068982763189645</t>
  </si>
  <si>
    <t>19832</t>
  </si>
  <si>
    <t>0.096758384057404</t>
  </si>
  <si>
    <t>5.260325908660889</t>
  </si>
  <si>
    <t>1130.0537109375</t>
  </si>
  <si>
    <t>25.089305877685547</t>
  </si>
  <si>
    <t>Racha-Lechkhumi-Kvemo Svaneti</t>
  </si>
  <si>
    <t>4.35513162612915</t>
  </si>
  <si>
    <t>1178.2498779296875</t>
  </si>
  <si>
    <t>3.8029654026031494</t>
  </si>
  <si>
    <t>1647.66162109375</t>
  </si>
  <si>
    <t>3.751882314682007</t>
  </si>
  <si>
    <t>1104.319091796875</t>
  </si>
  <si>
    <t>4.303937911987305</t>
  </si>
  <si>
    <t>1077.708740234375</t>
  </si>
  <si>
    <t>5.248854160308838</t>
  </si>
  <si>
    <t>1343.4501953125</t>
  </si>
  <si>
    <t>4.792576313018799</t>
  </si>
  <si>
    <t>1256.8887939453125</t>
  </si>
  <si>
    <t>4.307187080383301</t>
  </si>
  <si>
    <t>1286.2310791015625</t>
  </si>
  <si>
    <t>5.548854351043701</t>
  </si>
  <si>
    <t>1038.9405517578125</t>
  </si>
  <si>
    <t>5.298853397369385</t>
  </si>
  <si>
    <t>1310.5101318359375</t>
  </si>
  <si>
    <t>5.325909614562988</t>
  </si>
  <si>
    <t>1079.7982177734375</t>
  </si>
  <si>
    <t>5.281214237213135</t>
  </si>
  <si>
    <t>1357.0577392578125</t>
  </si>
  <si>
    <t>5.145715236663818</t>
  </si>
  <si>
    <t>1370.806396484375</t>
  </si>
  <si>
    <t>4.5071868896484375</t>
  </si>
  <si>
    <t>1311.630126953125</t>
  </si>
  <si>
    <t>5.422881603240967</t>
  </si>
  <si>
    <t>1486.9442138671875</t>
  </si>
  <si>
    <t>5.032187461853027</t>
  </si>
  <si>
    <t>1467.7222900390625</t>
  </si>
  <si>
    <t>5.733270168304443</t>
  </si>
  <si>
    <t>1226.789306640625</t>
  </si>
  <si>
    <t>5.072770595550537</t>
  </si>
  <si>
    <t>1358.6365966796875</t>
  </si>
  <si>
    <t>5.373854160308838</t>
  </si>
  <si>
    <t>1106.4249267578125</t>
  </si>
  <si>
    <t>5.379047870635986</t>
  </si>
  <si>
    <t>1509.0985107421875</t>
  </si>
  <si>
    <t>6.451992511749268</t>
  </si>
  <si>
    <t>1206.0576171875</t>
  </si>
  <si>
    <t>4.557187557220459</t>
  </si>
  <si>
    <t>1428.276123046875</t>
  </si>
  <si>
    <t>5.721797943115234</t>
  </si>
  <si>
    <t>1139.6839599609375</t>
  </si>
  <si>
    <t>5.635325908660889</t>
  </si>
  <si>
    <t>1327.4063720703125</t>
  </si>
  <si>
    <t>5.630020618438721</t>
  </si>
  <si>
    <t>1148.712646484375</t>
  </si>
  <si>
    <t>5.7946319580078125</t>
  </si>
  <si>
    <t>1334.7469482421875</t>
  </si>
  <si>
    <t>5.370715618133545</t>
  </si>
  <si>
    <t>1380.5682373046875</t>
  </si>
  <si>
    <t>5.6519927978515625</t>
  </si>
  <si>
    <t>1277.6212158203125</t>
  </si>
  <si>
    <t>6.127965450286865</t>
  </si>
  <si>
    <t>1150.13330078125</t>
  </si>
  <si>
    <t>6.176992416381836</t>
  </si>
  <si>
    <t>1114.7957763671875</t>
  </si>
  <si>
    <t>6.242576599121094</t>
  </si>
  <si>
    <t>1113.457275390625</t>
  </si>
  <si>
    <t>5.917686462402344</t>
  </si>
  <si>
    <t>1302.516357421875</t>
  </si>
  <si>
    <t>6.08327054977417</t>
  </si>
  <si>
    <t>1117.044677734375</t>
  </si>
  <si>
    <t>1318</t>
  </si>
  <si>
    <t>9377</t>
  </si>
  <si>
    <t>13.691155433654785</t>
  </si>
  <si>
    <t>1607.72314453125</t>
  </si>
  <si>
    <t>283.5972900390625</t>
  </si>
  <si>
    <t>Samegrelo-Zemo Svaneti</t>
  </si>
  <si>
    <t>12.916775703430176</t>
  </si>
  <si>
    <t>1632.3843994140625</t>
  </si>
  <si>
    <t>-0.24587517332582465</t>
  </si>
  <si>
    <t>12.2827787399292</t>
  </si>
  <si>
    <t>2137.01220703125</t>
  </si>
  <si>
    <t>-0.6055904729501211</t>
  </si>
  <si>
    <t>2803</t>
  </si>
  <si>
    <t>12.366774559020996</t>
  </si>
  <si>
    <t>1498.0037841796875</t>
  </si>
  <si>
    <t>-0.35610396397889055</t>
  </si>
  <si>
    <t>13.058588981628418</t>
  </si>
  <si>
    <t>1558.7506103515625</t>
  </si>
  <si>
    <t>-0.09655962218016523</t>
  </si>
  <si>
    <t>13.664970397949219</t>
  </si>
  <si>
    <t>1893.5560302734375</t>
  </si>
  <si>
    <t>0.06097126229595862</t>
  </si>
  <si>
    <t>13.410968780517578</t>
  </si>
  <si>
    <t>1920.4202880859375</t>
  </si>
  <si>
    <t>0.13952081389269821</t>
  </si>
  <si>
    <t>12.886691093444824</t>
  </si>
  <si>
    <t>1829.6663818359375</t>
  </si>
  <si>
    <t>0.12865618403220047</t>
  </si>
  <si>
    <t>14.188346862792969</t>
  </si>
  <si>
    <t>1453.514404296875</t>
  </si>
  <si>
    <t>0.05178794160817901</t>
  </si>
  <si>
    <t>3897</t>
  </si>
  <si>
    <t>13.83328628540039</t>
  </si>
  <si>
    <t>1997.732177734375</t>
  </si>
  <si>
    <t>0.04514017452505037</t>
  </si>
  <si>
    <t>4031</t>
  </si>
  <si>
    <t>13.832123756408691</t>
  </si>
  <si>
    <t>1369.726806640625</t>
  </si>
  <si>
    <t>0.033807457778456396</t>
  </si>
  <si>
    <t>4275</t>
  </si>
  <si>
    <t>13.9478759765625</t>
  </si>
  <si>
    <t>2025.64306640625</t>
  </si>
  <si>
    <t>0.0587696182536952</t>
  </si>
  <si>
    <t>4532</t>
  </si>
  <si>
    <t>13.794670104980469</t>
  </si>
  <si>
    <t>1826.66357421875</t>
  </si>
  <si>
    <t>0.058379240777036046</t>
  </si>
  <si>
    <t>13.135997772216797</t>
  </si>
  <si>
    <t>1646.7305908203125</t>
  </si>
  <si>
    <t>0.1078287820731525</t>
  </si>
  <si>
    <t>5352</t>
  </si>
  <si>
    <t>13.828362464904785</t>
  </si>
  <si>
    <t>1791.0147705078125</t>
  </si>
  <si>
    <t>0.058478197587014336</t>
  </si>
  <si>
    <t>13.639431953430176</t>
  </si>
  <si>
    <t>1932.6868896484375</t>
  </si>
  <si>
    <t>0.09391635659419073</t>
  </si>
  <si>
    <t>6447</t>
  </si>
  <si>
    <t>14.118759155273438</t>
  </si>
  <si>
    <t>1791.4169921875</t>
  </si>
  <si>
    <t>0.09222822690836452</t>
  </si>
  <si>
    <t>7269</t>
  </si>
  <si>
    <t>13.614134788513184</t>
  </si>
  <si>
    <t>1729.33251953125</t>
  </si>
  <si>
    <t>0.12000382417401667</t>
  </si>
  <si>
    <t>7441</t>
  </si>
  <si>
    <t>14.05429458618164</t>
  </si>
  <si>
    <t>1543.4383544921875</t>
  </si>
  <si>
    <t>0.023386517912625138</t>
  </si>
  <si>
    <t>14.12460994720459</t>
  </si>
  <si>
    <t>2008.8798828125</t>
  </si>
  <si>
    <t>-0.031952472472820403</t>
  </si>
  <si>
    <t>7683</t>
  </si>
  <si>
    <t>14.955745697021484</t>
  </si>
  <si>
    <t>1577.52001953125</t>
  </si>
  <si>
    <t>0.06395731994319398</t>
  </si>
  <si>
    <t>8294</t>
  </si>
  <si>
    <t>13.185406684875488</t>
  </si>
  <si>
    <t>1947.55322265625</t>
  </si>
  <si>
    <t>0.07652226593869216</t>
  </si>
  <si>
    <t>14.34163761138916</t>
  </si>
  <si>
    <t>1620.5445556640625</t>
  </si>
  <si>
    <t>0.023121039487492112</t>
  </si>
  <si>
    <t>14.08113956451416</t>
  </si>
  <si>
    <t>1782.711181640625</t>
  </si>
  <si>
    <t>-0.04260059382664849</t>
  </si>
  <si>
    <t>9894</t>
  </si>
  <si>
    <t>14.449646949768066</t>
  </si>
  <si>
    <t>1598.91552734375</t>
  </si>
  <si>
    <t>0.19587570532048382</t>
  </si>
  <si>
    <t>14.319323539733887</t>
  </si>
  <si>
    <t>1886.904052734375</t>
  </si>
  <si>
    <t>-0.027668534133139744</t>
  </si>
  <si>
    <t>13.910454750061035</t>
  </si>
  <si>
    <t>1950.665283203125</t>
  </si>
  <si>
    <t>0.05094514567777075</t>
  </si>
  <si>
    <t>10281</t>
  </si>
  <si>
    <t>14.276604652404785</t>
  </si>
  <si>
    <t>1692.2823486328125</t>
  </si>
  <si>
    <t>0.015092407210433478</t>
  </si>
  <si>
    <t>11150</t>
  </si>
  <si>
    <t>14.971911430358887</t>
  </si>
  <si>
    <t>1617.2840576171875</t>
  </si>
  <si>
    <t>0.08114196634554638</t>
  </si>
  <si>
    <t>10590</t>
  </si>
  <si>
    <t>14.697185516357422</t>
  </si>
  <si>
    <t>1478.5430908203125</t>
  </si>
  <si>
    <t>-0.05152933829281281</t>
  </si>
  <si>
    <t>14.774673461914062</t>
  </si>
  <si>
    <t>1528.54931640625</t>
  </si>
  <si>
    <t>0.013506114141321746</t>
  </si>
  <si>
    <t>13290</t>
  </si>
  <si>
    <t>14.338932037353516</t>
  </si>
  <si>
    <t>1877.408203125</t>
  </si>
  <si>
    <t>0.2135955989705174</t>
  </si>
  <si>
    <t>14641</t>
  </si>
  <si>
    <t>14.54519271850586</t>
  </si>
  <si>
    <t>1538.642333984375</t>
  </si>
  <si>
    <t>0.0968139394861911</t>
  </si>
  <si>
    <t>1319</t>
  </si>
  <si>
    <t>10359</t>
  </si>
  <si>
    <t>5.7255167961120605</t>
  </si>
  <si>
    <t>735.4410400390625</t>
  </si>
  <si>
    <t>174.53216552734375</t>
  </si>
  <si>
    <t>Samtskhe-Javakheti</t>
  </si>
  <si>
    <t>5.208890438079834</t>
  </si>
  <si>
    <t>736.8726806640625</t>
  </si>
  <si>
    <t>-0.24574476229546605</t>
  </si>
  <si>
    <t>4421</t>
  </si>
  <si>
    <t>4.105041027069092</t>
  </si>
  <si>
    <t>906.1707763671875</t>
  </si>
  <si>
    <t>-0.6057450299363936</t>
  </si>
  <si>
    <t>4.694944858551025</t>
  </si>
  <si>
    <t>711.666015625</t>
  </si>
  <si>
    <t>-0.3562549591166242</t>
  </si>
  <si>
    <t>2812</t>
  </si>
  <si>
    <t>5.510976314544678</t>
  </si>
  <si>
    <t>709.0075073242188</t>
  </si>
  <si>
    <t>-0.09621498177906229</t>
  </si>
  <si>
    <t>5.791689395904541</t>
  </si>
  <si>
    <t>762.6638793945312</t>
  </si>
  <si>
    <t>0.061042909353381525</t>
  </si>
  <si>
    <t>3436</t>
  </si>
  <si>
    <t>6.012326717376709</t>
  </si>
  <si>
    <t>762.906005859375</t>
  </si>
  <si>
    <t>0.13936912082020925</t>
  </si>
  <si>
    <t>3907</t>
  </si>
  <si>
    <t>5.101008892059326</t>
  </si>
  <si>
    <t>764.9769897460938</t>
  </si>
  <si>
    <t>0.128461811950924</t>
  </si>
  <si>
    <t>4115</t>
  </si>
  <si>
    <t>6.6552510261535645</t>
  </si>
  <si>
    <t>694.31298828125</t>
  </si>
  <si>
    <t>0.05186901805609878</t>
  </si>
  <si>
    <t>6.292308807373047</t>
  </si>
  <si>
    <t>835.3020629882812</t>
  </si>
  <si>
    <t>0.045138303750661635</t>
  </si>
  <si>
    <t>6.132272720336914</t>
  </si>
  <si>
    <t>622.0098266601562</t>
  </si>
  <si>
    <t>0.03380088845987217</t>
  </si>
  <si>
    <t>6.495731830596924</t>
  </si>
  <si>
    <t>813.0392456054688</t>
  </si>
  <si>
    <t>0.05865441232375446</t>
  </si>
  <si>
    <t>5.985232830047607</t>
  </si>
  <si>
    <t>959.2037353515625</t>
  </si>
  <si>
    <t>0.05860449468448792</t>
  </si>
  <si>
    <t>5.801427364349365</t>
  </si>
  <si>
    <t>907.5132446289062</t>
  </si>
  <si>
    <t>0.10781406405960858</t>
  </si>
  <si>
    <t>5.821468830108643</t>
  </si>
  <si>
    <t>923.2661743164062</t>
  </si>
  <si>
    <t>0.05850231943127504</t>
  </si>
  <si>
    <t>6.033908843994141</t>
  </si>
  <si>
    <t>997.068115234375</t>
  </si>
  <si>
    <t>0.09387933328387099</t>
  </si>
  <si>
    <t>6.2398905754089355</t>
  </si>
  <si>
    <t>765.6055908203125</t>
  </si>
  <si>
    <t>0.09215593473302341</t>
  </si>
  <si>
    <t>8031</t>
  </si>
  <si>
    <t>5.628416061401367</t>
  </si>
  <si>
    <t>944.2291259765625</t>
  </si>
  <si>
    <t>0.12012046835073775</t>
  </si>
  <si>
    <t>8220</t>
  </si>
  <si>
    <t>6.3144683837890625</t>
  </si>
  <si>
    <t>709.3605346679688</t>
  </si>
  <si>
    <t>0.023261155861764138</t>
  </si>
  <si>
    <t>6.48127555847168</t>
  </si>
  <si>
    <t>1060.428955078125</t>
  </si>
  <si>
    <t>-0.03188998448996294</t>
  </si>
  <si>
    <t>7.502058506011963</t>
  </si>
  <si>
    <t>822.21923828125</t>
  </si>
  <si>
    <t>0.06397317673355651</t>
  </si>
  <si>
    <t>9163</t>
  </si>
  <si>
    <t>5.517868518829346</t>
  </si>
  <si>
    <t>903.0302734375</t>
  </si>
  <si>
    <t>0.0765202346713938</t>
  </si>
  <si>
    <t>9156</t>
  </si>
  <si>
    <t>6.503711223602295</t>
  </si>
  <si>
    <t>768.4363403320312</t>
  </si>
  <si>
    <t>-0.0007642338927560388</t>
  </si>
  <si>
    <t>9048</t>
  </si>
  <si>
    <t>6.277750015258789</t>
  </si>
  <si>
    <t>785.72021484375</t>
  </si>
  <si>
    <t>-0.011865663276500626</t>
  </si>
  <si>
    <t>11157</t>
  </si>
  <si>
    <t>6.911940097808838</t>
  </si>
  <si>
    <t>707.650634765625</t>
  </si>
  <si>
    <t>0.20952336479722433</t>
  </si>
  <si>
    <t>12458</t>
  </si>
  <si>
    <t>6.642026901245117</t>
  </si>
  <si>
    <t>879.6884155273438</t>
  </si>
  <si>
    <t>0.11029588322091044</t>
  </si>
  <si>
    <t>6.1541361808776855</t>
  </si>
  <si>
    <t>935.6173095703125</t>
  </si>
  <si>
    <t>-0.21787969655482797</t>
  </si>
  <si>
    <t>6.726711273193359</t>
  </si>
  <si>
    <t>765.2761840820312</t>
  </si>
  <si>
    <t>0.15202388498917685</t>
  </si>
  <si>
    <t>12024</t>
  </si>
  <si>
    <t>7.5328497886657715</t>
  </si>
  <si>
    <t>747.3099365234375</t>
  </si>
  <si>
    <t>0.030397477184370914</t>
  </si>
  <si>
    <t>12591</t>
  </si>
  <si>
    <t>6.93622350692749</t>
  </si>
  <si>
    <t>632.647705078125</t>
  </si>
  <si>
    <t>0.04607762056888909</t>
  </si>
  <si>
    <t>12648</t>
  </si>
  <si>
    <t>6.904817581176758</t>
  </si>
  <si>
    <t>766.36572265625</t>
  </si>
  <si>
    <t>0.004516826887607905</t>
  </si>
  <si>
    <t>14708</t>
  </si>
  <si>
    <t>7.046347141265869</t>
  </si>
  <si>
    <t>748.3211669921875</t>
  </si>
  <si>
    <t>0.15089246353185537</t>
  </si>
  <si>
    <t>16203</t>
  </si>
  <si>
    <t>7.111509323120117</t>
  </si>
  <si>
    <t>705.7378540039062</t>
  </si>
  <si>
    <t>0.09680484683983792</t>
  </si>
  <si>
    <t>1320</t>
  </si>
  <si>
    <t>7.86377477645874</t>
  </si>
  <si>
    <t>889.5586547851562</t>
  </si>
  <si>
    <t>72.22734832763672</t>
  </si>
  <si>
    <t>Shida Kartli</t>
  </si>
  <si>
    <t>5854</t>
  </si>
  <si>
    <t>7.487234592437744</t>
  </si>
  <si>
    <t>872.8015747070312</t>
  </si>
  <si>
    <t>-0.2457758296018966</t>
  </si>
  <si>
    <t>3195</t>
  </si>
  <si>
    <t>6.101858139038086</t>
  </si>
  <si>
    <t>1103.1658935546875</t>
  </si>
  <si>
    <t>-0.6055381004401958</t>
  </si>
  <si>
    <t>2237</t>
  </si>
  <si>
    <t>7.0178608894348145</t>
  </si>
  <si>
    <t>789.0232543945312</t>
  </si>
  <si>
    <t>-0.356451405321506</t>
  </si>
  <si>
    <t>7.9178080558776855</t>
  </si>
  <si>
    <t>877.53125</t>
  </si>
  <si>
    <t>-0.09660739990974498</t>
  </si>
  <si>
    <t>2160</t>
  </si>
  <si>
    <t>7.874151229858398</t>
  </si>
  <si>
    <t>894.7974853515625</t>
  </si>
  <si>
    <t>0.06157993909782533</t>
  </si>
  <si>
    <t>8.46019172668457</t>
  </si>
  <si>
    <t>896.2745361328125</t>
  </si>
  <si>
    <t>0.13895646508634218</t>
  </si>
  <si>
    <t>7.2609076499938965</t>
  </si>
  <si>
    <t>919.8990478515625</t>
  </si>
  <si>
    <t>0.12873546248893675</t>
  </si>
  <si>
    <t>2973</t>
  </si>
  <si>
    <t>8.954670906066895</t>
  </si>
  <si>
    <t>797.5939331054688</t>
  </si>
  <si>
    <t>0.051771394744608124</t>
  </si>
  <si>
    <t>8.703902244567871</t>
  </si>
  <si>
    <t>1016.7445678710938</t>
  </si>
  <si>
    <t>0.04537267389953925</t>
  </si>
  <si>
    <t>3217</t>
  </si>
  <si>
    <t>8.3678617477417</t>
  </si>
  <si>
    <t>722.8229370117188</t>
  </si>
  <si>
    <t>0.03350503034138974</t>
  </si>
  <si>
    <t>8.922718048095703</t>
  </si>
  <si>
    <t>961.0980224609375</t>
  </si>
  <si>
    <t>0.05884938137254281</t>
  </si>
  <si>
    <t>3618</t>
  </si>
  <si>
    <t>8.141481399536133</t>
  </si>
  <si>
    <t>1122.912353515625</t>
  </si>
  <si>
    <t>0.05862275734367195</t>
  </si>
  <si>
    <t>8.351195335388184</t>
  </si>
  <si>
    <t>1068.438720703125</t>
  </si>
  <si>
    <t>0.10759681923610565</t>
  </si>
  <si>
    <t>4272</t>
  </si>
  <si>
    <t>7.872718334197998</t>
  </si>
  <si>
    <t>1090.8668212890625</t>
  </si>
  <si>
    <t>0.05856389544868357</t>
  </si>
  <si>
    <t>8.421338081359863</t>
  </si>
  <si>
    <t>1199.8902587890625</t>
  </si>
  <si>
    <t>0.09398993515438647</t>
  </si>
  <si>
    <t>5146</t>
  </si>
  <si>
    <t>8.46786117553711</t>
  </si>
  <si>
    <t>955.4996337890625</t>
  </si>
  <si>
    <t>0.09214767704727223</t>
  </si>
  <si>
    <t>7.789384841918945</t>
  </si>
  <si>
    <t>1102.2923583984375</t>
  </si>
  <si>
    <t>0.11998297183965967</t>
  </si>
  <si>
    <t>5939</t>
  </si>
  <si>
    <t>8.621337890625</t>
  </si>
  <si>
    <t>823.6971435546875</t>
  </si>
  <si>
    <t>0.023338083334511595</t>
  </si>
  <si>
    <t>8.96786117553711</t>
  </si>
  <si>
    <t>1281.377685546875</t>
  </si>
  <si>
    <t>-0.03199314861497804</t>
  </si>
  <si>
    <t>6133</t>
  </si>
  <si>
    <t>9.883811950683594</t>
  </si>
  <si>
    <t>1086.71142578125</t>
  </si>
  <si>
    <t>0.06413640622510108</t>
  </si>
  <si>
    <t>7.822717666625977</t>
  </si>
  <si>
    <t>1015.7244873046875</t>
  </si>
  <si>
    <t>0.0765623892988625</t>
  </si>
  <si>
    <t>8.6824312210083</t>
  </si>
  <si>
    <t>850.47802734375</t>
  </si>
  <si>
    <t>0.15227177163252925</t>
  </si>
  <si>
    <t>8.538004875183105</t>
  </si>
  <si>
    <t>973.6455688476562</t>
  </si>
  <si>
    <t>0.12390348060593581</t>
  </si>
  <si>
    <t>9663</t>
  </si>
  <si>
    <t>9.371336936950684</t>
  </si>
  <si>
    <t>856.8255004882812</t>
  </si>
  <si>
    <t>0.10188249083599743</t>
  </si>
  <si>
    <t>8.883147239685059</t>
  </si>
  <si>
    <t>1000.9321899414062</t>
  </si>
  <si>
    <t>0.06558578380528601</t>
  </si>
  <si>
    <t>8.356051445007324</t>
  </si>
  <si>
    <t>1101.7137451171875</t>
  </si>
  <si>
    <t>-0.07202268310697058</t>
  </si>
  <si>
    <t>9.088004112243652</t>
  </si>
  <si>
    <t>893.78662109375</t>
  </si>
  <si>
    <t>-0.010680729807441836</t>
  </si>
  <si>
    <t>7551</t>
  </si>
  <si>
    <t>9.926194190979004</t>
  </si>
  <si>
    <t>-0.22950652508675695</t>
  </si>
  <si>
    <t>9490</t>
  </si>
  <si>
    <t>9.12271785736084</t>
  </si>
  <si>
    <t>762.3786010742188</t>
  </si>
  <si>
    <t>0.22855860780054904</t>
  </si>
  <si>
    <t>8992</t>
  </si>
  <si>
    <t>9.047718048095703</t>
  </si>
  <si>
    <t>869.9295654296875</t>
  </si>
  <si>
    <t>-0.05390331947050164</t>
  </si>
  <si>
    <t>11215</t>
  </si>
  <si>
    <t>9.506052017211914</t>
  </si>
  <si>
    <t>876.7044677734375</t>
  </si>
  <si>
    <t>0.220916874820837</t>
  </si>
  <si>
    <t>12355</t>
  </si>
  <si>
    <t>9.52757453918457</t>
  </si>
  <si>
    <t>802.3261108398438</t>
  </si>
  <si>
    <t>0.09680867146840022</t>
  </si>
  <si>
    <t>1321</t>
  </si>
  <si>
    <t>11.774998664855957</t>
  </si>
  <si>
    <t>531.1176147460938</t>
  </si>
  <si>
    <t>Tbilisi</t>
  </si>
  <si>
    <t>19044</t>
  </si>
  <si>
    <t>579.2999877929688</t>
  </si>
  <si>
    <t>-0.24582082511487435</t>
  </si>
  <si>
    <t>683.7999267578125</t>
  </si>
  <si>
    <t>-0.6056195887259879</t>
  </si>
  <si>
    <t>593.4000244140625</t>
  </si>
  <si>
    <t>-0.3562764034163166</t>
  </si>
  <si>
    <t>6609</t>
  </si>
  <si>
    <t>590.5000610351562</t>
  </si>
  <si>
    <t>-0.09642374270165277</t>
  </si>
  <si>
    <t>7026</t>
  </si>
  <si>
    <t>565.7000122070312</t>
  </si>
  <si>
    <t>0.06118519735531969</t>
  </si>
  <si>
    <t>8076</t>
  </si>
  <si>
    <t>560.5999755859375</t>
  </si>
  <si>
    <t>0.13927914660695606</t>
  </si>
  <si>
    <t>589.6000366210938</t>
  </si>
  <si>
    <t>0.12867501821649796</t>
  </si>
  <si>
    <t>12.783332824707031</t>
  </si>
  <si>
    <t>557.4999389648438</t>
  </si>
  <si>
    <t>0.0517667805333204</t>
  </si>
  <si>
    <t>10120</t>
  </si>
  <si>
    <t>12.424999237060547</t>
  </si>
  <si>
    <t>629.199951171875</t>
  </si>
  <si>
    <t>0.04517516465890914</t>
  </si>
  <si>
    <t>10467</t>
  </si>
  <si>
    <t>439.0</t>
  </si>
  <si>
    <t>0.03371378701342742</t>
  </si>
  <si>
    <t>0.05880774347776274</t>
  </si>
  <si>
    <t>11770</t>
  </si>
  <si>
    <t>0.058518726921676034</t>
  </si>
  <si>
    <t>13109</t>
  </si>
  <si>
    <t>12.166667938232422</t>
  </si>
  <si>
    <t>773.0</t>
  </si>
  <si>
    <t>0.10774509594348736</t>
  </si>
  <si>
    <t>13900</t>
  </si>
  <si>
    <t>749.1000366210938</t>
  </si>
  <si>
    <t>0.05858982292097359</t>
  </si>
  <si>
    <t>15268</t>
  </si>
  <si>
    <t>796.9000244140625</t>
  </si>
  <si>
    <t>0.09387029474633657</t>
  </si>
  <si>
    <t>16741</t>
  </si>
  <si>
    <t>12.27500057220459</t>
  </si>
  <si>
    <t>0.09210166555066479</t>
  </si>
  <si>
    <t>18878</t>
  </si>
  <si>
    <t>792.2999267578125</t>
  </si>
  <si>
    <t>0.1201364224691055</t>
  </si>
  <si>
    <t>19323</t>
  </si>
  <si>
    <t>0.023298873330110936</t>
  </si>
  <si>
    <t>18715</t>
  </si>
  <si>
    <t>12.758334159851074</t>
  </si>
  <si>
    <t>847.800048828125</t>
  </si>
  <si>
    <t>-0.03197075487647183</t>
  </si>
  <si>
    <t>19953</t>
  </si>
  <si>
    <t>0.06405416661400132</t>
  </si>
  <si>
    <t>21540</t>
  </si>
  <si>
    <t>0.07653216375784844</t>
  </si>
  <si>
    <t>569.800048828125</t>
  </si>
  <si>
    <t>0.07445610096489652</t>
  </si>
  <si>
    <t>627.9000244140625</t>
  </si>
  <si>
    <t>0.009051776696447078</t>
  </si>
  <si>
    <t>628.7000732421875</t>
  </si>
  <si>
    <t>0.0006403825437093502</t>
  </si>
  <si>
    <t>23655</t>
  </si>
  <si>
    <t>679.4000854492188</t>
  </si>
  <si>
    <t>0.009514577149817072</t>
  </si>
  <si>
    <t>0.018056249755176168</t>
  </si>
  <si>
    <t>26049</t>
  </si>
  <si>
    <t>563.300048828125</t>
  </si>
  <si>
    <t>0.07834862090832928</t>
  </si>
  <si>
    <t>26065</t>
  </si>
  <si>
    <t>13.733332633972168</t>
  </si>
  <si>
    <t>617.0001220703125</t>
  </si>
  <si>
    <t>0.0006140384734525384</t>
  </si>
  <si>
    <t>533.3999633789062</t>
  </si>
  <si>
    <t>0.04856177127785166</t>
  </si>
  <si>
    <t>24932</t>
  </si>
  <si>
    <t>618.6000366210938</t>
  </si>
  <si>
    <t>-0.09300307055131718</t>
  </si>
  <si>
    <t>26773</t>
  </si>
  <si>
    <t>13.316666603088379</t>
  </si>
  <si>
    <t>536.699951171875</t>
  </si>
  <si>
    <t>0.0712417980519966</t>
  </si>
  <si>
    <t>29494</t>
  </si>
  <si>
    <t>538.2000122070312</t>
  </si>
  <si>
    <t>0.09679293583014825</t>
  </si>
  <si>
    <t>GRC</t>
  </si>
  <si>
    <t>20822</t>
  </si>
  <si>
    <t>155.48036193847656</t>
  </si>
  <si>
    <t>Achaea</t>
  </si>
  <si>
    <t>Greece</t>
  </si>
  <si>
    <t>21224</t>
  </si>
  <si>
    <t>13.77500057220459</t>
  </si>
  <si>
    <t>660.6000366210938</t>
  </si>
  <si>
    <t>0.019122496782877363</t>
  </si>
  <si>
    <t>21221</t>
  </si>
  <si>
    <t>13.97499942779541</t>
  </si>
  <si>
    <t>493.20001220703125</t>
  </si>
  <si>
    <t>-0.00014135940652515444</t>
  </si>
  <si>
    <t>14.424999237060547</t>
  </si>
  <si>
    <t>-0.021481619540891117</t>
  </si>
  <si>
    <t>21091</t>
  </si>
  <si>
    <t>15.166666984558105</t>
  </si>
  <si>
    <t>750.5</t>
  </si>
  <si>
    <t>0.015336771315455522</t>
  </si>
  <si>
    <t>21445</t>
  </si>
  <si>
    <t>0.016645108765366956</t>
  </si>
  <si>
    <t>21967</t>
  </si>
  <si>
    <t>14.408332824707031</t>
  </si>
  <si>
    <t>738.3999633789062</t>
  </si>
  <si>
    <t>0.02404980926320377</t>
  </si>
  <si>
    <t>14.158332824707031</t>
  </si>
  <si>
    <t>0.039147173570569294</t>
  </si>
  <si>
    <t>23609</t>
  </si>
  <si>
    <t>14.958332061767578</t>
  </si>
  <si>
    <t>624.5</t>
  </si>
  <si>
    <t>0.03293949446345934</t>
  </si>
  <si>
    <t>15.241665840148926</t>
  </si>
  <si>
    <t>0.026623660058314513</t>
  </si>
  <si>
    <t>25100</t>
  </si>
  <si>
    <t>15.458333015441895</t>
  </si>
  <si>
    <t>484.5000305175781</t>
  </si>
  <si>
    <t>0.0346161908133471</t>
  </si>
  <si>
    <t>25843</t>
  </si>
  <si>
    <t>15.175000190734863</t>
  </si>
  <si>
    <t>633.7000122070312</t>
  </si>
  <si>
    <t>0.029171925108894214</t>
  </si>
  <si>
    <t>15.358333587646484</t>
  </si>
  <si>
    <t>0.04904257241254584</t>
  </si>
  <si>
    <t>28580</t>
  </si>
  <si>
    <t>14.541666984558105</t>
  </si>
  <si>
    <t>0.05162482884254338</t>
  </si>
  <si>
    <t>30295</t>
  </si>
  <si>
    <t>0.058275509895230115</t>
  </si>
  <si>
    <t>30276</t>
  </si>
  <si>
    <t>14.325000762939453</t>
  </si>
  <si>
    <t>-0.0006273629500306299</t>
  </si>
  <si>
    <t>33392</t>
  </si>
  <si>
    <t>14.90000057220459</t>
  </si>
  <si>
    <t>606.2999877929688</t>
  </si>
  <si>
    <t>0.09796103088792307</t>
  </si>
  <si>
    <t>0.01270642439565961</t>
  </si>
  <si>
    <t>32697</t>
  </si>
  <si>
    <t>15.591667175292969</t>
  </si>
  <si>
    <t>-0.0337394441552199</t>
  </si>
  <si>
    <t>15.250000953674316</t>
  </si>
  <si>
    <t>869.2000122070312</t>
  </si>
  <si>
    <t>-0.07960698281542022</t>
  </si>
  <si>
    <t>29427</t>
  </si>
  <si>
    <t>15.791665077209473</t>
  </si>
  <si>
    <t>741.2000122070312</t>
  </si>
  <si>
    <t>-0.025763727509575673</t>
  </si>
  <si>
    <t>25538</t>
  </si>
  <si>
    <t>14.5</t>
  </si>
  <si>
    <t>635.8999633789062</t>
  </si>
  <si>
    <t>-0.14174508124779805</t>
  </si>
  <si>
    <t>23746</t>
  </si>
  <si>
    <t>15.783332824707031</t>
  </si>
  <si>
    <t>-0.0727534437588897</t>
  </si>
  <si>
    <t>22185</t>
  </si>
  <si>
    <t>15.733333587646484</t>
  </si>
  <si>
    <t>742.300048828125</t>
  </si>
  <si>
    <t>-0.06799771041272784</t>
  </si>
  <si>
    <t>22598</t>
  </si>
  <si>
    <t>898.7999877929688</t>
  </si>
  <si>
    <t>0.018445021956182472</t>
  </si>
  <si>
    <t>15.116665840148926</t>
  </si>
  <si>
    <t>-0.006259037190650574</t>
  </si>
  <si>
    <t>22176</t>
  </si>
  <si>
    <t>15.408333778381348</t>
  </si>
  <si>
    <t>729.800048828125</t>
  </si>
  <si>
    <t>-0.012591746588912045</t>
  </si>
  <si>
    <t>22295</t>
  </si>
  <si>
    <t>15.716667175292969</t>
  </si>
  <si>
    <t>660.300048828125</t>
  </si>
  <si>
    <t>0.00535181507194693</t>
  </si>
  <si>
    <t>22680</t>
  </si>
  <si>
    <t>16.04166603088379</t>
  </si>
  <si>
    <t>920.9000854492188</t>
  </si>
  <si>
    <t>0.01712104078011123</t>
  </si>
  <si>
    <t>23348</t>
  </si>
  <si>
    <t>0.029027848481995022</t>
  </si>
  <si>
    <t>763.199951171875</t>
  </si>
  <si>
    <t>-0.07204765619009024</t>
  </si>
  <si>
    <t>23824</t>
  </si>
  <si>
    <t>15.916667938232422</t>
  </si>
  <si>
    <t>645.5</t>
  </si>
  <si>
    <t>0.0922298047901986</t>
  </si>
  <si>
    <t>25481</t>
  </si>
  <si>
    <t>16.066667556762695</t>
  </si>
  <si>
    <t>576.6000366210938</t>
  </si>
  <si>
    <t>0.06723960046000421</t>
  </si>
  <si>
    <t>16391</t>
  </si>
  <si>
    <t>15.841666221618652</t>
  </si>
  <si>
    <t>55.341060638427734</t>
  </si>
  <si>
    <t>Aetolia-Acarnania</t>
  </si>
  <si>
    <t>16707</t>
  </si>
  <si>
    <t>14.674999237060547</t>
  </si>
  <si>
    <t>0.019095389568418497</t>
  </si>
  <si>
    <t>16705</t>
  </si>
  <si>
    <t>616.7999877929688</t>
  </si>
  <si>
    <t>-0.00011971746692118757</t>
  </si>
  <si>
    <t>16350</t>
  </si>
  <si>
    <t>15.316666603088379</t>
  </si>
  <si>
    <t>871.7000122070312</t>
  </si>
  <si>
    <t>-0.02148017846545791</t>
  </si>
  <si>
    <t>16.058334350585938</t>
  </si>
  <si>
    <t>908.9000244140625</t>
  </si>
  <si>
    <t>0.01535550458238788</t>
  </si>
  <si>
    <t>15.3583345413208</t>
  </si>
  <si>
    <t>797.0</t>
  </si>
  <si>
    <t>0.016605327193602193</t>
  </si>
  <si>
    <t>17292</t>
  </si>
  <si>
    <t>15.291666984558105</t>
  </si>
  <si>
    <t>1008.300048828125</t>
  </si>
  <si>
    <t>0.024055237686132713</t>
  </si>
  <si>
    <t>15.050002098083496</t>
  </si>
  <si>
    <t>0.03918290037767491</t>
  </si>
  <si>
    <t>15.841667175292969</t>
  </si>
  <si>
    <t>865.0000610351562</t>
  </si>
  <si>
    <t>0.03287412828504799</t>
  </si>
  <si>
    <t>16.108335494995117</t>
  </si>
  <si>
    <t>0.026654086526955112</t>
  </si>
  <si>
    <t>19758</t>
  </si>
  <si>
    <t>0.034603390627220065</t>
  </si>
  <si>
    <t>0.05547272532685632</t>
  </si>
  <si>
    <t>21906</t>
  </si>
  <si>
    <t>16.25833511352539</t>
  </si>
  <si>
    <t>0.047729373952416054</t>
  </si>
  <si>
    <t>15.441664695739746</t>
  </si>
  <si>
    <t>868.5999145507812</t>
  </si>
  <si>
    <t>0.058382594989131675</t>
  </si>
  <si>
    <t>25302</t>
  </si>
  <si>
    <t>15.916666984558105</t>
  </si>
  <si>
    <t>779.7000122070312</t>
  </si>
  <si>
    <t>0.08574027710179166</t>
  </si>
  <si>
    <t>15.191666603088379</t>
  </si>
  <si>
    <t>955.60009765625</t>
  </si>
  <si>
    <t>0.01914214986793894</t>
  </si>
  <si>
    <t>15.766666412353516</t>
  </si>
  <si>
    <t>772.7000122070312</t>
  </si>
  <si>
    <t>0.020151525363333533</t>
  </si>
  <si>
    <t>26380</t>
  </si>
  <si>
    <t>16.08333396911621</t>
  </si>
  <si>
    <t>900.7000122070312</t>
  </si>
  <si>
    <t>0.002429028065417782</t>
  </si>
  <si>
    <t>16.44999885559082</t>
  </si>
  <si>
    <t>999.5999755859375</t>
  </si>
  <si>
    <t>-0.023627978604524813</t>
  </si>
  <si>
    <t>24390</t>
  </si>
  <si>
    <t>16.13333511352539</t>
  </si>
  <si>
    <t>1071.800048828125</t>
  </si>
  <si>
    <t>-0.054804956456814935</t>
  </si>
  <si>
    <t>23330</t>
  </si>
  <si>
    <t>16.64999771118164</t>
  </si>
  <si>
    <t>-0.044433126194491024</t>
  </si>
  <si>
    <t>20996</t>
  </si>
  <si>
    <t>15.38333511352539</t>
  </si>
  <si>
    <t>-0.10540814264328446</t>
  </si>
  <si>
    <t>20400</t>
  </si>
  <si>
    <t>16.66666603088379</t>
  </si>
  <si>
    <t>-0.028797042539883577</t>
  </si>
  <si>
    <t>20725</t>
  </si>
  <si>
    <t>16.633333206176758</t>
  </si>
  <si>
    <t>897.0000610351562</t>
  </si>
  <si>
    <t>0.015805800171188267</t>
  </si>
  <si>
    <t>20362</t>
  </si>
  <si>
    <t>16.274999618530273</t>
  </si>
  <si>
    <t>-0.01767028233635415</t>
  </si>
  <si>
    <t>20221</t>
  </si>
  <si>
    <t>913.7999877929688</t>
  </si>
  <si>
    <t>-0.006948750331410736</t>
  </si>
  <si>
    <t>20035</t>
  </si>
  <si>
    <t>16.30000114440918</t>
  </si>
  <si>
    <t>-0.009240924265485617</t>
  </si>
  <si>
    <t>19627</t>
  </si>
  <si>
    <t>16.60000228881836</t>
  </si>
  <si>
    <t>809.0999755859375</t>
  </si>
  <si>
    <t>-0.020574574784165023</t>
  </si>
  <si>
    <t>20524</t>
  </si>
  <si>
    <t>16.924999237060547</t>
  </si>
  <si>
    <t>1127.0999755859375</t>
  </si>
  <si>
    <t>0.0446887637757758</t>
  </si>
  <si>
    <t>20683</t>
  </si>
  <si>
    <t>938.4000854492188</t>
  </si>
  <si>
    <t>0.007717173737468386</t>
  </si>
  <si>
    <t>19711</t>
  </si>
  <si>
    <t>17.100000381469727</t>
  </si>
  <si>
    <t>966.7000122070312</t>
  </si>
  <si>
    <t>-0.04813525127239515</t>
  </si>
  <si>
    <t>21615</t>
  </si>
  <si>
    <t>16.77500343322754</t>
  </si>
  <si>
    <t>0.09221066257480359</t>
  </si>
  <si>
    <t>23119</t>
  </si>
  <si>
    <t>0.0672672721540053</t>
  </si>
  <si>
    <t>1324</t>
  </si>
  <si>
    <t>18.336400985717773</t>
  </si>
  <si>
    <t>439.7685852050781</t>
  </si>
  <si>
    <t>39.952476501464844</t>
  </si>
  <si>
    <t>Andros, Thira, Kea, Milos, Mykonos, Naxos, Paros, Syros, Tinos</t>
  </si>
  <si>
    <t>32618</t>
  </si>
  <si>
    <t>17.343965530395508</t>
  </si>
  <si>
    <t>438.44073486328125</t>
  </si>
  <si>
    <t>0.01909713092327081</t>
  </si>
  <si>
    <t>32614</t>
  </si>
  <si>
    <t>17.329504013061523</t>
  </si>
  <si>
    <t>371.08209228515625</t>
  </si>
  <si>
    <t>-0.00012263919564148296</t>
  </si>
  <si>
    <t>17.972606658935547</t>
  </si>
  <si>
    <t>523.53271484375</t>
  </si>
  <si>
    <t>-0.021446216778718608</t>
  </si>
  <si>
    <t>18.625864028930664</t>
  </si>
  <si>
    <t>613.3819580078125</t>
  </si>
  <si>
    <t>0.015325851366592147</t>
  </si>
  <si>
    <t>18.0297908782959</t>
  </si>
  <si>
    <t>413.0420837402344</t>
  </si>
  <si>
    <t>0.016612744961580717</t>
  </si>
  <si>
    <t>18.03055763244629</t>
  </si>
  <si>
    <t>581.5258178710938</t>
  </si>
  <si>
    <t>0.024072266553609722</t>
  </si>
  <si>
    <t>35109</t>
  </si>
  <si>
    <t>17.602684020996094</t>
  </si>
  <si>
    <t>490.8901062011719</t>
  </si>
  <si>
    <t>0.0391512177185902</t>
  </si>
  <si>
    <t>18.530174255371094</t>
  </si>
  <si>
    <t>554.3447875976562</t>
  </si>
  <si>
    <t>0.03289180415498372</t>
  </si>
  <si>
    <t>18.781991958618164</t>
  </si>
  <si>
    <t>425.79376220703125</t>
  </si>
  <si>
    <t>0.026678401126263296</t>
  </si>
  <si>
    <t>18.842147827148438</t>
  </si>
  <si>
    <t>402.75018310546875</t>
  </si>
  <si>
    <t>0.03457668510723799</t>
  </si>
  <si>
    <t>38364</t>
  </si>
  <si>
    <t>18.77145767211914</t>
  </si>
  <si>
    <t>551.7864990234375</t>
  </si>
  <si>
    <t>-0.005484878383519742</t>
  </si>
  <si>
    <t>18.81456184387207</t>
  </si>
  <si>
    <t>676.3292236328125</t>
  </si>
  <si>
    <t>0.0006774891470016087</t>
  </si>
  <si>
    <t>42174</t>
  </si>
  <si>
    <t>17.967815399169922</t>
  </si>
  <si>
    <t>747.510009765625</t>
  </si>
  <si>
    <t>0.09400690840911707</t>
  </si>
  <si>
    <t>45847</t>
  </si>
  <si>
    <t>18.55048179626465</t>
  </si>
  <si>
    <t>430.29473876953125</t>
  </si>
  <si>
    <t>0.08350584838751196</t>
  </si>
  <si>
    <t>49104</t>
  </si>
  <si>
    <t>17.878353118896484</t>
  </si>
  <si>
    <t>506.2681884765625</t>
  </si>
  <si>
    <t>0.06863073206804593</t>
  </si>
  <si>
    <t>48573</t>
  </si>
  <si>
    <t>18.336015701293945</t>
  </si>
  <si>
    <t>430.5440368652344</t>
  </si>
  <si>
    <t>-0.010872676904655876</t>
  </si>
  <si>
    <t>51209</t>
  </si>
  <si>
    <t>18.636016845703125</t>
  </si>
  <si>
    <t>483.2235107421875</t>
  </si>
  <si>
    <t>0.05284747687502289</t>
  </si>
  <si>
    <t>51295</t>
  </si>
  <si>
    <t>19.079120635986328</t>
  </si>
  <si>
    <t>544.6890869140625</t>
  </si>
  <si>
    <t>0.0016779836919287305</t>
  </si>
  <si>
    <t>46591</t>
  </si>
  <si>
    <t>18.753353118896484</t>
  </si>
  <si>
    <t>611.1555786132812</t>
  </si>
  <si>
    <t>-0.09618589210787576</t>
  </si>
  <si>
    <t>44070</t>
  </si>
  <si>
    <t>19.367815017700195</t>
  </si>
  <si>
    <t>507.0751647949219</t>
  </si>
  <si>
    <t>-0.05562811057790462</t>
  </si>
  <si>
    <t>38976</t>
  </si>
  <si>
    <t>17.83160972595215</t>
  </si>
  <si>
    <t>512.33251953125</t>
  </si>
  <si>
    <t>-0.12283320676646348</t>
  </si>
  <si>
    <t>19.221839904785156</t>
  </si>
  <si>
    <t>587.489990234375</t>
  </si>
  <si>
    <t>-0.12925950737919756</t>
  </si>
  <si>
    <t>19.122894287109375</t>
  </si>
  <si>
    <t>528.1921997070312</t>
  </si>
  <si>
    <t>0.09764322256569002</t>
  </si>
  <si>
    <t>18.892818450927734</t>
  </si>
  <si>
    <t>582.5887451171875</t>
  </si>
  <si>
    <t>0.03338503984071295</t>
  </si>
  <si>
    <t>37680</t>
  </si>
  <si>
    <t>18.53007698059082</t>
  </si>
  <si>
    <t>516.2600708007812</t>
  </si>
  <si>
    <t>-0.03558537740647516</t>
  </si>
  <si>
    <t>18.947893142700195</t>
  </si>
  <si>
    <t>529.3385009765625</t>
  </si>
  <si>
    <t>-0.035742692053702285</t>
  </si>
  <si>
    <t>19.12260627746582</t>
  </si>
  <si>
    <t>451.3648376464844</t>
  </si>
  <si>
    <t>0.01099633598095906</t>
  </si>
  <si>
    <t>19.587453842163086</t>
  </si>
  <si>
    <t>670.22900390625</t>
  </si>
  <si>
    <t>0.03674940198078325</t>
  </si>
  <si>
    <t>39526</t>
  </si>
  <si>
    <t>19.547224044799805</t>
  </si>
  <si>
    <t>528.4658813476562</t>
  </si>
  <si>
    <t>0.035826187602040704</t>
  </si>
  <si>
    <t>19.750097274780273</t>
  </si>
  <si>
    <t>475.0808410644531</t>
  </si>
  <si>
    <t>-0.20645292429076356</t>
  </si>
  <si>
    <t>19.35881233215332</t>
  </si>
  <si>
    <t>426.17742919921875</t>
  </si>
  <si>
    <t>0.09224341804224423</t>
  </si>
  <si>
    <t>37712</t>
  </si>
  <si>
    <t>19.441762924194336</t>
  </si>
  <si>
    <t>406.7179260253906</t>
  </si>
  <si>
    <t>0.06722916922405098</t>
  </si>
  <si>
    <t>22441</t>
  </si>
  <si>
    <t>13.634987831115723</t>
  </si>
  <si>
    <t>708.964599609375</t>
  </si>
  <si>
    <t>87.08154296875</t>
  </si>
  <si>
    <t>Argolida, Arcadia</t>
  </si>
  <si>
    <t>22873</t>
  </si>
  <si>
    <t>12.496663093566895</t>
  </si>
  <si>
    <t>648.4915771484375</t>
  </si>
  <si>
    <t>0.01906753270378303</t>
  </si>
  <si>
    <t>22871</t>
  </si>
  <si>
    <t>12.742892265319824</t>
  </si>
  <si>
    <t>549.5509643554688</t>
  </si>
  <si>
    <t>-8.74431620001559e-05</t>
  </si>
  <si>
    <t>22385</t>
  </si>
  <si>
    <t>13.233120918273926</t>
  </si>
  <si>
    <t>736.8922729492188</t>
  </si>
  <si>
    <t>-0.021478640790292047</t>
  </si>
  <si>
    <t>22731</t>
  </si>
  <si>
    <t>13.884379386901855</t>
  </si>
  <si>
    <t>807.9085083007812</t>
  </si>
  <si>
    <t>0.015338539924416139</t>
  </si>
  <si>
    <t>13.221055030822754</t>
  </si>
  <si>
    <t>641.3768920898438</t>
  </si>
  <si>
    <t>0.01662233154658921</t>
  </si>
  <si>
    <t>13.057513236999512</t>
  </si>
  <si>
    <t>865.14208984375</t>
  </si>
  <si>
    <t>0.024067675908206354</t>
  </si>
  <si>
    <t>24620</t>
  </si>
  <si>
    <t>12.894148826599121</t>
  </si>
  <si>
    <t>685.1826171875</t>
  </si>
  <si>
    <t>0.03913948168416681</t>
  </si>
  <si>
    <t>25444</t>
  </si>
  <si>
    <t>13.74917984008789</t>
  </si>
  <si>
    <t>714.2567138671875</t>
  </si>
  <si>
    <t>0.03292083806024948</t>
  </si>
  <si>
    <t>26131</t>
  </si>
  <si>
    <t>13.94271183013916</t>
  </si>
  <si>
    <t>711.2115478515625</t>
  </si>
  <si>
    <t>0.026642390171202734</t>
  </si>
  <si>
    <t>14.163939476013184</t>
  </si>
  <si>
    <t>591.7770385742188</t>
  </si>
  <si>
    <t>0.034601624198119296</t>
  </si>
  <si>
    <t>28000</t>
  </si>
  <si>
    <t>13.931254386901855</t>
  </si>
  <si>
    <t>722.28564453125</t>
  </si>
  <si>
    <t>0.034480536989324406</t>
  </si>
  <si>
    <t>14.065196990966797</t>
  </si>
  <si>
    <t>965.5659790039062</t>
  </si>
  <si>
    <t>0.04117621749017708</t>
  </si>
  <si>
    <t>30350</t>
  </si>
  <si>
    <t>13.238937377929688</t>
  </si>
  <si>
    <t>890.5830078125</t>
  </si>
  <si>
    <t>0.039415789840125726</t>
  </si>
  <si>
    <t>13.758121490478516</t>
  </si>
  <si>
    <t>655.6151733398438</t>
  </si>
  <si>
    <t>0.020093310889137683</t>
  </si>
  <si>
    <t>13.039588928222656</t>
  </si>
  <si>
    <t>835.1585083007812</t>
  </si>
  <si>
    <t>0.014682103777410305</t>
  </si>
  <si>
    <t>13.580646514892578</t>
  </si>
  <si>
    <t>623.4207763671875</t>
  </si>
  <si>
    <t>0.06098396781059989</t>
  </si>
  <si>
    <t>13.875438690185547</t>
  </si>
  <si>
    <t>721.5849609375</t>
  </si>
  <si>
    <t>0.02626870304563589</t>
  </si>
  <si>
    <t>14.217711448669434</t>
  </si>
  <si>
    <t>830.255859375</t>
  </si>
  <si>
    <t>-0.02713734367775089</t>
  </si>
  <si>
    <t>13.895835876464844</t>
  </si>
  <si>
    <t>897.3683471679688</t>
  </si>
  <si>
    <t>-0.02974490927700124</t>
  </si>
  <si>
    <t>31033</t>
  </si>
  <si>
    <t>14.494187355041504</t>
  </si>
  <si>
    <t>735.6395263671875</t>
  </si>
  <si>
    <t>-0.04289119565487454</t>
  </si>
  <si>
    <t>28104</t>
  </si>
  <si>
    <t>13.090198516845703</t>
  </si>
  <si>
    <t>714.4638061523438</t>
  </si>
  <si>
    <t>-0.09913923945513758</t>
  </si>
  <si>
    <t>26981</t>
  </si>
  <si>
    <t>14.467888832092285</t>
  </si>
  <si>
    <t>887.1405639648438</t>
  </si>
  <si>
    <t>-0.04077900037857063</t>
  </si>
  <si>
    <t>27153</t>
  </si>
  <si>
    <t>14.358729362487793</t>
  </si>
  <si>
    <t>785.2075805664062</t>
  </si>
  <si>
    <t>0.006354622928187226</t>
  </si>
  <si>
    <t>14.11957836151123</t>
  </si>
  <si>
    <t>918.5615844726562</t>
  </si>
  <si>
    <t>0.0029786551892403423</t>
  </si>
  <si>
    <t>13.871193885803223</t>
  </si>
  <si>
    <t>741.3203735351562</t>
  </si>
  <si>
    <t>0.029237193596555855</t>
  </si>
  <si>
    <t>14.16146469116211</t>
  </si>
  <si>
    <t>750.129150390625</t>
  </si>
  <si>
    <t>0.0012117325692351244</t>
  </si>
  <si>
    <t>28718</t>
  </si>
  <si>
    <t>14.353520393371582</t>
  </si>
  <si>
    <t>671.5582885742188</t>
  </si>
  <si>
    <t>0.022608985004010762</t>
  </si>
  <si>
    <t>14.723959922790527</t>
  </si>
  <si>
    <t>1043.003173828125</t>
  </si>
  <si>
    <t>-0.0007315161869350106</t>
  </si>
  <si>
    <t>14.78038501739502</t>
  </si>
  <si>
    <t>855.3165283203125</t>
  </si>
  <si>
    <t>0.04520447414746975</t>
  </si>
  <si>
    <t>14.844578742980957</t>
  </si>
  <si>
    <t>794.6943359375</t>
  </si>
  <si>
    <t>-0.06519598919853564</t>
  </si>
  <si>
    <t>30848</t>
  </si>
  <si>
    <t>14.549179077148438</t>
  </si>
  <si>
    <t>623.9039916992188</t>
  </si>
  <si>
    <t>0.0922708457939514</t>
  </si>
  <si>
    <t>14.727911949157715</t>
  </si>
  <si>
    <t>605.8128662109375</t>
  </si>
  <si>
    <t>0.06722349932533689</t>
  </si>
  <si>
    <t>17023</t>
  </si>
  <si>
    <t>14.268616676330566</t>
  </si>
  <si>
    <t>951.5779418945312</t>
  </si>
  <si>
    <t>59.201271057128906</t>
  </si>
  <si>
    <t>Arta, Preveza</t>
  </si>
  <si>
    <t>13.157638549804688</t>
  </si>
  <si>
    <t>871.1312255859375</t>
  </si>
  <si>
    <t>0.019084770787101135</t>
  </si>
  <si>
    <t>17349</t>
  </si>
  <si>
    <t>13.338324546813965</t>
  </si>
  <si>
    <t>734.368408203125</t>
  </si>
  <si>
    <t>-0.00011527377534470418</t>
  </si>
  <si>
    <t>13.84361743927002</t>
  </si>
  <si>
    <t>1008.9049072265625</t>
  </si>
  <si>
    <t>-0.021498686960988778</t>
  </si>
  <si>
    <t>14.524303436279297</t>
  </si>
  <si>
    <t>1021.2756958007812</t>
  </si>
  <si>
    <t>0.015312086904531341</t>
  </si>
  <si>
    <t>17532</t>
  </si>
  <si>
    <t>13.86861801147461</t>
  </si>
  <si>
    <t>1013.7767944335938</t>
  </si>
  <si>
    <t>0.016679514768830117</t>
  </si>
  <si>
    <t>13.774304389953613</t>
  </si>
  <si>
    <t>1117.595458984375</t>
  </si>
  <si>
    <t>0.024007915542053837</t>
  </si>
  <si>
    <t>18676</t>
  </si>
  <si>
    <t>13.507637023925781</t>
  </si>
  <si>
    <t>814.0840454101562</t>
  </si>
  <si>
    <t>0.03920357901007421</t>
  </si>
  <si>
    <t>14.33263874053955</t>
  </si>
  <si>
    <t>954.3377685546875</t>
  </si>
  <si>
    <t>0.032865818802148894</t>
  </si>
  <si>
    <t>19822</t>
  </si>
  <si>
    <t>14.649304389953613</t>
  </si>
  <si>
    <t>954.8082275390625</t>
  </si>
  <si>
    <t>0.02668733607367635</t>
  </si>
  <si>
    <t>20519</t>
  </si>
  <si>
    <t>14.846657752990723</t>
  </si>
  <si>
    <t>724.444580078125</t>
  </si>
  <si>
    <t>0.034558854187093146</t>
  </si>
  <si>
    <t>14.623909950256348</t>
  </si>
  <si>
    <t>777.1649780273438</t>
  </si>
  <si>
    <t>0.0037941479507299647</t>
  </si>
  <si>
    <t>14.779597282409668</t>
  </si>
  <si>
    <t>1277.1566162109375</t>
  </si>
  <si>
    <t>0.05483607187655082</t>
  </si>
  <si>
    <t>23218</t>
  </si>
  <si>
    <t>13.82430362701416</t>
  </si>
  <si>
    <t>1018.15478515625</t>
  </si>
  <si>
    <t>0.06494633391695359</t>
  </si>
  <si>
    <t>14.412930488586426</t>
  </si>
  <si>
    <t>882.0125122070312</t>
  </si>
  <si>
    <t>-0.033548142835892136</t>
  </si>
  <si>
    <t>13.657637596130371</t>
  </si>
  <si>
    <t>1147.6627197265625</t>
  </si>
  <si>
    <t>0.012437916237256985</t>
  </si>
  <si>
    <t>23659</t>
  </si>
  <si>
    <t>14.12695026397705</t>
  </si>
  <si>
    <t>931.1715087890625</t>
  </si>
  <si>
    <t>0.03992597891294203</t>
  </si>
  <si>
    <t>23919</t>
  </si>
  <si>
    <t>14.49057674407959</t>
  </si>
  <si>
    <t>1007.7532348632812</t>
  </si>
  <si>
    <t>0.010929529958316309</t>
  </si>
  <si>
    <t>23345</t>
  </si>
  <si>
    <t>14.865970611572266</t>
  </si>
  <si>
    <t>1133.0225830078125</t>
  </si>
  <si>
    <t>-0.024290293765567128</t>
  </si>
  <si>
    <t>22837</t>
  </si>
  <si>
    <t>14.582244873046875</t>
  </si>
  <si>
    <t>1173.6722412109375</t>
  </si>
  <si>
    <t>-0.022000800773446016</t>
  </si>
  <si>
    <t>22890</t>
  </si>
  <si>
    <t>15.12695026397705</t>
  </si>
  <si>
    <t>1096.40576171875</t>
  </si>
  <si>
    <t>0.0023181063150214953</t>
  </si>
  <si>
    <t>21287</t>
  </si>
  <si>
    <t>13.744010925292969</t>
  </si>
  <si>
    <t>869.4227294921875</t>
  </si>
  <si>
    <t>-0.07260357621393432</t>
  </si>
  <si>
    <t>15.163322448730469</t>
  </si>
  <si>
    <t>1150.943359375</t>
  </si>
  <si>
    <t>-0.07241462005005239</t>
  </si>
  <si>
    <t>20008</t>
  </si>
  <si>
    <t>15.12734317779541</t>
  </si>
  <si>
    <t>1020.5219116210938</t>
  </si>
  <si>
    <t>0.010450255874829395</t>
  </si>
  <si>
    <t>20599</t>
  </si>
  <si>
    <t>14.771265983581543</t>
  </si>
  <si>
    <t>1326.513916015625</t>
  </si>
  <si>
    <t>0.029110337352612703</t>
  </si>
  <si>
    <t>14.566365242004395</t>
  </si>
  <si>
    <t>1066.8455810546875</t>
  </si>
  <si>
    <t>-0.006184432070442725</t>
  </si>
  <si>
    <t>20161</t>
  </si>
  <si>
    <t>14.871657371520996</t>
  </si>
  <si>
    <t>1069.1514892578125</t>
  </si>
  <si>
    <t>-0.015308053709913949</t>
  </si>
  <si>
    <t>19991</t>
  </si>
  <si>
    <t>15.099303245544434</t>
  </si>
  <si>
    <t>910.922119140625</t>
  </si>
  <si>
    <t>-0.008467872873968219</t>
  </si>
  <si>
    <t>20513</t>
  </si>
  <si>
    <t>15.437931060791016</t>
  </si>
  <si>
    <t>1228.9334716796875</t>
  </si>
  <si>
    <t>0.02577665922639305</t>
  </si>
  <si>
    <t>21114</t>
  </si>
  <si>
    <t>15.568617820739746</t>
  </si>
  <si>
    <t>1068.5093994140625</t>
  </si>
  <si>
    <t>0.028877496067503117</t>
  </si>
  <si>
    <t>15.582243919372559</t>
  </si>
  <si>
    <t>1133.3475341796875</t>
  </si>
  <si>
    <t>-0.08188362312025355</t>
  </si>
  <si>
    <t>21334</t>
  </si>
  <si>
    <t>15.237930297851562</t>
  </si>
  <si>
    <t>902.3543090820312</t>
  </si>
  <si>
    <t>0.09224933975604266</t>
  </si>
  <si>
    <t>15.37695026397705</t>
  </si>
  <si>
    <t>903.703125</t>
  </si>
  <si>
    <t>0.06720382796014235</t>
  </si>
  <si>
    <t>1327</t>
  </si>
  <si>
    <t>15.191235542297363</t>
  </si>
  <si>
    <t>491.8717041015625</t>
  </si>
  <si>
    <t>103.72207641601562</t>
  </si>
  <si>
    <t>Boeotia</t>
  </si>
  <si>
    <t>39150</t>
  </si>
  <si>
    <t>14.012207984924316</t>
  </si>
  <si>
    <t>484.4226379394531</t>
  </si>
  <si>
    <t>0.019082580078997324</t>
  </si>
  <si>
    <t>14.208179473876953</t>
  </si>
  <si>
    <t>374.894287109375</t>
  </si>
  <si>
    <t>-0.00012772207693423354</t>
  </si>
  <si>
    <t>14.76220703125</t>
  </si>
  <si>
    <t>514.3173217773438</t>
  </si>
  <si>
    <t>-0.021457335716966952</t>
  </si>
  <si>
    <t>15.478874206542969</t>
  </si>
  <si>
    <t>600.673095703125</t>
  </si>
  <si>
    <t>0.015333115732715896</t>
  </si>
  <si>
    <t>39558</t>
  </si>
  <si>
    <t>14.732902526855469</t>
  </si>
  <si>
    <t>456.4143981933594</t>
  </si>
  <si>
    <t>0.0166194689835919</t>
  </si>
  <si>
    <t>14.657902717590332</t>
  </si>
  <si>
    <t>601.1910400390625</t>
  </si>
  <si>
    <t>0.024052408887518695</t>
  </si>
  <si>
    <t>42140</t>
  </si>
  <si>
    <t>14.35817813873291</t>
  </si>
  <si>
    <t>492.5498046875</t>
  </si>
  <si>
    <t>0.03917705012930561</t>
  </si>
  <si>
    <t>43549</t>
  </si>
  <si>
    <t>15.28262710571289</t>
  </si>
  <si>
    <t>525.6998291015625</t>
  </si>
  <si>
    <t>0.03288933254632198</t>
  </si>
  <si>
    <t>15.620265007019043</t>
  </si>
  <si>
    <t>492.25634765625</t>
  </si>
  <si>
    <t>0.026668247082161756</t>
  </si>
  <si>
    <t>46300</t>
  </si>
  <si>
    <t>15.845540046691895</t>
  </si>
  <si>
    <t>393.55096435546875</t>
  </si>
  <si>
    <t>0.0345869730876629</t>
  </si>
  <si>
    <t>48350</t>
  </si>
  <si>
    <t>15.607626914978027</t>
  </si>
  <si>
    <t>489.1927185058594</t>
  </si>
  <si>
    <t>0.04332426080711471</t>
  </si>
  <si>
    <t>46213</t>
  </si>
  <si>
    <t>15.699292182922363</t>
  </si>
  <si>
    <t>682.6301879882812</t>
  </si>
  <si>
    <t>-0.045205078111639097</t>
  </si>
  <si>
    <t>48279</t>
  </si>
  <si>
    <t>14.791512489318848</t>
  </si>
  <si>
    <t>599.7210693359375</t>
  </si>
  <si>
    <t>0.04373553971680266</t>
  </si>
  <si>
    <t>47277</t>
  </si>
  <si>
    <t>15.3745698928833</t>
  </si>
  <si>
    <t>432.7110900878906</t>
  </si>
  <si>
    <t>-0.02097276419642391</t>
  </si>
  <si>
    <t>14.641236305236816</t>
  </si>
  <si>
    <t>566.7313232421875</t>
  </si>
  <si>
    <t>-0.02189759258837931</t>
  </si>
  <si>
    <t>15.174569129943848</t>
  </si>
  <si>
    <t>463.3670959472656</t>
  </si>
  <si>
    <t>0.005756000930800198</t>
  </si>
  <si>
    <t>44974</t>
  </si>
  <si>
    <t>15.453873634338379</t>
  </si>
  <si>
    <t>503.19189453125</t>
  </si>
  <si>
    <t>-0.03379778263582267</t>
  </si>
  <si>
    <t>43814</t>
  </si>
  <si>
    <t>15.841236114501953</t>
  </si>
  <si>
    <t>551.3151245117188</t>
  </si>
  <si>
    <t>-0.026131144001332984</t>
  </si>
  <si>
    <t>15.511932373046875</t>
  </si>
  <si>
    <t>605.4612426757812</t>
  </si>
  <si>
    <t>-0.04233140291138149</t>
  </si>
  <si>
    <t>16.099294662475586</t>
  </si>
  <si>
    <t>554.107421875</t>
  </si>
  <si>
    <t>0.0009757607542635327</t>
  </si>
  <si>
    <t>14.628874778747559</t>
  </si>
  <si>
    <t>444.882080078125</t>
  </si>
  <si>
    <t>-0.04639882033191256</t>
  </si>
  <si>
    <t>38873</t>
  </si>
  <si>
    <t>16.10387420654297</t>
  </si>
  <si>
    <t>600.2534790039062</t>
  </si>
  <si>
    <t>-0.03189901629365721</t>
  </si>
  <si>
    <t>16.020265579223633</t>
  </si>
  <si>
    <t>501.4021911621094</t>
  </si>
  <si>
    <t>-0.03702622521467802</t>
  </si>
  <si>
    <t>15.707903861999512</t>
  </si>
  <si>
    <t>651.0310668945312</t>
  </si>
  <si>
    <t>-0.08696284154661349</t>
  </si>
  <si>
    <t>15.491512298583984</t>
  </si>
  <si>
    <t>563.8624267578125</t>
  </si>
  <si>
    <t>0.03198163565548917</t>
  </si>
  <si>
    <t>38818</t>
  </si>
  <si>
    <t>15.782902717590332</t>
  </si>
  <si>
    <t>541.1146240234375</t>
  </si>
  <si>
    <t>0.09059156545371749</t>
  </si>
  <si>
    <t>39238</t>
  </si>
  <si>
    <t>16.041236877441406</t>
  </si>
  <si>
    <t>439.6417541503906</t>
  </si>
  <si>
    <t>0.010761608420100544</t>
  </si>
  <si>
    <t>39261</t>
  </si>
  <si>
    <t>16.35790252685547</t>
  </si>
  <si>
    <t>659.4669189453125</t>
  </si>
  <si>
    <t>0.0005859947428170642</t>
  </si>
  <si>
    <t>41035</t>
  </si>
  <si>
    <t>16.433177947998047</t>
  </si>
  <si>
    <t>509.2618713378906</t>
  </si>
  <si>
    <t>0.04419370134022138</t>
  </si>
  <si>
    <t>16.491235733032227</t>
  </si>
  <si>
    <t>578.4237060546875</t>
  </si>
  <si>
    <t>0.04621645925915274</t>
  </si>
  <si>
    <t>47129</t>
  </si>
  <si>
    <t>16.1119327545166</t>
  </si>
  <si>
    <t>462.4142761230469</t>
  </si>
  <si>
    <t>0.09224670246179478</t>
  </si>
  <si>
    <t>50407</t>
  </si>
  <si>
    <t>16.349294662475586</t>
  </si>
  <si>
    <t>479.99822998046875</t>
  </si>
  <si>
    <t>0.06724153151942147</t>
  </si>
  <si>
    <t>1329</t>
  </si>
  <si>
    <t>20644</t>
  </si>
  <si>
    <t>488.6000061035156</t>
  </si>
  <si>
    <t>26.134654998779297</t>
  </si>
  <si>
    <t>Chalcidice</t>
  </si>
  <si>
    <t>21042</t>
  </si>
  <si>
    <t>13.191668510437012</t>
  </si>
  <si>
    <t>0.019095720099615576</t>
  </si>
  <si>
    <t>464.20001220703125</t>
  </si>
  <si>
    <t>-9.50525165865912e-05</t>
  </si>
  <si>
    <t>13.858332633972168</t>
  </si>
  <si>
    <t>498.60003662109375</t>
  </si>
  <si>
    <t>-0.021474175646298832</t>
  </si>
  <si>
    <t>14.550000190734863</t>
  </si>
  <si>
    <t>614.3999633789062</t>
  </si>
  <si>
    <t>0.01532412408145234</t>
  </si>
  <si>
    <t>21262</t>
  </si>
  <si>
    <t>13.875000953674316</t>
  </si>
  <si>
    <t>0.016646105561751057</t>
  </si>
  <si>
    <t>21779</t>
  </si>
  <si>
    <t>0.02402476090205674</t>
  </si>
  <si>
    <t>22649</t>
  </si>
  <si>
    <t>416.8000183105469</t>
  </si>
  <si>
    <t>0.0391694980755517</t>
  </si>
  <si>
    <t>14.3583345413208</t>
  </si>
  <si>
    <t>544.4000244140625</t>
  </si>
  <si>
    <t>0.03287669890855227</t>
  </si>
  <si>
    <t>0.026685111711469034</t>
  </si>
  <si>
    <t>14.783333778381348</t>
  </si>
  <si>
    <t>382.8000183105469</t>
  </si>
  <si>
    <t>0.03458770084647256</t>
  </si>
  <si>
    <t>24969</t>
  </si>
  <si>
    <t>14.649998664855957</t>
  </si>
  <si>
    <t>451.1999816894531</t>
  </si>
  <si>
    <t>0.003369843121550531</t>
  </si>
  <si>
    <t>25267</t>
  </si>
  <si>
    <t>14.77500057220459</t>
  </si>
  <si>
    <t>837.4999389648438</t>
  </si>
  <si>
    <t>0.011864141073264278</t>
  </si>
  <si>
    <t>0.06977619543143909</t>
  </si>
  <si>
    <t>14.450000762939453</t>
  </si>
  <si>
    <t>492.3999938964844</t>
  </si>
  <si>
    <t>0.036636523026755796</t>
  </si>
  <si>
    <t>28770</t>
  </si>
  <si>
    <t>0.02342126259993016</t>
  </si>
  <si>
    <t>14.191666603088379</t>
  </si>
  <si>
    <t>554.300048828125</t>
  </si>
  <si>
    <t>0.05019606421823575</t>
  </si>
  <si>
    <t>30354</t>
  </si>
  <si>
    <t>14.516667366027832</t>
  </si>
  <si>
    <t>577.8999633789062</t>
  </si>
  <si>
    <t>0.0033990627561610864</t>
  </si>
  <si>
    <t>30305</t>
  </si>
  <si>
    <t>14.90833568572998</t>
  </si>
  <si>
    <t>-0.0016155891346052442</t>
  </si>
  <si>
    <t>14.641667366027832</t>
  </si>
  <si>
    <t>-0.07764499053469187</t>
  </si>
  <si>
    <t>26336</t>
  </si>
  <si>
    <t>15.175002098083496</t>
  </si>
  <si>
    <t>-0.0627309003738965</t>
  </si>
  <si>
    <t>-0.06599766536533203</t>
  </si>
  <si>
    <t>-0.04216818564589886</t>
  </si>
  <si>
    <t>22889</t>
  </si>
  <si>
    <t>15.099998474121094</t>
  </si>
  <si>
    <t>519.2999877929688</t>
  </si>
  <si>
    <t>-0.03211452767291689</t>
  </si>
  <si>
    <t>23067</t>
  </si>
  <si>
    <t>14.791666984558105</t>
  </si>
  <si>
    <t>813.3999633789062</t>
  </si>
  <si>
    <t>0.007746578907640966</t>
  </si>
  <si>
    <t>23086</t>
  </si>
  <si>
    <t>672.2999877929688</t>
  </si>
  <si>
    <t>0.0008233484745669983</t>
  </si>
  <si>
    <t>23184</t>
  </si>
  <si>
    <t>14.858333587646484</t>
  </si>
  <si>
    <t>583.0000610351562</t>
  </si>
  <si>
    <t>0.004236012385606003</t>
  </si>
  <si>
    <t>0.0048192864359499765</t>
  </si>
  <si>
    <t>24136</t>
  </si>
  <si>
    <t>15.483333587646484</t>
  </si>
  <si>
    <t>793.199951171875</t>
  </si>
  <si>
    <t>0.03542282984248324</t>
  </si>
  <si>
    <t>24222</t>
  </si>
  <si>
    <t>569.9000244140625</t>
  </si>
  <si>
    <t>0.0035568092420987796</t>
  </si>
  <si>
    <t>15.641666412353516</t>
  </si>
  <si>
    <t>-0.1888825426039613</t>
  </si>
  <si>
    <t>15.25833511352539</t>
  </si>
  <si>
    <t>586.4000244140625</t>
  </si>
  <si>
    <t>0.09225451025381481</t>
  </si>
  <si>
    <t>23521</t>
  </si>
  <si>
    <t>15.425000190734863</t>
  </si>
  <si>
    <t>0.06726036038469552</t>
  </si>
  <si>
    <t>22612</t>
  </si>
  <si>
    <t>17.064973831176758</t>
  </si>
  <si>
    <t>599.4925537109375</t>
  </si>
  <si>
    <t>172.92691040039062</t>
  </si>
  <si>
    <t>Chania</t>
  </si>
  <si>
    <t>23048</t>
  </si>
  <si>
    <t>15.946895599365234</t>
  </si>
  <si>
    <t>650.2006225585938</t>
  </si>
  <si>
    <t>0.01909825896918349</t>
  </si>
  <si>
    <t>16.02710723876953</t>
  </si>
  <si>
    <t>562.4054565429688</t>
  </si>
  <si>
    <t>-0.00013017160975614672</t>
  </si>
  <si>
    <t>22556</t>
  </si>
  <si>
    <t>16.58015251159668</t>
  </si>
  <si>
    <t>695.3012084960938</t>
  </si>
  <si>
    <t>-0.021447720227536493</t>
  </si>
  <si>
    <t>17.144765853881836</t>
  </si>
  <si>
    <t>835.1788940429688</t>
  </si>
  <si>
    <t>0.01531046185087881</t>
  </si>
  <si>
    <t>23288</t>
  </si>
  <si>
    <t>16.702640533447266</t>
  </si>
  <si>
    <t>629.8915405273438</t>
  </si>
  <si>
    <t>0.016626638647508685</t>
  </si>
  <si>
    <t>16.60921287536621</t>
  </si>
  <si>
    <t>797.888671875</t>
  </si>
  <si>
    <t>0.02405563252474785</t>
  </si>
  <si>
    <t>16.24509620666504</t>
  </si>
  <si>
    <t>670.408447265625</t>
  </si>
  <si>
    <t>0.039172342830077866</t>
  </si>
  <si>
    <t>25638</t>
  </si>
  <si>
    <t>17.064001083374023</t>
  </si>
  <si>
    <t>717.5302124023438</t>
  </si>
  <si>
    <t>0.032909444091794526</t>
  </si>
  <si>
    <t>17.44078254699707</t>
  </si>
  <si>
    <t>552.3101806640625</t>
  </si>
  <si>
    <t>0.02663334761827585</t>
  </si>
  <si>
    <t>27257</t>
  </si>
  <si>
    <t>17.38202476501465</t>
  </si>
  <si>
    <t>535.8377685546875</t>
  </si>
  <si>
    <t>0.034601395346772534</t>
  </si>
  <si>
    <t>17.321929931640625</t>
  </si>
  <si>
    <t>759.8784790039062</t>
  </si>
  <si>
    <t>0.03461426433535131</t>
  </si>
  <si>
    <t>29510</t>
  </si>
  <si>
    <t>17.532445907592773</t>
  </si>
  <si>
    <t>853.4519653320312</t>
  </si>
  <si>
    <t>0.044804555764505594</t>
  </si>
  <si>
    <t>30911</t>
  </si>
  <si>
    <t>16.660459518432617</t>
  </si>
  <si>
    <t>1096.103759765625</t>
  </si>
  <si>
    <t>0.04638291865551025</t>
  </si>
  <si>
    <t>17.140268325805664</t>
  </si>
  <si>
    <t>609.9077758789062</t>
  </si>
  <si>
    <t>0.07125702908816933</t>
  </si>
  <si>
    <t>32470</t>
  </si>
  <si>
    <t>16.539424896240234</t>
  </si>
  <si>
    <t>760.1925659179688</t>
  </si>
  <si>
    <t>-0.022052550583772756</t>
  </si>
  <si>
    <t>16.90346336364746</t>
  </si>
  <si>
    <t>657.8920288085938</t>
  </si>
  <si>
    <t>0.04639681740879098</t>
  </si>
  <si>
    <t>34170</t>
  </si>
  <si>
    <t>17.231164932250977</t>
  </si>
  <si>
    <t>690.3271484375</t>
  </si>
  <si>
    <t>0.00463466260365486</t>
  </si>
  <si>
    <t>34052</t>
  </si>
  <si>
    <t>17.680208206176758</t>
  </si>
  <si>
    <t>745.5944213867188</t>
  </si>
  <si>
    <t>-0.0034592981053904737</t>
  </si>
  <si>
    <t>17.338581085205078</t>
  </si>
  <si>
    <t>768.724609375</t>
  </si>
  <si>
    <t>-0.053409946165574596</t>
  </si>
  <si>
    <t>18.024263381958008</t>
  </si>
  <si>
    <t>679.1510009765625</t>
  </si>
  <si>
    <t>-0.07494949729477796</t>
  </si>
  <si>
    <t>16.494674682617188</t>
  </si>
  <si>
    <t>741.1951904296875</t>
  </si>
  <si>
    <t>-0.10684557254853644</t>
  </si>
  <si>
    <t>17.92417335510254</t>
  </si>
  <si>
    <t>886.5192260742188</t>
  </si>
  <si>
    <t>-0.1130062405488772</t>
  </si>
  <si>
    <t>23861</t>
  </si>
  <si>
    <t>17.84388542175293</t>
  </si>
  <si>
    <t>811.8711547851562</t>
  </si>
  <si>
    <t>-0.007432184524155616</t>
  </si>
  <si>
    <t>25040</t>
  </si>
  <si>
    <t>17.601377487182617</t>
  </si>
  <si>
    <t>790.3909301757812</t>
  </si>
  <si>
    <t>0.04822921929200952</t>
  </si>
  <si>
    <t>25128</t>
  </si>
  <si>
    <t>17.22281265258789</t>
  </si>
  <si>
    <t>728.5199584960938</t>
  </si>
  <si>
    <t>0.0035082160044481725</t>
  </si>
  <si>
    <t>17.67244529724121</t>
  </si>
  <si>
    <t>710.1758422851562</t>
  </si>
  <si>
    <t>-0.021033087918404192</t>
  </si>
  <si>
    <t>25025</t>
  </si>
  <si>
    <t>17.739168167114258</t>
  </si>
  <si>
    <t>723.7379150390625</t>
  </si>
  <si>
    <t>0.016925650883342414</t>
  </si>
  <si>
    <t>18.205297470092773</t>
  </si>
  <si>
    <t>912.1082763671875</t>
  </si>
  <si>
    <t>0.02330279218988096</t>
  </si>
  <si>
    <t>26149</t>
  </si>
  <si>
    <t>18.1790714263916</t>
  </si>
  <si>
    <t>796.5299682617188</t>
  </si>
  <si>
    <t>0.020632831470782875</t>
  </si>
  <si>
    <t>22250</t>
  </si>
  <si>
    <t>18.29656410217285</t>
  </si>
  <si>
    <t>677.0088500976562</t>
  </si>
  <si>
    <t>-0.1614689402496996</t>
  </si>
  <si>
    <t>18.003116607666016</t>
  </si>
  <si>
    <t>739.6486206054688</t>
  </si>
  <si>
    <t>0.0922411236869074</t>
  </si>
  <si>
    <t>26097</t>
  </si>
  <si>
    <t>18.043920516967773</t>
  </si>
  <si>
    <t>591.8931884765625</t>
  </si>
  <si>
    <t>0.06723723289435668</t>
  </si>
  <si>
    <t>1332</t>
  </si>
  <si>
    <t>24388</t>
  </si>
  <si>
    <t>15.891667366027832</t>
  </si>
  <si>
    <t>1131.199951171875</t>
  </si>
  <si>
    <t>172.423828125</t>
  </si>
  <si>
    <t>Corfu</t>
  </si>
  <si>
    <t>24858</t>
  </si>
  <si>
    <t>14.799999237060547</t>
  </si>
  <si>
    <t>1025.0999755859375</t>
  </si>
  <si>
    <t>0.019088424277748928</t>
  </si>
  <si>
    <t>-0.00012069277668302902</t>
  </si>
  <si>
    <t>24327</t>
  </si>
  <si>
    <t>1293.5</t>
  </si>
  <si>
    <t>-0.021472094916106244</t>
  </si>
  <si>
    <t>24703</t>
  </si>
  <si>
    <t>1300.0001220703125</t>
  </si>
  <si>
    <t>0.015337849117916136</t>
  </si>
  <si>
    <t>25117</t>
  </si>
  <si>
    <t>15.34999942779541</t>
  </si>
  <si>
    <t>1198.800048828125</t>
  </si>
  <si>
    <t>0.01662021396801805</t>
  </si>
  <si>
    <t>25728</t>
  </si>
  <si>
    <t>15.125</t>
  </si>
  <si>
    <t>1421.199951171875</t>
  </si>
  <si>
    <t>0.024034985280092513</t>
  </si>
  <si>
    <t>26756</t>
  </si>
  <si>
    <t>979.0999145507812</t>
  </si>
  <si>
    <t>0.03917885425960499</t>
  </si>
  <si>
    <t>15.841668128967285</t>
  </si>
  <si>
    <t>0.03290314642347525</t>
  </si>
  <si>
    <t>15.97500228881836</t>
  </si>
  <si>
    <t>1217.300048828125</t>
  </si>
  <si>
    <t>0.02665682647252865</t>
  </si>
  <si>
    <t>16.808332443237305</t>
  </si>
  <si>
    <t>940.800048828125</t>
  </si>
  <si>
    <t>0.03457390816962658</t>
  </si>
  <si>
    <t>15.983333587646484</t>
  </si>
  <si>
    <t>892.7999267578125</t>
  </si>
  <si>
    <t>0.04004201902339588</t>
  </si>
  <si>
    <t>29867</t>
  </si>
  <si>
    <t>16.483333587646484</t>
  </si>
  <si>
    <t>1544.7000732421875</t>
  </si>
  <si>
    <t>-0.024180455380406585</t>
  </si>
  <si>
    <t>33006</t>
  </si>
  <si>
    <t>1208.5001220703125</t>
  </si>
  <si>
    <t>0.099935171156595</t>
  </si>
  <si>
    <t>33969</t>
  </si>
  <si>
    <t>15.925000190734863</t>
  </si>
  <si>
    <t>0.02875898087863682</t>
  </si>
  <si>
    <t>15.27500057220459</t>
  </si>
  <si>
    <t>1483.0</t>
  </si>
  <si>
    <t>0.02812671808302447</t>
  </si>
  <si>
    <t>35529</t>
  </si>
  <si>
    <t>1145.7999267578125</t>
  </si>
  <si>
    <t>0.01677420232443083</t>
  </si>
  <si>
    <t>16.29166603088379</t>
  </si>
  <si>
    <t>1361.0999755859375</t>
  </si>
  <si>
    <t>0.013530719974827576</t>
  </si>
  <si>
    <t>1577.2000732421875</t>
  </si>
  <si>
    <t>0.03377196044327313</t>
  </si>
  <si>
    <t>1537.4998779296875</t>
  </si>
  <si>
    <t>-0.11984220126329781</t>
  </si>
  <si>
    <t>1667.800048828125</t>
  </si>
  <si>
    <t>-0.08686007045743693</t>
  </si>
  <si>
    <t>15.950000762939453</t>
  </si>
  <si>
    <t>947.0000610351562</t>
  </si>
  <si>
    <t>-0.1360716581213488</t>
  </si>
  <si>
    <t>1467.0999755859375</t>
  </si>
  <si>
    <t>-0.07010111449478629</t>
  </si>
  <si>
    <t>16.816667556762695</t>
  </si>
  <si>
    <t>1282.300048828125</t>
  </si>
  <si>
    <t>0.0003244909576611832</t>
  </si>
  <si>
    <t>25811</t>
  </si>
  <si>
    <t>16.491666793823242</t>
  </si>
  <si>
    <t>1661.0001220703125</t>
  </si>
  <si>
    <t>0.04569936620621462</t>
  </si>
  <si>
    <t>25575</t>
  </si>
  <si>
    <t>16.616666793823242</t>
  </si>
  <si>
    <t>1240.9000244140625</t>
  </si>
  <si>
    <t>-0.009185445814884119</t>
  </si>
  <si>
    <t>25571</t>
  </si>
  <si>
    <t>16.32499885559082</t>
  </si>
  <si>
    <t>1378.60009765625</t>
  </si>
  <si>
    <t>-0.00015641496923279874</t>
  </si>
  <si>
    <t>25773</t>
  </si>
  <si>
    <t>16.866668701171875</t>
  </si>
  <si>
    <t>0.007868535455571646</t>
  </si>
  <si>
    <t>26667</t>
  </si>
  <si>
    <t>1269.9000244140625</t>
  </si>
  <si>
    <t>0.034099413603618345</t>
  </si>
  <si>
    <t>1245.7000732421875</t>
  </si>
  <si>
    <t>0.036813521321032994</t>
  </si>
  <si>
    <t>22573</t>
  </si>
  <si>
    <t>16.95833396911621</t>
  </si>
  <si>
    <t>1437.2000732421875</t>
  </si>
  <si>
    <t>-0.2034858654472398</t>
  </si>
  <si>
    <t>24755</t>
  </si>
  <si>
    <t>16.54166603088379</t>
  </si>
  <si>
    <t>1146.300048828125</t>
  </si>
  <si>
    <t>0.09227298701194542</t>
  </si>
  <si>
    <t>17.316667556762695</t>
  </si>
  <si>
    <t>1271.800048828125</t>
  </si>
  <si>
    <t>0.06724894278591798</t>
  </si>
  <si>
    <t>1333</t>
  </si>
  <si>
    <t>22961</t>
  </si>
  <si>
    <t>16.07710075378418</t>
  </si>
  <si>
    <t>541.16845703125</t>
  </si>
  <si>
    <t>139.49961853027344</t>
  </si>
  <si>
    <t>Corinthia</t>
  </si>
  <si>
    <t>23404</t>
  </si>
  <si>
    <t>14.931807518005371</t>
  </si>
  <si>
    <t>519.4230346679688</t>
  </si>
  <si>
    <t>0.019109823416103566</t>
  </si>
  <si>
    <t>23401</t>
  </si>
  <si>
    <t>15.032890319824219</t>
  </si>
  <si>
    <t>406.01751708984375</t>
  </si>
  <si>
    <t>-0.00012819143271514122</t>
  </si>
  <si>
    <t>15.59847354888916</t>
  </si>
  <si>
    <t>565.6964111328125</t>
  </si>
  <si>
    <t>-0.02146718869746067</t>
  </si>
  <si>
    <t>16.286516189575195</t>
  </si>
  <si>
    <t>647.7600708007812</t>
  </si>
  <si>
    <t>0.015337591075038404</t>
  </si>
  <si>
    <t>23648</t>
  </si>
  <si>
    <t>15.610432624816895</t>
  </si>
  <si>
    <t>466.6430358886719</t>
  </si>
  <si>
    <t>0.01662938589493912</t>
  </si>
  <si>
    <t>15.60935115814209</t>
  </si>
  <si>
    <t>604.822998046875</t>
  </si>
  <si>
    <t>0.024065332489247027</t>
  </si>
  <si>
    <t>15.239058494567871</t>
  </si>
  <si>
    <t>521.5176391601562</t>
  </si>
  <si>
    <t>0.039142910614497595</t>
  </si>
  <si>
    <t>16.09739112854004</t>
  </si>
  <si>
    <t>544.2566528320312</t>
  </si>
  <si>
    <t>0.0329165881747322</t>
  </si>
  <si>
    <t>16.372392654418945</t>
  </si>
  <si>
    <t>482.8696594238281</t>
  </si>
  <si>
    <t>0.026644997862145914</t>
  </si>
  <si>
    <t>16.543764114379883</t>
  </si>
  <si>
    <t>419.3220520019531</t>
  </si>
  <si>
    <t>0.03458949989732396</t>
  </si>
  <si>
    <t>16.36876678466797</t>
  </si>
  <si>
    <t>582.2574462890625</t>
  </si>
  <si>
    <t>0.022294599726441433</t>
  </si>
  <si>
    <t>27473</t>
  </si>
  <si>
    <t>16.493764877319336</t>
  </si>
  <si>
    <t>774.3694458007812</t>
  </si>
  <si>
    <t>-0.029728769338655425</t>
  </si>
  <si>
    <t>15.573473930358887</t>
  </si>
  <si>
    <t>680.2763061523438</t>
  </si>
  <si>
    <t>0.03188177467046316</t>
  </si>
  <si>
    <t>16.177099227905273</t>
  </si>
  <si>
    <t>447.7747802734375</t>
  </si>
  <si>
    <t>-0.002294348088225817</t>
  </si>
  <si>
    <t>15.447391510009766</t>
  </si>
  <si>
    <t>567.4613647460938</t>
  </si>
  <si>
    <t>0.005954390885969829</t>
  </si>
  <si>
    <t>29450</t>
  </si>
  <si>
    <t>15.946309089660645</t>
  </si>
  <si>
    <t>461.4164123535156</t>
  </si>
  <si>
    <t>0.03394838843786374</t>
  </si>
  <si>
    <t>30544</t>
  </si>
  <si>
    <t>16.243764877319336</t>
  </si>
  <si>
    <t>518.6636962890625</t>
  </si>
  <si>
    <t>0.036474356885797476</t>
  </si>
  <si>
    <t>31437</t>
  </si>
  <si>
    <t>16.67601776123047</t>
  </si>
  <si>
    <t>587.602294921875</t>
  </si>
  <si>
    <t>0.028817276177521833</t>
  </si>
  <si>
    <t>16.334348678588867</t>
  </si>
  <si>
    <t>618.9508666992188</t>
  </si>
  <si>
    <t>-0.0882353514129317</t>
  </si>
  <si>
    <t>27315</t>
  </si>
  <si>
    <t>16.951017379760742</t>
  </si>
  <si>
    <t>529.7454833984375</t>
  </si>
  <si>
    <t>-0.05231418990030079</t>
  </si>
  <si>
    <t>24936</t>
  </si>
  <si>
    <t>15.468766212463379</t>
  </si>
  <si>
    <t>505.98968505859375</t>
  </si>
  <si>
    <t>-0.09112345938264532</t>
  </si>
  <si>
    <t>16.881807327270508</t>
  </si>
  <si>
    <t>621.7899780273438</t>
  </si>
  <si>
    <t>-0.05121731328148371</t>
  </si>
  <si>
    <t>23260</t>
  </si>
  <si>
    <t>16.785432815551758</t>
  </si>
  <si>
    <t>528.9656982421875</t>
  </si>
  <si>
    <t>-0.01836008209303408</t>
  </si>
  <si>
    <t>22057</t>
  </si>
  <si>
    <t>16.50572395324707</t>
  </si>
  <si>
    <t>656.5361938476562</t>
  </si>
  <si>
    <t>-0.05310513526006844</t>
  </si>
  <si>
    <t>16.211515426635742</t>
  </si>
  <si>
    <t>551.5292358398438</t>
  </si>
  <si>
    <t>0.03256018607951816</t>
  </si>
  <si>
    <t>23656</t>
  </si>
  <si>
    <t>16.610431671142578</t>
  </si>
  <si>
    <t>581.887939453125</t>
  </si>
  <si>
    <t>0.037426584640208205</t>
  </si>
  <si>
    <t>23586</t>
  </si>
  <si>
    <t>16.814058303833008</t>
  </si>
  <si>
    <t>462.7474060058594</t>
  </si>
  <si>
    <t>-0.002963466882398791</t>
  </si>
  <si>
    <t>23948</t>
  </si>
  <si>
    <t>17.22709846496582</t>
  </si>
  <si>
    <t>702.6959228515625</t>
  </si>
  <si>
    <t>0.015231497395328475</t>
  </si>
  <si>
    <t>24785</t>
  </si>
  <si>
    <t>17.26151466369629</t>
  </si>
  <si>
    <t>612.0213012695312</t>
  </si>
  <si>
    <t>0.0343538184094303</t>
  </si>
  <si>
    <t>17.359350204467773</t>
  </si>
  <si>
    <t>566.4029541015625</t>
  </si>
  <si>
    <t>-0.06587085877939813</t>
  </si>
  <si>
    <t>25447</t>
  </si>
  <si>
    <t>17.009349822998047</t>
  </si>
  <si>
    <t>450.9090576171875</t>
  </si>
  <si>
    <t>0.09223008516267939</t>
  </si>
  <si>
    <t>17.106807708740234</t>
  </si>
  <si>
    <t>472.1741638183594</t>
  </si>
  <si>
    <t>0.06724392021497572</t>
  </si>
  <si>
    <t>1334</t>
  </si>
  <si>
    <t>17949</t>
  </si>
  <si>
    <t>11.824691772460938</t>
  </si>
  <si>
    <t>541.244140625</t>
  </si>
  <si>
    <t>87.42655944824219</t>
  </si>
  <si>
    <t>Drama</t>
  </si>
  <si>
    <t>10.474692344665527</t>
  </si>
  <si>
    <t>616.4223022460938</t>
  </si>
  <si>
    <t>0.019093395395165302</t>
  </si>
  <si>
    <t>18293</t>
  </si>
  <si>
    <t>11.000409126281738</t>
  </si>
  <si>
    <t>578.649169921875</t>
  </si>
  <si>
    <t>-0.00010932546200947968</t>
  </si>
  <si>
    <t>11.104216575622559</t>
  </si>
  <si>
    <t>532.6421508789062</t>
  </si>
  <si>
    <t>-0.021494321439591957</t>
  </si>
  <si>
    <t>18181</t>
  </si>
  <si>
    <t>11.93755054473877</t>
  </si>
  <si>
    <t>614.3909301757812</t>
  </si>
  <si>
    <t>0.015352941167567025</t>
  </si>
  <si>
    <t>18486</t>
  </si>
  <si>
    <t>11.079216957092285</t>
  </si>
  <si>
    <t>605.466552734375</t>
  </si>
  <si>
    <t>0.01663659610544954</t>
  </si>
  <si>
    <t>10.848976135253906</t>
  </si>
  <si>
    <t>540.73388671875</t>
  </si>
  <si>
    <t>0.02405118336909773</t>
  </si>
  <si>
    <t>19692</t>
  </si>
  <si>
    <t>10.7208833694458</t>
  </si>
  <si>
    <t>458.6792297363281</t>
  </si>
  <si>
    <t>0.03914758968427101</t>
  </si>
  <si>
    <t>20351</t>
  </si>
  <si>
    <t>11.537550926208496</t>
  </si>
  <si>
    <t>620.552734375</t>
  </si>
  <si>
    <t>0.032917588834457945</t>
  </si>
  <si>
    <t>20901</t>
  </si>
  <si>
    <t>12.111834526062012</t>
  </si>
  <si>
    <t>572.54052734375</t>
  </si>
  <si>
    <t>0.02666695398568031</t>
  </si>
  <si>
    <t>21636</t>
  </si>
  <si>
    <t>12.43755054473877</t>
  </si>
  <si>
    <t>419.06744384765625</t>
  </si>
  <si>
    <t>0.03456158929308906</t>
  </si>
  <si>
    <t>23233</t>
  </si>
  <si>
    <t>11.86707592010498</t>
  </si>
  <si>
    <t>478.38092041015625</t>
  </si>
  <si>
    <t>0.07121508778396901</t>
  </si>
  <si>
    <t>12.179217338562012</t>
  </si>
  <si>
    <t>879.6485595703125</t>
  </si>
  <si>
    <t>0.01969037362640158</t>
  </si>
  <si>
    <t>23002</t>
  </si>
  <si>
    <t>10.99588394165039</t>
  </si>
  <si>
    <t>572.8759155273438</t>
  </si>
  <si>
    <t>-0.029682886749162307</t>
  </si>
  <si>
    <t>23277</t>
  </si>
  <si>
    <t>12.029216766357422</t>
  </si>
  <si>
    <t>561.1652221679688</t>
  </si>
  <si>
    <t>0.011884579909532178</t>
  </si>
  <si>
    <t>11.170884132385254</t>
  </si>
  <si>
    <t>784.4172973632812</t>
  </si>
  <si>
    <t>0.0021028696889366927</t>
  </si>
  <si>
    <t>23713</t>
  </si>
  <si>
    <t>11.911833763122559</t>
  </si>
  <si>
    <t>675.4854125976562</t>
  </si>
  <si>
    <t>0.016454802695113457</t>
  </si>
  <si>
    <t>24074</t>
  </si>
  <si>
    <t>12.23374080657959</t>
  </si>
  <si>
    <t>687.1776123046875</t>
  </si>
  <si>
    <t>0.015108998993571987</t>
  </si>
  <si>
    <t>23350</t>
  </si>
  <si>
    <t>12.43374252319336</t>
  </si>
  <si>
    <t>564.2813110351562</t>
  </si>
  <si>
    <t>-0.03053543584263707</t>
  </si>
  <si>
    <t>22710</t>
  </si>
  <si>
    <t>12.11255168914795</t>
  </si>
  <si>
    <t>707.7372436523438</t>
  </si>
  <si>
    <t>-0.027791627997439505</t>
  </si>
  <si>
    <t>21923</t>
  </si>
  <si>
    <t>12.528499603271484</t>
  </si>
  <si>
    <t>709.008056640625</t>
  </si>
  <si>
    <t>-0.03526904208843895</t>
  </si>
  <si>
    <t>11.133025169372559</t>
  </si>
  <si>
    <t>522.4215698242188</t>
  </si>
  <si>
    <t>-0.15901279016848768</t>
  </si>
  <si>
    <t>12.449691772460938</t>
  </si>
  <si>
    <t>621.3362426757812</t>
  </si>
  <si>
    <t>-0.04149066722989048</t>
  </si>
  <si>
    <t>18043</t>
  </si>
  <si>
    <t>12.404216766357422</t>
  </si>
  <si>
    <t>548.3711547851562</t>
  </si>
  <si>
    <t>0.005724941295511599</t>
  </si>
  <si>
    <t>17836</t>
  </si>
  <si>
    <t>12.149691581726074</t>
  </si>
  <si>
    <t>887.1648559570312</t>
  </si>
  <si>
    <t>-0.01153891116093142</t>
  </si>
  <si>
    <t>12.183025360107422</t>
  </si>
  <si>
    <t>815.9461669921875</t>
  </si>
  <si>
    <t>0.037848301853275146</t>
  </si>
  <si>
    <t>12.300407409667969</t>
  </si>
  <si>
    <t>645.8176879882812</t>
  </si>
  <si>
    <t>-0.01129219382365676</t>
  </si>
  <si>
    <t>12.578499794006348</t>
  </si>
  <si>
    <t>752.7030029296875</t>
  </si>
  <si>
    <t>-0.029925761897574787</t>
  </si>
  <si>
    <t>18250</t>
  </si>
  <si>
    <t>12.65874195098877</t>
  </si>
  <si>
    <t>778.4849853515625</t>
  </si>
  <si>
    <t>0.026315847131225922</t>
  </si>
  <si>
    <t>18615</t>
  </si>
  <si>
    <t>13.195167541503906</t>
  </si>
  <si>
    <t>518.7400512695312</t>
  </si>
  <si>
    <t>13.107308387756348</t>
  </si>
  <si>
    <t>778.660400390625</t>
  </si>
  <si>
    <t>-0.055500784816564064</t>
  </si>
  <si>
    <t>19311</t>
  </si>
  <si>
    <t>12.39969253540039</t>
  </si>
  <si>
    <t>695.4457397460938</t>
  </si>
  <si>
    <t>0.09220795923047298</t>
  </si>
  <si>
    <t>20655</t>
  </si>
  <si>
    <t>12.866358757019043</t>
  </si>
  <si>
    <t>612.9778442382812</t>
  </si>
  <si>
    <t>0.06728253911013837</t>
  </si>
  <si>
    <t>464.6000671386719</t>
  </si>
  <si>
    <t>830.2059936523438</t>
  </si>
  <si>
    <t>Eastern Attica</t>
  </si>
  <si>
    <t>28336</t>
  </si>
  <si>
    <t>15.266666412353516</t>
  </si>
  <si>
    <t>447.5</t>
  </si>
  <si>
    <t>0.019097060343886696</t>
  </si>
  <si>
    <t>28332</t>
  </si>
  <si>
    <t>362.0000305175781</t>
  </si>
  <si>
    <t>-0.00014117314910144785</t>
  </si>
  <si>
    <t>16.033334732055664</t>
  </si>
  <si>
    <t>-0.021440986887222735</t>
  </si>
  <si>
    <t>16.71666717529297</t>
  </si>
  <si>
    <t>0.015316098291508595</t>
  </si>
  <si>
    <t>424.79998779296875</t>
  </si>
  <si>
    <t>0.016623027601164964</t>
  </si>
  <si>
    <t>0.024052644200521556</t>
  </si>
  <si>
    <t>15.591666221618652</t>
  </si>
  <si>
    <t>0.03918399251601734</t>
  </si>
  <si>
    <t>508.10003662109375</t>
  </si>
  <si>
    <t>0.03289558137631232</t>
  </si>
  <si>
    <t>32371</t>
  </si>
  <si>
    <t>16.899999618530273</t>
  </si>
  <si>
    <t>437.2000427246094</t>
  </si>
  <si>
    <t>0.026640695273277615</t>
  </si>
  <si>
    <t>33510</t>
  </si>
  <si>
    <t>381.3999938964844</t>
  </si>
  <si>
    <t>0.03458094148626323</t>
  </si>
  <si>
    <t>33968</t>
  </si>
  <si>
    <t>16.89166831970215</t>
  </si>
  <si>
    <t>499.8000183105469</t>
  </si>
  <si>
    <t>0.013575003211681036</t>
  </si>
  <si>
    <t>37236</t>
  </si>
  <si>
    <t>708.9999389648438</t>
  </si>
  <si>
    <t>0.0918571302933433</t>
  </si>
  <si>
    <t>0.09712495608977001</t>
  </si>
  <si>
    <t>43843</t>
  </si>
  <si>
    <t>403.3000183105469</t>
  </si>
  <si>
    <t>0.06621407961140946</t>
  </si>
  <si>
    <t>15.933334350585938</t>
  </si>
  <si>
    <t>539.5999755859375</t>
  </si>
  <si>
    <t>-0.03881115353360087</t>
  </si>
  <si>
    <t>47299</t>
  </si>
  <si>
    <t>16.45833396911621</t>
  </si>
  <si>
    <t>456.1999816894531</t>
  </si>
  <si>
    <t>0.11468523620352755</t>
  </si>
  <si>
    <t>48753</t>
  </si>
  <si>
    <t>475.29998779296875</t>
  </si>
  <si>
    <t>0.030277580386631087</t>
  </si>
  <si>
    <t>46848</t>
  </si>
  <si>
    <t>17.125</t>
  </si>
  <si>
    <t>534.2000122070312</t>
  </si>
  <si>
    <t>-0.03985841567313564</t>
  </si>
  <si>
    <t>45408</t>
  </si>
  <si>
    <t>581.7000122070312</t>
  </si>
  <si>
    <t>-0.031220017361214047</t>
  </si>
  <si>
    <t>17.41666603088379</t>
  </si>
  <si>
    <t>524.699951171875</t>
  </si>
  <si>
    <t>-0.056350383215134414</t>
  </si>
  <si>
    <t>15.87500286102295</t>
  </si>
  <si>
    <t>456.1000061035156</t>
  </si>
  <si>
    <t>-0.10200073165843904</t>
  </si>
  <si>
    <t>17.383333206176758</t>
  </si>
  <si>
    <t>572.7999877929688</t>
  </si>
  <si>
    <t>-0.13127082239603283</t>
  </si>
  <si>
    <t>17.26666831970215</t>
  </si>
  <si>
    <t>513.0</t>
  </si>
  <si>
    <t>-0.046242661590680356</t>
  </si>
  <si>
    <t>31695</t>
  </si>
  <si>
    <t>16.966665267944336</t>
  </si>
  <si>
    <t>-0.023664762381216065</t>
  </si>
  <si>
    <t>16.70833396911621</t>
  </si>
  <si>
    <t>-0.002906886940605702</t>
  </si>
  <si>
    <t>31196</t>
  </si>
  <si>
    <t>17.049999237060547</t>
  </si>
  <si>
    <t>558.199951171875</t>
  </si>
  <si>
    <t>-0.012962171327272287</t>
  </si>
  <si>
    <t>30876</t>
  </si>
  <si>
    <t>17.29166603088379</t>
  </si>
  <si>
    <t>427.0999755859375</t>
  </si>
  <si>
    <t>-0.010310698380642691</t>
  </si>
  <si>
    <t>31449</t>
  </si>
  <si>
    <t>0.01838800305093713</t>
  </si>
  <si>
    <t>31453</t>
  </si>
  <si>
    <t>17.66666603088379</t>
  </si>
  <si>
    <t>524.5</t>
  </si>
  <si>
    <t>0.0001271819657677753</t>
  </si>
  <si>
    <t>17.76666831970215</t>
  </si>
  <si>
    <t>-0.11347240211645726</t>
  </si>
  <si>
    <t>17.38333511352539</t>
  </si>
  <si>
    <t>460.5000305175781</t>
  </si>
  <si>
    <t>0.09223294999358878</t>
  </si>
  <si>
    <t>17.625</t>
  </si>
  <si>
    <t>440.1000061035156</t>
  </si>
  <si>
    <t>0.0672506428143631</t>
  </si>
  <si>
    <t>16102</t>
  </si>
  <si>
    <t>16.83867073059082</t>
  </si>
  <si>
    <t>704.1983642578125</t>
  </si>
  <si>
    <t>141.34255981445312</t>
  </si>
  <si>
    <t>Elis</t>
  </si>
  <si>
    <t>16413</t>
  </si>
  <si>
    <t>15.68879222869873</t>
  </si>
  <si>
    <t>619.7503051757812</t>
  </si>
  <si>
    <t>0.019130215872008804</t>
  </si>
  <si>
    <t>16411</t>
  </si>
  <si>
    <t>15.892898559570312</t>
  </si>
  <si>
    <t>509.5397644042969</t>
  </si>
  <si>
    <t>-0.00012186205230690916</t>
  </si>
  <si>
    <t>16062</t>
  </si>
  <si>
    <t>16.330339431762695</t>
  </si>
  <si>
    <t>760.5076293945312</t>
  </si>
  <si>
    <t>-0.021495607931221627</t>
  </si>
  <si>
    <t>16310</t>
  </si>
  <si>
    <t>17.05533790588379</t>
  </si>
  <si>
    <t>815.7662353515625</t>
  </si>
  <si>
    <t>0.015322182866652767</t>
  </si>
  <si>
    <t>16584</t>
  </si>
  <si>
    <t>16.38174819946289</t>
  </si>
  <si>
    <t>653.59765625</t>
  </si>
  <si>
    <t>0.016659958500556016</t>
  </si>
  <si>
    <t>16987</t>
  </si>
  <si>
    <t>16.32611083984375</t>
  </si>
  <si>
    <t>902.7119140625</t>
  </si>
  <si>
    <t>0.02400997050369469</t>
  </si>
  <si>
    <t>17666</t>
  </si>
  <si>
    <t>16.073413848876953</t>
  </si>
  <si>
    <t>685.0821533203125</t>
  </si>
  <si>
    <t>0.03919354268576747</t>
  </si>
  <si>
    <t>18257</t>
  </si>
  <si>
    <t>16.858034133911133</t>
  </si>
  <si>
    <t>738.0451049804688</t>
  </si>
  <si>
    <t>0.032906679808432315</t>
  </si>
  <si>
    <t>17.13726234436035</t>
  </si>
  <si>
    <t>756.1007690429688</t>
  </si>
  <si>
    <t>0.026645184285046142</t>
  </si>
  <si>
    <t>17.353927612304688</t>
  </si>
  <si>
    <t>637.1735229492188</t>
  </si>
  <si>
    <t>0.034594644764499805</t>
  </si>
  <si>
    <t>20371</t>
  </si>
  <si>
    <t>17.060853958129883</t>
  </si>
  <si>
    <t>647.9387817382812</t>
  </si>
  <si>
    <t>0.04832392365450211</t>
  </si>
  <si>
    <t>17.240079879760742</t>
  </si>
  <si>
    <t>940.8421020507812</t>
  </si>
  <si>
    <t>0.051379197133423204</t>
  </si>
  <si>
    <t>842.5467529296875</t>
  </si>
  <si>
    <t>0.05179445113772374</t>
  </si>
  <si>
    <t>22264</t>
  </si>
  <si>
    <t>16.916488647460938</t>
  </si>
  <si>
    <t>664.275146484375</t>
  </si>
  <si>
    <t>-0.014314944882977798</t>
  </si>
  <si>
    <t>22965</t>
  </si>
  <si>
    <t>16.22623062133789</t>
  </si>
  <si>
    <t>852.3018188476562</t>
  </si>
  <si>
    <t>0.031000293554166447</t>
  </si>
  <si>
    <t>16.79841423034668</t>
  </si>
  <si>
    <t>621.4690551757812</t>
  </si>
  <si>
    <t>0.038609228105141113</t>
  </si>
  <si>
    <t>24895</t>
  </si>
  <si>
    <t>17.099822998046875</t>
  </si>
  <si>
    <t>768.9133911132812</t>
  </si>
  <si>
    <t>0.04208643421124769</t>
  </si>
  <si>
    <t>17.481746673583984</t>
  </si>
  <si>
    <t>866.0375366210938</t>
  </si>
  <si>
    <t>-0.01930546229101182</t>
  </si>
  <si>
    <t>22969</t>
  </si>
  <si>
    <t>17.149824142456055</t>
  </si>
  <si>
    <t>977.1536865234375</t>
  </si>
  <si>
    <t>-0.06121603709551593</t>
  </si>
  <si>
    <t>17.688671112060547</t>
  </si>
  <si>
    <t>805.8108520507812</t>
  </si>
  <si>
    <t>-0.03892992866867573</t>
  </si>
  <si>
    <t>19830</t>
  </si>
  <si>
    <t>16.405338287353516</t>
  </si>
  <si>
    <t>685.5574951171875</t>
  </si>
  <si>
    <t>-0.1080196095072381</t>
  </si>
  <si>
    <t>17.67341423034668</t>
  </si>
  <si>
    <t>936.4620361328125</t>
  </si>
  <si>
    <t>-0.06500257231258288</t>
  </si>
  <si>
    <t>17963</t>
  </si>
  <si>
    <t>17.633155822753906</t>
  </si>
  <si>
    <t>828.138427734375</t>
  </si>
  <si>
    <t>-0.03387928343242308</t>
  </si>
  <si>
    <t>18429</t>
  </si>
  <si>
    <t>17.294187545776367</t>
  </si>
  <si>
    <t>948.2327270507812</t>
  </si>
  <si>
    <t>0.025611424063201937</t>
  </si>
  <si>
    <t>18984</t>
  </si>
  <si>
    <t>17.02751922607422</t>
  </si>
  <si>
    <t>762.7709350585938</t>
  </si>
  <si>
    <t>0.029671008283562728</t>
  </si>
  <si>
    <t>17.308156967163086</t>
  </si>
  <si>
    <t>775.4506225585938</t>
  </si>
  <si>
    <t>-0.022965018088722644</t>
  </si>
  <si>
    <t>19218</t>
  </si>
  <si>
    <t>17.577518463134766</t>
  </si>
  <si>
    <t>684.4898681640625</t>
  </si>
  <si>
    <t>0.03521583881033585</t>
  </si>
  <si>
    <t>17.90123176574707</t>
  </si>
  <si>
    <t>968.7171020507812</t>
  </si>
  <si>
    <t>0.003532104233116229</t>
  </si>
  <si>
    <t>20104</t>
  </si>
  <si>
    <t>18.038671493530273</t>
  </si>
  <si>
    <t>828.7478637695312</t>
  </si>
  <si>
    <t>0.04153935615309834</t>
  </si>
  <si>
    <t>18756</t>
  </si>
  <si>
    <t>18.088672637939453</t>
  </si>
  <si>
    <t>785.5174560546875</t>
  </si>
  <si>
    <t>-0.06940509901395053</t>
  </si>
  <si>
    <t>20569</t>
  </si>
  <si>
    <t>17.806747436523438</t>
  </si>
  <si>
    <t>703.857177734375</t>
  </si>
  <si>
    <t>0.09227138676868663</t>
  </si>
  <si>
    <t>17.931747436523438</t>
  </si>
  <si>
    <t>599.4168701171875</t>
  </si>
  <si>
    <t>0.06725736536228943</t>
  </si>
  <si>
    <t>15.840170860290527</t>
  </si>
  <si>
    <t>520.4974365234375</t>
  </si>
  <si>
    <t>100.15089416503906</t>
  </si>
  <si>
    <t>Euboea</t>
  </si>
  <si>
    <t>24053</t>
  </si>
  <si>
    <t>14.654305458068848</t>
  </si>
  <si>
    <t>494.4378967285156</t>
  </si>
  <si>
    <t>0.019097766219379864</t>
  </si>
  <si>
    <t>14.828926086425781</t>
  </si>
  <si>
    <t>403.5085754394531</t>
  </si>
  <si>
    <t>-0.00012473234533771915</t>
  </si>
  <si>
    <t>15.421382904052734</t>
  </si>
  <si>
    <t>547.4766845703125</t>
  </si>
  <si>
    <t>-0.021433894719638857</t>
  </si>
  <si>
    <t>23903</t>
  </si>
  <si>
    <t>16.121191024780273</t>
  </si>
  <si>
    <t>663.7342529296875</t>
  </si>
  <si>
    <t>0.015302872240532395</t>
  </si>
  <si>
    <t>15.399089813232422</t>
  </si>
  <si>
    <t>491.2078552246094</t>
  </si>
  <si>
    <t>0.01663697178075374</t>
  </si>
  <si>
    <t>24896</t>
  </si>
  <si>
    <t>15.316170692443848</t>
  </si>
  <si>
    <t>647.45703125</t>
  </si>
  <si>
    <t>0.024066202142563498</t>
  </si>
  <si>
    <t>14.990172386169434</t>
  </si>
  <si>
    <t>541.1911010742188</t>
  </si>
  <si>
    <t>0.03914964576746627</t>
  </si>
  <si>
    <t>15.963440895080566</t>
  </si>
  <si>
    <t>568.3167114257812</t>
  </si>
  <si>
    <t>0.03290195349271485</t>
  </si>
  <si>
    <t>16.279706954956055</t>
  </si>
  <si>
    <t>493.56683349609375</t>
  </si>
  <si>
    <t>0.02666332933395843</t>
  </si>
  <si>
    <t>28446</t>
  </si>
  <si>
    <t>16.47871971130371</t>
  </si>
  <si>
    <t>420.18402099609375</t>
  </si>
  <si>
    <t>0.03458547655791655</t>
  </si>
  <si>
    <t>16.2742862701416</t>
  </si>
  <si>
    <t>554.6781616210938</t>
  </si>
  <si>
    <t>0.011186581033660659</t>
  </si>
  <si>
    <t>16.334749221801758</t>
  </si>
  <si>
    <t>812.2774658203125</t>
  </si>
  <si>
    <t>0.010237344716806263</t>
  </si>
  <si>
    <t>15.420592308044434</t>
  </si>
  <si>
    <t>669.6961059570312</t>
  </si>
  <si>
    <t>0.03681977706633077</t>
  </si>
  <si>
    <t>30513</t>
  </si>
  <si>
    <t>16.032217025756836</t>
  </si>
  <si>
    <t>458.1218566894531</t>
  </si>
  <si>
    <t>0.011901566346734782</t>
  </si>
  <si>
    <t>15.3045015335083</t>
  </si>
  <si>
    <t>620.310302734375</t>
  </si>
  <si>
    <t>0.0564499037668611</t>
  </si>
  <si>
    <t>33233</t>
  </si>
  <si>
    <t>15.843864440917969</t>
  </si>
  <si>
    <t>525.734130859375</t>
  </si>
  <si>
    <t>0.028940632080679762</t>
  </si>
  <si>
    <t>16.112844467163086</t>
  </si>
  <si>
    <t>529.9443969726562</t>
  </si>
  <si>
    <t>0.03201007600212513</t>
  </si>
  <si>
    <t>16.518667221069336</t>
  </si>
  <si>
    <t>609.017822265625</t>
  </si>
  <si>
    <t>-0.03744110042478255</t>
  </si>
  <si>
    <t>16.185117721557617</t>
  </si>
  <si>
    <t>658.1539306640625</t>
  </si>
  <si>
    <t>-0.10683061686167328</t>
  </si>
  <si>
    <t>16.80238151550293</t>
  </si>
  <si>
    <t>603.265380859375</t>
  </si>
  <si>
    <t>-0.07473486483313252</t>
  </si>
  <si>
    <t>24475</t>
  </si>
  <si>
    <t>15.256632804870605</t>
  </si>
  <si>
    <t>513.1096801757812</t>
  </si>
  <si>
    <t>-0.11889466362507228</t>
  </si>
  <si>
    <t>22678</t>
  </si>
  <si>
    <t>16.765159606933594</t>
  </si>
  <si>
    <t>639.2379150390625</t>
  </si>
  <si>
    <t>-0.07625689686692638</t>
  </si>
  <si>
    <t>16.665170669555664</t>
  </si>
  <si>
    <t>564.2420043945312</t>
  </si>
  <si>
    <t>-0.019772642738224988</t>
  </si>
  <si>
    <t>16.357215881347656</t>
  </si>
  <si>
    <t>723.2794799804688</t>
  </si>
  <si>
    <t>0.037300464333483774</t>
  </si>
  <si>
    <t>23303</t>
  </si>
  <si>
    <t>16.095190048217773</t>
  </si>
  <si>
    <t>668.413330078125</t>
  </si>
  <si>
    <t>0.009658994503293883</t>
  </si>
  <si>
    <t>22842</t>
  </si>
  <si>
    <t>16.434932708740234</t>
  </si>
  <si>
    <t>632.2372436523438</t>
  </si>
  <si>
    <t>-0.01998116101978553</t>
  </si>
  <si>
    <t>16.69578742980957</t>
  </si>
  <si>
    <t>482.8801574707031</t>
  </si>
  <si>
    <t>0.021653366361746862</t>
  </si>
  <si>
    <t>17.0045223236084</t>
  </si>
  <si>
    <t>757.1879272460938</t>
  </si>
  <si>
    <t>0.029215181498946308</t>
  </si>
  <si>
    <t>17.056631088256836</t>
  </si>
  <si>
    <t>577.5037231445312</t>
  </si>
  <si>
    <t>-0.0028333352287841507</t>
  </si>
  <si>
    <t>23561</t>
  </si>
  <si>
    <t>17.16303825378418</t>
  </si>
  <si>
    <t>654.4428100585938</t>
  </si>
  <si>
    <t>-0.017043356555962674</t>
  </si>
  <si>
    <t>25838</t>
  </si>
  <si>
    <t>16.773883819580078</t>
  </si>
  <si>
    <t>525.1925048828125</t>
  </si>
  <si>
    <t>0.0922534738337486</t>
  </si>
  <si>
    <t>17.0180721282959</t>
  </si>
  <si>
    <t>497.7589111328125</t>
  </si>
  <si>
    <t>0.06723680874711668</t>
  </si>
  <si>
    <t>1338</t>
  </si>
  <si>
    <t>13.717530250549316</t>
  </si>
  <si>
    <t>494.2945861816406</t>
  </si>
  <si>
    <t>63.82844543457031</t>
  </si>
  <si>
    <t>Evros</t>
  </si>
  <si>
    <t>17868</t>
  </si>
  <si>
    <t>12.353915214538574</t>
  </si>
  <si>
    <t>523.125732421875</t>
  </si>
  <si>
    <t>0.019097704556729767</t>
  </si>
  <si>
    <t>17866</t>
  </si>
  <si>
    <t>12.750048637390137</t>
  </si>
  <si>
    <t>469.4138488769531</t>
  </si>
  <si>
    <t>-0.0001119382102245936</t>
  </si>
  <si>
    <t>17487</t>
  </si>
  <si>
    <t>12.82058048248291</t>
  </si>
  <si>
    <t>497.6449890136719</t>
  </si>
  <si>
    <t>-0.021441717548125183</t>
  </si>
  <si>
    <t>17757</t>
  </si>
  <si>
    <t>13.7039155960083</t>
  </si>
  <si>
    <t>682.5579833984375</t>
  </si>
  <si>
    <t>0.015322056645175053</t>
  </si>
  <si>
    <t>18055</t>
  </si>
  <si>
    <t>12.921398162841797</t>
  </si>
  <si>
    <t>660.7063598632812</t>
  </si>
  <si>
    <t>0.01664285035272428</t>
  </si>
  <si>
    <t>18494</t>
  </si>
  <si>
    <t>12.740296363830566</t>
  </si>
  <si>
    <t>668.4382934570312</t>
  </si>
  <si>
    <t>0.02402370042602442</t>
  </si>
  <si>
    <t>12.526680946350098</t>
  </si>
  <si>
    <t>738.81640625</t>
  </si>
  <si>
    <t>0.039181198517784566</t>
  </si>
  <si>
    <t>19876</t>
  </si>
  <si>
    <t>13.325263977050781</t>
  </si>
  <si>
    <t>808.4150390625</t>
  </si>
  <si>
    <t>0.03288542006684381</t>
  </si>
  <si>
    <t>20413</t>
  </si>
  <si>
    <t>13.941115379333496</t>
  </si>
  <si>
    <t>573.724853515625</t>
  </si>
  <si>
    <t>0.02665897905137271</t>
  </si>
  <si>
    <t>14.37668228149414</t>
  </si>
  <si>
    <t>474.07635498046875</t>
  </si>
  <si>
    <t>0.034569203793342496</t>
  </si>
  <si>
    <t>21397</t>
  </si>
  <si>
    <t>13.748631477355957</t>
  </si>
  <si>
    <t>550.64892578125</t>
  </si>
  <si>
    <t>0.012509568700023621</t>
  </si>
  <si>
    <t>22138</t>
  </si>
  <si>
    <t>14.028915405273438</t>
  </si>
  <si>
    <t>763.39111328125</t>
  </si>
  <si>
    <t>0.03404486367861814</t>
  </si>
  <si>
    <t>23489</t>
  </si>
  <si>
    <t>12.828913688659668</t>
  </si>
  <si>
    <t>613.278076171875</t>
  </si>
  <si>
    <t>0.05923663749426744</t>
  </si>
  <si>
    <t>24329</t>
  </si>
  <si>
    <t>13.895581245422363</t>
  </si>
  <si>
    <t>493.9812927246094</t>
  </si>
  <si>
    <t>0.0351368279722859</t>
  </si>
  <si>
    <t>24984</t>
  </si>
  <si>
    <t>12.981965065002441</t>
  </si>
  <si>
    <t>715.3289184570312</t>
  </si>
  <si>
    <t>0.02656656555079273</t>
  </si>
  <si>
    <t>24770</t>
  </si>
  <si>
    <t>13.733382225036621</t>
  </si>
  <si>
    <t>627.634033203125</t>
  </si>
  <si>
    <t>-0.008602376479508678</t>
  </si>
  <si>
    <t>14.064482688903809</t>
  </si>
  <si>
    <t>631.5870971679688</t>
  </si>
  <si>
    <t>0.079477348049382</t>
  </si>
  <si>
    <t>26946</t>
  </si>
  <si>
    <t>14.272814750671387</t>
  </si>
  <si>
    <t>515.4901733398438</t>
  </si>
  <si>
    <t>0.004724271783004497</t>
  </si>
  <si>
    <t>13.959197998046875</t>
  </si>
  <si>
    <t>754.50927734375</t>
  </si>
  <si>
    <t>-0.012547778344057292</t>
  </si>
  <si>
    <t>14.34639835357666</t>
  </si>
  <si>
    <t>774.6781005859375</t>
  </si>
  <si>
    <t>0.028927407293990015</t>
  </si>
  <si>
    <t>24369</t>
  </si>
  <si>
    <t>12.986432075500488</t>
  </si>
  <si>
    <t>627.66455078125</t>
  </si>
  <si>
    <t>-0.11690265954666224</t>
  </si>
  <si>
    <t>14.347214698791504</t>
  </si>
  <si>
    <t>723.4757690429688</t>
  </si>
  <si>
    <t>-0.0865302554076397</t>
  </si>
  <si>
    <t>20737</t>
  </si>
  <si>
    <t>14.315299987792969</t>
  </si>
  <si>
    <t>577.935791015625</t>
  </si>
  <si>
    <t>-0.07486203301358252</t>
  </si>
  <si>
    <t>20795</t>
  </si>
  <si>
    <t>14.053915977478027</t>
  </si>
  <si>
    <t>937.865478515625</t>
  </si>
  <si>
    <t>0.002793028879171544</t>
  </si>
  <si>
    <t>20870</t>
  </si>
  <si>
    <t>14.005331993103027</t>
  </si>
  <si>
    <t>801.7891235351562</t>
  </si>
  <si>
    <t>0.00360014789423424</t>
  </si>
  <si>
    <t>21240</t>
  </si>
  <si>
    <t>14.19558048248291</t>
  </si>
  <si>
    <t>602.2296752929688</t>
  </si>
  <si>
    <t>0.01757347528462816</t>
  </si>
  <si>
    <t>21125</t>
  </si>
  <si>
    <t>14.436431884765625</t>
  </si>
  <si>
    <t>665.78369140625</t>
  </si>
  <si>
    <t>-0.005429023130499644</t>
  </si>
  <si>
    <t>14.489482879638672</t>
  </si>
  <si>
    <t>744.0513305664062</t>
  </si>
  <si>
    <t>0.006134988567515265</t>
  </si>
  <si>
    <t>15.138665199279785</t>
  </si>
  <si>
    <t>464.9441223144531</t>
  </si>
  <si>
    <t>0.018320909617678183</t>
  </si>
  <si>
    <t>20510</t>
  </si>
  <si>
    <t>15.111432075500488</t>
  </si>
  <si>
    <t>706.0752563476562</t>
  </si>
  <si>
    <t>-0.05400049934414142</t>
  </si>
  <si>
    <t>22493</t>
  </si>
  <si>
    <t>14.29944896697998</t>
  </si>
  <si>
    <t>691.9749145507812</t>
  </si>
  <si>
    <t>0.09229157760987228</t>
  </si>
  <si>
    <t>14.872815132141113</t>
  </si>
  <si>
    <t>548.3870849609375</t>
  </si>
  <si>
    <t>0.06722186479883874</t>
  </si>
  <si>
    <t>1339</t>
  </si>
  <si>
    <t>16522</t>
  </si>
  <si>
    <t>687.5999755859375</t>
  </si>
  <si>
    <t>16.880558013916016</t>
  </si>
  <si>
    <t>Evrytania</t>
  </si>
  <si>
    <t>667.300048828125</t>
  </si>
  <si>
    <t>0.01906418267386556</t>
  </si>
  <si>
    <t>16838</t>
  </si>
  <si>
    <t>590.2000732421875</t>
  </si>
  <si>
    <t>-0.00011877189870723726</t>
  </si>
  <si>
    <t>16481</t>
  </si>
  <si>
    <t>786.3999633789062</t>
  </si>
  <si>
    <t>-0.021430034663429964</t>
  </si>
  <si>
    <t>16735</t>
  </si>
  <si>
    <t>0.015294132411247219</t>
  </si>
  <si>
    <t>17016</t>
  </si>
  <si>
    <t>11.766669273376465</t>
  </si>
  <si>
    <t>0.016651743234646688</t>
  </si>
  <si>
    <t>17430</t>
  </si>
  <si>
    <t>938.2000732421875</t>
  </si>
  <si>
    <t>0.0240387816339922</t>
  </si>
  <si>
    <t>18126</t>
  </si>
  <si>
    <t>11.449997901916504</t>
  </si>
  <si>
    <t>664.5000610351562</t>
  </si>
  <si>
    <t>0.039154512100660455</t>
  </si>
  <si>
    <t>18733</t>
  </si>
  <si>
    <t>0.03293930284633184</t>
  </si>
  <si>
    <t>780.0000610351562</t>
  </si>
  <si>
    <t>0.026652794355914722</t>
  </si>
  <si>
    <t>19916</t>
  </si>
  <si>
    <t>12.749999046325684</t>
  </si>
  <si>
    <t>611.7999877929688</t>
  </si>
  <si>
    <t>0.03458395994510077</t>
  </si>
  <si>
    <t>20277</t>
  </si>
  <si>
    <t>661.8999633789062</t>
  </si>
  <si>
    <t>0.0179638100063908</t>
  </si>
  <si>
    <t>20645</t>
  </si>
  <si>
    <t>12.65000057220459</t>
  </si>
  <si>
    <t>934.5</t>
  </si>
  <si>
    <t>0.017985920551726764</t>
  </si>
  <si>
    <t>21610</t>
  </si>
  <si>
    <t>11.800002098083496</t>
  </si>
  <si>
    <t>782.800048828125</t>
  </si>
  <si>
    <t>0.04568301118074025</t>
  </si>
  <si>
    <t>20595</t>
  </si>
  <si>
    <t>716.8001098632812</t>
  </si>
  <si>
    <t>-0.04810784263075085</t>
  </si>
  <si>
    <t>20311</t>
  </si>
  <si>
    <t>-0.013885716678695204</t>
  </si>
  <si>
    <t>21165</t>
  </si>
  <si>
    <t>0.04118626276353865</t>
  </si>
  <si>
    <t>20845</t>
  </si>
  <si>
    <t>-0.015234762640126576</t>
  </si>
  <si>
    <t>12.8583345413208</t>
  </si>
  <si>
    <t>0.09624739720926812</t>
  </si>
  <si>
    <t>914.300048828125</t>
  </si>
  <si>
    <t>-0.02787837102891899</t>
  </si>
  <si>
    <t>21028</t>
  </si>
  <si>
    <t>823.0</t>
  </si>
  <si>
    <t>-0.05962825455590881</t>
  </si>
  <si>
    <t>19003</t>
  </si>
  <si>
    <t>-0.10125802151797991</t>
  </si>
  <si>
    <t>17656</t>
  </si>
  <si>
    <t>13.049999237060547</t>
  </si>
  <si>
    <t>885.7000122070312</t>
  </si>
  <si>
    <t>-0.07352119248478495</t>
  </si>
  <si>
    <t>16978</t>
  </si>
  <si>
    <t>-0.0391572806386602</t>
  </si>
  <si>
    <t>1003.4000854492188</t>
  </si>
  <si>
    <t>-0.010599027487698365</t>
  </si>
  <si>
    <t>12.40833568572998</t>
  </si>
  <si>
    <t>810.7000122070312</t>
  </si>
  <si>
    <t>0.02009555234155691</t>
  </si>
  <si>
    <t>12.70000171661377</t>
  </si>
  <si>
    <t>0.009984989494435936</t>
  </si>
  <si>
    <t>17396</t>
  </si>
  <si>
    <t>0.004840392071322697</t>
  </si>
  <si>
    <t>17550</t>
  </si>
  <si>
    <t>1028.4000244140625</t>
  </si>
  <si>
    <t>0.008813655176481916</t>
  </si>
  <si>
    <t>18067</t>
  </si>
  <si>
    <t>0.02903311987991586</t>
  </si>
  <si>
    <t>16540</t>
  </si>
  <si>
    <t>13.508331298828125</t>
  </si>
  <si>
    <t>871.10009765625</t>
  </si>
  <si>
    <t>-0.08830538019624612</t>
  </si>
  <si>
    <t>18139</t>
  </si>
  <si>
    <t>13.166667938232422</t>
  </si>
  <si>
    <t>692.0000610351562</t>
  </si>
  <si>
    <t>0.0922826267802872</t>
  </si>
  <si>
    <t>0.06720874969345125</t>
  </si>
  <si>
    <t>1340</t>
  </si>
  <si>
    <t>24366</t>
  </si>
  <si>
    <t>10.412391662597656</t>
  </si>
  <si>
    <t>564.8501586914062</t>
  </si>
  <si>
    <t>85.39775085449219</t>
  </si>
  <si>
    <t>Florina</t>
  </si>
  <si>
    <t>24836</t>
  </si>
  <si>
    <t>9.334763526916504</t>
  </si>
  <si>
    <t>630.5812377929688</t>
  </si>
  <si>
    <t>0.01910549557043062</t>
  </si>
  <si>
    <t>9.973803520202637</t>
  </si>
  <si>
    <t>535.41650390625</t>
  </si>
  <si>
    <t>-0.00012079969412148728</t>
  </si>
  <si>
    <t>10.152745246887207</t>
  </si>
  <si>
    <t>590.4388427734375</t>
  </si>
  <si>
    <t>-0.02145018035991697</t>
  </si>
  <si>
    <t>24681</t>
  </si>
  <si>
    <t>10.757999420166016</t>
  </si>
  <si>
    <t>653.254638671875</t>
  </si>
  <si>
    <t>0.015310483406295816</t>
  </si>
  <si>
    <t>25095</t>
  </si>
  <si>
    <t>9.83739185333252</t>
  </si>
  <si>
    <t>711.4202880859375</t>
  </si>
  <si>
    <t>0.016634906251992376</t>
  </si>
  <si>
    <t>9.590020179748535</t>
  </si>
  <si>
    <t>638.579345703125</t>
  </si>
  <si>
    <t>0.02405580458104417</t>
  </si>
  <si>
    <t>26733</t>
  </si>
  <si>
    <t>9.70537281036377</t>
  </si>
  <si>
    <t>526.6932373046875</t>
  </si>
  <si>
    <t>0.03917432961075207</t>
  </si>
  <si>
    <t>10.347039222717285</t>
  </si>
  <si>
    <t>596.5103149414062</t>
  </si>
  <si>
    <t>0.032894798108646484</t>
  </si>
  <si>
    <t>28373</t>
  </si>
  <si>
    <t>10.4935302734375</t>
  </si>
  <si>
    <t>622.7894897460938</t>
  </si>
  <si>
    <t>0.0266444333285758</t>
  </si>
  <si>
    <t>11.322037696838379</t>
  </si>
  <si>
    <t>499.06549072265625</t>
  </si>
  <si>
    <t>0.03460385085344875</t>
  </si>
  <si>
    <t>30745</t>
  </si>
  <si>
    <t>10.392215728759766</t>
  </si>
  <si>
    <t>459.85888671875</t>
  </si>
  <si>
    <t>0.04568553981606982</t>
  </si>
  <si>
    <t>32136</t>
  </si>
  <si>
    <t>10.932567596435547</t>
  </si>
  <si>
    <t>802.7388916015625</t>
  </si>
  <si>
    <t>0.044249517651547166</t>
  </si>
  <si>
    <t>35293</t>
  </si>
  <si>
    <t>10.335196495056152</t>
  </si>
  <si>
    <t>600.9993286132812</t>
  </si>
  <si>
    <t>0.09370774693488393</t>
  </si>
  <si>
    <t>37038</t>
  </si>
  <si>
    <t>10.390901565551758</t>
  </si>
  <si>
    <t>657.8739013671875</t>
  </si>
  <si>
    <t>0.048259768647948675</t>
  </si>
  <si>
    <t>9.697038650512695</t>
  </si>
  <si>
    <t>693.0233154296875</t>
  </si>
  <si>
    <t>0.021448758255987244</t>
  </si>
  <si>
    <t>10.647038459777832</t>
  </si>
  <si>
    <t>677.9318237304688</t>
  </si>
  <si>
    <t>-0.01324769321360364</t>
  </si>
  <si>
    <t>10.85054874420166</t>
  </si>
  <si>
    <t>708.6153564453125</t>
  </si>
  <si>
    <t>-0.056659192976322714</t>
  </si>
  <si>
    <t>31318</t>
  </si>
  <si>
    <t>11.088706016540527</t>
  </si>
  <si>
    <t>698.4534912109375</t>
  </si>
  <si>
    <t>-0.11929327258262212</t>
  </si>
  <si>
    <t>32683</t>
  </si>
  <si>
    <t>10.854058265686035</t>
  </si>
  <si>
    <t>782.2012329101562</t>
  </si>
  <si>
    <t>0.04266205292086234</t>
  </si>
  <si>
    <t>10.867215156555176</t>
  </si>
  <si>
    <t>836.98046875</t>
  </si>
  <si>
    <t>-0.014143548507961512</t>
  </si>
  <si>
    <t>484.2821960449219</t>
  </si>
  <si>
    <t>0.00393341583407647</t>
  </si>
  <si>
    <t>34341</t>
  </si>
  <si>
    <t>11.294411659240723</t>
  </si>
  <si>
    <t>710.0195922851562</t>
  </si>
  <si>
    <t>0.05969504323421937</t>
  </si>
  <si>
    <t>11.27072525024414</t>
  </si>
  <si>
    <t>576.6167602539062</t>
  </si>
  <si>
    <t>-0.03825789676551139</t>
  </si>
  <si>
    <t>35831</t>
  </si>
  <si>
    <t>11.063705444335938</t>
  </si>
  <si>
    <t>866.9154052734375</t>
  </si>
  <si>
    <t>0.08073136166144401</t>
  </si>
  <si>
    <t>33265</t>
  </si>
  <si>
    <t>11.047039031982422</t>
  </si>
  <si>
    <t>748.68310546875</t>
  </si>
  <si>
    <t>-0.07430764730652939</t>
  </si>
  <si>
    <t>10.792216300964355</t>
  </si>
  <si>
    <t>773.7998657226562</t>
  </si>
  <si>
    <t>-0.06226244209569565</t>
  </si>
  <si>
    <t>32583</t>
  </si>
  <si>
    <t>11.333881378173828</t>
  </si>
  <si>
    <t>668.0054321289062</t>
  </si>
  <si>
    <t>0.041547328867853395</t>
  </si>
  <si>
    <t>11.355372428894043</t>
  </si>
  <si>
    <t>722.13671875</t>
  </si>
  <si>
    <t>-0.061810759121325276</t>
  </si>
  <si>
    <t>11.629058837890625</t>
  </si>
  <si>
    <t>649.4210205078125</t>
  </si>
  <si>
    <t>-0.04569017488871374</t>
  </si>
  <si>
    <t>25550</t>
  </si>
  <si>
    <t>11.467215538024902</t>
  </si>
  <si>
    <t>820.8103637695312</t>
  </si>
  <si>
    <t>-0.13565242930625665</t>
  </si>
  <si>
    <t>10.929059028625488</t>
  </si>
  <si>
    <t>648.1527709960938</t>
  </si>
  <si>
    <t>0.09224553482856912</t>
  </si>
  <si>
    <t>11.850547790527344</t>
  </si>
  <si>
    <t>636.5889892578125</t>
  </si>
  <si>
    <t>0.06724729422344922</t>
  </si>
  <si>
    <t>1341</t>
  </si>
  <si>
    <t>11.631104469299316</t>
  </si>
  <si>
    <t>566.6089477539062</t>
  </si>
  <si>
    <t>68.47499084472656</t>
  </si>
  <si>
    <t>Grevena, Kozani</t>
  </si>
  <si>
    <t>22604</t>
  </si>
  <si>
    <t>10.53939151763916</t>
  </si>
  <si>
    <t>626.905517578125</t>
  </si>
  <si>
    <t>0.019116258760105254</t>
  </si>
  <si>
    <t>22601</t>
  </si>
  <si>
    <t>10.852840423583984</t>
  </si>
  <si>
    <t>549.4782104492188</t>
  </si>
  <si>
    <t>-0.00013272868065072885</t>
  </si>
  <si>
    <t>11.267044067382812</t>
  </si>
  <si>
    <t>598.4893798828125</t>
  </si>
  <si>
    <t>-0.02146676949806192</t>
  </si>
  <si>
    <t>11.93652629852295</t>
  </si>
  <si>
    <t>668.3472900390625</t>
  </si>
  <si>
    <t>0.015342127594148991</t>
  </si>
  <si>
    <t>22840</t>
  </si>
  <si>
    <t>11.170120239257812</t>
  </si>
  <si>
    <t>678.0718383789062</t>
  </si>
  <si>
    <t>0.01664387360477626</t>
  </si>
  <si>
    <t>23396</t>
  </si>
  <si>
    <t>11.039721488952637</t>
  </si>
  <si>
    <t>632.6333618164062</t>
  </si>
  <si>
    <t>0.024051682792968876</t>
  </si>
  <si>
    <t>10.911479949951172</t>
  </si>
  <si>
    <t>507.96990966796875</t>
  </si>
  <si>
    <t>0.039145089214652984</t>
  </si>
  <si>
    <t>11.675589561462402</t>
  </si>
  <si>
    <t>620.1134643554688</t>
  </si>
  <si>
    <t>0.03290914269983425</t>
  </si>
  <si>
    <t>25823</t>
  </si>
  <si>
    <t>11.925753593444824</t>
  </si>
  <si>
    <t>626.8250122070312</t>
  </si>
  <si>
    <t>0.02664626817458604</t>
  </si>
  <si>
    <t>12.344603538513184</t>
  </si>
  <si>
    <t>477.1349792480469</t>
  </si>
  <si>
    <t>0.03459578197897173</t>
  </si>
  <si>
    <t>28110</t>
  </si>
  <si>
    <t>11.892468452453613</t>
  </si>
  <si>
    <t>495.72705078125</t>
  </si>
  <si>
    <t>0.05026403526961687</t>
  </si>
  <si>
    <t>12.172676086425781</t>
  </si>
  <si>
    <t>898.2188110351562</t>
  </si>
  <si>
    <t>0.0569054074106532</t>
  </si>
  <si>
    <t>11.338967323303223</t>
  </si>
  <si>
    <t>618.7142944335938</t>
  </si>
  <si>
    <t>0.06926168869287253</t>
  </si>
  <si>
    <t>11.7478666305542</t>
  </si>
  <si>
    <t>611.8110961914062</t>
  </si>
  <si>
    <t>0.02709891137610576</t>
  </si>
  <si>
    <t>33858</t>
  </si>
  <si>
    <t>11.014461517333984</t>
  </si>
  <si>
    <t>677.5208129882812</t>
  </si>
  <si>
    <t>0.03278391581698514</t>
  </si>
  <si>
    <t>33665</t>
  </si>
  <si>
    <t>11.60305118560791</t>
  </si>
  <si>
    <t>644.5902709960938</t>
  </si>
  <si>
    <t>-0.0057165862178134574</t>
  </si>
  <si>
    <t>11.92258358001709</t>
  </si>
  <si>
    <t>698.5166625976562</t>
  </si>
  <si>
    <t>-0.025481576644285298</t>
  </si>
  <si>
    <t>30340</t>
  </si>
  <si>
    <t>12.28659725189209</t>
  </si>
  <si>
    <t>700.5482788085938</t>
  </si>
  <si>
    <t>-0.07851017143257266</t>
  </si>
  <si>
    <t>12.003193855285645</t>
  </si>
  <si>
    <t>793.2316284179688</t>
  </si>
  <si>
    <t>0.029200340295481908</t>
  </si>
  <si>
    <t>32139</t>
  </si>
  <si>
    <t>12.384156227111816</t>
  </si>
  <si>
    <t>809.816162109375</t>
  </si>
  <si>
    <t>0.028402931732662395</t>
  </si>
  <si>
    <t>11.280586242675781</t>
  </si>
  <si>
    <t>513.1221923828125</t>
  </si>
  <si>
    <t>-0.034149428227989276</t>
  </si>
  <si>
    <t>34525</t>
  </si>
  <si>
    <t>12.553240776062012</t>
  </si>
  <si>
    <t>695.7882690429688</t>
  </si>
  <si>
    <t>0.10576288157481528</t>
  </si>
  <si>
    <t>12.511550903320312</t>
  </si>
  <si>
    <t>576.06591796875</t>
  </si>
  <si>
    <t>-0.02472012926149425</t>
  </si>
  <si>
    <t>12.189319610595703</t>
  </si>
  <si>
    <t>866.6270751953125</t>
  </si>
  <si>
    <t>-0.01634326538063391</t>
  </si>
  <si>
    <t>32025</t>
  </si>
  <si>
    <t>12.03347396850586</t>
  </si>
  <si>
    <t>718.524658203125</t>
  </si>
  <si>
    <t>-0.03410345687042948</t>
  </si>
  <si>
    <t>29374</t>
  </si>
  <si>
    <t>12.167349815368652</t>
  </si>
  <si>
    <t>736.0450439453125</t>
  </si>
  <si>
    <t>-0.08640691845112869</t>
  </si>
  <si>
    <t>29185</t>
  </si>
  <si>
    <t>12.528240203857422</t>
  </si>
  <si>
    <t>648.4505004882812</t>
  </si>
  <si>
    <t>-0.0064550506759157855</t>
  </si>
  <si>
    <t>12.761787414550781</t>
  </si>
  <si>
    <t>798.8668212890625</t>
  </si>
  <si>
    <t>-0.017141104620238323</t>
  </si>
  <si>
    <t>26489</t>
  </si>
  <si>
    <t>12.942233085632324</t>
  </si>
  <si>
    <t>650.5680541992188</t>
  </si>
  <si>
    <t>-0.07978422155846587</t>
  </si>
  <si>
    <t>12.878547668457031</t>
  </si>
  <si>
    <t>808.2952270507812</t>
  </si>
  <si>
    <t>-0.1411483838066605</t>
  </si>
  <si>
    <t>25225</t>
  </si>
  <si>
    <t>12.484180450439453</t>
  </si>
  <si>
    <t>608.2305908203125</t>
  </si>
  <si>
    <t>0.09225439756928289</t>
  </si>
  <si>
    <t>12.88356876373291</t>
  </si>
  <si>
    <t>555.8779907226562</t>
  </si>
  <si>
    <t>0.06722321936081599</t>
  </si>
  <si>
    <t>21688</t>
  </si>
  <si>
    <t>147.4415740966797</t>
  </si>
  <si>
    <t>Heraklion</t>
  </si>
  <si>
    <t>22106</t>
  </si>
  <si>
    <t>15.808334350585938</t>
  </si>
  <si>
    <t>0.01908995269239888</t>
  </si>
  <si>
    <t>22104</t>
  </si>
  <si>
    <t>15.783333778381348</t>
  </si>
  <si>
    <t>-9.047726764777053e-05</t>
  </si>
  <si>
    <t>21634</t>
  </si>
  <si>
    <t>16.41666603088379</t>
  </si>
  <si>
    <t>752.800048828125</t>
  </si>
  <si>
    <t>-0.021492436413018012</t>
  </si>
  <si>
    <t>21968</t>
  </si>
  <si>
    <t>16.933334350585938</t>
  </si>
  <si>
    <t>0.01532069781751666</t>
  </si>
  <si>
    <t>22337</t>
  </si>
  <si>
    <t>0.01665764732580577</t>
  </si>
  <si>
    <t>0.02406237549879009</t>
  </si>
  <si>
    <t>23795</t>
  </si>
  <si>
    <t>0.03916860272286371</t>
  </si>
  <si>
    <t>24590</t>
  </si>
  <si>
    <t>826.7999877929688</t>
  </si>
  <si>
    <t>0.032864381655027586</t>
  </si>
  <si>
    <t>25255</t>
  </si>
  <si>
    <t>17.25</t>
  </si>
  <si>
    <t>0.026684299691913438</t>
  </si>
  <si>
    <t>17.09166717529297</t>
  </si>
  <si>
    <t>568.7000122070312</t>
  </si>
  <si>
    <t>0.03455731233203707</t>
  </si>
  <si>
    <t>799.4999389648438</t>
  </si>
  <si>
    <t>0.06558271051027198</t>
  </si>
  <si>
    <t>17.375</t>
  </si>
  <si>
    <t>947.0001220703125</t>
  </si>
  <si>
    <t>0.026373134864305925</t>
  </si>
  <si>
    <t>30051</t>
  </si>
  <si>
    <t>1228.0</t>
  </si>
  <si>
    <t>0.04735862467110685</t>
  </si>
  <si>
    <t>16.941667556762695</t>
  </si>
  <si>
    <t>0.05149459853967109</t>
  </si>
  <si>
    <t>800.9999389648438</t>
  </si>
  <si>
    <t>-0.013107431635967615</t>
  </si>
  <si>
    <t>757.0</t>
  </si>
  <si>
    <t>0.06298216605865647</t>
  </si>
  <si>
    <t>17.05000114440918</t>
  </si>
  <si>
    <t>0.00996313236410451</t>
  </si>
  <si>
    <t>34145</t>
  </si>
  <si>
    <t>17.499998092651367</t>
  </si>
  <si>
    <t>0.01638775878885035</t>
  </si>
  <si>
    <t>17.20833396911621</t>
  </si>
  <si>
    <t>825.0</t>
  </si>
  <si>
    <t>-0.07565686924079706</t>
  </si>
  <si>
    <t>29882</t>
  </si>
  <si>
    <t>17.950000762939453</t>
  </si>
  <si>
    <t>-0.05770300074336099</t>
  </si>
  <si>
    <t>25142</t>
  </si>
  <si>
    <t>16.308332443237305</t>
  </si>
  <si>
    <t>800.2000122070312</t>
  </si>
  <si>
    <t>-0.17271653793625497</t>
  </si>
  <si>
    <t>17.78333282470703</t>
  </si>
  <si>
    <t>868.3001098632812</t>
  </si>
  <si>
    <t>-0.0901330862508889</t>
  </si>
  <si>
    <t>22960</t>
  </si>
  <si>
    <t>17.6583309173584</t>
  </si>
  <si>
    <t>815.5</t>
  </si>
  <si>
    <t>-0.0006530967903835005</t>
  </si>
  <si>
    <t>23996</t>
  </si>
  <si>
    <t>17.441667556762695</t>
  </si>
  <si>
    <t>0.04413357833947984</t>
  </si>
  <si>
    <t>23674</t>
  </si>
  <si>
    <t>812.800048828125</t>
  </si>
  <si>
    <t>-0.013509750259144582</t>
  </si>
  <si>
    <t>23101</t>
  </si>
  <si>
    <t>17.508333206176758</t>
  </si>
  <si>
    <t>757.0999755859375</t>
  </si>
  <si>
    <t>-0.02450149289765058</t>
  </si>
  <si>
    <t>23722</t>
  </si>
  <si>
    <t>17.65833282470703</t>
  </si>
  <si>
    <t>783.6000366210938</t>
  </si>
  <si>
    <t>0.026526980973033076</t>
  </si>
  <si>
    <t>18.100000381469727</t>
  </si>
  <si>
    <t>906.4999389648438</t>
  </si>
  <si>
    <t>0.01701154898295698</t>
  </si>
  <si>
    <t>18.05000114440918</t>
  </si>
  <si>
    <t>796.2999267578125</t>
  </si>
  <si>
    <t>0.010881769303768607</t>
  </si>
  <si>
    <t>21068</t>
  </si>
  <si>
    <t>18.241666793823242</t>
  </si>
  <si>
    <t>768.5000610351562</t>
  </si>
  <si>
    <t>-0.1465409042726673</t>
  </si>
  <si>
    <t>23104</t>
  </si>
  <si>
    <t>17.941667556762695</t>
  </si>
  <si>
    <t>0.09225046108927337</t>
  </si>
  <si>
    <t>24711</t>
  </si>
  <si>
    <t>17.991666793823242</t>
  </si>
  <si>
    <t>0.06724272591680602</t>
  </si>
  <si>
    <t>1343</t>
  </si>
  <si>
    <t>18148</t>
  </si>
  <si>
    <t>579.60009765625</t>
  </si>
  <si>
    <t>70.05557250976562</t>
  </si>
  <si>
    <t>Ikaria, Samos</t>
  </si>
  <si>
    <t>18497</t>
  </si>
  <si>
    <t>15.583333015441895</t>
  </si>
  <si>
    <t>452.7999572753906</t>
  </si>
  <si>
    <t>0.01904819497069532</t>
  </si>
  <si>
    <t>15.599998474121094</t>
  </si>
  <si>
    <t>474.6999816894531</t>
  </si>
  <si>
    <t>-0.0001081314879947115</t>
  </si>
  <si>
    <t>18103</t>
  </si>
  <si>
    <t>16.266666412353516</t>
  </si>
  <si>
    <t>631.1000366210938</t>
  </si>
  <si>
    <t>-0.02142275489061163</t>
  </si>
  <si>
    <t>18382</t>
  </si>
  <si>
    <t>16.933332443237305</t>
  </si>
  <si>
    <t>838.1000366210938</t>
  </si>
  <si>
    <t>0.015294254542110863</t>
  </si>
  <si>
    <t>18691</t>
  </si>
  <si>
    <t>567.9999389648438</t>
  </si>
  <si>
    <t>0.01667019964812333</t>
  </si>
  <si>
    <t>19145</t>
  </si>
  <si>
    <t>16.350000381469727</t>
  </si>
  <si>
    <t>814.1000366210938</t>
  </si>
  <si>
    <t>0.023999460345217827</t>
  </si>
  <si>
    <t>19910</t>
  </si>
  <si>
    <t>15.875000953674316</t>
  </si>
  <si>
    <t>888.2000122070312</t>
  </si>
  <si>
    <t>0.03918053314684755</t>
  </si>
  <si>
    <t>20576</t>
  </si>
  <si>
    <t>16.874998092651367</t>
  </si>
  <si>
    <t>907.300048828125</t>
  </si>
  <si>
    <t>0.03290322997910344</t>
  </si>
  <si>
    <t>609.8999633789062</t>
  </si>
  <si>
    <t>0.026663131246859706</t>
  </si>
  <si>
    <t>21876</t>
  </si>
  <si>
    <t>17.14166831970215</t>
  </si>
  <si>
    <t>554.2999877929688</t>
  </si>
  <si>
    <t>0.03460166618245708</t>
  </si>
  <si>
    <t>22971</t>
  </si>
  <si>
    <t>855.2000122070312</t>
  </si>
  <si>
    <t>0.04884240531456996</t>
  </si>
  <si>
    <t>17.091665267944336</t>
  </si>
  <si>
    <t>-0.02343203441743036</t>
  </si>
  <si>
    <t>24328</t>
  </si>
  <si>
    <t>938.2000122070312</t>
  </si>
  <si>
    <t>0.08082743399339876</t>
  </si>
  <si>
    <t>16.84166717529297</t>
  </si>
  <si>
    <t>536.5999755859375</t>
  </si>
  <si>
    <t>0.09052309800617842</t>
  </si>
  <si>
    <t>29174</t>
  </si>
  <si>
    <t>738.0000610351562</t>
  </si>
  <si>
    <t>0.0911268532827787</t>
  </si>
  <si>
    <t>30687</t>
  </si>
  <si>
    <t>16.716665267944336</t>
  </si>
  <si>
    <t>583.1000366210938</t>
  </si>
  <si>
    <t>0.050561210478958785</t>
  </si>
  <si>
    <t>32321</t>
  </si>
  <si>
    <t>0.051878061625323824</t>
  </si>
  <si>
    <t>33604</t>
  </si>
  <si>
    <t>17.416667938232422</t>
  </si>
  <si>
    <t>0.03892793373429626</t>
  </si>
  <si>
    <t>30345</t>
  </si>
  <si>
    <t>17.058332443237305</t>
  </si>
  <si>
    <t>993.9999389648438</t>
  </si>
  <si>
    <t>-0.10201334821478092</t>
  </si>
  <si>
    <t>27692</t>
  </si>
  <si>
    <t>17.700000762939453</t>
  </si>
  <si>
    <t>808.7999877929688</t>
  </si>
  <si>
    <t>-0.09148819647204043</t>
  </si>
  <si>
    <t>16.133333206176758</t>
  </si>
  <si>
    <t>-0.10587423354168912</t>
  </si>
  <si>
    <t>22932</t>
  </si>
  <si>
    <t>17.549999237060547</t>
  </si>
  <si>
    <t>-0.08273601422795274</t>
  </si>
  <si>
    <t>17.433332443237305</t>
  </si>
  <si>
    <t>686.7999877929688</t>
  </si>
  <si>
    <t>-0.026109759649518338</t>
  </si>
  <si>
    <t>22986</t>
  </si>
  <si>
    <t>17.241666793823242</t>
  </si>
  <si>
    <t>849.300048828125</t>
  </si>
  <si>
    <t>0.02846177954994822</t>
  </si>
  <si>
    <t>-0.030208974403397093</t>
  </si>
  <si>
    <t>21589</t>
  </si>
  <si>
    <t>17.225000381469727</t>
  </si>
  <si>
    <t>-0.032492434828848005</t>
  </si>
  <si>
    <t>20692</t>
  </si>
  <si>
    <t>17.475000381469727</t>
  </si>
  <si>
    <t>660.0999755859375</t>
  </si>
  <si>
    <t>-0.04243677357305309</t>
  </si>
  <si>
    <t>20056</t>
  </si>
  <si>
    <t>17.891666412353516</t>
  </si>
  <si>
    <t>950.5001220703125</t>
  </si>
  <si>
    <t>-0.03121879128527638</t>
  </si>
  <si>
    <t>594.2999877929688</t>
  </si>
  <si>
    <t>-0.011029892229105442</t>
  </si>
  <si>
    <t>17274</t>
  </si>
  <si>
    <t>18.116666793823242</t>
  </si>
  <si>
    <t>713.5</t>
  </si>
  <si>
    <t>-0.13829598776879237</t>
  </si>
  <si>
    <t>18944</t>
  </si>
  <si>
    <t>17.69999885559082</t>
  </si>
  <si>
    <t>0.09228477784350098</t>
  </si>
  <si>
    <t>17.866666793823242</t>
  </si>
  <si>
    <t>577.0999755859375</t>
  </si>
  <si>
    <t>0.0672105972424184</t>
  </si>
  <si>
    <t>1345</t>
  </si>
  <si>
    <t>12.058331489562988</t>
  </si>
  <si>
    <t>1030.0</t>
  </si>
  <si>
    <t>59.40766525268555</t>
  </si>
  <si>
    <t>Ioannina</t>
  </si>
  <si>
    <t>912.1000366210938</t>
  </si>
  <si>
    <t>0.019058567607677546</t>
  </si>
  <si>
    <t>-0.00010788068406775153</t>
  </si>
  <si>
    <t>18144</t>
  </si>
  <si>
    <t>11.816666603088379</t>
  </si>
  <si>
    <t>-0.021482751908299846</t>
  </si>
  <si>
    <t>18425</t>
  </si>
  <si>
    <t>1078.5999755859375</t>
  </si>
  <si>
    <t>0.015368510530057833</t>
  </si>
  <si>
    <t>18734</t>
  </si>
  <si>
    <t>11.516669273376465</t>
  </si>
  <si>
    <t>0.01663161671153901</t>
  </si>
  <si>
    <t>19190</t>
  </si>
  <si>
    <t>1146.0999755859375</t>
  </si>
  <si>
    <t>0.02404925523267032</t>
  </si>
  <si>
    <t>19956</t>
  </si>
  <si>
    <t>776.300048828125</t>
  </si>
  <si>
    <t>0.039140539979182876</t>
  </si>
  <si>
    <t>20624</t>
  </si>
  <si>
    <t>0.03292559619803903</t>
  </si>
  <si>
    <t>21181</t>
  </si>
  <si>
    <t>12.224998474121094</t>
  </si>
  <si>
    <t>0.026649107215030554</t>
  </si>
  <si>
    <t>21926</t>
  </si>
  <si>
    <t>13.041666984558105</t>
  </si>
  <si>
    <t>693.300048828125</t>
  </si>
  <si>
    <t>0.03456859384048627</t>
  </si>
  <si>
    <t>22877</t>
  </si>
  <si>
    <t>0.04245889178129936</t>
  </si>
  <si>
    <t>1330.0001220703125</t>
  </si>
  <si>
    <t>0.04721320699438181</t>
  </si>
  <si>
    <t>1050.5</t>
  </si>
  <si>
    <t>0.030590958801786527</t>
  </si>
  <si>
    <t>0.026773598340913196</t>
  </si>
  <si>
    <t>26229</t>
  </si>
  <si>
    <t>1280.0999755859375</t>
  </si>
  <si>
    <t>0.03215586569613471</t>
  </si>
  <si>
    <t>27105</t>
  </si>
  <si>
    <t>1011.0999755859375</t>
  </si>
  <si>
    <t>0.03285254384543812</t>
  </si>
  <si>
    <t>1077.0999755859375</t>
  </si>
  <si>
    <t>0.011554461421866336</t>
  </si>
  <si>
    <t>26703</t>
  </si>
  <si>
    <t>12.766667366027832</t>
  </si>
  <si>
    <t>1218.39990234375</t>
  </si>
  <si>
    <t>-0.02649675548926389</t>
  </si>
  <si>
    <t>-0.05464368552100396</t>
  </si>
  <si>
    <t>24325</t>
  </si>
  <si>
    <t>12.641667366027832</t>
  </si>
  <si>
    <t>1225.4000244140625</t>
  </si>
  <si>
    <t>-0.03862760505183083</t>
  </si>
  <si>
    <t>22073</t>
  </si>
  <si>
    <t>-0.09714948591299333</t>
  </si>
  <si>
    <t>20024</t>
  </si>
  <si>
    <t>13.058333396911621</t>
  </si>
  <si>
    <t>1184.7000732421875</t>
  </si>
  <si>
    <t>-0.09742358802960283</t>
  </si>
  <si>
    <t>19986</t>
  </si>
  <si>
    <t>13.033332824707031</t>
  </si>
  <si>
    <t>1025.0</t>
  </si>
  <si>
    <t>-0.001899525689875503</t>
  </si>
  <si>
    <t>19863</t>
  </si>
  <si>
    <t>12.683333396911621</t>
  </si>
  <si>
    <t>1386.4000244140625</t>
  </si>
  <si>
    <t>-0.006173323828779331</t>
  </si>
  <si>
    <t>19998</t>
  </si>
  <si>
    <t>0.0067735639428399</t>
  </si>
  <si>
    <t>20448</t>
  </si>
  <si>
    <t>1152.5999755859375</t>
  </si>
  <si>
    <t>0.022252809641466698</t>
  </si>
  <si>
    <t>20216</t>
  </si>
  <si>
    <t>1011.199951171875</t>
  </si>
  <si>
    <t>-0.011410708109231393</t>
  </si>
  <si>
    <t>20520</t>
  </si>
  <si>
    <t>13.099998474121094</t>
  </si>
  <si>
    <t>1220.60009765625</t>
  </si>
  <si>
    <t>20992</t>
  </si>
  <si>
    <t>1134.4000244140625</t>
  </si>
  <si>
    <t>0.022741392459110443</t>
  </si>
  <si>
    <t>19401</t>
  </si>
  <si>
    <t>-0.07881680162911309</t>
  </si>
  <si>
    <t>21276</t>
  </si>
  <si>
    <t>12.708334922790527</t>
  </si>
  <si>
    <t>0.09225506574750497</t>
  </si>
  <si>
    <t>22755</t>
  </si>
  <si>
    <t>13.474998474121094</t>
  </si>
  <si>
    <t>1091.199951171875</t>
  </si>
  <si>
    <t>0.06720522458853395</t>
  </si>
  <si>
    <t>874.0000610351562</t>
  </si>
  <si>
    <t>35.48237991333008</t>
  </si>
  <si>
    <t>Ithaca, Cephalonia</t>
  </si>
  <si>
    <t>25961</t>
  </si>
  <si>
    <t>14.800002098083496</t>
  </si>
  <si>
    <t>773.5000610351562</t>
  </si>
  <si>
    <t>0.01909412290384971</t>
  </si>
  <si>
    <t>25958</t>
  </si>
  <si>
    <t>15.008332252502441</t>
  </si>
  <si>
    <t>-0.00011556462964890102</t>
  </si>
  <si>
    <t>954.0</t>
  </si>
  <si>
    <t>-0.021455120657995153</t>
  </si>
  <si>
    <t>997.0</t>
  </si>
  <si>
    <t>0.015311004878901358</t>
  </si>
  <si>
    <t>26232</t>
  </si>
  <si>
    <t>15.50833511352539</t>
  </si>
  <si>
    <t>870.0000610351562</t>
  </si>
  <si>
    <t>0.01664430805587358</t>
  </si>
  <si>
    <t>1122.8001708984375</t>
  </si>
  <si>
    <t>0.02403038308505323</t>
  </si>
  <si>
    <t>15.183333396911621</t>
  </si>
  <si>
    <t>845.800048828125</t>
  </si>
  <si>
    <t>0.039192084877130995</t>
  </si>
  <si>
    <t>28878</t>
  </si>
  <si>
    <t>936.699951171875</t>
  </si>
  <si>
    <t>0.03287755204449638</t>
  </si>
  <si>
    <t>29658</t>
  </si>
  <si>
    <t>16.250001907348633</t>
  </si>
  <si>
    <t>973.4999389648438</t>
  </si>
  <si>
    <t>0.02665184400385101</t>
  </si>
  <si>
    <t>30702</t>
  </si>
  <si>
    <t>811.800048828125</t>
  </si>
  <si>
    <t>0.03459589549813202</t>
  </si>
  <si>
    <t>31740</t>
  </si>
  <si>
    <t>0.03324991604725369</t>
  </si>
  <si>
    <t>31065</t>
  </si>
  <si>
    <t>16.399999618530273</t>
  </si>
  <si>
    <t>1208.4000244140625</t>
  </si>
  <si>
    <t>-0.02149593158260643</t>
  </si>
  <si>
    <t>34330</t>
  </si>
  <si>
    <t>15.600001335144043</t>
  </si>
  <si>
    <t>994.6000366210938</t>
  </si>
  <si>
    <t>0.0999378239539439</t>
  </si>
  <si>
    <t>853.9999389648438</t>
  </si>
  <si>
    <t>0.0779477050792039</t>
  </si>
  <si>
    <t>15.316668510437012</t>
  </si>
  <si>
    <t>1034.5999755859375</t>
  </si>
  <si>
    <t>0.02453947590045935</t>
  </si>
  <si>
    <t>39588</t>
  </si>
  <si>
    <t>15.908333778381348</t>
  </si>
  <si>
    <t>832.9000244140625</t>
  </si>
  <si>
    <t>0.040019253585180437</t>
  </si>
  <si>
    <t>41573</t>
  </si>
  <si>
    <t>974.800048828125</t>
  </si>
  <si>
    <t>0.04892487605459195</t>
  </si>
  <si>
    <t>1096.4000244140625</t>
  </si>
  <si>
    <t>-0.01690782433907323</t>
  </si>
  <si>
    <t>36106</t>
  </si>
  <si>
    <t>16.258333206176758</t>
  </si>
  <si>
    <t>1182.10009765625</t>
  </si>
  <si>
    <t>-0.12408403723549633</t>
  </si>
  <si>
    <t>16.78333282470703</t>
  </si>
  <si>
    <t>-0.03756031870496024</t>
  </si>
  <si>
    <t>15.533332824707031</t>
  </si>
  <si>
    <t>847.2000732421875</t>
  </si>
  <si>
    <t>-0.20391903614557982</t>
  </si>
  <si>
    <t>26680</t>
  </si>
  <si>
    <t>1140.5</t>
  </si>
  <si>
    <t>-0.061065480616504075</t>
  </si>
  <si>
    <t>25689</t>
  </si>
  <si>
    <t>997.699951171875</t>
  </si>
  <si>
    <t>-0.03785133633525817</t>
  </si>
  <si>
    <t>1194.39990234375</t>
  </si>
  <si>
    <t>0.054466657149228936</t>
  </si>
  <si>
    <t>16.191665649414062</t>
  </si>
  <si>
    <t>-0.05170664062524111</t>
  </si>
  <si>
    <t>25370</t>
  </si>
  <si>
    <t>16.42500114440918</t>
  </si>
  <si>
    <t>1002.4000244140625</t>
  </si>
  <si>
    <t>-0.015255527624962184</t>
  </si>
  <si>
    <t>25759</t>
  </si>
  <si>
    <t>859.800048828125</t>
  </si>
  <si>
    <t>0.015216706995675011</t>
  </si>
  <si>
    <t>17.041667938232422</t>
  </si>
  <si>
    <t>0.016288071151041805</t>
  </si>
  <si>
    <t>27202</t>
  </si>
  <si>
    <t>17.200000762939453</t>
  </si>
  <si>
    <t>0.03821834825265391</t>
  </si>
  <si>
    <t>23152</t>
  </si>
  <si>
    <t>1029.5</t>
  </si>
  <si>
    <t>-0.16120933012143368</t>
  </si>
  <si>
    <t>25389</t>
  </si>
  <si>
    <t>16.891666412353516</t>
  </si>
  <si>
    <t>886.0000610351562</t>
  </si>
  <si>
    <t>0.09223483946695055</t>
  </si>
  <si>
    <t>17.04166603088379</t>
  </si>
  <si>
    <t>792.5999755859375</t>
  </si>
  <si>
    <t>0.06724518213072983</t>
  </si>
  <si>
    <t>18.417112350463867</t>
  </si>
  <si>
    <t>417.0767822265625</t>
  </si>
  <si>
    <t>200.44723510742188</t>
  </si>
  <si>
    <t>Kalymnos, Karpathos, Kos, Rhodes</t>
  </si>
  <si>
    <t>17.427398681640625</t>
  </si>
  <si>
    <t>434.77752685546875</t>
  </si>
  <si>
    <t>0.019096743157685836</t>
  </si>
  <si>
    <t>17.313400268554688</t>
  </si>
  <si>
    <t>421.8074035644531</t>
  </si>
  <si>
    <t>-0.00010667235595995805</t>
  </si>
  <si>
    <t>27524</t>
  </si>
  <si>
    <t>18.053783416748047</t>
  </si>
  <si>
    <t>597.6437377929688</t>
  </si>
  <si>
    <t>-0.02149383682839101</t>
  </si>
  <si>
    <t>18.728342056274414</t>
  </si>
  <si>
    <t>764.9324340820312</t>
  </si>
  <si>
    <t>0.01535884826087397</t>
  </si>
  <si>
    <t>18.050779342651367</t>
  </si>
  <si>
    <t>556.1187744140625</t>
  </si>
  <si>
    <t>0.01660554761477684</t>
  </si>
  <si>
    <t>18.1607666015625</t>
  </si>
  <si>
    <t>753.6806030273438</t>
  </si>
  <si>
    <t>0.02405901054164694</t>
  </si>
  <si>
    <t>17.56039047241211</t>
  </si>
  <si>
    <t>752.912353515625</t>
  </si>
  <si>
    <t>0.039174468392969786</t>
  </si>
  <si>
    <t>18.66428565979004</t>
  </si>
  <si>
    <t>845.2042236328125</t>
  </si>
  <si>
    <t>0.03288252329982555</t>
  </si>
  <si>
    <t>32131</t>
  </si>
  <si>
    <t>18.838228225708008</t>
  </si>
  <si>
    <t>514.26904296875</t>
  </si>
  <si>
    <t>0.026682546753647784</t>
  </si>
  <si>
    <t>18.914913177490234</t>
  </si>
  <si>
    <t>509.6144714355469</t>
  </si>
  <si>
    <t>0.03456424325434959</t>
  </si>
  <si>
    <t>18.89283561706543</t>
  </si>
  <si>
    <t>696.4358520507812</t>
  </si>
  <si>
    <t>0.011151920642234359</t>
  </si>
  <si>
    <t>32011</t>
  </si>
  <si>
    <t>18.88058853149414</t>
  </si>
  <si>
    <t>805.7695922851562</t>
  </si>
  <si>
    <t>-0.04945786636932681</t>
  </si>
  <si>
    <t>18.048049926757812</t>
  </si>
  <si>
    <t>996.1932983398438</t>
  </si>
  <si>
    <t>0.060280930884930584</t>
  </si>
  <si>
    <t>34810</t>
  </si>
  <si>
    <t>18.613977432250977</t>
  </si>
  <si>
    <t>465.3957824707031</t>
  </si>
  <si>
    <t>0.023544177207185157</t>
  </si>
  <si>
    <t>17.978437423706055</t>
  </si>
  <si>
    <t>666.64697265625</t>
  </si>
  <si>
    <t>-0.0023008350673645594</t>
  </si>
  <si>
    <t>37001</t>
  </si>
  <si>
    <t>18.483552932739258</t>
  </si>
  <si>
    <t>610.3609008789062</t>
  </si>
  <si>
    <t>0.0633410725500454</t>
  </si>
  <si>
    <t>37257</t>
  </si>
  <si>
    <t>18.72417449951172</t>
  </si>
  <si>
    <t>589.2553100585938</t>
  </si>
  <si>
    <t>0.006894907327977151</t>
  </si>
  <si>
    <t>19.091833114624023</t>
  </si>
  <si>
    <t>594.106689453125</t>
  </si>
  <si>
    <t>0.027610049552594162</t>
  </si>
  <si>
    <t>34141</t>
  </si>
  <si>
    <t>18.779531478881836</t>
  </si>
  <si>
    <t>893.2080688476562</t>
  </si>
  <si>
    <t>-0.11495088809521015</t>
  </si>
  <si>
    <t>19.466611862182617</t>
  </si>
  <si>
    <t>724.8463134765625</t>
  </si>
  <si>
    <t>-0.05856361192389237</t>
  </si>
  <si>
    <t>29222</t>
  </si>
  <si>
    <t>17.824697494506836</t>
  </si>
  <si>
    <t>746.122802734375</t>
  </si>
  <si>
    <t>-0.09701354591760492</t>
  </si>
  <si>
    <t>19.291112899780273</t>
  </si>
  <si>
    <t>800.5309448242188</t>
  </si>
  <si>
    <t>-0.03467831125807663</t>
  </si>
  <si>
    <t>27066</t>
  </si>
  <si>
    <t>19.134675979614258</t>
  </si>
  <si>
    <t>654.2608032226562</t>
  </si>
  <si>
    <t>-0.04196521133750153</t>
  </si>
  <si>
    <t>18.98653793334961</t>
  </si>
  <si>
    <t>830.1611328125</t>
  </si>
  <si>
    <t>0.035104059979364166</t>
  </si>
  <si>
    <t>28209</t>
  </si>
  <si>
    <t>18.55198097229004</t>
  </si>
  <si>
    <t>741.0671997070312</t>
  </si>
  <si>
    <t>0.006258688329371154</t>
  </si>
  <si>
    <t>27062</t>
  </si>
  <si>
    <t>19.038700103759766</t>
  </si>
  <si>
    <t>596.2622680664062</t>
  </si>
  <si>
    <t>-0.04151054612159655</t>
  </si>
  <si>
    <t>19.178998947143555</t>
  </si>
  <si>
    <t>574.4359130859375</t>
  </si>
  <si>
    <t>-0.009019938290801832</t>
  </si>
  <si>
    <t>19.618215560913086</t>
  </si>
  <si>
    <t>830.702392578125</t>
  </si>
  <si>
    <t>0.024493425618178577</t>
  </si>
  <si>
    <t>27812</t>
  </si>
  <si>
    <t>19.507219314575195</t>
  </si>
  <si>
    <t>543.6738891601562</t>
  </si>
  <si>
    <t>0.011863565067942616</t>
  </si>
  <si>
    <t>21827</t>
  </si>
  <si>
    <t>19.8370418548584</t>
  </si>
  <si>
    <t>646.1638793945312</t>
  </si>
  <si>
    <t>-0.2423198466798322</t>
  </si>
  <si>
    <t>23937</t>
  </si>
  <si>
    <t>19.35772132873535</t>
  </si>
  <si>
    <t>602.7573852539062</t>
  </si>
  <si>
    <t>0.09227764343731337</t>
  </si>
  <si>
    <t>25602</t>
  </si>
  <si>
    <t>19.5281982421875</t>
  </si>
  <si>
    <t>568.6141967773438</t>
  </si>
  <si>
    <t>0.06724509443966475</t>
  </si>
  <si>
    <t>1348</t>
  </si>
  <si>
    <t>13.204642295837402</t>
  </si>
  <si>
    <t>625.5859375</t>
  </si>
  <si>
    <t>123.4862289428711</t>
  </si>
  <si>
    <t>Karditsa, Trikala</t>
  </si>
  <si>
    <t>16011</t>
  </si>
  <si>
    <t>12.090561866760254</t>
  </si>
  <si>
    <t>653.9742431640625</t>
  </si>
  <si>
    <t>0.01910584930415382</t>
  </si>
  <si>
    <t>16009</t>
  </si>
  <si>
    <t>12.258267402648926</t>
  </si>
  <si>
    <t>543.4266357421875</t>
  </si>
  <si>
    <t>-0.0001249219239607413</t>
  </si>
  <si>
    <t>15669</t>
  </si>
  <si>
    <t>12.792830467224121</t>
  </si>
  <si>
    <t>639.7449340820312</t>
  </si>
  <si>
    <t>-0.0214668259736861</t>
  </si>
  <si>
    <t>15911</t>
  </si>
  <si>
    <t>13.47861099243164</t>
  </si>
  <si>
    <t>717.6970825195312</t>
  </si>
  <si>
    <t>0.015326455803448269</t>
  </si>
  <si>
    <t>12.788769721984863</t>
  </si>
  <si>
    <t>652.1851806640625</t>
  </si>
  <si>
    <t>0.016641600670041612</t>
  </si>
  <si>
    <t>16572</t>
  </si>
  <si>
    <t>12.708110809326172</t>
  </si>
  <si>
    <t>684.8158569335938</t>
  </si>
  <si>
    <t>0.024062229619394415</t>
  </si>
  <si>
    <t>12.429512977600098</t>
  </si>
  <si>
    <t>564.5352172851562</t>
  </si>
  <si>
    <t>0.03916965260241945</t>
  </si>
  <si>
    <t>13.2817964553833</t>
  </si>
  <si>
    <t>683.269775390625</t>
  </si>
  <si>
    <t>0.03287592048399546</t>
  </si>
  <si>
    <t>18292</t>
  </si>
  <si>
    <t>13.59347152709961</t>
  </si>
  <si>
    <t>676.8839111328125</t>
  </si>
  <si>
    <t>0.026703708494238754</t>
  </si>
  <si>
    <t>13.788907051086426</t>
  </si>
  <si>
    <t>513.821533203125</t>
  </si>
  <si>
    <t>0.03454825555794905</t>
  </si>
  <si>
    <t>13.57514476776123</t>
  </si>
  <si>
    <t>581.1773071289062</t>
  </si>
  <si>
    <t>0.06382860456422357</t>
  </si>
  <si>
    <t>20528</t>
  </si>
  <si>
    <t>13.72264575958252</t>
  </si>
  <si>
    <t>968.2279052734375</t>
  </si>
  <si>
    <t>0.016949141955299396</t>
  </si>
  <si>
    <t>22085</t>
  </si>
  <si>
    <t>12.774580955505371</t>
  </si>
  <si>
    <t>684.0208129882812</t>
  </si>
  <si>
    <t>0.07310883717520866</t>
  </si>
  <si>
    <t>13.363764762878418</t>
  </si>
  <si>
    <t>614.2852783203125</t>
  </si>
  <si>
    <t>0.035670418727711706</t>
  </si>
  <si>
    <t>22130</t>
  </si>
  <si>
    <t>12.620688438415527</t>
  </si>
  <si>
    <t>708.0938720703125</t>
  </si>
  <si>
    <t>-0.03363490971324268</t>
  </si>
  <si>
    <t>22213</t>
  </si>
  <si>
    <t>13.10369873046875</t>
  </si>
  <si>
    <t>629.894775390625</t>
  </si>
  <si>
    <t>0.0037435490125261595</t>
  </si>
  <si>
    <t>23214</t>
  </si>
  <si>
    <t>13.439781188964844</t>
  </si>
  <si>
    <t>700.0193481445312</t>
  </si>
  <si>
    <t>0.04407784187094599</t>
  </si>
  <si>
    <t>22737</t>
  </si>
  <si>
    <t>13.81417465209961</t>
  </si>
  <si>
    <t>738.2352905273438</t>
  </si>
  <si>
    <t>-0.020761991448429384</t>
  </si>
  <si>
    <t>22405</t>
  </si>
  <si>
    <t>13.535889625549316</t>
  </si>
  <si>
    <t>803.6926879882812</t>
  </si>
  <si>
    <t>-0.014709405259894837</t>
  </si>
  <si>
    <t>14.08263874053955</t>
  </si>
  <si>
    <t>751.6395874023438</t>
  </si>
  <si>
    <t>-0.09252450749204044</t>
  </si>
  <si>
    <t>18180</t>
  </si>
  <si>
    <t>12.677556037902832</t>
  </si>
  <si>
    <t>585.4232177734375</t>
  </si>
  <si>
    <t>-0.116437551996734</t>
  </si>
  <si>
    <t>17652</t>
  </si>
  <si>
    <t>14.10759449005127</t>
  </si>
  <si>
    <t>747.6506958007812</t>
  </si>
  <si>
    <t>-0.02947299734203135</t>
  </si>
  <si>
    <t>18022</t>
  </si>
  <si>
    <t>14.057843208312988</t>
  </si>
  <si>
    <t>637.3159790039062</t>
  </si>
  <si>
    <t>0.020744142405543897</t>
  </si>
  <si>
    <t>18312</t>
  </si>
  <si>
    <t>13.724509239196777</t>
  </si>
  <si>
    <t>936.3513793945312</t>
  </si>
  <si>
    <t>0.015963348837420455</t>
  </si>
  <si>
    <t>18262</t>
  </si>
  <si>
    <t>13.490517616271973</t>
  </si>
  <si>
    <t>734.9707641601562</t>
  </si>
  <si>
    <t>-0.0027341844561163953</t>
  </si>
  <si>
    <t>18281</t>
  </si>
  <si>
    <t>13.796764373779297</t>
  </si>
  <si>
    <t>741.3198852539062</t>
  </si>
  <si>
    <t>0.0010398709307999354</t>
  </si>
  <si>
    <t>18424</t>
  </si>
  <si>
    <t>14.062102317810059</t>
  </si>
  <si>
    <t>639.2484130859375</t>
  </si>
  <si>
    <t>0.00779189339343489</t>
  </si>
  <si>
    <t>14.381542205810547</t>
  </si>
  <si>
    <t>891.1384887695312</t>
  </si>
  <si>
    <t>0.027833096183211836</t>
  </si>
  <si>
    <t>19828</t>
  </si>
  <si>
    <t>14.496663093566895</t>
  </si>
  <si>
    <t>708.60888671875</t>
  </si>
  <si>
    <t>0.04560782145673237</t>
  </si>
  <si>
    <t>18624</t>
  </si>
  <si>
    <t>14.526451110839844</t>
  </si>
  <si>
    <t>803.3594360351562</t>
  </si>
  <si>
    <t>-0.06264400860930053</t>
  </si>
  <si>
    <t>14.172558784484863</t>
  </si>
  <si>
    <t>608.3175048828125</t>
  </si>
  <si>
    <t>0.09225960839015457</t>
  </si>
  <si>
    <t>14.337824821472168</t>
  </si>
  <si>
    <t>556.452880859375</t>
  </si>
  <si>
    <t>0.06726138246421698</t>
  </si>
  <si>
    <t>16.23893165588379</t>
  </si>
  <si>
    <t>718.0311889648438</t>
  </si>
  <si>
    <t>72.98531341552734</t>
  </si>
  <si>
    <t>Laconia, Messinia</t>
  </si>
  <si>
    <t>18006</t>
  </si>
  <si>
    <t>15.06803035736084</t>
  </si>
  <si>
    <t>584.2427368164062</t>
  </si>
  <si>
    <t>0.019063147363343802</t>
  </si>
  <si>
    <t>18004</t>
  </si>
  <si>
    <t>15.326499938964844</t>
  </si>
  <si>
    <t>497.7148742675781</t>
  </si>
  <si>
    <t>-0.00011108025559813939</t>
  </si>
  <si>
    <t>17622</t>
  </si>
  <si>
    <t>15.822400093078613</t>
  </si>
  <si>
    <t>699.619873046875</t>
  </si>
  <si>
    <t>-0.021445833986147633</t>
  </si>
  <si>
    <t>17894</t>
  </si>
  <si>
    <t>16.484695434570312</t>
  </si>
  <si>
    <t>788.854248046875</t>
  </si>
  <si>
    <t>0.015317339680866127</t>
  </si>
  <si>
    <t>18194</t>
  </si>
  <si>
    <t>15.784832000732422</t>
  </si>
  <si>
    <t>615.019775390625</t>
  </si>
  <si>
    <t>0.016626408274465376</t>
  </si>
  <si>
    <t>18637</t>
  </si>
  <si>
    <t>15.659422874450684</t>
  </si>
  <si>
    <t>847.7936401367188</t>
  </si>
  <si>
    <t>0.024056982698658302</t>
  </si>
  <si>
    <t>15.489204406738281</t>
  </si>
  <si>
    <t>667.0214233398438</t>
  </si>
  <si>
    <t>0.039144352620082756</t>
  </si>
  <si>
    <t>16.330598831176758</t>
  </si>
  <si>
    <t>719.2623901367188</t>
  </si>
  <si>
    <t>0.03293794495911584</t>
  </si>
  <si>
    <t>20571</t>
  </si>
  <si>
    <t>16.547264099121094</t>
  </si>
  <si>
    <t>698.0363159179688</t>
  </si>
  <si>
    <t>0.0266511672926093</t>
  </si>
  <si>
    <t>21295</t>
  </si>
  <si>
    <t>16.76830291748047</t>
  </si>
  <si>
    <t>605.8755493164062</t>
  </si>
  <si>
    <t>0.0345899864048409</t>
  </si>
  <si>
    <t>22297</t>
  </si>
  <si>
    <t>16.518165588378906</t>
  </si>
  <si>
    <t>673.58203125</t>
  </si>
  <si>
    <t>0.04597983689305707</t>
  </si>
  <si>
    <t>22862</t>
  </si>
  <si>
    <t>16.65587043762207</t>
  </si>
  <si>
    <t>945.4722290039062</t>
  </si>
  <si>
    <t>0.025024003335351708</t>
  </si>
  <si>
    <t>15.806143760681152</t>
  </si>
  <si>
    <t>863.7295532226562</t>
  </si>
  <si>
    <t>0.028460009825259647</t>
  </si>
  <si>
    <t>24289</t>
  </si>
  <si>
    <t>16.334970474243164</t>
  </si>
  <si>
    <t>638.5640258789062</t>
  </si>
  <si>
    <t>0.03208741953232597</t>
  </si>
  <si>
    <t>15.60587215423584</t>
  </si>
  <si>
    <t>815.3854370117188</t>
  </si>
  <si>
    <t>0.017791304547603914</t>
  </si>
  <si>
    <t>26086</t>
  </si>
  <si>
    <t>16.13483238220215</t>
  </si>
  <si>
    <t>600.7837524414062</t>
  </si>
  <si>
    <t>0.053583894439315216</t>
  </si>
  <si>
    <t>16.45587158203125</t>
  </si>
  <si>
    <t>708.2625122070312</t>
  </si>
  <si>
    <t>0.04673257659451835</t>
  </si>
  <si>
    <t>26799</t>
  </si>
  <si>
    <t>16.801362991333008</t>
  </si>
  <si>
    <t>822.1640625</t>
  </si>
  <si>
    <t>-0.019766775154797855</t>
  </si>
  <si>
    <t>25775</t>
  </si>
  <si>
    <t>16.48893165588379</t>
  </si>
  <si>
    <t>931.9657592773438</t>
  </si>
  <si>
    <t>-0.03895954348478803</t>
  </si>
  <si>
    <t>17.06393051147461</t>
  </si>
  <si>
    <t>724.6674194335938</t>
  </si>
  <si>
    <t>-0.03912605226034138</t>
  </si>
  <si>
    <t>22850</t>
  </si>
  <si>
    <t>15.701634407043457</t>
  </si>
  <si>
    <t>699.6836547851562</t>
  </si>
  <si>
    <t>-0.08132786030246741</t>
  </si>
  <si>
    <t>17.068439483642578</t>
  </si>
  <si>
    <t>889.6493530273438</t>
  </si>
  <si>
    <t>-0.055239802469634114</t>
  </si>
  <si>
    <t>16.964067459106445</t>
  </si>
  <si>
    <t>789.9034423828125</t>
  </si>
  <si>
    <t>-0.039239213000659134</t>
  </si>
  <si>
    <t>21329</t>
  </si>
  <si>
    <t>16.701499938964844</t>
  </si>
  <si>
    <t>879.2805786132812</t>
  </si>
  <si>
    <t>0.025595547188963508</t>
  </si>
  <si>
    <t>16.476774215698242</t>
  </si>
  <si>
    <t>705.4838256835938</t>
  </si>
  <si>
    <t>0.016230272334674112</t>
  </si>
  <si>
    <t>21339</t>
  </si>
  <si>
    <t>16.746990203857422</t>
  </si>
  <si>
    <t>736.7919311523438</t>
  </si>
  <si>
    <t>-0.015761536974071788</t>
  </si>
  <si>
    <t>21837</t>
  </si>
  <si>
    <t>16.9598331451416</t>
  </si>
  <si>
    <t>637.81494140625</t>
  </si>
  <si>
    <t>0.02306939438474309</t>
  </si>
  <si>
    <t>21943</t>
  </si>
  <si>
    <t>17.32636260986328</t>
  </si>
  <si>
    <t>963.5641479492188</t>
  </si>
  <si>
    <t>0.0048424032495031355</t>
  </si>
  <si>
    <t>22662</t>
  </si>
  <si>
    <t>17.393165588378906</t>
  </si>
  <si>
    <t>817.968994140625</t>
  </si>
  <si>
    <t>0.03224133090464143</t>
  </si>
  <si>
    <t>20681</t>
  </si>
  <si>
    <t>17.426362991333008</t>
  </si>
  <si>
    <t>753.4739379882812</t>
  </si>
  <si>
    <t>-0.09147410858783545</t>
  </si>
  <si>
    <t>17.14316749572754</t>
  </si>
  <si>
    <t>642.388671875</t>
  </si>
  <si>
    <t>0.0922239818061854</t>
  </si>
  <si>
    <t>17.30150032043457</t>
  </si>
  <si>
    <t>557.734619140625</t>
  </si>
  <si>
    <t>0.06726584934635937</t>
  </si>
  <si>
    <t>21226</t>
  </si>
  <si>
    <t>14.271713256835938</t>
  </si>
  <si>
    <t>465.52252197265625</t>
  </si>
  <si>
    <t>119.10118103027344</t>
  </si>
  <si>
    <t>Larissa</t>
  </si>
  <si>
    <t>21635</t>
  </si>
  <si>
    <t>13.166736602783203</t>
  </si>
  <si>
    <t>511.14404296875</t>
  </si>
  <si>
    <t>0.019085528337217994</t>
  </si>
  <si>
    <t>13.303380012512207</t>
  </si>
  <si>
    <t>439.5840148925781</t>
  </si>
  <si>
    <t>-0.00013867381629495412</t>
  </si>
  <si>
    <t>21173</t>
  </si>
  <si>
    <t>13.871720314025879</t>
  </si>
  <si>
    <t>498.0466003417969</t>
  </si>
  <si>
    <t>-0.02144691478675398</t>
  </si>
  <si>
    <t>21500</t>
  </si>
  <si>
    <t>14.540042877197266</t>
  </si>
  <si>
    <t>559.5422973632812</t>
  </si>
  <si>
    <t>0.015326150059816968</t>
  </si>
  <si>
    <t>13.861723899841309</t>
  </si>
  <si>
    <t>511.4446716308594</t>
  </si>
  <si>
    <t>0.016651292222638503</t>
  </si>
  <si>
    <t>22393</t>
  </si>
  <si>
    <t>13.793399810791016</t>
  </si>
  <si>
    <t>539.6653442382812</t>
  </si>
  <si>
    <t>0.02404418266644015</t>
  </si>
  <si>
    <t>23287</t>
  </si>
  <si>
    <t>13.471729278564453</t>
  </si>
  <si>
    <t>413.8851623535156</t>
  </si>
  <si>
    <t>0.039146854928404196</t>
  </si>
  <si>
    <t>14.361713409423828</t>
  </si>
  <si>
    <t>531.0670166015625</t>
  </si>
  <si>
    <t>0.03290479106487254</t>
  </si>
  <si>
    <t>24716</t>
  </si>
  <si>
    <t>14.666709899902344</t>
  </si>
  <si>
    <t>502.88677978515625</t>
  </si>
  <si>
    <t>0.026650751182762278</t>
  </si>
  <si>
    <t>25586</t>
  </si>
  <si>
    <t>14.850025177001953</t>
  </si>
  <si>
    <t>386.14447021484375</t>
  </si>
  <si>
    <t>0.034594519696108605</t>
  </si>
  <si>
    <t>14.65170669555664</t>
  </si>
  <si>
    <t>417.86083984375</t>
  </si>
  <si>
    <t>0.022644810112650404</t>
  </si>
  <si>
    <t>14.776715278625488</t>
  </si>
  <si>
    <t>729.1806030273438</t>
  </si>
  <si>
    <t>0.026134187173290968</t>
  </si>
  <si>
    <t>13.83670711517334</t>
  </si>
  <si>
    <t>523.8621215820312</t>
  </si>
  <si>
    <t>0.11562590376282067</t>
  </si>
  <si>
    <t>30873</t>
  </si>
  <si>
    <t>14.440045356750488</t>
  </si>
  <si>
    <t>495.1447448730469</t>
  </si>
  <si>
    <t>0.023431787578459762</t>
  </si>
  <si>
    <t>13.693374633789062</t>
  </si>
  <si>
    <t>602.0953369140625</t>
  </si>
  <si>
    <t>-0.054823291469602964</t>
  </si>
  <si>
    <t>14.178363800048828</t>
  </si>
  <si>
    <t>526.5004272460938</t>
  </si>
  <si>
    <t>0.061537975961554636</t>
  </si>
  <si>
    <t>14.516707420349121</t>
  </si>
  <si>
    <t>578.2036743164062</t>
  </si>
  <si>
    <t>0.018867882921082213</t>
  </si>
  <si>
    <t>31420</t>
  </si>
  <si>
    <t>14.905047416687012</t>
  </si>
  <si>
    <t>560.6660766601562</t>
  </si>
  <si>
    <t>-0.008019950107623686</t>
  </si>
  <si>
    <t>14.615052223205566</t>
  </si>
  <si>
    <t>669.64501953125</t>
  </si>
  <si>
    <t>-0.05697121452829457</t>
  </si>
  <si>
    <t>15.165043830871582</t>
  </si>
  <si>
    <t>627.18701171875</t>
  </si>
  <si>
    <t>-0.08688886550402586</t>
  </si>
  <si>
    <t>23866</t>
  </si>
  <si>
    <t>13.753390312194824</t>
  </si>
  <si>
    <t>449.7976379394531</t>
  </si>
  <si>
    <t>-0.1311297008476906</t>
  </si>
  <si>
    <t>15.173375129699707</t>
  </si>
  <si>
    <t>597.0073852539062</t>
  </si>
  <si>
    <t>-0.022286225089054312</t>
  </si>
  <si>
    <t>22660</t>
  </si>
  <si>
    <t>15.118382453918457</t>
  </si>
  <si>
    <t>491.5633239746094</t>
  </si>
  <si>
    <t>-0.029567371258549358</t>
  </si>
  <si>
    <t>23478</t>
  </si>
  <si>
    <t>14.785049438476562</t>
  </si>
  <si>
    <t>682.7632446289062</t>
  </si>
  <si>
    <t>0.03546255685647104</t>
  </si>
  <si>
    <t>14.523368835449219</t>
  </si>
  <si>
    <t>621.51708984375</t>
  </si>
  <si>
    <t>0.02822056764225067</t>
  </si>
  <si>
    <t>14.861713409423828</t>
  </si>
  <si>
    <t>595.4075927734375</t>
  </si>
  <si>
    <t>-0.01548154186482087</t>
  </si>
  <si>
    <t>24198</t>
  </si>
  <si>
    <t>15.10837459564209</t>
  </si>
  <si>
    <t>554.3580932617188</t>
  </si>
  <si>
    <t>0.017467146885525864</t>
  </si>
  <si>
    <t>24740</t>
  </si>
  <si>
    <t>15.46005916595459</t>
  </si>
  <si>
    <t>737.6727905273438</t>
  </si>
  <si>
    <t>0.02215138184505605</t>
  </si>
  <si>
    <t>25524</t>
  </si>
  <si>
    <t>15.568392753601074</t>
  </si>
  <si>
    <t>554.7247924804688</t>
  </si>
  <si>
    <t>0.03119781904175767</t>
  </si>
  <si>
    <t>24297</t>
  </si>
  <si>
    <t>15.611721992492676</t>
  </si>
  <si>
    <t>632.6022338867188</t>
  </si>
  <si>
    <t>-0.04926630007113708</t>
  </si>
  <si>
    <t>15.243399620056152</t>
  </si>
  <si>
    <t>516.558837890625</t>
  </si>
  <si>
    <t>0.09224862981378301</t>
  </si>
  <si>
    <t>15.41170597076416</t>
  </si>
  <si>
    <t>437.8804016113281</t>
  </si>
  <si>
    <t>0.06723239362485067</t>
  </si>
  <si>
    <t>21908</t>
  </si>
  <si>
    <t>17.201852798461914</t>
  </si>
  <si>
    <t>585.7322387695312</t>
  </si>
  <si>
    <t>73.51892852783203</t>
  </si>
  <si>
    <t>Lasithi</t>
  </si>
  <si>
    <t>22330</t>
  </si>
  <si>
    <t>16.03205680847168</t>
  </si>
  <si>
    <t>626.0624389648438</t>
  </si>
  <si>
    <t>0.01907919893059251</t>
  </si>
  <si>
    <t>22328</t>
  </si>
  <si>
    <t>16.06741714477539</t>
  </si>
  <si>
    <t>551.4100341796875</t>
  </si>
  <si>
    <t>-8.956961804607033e-05</t>
  </si>
  <si>
    <t>16.675750732421875</t>
  </si>
  <si>
    <t>670.6360473632812</t>
  </si>
  <si>
    <t>-0.0214575250854665</t>
  </si>
  <si>
    <t>22191</t>
  </si>
  <si>
    <t>17.220548629760742</t>
  </si>
  <si>
    <t>822.1386108398438</t>
  </si>
  <si>
    <t>0.015302830125285993</t>
  </si>
  <si>
    <t>22564</t>
  </si>
  <si>
    <t>16.834129333496094</t>
  </si>
  <si>
    <t>510.6513366699219</t>
  </si>
  <si>
    <t>0.01666891460388875</t>
  </si>
  <si>
    <t>23113</t>
  </si>
  <si>
    <t>16.738317489624023</t>
  </si>
  <si>
    <t>713.8804321289062</t>
  </si>
  <si>
    <t>0.024039513916823907</t>
  </si>
  <si>
    <t>16.290390014648438</t>
  </si>
  <si>
    <t>665.8539428710938</t>
  </si>
  <si>
    <t>0.03915747667712921</t>
  </si>
  <si>
    <t>17.197620391845703</t>
  </si>
  <si>
    <t>784.96826171875</t>
  </si>
  <si>
    <t>0.03290255059359559</t>
  </si>
  <si>
    <t>25511</t>
  </si>
  <si>
    <t>17.524736404418945</t>
  </si>
  <si>
    <t>520.41845703125</t>
  </si>
  <si>
    <t>0.02665447463373205</t>
  </si>
  <si>
    <t>26409</t>
  </si>
  <si>
    <t>17.40802764892578</t>
  </si>
  <si>
    <t>497.31964111328125</t>
  </si>
  <si>
    <t>0.0345951294478688</t>
  </si>
  <si>
    <t>27634</t>
  </si>
  <si>
    <t>17.4320125579834</t>
  </si>
  <si>
    <t>781.5596923828125</t>
  </si>
  <si>
    <t>0.045342037487598574</t>
  </si>
  <si>
    <t>27278</t>
  </si>
  <si>
    <t>17.65908432006836</t>
  </si>
  <si>
    <t>845.0878295898438</t>
  </si>
  <si>
    <t>-0.012966382129793175</t>
  </si>
  <si>
    <t>16.71746063232422</t>
  </si>
  <si>
    <t>1174.6126708984375</t>
  </si>
  <si>
    <t>0.04701146648262444</t>
  </si>
  <si>
    <t>17.259082794189453</t>
  </si>
  <si>
    <t>636.6549682617188</t>
  </si>
  <si>
    <t>0.0572633364596129</t>
  </si>
  <si>
    <t>31830</t>
  </si>
  <si>
    <t>16.652910232543945</t>
  </si>
  <si>
    <t>732.9005126953125</t>
  </si>
  <si>
    <t>0.050053921847080574</t>
  </si>
  <si>
    <t>17.040346145629883</t>
  </si>
  <si>
    <t>699.0084228515625</t>
  </si>
  <si>
    <t>0.027271600256291606</t>
  </si>
  <si>
    <t>17.346651077270508</t>
  </si>
  <si>
    <t>696.96923828125</t>
  </si>
  <si>
    <t>0.015681956873146774</t>
  </si>
  <si>
    <t>17.81327247619629</t>
  </si>
  <si>
    <t>712.08251953125</t>
  </si>
  <si>
    <t>-0.012141914113696473</t>
  </si>
  <si>
    <t>17.49973487854004</t>
  </si>
  <si>
    <t>778.8396606445312</t>
  </si>
  <si>
    <t>-0.02905384232457031</t>
  </si>
  <si>
    <t>29491</t>
  </si>
  <si>
    <t>18.149782180786133</t>
  </si>
  <si>
    <t>719.2385864257812</t>
  </si>
  <si>
    <t>-0.0780819099329797</t>
  </si>
  <si>
    <t>26041</t>
  </si>
  <si>
    <t>16.61433219909668</t>
  </si>
  <si>
    <t>-0.12441291299142421</t>
  </si>
  <si>
    <t>24261</t>
  </si>
  <si>
    <t>18.0174617767334</t>
  </si>
  <si>
    <t>794.6730346679688</t>
  </si>
  <si>
    <t>-0.0708020962789746</t>
  </si>
  <si>
    <t>25437</t>
  </si>
  <si>
    <t>17.88932991027832</t>
  </si>
  <si>
    <t>741.4692993164062</t>
  </si>
  <si>
    <t>0.04733468420818099</t>
  </si>
  <si>
    <t>17.632055282592773</t>
  </si>
  <si>
    <t>792.7073974609375</t>
  </si>
  <si>
    <t>0.04380374588096281</t>
  </si>
  <si>
    <t>27387</t>
  </si>
  <si>
    <t>17.23941993713379</t>
  </si>
  <si>
    <t>768.1825561523438</t>
  </si>
  <si>
    <t>0.030059895380114554</t>
  </si>
  <si>
    <t>17.775794982910156</t>
  </si>
  <si>
    <t>695.6497192382812</t>
  </si>
  <si>
    <t>-0.012825164308839732</t>
  </si>
  <si>
    <t>17.869535446166992</t>
  </si>
  <si>
    <t>696.3936157226562</t>
  </si>
  <si>
    <t>0.01930356809943312</t>
  </si>
  <si>
    <t>18.32892417907715</t>
  </si>
  <si>
    <t>820.5306396484375</t>
  </si>
  <si>
    <t>0.01583621362014931</t>
  </si>
  <si>
    <t>29023</t>
  </si>
  <si>
    <t>18.277868270874023</t>
  </si>
  <si>
    <t>729.3507690429688</t>
  </si>
  <si>
    <t>0.03570555343260651</t>
  </si>
  <si>
    <t>25625</t>
  </si>
  <si>
    <t>18.45392417907715</t>
  </si>
  <si>
    <t>703.8433227539062</t>
  </si>
  <si>
    <t>-0.12452018163583034</t>
  </si>
  <si>
    <t>18.152868270874023</t>
  </si>
  <si>
    <t>697.4094848632812</t>
  </si>
  <si>
    <t>0.09227231072557629</t>
  </si>
  <si>
    <t>30056</t>
  </si>
  <si>
    <t>18.197664260864258</t>
  </si>
  <si>
    <t>645.62744140625</t>
  </si>
  <si>
    <t>0.06722156008751945</t>
  </si>
  <si>
    <t>16181</t>
  </si>
  <si>
    <t>16.025001525878906</t>
  </si>
  <si>
    <t>899.3999633789062</t>
  </si>
  <si>
    <t>69.32283020019531</t>
  </si>
  <si>
    <t>Lefkada</t>
  </si>
  <si>
    <t>16492</t>
  </si>
  <si>
    <t>819.800048828125</t>
  </si>
  <si>
    <t>0.019037700426981274</t>
  </si>
  <si>
    <t>16491</t>
  </si>
  <si>
    <t>15.091667175292969</t>
  </si>
  <si>
    <t>680.9999389648438</t>
  </si>
  <si>
    <t>-6.063729802008311e-05</t>
  </si>
  <si>
    <t>16140</t>
  </si>
  <si>
    <t>15.5166654586792</t>
  </si>
  <si>
    <t>983.9000244140625</t>
  </si>
  <si>
    <t>-0.021514114704830334</t>
  </si>
  <si>
    <t>16390</t>
  </si>
  <si>
    <t>16.266664505004883</t>
  </si>
  <si>
    <t>1020.2000732421875</t>
  </si>
  <si>
    <t>0.015370729913936287</t>
  </si>
  <si>
    <t>16665</t>
  </si>
  <si>
    <t>903.5000610351562</t>
  </si>
  <si>
    <t>0.016639319003964204</t>
  </si>
  <si>
    <t>17070</t>
  </si>
  <si>
    <t>15.466667175292969</t>
  </si>
  <si>
    <t>1157.5</t>
  </si>
  <si>
    <t>0.024011825046645896</t>
  </si>
  <si>
    <t>17752</t>
  </si>
  <si>
    <t>855.0000610351562</t>
  </si>
  <si>
    <t>0.03917564882394409</t>
  </si>
  <si>
    <t>18346</t>
  </si>
  <si>
    <t>16.03333282470703</t>
  </si>
  <si>
    <t>976.300048828125</t>
  </si>
  <si>
    <t>0.03291338145717049</t>
  </si>
  <si>
    <t>18841</t>
  </si>
  <si>
    <t>1026.9000244140625</t>
  </si>
  <si>
    <t>0.026623779208399867</t>
  </si>
  <si>
    <t>19504</t>
  </si>
  <si>
    <t>842.2001342773438</t>
  </si>
  <si>
    <t>0.03458422644305159</t>
  </si>
  <si>
    <t>16.25</t>
  </si>
  <si>
    <t>0.06409300045596034</t>
  </si>
  <si>
    <t>20793</t>
  </si>
  <si>
    <t>1235.2000732421875</t>
  </si>
  <si>
    <t>-9.618159091751011e-05</t>
  </si>
  <si>
    <t>15.65000057220459</t>
  </si>
  <si>
    <t>989.6000366210938</t>
  </si>
  <si>
    <t>0.06700625720746523</t>
  </si>
  <si>
    <t>23658</t>
  </si>
  <si>
    <t>16.100000381469727</t>
  </si>
  <si>
    <t>882.5999755859375</t>
  </si>
  <si>
    <t>0.0620786753121223</t>
  </si>
  <si>
    <t>25282</t>
  </si>
  <si>
    <t>15.383332252502441</t>
  </si>
  <si>
    <t>1076.9000244140625</t>
  </si>
  <si>
    <t>0.06639135594982015</t>
  </si>
  <si>
    <t>869.0999145507812</t>
  </si>
  <si>
    <t>0.054196283343067364</t>
  </si>
  <si>
    <t>26672</t>
  </si>
  <si>
    <t>16.28333282470703</t>
  </si>
  <si>
    <t>-0.0006746374079948936</t>
  </si>
  <si>
    <t>16.641664505004883</t>
  </si>
  <si>
    <t>1147.0</t>
  </si>
  <si>
    <t>-0.030530329810499524</t>
  </si>
  <si>
    <t>26272</t>
  </si>
  <si>
    <t>1223.199951171875</t>
  </si>
  <si>
    <t>0.015419737072079442</t>
  </si>
  <si>
    <t>16.83333396911621</t>
  </si>
  <si>
    <t>1127.300048828125</t>
  </si>
  <si>
    <t>0.035962459432365534</t>
  </si>
  <si>
    <t>23318</t>
  </si>
  <si>
    <t>15.608332633972168</t>
  </si>
  <si>
    <t>-0.1552405981912841</t>
  </si>
  <si>
    <t>22126</t>
  </si>
  <si>
    <t>16.858333587646484</t>
  </si>
  <si>
    <t>1187.60009765625</t>
  </si>
  <si>
    <t>-0.05247220689837917</t>
  </si>
  <si>
    <t>21522</t>
  </si>
  <si>
    <t>-0.02767771983451972</t>
  </si>
  <si>
    <t>16.4666690826416</t>
  </si>
  <si>
    <t>1273.0001220703125</t>
  </si>
  <si>
    <t>0.012971907227710133</t>
  </si>
  <si>
    <t>1024.699951171875</t>
  </si>
  <si>
    <t>-0.022214376045395667</t>
  </si>
  <si>
    <t>21088</t>
  </si>
  <si>
    <t>1050.800048828125</t>
  </si>
  <si>
    <t>-0.011129040640417642</t>
  </si>
  <si>
    <t>20800</t>
  </si>
  <si>
    <t>889.7000732421875</t>
  </si>
  <si>
    <t>-0.013751171612824464</t>
  </si>
  <si>
    <t>17.116668701171875</t>
  </si>
  <si>
    <t>1244.0</t>
  </si>
  <si>
    <t>0.061031778735809894</t>
  </si>
  <si>
    <t>22780</t>
  </si>
  <si>
    <t>17.275001525878906</t>
  </si>
  <si>
    <t>1032.5</t>
  </si>
  <si>
    <t>0.02989819257595272</t>
  </si>
  <si>
    <t>18350</t>
  </si>
  <si>
    <t>-0.21625338351845613</t>
  </si>
  <si>
    <t>20124</t>
  </si>
  <si>
    <t>905.5</t>
  </si>
  <si>
    <t>0.09228355812849287</t>
  </si>
  <si>
    <t>0.06720899815297088</t>
  </si>
  <si>
    <t>17943</t>
  </si>
  <si>
    <t>15.69970703125</t>
  </si>
  <si>
    <t>472.4638366699219</t>
  </si>
  <si>
    <t>69.7348861694336</t>
  </si>
  <si>
    <t>Lesbos, Lemnos</t>
  </si>
  <si>
    <t>14.692680358886719</t>
  </si>
  <si>
    <t>395.9494323730469</t>
  </si>
  <si>
    <t>0.019099719491908473</t>
  </si>
  <si>
    <t>18287</t>
  </si>
  <si>
    <t>14.678982734680176</t>
  </si>
  <si>
    <t>390.0812072753906</t>
  </si>
  <si>
    <t>-0.00010936132994210368</t>
  </si>
  <si>
    <t>17898</t>
  </si>
  <si>
    <t>15.333476066589355</t>
  </si>
  <si>
    <t>501.4034423828125</t>
  </si>
  <si>
    <t>-0.02150145013182936</t>
  </si>
  <si>
    <t>18175</t>
  </si>
  <si>
    <t>15.988404273986816</t>
  </si>
  <si>
    <t>645.7398071289062</t>
  </si>
  <si>
    <t>0.01535804865891599</t>
  </si>
  <si>
    <t>15.433040618896484</t>
  </si>
  <si>
    <t>519.2365112304688</t>
  </si>
  <si>
    <t>0.016642042793954204</t>
  </si>
  <si>
    <t>18929</t>
  </si>
  <si>
    <t>15.459346771240234</t>
  </si>
  <si>
    <t>649.4175415039062</t>
  </si>
  <si>
    <t>0.024006071410545005</t>
  </si>
  <si>
    <t>15.004417419433594</t>
  </si>
  <si>
    <t>637.6892700195312</t>
  </si>
  <si>
    <t>0.03916178677161852</t>
  </si>
  <si>
    <t>15.999924659729004</t>
  </si>
  <si>
    <t>778.5538940429688</t>
  </si>
  <si>
    <t>0.03292910372411839</t>
  </si>
  <si>
    <t>20893</t>
  </si>
  <si>
    <t>16.17557716369629</t>
  </si>
  <si>
    <t>496.7402038574219</t>
  </si>
  <si>
    <t>0.026628146520295104</t>
  </si>
  <si>
    <t>16.158475875854492</t>
  </si>
  <si>
    <t>455.04376220703125</t>
  </si>
  <si>
    <t>0.03462083217105061</t>
  </si>
  <si>
    <t>22469</t>
  </si>
  <si>
    <t>16.149925231933594</t>
  </si>
  <si>
    <t>591.3805541992188</t>
  </si>
  <si>
    <t>0.03810157461292896</t>
  </si>
  <si>
    <t>16.238405227661133</t>
  </si>
  <si>
    <t>689.3898315429688</t>
  </si>
  <si>
    <t>-0.009480015548595233</t>
  </si>
  <si>
    <t>15.447171211242676</t>
  </si>
  <si>
    <t>621.9037475585938</t>
  </si>
  <si>
    <t>0.15912548000315851</t>
  </si>
  <si>
    <t>25733</t>
  </si>
  <si>
    <t>15.924925804138184</t>
  </si>
  <si>
    <t>435.88909912109375</t>
  </si>
  <si>
    <t>-0.014007830967807777</t>
  </si>
  <si>
    <t>27405</t>
  </si>
  <si>
    <t>15.28369426727295</t>
  </si>
  <si>
    <t>669.45263671875</t>
  </si>
  <si>
    <t>0.06295126358723024</t>
  </si>
  <si>
    <t>28801</t>
  </si>
  <si>
    <t>15.736882209777832</t>
  </si>
  <si>
    <t>519.3901977539062</t>
  </si>
  <si>
    <t>0.04968463026323988</t>
  </si>
  <si>
    <t>29637</t>
  </si>
  <si>
    <t>16.05376625061035</t>
  </si>
  <si>
    <t>534.1053466796875</t>
  </si>
  <si>
    <t>0.02861347196912689</t>
  </si>
  <si>
    <t>16.47043228149414</t>
  </si>
  <si>
    <t>490.7115173339844</t>
  </si>
  <si>
    <t>0.01702866365789113</t>
  </si>
  <si>
    <t>28563</t>
  </si>
  <si>
    <t>16.150577545166016</t>
  </si>
  <si>
    <t>770.4579467773438</t>
  </si>
  <si>
    <t>-0.053940070416674146</t>
  </si>
  <si>
    <t>26735</t>
  </si>
  <si>
    <t>16.833911895751953</t>
  </si>
  <si>
    <t>649.1250610351562</t>
  </si>
  <si>
    <t>-0.06613860557096807</t>
  </si>
  <si>
    <t>24070</t>
  </si>
  <si>
    <t>15.246520042419434</t>
  </si>
  <si>
    <t>586.0374145507812</t>
  </si>
  <si>
    <t>-0.1050073166057146</t>
  </si>
  <si>
    <t>22220</t>
  </si>
  <si>
    <t>16.612751007080078</t>
  </si>
  <si>
    <t>736.6016235351562</t>
  </si>
  <si>
    <t>-0.07997346758349622</t>
  </si>
  <si>
    <t>22172</t>
  </si>
  <si>
    <t>16.54180908203125</t>
  </si>
  <si>
    <t>577.2952270507812</t>
  </si>
  <si>
    <t>-0.0021625526539263973</t>
  </si>
  <si>
    <t>22702</t>
  </si>
  <si>
    <t>16.32920265197754</t>
  </si>
  <si>
    <t>707.8740844726562</t>
  </si>
  <si>
    <t>0.02362279477558893</t>
  </si>
  <si>
    <t>15.914057731628418</t>
  </si>
  <si>
    <t>653.3448486328125</t>
  </si>
  <si>
    <t>-0.009515661878451098</t>
  </si>
  <si>
    <t>21511</t>
  </si>
  <si>
    <t>16.34202766418457</t>
  </si>
  <si>
    <t>574.4852294921875</t>
  </si>
  <si>
    <t>-0.04437293225103467</t>
  </si>
  <si>
    <t>20808</t>
  </si>
  <si>
    <t>16.47898292541504</t>
  </si>
  <si>
    <t>575.6495971679688</t>
  </si>
  <si>
    <t>-0.03322690405731166</t>
  </si>
  <si>
    <t>16.96702766418457</t>
  </si>
  <si>
    <t>712.601318359375</t>
  </si>
  <si>
    <t>-0.020489137400128143</t>
  </si>
  <si>
    <t>16.920650482177734</t>
  </si>
  <si>
    <t>429.5872497558594</t>
  </si>
  <si>
    <t>-0.021669373979948503</t>
  </si>
  <si>
    <t>17.116811752319336</t>
  </si>
  <si>
    <t>606.9118041992188</t>
  </si>
  <si>
    <t>-0.10325180210925922</t>
  </si>
  <si>
    <t>19730</t>
  </si>
  <si>
    <t>16.829853057861328</t>
  </si>
  <si>
    <t>557.5791015625</t>
  </si>
  <si>
    <t>0.09221310537751037</t>
  </si>
  <si>
    <t>16.828765869140625</t>
  </si>
  <si>
    <t>483.0950622558594</t>
  </si>
  <si>
    <t>0.06727489043565171</t>
  </si>
  <si>
    <t>1356</t>
  </si>
  <si>
    <t>19838</t>
  </si>
  <si>
    <t>14.288612365722656</t>
  </si>
  <si>
    <t>522.8846435546875</t>
  </si>
  <si>
    <t>128.20187377929688</t>
  </si>
  <si>
    <t>Magnesia</t>
  </si>
  <si>
    <t>20220</t>
  </si>
  <si>
    <t>13.093890190124512</t>
  </si>
  <si>
    <t>552.1400146484375</t>
  </si>
  <si>
    <t>0.019072923268524278</t>
  </si>
  <si>
    <t>20218</t>
  </si>
  <si>
    <t>13.304447174072266</t>
  </si>
  <si>
    <t>422.7134704589844</t>
  </si>
  <si>
    <t>-9.891686046081816e-05</t>
  </si>
  <si>
    <t>19788</t>
  </si>
  <si>
    <t>13.855278015136719</t>
  </si>
  <si>
    <t>506.8386535644531</t>
  </si>
  <si>
    <t>-0.021497603366402274</t>
  </si>
  <si>
    <t>20094</t>
  </si>
  <si>
    <t>14.554447174072266</t>
  </si>
  <si>
    <t>602.4930419921875</t>
  </si>
  <si>
    <t>0.015345569674659387</t>
  </si>
  <si>
    <t>20431</t>
  </si>
  <si>
    <t>13.832503318786621</t>
  </si>
  <si>
    <t>515.7101440429688</t>
  </si>
  <si>
    <t>0.01663209221755224</t>
  </si>
  <si>
    <t>13.73861312866211</t>
  </si>
  <si>
    <t>583.3909912109375</t>
  </si>
  <si>
    <t>0.02403462001711354</t>
  </si>
  <si>
    <t>13.443889617919922</t>
  </si>
  <si>
    <t>457.3096008300781</t>
  </si>
  <si>
    <t>0.03916925334889143</t>
  </si>
  <si>
    <t>22492</t>
  </si>
  <si>
    <t>14.368889808654785</t>
  </si>
  <si>
    <t>555.1018676757812</t>
  </si>
  <si>
    <t>0.03290246180627676</t>
  </si>
  <si>
    <t>23100</t>
  </si>
  <si>
    <t>14.702224731445312</t>
  </si>
  <si>
    <t>520.4520263671875</t>
  </si>
  <si>
    <t>0.0266729270977919</t>
  </si>
  <si>
    <t>14.940836906433105</t>
  </si>
  <si>
    <t>379.10302734375</t>
  </si>
  <si>
    <t>0.034589626586148725</t>
  </si>
  <si>
    <t>25160</t>
  </si>
  <si>
    <t>14.688612937927246</t>
  </si>
  <si>
    <t>486.77203369140625</t>
  </si>
  <si>
    <t>0.050833187718343</t>
  </si>
  <si>
    <t>14.779448509216309</t>
  </si>
  <si>
    <t>835.7587890625</t>
  </si>
  <si>
    <t>0.05828390636168379</t>
  </si>
  <si>
    <t>29151</t>
  </si>
  <si>
    <t>13.874168395996094</t>
  </si>
  <si>
    <t>598.4833984375</t>
  </si>
  <si>
    <t>0.0889498793314889</t>
  </si>
  <si>
    <t>29437</t>
  </si>
  <si>
    <t>14.466666221618652</t>
  </si>
  <si>
    <t>483.3076477050781</t>
  </si>
  <si>
    <t>0.009763168968969893</t>
  </si>
  <si>
    <t>13.72722339630127</t>
  </si>
  <si>
    <t>661.5531616210938</t>
  </si>
  <si>
    <t>-0.002823563305375032</t>
  </si>
  <si>
    <t>32075</t>
  </si>
  <si>
    <t>14.2605562210083</t>
  </si>
  <si>
    <t>544.4396362304688</t>
  </si>
  <si>
    <t>0.08864808731269314</t>
  </si>
  <si>
    <t>31262</t>
  </si>
  <si>
    <t>14.543890953063965</t>
  </si>
  <si>
    <t>574.1162719726562</t>
  </si>
  <si>
    <t>-0.02567360802842167</t>
  </si>
  <si>
    <t>14.92194652557373</t>
  </si>
  <si>
    <t>597.12841796875</t>
  </si>
  <si>
    <t>0.011196757981924321</t>
  </si>
  <si>
    <t>14.605278968811035</t>
  </si>
  <si>
    <t>697.0745849609375</t>
  </si>
  <si>
    <t>-0.10692926481441667</t>
  </si>
  <si>
    <t>25413</t>
  </si>
  <si>
    <t>15.186388969421387</t>
  </si>
  <si>
    <t>-0.111409941523263</t>
  </si>
  <si>
    <t>23373</t>
  </si>
  <si>
    <t>13.721115112304688</t>
  </si>
  <si>
    <t>506.1885681152344</t>
  </si>
  <si>
    <t>-0.08367934410069289</t>
  </si>
  <si>
    <t>634.3214721679688</t>
  </si>
  <si>
    <t>-0.0722896433639093</t>
  </si>
  <si>
    <t>21223</t>
  </si>
  <si>
    <t>15.112781524658203</t>
  </si>
  <si>
    <t>543.6006469726562</t>
  </si>
  <si>
    <t>-0.02420636739941706</t>
  </si>
  <si>
    <t>14.791667938232422</t>
  </si>
  <si>
    <t>732.117919921875</t>
  </si>
  <si>
    <t>-0.0016505155712245312</t>
  </si>
  <si>
    <t>14.56055736541748</t>
  </si>
  <si>
    <t>671.806396484375</t>
  </si>
  <si>
    <t>0.019443499048364288</t>
  </si>
  <si>
    <t>14.865836143493652</t>
  </si>
  <si>
    <t>606.3823852539062</t>
  </si>
  <si>
    <t>21623</t>
  </si>
  <si>
    <t>555.5274658203125</t>
  </si>
  <si>
    <t>0.0008790802611144954</t>
  </si>
  <si>
    <t>22165</t>
  </si>
  <si>
    <t>15.43555736541748</t>
  </si>
  <si>
    <t>800.2111206054688</t>
  </si>
  <si>
    <t>0.024756905205258306</t>
  </si>
  <si>
    <t>22739</t>
  </si>
  <si>
    <t>15.521114349365234</t>
  </si>
  <si>
    <t>591.9098510742188</t>
  </si>
  <si>
    <t>0.025567043784636923</t>
  </si>
  <si>
    <t>20493</t>
  </si>
  <si>
    <t>15.588611602783203</t>
  </si>
  <si>
    <t>656.4746704101562</t>
  </si>
  <si>
    <t>-0.10399814756383208</t>
  </si>
  <si>
    <t>22474</t>
  </si>
  <si>
    <t>536.8352661132812</t>
  </si>
  <si>
    <t>0.09227572106788884</t>
  </si>
  <si>
    <t>24037</t>
  </si>
  <si>
    <t>15.452223777770996</t>
  </si>
  <si>
    <t>467.58685302734375</t>
  </si>
  <si>
    <t>0.06723522438081453</t>
  </si>
  <si>
    <t>14.316666603088379</t>
  </si>
  <si>
    <t>433.0</t>
  </si>
  <si>
    <t>99.20826721191406</t>
  </si>
  <si>
    <t>Pella</t>
  </si>
  <si>
    <t>17540</t>
  </si>
  <si>
    <t>13.183333396911621</t>
  </si>
  <si>
    <t>496.20001220703125</t>
  </si>
  <si>
    <t>0.019051484161263232</t>
  </si>
  <si>
    <t>17538</t>
  </si>
  <si>
    <t>13.433333396911621</t>
  </si>
  <si>
    <t>436.60003662109375</t>
  </si>
  <si>
    <t>-0.00011403158687350867</t>
  </si>
  <si>
    <t>17166</t>
  </si>
  <si>
    <t>13.766666412353516</t>
  </si>
  <si>
    <t>470.3000183105469</t>
  </si>
  <si>
    <t>-0.021439272061135384</t>
  </si>
  <si>
    <t>17431</t>
  </si>
  <si>
    <t>14.441666603088379</t>
  </si>
  <si>
    <t>0.015319546936700235</t>
  </si>
  <si>
    <t>13.766667366027832</t>
  </si>
  <si>
    <t>508.6000061035156</t>
  </si>
  <si>
    <t>0.016613000840273173</t>
  </si>
  <si>
    <t>18155</t>
  </si>
  <si>
    <t>497.89996337890625</t>
  </si>
  <si>
    <t>0.024082773793297818</t>
  </si>
  <si>
    <t>13.383334159851074</t>
  </si>
  <si>
    <t>382.4999694824219</t>
  </si>
  <si>
    <t>0.03915715585105417</t>
  </si>
  <si>
    <t>501.5000305175781</t>
  </si>
  <si>
    <t>0.03287524837040756</t>
  </si>
  <si>
    <t>20039</t>
  </si>
  <si>
    <t>0.02670196568424643</t>
  </si>
  <si>
    <t>20744</t>
  </si>
  <si>
    <t>14.741667747497559</t>
  </si>
  <si>
    <t>356.3000183105469</t>
  </si>
  <si>
    <t>0.03457667346435578</t>
  </si>
  <si>
    <t>367.1999816894531</t>
  </si>
  <si>
    <t>0.06941057572629639</t>
  </si>
  <si>
    <t>22664</t>
  </si>
  <si>
    <t>14.675000190734863</t>
  </si>
  <si>
    <t>0.01911013856555499</t>
  </si>
  <si>
    <t>21377</t>
  </si>
  <si>
    <t>13.708332061767578</t>
  </si>
  <si>
    <t>473.5000305175781</t>
  </si>
  <si>
    <t>-0.058462184831071795</t>
  </si>
  <si>
    <t>0.09672531346887148</t>
  </si>
  <si>
    <t>23228</t>
  </si>
  <si>
    <t>569.199951171875</t>
  </si>
  <si>
    <t>-0.013682443656211518</t>
  </si>
  <si>
    <t>23355</t>
  </si>
  <si>
    <t>519.800048828125</t>
  </si>
  <si>
    <t>0.005452646444268794</t>
  </si>
  <si>
    <t>26359</t>
  </si>
  <si>
    <t>14.416667938232422</t>
  </si>
  <si>
    <t>561.0999755859375</t>
  </si>
  <si>
    <t>0.12099867869356551</t>
  </si>
  <si>
    <t>26110</t>
  </si>
  <si>
    <t>500.0000305175781</t>
  </si>
  <si>
    <t>-0.009491389936599148</t>
  </si>
  <si>
    <t>14.53333568572998</t>
  </si>
  <si>
    <t>604.7000122070312</t>
  </si>
  <si>
    <t>-0.0776200096444235</t>
  </si>
  <si>
    <t>23114</t>
  </si>
  <si>
    <t>15.033333778381348</t>
  </si>
  <si>
    <t>-0.044259878513365436</t>
  </si>
  <si>
    <t>20908</t>
  </si>
  <si>
    <t>386.800048828125</t>
  </si>
  <si>
    <t>-0.10030663370257464</t>
  </si>
  <si>
    <t>20414</t>
  </si>
  <si>
    <t>-0.023910920869367303</t>
  </si>
  <si>
    <t>19396</t>
  </si>
  <si>
    <t>15.024998664855957</t>
  </si>
  <si>
    <t>435.70001220703125</t>
  </si>
  <si>
    <t>-0.05115408073820227</t>
  </si>
  <si>
    <t>19635</t>
  </si>
  <si>
    <t>14.699999809265137</t>
  </si>
  <si>
    <t>0.01224682878686778</t>
  </si>
  <si>
    <t>14.425000190734863</t>
  </si>
  <si>
    <t>598.199951171875</t>
  </si>
  <si>
    <t>0.03856429121697502</t>
  </si>
  <si>
    <t>20077</t>
  </si>
  <si>
    <t>14.774998664855957</t>
  </si>
  <si>
    <t>574.5</t>
  </si>
  <si>
    <t>-0.016303097975505665</t>
  </si>
  <si>
    <t>0.009172329360042752</t>
  </si>
  <si>
    <t>21006</t>
  </si>
  <si>
    <t>0.036060900569099275</t>
  </si>
  <si>
    <t>21458</t>
  </si>
  <si>
    <t>15.491665840148926</t>
  </si>
  <si>
    <t>484.4999694824219</t>
  </si>
  <si>
    <t>0.02128942501397013</t>
  </si>
  <si>
    <t>20236</t>
  </si>
  <si>
    <t>15.533333778381348</t>
  </si>
  <si>
    <t>615.7000732421875</t>
  </si>
  <si>
    <t>-0.058634339784864764</t>
  </si>
  <si>
    <t>22192</t>
  </si>
  <si>
    <t>519.300048828125</t>
  </si>
  <si>
    <t>0.09226866714278614</t>
  </si>
  <si>
    <t>454.0999755859375</t>
  </si>
  <si>
    <t>0.06726101941604412</t>
  </si>
  <si>
    <t>1360</t>
  </si>
  <si>
    <t>23781</t>
  </si>
  <si>
    <t>14.525001525878906</t>
  </si>
  <si>
    <t>480.89996337890625</t>
  </si>
  <si>
    <t>26.946216583251953</t>
  </si>
  <si>
    <t>Phthiotis</t>
  </si>
  <si>
    <t>24239</t>
  </si>
  <si>
    <t>13.350001335144043</t>
  </si>
  <si>
    <t>502.9000244140625</t>
  </si>
  <si>
    <t>0.019075963701597587</t>
  </si>
  <si>
    <t>24237</t>
  </si>
  <si>
    <t>13.541667938232422</t>
  </si>
  <si>
    <t>378.39996337890625</t>
  </si>
  <si>
    <t>-8.251505904510736e-05</t>
  </si>
  <si>
    <t>-0.021477503558596567</t>
  </si>
  <si>
    <t>24088</t>
  </si>
  <si>
    <t>14.808335304260254</t>
  </si>
  <si>
    <t>0.015310903572348877</t>
  </si>
  <si>
    <t>14.066666603088379</t>
  </si>
  <si>
    <t>498.300048828125</t>
  </si>
  <si>
    <t>0.01663274243627555</t>
  </si>
  <si>
    <t>25088</t>
  </si>
  <si>
    <t>13.983333587646484</t>
  </si>
  <si>
    <t>639.4000244140625</t>
  </si>
  <si>
    <t>0.024043110552288027</t>
  </si>
  <si>
    <t>486.3000183105469</t>
  </si>
  <si>
    <t>0.03916245498064086</t>
  </si>
  <si>
    <t>14.59999942779541</t>
  </si>
  <si>
    <t>0.032913456669149355</t>
  </si>
  <si>
    <t>14.941668510437012</t>
  </si>
  <si>
    <t>0.026678006997991943</t>
  </si>
  <si>
    <t>407.9000244140625</t>
  </si>
  <si>
    <t>0.03456818868524536</t>
  </si>
  <si>
    <t>14.916667938232422</t>
  </si>
  <si>
    <t>450.0999755859375</t>
  </si>
  <si>
    <t>0.02844119555187241</t>
  </si>
  <si>
    <t>29670</t>
  </si>
  <si>
    <t>15.025001525878906</t>
  </si>
  <si>
    <t>658.9999389648438</t>
  </si>
  <si>
    <t>0.005983487249833885</t>
  </si>
  <si>
    <t>14.1083345413208</t>
  </si>
  <si>
    <t>0.026835866474787196</t>
  </si>
  <si>
    <t>467.3000183105469</t>
  </si>
  <si>
    <t>0.001966762360794405</t>
  </si>
  <si>
    <t>31599</t>
  </si>
  <si>
    <t>13.966667175292969</t>
  </si>
  <si>
    <t>0.0341864113842032</t>
  </si>
  <si>
    <t>30202</t>
  </si>
  <si>
    <t>-0.045217327168918686</t>
  </si>
  <si>
    <t>551.3999633789062</t>
  </si>
  <si>
    <t>0.025369127771970312</t>
  </si>
  <si>
    <t>15.158332824707031</t>
  </si>
  <si>
    <t>568.9000244140625</t>
  </si>
  <si>
    <t>0.018232920410177655</t>
  </si>
  <si>
    <t>14.84166431427002</t>
  </si>
  <si>
    <t>-0.07382029567562931</t>
  </si>
  <si>
    <t>15.416665077209473</t>
  </si>
  <si>
    <t>-0.03769438992440399</t>
  </si>
  <si>
    <t>463.5999755859375</t>
  </si>
  <si>
    <t>-0.11430297174058879</t>
  </si>
  <si>
    <t>15.425002098083496</t>
  </si>
  <si>
    <t>623.0000610351562</t>
  </si>
  <si>
    <t>-0.07013997319369025</t>
  </si>
  <si>
    <t>22060</t>
  </si>
  <si>
    <t>15.341666221618652</t>
  </si>
  <si>
    <t>-0.06178655117607512</t>
  </si>
  <si>
    <t>706.3001098632812</t>
  </si>
  <si>
    <t>0.02701174870285783</t>
  </si>
  <si>
    <t>22835</t>
  </si>
  <si>
    <t>14.808331489562988</t>
  </si>
  <si>
    <t>0.007516684108747285</t>
  </si>
  <si>
    <t>22594</t>
  </si>
  <si>
    <t>15.108333587646484</t>
  </si>
  <si>
    <t>535.1000366210938</t>
  </si>
  <si>
    <t>-0.010610062332224501</t>
  </si>
  <si>
    <t>23125</t>
  </si>
  <si>
    <t>15.374999046325684</t>
  </si>
  <si>
    <t>499.7000427246094</t>
  </si>
  <si>
    <t>0.023229899093751172</t>
  </si>
  <si>
    <t>15.683334350585938</t>
  </si>
  <si>
    <t>0.0137429691430615</t>
  </si>
  <si>
    <t>23753</t>
  </si>
  <si>
    <t>15.766667366027832</t>
  </si>
  <si>
    <t>509.8999938964844</t>
  </si>
  <si>
    <t>0.013051585751405526</t>
  </si>
  <si>
    <t>15.816665649414062</t>
  </si>
  <si>
    <t>-0.059541135409176604</t>
  </si>
  <si>
    <t>512.6000366210938</t>
  </si>
  <si>
    <t>0.09221823267057694</t>
  </si>
  <si>
    <t>15.675000190734863</t>
  </si>
  <si>
    <t>468.4000244140625</t>
  </si>
  <si>
    <t>0.06724195751953843</t>
  </si>
  <si>
    <t>17548</t>
  </si>
  <si>
    <t>31.420846939086914</t>
  </si>
  <si>
    <t>Pieria</t>
  </si>
  <si>
    <t>17886</t>
  </si>
  <si>
    <t>0.019078300620021693</t>
  </si>
  <si>
    <t>17884</t>
  </si>
  <si>
    <t>-0.00011182555225452973</t>
  </si>
  <si>
    <t>17504</t>
  </si>
  <si>
    <t>516.2000122070312</t>
  </si>
  <si>
    <t>-0.021477032132164453</t>
  </si>
  <si>
    <t>17775</t>
  </si>
  <si>
    <t>11.925002098083496</t>
  </si>
  <si>
    <t>579.5</t>
  </si>
  <si>
    <t>0.015363549449734393</t>
  </si>
  <si>
    <t>571.2000122070312</t>
  </si>
  <si>
    <t>0.016626136164196836</t>
  </si>
  <si>
    <t>18513</t>
  </si>
  <si>
    <t>546.4000244140625</t>
  </si>
  <si>
    <t>0.024054076153538162</t>
  </si>
  <si>
    <t>19252</t>
  </si>
  <si>
    <t>427.29998779296875</t>
  </si>
  <si>
    <t>0.039141763433823584</t>
  </si>
  <si>
    <t>19896</t>
  </si>
  <si>
    <t>11.72499942779541</t>
  </si>
  <si>
    <t>546.2000122070312</t>
  </si>
  <si>
    <t>0.032903755060241124</t>
  </si>
  <si>
    <t>20434</t>
  </si>
  <si>
    <t>12.033332824707031</t>
  </si>
  <si>
    <t>513.5</t>
  </si>
  <si>
    <t>0.026681473668126898</t>
  </si>
  <si>
    <t>12.216668128967285</t>
  </si>
  <si>
    <t>393.8999938964844</t>
  </si>
  <si>
    <t>0.03458155923578232</t>
  </si>
  <si>
    <t>0.02308513731270523</t>
  </si>
  <si>
    <t>21468</t>
  </si>
  <si>
    <t>12.158333778381348</t>
  </si>
  <si>
    <t>-0.008303422403136196</t>
  </si>
  <si>
    <t>22946</t>
  </si>
  <si>
    <t>537.0999755859375</t>
  </si>
  <si>
    <t>0.06658017506236824</t>
  </si>
  <si>
    <t>11.816668510437012</t>
  </si>
  <si>
    <t>540.1000366210938</t>
  </si>
  <si>
    <t>0.01457985116316074</t>
  </si>
  <si>
    <t>0.029454966771879754</t>
  </si>
  <si>
    <t>23997</t>
  </si>
  <si>
    <t>575.1000366210938</t>
  </si>
  <si>
    <t>0.0007503752228039673</t>
  </si>
  <si>
    <t>24838</t>
  </si>
  <si>
    <t>612.4000244140625</t>
  </si>
  <si>
    <t>0.034445915991046405</t>
  </si>
  <si>
    <t>25611</t>
  </si>
  <si>
    <t>12.291667938232422</t>
  </si>
  <si>
    <t>0.030647208170437423</t>
  </si>
  <si>
    <t>24279</t>
  </si>
  <si>
    <t>11.999999046325684</t>
  </si>
  <si>
    <t>-0.05341016751460437</t>
  </si>
  <si>
    <t>-0.06236890342547241</t>
  </si>
  <si>
    <t>21179</t>
  </si>
  <si>
    <t>454.5</t>
  </si>
  <si>
    <t>-0.07423275105073834</t>
  </si>
  <si>
    <t>19508</t>
  </si>
  <si>
    <t>12.558334350585938</t>
  </si>
  <si>
    <t>-0.08218548685765725</t>
  </si>
  <si>
    <t>-0.03537329517874532</t>
  </si>
  <si>
    <t>18690</t>
  </si>
  <si>
    <t>12.175000190734863</t>
  </si>
  <si>
    <t>0.019550809485034293</t>
  </si>
  <si>
    <t>-0.005049718794234437</t>
  </si>
  <si>
    <t>18901</t>
  </si>
  <si>
    <t>-0.003274881439452315</t>
  </si>
  <si>
    <t>19265</t>
  </si>
  <si>
    <t>741.5999145507812</t>
  </si>
  <si>
    <t>0.019075147359300715</t>
  </si>
  <si>
    <t>19769</t>
  </si>
  <si>
    <t>0.02582507613568019</t>
  </si>
  <si>
    <t>13.016667366027832</t>
  </si>
  <si>
    <t>699.0000610351562</t>
  </si>
  <si>
    <t>-0.11417278671810926</t>
  </si>
  <si>
    <t>554.0000610351562</t>
  </si>
  <si>
    <t>0.09223322252945643</t>
  </si>
  <si>
    <t>487.89996337890625</t>
  </si>
  <si>
    <t>0.06728165293046473</t>
  </si>
  <si>
    <t>1363</t>
  </si>
  <si>
    <t>16.758333206176758</t>
  </si>
  <si>
    <t>43.27323532104492</t>
  </si>
  <si>
    <t>Rethymno</t>
  </si>
  <si>
    <t>739.199951171875</t>
  </si>
  <si>
    <t>0.01908358829374812</t>
  </si>
  <si>
    <t>26078</t>
  </si>
  <si>
    <t>635.3999633789062</t>
  </si>
  <si>
    <t>-0.0001150328803589673</t>
  </si>
  <si>
    <t>799.1000366210938</t>
  </si>
  <si>
    <t>-0.0214728609951802</t>
  </si>
  <si>
    <t>25918</t>
  </si>
  <si>
    <t>16.774999618530273</t>
  </si>
  <si>
    <t>972.39990234375</t>
  </si>
  <si>
    <t>0.015318522007122581</t>
  </si>
  <si>
    <t>26353</t>
  </si>
  <si>
    <t>696.0000610351562</t>
  </si>
  <si>
    <t>0.01664441248591153</t>
  </si>
  <si>
    <t>912.4000244140625</t>
  </si>
  <si>
    <t>0.024032498587954976</t>
  </si>
  <si>
    <t>0.0391936412438767</t>
  </si>
  <si>
    <t>16.7166690826416</t>
  </si>
  <si>
    <t>846.5999755859375</t>
  </si>
  <si>
    <t>0.032901277170200416</t>
  </si>
  <si>
    <t>0.026631056697775435</t>
  </si>
  <si>
    <t>16.991666793823242</t>
  </si>
  <si>
    <t>0.03460164777177255</t>
  </si>
  <si>
    <t>30427</t>
  </si>
  <si>
    <t>16.950000762939453</t>
  </si>
  <si>
    <t>835.9000244140625</t>
  </si>
  <si>
    <t>-0.01361186984264684</t>
  </si>
  <si>
    <t>30001</t>
  </si>
  <si>
    <t>17.183334350585938</t>
  </si>
  <si>
    <t>979.5999755859375</t>
  </si>
  <si>
    <t>-0.014099657688122491</t>
  </si>
  <si>
    <t>16.299999237060547</t>
  </si>
  <si>
    <t>1266.9000244140625</t>
  </si>
  <si>
    <t>0.02829493920906856</t>
  </si>
  <si>
    <t>0.07224078293483771</t>
  </si>
  <si>
    <t>33307</t>
  </si>
  <si>
    <t>854.4000244140625</t>
  </si>
  <si>
    <t>0.004001148521686204</t>
  </si>
  <si>
    <t>31184</t>
  </si>
  <si>
    <t>16.558334350585938</t>
  </si>
  <si>
    <t>-0.06586244234033245</t>
  </si>
  <si>
    <t>30751</t>
  </si>
  <si>
    <t>16.91666603088379</t>
  </si>
  <si>
    <t>-0.013982628716249224</t>
  </si>
  <si>
    <t>30562</t>
  </si>
  <si>
    <t>17.33333396911621</t>
  </si>
  <si>
    <t>-0.006165106865889669</t>
  </si>
  <si>
    <t>868.0000610351562</t>
  </si>
  <si>
    <t>-0.04781720658802868</t>
  </si>
  <si>
    <t>27239</t>
  </si>
  <si>
    <t>17.733333587646484</t>
  </si>
  <si>
    <t>812.2000122070312</t>
  </si>
  <si>
    <t>-0.06729043070711072</t>
  </si>
  <si>
    <t>16.125001907348633</t>
  </si>
  <si>
    <t>-0.10630323627221827</t>
  </si>
  <si>
    <t>22246</t>
  </si>
  <si>
    <t>948.800048828125</t>
  </si>
  <si>
    <t>-0.09618431644587133</t>
  </si>
  <si>
    <t>17.491666793823242</t>
  </si>
  <si>
    <t>0.005156152836171657</t>
  </si>
  <si>
    <t>22995</t>
  </si>
  <si>
    <t>17.224998474121094</t>
  </si>
  <si>
    <t>892.2999877929688</t>
  </si>
  <si>
    <t>0.027958430985878024</t>
  </si>
  <si>
    <t>16.89167022705078</t>
  </si>
  <si>
    <t>861.5000610351562</t>
  </si>
  <si>
    <t>0.017630146934102697</t>
  </si>
  <si>
    <t>22930</t>
  </si>
  <si>
    <t>-0.020460851056176566</t>
  </si>
  <si>
    <t>17.441665649414062</t>
  </si>
  <si>
    <t>832.5</t>
  </si>
  <si>
    <t>0.007213345490820089</t>
  </si>
  <si>
    <t>23987</t>
  </si>
  <si>
    <t>17.875001907348633</t>
  </si>
  <si>
    <t>993.2999877929688</t>
  </si>
  <si>
    <t>0.037852574566260344</t>
  </si>
  <si>
    <t>17.84166717529297</t>
  </si>
  <si>
    <t>0.019281784795104784</t>
  </si>
  <si>
    <t>19908</t>
  </si>
  <si>
    <t>17.983333587646484</t>
  </si>
  <si>
    <t>-0.2056721407256905</t>
  </si>
  <si>
    <t>21832</t>
  </si>
  <si>
    <t>17.70833396911621</t>
  </si>
  <si>
    <t>832.0999145507812</t>
  </si>
  <si>
    <t>0.0922551224097301</t>
  </si>
  <si>
    <t>23351</t>
  </si>
  <si>
    <t>17.741666793823242</t>
  </si>
  <si>
    <t>0.0672630263442997</t>
  </si>
  <si>
    <t>19741</t>
  </si>
  <si>
    <t>12.583332061767578</t>
  </si>
  <si>
    <t>513.2999877929688</t>
  </si>
  <si>
    <t>19.970001220703125</t>
  </si>
  <si>
    <t>Rodope</t>
  </si>
  <si>
    <t>20121</t>
  </si>
  <si>
    <t>568.199951171875</t>
  </si>
  <si>
    <t>0.019066354502179195</t>
  </si>
  <si>
    <t>20119</t>
  </si>
  <si>
    <t>483.2000732421875</t>
  </si>
  <si>
    <t>-9.940357861104587e-05</t>
  </si>
  <si>
    <t>11.691668510437012</t>
  </si>
  <si>
    <t>533.0000610351562</t>
  </si>
  <si>
    <t>-0.021452180311145597</t>
  </si>
  <si>
    <t>19996</t>
  </si>
  <si>
    <t>0.015319791655370452</t>
  </si>
  <si>
    <t>20331</t>
  </si>
  <si>
    <t>721.1000366210938</t>
  </si>
  <si>
    <t>0.016614561270761996</t>
  </si>
  <si>
    <t>20826</t>
  </si>
  <si>
    <t>11.616668701171875</t>
  </si>
  <si>
    <t>719.2999877929688</t>
  </si>
  <si>
    <t>0.024055391285617844</t>
  </si>
  <si>
    <t>816.5999755859375</t>
  </si>
  <si>
    <t>0.039172695098482535</t>
  </si>
  <si>
    <t>22382</t>
  </si>
  <si>
    <t>12.2333345413208</t>
  </si>
  <si>
    <t>0.032882163189649205</t>
  </si>
  <si>
    <t>22987</t>
  </si>
  <si>
    <t>0.0266717743464433</t>
  </si>
  <si>
    <t>13.25</t>
  </si>
  <si>
    <t>0.034588660583379394</t>
  </si>
  <si>
    <t>25600</t>
  </si>
  <si>
    <t>12.625</t>
  </si>
  <si>
    <t>0.07307485215985743</t>
  </si>
  <si>
    <t>837.0</t>
  </si>
  <si>
    <t>-0.0362750558647118</t>
  </si>
  <si>
    <t>26650</t>
  </si>
  <si>
    <t>0.07647185499104836</t>
  </si>
  <si>
    <t>539.300048828125</t>
  </si>
  <si>
    <t>-0.043640220904096694</t>
  </si>
  <si>
    <t>25079</t>
  </si>
  <si>
    <t>782.5</t>
  </si>
  <si>
    <t>-0.017118087146254624</t>
  </si>
  <si>
    <t>24813</t>
  </si>
  <si>
    <t>682.300048828125</t>
  </si>
  <si>
    <t>-0.010663133183621554</t>
  </si>
  <si>
    <t>0.05160155300083247</t>
  </si>
  <si>
    <t>26441</t>
  </si>
  <si>
    <t>566.0</t>
  </si>
  <si>
    <t>0.01194657337216043</t>
  </si>
  <si>
    <t>12.825000762939453</t>
  </si>
  <si>
    <t>835.2000122070312</t>
  </si>
  <si>
    <t>-0.0635481263729929</t>
  </si>
  <si>
    <t>13.225001335144043</t>
  </si>
  <si>
    <t>851.699951171875</t>
  </si>
  <si>
    <t>-0.0732248303427756</t>
  </si>
  <si>
    <t>20492</t>
  </si>
  <si>
    <t>686.5</t>
  </si>
  <si>
    <t>-0.11810831295814772</t>
  </si>
  <si>
    <t>18557</t>
  </si>
  <si>
    <t>-0.09918748971475466</t>
  </si>
  <si>
    <t>18100</t>
  </si>
  <si>
    <t>13.200000762939453</t>
  </si>
  <si>
    <t>654.9000244140625</t>
  </si>
  <si>
    <t>-0.024935138090421916</t>
  </si>
  <si>
    <t>17324</t>
  </si>
  <si>
    <t>1014.0999755859375</t>
  </si>
  <si>
    <t>-0.04381911491939938</t>
  </si>
  <si>
    <t>17101</t>
  </si>
  <si>
    <t>12.875</t>
  </si>
  <si>
    <t>903.2000732421875</t>
  </si>
  <si>
    <t>-0.012955882021463694</t>
  </si>
  <si>
    <t>18452</t>
  </si>
  <si>
    <t>13.074999809265137</t>
  </si>
  <si>
    <t>0.0760358243646575</t>
  </si>
  <si>
    <t>18340</t>
  </si>
  <si>
    <t>755.9000854492188</t>
  </si>
  <si>
    <t>-0.00608829886725637</t>
  </si>
  <si>
    <t>18332</t>
  </si>
  <si>
    <t>13.366667747497559</t>
  </si>
  <si>
    <t>-0.00043630018144114047</t>
  </si>
  <si>
    <t>18764</t>
  </si>
  <si>
    <t>516.2999877929688</t>
  </si>
  <si>
    <t>0.0232919738193349</t>
  </si>
  <si>
    <t>13.933331489562988</t>
  </si>
  <si>
    <t>769.699951171875</t>
  </si>
  <si>
    <t>-0.0016534659872906587</t>
  </si>
  <si>
    <t>777.7000732421875</t>
  </si>
  <si>
    <t>0.09223357583145386</t>
  </si>
  <si>
    <t>13.725001335144043</t>
  </si>
  <si>
    <t>0.06724866516999839</t>
  </si>
  <si>
    <t>15148</t>
  </si>
  <si>
    <t>13.946968078613281</t>
  </si>
  <si>
    <t>445.128173828125</t>
  </si>
  <si>
    <t>72.71321868896484</t>
  </si>
  <si>
    <t>Serres</t>
  </si>
  <si>
    <t>15440</t>
  </si>
  <si>
    <t>12.7205810546875</t>
  </si>
  <si>
    <t>511.00872802734375</t>
  </si>
  <si>
    <t>0.019093034557080557</t>
  </si>
  <si>
    <t>13.086676597595215</t>
  </si>
  <si>
    <t>469.9216613769531</t>
  </si>
  <si>
    <t>-0.00012954206896687026</t>
  </si>
  <si>
    <t>15110</t>
  </si>
  <si>
    <t>13.34069538116455</t>
  </si>
  <si>
    <t>442.5843200683594</t>
  </si>
  <si>
    <t>-0.021475226243014234</t>
  </si>
  <si>
    <t>15344</t>
  </si>
  <si>
    <t>14.082259178161621</t>
  </si>
  <si>
    <t>533.1117553710938</t>
  </si>
  <si>
    <t>0.015367741856433526</t>
  </si>
  <si>
    <t>15601</t>
  </si>
  <si>
    <t>13.300829887390137</t>
  </si>
  <si>
    <t>521.1396484375</t>
  </si>
  <si>
    <t>0.0166104966240308</t>
  </si>
  <si>
    <t>15981</t>
  </si>
  <si>
    <t>13.139361381530762</t>
  </si>
  <si>
    <t>479.1584777832031</t>
  </si>
  <si>
    <t>0.024065501837858605</t>
  </si>
  <si>
    <t>16619</t>
  </si>
  <si>
    <t>12.943988800048828</t>
  </si>
  <si>
    <t>376.5236511230469</t>
  </si>
  <si>
    <t>0.03914610254241424</t>
  </si>
  <si>
    <t>13.7808198928833</t>
  </si>
  <si>
    <t>504.39849853515625</t>
  </si>
  <si>
    <t>0.03290821896302809</t>
  </si>
  <si>
    <t>17639</t>
  </si>
  <si>
    <t>14.112351417541504</t>
  </si>
  <si>
    <t>489.2020263671875</t>
  </si>
  <si>
    <t>0.026657521520926153</t>
  </si>
  <si>
    <t>18260</t>
  </si>
  <si>
    <t>14.568416595458984</t>
  </si>
  <si>
    <t>337.3329772949219</t>
  </si>
  <si>
    <t>0.034600515537482224</t>
  </si>
  <si>
    <t>18638</t>
  </si>
  <si>
    <t>14.05587100982666</t>
  </si>
  <si>
    <t>384.99554443359375</t>
  </si>
  <si>
    <t>0.02048963219664124</t>
  </si>
  <si>
    <t>14.367133140563965</t>
  </si>
  <si>
    <t>734.9327392578125</t>
  </si>
  <si>
    <t>-0.029566850347757523</t>
  </si>
  <si>
    <t>19118</t>
  </si>
  <si>
    <t>13.340643882751465</t>
  </si>
  <si>
    <t>493.74560546875</t>
  </si>
  <si>
    <t>0.05499464262586429</t>
  </si>
  <si>
    <t>20019</t>
  </si>
  <si>
    <t>14.083697319030762</t>
  </si>
  <si>
    <t>457.9544677734375</t>
  </si>
  <si>
    <t>0.04605152294800874</t>
  </si>
  <si>
    <t>19687</t>
  </si>
  <si>
    <t>13.272174835205078</t>
  </si>
  <si>
    <t>626.1664428710938</t>
  </si>
  <si>
    <t>-0.016723303151628954</t>
  </si>
  <si>
    <t>19513</t>
  </si>
  <si>
    <t>13.98173999786377</t>
  </si>
  <si>
    <t>541.27294921875</t>
  </si>
  <si>
    <t>-0.008877609325088187</t>
  </si>
  <si>
    <t>14.256843566894531</t>
  </si>
  <si>
    <t>573.4110717773438</t>
  </si>
  <si>
    <t>0.06704012993291641</t>
  </si>
  <si>
    <t>19933</t>
  </si>
  <si>
    <t>14.580352783203125</t>
  </si>
  <si>
    <t>486.7535095214844</t>
  </si>
  <si>
    <t>-0.045744390305149096</t>
  </si>
  <si>
    <t>19032</t>
  </si>
  <si>
    <t>14.278708457946777</t>
  </si>
  <si>
    <t>585.2140502929688</t>
  </si>
  <si>
    <t>-0.04625487673997242</t>
  </si>
  <si>
    <t>14.645737648010254</t>
  </si>
  <si>
    <t>584.7445068359375</t>
  </si>
  <si>
    <t>-0.005056900788973806</t>
  </si>
  <si>
    <t>13.3554048538208</t>
  </si>
  <si>
    <t>429.62603759765625</t>
  </si>
  <si>
    <t>-0.10093433075226521</t>
  </si>
  <si>
    <t>16831</t>
  </si>
  <si>
    <t>14.697279930114746</t>
  </si>
  <si>
    <t>520.1079711914062</t>
  </si>
  <si>
    <t>-0.016908117315388438</t>
  </si>
  <si>
    <t>16709</t>
  </si>
  <si>
    <t>14.592342376708984</t>
  </si>
  <si>
    <t>444.6177673339844</t>
  </si>
  <si>
    <t>-0.0072749277320234285</t>
  </si>
  <si>
    <t>16689</t>
  </si>
  <si>
    <t>14.337300300598145</t>
  </si>
  <si>
    <t>747.7722778320312</t>
  </si>
  <si>
    <t>-0.0011976766507402203</t>
  </si>
  <si>
    <t>17416</t>
  </si>
  <si>
    <t>14.180195808410645</t>
  </si>
  <si>
    <t>658.5933227539062</t>
  </si>
  <si>
    <t>0.04263950417097995</t>
  </si>
  <si>
    <t>17437</t>
  </si>
  <si>
    <t>14.400569915771484</t>
  </si>
  <si>
    <t>559.8193359375</t>
  </si>
  <si>
    <t>0.0012050614031107187</t>
  </si>
  <si>
    <t>14.703862190246582</t>
  </si>
  <si>
    <t>585.192138671875</t>
  </si>
  <si>
    <t>0.009020385438192946</t>
  </si>
  <si>
    <t>14.830975532531738</t>
  </si>
  <si>
    <t>658.2636108398438</t>
  </si>
  <si>
    <t>0.02125586099634802</t>
  </si>
  <si>
    <t>15.180404663085938</t>
  </si>
  <si>
    <t>455.3535461425781</t>
  </si>
  <si>
    <t>0.031059928367811906</t>
  </si>
  <si>
    <t>17214</t>
  </si>
  <si>
    <t>15.210549354553223</t>
  </si>
  <si>
    <t>651.5762329101562</t>
  </si>
  <si>
    <t>-0.07420755391042633</t>
  </si>
  <si>
    <t>14.564412117004395</t>
  </si>
  <si>
    <t>550.7282104492188</t>
  </si>
  <si>
    <t>0.0922742166754702</t>
  </si>
  <si>
    <t>20191</t>
  </si>
  <si>
    <t>15.045425415039062</t>
  </si>
  <si>
    <t>492.2709655761719</t>
  </si>
  <si>
    <t>0.06723973766548319</t>
  </si>
  <si>
    <t>20712</t>
  </si>
  <si>
    <t>13.708334922790527</t>
  </si>
  <si>
    <t>498.0999755859375</t>
  </si>
  <si>
    <t>110.99380493164062</t>
  </si>
  <si>
    <t>Thassos, Kavala</t>
  </si>
  <si>
    <t>21111</t>
  </si>
  <si>
    <t>0.01908098920328527</t>
  </si>
  <si>
    <t>21109</t>
  </si>
  <si>
    <t>12.691666603088379</t>
  </si>
  <si>
    <t>-9.474182858859592e-05</t>
  </si>
  <si>
    <t>20660</t>
  </si>
  <si>
    <t>13.300002098083496</t>
  </si>
  <si>
    <t>490.8000183105469</t>
  </si>
  <si>
    <t>-0.021500026132439842</t>
  </si>
  <si>
    <t>20979</t>
  </si>
  <si>
    <t>13.975001335144043</t>
  </si>
  <si>
    <t>0.015322473698347494</t>
  </si>
  <si>
    <t>21331</t>
  </si>
  <si>
    <t>565.0000610351562</t>
  </si>
  <si>
    <t>0.016639476319840085</t>
  </si>
  <si>
    <t>21850</t>
  </si>
  <si>
    <t>533.5999755859375</t>
  </si>
  <si>
    <t>0.024039507831918883</t>
  </si>
  <si>
    <t>22723</t>
  </si>
  <si>
    <t>409.8000183105469</t>
  </si>
  <si>
    <t>0.0391767058480621</t>
  </si>
  <si>
    <t>23483</t>
  </si>
  <si>
    <t>13.808333396911621</t>
  </si>
  <si>
    <t>557.3999633789062</t>
  </si>
  <si>
    <t>0.03289912772201653</t>
  </si>
  <si>
    <t>24118</t>
  </si>
  <si>
    <t>14.050000190734863</t>
  </si>
  <si>
    <t>535.2000122070312</t>
  </si>
  <si>
    <t>0.02668169456972258</t>
  </si>
  <si>
    <t>379.20001220703125</t>
  </si>
  <si>
    <t>0.03455644954745907</t>
  </si>
  <si>
    <t>24075</t>
  </si>
  <si>
    <t>431.6999816894531</t>
  </si>
  <si>
    <t>-0.03634094154467071</t>
  </si>
  <si>
    <t>833.0999755859375</t>
  </si>
  <si>
    <t>0.08278994899993819</t>
  </si>
  <si>
    <t>26420</t>
  </si>
  <si>
    <t>0.010157392410052424</t>
  </si>
  <si>
    <t>28140</t>
  </si>
  <si>
    <t>13.899998664855957</t>
  </si>
  <si>
    <t>0.06307075259206307</t>
  </si>
  <si>
    <t>0.04216863536673898</t>
  </si>
  <si>
    <t>28095</t>
  </si>
  <si>
    <t>13.633332252502441</t>
  </si>
  <si>
    <t>605.199951171875</t>
  </si>
  <si>
    <t>-0.04376906248882051</t>
  </si>
  <si>
    <t>13.941666603088379</t>
  </si>
  <si>
    <t>615.0000610351562</t>
  </si>
  <si>
    <t>0.0945818653345114</t>
  </si>
  <si>
    <t>14.34999942779541</t>
  </si>
  <si>
    <t>545.2000122070312</t>
  </si>
  <si>
    <t>0.03858907792590749</t>
  </si>
  <si>
    <t>656.0000610351562</t>
  </si>
  <si>
    <t>-0.05711992830088519</t>
  </si>
  <si>
    <t>14.616667747497559</t>
  </si>
  <si>
    <t>-0.038261911858313624</t>
  </si>
  <si>
    <t>24599</t>
  </si>
  <si>
    <t>-0.17067493595981809</t>
  </si>
  <si>
    <t>23794</t>
  </si>
  <si>
    <t>583.8999633789062</t>
  </si>
  <si>
    <t>-0.03327234365122855</t>
  </si>
  <si>
    <t>14.508334159851074</t>
  </si>
  <si>
    <t>525.5</t>
  </si>
  <si>
    <t>-0.059212448015644625</t>
  </si>
  <si>
    <t>23511</t>
  </si>
  <si>
    <t>14.27500057220459</t>
  </si>
  <si>
    <t>0.04724739670014699</t>
  </si>
  <si>
    <t>13.875</t>
  </si>
  <si>
    <t>-0.02006296486869985</t>
  </si>
  <si>
    <t>23068</t>
  </si>
  <si>
    <t>14.291667938232422</t>
  </si>
  <si>
    <t>0.0010409438830283335</t>
  </si>
  <si>
    <t>0.023732105436490514</t>
  </si>
  <si>
    <t>14.924999237060547</t>
  </si>
  <si>
    <t>754.8999633789062</t>
  </si>
  <si>
    <t>0.027392109285955257</t>
  </si>
  <si>
    <t>24498</t>
  </si>
  <si>
    <t>14.9833345413208</t>
  </si>
  <si>
    <t>494.4000244140625</t>
  </si>
  <si>
    <t>0.009020891089882355</t>
  </si>
  <si>
    <t>22036</t>
  </si>
  <si>
    <t>15.100001335144043</t>
  </si>
  <si>
    <t>727.7999877929688</t>
  </si>
  <si>
    <t>-0.1059140019550231</t>
  </si>
  <si>
    <t>24165</t>
  </si>
  <si>
    <t>14.691666603088379</t>
  </si>
  <si>
    <t>646.5</t>
  </si>
  <si>
    <t>0.09222782568657628</t>
  </si>
  <si>
    <t>14.883334159851074</t>
  </si>
  <si>
    <t>558.1000366210938</t>
  </si>
  <si>
    <t>0.06725054480595283</t>
  </si>
  <si>
    <t>22053</t>
  </si>
  <si>
    <t>15.038318634033203</t>
  </si>
  <si>
    <t>403.05267333984375</t>
  </si>
  <si>
    <t>505.75128173828125</t>
  </si>
  <si>
    <t>Thessalonica</t>
  </si>
  <si>
    <t>22478</t>
  </si>
  <si>
    <t>13.879108428955078</t>
  </si>
  <si>
    <t>464.3626708984375</t>
  </si>
  <si>
    <t>0.019088406036013694</t>
  </si>
  <si>
    <t>22475</t>
  </si>
  <si>
    <t>14.140166282653809</t>
  </si>
  <si>
    <t>423.5784606933594</t>
  </si>
  <si>
    <t>-0.00013347273839059426</t>
  </si>
  <si>
    <t>14.461518287658691</t>
  </si>
  <si>
    <t>411.04296875</t>
  </si>
  <si>
    <t>-0.021452040222758484</t>
  </si>
  <si>
    <t>15.142036437988281</t>
  </si>
  <si>
    <t>499.5141906738281</t>
  </si>
  <si>
    <t>0.015292956216494957</t>
  </si>
  <si>
    <t>14.4671049118042</t>
  </si>
  <si>
    <t>474.661865234375</t>
  </si>
  <si>
    <t>0.016648922819250345</t>
  </si>
  <si>
    <t>14.374560356140137</t>
  </si>
  <si>
    <t>454.5660095214844</t>
  </si>
  <si>
    <t>0.024056666125941817</t>
  </si>
  <si>
    <t>24194</t>
  </si>
  <si>
    <t>14.063387870788574</t>
  </si>
  <si>
    <t>350.1770324707031</t>
  </si>
  <si>
    <t>0.039154583241044705</t>
  </si>
  <si>
    <t>25003</t>
  </si>
  <si>
    <t>14.928206443786621</t>
  </si>
  <si>
    <t>459.8418884277344</t>
  </si>
  <si>
    <t>0.032891149131119235</t>
  </si>
  <si>
    <t>25679</t>
  </si>
  <si>
    <t>15.252192497253418</t>
  </si>
  <si>
    <t>457.81085205078125</t>
  </si>
  <si>
    <t>0.026677719584801807</t>
  </si>
  <si>
    <t>26583</t>
  </si>
  <si>
    <t>15.454939842224121</t>
  </si>
  <si>
    <t>322.9482116699219</t>
  </si>
  <si>
    <t>0.03459837647969621</t>
  </si>
  <si>
    <t>27705</t>
  </si>
  <si>
    <t>15.233748435974121</t>
  </si>
  <si>
    <t>357.4216613769531</t>
  </si>
  <si>
    <t>0.04134098858603785</t>
  </si>
  <si>
    <t>15.38370132446289</t>
  </si>
  <si>
    <t>660.0780029296875</t>
  </si>
  <si>
    <t>0.018488913316256017</t>
  </si>
  <si>
    <t>14.396720886230469</t>
  </si>
  <si>
    <t>457.8861999511719</t>
  </si>
  <si>
    <t>0.04956265021286299</t>
  </si>
  <si>
    <t>31226</t>
  </si>
  <si>
    <t>15.07901668548584</t>
  </si>
  <si>
    <t>428.3557434082031</t>
  </si>
  <si>
    <t>0.051586615270897695</t>
  </si>
  <si>
    <t>14.30867862701416</t>
  </si>
  <si>
    <t>526.3413696289062</t>
  </si>
  <si>
    <t>-0.025165086963422567</t>
  </si>
  <si>
    <t>14.825275421142578</t>
  </si>
  <si>
    <t>469.27154541015625</t>
  </si>
  <si>
    <t>0.07449494864093431</t>
  </si>
  <si>
    <t>33807</t>
  </si>
  <si>
    <t>15.16417407989502</t>
  </si>
  <si>
    <t>515.7089233398438</t>
  </si>
  <si>
    <t>0.030086938841481725</t>
  </si>
  <si>
    <t>33955</t>
  </si>
  <si>
    <t>15.52626895904541</t>
  </si>
  <si>
    <t>471.50225830078125</t>
  </si>
  <si>
    <t>0.004368236927431823</t>
  </si>
  <si>
    <t>15.248499870300293</t>
  </si>
  <si>
    <t>540.7854614257812</t>
  </si>
  <si>
    <t>-0.05378420695326014</t>
  </si>
  <si>
    <t>15.755008697509766</t>
  </si>
  <si>
    <t>559.9374389648438</t>
  </si>
  <si>
    <t>-0.0956116828146456</t>
  </si>
  <si>
    <t>14.347599029541016</t>
  </si>
  <si>
    <t>380.647216796875</t>
  </si>
  <si>
    <t>-0.10785996057604486</t>
  </si>
  <si>
    <t>15.761517524719238</t>
  </si>
  <si>
    <t>501.85687255859375</t>
  </si>
  <si>
    <t>-0.0876036924928787</t>
  </si>
  <si>
    <t>15.702261924743652</t>
  </si>
  <si>
    <t>398.5972900390625</t>
  </si>
  <si>
    <t>-0.03982461256499015</t>
  </si>
  <si>
    <t>23187</t>
  </si>
  <si>
    <t>15.401314735412598</t>
  </si>
  <si>
    <t>667.787109375</t>
  </si>
  <si>
    <t>0.0032398136289089052</t>
  </si>
  <si>
    <t>15.144737243652344</t>
  </si>
  <si>
    <t>552.2981567382812</t>
  </si>
  <si>
    <t>0.02171448073259974</t>
  </si>
  <si>
    <t>15.492034912109375</t>
  </si>
  <si>
    <t>528.4797973632812</t>
  </si>
  <si>
    <t>0.014246448946238388</t>
  </si>
  <si>
    <t>24377</t>
  </si>
  <si>
    <t>15.744805335998535</t>
  </si>
  <si>
    <t>484.5981750488281</t>
  </si>
  <si>
    <t>0.014087358328257693</t>
  </si>
  <si>
    <t>16.053207397460938</t>
  </si>
  <si>
    <t>600.824462890625</t>
  </si>
  <si>
    <t>0.026834481431958324</t>
  </si>
  <si>
    <t>25352</t>
  </si>
  <si>
    <t>16.225322723388672</t>
  </si>
  <si>
    <t>457.4366149902344</t>
  </si>
  <si>
    <t>0.012383076156721629</t>
  </si>
  <si>
    <t>22992</t>
  </si>
  <si>
    <t>16.24480438232422</t>
  </si>
  <si>
    <t>583.3690795898438</t>
  </si>
  <si>
    <t>-0.09771129305195103</t>
  </si>
  <si>
    <t>15.818028450012207</t>
  </si>
  <si>
    <t>476.5238952636719</t>
  </si>
  <si>
    <t>0.09225306647240927</t>
  </si>
  <si>
    <t>26968</t>
  </si>
  <si>
    <t>16.0272159576416</t>
  </si>
  <si>
    <t>423.8524169921875</t>
  </si>
  <si>
    <t>0.06725158212268134</t>
  </si>
  <si>
    <t>18712</t>
  </si>
  <si>
    <t>503.10003662109375</t>
  </si>
  <si>
    <t>53.354957580566406</t>
  </si>
  <si>
    <t>Xanthi</t>
  </si>
  <si>
    <t>19072</t>
  </si>
  <si>
    <t>620.199951171875</t>
  </si>
  <si>
    <t>0.019056261601061664</t>
  </si>
  <si>
    <t>511.4000244140625</t>
  </si>
  <si>
    <t>-0.00010487127061153956</t>
  </si>
  <si>
    <t>18665</t>
  </si>
  <si>
    <t>500.7999572753906</t>
  </si>
  <si>
    <t>-0.021466307245781024</t>
  </si>
  <si>
    <t>18953</t>
  </si>
  <si>
    <t>732.0000610351562</t>
  </si>
  <si>
    <t>0.01531211797761678</t>
  </si>
  <si>
    <t>748.3001098632812</t>
  </si>
  <si>
    <t>0.016639144871620104</t>
  </si>
  <si>
    <t>19740</t>
  </si>
  <si>
    <t>691.199951171875</t>
  </si>
  <si>
    <t>0.024045658789551894</t>
  </si>
  <si>
    <t>20529</t>
  </si>
  <si>
    <t>765.1000366210938</t>
  </si>
  <si>
    <t>0.03919148663313443</t>
  </si>
  <si>
    <t>21216</t>
  </si>
  <si>
    <t>868.4999389648438</t>
  </si>
  <si>
    <t>0.03291709336498272</t>
  </si>
  <si>
    <t>660.0</t>
  </si>
  <si>
    <t>0.02664964128868874</t>
  </si>
  <si>
    <t>485.29998779296875</t>
  </si>
  <si>
    <t>0.034551515568217894</t>
  </si>
  <si>
    <t>547.2000122070312</t>
  </si>
  <si>
    <t>0.0395105608147901</t>
  </si>
  <si>
    <t>22834</t>
  </si>
  <si>
    <t>988.7999877929688</t>
  </si>
  <si>
    <t>-0.02721667842101283</t>
  </si>
  <si>
    <t>24116</t>
  </si>
  <si>
    <t>660.7000732421875</t>
  </si>
  <si>
    <t>0.05462486737302363</t>
  </si>
  <si>
    <t>24635</t>
  </si>
  <si>
    <t>0.021292675368766112</t>
  </si>
  <si>
    <t>24144</t>
  </si>
  <si>
    <t>824.6000366210938</t>
  </si>
  <si>
    <t>-0.020132293970432258</t>
  </si>
  <si>
    <t>727.0</t>
  </si>
  <si>
    <t>0.035439742914674</t>
  </si>
  <si>
    <t>-0.017013795340222515</t>
  </si>
  <si>
    <t>25374</t>
  </si>
  <si>
    <t>0.031263178118461354</t>
  </si>
  <si>
    <t>-0.07481154402288936</t>
  </si>
  <si>
    <t>12.183334350585938</t>
  </si>
  <si>
    <t>801.0999145507812</t>
  </si>
  <si>
    <t>0.008290027598013339</t>
  </si>
  <si>
    <t>654.1000366210938</t>
  </si>
  <si>
    <t>-0.175981393217425</t>
  </si>
  <si>
    <t>18432</t>
  </si>
  <si>
    <t>12.199997901916504</t>
  </si>
  <si>
    <t>697.2999877929688</t>
  </si>
  <si>
    <t>-0.07713383356262504</t>
  </si>
  <si>
    <t>17755</t>
  </si>
  <si>
    <t>-0.037421118118428964</t>
  </si>
  <si>
    <t>17122</t>
  </si>
  <si>
    <t>-0.036302980074758295</t>
  </si>
  <si>
    <t>17223</t>
  </si>
  <si>
    <t>854.2000122070312</t>
  </si>
  <si>
    <t>0.005881513533315896</t>
  </si>
  <si>
    <t>16706</t>
  </si>
  <si>
    <t>12.050000190734863</t>
  </si>
  <si>
    <t>672.4999389648438</t>
  </si>
  <si>
    <t>-0.03047776351989384</t>
  </si>
  <si>
    <t>16713</t>
  </si>
  <si>
    <t>752.5000610351562</t>
  </si>
  <si>
    <t>0.0004189233730720332</t>
  </si>
  <si>
    <t>17090</t>
  </si>
  <si>
    <t>0.02230663742071215</t>
  </si>
  <si>
    <t>16995</t>
  </si>
  <si>
    <t>514.2999877929688</t>
  </si>
  <si>
    <t>-0.005574313979419543</t>
  </si>
  <si>
    <t>-0.07881271028718473</t>
  </si>
  <si>
    <t>17224</t>
  </si>
  <si>
    <t>732.5</t>
  </si>
  <si>
    <t>0.09219728720116649</t>
  </si>
  <si>
    <t>0.06724184250398224</t>
  </si>
  <si>
    <t>29897</t>
  </si>
  <si>
    <t>17.308334350585938</t>
  </si>
  <si>
    <t>877.2000122070312</t>
  </si>
  <si>
    <t>92.33216857910156</t>
  </si>
  <si>
    <t>Zakynthos</t>
  </si>
  <si>
    <t>30473</t>
  </si>
  <si>
    <t>16.15833282470703</t>
  </si>
  <si>
    <t>0.019082904735533646</t>
  </si>
  <si>
    <t>30470</t>
  </si>
  <si>
    <t>-9.845265255847835e-05</t>
  </si>
  <si>
    <t>29823</t>
  </si>
  <si>
    <t>16.80000114440918</t>
  </si>
  <si>
    <t>-0.021462685099500334</t>
  </si>
  <si>
    <t>30283</t>
  </si>
  <si>
    <t>17.54166603088379</t>
  </si>
  <si>
    <t>955.5000610351562</t>
  </si>
  <si>
    <t>0.015306591060722852</t>
  </si>
  <si>
    <t>16.841665267944336</t>
  </si>
  <si>
    <t>0.016635940527464754</t>
  </si>
  <si>
    <t>31541</t>
  </si>
  <si>
    <t>1072.2000732421875</t>
  </si>
  <si>
    <t>0.02406584731641992</t>
  </si>
  <si>
    <t>16.53333282470703</t>
  </si>
  <si>
    <t>0.03917071592750787</t>
  </si>
  <si>
    <t>33898</t>
  </si>
  <si>
    <t>880.60009765625</t>
  </si>
  <si>
    <t>0.03289701286562874</t>
  </si>
  <si>
    <t>17.60833168029785</t>
  </si>
  <si>
    <t>0.026634864645590284</t>
  </si>
  <si>
    <t>36038</t>
  </si>
  <si>
    <t>17.849998474121094</t>
  </si>
  <si>
    <t>0.034583057063169775</t>
  </si>
  <si>
    <t>38222</t>
  </si>
  <si>
    <t>752.8001098632812</t>
  </si>
  <si>
    <t>0.058837328762168184</t>
  </si>
  <si>
    <t>36273</t>
  </si>
  <si>
    <t>17.725000381469727</t>
  </si>
  <si>
    <t>-0.05233760320657055</t>
  </si>
  <si>
    <t>16.908334732055664</t>
  </si>
  <si>
    <t>987.800048828125</t>
  </si>
  <si>
    <t>0.1137283517975316</t>
  </si>
  <si>
    <t>40279</t>
  </si>
  <si>
    <t>17.39166831970215</t>
  </si>
  <si>
    <t>-0.008971773332049793</t>
  </si>
  <si>
    <t>41559</t>
  </si>
  <si>
    <t>978.0</t>
  </si>
  <si>
    <t>0.03128386301814956</t>
  </si>
  <si>
    <t>42166</t>
  </si>
  <si>
    <t>735.4000244140625</t>
  </si>
  <si>
    <t>0.014500104753951248</t>
  </si>
  <si>
    <t>44026</t>
  </si>
  <si>
    <t>17.53333282470703</t>
  </si>
  <si>
    <t>911.5001220703125</t>
  </si>
  <si>
    <t>0.04316615939333701</t>
  </si>
  <si>
    <t>44091</t>
  </si>
  <si>
    <t>17.924999237060547</t>
  </si>
  <si>
    <t>1046.5999755859375</t>
  </si>
  <si>
    <t>0.0014753115015171403</t>
  </si>
  <si>
    <t>40109</t>
  </si>
  <si>
    <t>17.616666793823242</t>
  </si>
  <si>
    <t>1139.5999755859375</t>
  </si>
  <si>
    <t>-0.09465493196003294</t>
  </si>
  <si>
    <t>984.6000366210938</t>
  </si>
  <si>
    <t>-0.058181151123054775</t>
  </si>
  <si>
    <t>16.85833168029785</t>
  </si>
  <si>
    <t>804.9000244140625</t>
  </si>
  <si>
    <t>-0.1812756476293096</t>
  </si>
  <si>
    <t>18.149999618530273</t>
  </si>
  <si>
    <t>1094.0</t>
  </si>
  <si>
    <t>-0.042680823201070694</t>
  </si>
  <si>
    <t>-0.035808247423434025</t>
  </si>
  <si>
    <t>30837</t>
  </si>
  <si>
    <t>17.75</t>
  </si>
  <si>
    <t>1120.7000732421875</t>
  </si>
  <si>
    <t>0.055060389043140034</t>
  </si>
  <si>
    <t>17.566667556762695</t>
  </si>
  <si>
    <t>-0.0022075780805739242</t>
  </si>
  <si>
    <t>30203</t>
  </si>
  <si>
    <t>17.80000114440918</t>
  </si>
  <si>
    <t>919.5001220703125</t>
  </si>
  <si>
    <t>-0.01856643242281919</t>
  </si>
  <si>
    <t>18.066665649414062</t>
  </si>
  <si>
    <t>0.0010920102344282867</t>
  </si>
  <si>
    <t>18.40833282470703</t>
  </si>
  <si>
    <t>1139.300048828125</t>
  </si>
  <si>
    <t>0.06063240370564493</t>
  </si>
  <si>
    <t>18.533334732055664</t>
  </si>
  <si>
    <t>935.2999877929688</t>
  </si>
  <si>
    <t>0.03456953081476222</t>
  </si>
  <si>
    <t>18.55000114440918</t>
  </si>
  <si>
    <t>-0.2810486814950508</t>
  </si>
  <si>
    <t>27534</t>
  </si>
  <si>
    <t>0.09223508418546622</t>
  </si>
  <si>
    <t>18.366666793823242</t>
  </si>
  <si>
    <t>718.199951171875</t>
  </si>
  <si>
    <t>0.06727230545684293</t>
  </si>
  <si>
    <t>1374</t>
  </si>
  <si>
    <t>GTM</t>
  </si>
  <si>
    <t>24.220123291015625</t>
  </si>
  <si>
    <t>3546.4560546875</t>
  </si>
  <si>
    <t>240.49603271484375</t>
  </si>
  <si>
    <t>Alta Verapaz</t>
  </si>
  <si>
    <t>Guatemala</t>
  </si>
  <si>
    <t>24.044715881347656</t>
  </si>
  <si>
    <t>3031.776611328125</t>
  </si>
  <si>
    <t>0.012521506798041315</t>
  </si>
  <si>
    <t>23.961898803710938</t>
  </si>
  <si>
    <t>3375.25830078125</t>
  </si>
  <si>
    <t>0.024582243405336435</t>
  </si>
  <si>
    <t>23.861099243164062</t>
  </si>
  <si>
    <t>3568.325439453125</t>
  </si>
  <si>
    <t>0.015334364000106682</t>
  </si>
  <si>
    <t>24.250673294067383</t>
  </si>
  <si>
    <t>2885.90673828125</t>
  </si>
  <si>
    <t>0.018309612195335667</t>
  </si>
  <si>
    <t>24.256677627563477</t>
  </si>
  <si>
    <t>3943.28076171875</t>
  </si>
  <si>
    <t>0.026331168427284446</t>
  </si>
  <si>
    <t>24.00633430480957</t>
  </si>
  <si>
    <t>3400.068603515625</t>
  </si>
  <si>
    <t>0.2554638118277177</t>
  </si>
  <si>
    <t>24.28331756591797</t>
  </si>
  <si>
    <t>3493.14892578125</t>
  </si>
  <si>
    <t>0.21894796665394267</t>
  </si>
  <si>
    <t>24.530927658081055</t>
  </si>
  <si>
    <t>3749.01806640625</t>
  </si>
  <si>
    <t>0.19133642789017014</t>
  </si>
  <si>
    <t>2190</t>
  </si>
  <si>
    <t>23.88349723815918</t>
  </si>
  <si>
    <t>3614.223876953125</t>
  </si>
  <si>
    <t>0.15689416577300985</t>
  </si>
  <si>
    <t>24.00493812561035</t>
  </si>
  <si>
    <t>3417.6259765625</t>
  </si>
  <si>
    <t>0.13638120931528253</t>
  </si>
  <si>
    <t>2806</t>
  </si>
  <si>
    <t>24.405433654785156</t>
  </si>
  <si>
    <t>3541.420654296875</t>
  </si>
  <si>
    <t>0.11147722853657704</t>
  </si>
  <si>
    <t>24.452211380004883</t>
  </si>
  <si>
    <t>3306.412109375</t>
  </si>
  <si>
    <t>0.11595988109486743</t>
  </si>
  <si>
    <t>24.56386375427246</t>
  </si>
  <si>
    <t>3147.337158203125</t>
  </si>
  <si>
    <t>0.09585819614315838</t>
  </si>
  <si>
    <t>24.46941375732422</t>
  </si>
  <si>
    <t>3152.32861328125</t>
  </si>
  <si>
    <t>0.09457592687366123</t>
  </si>
  <si>
    <t>3830</t>
  </si>
  <si>
    <t>24.41694450378418</t>
  </si>
  <si>
    <t>3716.41259765625</t>
  </si>
  <si>
    <t>0.0047108174005980885</t>
  </si>
  <si>
    <t>24.38600730895996</t>
  </si>
  <si>
    <t>3822.599853515625</t>
  </si>
  <si>
    <t>0.013485681554264772</t>
  </si>
  <si>
    <t>24.36821746826172</t>
  </si>
  <si>
    <t>3217.124267578125</t>
  </si>
  <si>
    <t>-0.030602623494962344</t>
  </si>
  <si>
    <t>24.28651237487793</t>
  </si>
  <si>
    <t>3572.84423828125</t>
  </si>
  <si>
    <t>-0.045925744642483224</t>
  </si>
  <si>
    <t>24.55072784423828</t>
  </si>
  <si>
    <t>3168.127685546875</t>
  </si>
  <si>
    <t>-0.012311291479450759</t>
  </si>
  <si>
    <t>3593</t>
  </si>
  <si>
    <t>24.1273193359375</t>
  </si>
  <si>
    <t>3844.027099609375</t>
  </si>
  <si>
    <t>0.011476683001458099</t>
  </si>
  <si>
    <t>24.510408401489258</t>
  </si>
  <si>
    <t>3822.632080078125</t>
  </si>
  <si>
    <t>0.026367910483157786</t>
  </si>
  <si>
    <t>3746</t>
  </si>
  <si>
    <t>24.698286056518555</t>
  </si>
  <si>
    <t>3211.030029296875</t>
  </si>
  <si>
    <t>0.015333185407357064</t>
  </si>
  <si>
    <t>24.388282775878906</t>
  </si>
  <si>
    <t>4224.85302734375</t>
  </si>
  <si>
    <t>0.022176199170658606</t>
  </si>
  <si>
    <t>24.4572811126709</t>
  </si>
  <si>
    <t>3387.903564453125</t>
  </si>
  <si>
    <t>0.029837604407868312</t>
  </si>
  <si>
    <t>4052</t>
  </si>
  <si>
    <t>24.898225784301758</t>
  </si>
  <si>
    <t>3241.66943359375</t>
  </si>
  <si>
    <t>0.026508178786013303</t>
  </si>
  <si>
    <t>4113</t>
  </si>
  <si>
    <t>25.032102584838867</t>
  </si>
  <si>
    <t>3335.972412109375</t>
  </si>
  <si>
    <t>0.01494210286185016</t>
  </si>
  <si>
    <t>4193</t>
  </si>
  <si>
    <t>24.66108512878418</t>
  </si>
  <si>
    <t>3366.437255859375</t>
  </si>
  <si>
    <t>0.019263778940338483</t>
  </si>
  <si>
    <t>4288</t>
  </si>
  <si>
    <t>24.434043884277344</t>
  </si>
  <si>
    <t>3153.38671875</t>
  </si>
  <si>
    <t>0.0224039555798754</t>
  </si>
  <si>
    <t>24.86061668395996</t>
  </si>
  <si>
    <t>2923.406005859375</t>
  </si>
  <si>
    <t>0.028734306518909847</t>
  </si>
  <si>
    <t>4289</t>
  </si>
  <si>
    <t>25.063962936401367</t>
  </si>
  <si>
    <t>3689.34423828125</t>
  </si>
  <si>
    <t>-0.028501124752667195</t>
  </si>
  <si>
    <t>4574</t>
  </si>
  <si>
    <t>24.785924911499023</t>
  </si>
  <si>
    <t>3172.224365234375</t>
  </si>
  <si>
    <t>0.06433449006584624</t>
  </si>
  <si>
    <t>24.5153865814209</t>
  </si>
  <si>
    <t>3703.650390625</t>
  </si>
  <si>
    <t>0.028237677436754538</t>
  </si>
  <si>
    <t>1375</t>
  </si>
  <si>
    <t>19.71666717529297</t>
  </si>
  <si>
    <t>2650.10009765625</t>
  </si>
  <si>
    <t>102.7795181274414</t>
  </si>
  <si>
    <t>Baja Verapaz</t>
  </si>
  <si>
    <t>19.641666412353516</t>
  </si>
  <si>
    <t>2221.900146484375</t>
  </si>
  <si>
    <t>0.012491487894028985</t>
  </si>
  <si>
    <t>2229</t>
  </si>
  <si>
    <t>2351.60009765625</t>
  </si>
  <si>
    <t>0.024524389863084473</t>
  </si>
  <si>
    <t>2265</t>
  </si>
  <si>
    <t>19.50833511352539</t>
  </si>
  <si>
    <t>2436.199951171875</t>
  </si>
  <si>
    <t>0.016021704531265613</t>
  </si>
  <si>
    <t>19.941667556762695</t>
  </si>
  <si>
    <t>2080.5</t>
  </si>
  <si>
    <t>0.017939662911869547</t>
  </si>
  <si>
    <t>19.816669464111328</t>
  </si>
  <si>
    <t>2878.39990234375</t>
  </si>
  <si>
    <t>0.026531295174891945</t>
  </si>
  <si>
    <t>2305.499755859375</t>
  </si>
  <si>
    <t>0.03036207438906402</t>
  </si>
  <si>
    <t>2551</t>
  </si>
  <si>
    <t>19.908334732055664</t>
  </si>
  <si>
    <t>2559.0</t>
  </si>
  <si>
    <t>0.0440776477488507</t>
  </si>
  <si>
    <t>20.191669464111328</t>
  </si>
  <si>
    <t>2634.0</t>
  </si>
  <si>
    <t>0.0500773456998127</t>
  </si>
  <si>
    <t>19.500001907348633</t>
  </si>
  <si>
    <t>2608.39990234375</t>
  </si>
  <si>
    <t>0.03840296364032447</t>
  </si>
  <si>
    <t>2335.0</t>
  </si>
  <si>
    <t>0.03559847253076853</t>
  </si>
  <si>
    <t>2957</t>
  </si>
  <si>
    <t>20.116666793823242</t>
  </si>
  <si>
    <t>2674.699951171875</t>
  </si>
  <si>
    <t>0.023611019839760772</t>
  </si>
  <si>
    <t>3075</t>
  </si>
  <si>
    <t>2388.5</t>
  </si>
  <si>
    <t>0.039129660388141474</t>
  </si>
  <si>
    <t>20.249998092651367</t>
  </si>
  <si>
    <t>2273.5</t>
  </si>
  <si>
    <t>0.027583531974999076</t>
  </si>
  <si>
    <t>3269</t>
  </si>
  <si>
    <t>2448.60009765625</t>
  </si>
  <si>
    <t>0.0335956945085929</t>
  </si>
  <si>
    <t>20.149999618530273</t>
  </si>
  <si>
    <t>2583.600341796875</t>
  </si>
  <si>
    <t>0.004578063848107661</t>
  </si>
  <si>
    <t>20.066667556762695</t>
  </si>
  <si>
    <t>2704.599853515625</t>
  </si>
  <si>
    <t>0.013309331368780875</t>
  </si>
  <si>
    <t>20.058334350585938</t>
  </si>
  <si>
    <t>2320.7998046875</t>
  </si>
  <si>
    <t>-0.03050877255125961</t>
  </si>
  <si>
    <t>19.858335494995117</t>
  </si>
  <si>
    <t>2602.2001953125</t>
  </si>
  <si>
    <t>-0.045959601503689385</t>
  </si>
  <si>
    <t>2188.900146484375</t>
  </si>
  <si>
    <t>-0.012402247742153705</t>
  </si>
  <si>
    <t>3081</t>
  </si>
  <si>
    <t>19.78333282470703</t>
  </si>
  <si>
    <t>2771.499755859375</t>
  </si>
  <si>
    <t>0.011753318452671024</t>
  </si>
  <si>
    <t>20.141666412353516</t>
  </si>
  <si>
    <t>2637.0</t>
  </si>
  <si>
    <t>0.026266724708980504</t>
  </si>
  <si>
    <t>3212</t>
  </si>
  <si>
    <t>20.483335494995117</t>
  </si>
  <si>
    <t>2351.5</t>
  </si>
  <si>
    <t>0.015372851761004114</t>
  </si>
  <si>
    <t>20.108333587646484</t>
  </si>
  <si>
    <t>2991.199951171875</t>
  </si>
  <si>
    <t>0.022168395505666183</t>
  </si>
  <si>
    <t>2340.7001953125</t>
  </si>
  <si>
    <t>0.02970069820839072</t>
  </si>
  <si>
    <t>3474</t>
  </si>
  <si>
    <t>20.683334350585938</t>
  </si>
  <si>
    <t>2228.89990234375</t>
  </si>
  <si>
    <t>0.02654377802034169</t>
  </si>
  <si>
    <t>3527</t>
  </si>
  <si>
    <t>20.83333396911621</t>
  </si>
  <si>
    <t>2381.000244140625</t>
  </si>
  <si>
    <t>0.015140983435001587</t>
  </si>
  <si>
    <t>20.349998474121094</t>
  </si>
  <si>
    <t>2260.000244140625</t>
  </si>
  <si>
    <t>0.019096339919094873</t>
  </si>
  <si>
    <t>3677</t>
  </si>
  <si>
    <t>2045.2999267578125</t>
  </si>
  <si>
    <t>0.022553211146124852</t>
  </si>
  <si>
    <t>3784</t>
  </si>
  <si>
    <t>2112.800048828125</t>
  </si>
  <si>
    <t>0.02868444887049648</t>
  </si>
  <si>
    <t>2686.400390625</t>
  </si>
  <si>
    <t>-0.02868444887049648</t>
  </si>
  <si>
    <t>20.42500114440918</t>
  </si>
  <si>
    <t>2481.10009765625</t>
  </si>
  <si>
    <t>0.06450452545501939</t>
  </si>
  <si>
    <t>4034</t>
  </si>
  <si>
    <t>20.258333206176758</t>
  </si>
  <si>
    <t>2652.199951171875</t>
  </si>
  <si>
    <t>1147</t>
  </si>
  <si>
    <t>18.25</t>
  </si>
  <si>
    <t>1262.300048828125</t>
  </si>
  <si>
    <t>782.9256591796875</t>
  </si>
  <si>
    <t>Chimaltenango</t>
  </si>
  <si>
    <t>18.208332061767578</t>
  </si>
  <si>
    <t>1228.7000732421875</t>
  </si>
  <si>
    <t>0.012992820282485162</t>
  </si>
  <si>
    <t>18.16666603088379</t>
  </si>
  <si>
    <t>0.024650631943443635</t>
  </si>
  <si>
    <t>17.950002670288086</t>
  </si>
  <si>
    <t>1509.8001708984375</t>
  </si>
  <si>
    <t>0.01582706923548649</t>
  </si>
  <si>
    <t>18.233333587646484</t>
  </si>
  <si>
    <t>1166.9000244140625</t>
  </si>
  <si>
    <t>0.018018505502678472</t>
  </si>
  <si>
    <t>1265</t>
  </si>
  <si>
    <t>1675.0999755859375</t>
  </si>
  <si>
    <t>0.026433257068156024</t>
  </si>
  <si>
    <t>18.024999618530273</t>
  </si>
  <si>
    <t>1356.0999755859375</t>
  </si>
  <si>
    <t>0.2018916529880519</t>
  </si>
  <si>
    <t>18.39999771118164</t>
  </si>
  <si>
    <t>1355.9000244140625</t>
  </si>
  <si>
    <t>0.18361271255757394</t>
  </si>
  <si>
    <t>2197</t>
  </si>
  <si>
    <t>18.508337020874023</t>
  </si>
  <si>
    <t>1508.800048828125</t>
  </si>
  <si>
    <t>0.16651630567736309</t>
  </si>
  <si>
    <t>2522</t>
  </si>
  <si>
    <t>17.808334350585938</t>
  </si>
  <si>
    <t>1567.500244140625</t>
  </si>
  <si>
    <t>0.13795944414025474</t>
  </si>
  <si>
    <t>2848</t>
  </si>
  <si>
    <t>17.933334350585938</t>
  </si>
  <si>
    <t>1404.2000732421875</t>
  </si>
  <si>
    <t>0.12156475600700212</t>
  </si>
  <si>
    <t>18.26666831970215</t>
  </si>
  <si>
    <t>1461.0</t>
  </si>
  <si>
    <t>0.0995148110863564</t>
  </si>
  <si>
    <t>1411.6998291015625</t>
  </si>
  <si>
    <t>0.10634540874946552</t>
  </si>
  <si>
    <t>18.500001907348633</t>
  </si>
  <si>
    <t>1156.2000732421875</t>
  </si>
  <si>
    <t>0.08777320923293175</t>
  </si>
  <si>
    <t>18.350000381469727</t>
  </si>
  <si>
    <t>1324.7000732421875</t>
  </si>
  <si>
    <t>0.08790539259632446</t>
  </si>
  <si>
    <t>4066</t>
  </si>
  <si>
    <t>18.275001525878906</t>
  </si>
  <si>
    <t>1640.6002197265625</t>
  </si>
  <si>
    <t>-0.025496100008652434</t>
  </si>
  <si>
    <t>4085</t>
  </si>
  <si>
    <t>1479.30029296875</t>
  </si>
  <si>
    <t>0.004662013105811269</t>
  </si>
  <si>
    <t>3961</t>
  </si>
  <si>
    <t>18.15833282470703</t>
  </si>
  <si>
    <t>1321.5999755859375</t>
  </si>
  <si>
    <t>-0.03082520967218727</t>
  </si>
  <si>
    <t>1481.099853515625</t>
  </si>
  <si>
    <t>-0.07794107182789567</t>
  </si>
  <si>
    <t>18.541669845581055</t>
  </si>
  <si>
    <t>1253.7000732421875</t>
  </si>
  <si>
    <t>-0.012634059838779521</t>
  </si>
  <si>
    <t>3661</t>
  </si>
  <si>
    <t>1712.8001708984375</t>
  </si>
  <si>
    <t>0.01181494716499465</t>
  </si>
  <si>
    <t>3759</t>
  </si>
  <si>
    <t>18.55833625793457</t>
  </si>
  <si>
    <t>1558.4000244140625</t>
  </si>
  <si>
    <t>0.026416630443941713</t>
  </si>
  <si>
    <t>3816</t>
  </si>
  <si>
    <t>18.44999885559082</t>
  </si>
  <si>
    <t>0.015049789003999337</t>
  </si>
  <si>
    <t>3902</t>
  </si>
  <si>
    <t>1725.7000732421875</t>
  </si>
  <si>
    <t>0.022286488614879474</t>
  </si>
  <si>
    <t>1394.2000732421875</t>
  </si>
  <si>
    <t>0.029792660430009832</t>
  </si>
  <si>
    <t>18.78333282470703</t>
  </si>
  <si>
    <t>0.026511125548331904</t>
  </si>
  <si>
    <t>18.84166717529297</t>
  </si>
  <si>
    <t>1311.7000732421875</t>
  </si>
  <si>
    <t>0.014907705754785283</t>
  </si>
  <si>
    <t>18.524999618530273</t>
  </si>
  <si>
    <t>0.01938136772384702</t>
  </si>
  <si>
    <t>18.17500114440918</t>
  </si>
  <si>
    <t>0.022452048311405903</t>
  </si>
  <si>
    <t>4496</t>
  </si>
  <si>
    <t>18.641666412353516</t>
  </si>
  <si>
    <t>1137.300048828125</t>
  </si>
  <si>
    <t>0.028653962622090745</t>
  </si>
  <si>
    <t>18.958335876464844</t>
  </si>
  <si>
    <t>1513.8001708984375</t>
  </si>
  <si>
    <t>-0.028653962622090745</t>
  </si>
  <si>
    <t>4660</t>
  </si>
  <si>
    <t>18.725000381469727</t>
  </si>
  <si>
    <t>1254.800048828125</t>
  </si>
  <si>
    <t>0.06448129816825521</t>
  </si>
  <si>
    <t>18.46666717529297</t>
  </si>
  <si>
    <t>1500.4998779296875</t>
  </si>
  <si>
    <t>0.028141072039939985</t>
  </si>
  <si>
    <t>1377</t>
  </si>
  <si>
    <t>2371</t>
  </si>
  <si>
    <t>1263.0</t>
  </si>
  <si>
    <t>99.51190185546875</t>
  </si>
  <si>
    <t>Chiquimula</t>
  </si>
  <si>
    <t>22.250001907348633</t>
  </si>
  <si>
    <t>1299.2999267578125</t>
  </si>
  <si>
    <t>0.012573510155847067</t>
  </si>
  <si>
    <t>22.34166717529297</t>
  </si>
  <si>
    <t>1610.500244140625</t>
  </si>
  <si>
    <t>0.024682454169802526</t>
  </si>
  <si>
    <t>22.19999885559082</t>
  </si>
  <si>
    <t>1578.699951171875</t>
  </si>
  <si>
    <t>0.01612288048656385</t>
  </si>
  <si>
    <t>1111.800048828125</t>
  </si>
  <si>
    <t>0.017832848239732968</t>
  </si>
  <si>
    <t>1662.8001708984375</t>
  </si>
  <si>
    <t>0.02674059738167056</t>
  </si>
  <si>
    <t>3078</t>
  </si>
  <si>
    <t>22.191665649414062</t>
  </si>
  <si>
    <t>1490.60009765625</t>
  </si>
  <si>
    <t>0.16301593789980107</t>
  </si>
  <si>
    <t>22.566667556762695</t>
  </si>
  <si>
    <t>1399.4000244140625</t>
  </si>
  <si>
    <t>0.15582012929679934</t>
  </si>
  <si>
    <t>4159</t>
  </si>
  <si>
    <t>22.71666717529297</t>
  </si>
  <si>
    <t>1443.4000244140625</t>
  </si>
  <si>
    <t>0.1451744960472876</t>
  </si>
  <si>
    <t>1407.5</t>
  </si>
  <si>
    <t>0.12164934628408375</t>
  </si>
  <si>
    <t>1423.1002197265625</t>
  </si>
  <si>
    <t>0.10844283727764292</t>
  </si>
  <si>
    <t>5721</t>
  </si>
  <si>
    <t>22.633333206176758</t>
  </si>
  <si>
    <t>1381.5999755859375</t>
  </si>
  <si>
    <t>0.08877677096389114</t>
  </si>
  <si>
    <t>6306</t>
  </si>
  <si>
    <t>22.683334350585938</t>
  </si>
  <si>
    <t>1306.300048828125</t>
  </si>
  <si>
    <t>0.09735794583647817</t>
  </si>
  <si>
    <t>1258.0</t>
  </si>
  <si>
    <t>0.08026225467577142</t>
  </si>
  <si>
    <t>7412</t>
  </si>
  <si>
    <t>22.67500114440918</t>
  </si>
  <si>
    <t>1330.9000244140625</t>
  </si>
  <si>
    <t>0.08133649262447129</t>
  </si>
  <si>
    <t>1484.9002685546875</t>
  </si>
  <si>
    <t>-0.024722969230298375</t>
  </si>
  <si>
    <t>7265</t>
  </si>
  <si>
    <t>1658.599853515625</t>
  </si>
  <si>
    <t>0.004690957829431852</t>
  </si>
  <si>
    <t>7039</t>
  </si>
  <si>
    <t>1343.5001220703125</t>
  </si>
  <si>
    <t>-0.03160218239625223</t>
  </si>
  <si>
    <t>6760</t>
  </si>
  <si>
    <t>22.39166831970215</t>
  </si>
  <si>
    <t>1536.5</t>
  </si>
  <si>
    <t>-0.040443224571120595</t>
  </si>
  <si>
    <t>22.716665267944336</t>
  </si>
  <si>
    <t>1256.199951171875</t>
  </si>
  <si>
    <t>-0.012354105179142039</t>
  </si>
  <si>
    <t>22.366668701171875</t>
  </si>
  <si>
    <t>0.011614186536430537</t>
  </si>
  <si>
    <t>6936</t>
  </si>
  <si>
    <t>1484.000244140625</t>
  </si>
  <si>
    <t>0.026442268066078967</t>
  </si>
  <si>
    <t>22.82499885559082</t>
  </si>
  <si>
    <t>1346.0999755859375</t>
  </si>
  <si>
    <t>0.015166981254619571</t>
  </si>
  <si>
    <t>1723.10009765625</t>
  </si>
  <si>
    <t>0.02232768453387024</t>
  </si>
  <si>
    <t>7417</t>
  </si>
  <si>
    <t>22.733335494995117</t>
  </si>
  <si>
    <t>1311.300048828125</t>
  </si>
  <si>
    <t>0.02955475748769132</t>
  </si>
  <si>
    <t>1279.0</t>
  </si>
  <si>
    <t>0.026607928636229516</t>
  </si>
  <si>
    <t>7733</t>
  </si>
  <si>
    <t>23.225000381469727</t>
  </si>
  <si>
    <t>1398.30029296875</t>
  </si>
  <si>
    <t>0.01511429423624655</t>
  </si>
  <si>
    <t>1459.7999267578125</t>
  </si>
  <si>
    <t>0.01921165645087264</t>
  </si>
  <si>
    <t>8062</t>
  </si>
  <si>
    <t>1320.800048828125</t>
  </si>
  <si>
    <t>0.022453122617204002</t>
  </si>
  <si>
    <t>8296</t>
  </si>
  <si>
    <t>23.133333206176758</t>
  </si>
  <si>
    <t>1144.400146484375</t>
  </si>
  <si>
    <t>0.028611806232252235</t>
  </si>
  <si>
    <t>23.23333168029785</t>
  </si>
  <si>
    <t>1420.10009765625</t>
  </si>
  <si>
    <t>-0.028611806232252235</t>
  </si>
  <si>
    <t>22.975000381469727</t>
  </si>
  <si>
    <t>1381.60009765625</t>
  </si>
  <si>
    <t>0.06448425273378433</t>
  </si>
  <si>
    <t>22.758333206176758</t>
  </si>
  <si>
    <t>1480.5</t>
  </si>
  <si>
    <t>0.028206410182990638</t>
  </si>
  <si>
    <t>25.39137077331543</t>
  </si>
  <si>
    <t>2368.06103515625</t>
  </si>
  <si>
    <t>148.87530517578125</t>
  </si>
  <si>
    <t>El Petn</t>
  </si>
  <si>
    <t>25.26417350769043</t>
  </si>
  <si>
    <t>2055.3837890625</t>
  </si>
  <si>
    <t>0.012578782206860595</t>
  </si>
  <si>
    <t>25.24981689453125</t>
  </si>
  <si>
    <t>2205.7392578125</t>
  </si>
  <si>
    <t>25.056594848632812</t>
  </si>
  <si>
    <t>2391.14501953125</t>
  </si>
  <si>
    <t>0.01585348180397883</t>
  </si>
  <si>
    <t>2460</t>
  </si>
  <si>
    <t>25.492399215698242</t>
  </si>
  <si>
    <t>1794.3670654296875</t>
  </si>
  <si>
    <t>0.018048069871702488</t>
  </si>
  <si>
    <t>25.506418228149414</t>
  </si>
  <si>
    <t>2472.451904296875</t>
  </si>
  <si>
    <t>0.02647567398402817</t>
  </si>
  <si>
    <t>2539</t>
  </si>
  <si>
    <t>25.221975326538086</t>
  </si>
  <si>
    <t>2057.2841796875</t>
  </si>
  <si>
    <t>0.005133278794241747</t>
  </si>
  <si>
    <t>25.617300033569336</t>
  </si>
  <si>
    <t>2241.020263671875</t>
  </si>
  <si>
    <t>0.019501398046859464</t>
  </si>
  <si>
    <t>25.872343063354492</t>
  </si>
  <si>
    <t>2455.617431640625</t>
  </si>
  <si>
    <t>0.026302259521653326</t>
  </si>
  <si>
    <t>25.069677352905273</t>
  </si>
  <si>
    <t>2231.9775390625</t>
  </si>
  <si>
    <t>0.015307373744813724</t>
  </si>
  <si>
    <t>2734</t>
  </si>
  <si>
    <t>25.29286766052246</t>
  </si>
  <si>
    <t>2114.950439453125</t>
  </si>
  <si>
    <t>0.01288440426588977</t>
  </si>
  <si>
    <t>2739</t>
  </si>
  <si>
    <t>25.64145851135254</t>
  </si>
  <si>
    <t>2242.27001953125</t>
  </si>
  <si>
    <t>0.0018271519791834834</t>
  </si>
  <si>
    <t>25.692161560058594</t>
  </si>
  <si>
    <t>2110.70849609375</t>
  </si>
  <si>
    <t>0.017372858218870135</t>
  </si>
  <si>
    <t>25.850038528442383</t>
  </si>
  <si>
    <t>2000.7099609375</t>
  </si>
  <si>
    <t>0.006794233180458242</t>
  </si>
  <si>
    <t>2843</t>
  </si>
  <si>
    <t>25.738441467285156</t>
  </si>
  <si>
    <t>2022.091796875</t>
  </si>
  <si>
    <t>0.013099850988593786</t>
  </si>
  <si>
    <t>25.72862434387207</t>
  </si>
  <si>
    <t>2392.60009765625</t>
  </si>
  <si>
    <t>0.060728069735671575</t>
  </si>
  <si>
    <t>25.634035110473633</t>
  </si>
  <si>
    <t>2490.78857421875</t>
  </si>
  <si>
    <t>0.039271637428894834</t>
  </si>
  <si>
    <t>25.662885665893555</t>
  </si>
  <si>
    <t>2048.449951171875</t>
  </si>
  <si>
    <t>0.018603721154295982</t>
  </si>
  <si>
    <t>25.5126953125</t>
  </si>
  <si>
    <t>2281.010009765625</t>
  </si>
  <si>
    <t>-0.033998508836850405</t>
  </si>
  <si>
    <t>3056</t>
  </si>
  <si>
    <t>25.846574783325195</t>
  </si>
  <si>
    <t>1962.1964111328125</t>
  </si>
  <si>
    <t>-0.012357880846600722</t>
  </si>
  <si>
    <t>25.375333786010742</t>
  </si>
  <si>
    <t>2407.8349609375</t>
  </si>
  <si>
    <t>0.011711259420900788</t>
  </si>
  <si>
    <t>25.77098846435547</t>
  </si>
  <si>
    <t>2406.601806640625</t>
  </si>
  <si>
    <t>0.026174491379041598</t>
  </si>
  <si>
    <t>25.899229049682617</t>
  </si>
  <si>
    <t>2101.74853515625</t>
  </si>
  <si>
    <t>0.015319980729083582</t>
  </si>
  <si>
    <t>3296</t>
  </si>
  <si>
    <t>25.643339157104492</t>
  </si>
  <si>
    <t>2868.7119140625</t>
  </si>
  <si>
    <t>0.0223970092139254</t>
  </si>
  <si>
    <t>25.694847106933594</t>
  </si>
  <si>
    <t>2223.55224609375</t>
  </si>
  <si>
    <t>0.029594148963433042</t>
  </si>
  <si>
    <t>3486</t>
  </si>
  <si>
    <t>26.126855850219727</t>
  </si>
  <si>
    <t>1960.755859375</t>
  </si>
  <si>
    <t>0.026451186087170342</t>
  </si>
  <si>
    <t>3539</t>
  </si>
  <si>
    <t>26.238126754760742</t>
  </si>
  <si>
    <t>2127.044677734375</t>
  </si>
  <si>
    <t>0.015089254265497232</t>
  </si>
  <si>
    <t>25.891141891479492</t>
  </si>
  <si>
    <t>2123.7373046875</t>
  </si>
  <si>
    <t>0.01930940083705046</t>
  </si>
  <si>
    <t>3690</t>
  </si>
  <si>
    <t>25.651527404785156</t>
  </si>
  <si>
    <t>2126.55078125</t>
  </si>
  <si>
    <t>0.02247285585205816</t>
  </si>
  <si>
    <t>3797</t>
  </si>
  <si>
    <t>26.14093780517578</t>
  </si>
  <si>
    <t>1829.2109375</t>
  </si>
  <si>
    <t>0.02858482319722988</t>
  </si>
  <si>
    <t>26.328393936157227</t>
  </si>
  <si>
    <t>2303.71435546875</t>
  </si>
  <si>
    <t>-0.02858482319722988</t>
  </si>
  <si>
    <t>26.059534072875977</t>
  </si>
  <si>
    <t>2023.282958984375</t>
  </si>
  <si>
    <t>0.06453852113757108</t>
  </si>
  <si>
    <t>4048</t>
  </si>
  <si>
    <t>25.75819206237793</t>
  </si>
  <si>
    <t>2576.750244140625</t>
  </si>
  <si>
    <t>0.02805795279515877</t>
  </si>
  <si>
    <t>2044.699951171875</t>
  </si>
  <si>
    <t>182.0174560546875</t>
  </si>
  <si>
    <t>Escuintla</t>
  </si>
  <si>
    <t>1646</t>
  </si>
  <si>
    <t>25.26666831970215</t>
  </si>
  <si>
    <t>2014.0999755859375</t>
  </si>
  <si>
    <t>0.012840286473177365</t>
  </si>
  <si>
    <t>2329.099853515625</t>
  </si>
  <si>
    <t>0.024010757324785637</t>
  </si>
  <si>
    <t>25.008333206176758</t>
  </si>
  <si>
    <t>2360.2998046875</t>
  </si>
  <si>
    <t>0.016470960595924566</t>
  </si>
  <si>
    <t>25.291669845581055</t>
  </si>
  <si>
    <t>1947.5999755859375</t>
  </si>
  <si>
    <t>0.017924735478802134</t>
  </si>
  <si>
    <t>25.316667556762695</t>
  </si>
  <si>
    <t>2537.699951171875</t>
  </si>
  <si>
    <t>2586</t>
  </si>
  <si>
    <t>25.033334732055664</t>
  </si>
  <si>
    <t>2306.7001953125</t>
  </si>
  <si>
    <t>0.36677996579692707</t>
  </si>
  <si>
    <t>2038.3001708984375</t>
  </si>
  <si>
    <t>0.28361348212561843</t>
  </si>
  <si>
    <t>4340</t>
  </si>
  <si>
    <t>2441.60009765625</t>
  </si>
  <si>
    <t>0.23414858563702978</t>
  </si>
  <si>
    <t>5232</t>
  </si>
  <si>
    <t>24.85833168029785</t>
  </si>
  <si>
    <t>2306.89990234375</t>
  </si>
  <si>
    <t>0.18691926604258313</t>
  </si>
  <si>
    <t>2168.89990234375</t>
  </si>
  <si>
    <t>0.15872734685467016</t>
  </si>
  <si>
    <t>25.316665649414062</t>
  </si>
  <si>
    <t>2136.900146484375</t>
  </si>
  <si>
    <t>0.12866798724389206</t>
  </si>
  <si>
    <t>25.34166717529297</t>
  </si>
  <si>
    <t>2173.0</t>
  </si>
  <si>
    <t>0.12972432700558478</t>
  </si>
  <si>
    <t>1903.9998779296875</t>
  </si>
  <si>
    <t>0.10726047281976747</t>
  </si>
  <si>
    <t>9808</t>
  </si>
  <si>
    <t>25.375001907348633</t>
  </si>
  <si>
    <t>2286.500244140625</t>
  </si>
  <si>
    <t>0.10402463111504368</t>
  </si>
  <si>
    <t>9559</t>
  </si>
  <si>
    <t>2765.300048828125</t>
  </si>
  <si>
    <t>-0.025715260112230354</t>
  </si>
  <si>
    <t>25.258337020874023</t>
  </si>
  <si>
    <t>2367.699951171875</t>
  </si>
  <si>
    <t>0.004592430574211548</t>
  </si>
  <si>
    <t>2231.80029296875</t>
  </si>
  <si>
    <t>-0.030556905095650677</t>
  </si>
  <si>
    <t>8614</t>
  </si>
  <si>
    <t>2433.199951171875</t>
  </si>
  <si>
    <t>-0.07812985792826765</t>
  </si>
  <si>
    <t>25.5916690826416</t>
  </si>
  <si>
    <t>2047.39990234375</t>
  </si>
  <si>
    <t>-0.01249943263817066</t>
  </si>
  <si>
    <t>8607</t>
  </si>
  <si>
    <t>25.125001907348633</t>
  </si>
  <si>
    <t>2797.5</t>
  </si>
  <si>
    <t>0.011686471673590049</t>
  </si>
  <si>
    <t>8837</t>
  </si>
  <si>
    <t>25.550003051757812</t>
  </si>
  <si>
    <t>2556.30029296875</t>
  </si>
  <si>
    <t>0.026371626868529674</t>
  </si>
  <si>
    <t>8973</t>
  </si>
  <si>
    <t>1980.10009765625</t>
  </si>
  <si>
    <t>0.01527261578005401</t>
  </si>
  <si>
    <t>2785.7001953125</t>
  </si>
  <si>
    <t>0.02226232562471253</t>
  </si>
  <si>
    <t>2335.099853515625</t>
  </si>
  <si>
    <t>0.029638162072284757</t>
  </si>
  <si>
    <t>1996.6002197265625</t>
  </si>
  <si>
    <t>0.026520660608055024</t>
  </si>
  <si>
    <t>9853</t>
  </si>
  <si>
    <t>25.858335494995117</t>
  </si>
  <si>
    <t>0.015134760719364593</t>
  </si>
  <si>
    <t>10043</t>
  </si>
  <si>
    <t>2245.5</t>
  </si>
  <si>
    <t>0.019099897070864458</t>
  </si>
  <si>
    <t>10272</t>
  </si>
  <si>
    <t>25.191667556762695</t>
  </si>
  <si>
    <t>1925.10009765625</t>
  </si>
  <si>
    <t>0.022545872536403166</t>
  </si>
  <si>
    <t>10570</t>
  </si>
  <si>
    <t>1869.9000244140625</t>
  </si>
  <si>
    <t>0.028598052934540874</t>
  </si>
  <si>
    <t>25.98333168029785</t>
  </si>
  <si>
    <t>2449.199951171875</t>
  </si>
  <si>
    <t>-0.02850070564801932</t>
  </si>
  <si>
    <t>2061.199951171875</t>
  </si>
  <si>
    <t>0.06445942718912967</t>
  </si>
  <si>
    <t>2478.19970703125</t>
  </si>
  <si>
    <t>0.028165806628427603</t>
  </si>
  <si>
    <t>21.233333587646484</t>
  </si>
  <si>
    <t>1277.9998779296875</t>
  </si>
  <si>
    <t>307.1612548828125</t>
  </si>
  <si>
    <t>Guatemala City</t>
  </si>
  <si>
    <t>1218.0</t>
  </si>
  <si>
    <t>0.012663462153721383</t>
  </si>
  <si>
    <t>21905</t>
  </si>
  <si>
    <t>21.183330535888672</t>
  </si>
  <si>
    <t>1239.4000244140625</t>
  </si>
  <si>
    <t>0.02439934356871909</t>
  </si>
  <si>
    <t>1345.9998779296875</t>
  </si>
  <si>
    <t>0.016256102957727947</t>
  </si>
  <si>
    <t>0.017718488734784543</t>
  </si>
  <si>
    <t>23276</t>
  </si>
  <si>
    <t>21.250001907348633</t>
  </si>
  <si>
    <t>1554.699951171875</t>
  </si>
  <si>
    <t>0.026733273836049065</t>
  </si>
  <si>
    <t>22229</t>
  </si>
  <si>
    <t>20.983333587646484</t>
  </si>
  <si>
    <t>1284.300048828125</t>
  </si>
  <si>
    <t>-0.04602504408565089</t>
  </si>
  <si>
    <t>21485</t>
  </si>
  <si>
    <t>21.42500114440918</t>
  </si>
  <si>
    <t>1318.0</t>
  </si>
  <si>
    <t>-0.03404272548181453</t>
  </si>
  <si>
    <t>20841</t>
  </si>
  <si>
    <t>1375.7999267578125</t>
  </si>
  <si>
    <t>-0.03043281684810495</t>
  </si>
  <si>
    <t>20.76666831970215</t>
  </si>
  <si>
    <t>1434.2999267578125</t>
  </si>
  <si>
    <t>-0.044194435845161806</t>
  </si>
  <si>
    <t>20.933332443237305</t>
  </si>
  <si>
    <t>1360.300048828125</t>
  </si>
  <si>
    <t>-0.05029078803792508</t>
  </si>
  <si>
    <t>21.266664505004883</t>
  </si>
  <si>
    <t>1414.5</t>
  </si>
  <si>
    <t>-0.06543193421057758</t>
  </si>
  <si>
    <t>21.291667938232422</t>
  </si>
  <si>
    <t>1311.2000732421875</t>
  </si>
  <si>
    <t>-0.054020303090879906</t>
  </si>
  <si>
    <t>15685</t>
  </si>
  <si>
    <t>21.508337020874023</t>
  </si>
  <si>
    <t>1208.4998779296875</t>
  </si>
  <si>
    <t>-0.07027989755166786</t>
  </si>
  <si>
    <t>14624</t>
  </si>
  <si>
    <t>21.349998474121094</t>
  </si>
  <si>
    <t>1368.0</t>
  </si>
  <si>
    <t>-0.07004082693084612</t>
  </si>
  <si>
    <t>15226</t>
  </si>
  <si>
    <t>21.274999618530273</t>
  </si>
  <si>
    <t>1436.699951171875</t>
  </si>
  <si>
    <t>0.04034047817222586</t>
  </si>
  <si>
    <t>16097</t>
  </si>
  <si>
    <t>1447.5001220703125</t>
  </si>
  <si>
    <t>0.05562842634007126</t>
  </si>
  <si>
    <t>1337.7999267578125</t>
  </si>
  <si>
    <t>0.040839388914539754</t>
  </si>
  <si>
    <t>17667</t>
  </si>
  <si>
    <t>21.275001525878906</t>
  </si>
  <si>
    <t>1475.2000732421875</t>
  </si>
  <si>
    <t>0.05222618449191074</t>
  </si>
  <si>
    <t>17449</t>
  </si>
  <si>
    <t>1198.300048828125</t>
  </si>
  <si>
    <t>-0.012416152214449028</t>
  </si>
  <si>
    <t>17653</t>
  </si>
  <si>
    <t>21.058332443237305</t>
  </si>
  <si>
    <t>1571.300048828125</t>
  </si>
  <si>
    <t>0.011623400191052013</t>
  </si>
  <si>
    <t>21.53333282470703</t>
  </si>
  <si>
    <t>1401.500244140625</t>
  </si>
  <si>
    <t>0.026441631025443613</t>
  </si>
  <si>
    <t>18404</t>
  </si>
  <si>
    <t>1285.0999755859375</t>
  </si>
  <si>
    <t>0.0152206606606331</t>
  </si>
  <si>
    <t>18818</t>
  </si>
  <si>
    <t>21.26666831970215</t>
  </si>
  <si>
    <t>0.022245826291351634</t>
  </si>
  <si>
    <t>21.30000114440918</t>
  </si>
  <si>
    <t>1269.5999755859375</t>
  </si>
  <si>
    <t>0.02963412492965034</t>
  </si>
  <si>
    <t>19905</t>
  </si>
  <si>
    <t>21.774999618530273</t>
  </si>
  <si>
    <t>1193.199951171875</t>
  </si>
  <si>
    <t>0.02652297293805539</t>
  </si>
  <si>
    <t>20208</t>
  </si>
  <si>
    <t>21.866668701171875</t>
  </si>
  <si>
    <t>1313.0999755859375</t>
  </si>
  <si>
    <t>0.015107609155855073</t>
  </si>
  <si>
    <t>21.516664505004883</t>
  </si>
  <si>
    <t>1261.7999267578125</t>
  </si>
  <si>
    <t>0.01916396531979636</t>
  </si>
  <si>
    <t>1098.2999267578125</t>
  </si>
  <si>
    <t>0.022512770693211337</t>
  </si>
  <si>
    <t>21.600000381469727</t>
  </si>
  <si>
    <t>1166.800048828125</t>
  </si>
  <si>
    <t>0.028634874950302702</t>
  </si>
  <si>
    <t>21.958330154418945</t>
  </si>
  <si>
    <t>1448.60009765625</t>
  </si>
  <si>
    <t>-0.02858741072645188</t>
  </si>
  <si>
    <t>1383.5</t>
  </si>
  <si>
    <t>0.06451182278886236</t>
  </si>
  <si>
    <t>0.0281671688063323</t>
  </si>
  <si>
    <t>1382</t>
  </si>
  <si>
    <t>17.960596084594727</t>
  </si>
  <si>
    <t>2272.562255859375</t>
  </si>
  <si>
    <t>343.77459716796875</t>
  </si>
  <si>
    <t>Huhuetenango</t>
  </si>
  <si>
    <t>17.87665367126465</t>
  </si>
  <si>
    <t>1866.2274169921875</t>
  </si>
  <si>
    <t>0.011614532420693102</t>
  </si>
  <si>
    <t>17.829679489135742</t>
  </si>
  <si>
    <t>2030.577392578125</t>
  </si>
  <si>
    <t>0.025086834429735028</t>
  </si>
  <si>
    <t>17.67388153076172</t>
  </si>
  <si>
    <t>2238.866943359375</t>
  </si>
  <si>
    <t>0.015642777070453917</t>
  </si>
  <si>
    <t>18.022071838378906</t>
  </si>
  <si>
    <t>1652.2830810546875</t>
  </si>
  <si>
    <t>0.01867160229306286</t>
  </si>
  <si>
    <t>17.96630096435547</t>
  </si>
  <si>
    <t>2745.663330078125</t>
  </si>
  <si>
    <t>0.025780160277770747</t>
  </si>
  <si>
    <t>17.796730041503906</t>
  </si>
  <si>
    <t>2487.532470703125</t>
  </si>
  <si>
    <t>0.16214770471690976</t>
  </si>
  <si>
    <t>1295</t>
  </si>
  <si>
    <t>18.15308380126953</t>
  </si>
  <si>
    <t>2226.885009765625</t>
  </si>
  <si>
    <t>0.15505198678327048</t>
  </si>
  <si>
    <t>18.361974716186523</t>
  </si>
  <si>
    <t>2611.280517578125</t>
  </si>
  <si>
    <t>0.14495241028599093</t>
  </si>
  <si>
    <t>17.61686134338379</t>
  </si>
  <si>
    <t>2710.41552734375</t>
  </si>
  <si>
    <t>0.12067353238817091</t>
  </si>
  <si>
    <t>17.829517364501953</t>
  </si>
  <si>
    <t>2463.876708984375</t>
  </si>
  <si>
    <t>0.10819840333752495</t>
  </si>
  <si>
    <t>2056</t>
  </si>
  <si>
    <t>18.17320442199707</t>
  </si>
  <si>
    <t>2386.95654296875</t>
  </si>
  <si>
    <t>0.08842730642973073</t>
  </si>
  <si>
    <t>18.17582893371582</t>
  </si>
  <si>
    <t>2350.61962890625</t>
  </si>
  <si>
    <t>18.370576858520508</t>
  </si>
  <si>
    <t>2140.81787109375</t>
  </si>
  <si>
    <t>0.07970318368290474</t>
  </si>
  <si>
    <t>2662</t>
  </si>
  <si>
    <t>18.25052833557129</t>
  </si>
  <si>
    <t>2065.767578125</t>
  </si>
  <si>
    <t>0.08135837368419985</t>
  </si>
  <si>
    <t>18.342748641967773</t>
  </si>
  <si>
    <t>2601.6513671875</t>
  </si>
  <si>
    <t>-0.027806019203518773</t>
  </si>
  <si>
    <t>18.204864501953125</t>
  </si>
  <si>
    <t>2373.53076171875</t>
  </si>
  <si>
    <t>0.006928434181964427</t>
  </si>
  <si>
    <t>2529</t>
  </si>
  <si>
    <t>18.105260848999023</t>
  </si>
  <si>
    <t>2139.61865234375</t>
  </si>
  <si>
    <t>18.22342872619629</t>
  </si>
  <si>
    <t>2343.224365234375</t>
  </si>
  <si>
    <t>-0.08927858443852621</t>
  </si>
  <si>
    <t>2285</t>
  </si>
  <si>
    <t>18.41486930847168</t>
  </si>
  <si>
    <t>2106.390625</t>
  </si>
  <si>
    <t>-0.012179358903134485</t>
  </si>
  <si>
    <t>18.028324127197266</t>
  </si>
  <si>
    <t>2781.130859375</t>
  </si>
  <si>
    <t>0.011314306946076158</t>
  </si>
  <si>
    <t>2373</t>
  </si>
  <si>
    <t>18.42738151550293</t>
  </si>
  <si>
    <t>2623.07080078125</t>
  </si>
  <si>
    <t>0.02647464616138251</t>
  </si>
  <si>
    <t>2410</t>
  </si>
  <si>
    <t>18.37556266784668</t>
  </si>
  <si>
    <t>1988.05517578125</t>
  </si>
  <si>
    <t>0.015471770048937294</t>
  </si>
  <si>
    <t>18.121051788330078</t>
  </si>
  <si>
    <t>2855.2685546875</t>
  </si>
  <si>
    <t>0.02215929816870954</t>
  </si>
  <si>
    <t>2538</t>
  </si>
  <si>
    <t>18.319021224975586</t>
  </si>
  <si>
    <t>2254.4951171875</t>
  </si>
  <si>
    <t>0.02959032362092273</t>
  </si>
  <si>
    <t>2606</t>
  </si>
  <si>
    <t>18.75498390197754</t>
  </si>
  <si>
    <t>2290.9443359375</t>
  </si>
  <si>
    <t>0.026440109410457602</t>
  </si>
  <si>
    <t>18.865596771240234</t>
  </si>
  <si>
    <t>2161.463134765625</t>
  </si>
  <si>
    <t>0.015232586990110875</t>
  </si>
  <si>
    <t>2697</t>
  </si>
  <si>
    <t>18.459163665771484</t>
  </si>
  <si>
    <t>2124.8662109375</t>
  </si>
  <si>
    <t>0.019090978464828545</t>
  </si>
  <si>
    <t>18.13389778137207</t>
  </si>
  <si>
    <t>1887.129150390625</t>
  </si>
  <si>
    <t>0.02272825107755594</t>
  </si>
  <si>
    <t>2839</t>
  </si>
  <si>
    <t>18.661296844482422</t>
  </si>
  <si>
    <t>2134.851318359375</t>
  </si>
  <si>
    <t>0.02858358225568569</t>
  </si>
  <si>
    <t>18.898412704467773</t>
  </si>
  <si>
    <t>2593.9150390625</t>
  </si>
  <si>
    <t>-0.02858358225568569</t>
  </si>
  <si>
    <t>18.615800857543945</t>
  </si>
  <si>
    <t>1809.818115234375</t>
  </si>
  <si>
    <t>0.06456117401618666</t>
  </si>
  <si>
    <t>18.488672256469727</t>
  </si>
  <si>
    <t>2311.498779296875</t>
  </si>
  <si>
    <t>0.02814256078824684</t>
  </si>
  <si>
    <t>1383</t>
  </si>
  <si>
    <t>25.947893142700195</t>
  </si>
  <si>
    <t>2765.340576171875</t>
  </si>
  <si>
    <t>353.7454528808594</t>
  </si>
  <si>
    <t>Izabal</t>
  </si>
  <si>
    <t>25.840354919433594</t>
  </si>
  <si>
    <t>2187.661376953125</t>
  </si>
  <si>
    <t>0.012561699724091824</t>
  </si>
  <si>
    <t>25.801118850708008</t>
  </si>
  <si>
    <t>2858.984130859375</t>
  </si>
  <si>
    <t>0.024330478629772223</t>
  </si>
  <si>
    <t>3087</t>
  </si>
  <si>
    <t>25.644437789916992</t>
  </si>
  <si>
    <t>2895.693603515625</t>
  </si>
  <si>
    <t>0.016329559456409015</t>
  </si>
  <si>
    <t>26.093313217163086</t>
  </si>
  <si>
    <t>1831.1112060546875</t>
  </si>
  <si>
    <t>0.017659794313408028</t>
  </si>
  <si>
    <t>25.98944664001465</t>
  </si>
  <si>
    <t>2813.815185546875</t>
  </si>
  <si>
    <t>0.026693373236394535</t>
  </si>
  <si>
    <t>25.713552474975586</t>
  </si>
  <si>
    <t>2330.4013671875</t>
  </si>
  <si>
    <t>0.17574071070033348</t>
  </si>
  <si>
    <t>4537</t>
  </si>
  <si>
    <t>26.062604904174805</t>
  </si>
  <si>
    <t>2462.882080078125</t>
  </si>
  <si>
    <t>0.16497237691166866</t>
  </si>
  <si>
    <t>26.342315673828125</t>
  </si>
  <si>
    <t>2681.439697265625</t>
  </si>
  <si>
    <t>0.1522281175003517</t>
  </si>
  <si>
    <t>6000</t>
  </si>
  <si>
    <t>25.619028091430664</t>
  </si>
  <si>
    <t>2263.4951171875</t>
  </si>
  <si>
    <t>0.12726535104587633</t>
  </si>
  <si>
    <t>25.806489944458008</t>
  </si>
  <si>
    <t>2303.022705078125</t>
  </si>
  <si>
    <t>0.11303102196204584</t>
  </si>
  <si>
    <t>26.23533821105957</t>
  </si>
  <si>
    <t>2567.905517578125</t>
  </si>
  <si>
    <t>0.09249152059476273</t>
  </si>
  <si>
    <t>26.334436416625977</t>
  </si>
  <si>
    <t>2263.273681640625</t>
  </si>
  <si>
    <t>0.10049048657969628</t>
  </si>
  <si>
    <t>26.389135360717773</t>
  </si>
  <si>
    <t>2141.813720703125</t>
  </si>
  <si>
    <t>0.08298388626435305</t>
  </si>
  <si>
    <t>9625</t>
  </si>
  <si>
    <t>26.298669815063477</t>
  </si>
  <si>
    <t>2163.805419921875</t>
  </si>
  <si>
    <t>0.08360749554493552</t>
  </si>
  <si>
    <t>26.19251823425293</t>
  </si>
  <si>
    <t>2441.893310546875</t>
  </si>
  <si>
    <t>-0.024612096351370738</t>
  </si>
  <si>
    <t>9434</t>
  </si>
  <si>
    <t>26.179296493530273</t>
  </si>
  <si>
    <t>2865.5888671875</t>
  </si>
  <si>
    <t>0.004568401039593439</t>
  </si>
  <si>
    <t>26.149728775024414</t>
  </si>
  <si>
    <t>2167.49951171875</t>
  </si>
  <si>
    <t>-0.031659799396011934</t>
  </si>
  <si>
    <t>25.960769653320312</t>
  </si>
  <si>
    <t>2477.904296875</t>
  </si>
  <si>
    <t>-0.059503805963942114</t>
  </si>
  <si>
    <t>8506</t>
  </si>
  <si>
    <t>26.339075088500977</t>
  </si>
  <si>
    <t>2066.633056640625</t>
  </si>
  <si>
    <t>-0.012384782670674</t>
  </si>
  <si>
    <t>25.94639015197754</t>
  </si>
  <si>
    <t>2450.42138671875</t>
  </si>
  <si>
    <t>0.01157163283206053</t>
  </si>
  <si>
    <t>26.216196060180664</t>
  </si>
  <si>
    <t>2682.5732421875</t>
  </si>
  <si>
    <t>0.026490855894367726</t>
  </si>
  <si>
    <t>26.488845825195312</t>
  </si>
  <si>
    <t>2246.175537109375</t>
  </si>
  <si>
    <t>0.01516286701927605</t>
  </si>
  <si>
    <t>9173</t>
  </si>
  <si>
    <t>26.257797241210938</t>
  </si>
  <si>
    <t>3065.743408203125</t>
  </si>
  <si>
    <t>0.022267233950371335</t>
  </si>
  <si>
    <t>9449</t>
  </si>
  <si>
    <t>26.309980392456055</t>
  </si>
  <si>
    <t>2279.14697265625</t>
  </si>
  <si>
    <t>0.029644529272971454</t>
  </si>
  <si>
    <t>9703</t>
  </si>
  <si>
    <t>26.670122146606445</t>
  </si>
  <si>
    <t>1987.734375</t>
  </si>
  <si>
    <t>0.026526200242672715</t>
  </si>
  <si>
    <t>26.791982650756836</t>
  </si>
  <si>
    <t>2292.253173828125</t>
  </si>
  <si>
    <t>0.015137856830380159</t>
  </si>
  <si>
    <t>26.390037536621094</t>
  </si>
  <si>
    <t>2545.97021484375</t>
  </si>
  <si>
    <t>0.01910373802375709</t>
  </si>
  <si>
    <t>26.226882934570312</t>
  </si>
  <si>
    <t>2313.9375</t>
  </si>
  <si>
    <t>0.022550313043167236</t>
  </si>
  <si>
    <t>10568</t>
  </si>
  <si>
    <t>26.64939308166504</t>
  </si>
  <si>
    <t>1754.2822265625</t>
  </si>
  <si>
    <t>0.02860354327955683</t>
  </si>
  <si>
    <t>10271</t>
  </si>
  <si>
    <t>26.794822692871094</t>
  </si>
  <si>
    <t>2275.392822265625</t>
  </si>
  <si>
    <t>-0.028506177036355496</t>
  </si>
  <si>
    <t>10955</t>
  </si>
  <si>
    <t>26.502260208129883</t>
  </si>
  <si>
    <t>2170.72021484375</t>
  </si>
  <si>
    <t>0.06447158286376187</t>
  </si>
  <si>
    <t>11268</t>
  </si>
  <si>
    <t>26.246315002441406</t>
  </si>
  <si>
    <t>2765.689208984375</t>
  </si>
  <si>
    <t>23.274999618530273</t>
  </si>
  <si>
    <t>1042.0</t>
  </si>
  <si>
    <t>100.32792663574219</t>
  </si>
  <si>
    <t>Jalapa</t>
  </si>
  <si>
    <t>2174</t>
  </si>
  <si>
    <t>1062.7000732421875</t>
  </si>
  <si>
    <t>0.012497269802373978</t>
  </si>
  <si>
    <t>2228</t>
  </si>
  <si>
    <t>1061.4000244140625</t>
  </si>
  <si>
    <t>0.02453553336601999</t>
  </si>
  <si>
    <t>22.991666793823242</t>
  </si>
  <si>
    <t>1140.199951171875</t>
  </si>
  <si>
    <t>0.01602883827589885</t>
  </si>
  <si>
    <t>1008.3999633789062</t>
  </si>
  <si>
    <t>0.0179475161076752</t>
  </si>
  <si>
    <t>23.30000114440918</t>
  </si>
  <si>
    <t>1188.199951171875</t>
  </si>
  <si>
    <t>0.02654265408323475</t>
  </si>
  <si>
    <t>22.991662979125977</t>
  </si>
  <si>
    <t>1137.800048828125</t>
  </si>
  <si>
    <t>-0.023077947282544642</t>
  </si>
  <si>
    <t>23.47499656677246</t>
  </si>
  <si>
    <t>-0.009556979777944008</t>
  </si>
  <si>
    <t>23.474998474121094</t>
  </si>
  <si>
    <t>1127.800048828125</t>
  </si>
  <si>
    <t>-0.003936152031474016</t>
  </si>
  <si>
    <t>1118.60009765625</t>
  </si>
  <si>
    <t>-0.015456258236691944</t>
  </si>
  <si>
    <t>1171.2000732421875</t>
  </si>
  <si>
    <t>-0.018868484304382704</t>
  </si>
  <si>
    <t>2139</t>
  </si>
  <si>
    <t>23.33333396911621</t>
  </si>
  <si>
    <t>1113.900146484375</t>
  </si>
  <si>
    <t>-0.03038907879854058</t>
  </si>
  <si>
    <t>23.358335494995117</t>
  </si>
  <si>
    <t>1075.699951171875</t>
  </si>
  <si>
    <t>-0.016022962965924314</t>
  </si>
  <si>
    <t>-0.027451759957083155</t>
  </si>
  <si>
    <t>23.366666793823242</t>
  </si>
  <si>
    <t>1070.3001708984375</t>
  </si>
  <si>
    <t>-0.022717026284232666</t>
  </si>
  <si>
    <t>1233.7001953125</t>
  </si>
  <si>
    <t>0.07317989784116818</t>
  </si>
  <si>
    <t>0.05157180713130849</t>
  </si>
  <si>
    <t>23.19999885559082</t>
  </si>
  <si>
    <t>1104.7999267578125</t>
  </si>
  <si>
    <t>0.031252543504104224</t>
  </si>
  <si>
    <t>23.32499885559082</t>
  </si>
  <si>
    <t>1189.5</t>
  </si>
  <si>
    <t>-0.021599111803461746</t>
  </si>
  <si>
    <t>23.608335494995117</t>
  </si>
  <si>
    <t>1091.800048828125</t>
  </si>
  <si>
    <t>-0.012744624270315086</t>
  </si>
  <si>
    <t>2288</t>
  </si>
  <si>
    <t>23.10833168029785</t>
  </si>
  <si>
    <t>1319.5999755859375</t>
  </si>
  <si>
    <t>0.011870880221718672</t>
  </si>
  <si>
    <t>2349</t>
  </si>
  <si>
    <t>23.54166603088379</t>
  </si>
  <si>
    <t>1216.7000732421875</t>
  </si>
  <si>
    <t>0.026311632159224274</t>
  </si>
  <si>
    <t>0.015209418663529206</t>
  </si>
  <si>
    <t>2439</t>
  </si>
  <si>
    <t>1300.7000732421875</t>
  </si>
  <si>
    <t>0.02238899489347812</t>
  </si>
  <si>
    <t>1069.900146484375</t>
  </si>
  <si>
    <t>0.029491129372169134</t>
  </si>
  <si>
    <t>23.82499885559082</t>
  </si>
  <si>
    <t>1029.800048828125</t>
  </si>
  <si>
    <t>0.026710150327573956</t>
  </si>
  <si>
    <t>2619</t>
  </si>
  <si>
    <t>23.89166831970215</t>
  </si>
  <si>
    <t>0.0150031665920487</t>
  </si>
  <si>
    <t>0.019285906886583604</t>
  </si>
  <si>
    <t>2730</t>
  </si>
  <si>
    <t>997.3999633789062</t>
  </si>
  <si>
    <t>2810</t>
  </si>
  <si>
    <t>23.64166831970215</t>
  </si>
  <si>
    <t>0.028882874148785653</t>
  </si>
  <si>
    <t>2731</t>
  </si>
  <si>
    <t>24.000001907348633</t>
  </si>
  <si>
    <t>1192.300048828125</t>
  </si>
  <si>
    <t>-0.028516640854086006</t>
  </si>
  <si>
    <t>1057.800048828125</t>
  </si>
  <si>
    <t>0.06417228784287143</t>
  </si>
  <si>
    <t>2996</t>
  </si>
  <si>
    <t>23.48333168029785</t>
  </si>
  <si>
    <t>0.02843793532053418</t>
  </si>
  <si>
    <t>23.191665649414062</t>
  </si>
  <si>
    <t>152.27708435058594</t>
  </si>
  <si>
    <t>Jutiapa</t>
  </si>
  <si>
    <t>23.183334350585938</t>
  </si>
  <si>
    <t>1225.300048828125</t>
  </si>
  <si>
    <t>0.01300254725407246</t>
  </si>
  <si>
    <t>1498.6002197265625</t>
  </si>
  <si>
    <t>0.024363153973839147</t>
  </si>
  <si>
    <t>22.9666690826416</t>
  </si>
  <si>
    <t>1472.599853515625</t>
  </si>
  <si>
    <t>0.015918471437680104</t>
  </si>
  <si>
    <t>1106.5</t>
  </si>
  <si>
    <t>0.017887564692773417</t>
  </si>
  <si>
    <t>23.26666831970215</t>
  </si>
  <si>
    <t>1518.800048828125</t>
  </si>
  <si>
    <t>0.02678487535881935</t>
  </si>
  <si>
    <t>22.900001525878906</t>
  </si>
  <si>
    <t>1370.300048828125</t>
  </si>
  <si>
    <t>-0.010846093309390348</t>
  </si>
  <si>
    <t>23.366668701171875</t>
  </si>
  <si>
    <t>1281.800048828125</t>
  </si>
  <si>
    <t>0.0032661977866208503</t>
  </si>
  <si>
    <t>23.42500114440918</t>
  </si>
  <si>
    <t>1361.2999267578125</t>
  </si>
  <si>
    <t>0.009735068770752697</t>
  </si>
  <si>
    <t>1319.1998291015625</t>
  </si>
  <si>
    <t>-0.0010770060276374949</t>
  </si>
  <si>
    <t>22.883333206176758</t>
  </si>
  <si>
    <t>1333.5</t>
  </si>
  <si>
    <t>-0.0037786819590213128</t>
  </si>
  <si>
    <t>1302.2999267578125</t>
  </si>
  <si>
    <t>-0.015259151659516412</t>
  </si>
  <si>
    <t>23.28333282470703</t>
  </si>
  <si>
    <t>1276.900146484375</t>
  </si>
  <si>
    <t>0.0005489980922952498</t>
  </si>
  <si>
    <t>23.475000381469727</t>
  </si>
  <si>
    <t>1186.4998779296875</t>
  </si>
  <si>
    <t>-0.011037639651620523</t>
  </si>
  <si>
    <t>1294.0</t>
  </si>
  <si>
    <t>23.191667556762695</t>
  </si>
  <si>
    <t>1500.5001220703125</t>
  </si>
  <si>
    <t>0.08696492477733475</t>
  </si>
  <si>
    <t>23.20833396911621</t>
  </si>
  <si>
    <t>1459.4998779296875</t>
  </si>
  <si>
    <t>0.06479398160645289</t>
  </si>
  <si>
    <t>23.108335494995117</t>
  </si>
  <si>
    <t>1309.300048828125</t>
  </si>
  <si>
    <t>0.0444934075474146</t>
  </si>
  <si>
    <t>1438.099853515625</t>
  </si>
  <si>
    <t>-0.00827971611335343</t>
  </si>
  <si>
    <t>2138</t>
  </si>
  <si>
    <t>1204.0999755859375</t>
  </si>
  <si>
    <t>-0.012549548851599646</t>
  </si>
  <si>
    <t>1547.0</t>
  </si>
  <si>
    <t>0.011625334368067897</t>
  </si>
  <si>
    <t>1448.699951171875</t>
  </si>
  <si>
    <t>0.026461397941369036</t>
  </si>
  <si>
    <t>2255</t>
  </si>
  <si>
    <t>23.34166717529297</t>
  </si>
  <si>
    <t>0.015192428042351658</t>
  </si>
  <si>
    <t>23.208335876464844</t>
  </si>
  <si>
    <t>1542.0</t>
  </si>
  <si>
    <t>0.02236444889222522</t>
  </si>
  <si>
    <t>2375</t>
  </si>
  <si>
    <t>1276.60009765625</t>
  </si>
  <si>
    <t>0.02948301563973743</t>
  </si>
  <si>
    <t>23.708330154418945</t>
  </si>
  <si>
    <t>1190.0999755859375</t>
  </si>
  <si>
    <t>0.02659068174717838</t>
  </si>
  <si>
    <t>2476</t>
  </si>
  <si>
    <t>1281.900146484375</t>
  </si>
  <si>
    <t>0.015056235588566835</t>
  </si>
  <si>
    <t>23.458330154418945</t>
  </si>
  <si>
    <t>1367.4998779296875</t>
  </si>
  <si>
    <t>0.019200589856616546</t>
  </si>
  <si>
    <t>23.075002670288086</t>
  </si>
  <si>
    <t>1203.300048828125</t>
  </si>
  <si>
    <t>0.022719347745484342</t>
  </si>
  <si>
    <t>2657</t>
  </si>
  <si>
    <t>23.550003051757812</t>
  </si>
  <si>
    <t>1094.900146484375</t>
  </si>
  <si>
    <t>0.028633374353225882</t>
  </si>
  <si>
    <t>23.866666793823242</t>
  </si>
  <si>
    <t>1377.2999267578125</t>
  </si>
  <si>
    <t>-0.028633374353225882</t>
  </si>
  <si>
    <t>2754</t>
  </si>
  <si>
    <t>23.633333206176758</t>
  </si>
  <si>
    <t>1252.500244140625</t>
  </si>
  <si>
    <t>0.06449010788201193</t>
  </si>
  <si>
    <t>23.316667556762695</t>
  </si>
  <si>
    <t>1406.0</t>
  </si>
  <si>
    <t>0.028281820541916858</t>
  </si>
  <si>
    <t>21.399999618530273</t>
  </si>
  <si>
    <t>2685.599853515625</t>
  </si>
  <si>
    <t>301.8401184082031</t>
  </si>
  <si>
    <t>Quetzaltenango</t>
  </si>
  <si>
    <t>21.39166831970215</t>
  </si>
  <si>
    <t>2215.400146484375</t>
  </si>
  <si>
    <t>0.012625101938743555</t>
  </si>
  <si>
    <t>2315.199951171875</t>
  </si>
  <si>
    <t>0.02427178278430997</t>
  </si>
  <si>
    <t>2699.60009765625</t>
  </si>
  <si>
    <t>0.016194685919980856</t>
  </si>
  <si>
    <t>21.566667556762695</t>
  </si>
  <si>
    <t>1964.099853515625</t>
  </si>
  <si>
    <t>0.017910926566529817</t>
  </si>
  <si>
    <t>3196.30029296875</t>
  </si>
  <si>
    <t>0.026759076549898175</t>
  </si>
  <si>
    <t>3095.500244140625</t>
  </si>
  <si>
    <t>0.1120591052987745</t>
  </si>
  <si>
    <t>2504.69970703125</t>
  </si>
  <si>
    <t>0.11577816601734359</t>
  </si>
  <si>
    <t>2930</t>
  </si>
  <si>
    <t>3099.699951171875</t>
  </si>
  <si>
    <t>0.11335598943402303</t>
  </si>
  <si>
    <t>3224</t>
  </si>
  <si>
    <t>21.083332061767578</t>
  </si>
  <si>
    <t>3165.10009765625</t>
  </si>
  <si>
    <t>0.09562040161540697</t>
  </si>
  <si>
    <t>3516</t>
  </si>
  <si>
    <t>3081.7001953125</t>
  </si>
  <si>
    <t>0.08670115517854882</t>
  </si>
  <si>
    <t>3772</t>
  </si>
  <si>
    <t>21.733335494995117</t>
  </si>
  <si>
    <t>2634.599853515625</t>
  </si>
  <si>
    <t>0.07028138494827907</t>
  </si>
  <si>
    <t>4092</t>
  </si>
  <si>
    <t>21.816667556762695</t>
  </si>
  <si>
    <t>2644.800048828125</t>
  </si>
  <si>
    <t>0.08142848331817021</t>
  </si>
  <si>
    <t>21.93333625793457</t>
  </si>
  <si>
    <t>2303.400146484375</t>
  </si>
  <si>
    <t>0.06664407416519502</t>
  </si>
  <si>
    <t>21.858335494995117</t>
  </si>
  <si>
    <t>2495.599853515625</t>
  </si>
  <si>
    <t>0.0693281300201356</t>
  </si>
  <si>
    <t>4655</t>
  </si>
  <si>
    <t>3327.800048828125</t>
  </si>
  <si>
    <t>-0.007064141545681579</t>
  </si>
  <si>
    <t>21.78333282470703</t>
  </si>
  <si>
    <t>2793.5</t>
  </si>
  <si>
    <t>0.02608013817458854</t>
  </si>
  <si>
    <t>5921</t>
  </si>
  <si>
    <t>21.683334350585938</t>
  </si>
  <si>
    <t>2629.7001953125</t>
  </si>
  <si>
    <t>0.21448330464601995</t>
  </si>
  <si>
    <t>21.80000114440918</t>
  </si>
  <si>
    <t>2850.0</t>
  </si>
  <si>
    <t>0.061885537090153875</t>
  </si>
  <si>
    <t>22.041669845581055</t>
  </si>
  <si>
    <t>2662.60009765625</t>
  </si>
  <si>
    <t>-0.012460225106909917</t>
  </si>
  <si>
    <t>6294</t>
  </si>
  <si>
    <t>21.649999618530273</t>
  </si>
  <si>
    <t>3577.699951171875</t>
  </si>
  <si>
    <t>0.011666133109333288</t>
  </si>
  <si>
    <t>21.949996948242188</t>
  </si>
  <si>
    <t>3294.89990234375</t>
  </si>
  <si>
    <t>0.026342068760090598</t>
  </si>
  <si>
    <t>21.941667556762695</t>
  </si>
  <si>
    <t>2187.39990234375</t>
  </si>
  <si>
    <t>0.015204162960435141</t>
  </si>
  <si>
    <t>21.70833396911621</t>
  </si>
  <si>
    <t>3339.900146484375</t>
  </si>
  <si>
    <t>0.02230687821800892</t>
  </si>
  <si>
    <t>6911</t>
  </si>
  <si>
    <t>22.01666831970215</t>
  </si>
  <si>
    <t>3102.099853515625</t>
  </si>
  <si>
    <t>0.02966443652850792</t>
  </si>
  <si>
    <t>7097</t>
  </si>
  <si>
    <t>2703.999755859375</t>
  </si>
  <si>
    <t>0.026557814433587623</t>
  </si>
  <si>
    <t>7205</t>
  </si>
  <si>
    <t>2495.80029296875</t>
  </si>
  <si>
    <t>0.01510306990864052</t>
  </si>
  <si>
    <t>7344</t>
  </si>
  <si>
    <t>22.016664505004883</t>
  </si>
  <si>
    <t>2717.7998046875</t>
  </si>
  <si>
    <t>0.01910842386670275</t>
  </si>
  <si>
    <t>7511</t>
  </si>
  <si>
    <t>2498.7998046875</t>
  </si>
  <si>
    <t>0.022484959385685954</t>
  </si>
  <si>
    <t>7729</t>
  </si>
  <si>
    <t>2625.400146484375</t>
  </si>
  <si>
    <t>0.028610875420859827</t>
  </si>
  <si>
    <t>3040.800048828125</t>
  </si>
  <si>
    <t>-0.028477746218772637</t>
  </si>
  <si>
    <t>8012</t>
  </si>
  <si>
    <t>22.15833282470703</t>
  </si>
  <si>
    <t>2082.60009765625</t>
  </si>
  <si>
    <t>0.06443867589760899</t>
  </si>
  <si>
    <t>8241</t>
  </si>
  <si>
    <t>22.049997329711914</t>
  </si>
  <si>
    <t>3032.199951171875</t>
  </si>
  <si>
    <t>0.028181277977674668</t>
  </si>
  <si>
    <t>1387</t>
  </si>
  <si>
    <t>18.76666831970215</t>
  </si>
  <si>
    <t>2340.2001953125</t>
  </si>
  <si>
    <t>80.34791564941406</t>
  </si>
  <si>
    <t>Quich</t>
  </si>
  <si>
    <t>798</t>
  </si>
  <si>
    <t>18.691665649414062</t>
  </si>
  <si>
    <t>1999.000244140625</t>
  </si>
  <si>
    <t>0.012610507591929832</t>
  </si>
  <si>
    <t>18.649999618530273</t>
  </si>
  <si>
    <t>2085.300048828125</t>
  </si>
  <si>
    <t>0.02475373915293755</t>
  </si>
  <si>
    <t>18.41666603088379</t>
  </si>
  <si>
    <t>2171.599853515625</t>
  </si>
  <si>
    <t>0.01576745825270187</t>
  </si>
  <si>
    <t>846</t>
  </si>
  <si>
    <t>1752.7000732421875</t>
  </si>
  <si>
    <t>0.01788956475077441</t>
  </si>
  <si>
    <t>18.808334350585938</t>
  </si>
  <si>
    <t>2571.0</t>
  </si>
  <si>
    <t>0.02682376565916922</t>
  </si>
  <si>
    <t>18.541667938232422</t>
  </si>
  <si>
    <t>2341.699951171875</t>
  </si>
  <si>
    <t>0.24657234954513552</t>
  </si>
  <si>
    <t>18.908334732055664</t>
  </si>
  <si>
    <t>2346.699951171875</t>
  </si>
  <si>
    <t>0.21302054368276124</t>
  </si>
  <si>
    <t>1661</t>
  </si>
  <si>
    <t>19.041667938232422</t>
  </si>
  <si>
    <t>2595.400146484375</t>
  </si>
  <si>
    <t>0.18823909112000603</t>
  </si>
  <si>
    <t>18.358335494995117</t>
  </si>
  <si>
    <t>2510.199951171875</t>
  </si>
  <si>
    <t>0.15372055379370053</t>
  </si>
  <si>
    <t>18.50833511352539</t>
  </si>
  <si>
    <t>2328.69970703125</t>
  </si>
  <si>
    <t>0.13411201907224068</t>
  </si>
  <si>
    <t>18.825002670288086</t>
  </si>
  <si>
    <t>2368.800048828125</t>
  </si>
  <si>
    <t>0.109775136098345</t>
  </si>
  <si>
    <t>18.82499885559082</t>
  </si>
  <si>
    <t>2309.900146484375</t>
  </si>
  <si>
    <t>0.11454154173221287</t>
  </si>
  <si>
    <t>1923.5999755859375</t>
  </si>
  <si>
    <t>0.09491655649674247</t>
  </si>
  <si>
    <t>18.899999618530273</t>
  </si>
  <si>
    <t>1903.7999267578125</t>
  </si>
  <si>
    <t>0.09357878440479084</t>
  </si>
  <si>
    <t>2494.199951171875</t>
  </si>
  <si>
    <t>-0.027564974088896577</t>
  </si>
  <si>
    <t>3278</t>
  </si>
  <si>
    <t>18.77499771118164</t>
  </si>
  <si>
    <t>2377.2001953125</t>
  </si>
  <si>
    <t>0.006734032181343608</t>
  </si>
  <si>
    <t>1925.89990234375</t>
  </si>
  <si>
    <t>-0.030352283529552437</t>
  </si>
  <si>
    <t>2265.400146484375</t>
  </si>
  <si>
    <t>-0.08907181727902014</t>
  </si>
  <si>
    <t>19.08333396911621</t>
  </si>
  <si>
    <t>2161.80029296875</t>
  </si>
  <si>
    <t>-0.012452599515912155</t>
  </si>
  <si>
    <t>18.58333396911621</t>
  </si>
  <si>
    <t>2504.7001953125</t>
  </si>
  <si>
    <t>0.011764841579585905</t>
  </si>
  <si>
    <t>19.11666488647461</t>
  </si>
  <si>
    <t>2589.900146484375</t>
  </si>
  <si>
    <t>0.026478125267827224</t>
  </si>
  <si>
    <t>19.000001907348633</t>
  </si>
  <si>
    <t>1921.0001220703125</t>
  </si>
  <si>
    <t>18.774999618530273</t>
  </si>
  <si>
    <t>2707.5</t>
  </si>
  <si>
    <t>0.02251685928433389</t>
  </si>
  <si>
    <t>2302.400146484375</t>
  </si>
  <si>
    <t>0.029568200781950438</t>
  </si>
  <si>
    <t>3277</t>
  </si>
  <si>
    <t>2331.800048828125</t>
  </si>
  <si>
    <t>0.02628069012911638</t>
  </si>
  <si>
    <t>19.40833282470703</t>
  </si>
  <si>
    <t>2118.10009765625</t>
  </si>
  <si>
    <t>0.015142627319661983</t>
  </si>
  <si>
    <t>19.100000381469727</t>
  </si>
  <si>
    <t>2254.500244140625</t>
  </si>
  <si>
    <t>0.01934872089331563</t>
  </si>
  <si>
    <t>3469</t>
  </si>
  <si>
    <t>18.733335494995117</t>
  </si>
  <si>
    <t>2144.000244140625</t>
  </si>
  <si>
    <t>0.02244665005795632</t>
  </si>
  <si>
    <t>19.183332443237305</t>
  </si>
  <si>
    <t>1827.9000244140625</t>
  </si>
  <si>
    <t>0.0286992278039353</t>
  </si>
  <si>
    <t>19.53333282470703</t>
  </si>
  <si>
    <t>2427.0</t>
  </si>
  <si>
    <t>-0.0286992278039353</t>
  </si>
  <si>
    <t>1653.0999755859375</t>
  </si>
  <si>
    <t>0.06446645166256637</t>
  </si>
  <si>
    <t>3806</t>
  </si>
  <si>
    <t>19.016666412353516</t>
  </si>
  <si>
    <t>2472.5</t>
  </si>
  <si>
    <t>0.028245949223778766</t>
  </si>
  <si>
    <t>1388</t>
  </si>
  <si>
    <t>3058</t>
  </si>
  <si>
    <t>1712.300048828125</t>
  </si>
  <si>
    <t>97.2720947265625</t>
  </si>
  <si>
    <t>Retalhuleu</t>
  </si>
  <si>
    <t>27.58333396911621</t>
  </si>
  <si>
    <t>1301.10009765625</t>
  </si>
  <si>
    <t>0.012672793484195921</t>
  </si>
  <si>
    <t>3173</t>
  </si>
  <si>
    <t>1524.7000732421875</t>
  </si>
  <si>
    <t>0.024243611609991333</t>
  </si>
  <si>
    <t>1766.9000244140625</t>
  </si>
  <si>
    <t>0.01625543764667725</t>
  </si>
  <si>
    <t>1312.5999755859375</t>
  </si>
  <si>
    <t>1968.0</t>
  </si>
  <si>
    <t>0.026748401620151796</t>
  </si>
  <si>
    <t>27.46666717529297</t>
  </si>
  <si>
    <t>1716.5001220703125</t>
  </si>
  <si>
    <t>0.07702694116580844</t>
  </si>
  <si>
    <t>1571.7000732421875</t>
  </si>
  <si>
    <t>0.08648497084369744</t>
  </si>
  <si>
    <t>4339</t>
  </si>
  <si>
    <t>1871.5001220703125</t>
  </si>
  <si>
    <t>0.08862595466709955</t>
  </si>
  <si>
    <t>27.26667022705078</t>
  </si>
  <si>
    <t>1916.699951171875</t>
  </si>
  <si>
    <t>0.07394333870971259</t>
  </si>
  <si>
    <t>5001</t>
  </si>
  <si>
    <t>1653.5</t>
  </si>
  <si>
    <t>0.06805064691084084</t>
  </si>
  <si>
    <t>1481.0001220703125</t>
  </si>
  <si>
    <t>0.05371986198676382</t>
  </si>
  <si>
    <t>5643</t>
  </si>
  <si>
    <t>27.95833396911621</t>
  </si>
  <si>
    <t>1632.0</t>
  </si>
  <si>
    <t>0.06705808456347206</t>
  </si>
  <si>
    <t>5953</t>
  </si>
  <si>
    <t>1488.9998779296875</t>
  </si>
  <si>
    <t>0.05347945518425057</t>
  </si>
  <si>
    <t>27.9666690826416</t>
  </si>
  <si>
    <t>1799.7000732421875</t>
  </si>
  <si>
    <t>0.05760626695161619</t>
  </si>
  <si>
    <t>6262</t>
  </si>
  <si>
    <t>28.083335876464844</t>
  </si>
  <si>
    <t>2190.39990234375</t>
  </si>
  <si>
    <t>-0.007001938218655468</t>
  </si>
  <si>
    <t>6427</t>
  </si>
  <si>
    <t>27.90833282470703</t>
  </si>
  <si>
    <t>1716.7998046875</t>
  </si>
  <si>
    <t>0.026008243484934468</t>
  </si>
  <si>
    <t>1843.9998779296875</t>
  </si>
  <si>
    <t>0.21442351981280083</t>
  </si>
  <si>
    <t>8473</t>
  </si>
  <si>
    <t>27.958330154418945</t>
  </si>
  <si>
    <t>1863.5001220703125</t>
  </si>
  <si>
    <t>0.0619532510143781</t>
  </si>
  <si>
    <t>28.17500114440918</t>
  </si>
  <si>
    <t>1605.800048828125</t>
  </si>
  <si>
    <t>-0.012469729893760828</t>
  </si>
  <si>
    <t>8466</t>
  </si>
  <si>
    <t>2242.0</t>
  </si>
  <si>
    <t>0.011643234776165912</t>
  </si>
  <si>
    <t>28.08333396911621</t>
  </si>
  <si>
    <t>1991.599853515625</t>
  </si>
  <si>
    <t>0.026459961998194004</t>
  </si>
  <si>
    <t>1463.0999755859375</t>
  </si>
  <si>
    <t>0.01518380675042863</t>
  </si>
  <si>
    <t>2281.89990234375</t>
  </si>
  <si>
    <t>0.02229659337158907</t>
  </si>
  <si>
    <t>9296</t>
  </si>
  <si>
    <t>1867.7999267578125</t>
  </si>
  <si>
    <t>0.029585695890611774</t>
  </si>
  <si>
    <t>9546</t>
  </si>
  <si>
    <t>28.566667556762695</t>
  </si>
  <si>
    <t>1550.400146484375</t>
  </si>
  <si>
    <t>0.026538018474148828</t>
  </si>
  <si>
    <t>28.616668701171875</t>
  </si>
  <si>
    <t>1595.7000732421875</t>
  </si>
  <si>
    <t>0.015075401168708424</t>
  </si>
  <si>
    <t>9879</t>
  </si>
  <si>
    <t>1633.60009765625</t>
  </si>
  <si>
    <t>0.01921367230992388</t>
  </si>
  <si>
    <t>10103</t>
  </si>
  <si>
    <t>1404.0999755859375</t>
  </si>
  <si>
    <t>0.02242111738325825</t>
  </si>
  <si>
    <t>28.383333206176758</t>
  </si>
  <si>
    <t>1612.0999755859375</t>
  </si>
  <si>
    <t>0.0286848935502384</t>
  </si>
  <si>
    <t>10104</t>
  </si>
  <si>
    <t>1947.39990234375</t>
  </si>
  <si>
    <t>-0.028585917947644646</t>
  </si>
  <si>
    <t>28.29166603088379</t>
  </si>
  <si>
    <t>1563.5</t>
  </si>
  <si>
    <t>0.06448284856650588</t>
  </si>
  <si>
    <t>11085</t>
  </si>
  <si>
    <t>28.200002670288086</t>
  </si>
  <si>
    <t>1852.89990234375</t>
  </si>
  <si>
    <t>0.02817860945357964</t>
  </si>
  <si>
    <t>1390</t>
  </si>
  <si>
    <t>15.441666603088379</t>
  </si>
  <si>
    <t>928.9000244140625</t>
  </si>
  <si>
    <t>165.912109375</t>
  </si>
  <si>
    <t>San Marcos</t>
  </si>
  <si>
    <t>766.7000122070312</t>
  </si>
  <si>
    <t>0.012062872449274842</t>
  </si>
  <si>
    <t>15.350001335144043</t>
  </si>
  <si>
    <t>845.7000122070312</t>
  </si>
  <si>
    <t>0.024868066578012993</t>
  </si>
  <si>
    <t>15.241667747497559</t>
  </si>
  <si>
    <t>1014.2000732421875</t>
  </si>
  <si>
    <t>0.01624165632863228</t>
  </si>
  <si>
    <t>694.0999755859375</t>
  </si>
  <si>
    <t>0.017113937372251087</t>
  </si>
  <si>
    <t>15.424999237060547</t>
  </si>
  <si>
    <t>1137.4000244140625</t>
  </si>
  <si>
    <t>0.02678731596365047</t>
  </si>
  <si>
    <t>1070</t>
  </si>
  <si>
    <t>15.316665649414062</t>
  </si>
  <si>
    <t>0.16416954885465795</t>
  </si>
  <si>
    <t>15.741667747497559</t>
  </si>
  <si>
    <t>0.15708362420409205</t>
  </si>
  <si>
    <t>15.975001335144043</t>
  </si>
  <si>
    <t>1087.5</t>
  </si>
  <si>
    <t>0.14544102128561764</t>
  </si>
  <si>
    <t>15.141667366027832</t>
  </si>
  <si>
    <t>1117.0999755859375</t>
  </si>
  <si>
    <t>0.12207094421703069</t>
  </si>
  <si>
    <t>15.450000762939453</t>
  </si>
  <si>
    <t>1092.2999267578125</t>
  </si>
  <si>
    <t>0.1087776534715843</t>
  </si>
  <si>
    <t>15.791666984558105</t>
  </si>
  <si>
    <t>943.699951171875</t>
  </si>
  <si>
    <t>0.08911077988750726</t>
  </si>
  <si>
    <t>2199</t>
  </si>
  <si>
    <t>15.833333015441895</t>
  </si>
  <si>
    <t>978.6000366210938</t>
  </si>
  <si>
    <t>0.09786004003297766</t>
  </si>
  <si>
    <t>2383</t>
  </si>
  <si>
    <t>15.966666221618652</t>
  </si>
  <si>
    <t>842.6000366210938</t>
  </si>
  <si>
    <t>0.08035748654398045</t>
  </si>
  <si>
    <t>2585</t>
  </si>
  <si>
    <t>0.08136530984378787</t>
  </si>
  <si>
    <t>-0.006987606071389152</t>
  </si>
  <si>
    <t>966.0</t>
  </si>
  <si>
    <t>0.026145280104322488</t>
  </si>
  <si>
    <t>0.2143765807350677</t>
  </si>
  <si>
    <t>0.062046905090520355</t>
  </si>
  <si>
    <t>926.4000244140625</t>
  </si>
  <si>
    <t>-0.012454903942600737</t>
  </si>
  <si>
    <t>15.741668701171875</t>
  </si>
  <si>
    <t>1351.4000244140625</t>
  </si>
  <si>
    <t>3564</t>
  </si>
  <si>
    <t>1155.8001708984375</t>
  </si>
  <si>
    <t>0.026440772728912876</t>
  </si>
  <si>
    <t>16.0</t>
  </si>
  <si>
    <t>790.5000610351562</t>
  </si>
  <si>
    <t>0.01503787736454143</t>
  </si>
  <si>
    <t>15.741665840148926</t>
  </si>
  <si>
    <t>0.022411432677074572</t>
  </si>
  <si>
    <t>3811</t>
  </si>
  <si>
    <t>1083.5</t>
  </si>
  <si>
    <t>0.029558802241544058</t>
  </si>
  <si>
    <t>3914</t>
  </si>
  <si>
    <t>920.2999267578125</t>
  </si>
  <si>
    <t>904.6998901367188</t>
  </si>
  <si>
    <t>0.014961607858577253</t>
  </si>
  <si>
    <t>4050</t>
  </si>
  <si>
    <t>16.108333587646484</t>
  </si>
  <si>
    <t>972.5</t>
  </si>
  <si>
    <t>0.019195404285985873</t>
  </si>
  <si>
    <t>0.022461881854944465</t>
  </si>
  <si>
    <t>4263</t>
  </si>
  <si>
    <t>0.0287943748096815</t>
  </si>
  <si>
    <t>4143</t>
  </si>
  <si>
    <t>1094.699951171875</t>
  </si>
  <si>
    <t>-0.02855297468780904</t>
  </si>
  <si>
    <t>16.183334350585938</t>
  </si>
  <si>
    <t>0.06426694190266069</t>
  </si>
  <si>
    <t>1063.5</t>
  </si>
  <si>
    <t>0.028340622631516155</t>
  </si>
  <si>
    <t>24.62662696838379</t>
  </si>
  <si>
    <t>1499.5440673828125</t>
  </si>
  <si>
    <t>206.10662841796875</t>
  </si>
  <si>
    <t>Santa Rosa</t>
  </si>
  <si>
    <t>24.627960205078125</t>
  </si>
  <si>
    <t>1544.6390380859375</t>
  </si>
  <si>
    <t>24.616966247558594</t>
  </si>
  <si>
    <t>1770.58642578125</t>
  </si>
  <si>
    <t>0.024347460580888658</t>
  </si>
  <si>
    <t>24.391965866088867</t>
  </si>
  <si>
    <t>1748.5977783203125</t>
  </si>
  <si>
    <t>0.01634673024566613</t>
  </si>
  <si>
    <t>2323</t>
  </si>
  <si>
    <t>24.660804748535156</t>
  </si>
  <si>
    <t>1451.057373046875</t>
  </si>
  <si>
    <t>0.017807202348388174</t>
  </si>
  <si>
    <t>24.67046546936035</t>
  </si>
  <si>
    <t>1843.307373046875</t>
  </si>
  <si>
    <t>0.026758869887451908</t>
  </si>
  <si>
    <t>24.3472843170166</t>
  </si>
  <si>
    <t>1675.7291259765625</t>
  </si>
  <si>
    <t>0.10682633101817807</t>
  </si>
  <si>
    <t>24.82228660583496</t>
  </si>
  <si>
    <t>1530.6300048828125</t>
  </si>
  <si>
    <t>0.11178054108772084</t>
  </si>
  <si>
    <t>24.8349609375</t>
  </si>
  <si>
    <t>1742.9852294921875</t>
  </si>
  <si>
    <t>0.11023242785620191</t>
  </si>
  <si>
    <t>24.152116775512695</t>
  </si>
  <si>
    <t>1656.3067626953125</t>
  </si>
  <si>
    <t>0.09270154236702766</t>
  </si>
  <si>
    <t>24.304288864135742</t>
  </si>
  <si>
    <t>1602.289306640625</t>
  </si>
  <si>
    <t>0.08457968117552106</t>
  </si>
  <si>
    <t>4237</t>
  </si>
  <si>
    <t>24.67095375061035</t>
  </si>
  <si>
    <t>1585.0447998046875</t>
  </si>
  <si>
    <t>0.06811662446404831</t>
  </si>
  <si>
    <t>24.693296432495117</t>
  </si>
  <si>
    <t>1581.378662109375</t>
  </si>
  <si>
    <t>0.07980666376827372</t>
  </si>
  <si>
    <t>4897</t>
  </si>
  <si>
    <t>24.906461715698242</t>
  </si>
  <si>
    <t>1458.706298828125</t>
  </si>
  <si>
    <t>0.06496063730748425</t>
  </si>
  <si>
    <t>5241</t>
  </si>
  <si>
    <t>24.72095489501953</t>
  </si>
  <si>
    <t>1648.815185546875</t>
  </si>
  <si>
    <t>0.06788954709984907</t>
  </si>
  <si>
    <t>5098</t>
  </si>
  <si>
    <t>24.628448486328125</t>
  </si>
  <si>
    <t>1959.067626953125</t>
  </si>
  <si>
    <t>-0.027664013866106174</t>
  </si>
  <si>
    <t>24.599456787109375</t>
  </si>
  <si>
    <t>1764.125732421875</t>
  </si>
  <si>
    <t>0.0232658807606132</t>
  </si>
  <si>
    <t>24.53278923034668</t>
  </si>
  <si>
    <t>1623.0682373046875</t>
  </si>
  <si>
    <t>-0.030550094482595824</t>
  </si>
  <si>
    <t>24.649946212768555</t>
  </si>
  <si>
    <t>1791.807861328125</t>
  </si>
  <si>
    <t>-0.07912104862211855</t>
  </si>
  <si>
    <t>24.923614501953125</t>
  </si>
  <si>
    <t>1526.0938720703125</t>
  </si>
  <si>
    <t>-0.012481332677518608</t>
  </si>
  <si>
    <t>24.459962844848633</t>
  </si>
  <si>
    <t>1986.7510986328125</t>
  </si>
  <si>
    <t>0.011625534593623144</t>
  </si>
  <si>
    <t>24.84644317626953</t>
  </si>
  <si>
    <t>1837.7010498046875</t>
  </si>
  <si>
    <t>0.02640347699400003</t>
  </si>
  <si>
    <t>24.770112991333008</t>
  </si>
  <si>
    <t>1543.638671875</t>
  </si>
  <si>
    <t>0.015308532304478817</t>
  </si>
  <si>
    <t>4981</t>
  </si>
  <si>
    <t>24.652116775512695</t>
  </si>
  <si>
    <t>1929.560791015625</t>
  </si>
  <si>
    <t>0.022331419266741648</t>
  </si>
  <si>
    <t>24.723127365112305</t>
  </si>
  <si>
    <t>1638.2994384765625</t>
  </si>
  <si>
    <t>0.02947498509153057</t>
  </si>
  <si>
    <t>5268</t>
  </si>
  <si>
    <t>25.13677978515625</t>
  </si>
  <si>
    <t>1492.380615234375</t>
  </si>
  <si>
    <t>25.152603149414062</t>
  </si>
  <si>
    <t>1576.1229248046875</t>
  </si>
  <si>
    <t>0.015258843668078725</t>
  </si>
  <si>
    <t>24.88762092590332</t>
  </si>
  <si>
    <t>1683.50537109375</t>
  </si>
  <si>
    <t>0.019072886285172785</t>
  </si>
  <si>
    <t>5576</t>
  </si>
  <si>
    <t>24.497283935546875</t>
  </si>
  <si>
    <t>1458.8931884765625</t>
  </si>
  <si>
    <t>0.022489159623937383</t>
  </si>
  <si>
    <t>5738</t>
  </si>
  <si>
    <t>24.966611862182617</t>
  </si>
  <si>
    <t>1363.7802734375</t>
  </si>
  <si>
    <t>0.028639044100950528</t>
  </si>
  <si>
    <t>25.290283203125</t>
  </si>
  <si>
    <t>1749.3140869140625</t>
  </si>
  <si>
    <t>-0.028459720151756684</t>
  </si>
  <si>
    <t>25.058279037475586</t>
  </si>
  <si>
    <t>1516.307861328125</t>
  </si>
  <si>
    <t>0.06440403119049165</t>
  </si>
  <si>
    <t>24.75127601623535</t>
  </si>
  <si>
    <t>1793.635498046875</t>
  </si>
  <si>
    <t>0.028180217130802987</t>
  </si>
  <si>
    <t>17.158334732055664</t>
  </si>
  <si>
    <t>1665.800048828125</t>
  </si>
  <si>
    <t>323.9961853027344</t>
  </si>
  <si>
    <t>Solol</t>
  </si>
  <si>
    <t>1541.7000732421875</t>
  </si>
  <si>
    <t>0.012671059828344156</t>
  </si>
  <si>
    <t>1588.2000732421875</t>
  </si>
  <si>
    <t>0.024870391805216663</t>
  </si>
  <si>
    <t>1572</t>
  </si>
  <si>
    <t>1846.9000244140625</t>
  </si>
  <si>
    <t>0.016031122416086063</t>
  </si>
  <si>
    <t>17.141666412353516</t>
  </si>
  <si>
    <t>0.017654935238720526</t>
  </si>
  <si>
    <t>2230.10009765625</t>
  </si>
  <si>
    <t>0.02652020980939529</t>
  </si>
  <si>
    <t>2102.39990234375</t>
  </si>
  <si>
    <t>0.06366321424858423</t>
  </si>
  <si>
    <t>1740.900146484375</t>
  </si>
  <si>
    <t>0.074271130907551</t>
  </si>
  <si>
    <t>17.45833396911621</t>
  </si>
  <si>
    <t>2087.7001953125</t>
  </si>
  <si>
    <t>0.07800130738105171</t>
  </si>
  <si>
    <t>2257.2998046875</t>
  </si>
  <si>
    <t>0.06410929710670032</t>
  </si>
  <si>
    <t>2047.7999267578125</t>
  </si>
  <si>
    <t>0.05981255994683554</t>
  </si>
  <si>
    <t>1934.10009765625</t>
  </si>
  <si>
    <t>0.04573193142671528</t>
  </si>
  <si>
    <t>2566</t>
  </si>
  <si>
    <t>1912.9000244140625</t>
  </si>
  <si>
    <t>0.060234986120875966</t>
  </si>
  <si>
    <t>1523.9000244140625</t>
  </si>
  <si>
    <t>0.04719292742030312</t>
  </si>
  <si>
    <t>17.283334732055664</t>
  </si>
  <si>
    <t>1636.10009765625</t>
  </si>
  <si>
    <t>0.051795027234631696</t>
  </si>
  <si>
    <t>2212.500244140625</t>
  </si>
  <si>
    <t>-0.007084691340660143</t>
  </si>
  <si>
    <t>1919.39990234375</t>
  </si>
  <si>
    <t>0.02596637117307843</t>
  </si>
  <si>
    <t>3578</t>
  </si>
  <si>
    <t>1671.30029296875</t>
  </si>
  <si>
    <t>0.21458608440573013</t>
  </si>
  <si>
    <t>17.291667938232422</t>
  </si>
  <si>
    <t>1876.0001220703125</t>
  </si>
  <si>
    <t>0.0617747837874294</t>
  </si>
  <si>
    <t>17.46666717529297</t>
  </si>
  <si>
    <t>1697.60009765625</t>
  </si>
  <si>
    <t>-0.012425804291916975</t>
  </si>
  <si>
    <t>3803</t>
  </si>
  <si>
    <t>2324.499755859375</t>
  </si>
  <si>
    <t>0.011637264364082966</t>
  </si>
  <si>
    <t>3905</t>
  </si>
  <si>
    <t>17.51666831970215</t>
  </si>
  <si>
    <t>2160.599609375</t>
  </si>
  <si>
    <t>0.026467554345526167</t>
  </si>
  <si>
    <t>17.35833168029785</t>
  </si>
  <si>
    <t>1513.0999755859375</t>
  </si>
  <si>
    <t>0.015248071795161522</t>
  </si>
  <si>
    <t>4054</t>
  </si>
  <si>
    <t>17.150001525878906</t>
  </si>
  <si>
    <t>2155.89990234375</t>
  </si>
  <si>
    <t>0.022198192942997963</t>
  </si>
  <si>
    <t>1986.400146484375</t>
  </si>
  <si>
    <t>0.029649802550528292</t>
  </si>
  <si>
    <t>17.691667556762695</t>
  </si>
  <si>
    <t>1724.199951171875</t>
  </si>
  <si>
    <t>0.026466573188162812</t>
  </si>
  <si>
    <t>17.774999618530273</t>
  </si>
  <si>
    <t>1679.5999755859375</t>
  </si>
  <si>
    <t>0.015044838801660632</t>
  </si>
  <si>
    <t>4438</t>
  </si>
  <si>
    <t>1862.0001220703125</t>
  </si>
  <si>
    <t>0.019338561940241306</t>
  </si>
  <si>
    <t>1669.39990234375</t>
  </si>
  <si>
    <t>0.022502898963926654</t>
  </si>
  <si>
    <t>1593.7001953125</t>
  </si>
  <si>
    <t>0.028452348206476685</t>
  </si>
  <si>
    <t>17.91666603088379</t>
  </si>
  <si>
    <t>1994.5003662109375</t>
  </si>
  <si>
    <t>-0.028452348206476685</t>
  </si>
  <si>
    <t>0.06441458748322937</t>
  </si>
  <si>
    <t>4980</t>
  </si>
  <si>
    <t>2041.60009765625</t>
  </si>
  <si>
    <t>0.02830858007900261</t>
  </si>
  <si>
    <t>1393</t>
  </si>
  <si>
    <t>27.200002670288086</t>
  </si>
  <si>
    <t>2353.999755859375</t>
  </si>
  <si>
    <t>115.79496002197266</t>
  </si>
  <si>
    <t>Suchitepquez</t>
  </si>
  <si>
    <t>27.224998474121094</t>
  </si>
  <si>
    <t>2168.300048828125</t>
  </si>
  <si>
    <t>0.012668018408771964</t>
  </si>
  <si>
    <t>27.2166690826416</t>
  </si>
  <si>
    <t>2250.699951171875</t>
  </si>
  <si>
    <t>0.0243732532715768</t>
  </si>
  <si>
    <t>27.09166717529297</t>
  </si>
  <si>
    <t>2548.0</t>
  </si>
  <si>
    <t>0.01608613775162482</t>
  </si>
  <si>
    <t>27.408334732055664</t>
  </si>
  <si>
    <t>2141.80029296875</t>
  </si>
  <si>
    <t>0.01773351048816174</t>
  </si>
  <si>
    <t>2162</t>
  </si>
  <si>
    <t>27.275001525878906</t>
  </si>
  <si>
    <t>3125.39990234375</t>
  </si>
  <si>
    <t>0.026718252082671867</t>
  </si>
  <si>
    <t>2578.000244140625</t>
  </si>
  <si>
    <t>0.18754992484739041</t>
  </si>
  <si>
    <t>3101</t>
  </si>
  <si>
    <t>2408.10009765625</t>
  </si>
  <si>
    <t>0.1731409960539052</t>
  </si>
  <si>
    <t>3634</t>
  </si>
  <si>
    <t>2781.100341796875</t>
  </si>
  <si>
    <t>0.15860932985566656</t>
  </si>
  <si>
    <t>4147</t>
  </si>
  <si>
    <t>26.9666690826416</t>
  </si>
  <si>
    <t>3048.39990234375</t>
  </si>
  <si>
    <t>0.13205121129026587</t>
  </si>
  <si>
    <t>27.23333168029785</t>
  </si>
  <si>
    <t>2699.599853515625</t>
  </si>
  <si>
    <t>0.11684483612635965</t>
  </si>
  <si>
    <t>2604.000244140625</t>
  </si>
  <si>
    <t>0.0958756417920732</t>
  </si>
  <si>
    <t>2551.700439453125</t>
  </si>
  <si>
    <t>0.10307720914198448</t>
  </si>
  <si>
    <t>2528.60009765625</t>
  </si>
  <si>
    <t>0.08523675363126237</t>
  </si>
  <si>
    <t>6747</t>
  </si>
  <si>
    <t>2993.2001953125</t>
  </si>
  <si>
    <t>0.08567833968936434</t>
  </si>
  <si>
    <t>2983.5</t>
  </si>
  <si>
    <t>-0.006990435248368954</t>
  </si>
  <si>
    <t>6877</t>
  </si>
  <si>
    <t>27.525001525878906</t>
  </si>
  <si>
    <t>2611.000244140625</t>
  </si>
  <si>
    <t>0.026074983940779006</t>
  </si>
  <si>
    <t>2837.10009765625</t>
  </si>
  <si>
    <t>0.21446854474002208</t>
  </si>
  <si>
    <t>2855.30029296875</t>
  </si>
  <si>
    <t>0.061880097440937476</t>
  </si>
  <si>
    <t>2313.300048828125</t>
  </si>
  <si>
    <t>-0.012430792699884563</t>
  </si>
  <si>
    <t>3158.900146484375</t>
  </si>
  <si>
    <t>0.011547985315248255</t>
  </si>
  <si>
    <t>9301</t>
  </si>
  <si>
    <t>27.7166690826416</t>
  </si>
  <si>
    <t>2660.599853515625</t>
  </si>
  <si>
    <t>0.02647357612630863</t>
  </si>
  <si>
    <t>2464.900146484375</t>
  </si>
  <si>
    <t>0.015257697962935524</t>
  </si>
  <si>
    <t>3383.900146484375</t>
  </si>
  <si>
    <t>0.022199864571964767</t>
  </si>
  <si>
    <t>27.800003051757812</t>
  </si>
  <si>
    <t>2605.599853515625</t>
  </si>
  <si>
    <t>0.029691514375045358</t>
  </si>
  <si>
    <t>10214</t>
  </si>
  <si>
    <t>2320.19970703125</t>
  </si>
  <si>
    <t>0.02648833005517659</t>
  </si>
  <si>
    <t>28.21666717529297</t>
  </si>
  <si>
    <t>2529.00048828125</t>
  </si>
  <si>
    <t>0.01506125735068764</t>
  </si>
  <si>
    <t>2331.89990234375</t>
  </si>
  <si>
    <t>0.01919921430600624</t>
  </si>
  <si>
    <t>27.474998474121094</t>
  </si>
  <si>
    <t>2030.7999267578125</t>
  </si>
  <si>
    <t>0.022544334428488355</t>
  </si>
  <si>
    <t>2544.300048828125</t>
  </si>
  <si>
    <t>0.028630693741668267</t>
  </si>
  <si>
    <t>28.266664505004883</t>
  </si>
  <si>
    <t>2962.300048828125</t>
  </si>
  <si>
    <t>-0.028630693741668267</t>
  </si>
  <si>
    <t>2735.5</t>
  </si>
  <si>
    <t>0.06456164546552046</t>
  </si>
  <si>
    <t>11861</t>
  </si>
  <si>
    <t>27.808332443237305</t>
  </si>
  <si>
    <t>2620.89990234375</t>
  </si>
  <si>
    <t>0.0281299272709834</t>
  </si>
  <si>
    <t>HND</t>
  </si>
  <si>
    <t>25.399755477905273</t>
  </si>
  <si>
    <t>2651.578369140625</t>
  </si>
  <si>
    <t>356.8064270019531</t>
  </si>
  <si>
    <t>Atlntida</t>
  </si>
  <si>
    <t>Honduras</t>
  </si>
  <si>
    <t>25.333162307739258</t>
  </si>
  <si>
    <t>2068.76953125</t>
  </si>
  <si>
    <t>-0.093163795636233</t>
  </si>
  <si>
    <t>4361</t>
  </si>
  <si>
    <t>25.40022850036621</t>
  </si>
  <si>
    <t>2597.142822265625</t>
  </si>
  <si>
    <t>0.028138119616762935</t>
  </si>
  <si>
    <t>4423</t>
  </si>
  <si>
    <t>25.228776931762695</t>
  </si>
  <si>
    <t>2624.777587890625</t>
  </si>
  <si>
    <t>0.014116810025560866</t>
  </si>
  <si>
    <t>25.490806579589844</t>
  </si>
  <si>
    <t>1680.4320068359375</t>
  </si>
  <si>
    <t>-0.04840588350419317</t>
  </si>
  <si>
    <t>25.444791793823242</t>
  </si>
  <si>
    <t>2485.092529296875</t>
  </si>
  <si>
    <t>0.017874417557928624</t>
  </si>
  <si>
    <t>25.19950294494629</t>
  </si>
  <si>
    <t>2186.926513671875</t>
  </si>
  <si>
    <t>-0.05215245369170418</t>
  </si>
  <si>
    <t>4161</t>
  </si>
  <si>
    <t>25.58928680419922</t>
  </si>
  <si>
    <t>2316.05419921875</t>
  </si>
  <si>
    <t>0.021621150752583418</t>
  </si>
  <si>
    <t>25.726242065429688</t>
  </si>
  <si>
    <t>2526.59521484375</t>
  </si>
  <si>
    <t>0.03819417568468886</t>
  </si>
  <si>
    <t>25.040990829467773</t>
  </si>
  <si>
    <t>2020.9449462890625</t>
  </si>
  <si>
    <t>-0.08972782579987282</t>
  </si>
  <si>
    <t>4099</t>
  </si>
  <si>
    <t>25.252365112304688</t>
  </si>
  <si>
    <t>2033.6416015625</t>
  </si>
  <si>
    <t>0.03652126163657954</t>
  </si>
  <si>
    <t>25.709287643432617</t>
  </si>
  <si>
    <t>2200.761474609375</t>
  </si>
  <si>
    <t>-0.011038993492391569</t>
  </si>
  <si>
    <t>4056</t>
  </si>
  <si>
    <t>25.75323486328125</t>
  </si>
  <si>
    <t>2065.565185546875</t>
  </si>
  <si>
    <t>0.0004932182590735579</t>
  </si>
  <si>
    <t>4642</t>
  </si>
  <si>
    <t>25.86203956604004</t>
  </si>
  <si>
    <t>2008.880615234375</t>
  </si>
  <si>
    <t>0.13494804156336215</t>
  </si>
  <si>
    <t>4809</t>
  </si>
  <si>
    <t>25.701745986938477</t>
  </si>
  <si>
    <t>2045.720458984375</t>
  </si>
  <si>
    <t>0.035343854443281586</t>
  </si>
  <si>
    <t>25.667726516723633</t>
  </si>
  <si>
    <t>2220.728759765625</t>
  </si>
  <si>
    <t>0.03433813758089066</t>
  </si>
  <si>
    <t>25.668922424316406</t>
  </si>
  <si>
    <t>2716.991455078125</t>
  </si>
  <si>
    <t>0.03959158145292818</t>
  </si>
  <si>
    <t>25.630189895629883</t>
  </si>
  <si>
    <t>1993.692138671875</t>
  </si>
  <si>
    <t>0.03659522959397776</t>
  </si>
  <si>
    <t>5474</t>
  </si>
  <si>
    <t>25.474538803100586</t>
  </si>
  <si>
    <t>2251.23486328125</t>
  </si>
  <si>
    <t>0.018995499695163787</t>
  </si>
  <si>
    <t>25.84004783630371</t>
  </si>
  <si>
    <t>2068.608154296875</t>
  </si>
  <si>
    <t>-0.046554812767611864</t>
  </si>
  <si>
    <t>5307</t>
  </si>
  <si>
    <t>25.42182159423828</t>
  </si>
  <si>
    <t>2092.65576171875</t>
  </si>
  <si>
    <t>0.01557190599488223</t>
  </si>
  <si>
    <t>5397</t>
  </si>
  <si>
    <t>25.655006408691406</t>
  </si>
  <si>
    <t>2536.373291015625</t>
  </si>
  <si>
    <t>0.016816539790749374</t>
  </si>
  <si>
    <t>25.85819435119629</t>
  </si>
  <si>
    <t>2000.435302734375</t>
  </si>
  <si>
    <t>0.020358337229902546</t>
  </si>
  <si>
    <t>25.674753189086914</t>
  </si>
  <si>
    <t>2786.701904296875</t>
  </si>
  <si>
    <t>0.0079566423380939</t>
  </si>
  <si>
    <t>5614</t>
  </si>
  <si>
    <t>25.728561401367188</t>
  </si>
  <si>
    <t>2104.416015625</t>
  </si>
  <si>
    <t>0.011105254735188197</t>
  </si>
  <si>
    <t>26.115806579589844</t>
  </si>
  <si>
    <t>1971.2623291015625</t>
  </si>
  <si>
    <t>0.01905491668822812</t>
  </si>
  <si>
    <t>26.186857223510742</t>
  </si>
  <si>
    <t>2178.845703125</t>
  </si>
  <si>
    <t>0.016466270300705688</t>
  </si>
  <si>
    <t>25.812726974487305</t>
  </si>
  <si>
    <t>2543.368896484375</t>
  </si>
  <si>
    <t>0.026129752636229853</t>
  </si>
  <si>
    <t>25.628087997436523</t>
  </si>
  <si>
    <t>2116.842529296875</t>
  </si>
  <si>
    <t>0.017102949058701356</t>
  </si>
  <si>
    <t>26.083234786987305</t>
  </si>
  <si>
    <t>1760.1273193359375</t>
  </si>
  <si>
    <t>0.005745727044073945</t>
  </si>
  <si>
    <t>5454</t>
  </si>
  <si>
    <t>26.190805435180664</t>
  </si>
  <si>
    <t>2097.586669921875</t>
  </si>
  <si>
    <t>-0.11341380924423383</t>
  </si>
  <si>
    <t>6042</t>
  </si>
  <si>
    <t>25.95037269592285</t>
  </si>
  <si>
    <t>2004.2569580078125</t>
  </si>
  <si>
    <t>0.10238579854108387</t>
  </si>
  <si>
    <t>6188</t>
  </si>
  <si>
    <t>25.72258186340332</t>
  </si>
  <si>
    <t>2559.04150390625</t>
  </si>
  <si>
    <t>0.02387684974634041</t>
  </si>
  <si>
    <t>1397</t>
  </si>
  <si>
    <t>2780</t>
  </si>
  <si>
    <t>28.19999885559082</t>
  </si>
  <si>
    <t>1366.199951171875</t>
  </si>
  <si>
    <t>116.30903625488281</t>
  </si>
  <si>
    <t>Choluteca</t>
  </si>
  <si>
    <t>28.366668701171875</t>
  </si>
  <si>
    <t>1591.300048828125</t>
  </si>
  <si>
    <t>-0.05129329438755015</t>
  </si>
  <si>
    <t>2700</t>
  </si>
  <si>
    <t>2410.199951171875</t>
  </si>
  <si>
    <t>0.022094139695287396</t>
  </si>
  <si>
    <t>28.32499885559082</t>
  </si>
  <si>
    <t>2103.800048828125</t>
  </si>
  <si>
    <t>0.038151765964376416</t>
  </si>
  <si>
    <t>1519.89990234375</t>
  </si>
  <si>
    <t>-0.02454110891611716</t>
  </si>
  <si>
    <t>28.45000457763672</t>
  </si>
  <si>
    <t>1987.300048828125</t>
  </si>
  <si>
    <t>0.030229001961316726</t>
  </si>
  <si>
    <t>28.066665649414062</t>
  </si>
  <si>
    <t>1919.4000244140625</t>
  </si>
  <si>
    <t>0.013380481320315774</t>
  </si>
  <si>
    <t>28.58333396911621</t>
  </si>
  <si>
    <t>-0.00807730467029355</t>
  </si>
  <si>
    <t>28.625</t>
  </si>
  <si>
    <t>1727.7998046875</t>
  </si>
  <si>
    <t>-0.003886244071477307</t>
  </si>
  <si>
    <t>2826</t>
  </si>
  <si>
    <t>27.866666793823242</t>
  </si>
  <si>
    <t>1725.9000244140625</t>
  </si>
  <si>
    <t>0.00035391966393216734</t>
  </si>
  <si>
    <t>2948</t>
  </si>
  <si>
    <t>1730.0999755859375</t>
  </si>
  <si>
    <t>0.042264690064754085</t>
  </si>
  <si>
    <t>2951</t>
  </si>
  <si>
    <t>28.56667137145996</t>
  </si>
  <si>
    <t>1873.900146484375</t>
  </si>
  <si>
    <t>0.001017121633712037</t>
  </si>
  <si>
    <t>28.600000381469727</t>
  </si>
  <si>
    <t>1795.7999267578125</t>
  </si>
  <si>
    <t>0.012460171309768064</t>
  </si>
  <si>
    <t>28.71666717529297</t>
  </si>
  <si>
    <t>1669.89990234375</t>
  </si>
  <si>
    <t>-0.16008076713535502</t>
  </si>
  <si>
    <t>28.524999618530273</t>
  </si>
  <si>
    <t>1693.4000244140625</t>
  </si>
  <si>
    <t>0.03549755415990763</t>
  </si>
  <si>
    <t>28.508333206176758</t>
  </si>
  <si>
    <t>1725.5999755859375</t>
  </si>
  <si>
    <t>0.03428055490174575</t>
  </si>
  <si>
    <t>28.56666374206543</t>
  </si>
  <si>
    <t>2021.10009765625</t>
  </si>
  <si>
    <t>0.0395024429762465</t>
  </si>
  <si>
    <t>2946</t>
  </si>
  <si>
    <t>28.48333740234375</t>
  </si>
  <si>
    <t>1678.800048828125</t>
  </si>
  <si>
    <t>0.03664426586732361</t>
  </si>
  <si>
    <t>28.283334732055664</t>
  </si>
  <si>
    <t>2137.400146484375</t>
  </si>
  <si>
    <t>0.018830415170832282</t>
  </si>
  <si>
    <t>28.649999618530273</t>
  </si>
  <si>
    <t>1334.5</t>
  </si>
  <si>
    <t>-0.046361403805290635</t>
  </si>
  <si>
    <t>2911</t>
  </si>
  <si>
    <t>28.358335494995117</t>
  </si>
  <si>
    <t>1652.5</t>
  </si>
  <si>
    <t>0.015579335357505997</t>
  </si>
  <si>
    <t>28.450002670288086</t>
  </si>
  <si>
    <t>0.01669260357248259</t>
  </si>
  <si>
    <t>28.53333282470703</t>
  </si>
  <si>
    <t>1658.199951171875</t>
  </si>
  <si>
    <t>0.02039863406856579</t>
  </si>
  <si>
    <t>28.516664505004883</t>
  </si>
  <si>
    <t>1939.7000732421875</t>
  </si>
  <si>
    <t>0.007912998757324985</t>
  </si>
  <si>
    <t>28.64166831970215</t>
  </si>
  <si>
    <t>1675.2000732421875</t>
  </si>
  <si>
    <t>0.011103967780503154</t>
  </si>
  <si>
    <t>28.875</t>
  </si>
  <si>
    <t>1643.5001220703125</t>
  </si>
  <si>
    <t>0.018980785368478692</t>
  </si>
  <si>
    <t>3191</t>
  </si>
  <si>
    <t>28.91666603088379</t>
  </si>
  <si>
    <t>1728.0</t>
  </si>
  <si>
    <t>0.01674869298526538</t>
  </si>
  <si>
    <t>3275</t>
  </si>
  <si>
    <t>1797.10009765625</t>
  </si>
  <si>
    <t>0.02598352179110819</t>
  </si>
  <si>
    <t>28.458335876464844</t>
  </si>
  <si>
    <t>1800.5</t>
  </si>
  <si>
    <t>0.016954690124327598</t>
  </si>
  <si>
    <t>1441.0999755859375</t>
  </si>
  <si>
    <t>0.005986249543630251</t>
  </si>
  <si>
    <t>28.94999885559082</t>
  </si>
  <si>
    <t>1612.0</t>
  </si>
  <si>
    <t>-0.11365102910736269</t>
  </si>
  <si>
    <t>3314</t>
  </si>
  <si>
    <t>28.725000381469727</t>
  </si>
  <si>
    <t>0.1025481393565606</t>
  </si>
  <si>
    <t>3394</t>
  </si>
  <si>
    <t>28.51666831970215</t>
  </si>
  <si>
    <t>0.02385324780766318</t>
  </si>
  <si>
    <t>1398</t>
  </si>
  <si>
    <t>3491</t>
  </si>
  <si>
    <t>25.968442916870117</t>
  </si>
  <si>
    <t>2428.8759765625</t>
  </si>
  <si>
    <t>113.44320678710938</t>
  </si>
  <si>
    <t>Coln</t>
  </si>
  <si>
    <t>3238</t>
  </si>
  <si>
    <t>26.035749435424805</t>
  </si>
  <si>
    <t>1890.50244140625</t>
  </si>
  <si>
    <t>-0.07523237286745577</t>
  </si>
  <si>
    <t>26.09540557861328</t>
  </si>
  <si>
    <t>2185.15478515625</t>
  </si>
  <si>
    <t>0.022294403309665256</t>
  </si>
  <si>
    <t>25.972726821899414</t>
  </si>
  <si>
    <t>2212.3759765625</t>
  </si>
  <si>
    <t>0.0318053261282909</t>
  </si>
  <si>
    <t>3316</t>
  </si>
  <si>
    <t>26.10346221923828</t>
  </si>
  <si>
    <t>1788.8543701171875</t>
  </si>
  <si>
    <t>-0.03029634742035192</t>
  </si>
  <si>
    <t>26.16650390625</t>
  </si>
  <si>
    <t>2047.0201416015625</t>
  </si>
  <si>
    <t>0.023839031176052572</t>
  </si>
  <si>
    <t>3109</t>
  </si>
  <si>
    <t>25.874513626098633</t>
  </si>
  <si>
    <t>2025.56005859375</t>
  </si>
  <si>
    <t>-0.0882971373724839</t>
  </si>
  <si>
    <t>3374</t>
  </si>
  <si>
    <t>26.33247947692871</t>
  </si>
  <si>
    <t>2114.652099609375</t>
  </si>
  <si>
    <t>0.08179785304715992</t>
  </si>
  <si>
    <t>26.374235153198242</t>
  </si>
  <si>
    <t>2172.341796875</t>
  </si>
  <si>
    <t>-0.003860435380808269</t>
  </si>
  <si>
    <t>25.64258575439453</t>
  </si>
  <si>
    <t>1898.314697265625</t>
  </si>
  <si>
    <t>-0.0895842655946204</t>
  </si>
  <si>
    <t>3206</t>
  </si>
  <si>
    <t>25.846506118774414</t>
  </si>
  <si>
    <t>1909.4788818359375</t>
  </si>
  <si>
    <t>0.04236977103901296</t>
  </si>
  <si>
    <t>26.29378318786621</t>
  </si>
  <si>
    <t>1974.9635009765625</t>
  </si>
  <si>
    <t>0.0071484375887767015</t>
  </si>
  <si>
    <t>3249</t>
  </si>
  <si>
    <t>26.318296432495117</t>
  </si>
  <si>
    <t>1845.8994140625</t>
  </si>
  <si>
    <t>0.006174764910825914</t>
  </si>
  <si>
    <t>26.472267150878906</t>
  </si>
  <si>
    <t>1907.0233154296875</t>
  </si>
  <si>
    <t>0.12755016736089786</t>
  </si>
  <si>
    <t>26.244699478149414</t>
  </si>
  <si>
    <t>1975.295654296875</t>
  </si>
  <si>
    <t>0.03513803066641508</t>
  </si>
  <si>
    <t>26.26604652404785</t>
  </si>
  <si>
    <t>2032.689697265625</t>
  </si>
  <si>
    <t>0.03445070768901104</t>
  </si>
  <si>
    <t>26.3248348236084</t>
  </si>
  <si>
    <t>2431.32958984375</t>
  </si>
  <si>
    <t>0.039395655568515764</t>
  </si>
  <si>
    <t>4270</t>
  </si>
  <si>
    <t>26.229684829711914</t>
  </si>
  <si>
    <t>1851.48193359375</t>
  </si>
  <si>
    <t>0.03673200926873044</t>
  </si>
  <si>
    <t>4352</t>
  </si>
  <si>
    <t>26.037086486816406</t>
  </si>
  <si>
    <t>2173.176025390625</t>
  </si>
  <si>
    <t>0.019021682313107746</t>
  </si>
  <si>
    <t>4154</t>
  </si>
  <si>
    <t>26.349960327148438</t>
  </si>
  <si>
    <t>1951.9561767578125</t>
  </si>
  <si>
    <t>-0.04656378409972106</t>
  </si>
  <si>
    <t>26.000242233276367</t>
  </si>
  <si>
    <t>1946.347412109375</t>
  </si>
  <si>
    <t>0.015526407688280841</t>
  </si>
  <si>
    <t>26.254201889038086</t>
  </si>
  <si>
    <t>2136.330078125</t>
  </si>
  <si>
    <t>0.016921672867185933</t>
  </si>
  <si>
    <t>26.340662002563477</t>
  </si>
  <si>
    <t>1869.4031982421875</t>
  </si>
  <si>
    <t>0.02030058180987382</t>
  </si>
  <si>
    <t>4414</t>
  </si>
  <si>
    <t>26.286766052246094</t>
  </si>
  <si>
    <t>2361.650390625</t>
  </si>
  <si>
    <t>0.007960920015284145</t>
  </si>
  <si>
    <t>4463</t>
  </si>
  <si>
    <t>26.313886642456055</t>
  </si>
  <si>
    <t>2079.15478515625</t>
  </si>
  <si>
    <t>0.011039877812587306</t>
  </si>
  <si>
    <t>26.675168991088867</t>
  </si>
  <si>
    <t>1998.3851318359375</t>
  </si>
  <si>
    <t>0.01908624294073391</t>
  </si>
  <si>
    <t>26.69612693786621</t>
  </si>
  <si>
    <t>2031.4365234375</t>
  </si>
  <si>
    <t>0.016568942376522955</t>
  </si>
  <si>
    <t>26.397031784057617</t>
  </si>
  <si>
    <t>2179.044677734375</t>
  </si>
  <si>
    <t>0.026036468604791807</t>
  </si>
  <si>
    <t>4829</t>
  </si>
  <si>
    <t>26.183135986328125</t>
  </si>
  <si>
    <t>2001.7650146484375</t>
  </si>
  <si>
    <t>0.017126567322224062</t>
  </si>
  <si>
    <t>4857</t>
  </si>
  <si>
    <t>26.631444931030273</t>
  </si>
  <si>
    <t>1814.7723388671875</t>
  </si>
  <si>
    <t>0.005781556472202354</t>
  </si>
  <si>
    <t>4336</t>
  </si>
  <si>
    <t>26.758100509643555</t>
  </si>
  <si>
    <t>2003.705810546875</t>
  </si>
  <si>
    <t>-0.1134686992262619</t>
  </si>
  <si>
    <t>4803</t>
  </si>
  <si>
    <t>26.58571434020996</t>
  </si>
  <si>
    <t>1989.3280029296875</t>
  </si>
  <si>
    <t>0.10228845854534185</t>
  </si>
  <si>
    <t>26.332578659057617</t>
  </si>
  <si>
    <t>2190.558349609375</t>
  </si>
  <si>
    <t>0.024067807821529286</t>
  </si>
  <si>
    <t>22.652923583984375</t>
  </si>
  <si>
    <t>1727.1854248046875</t>
  </si>
  <si>
    <t>183.47425842285156</t>
  </si>
  <si>
    <t>Comayagua</t>
  </si>
  <si>
    <t>22.735342025756836</t>
  </si>
  <si>
    <t>1558.335205078125</t>
  </si>
  <si>
    <t>-0.05113896149118702</t>
  </si>
  <si>
    <t>22.80292510986328</t>
  </si>
  <si>
    <t>2022.3970947265625</t>
  </si>
  <si>
    <t>0.03420079608578419</t>
  </si>
  <si>
    <t>22.668149948120117</t>
  </si>
  <si>
    <t>2000.658935546875</t>
  </si>
  <si>
    <t>0.06787149098636291</t>
  </si>
  <si>
    <t>3921</t>
  </si>
  <si>
    <t>22.86313819885254</t>
  </si>
  <si>
    <t>1515.827392578125</t>
  </si>
  <si>
    <t>-0.006609073370515972</t>
  </si>
  <si>
    <t>22.826417922973633</t>
  </si>
  <si>
    <t>1794.438232421875</t>
  </si>
  <si>
    <t>0.048049067920571176</t>
  </si>
  <si>
    <t>4121</t>
  </si>
  <si>
    <t>22.554824829101562</t>
  </si>
  <si>
    <t>1715.5269775390625</t>
  </si>
  <si>
    <t>0.001700061125914587</t>
  </si>
  <si>
    <t>23.039762496948242</t>
  </si>
  <si>
    <t>1761.75634765625</t>
  </si>
  <si>
    <t>0.03972457141182062</t>
  </si>
  <si>
    <t>23.133901596069336</t>
  </si>
  <si>
    <t>1734.895263671875</t>
  </si>
  <si>
    <t>-0.009843060487435551</t>
  </si>
  <si>
    <t>22.312469482421875</t>
  </si>
  <si>
    <t>1633.6478271484375</t>
  </si>
  <si>
    <t>-0.08371957998941504</t>
  </si>
  <si>
    <t>4075</t>
  </si>
  <si>
    <t>22.61176300048828</t>
  </si>
  <si>
    <t>1775.7720947265625</t>
  </si>
  <si>
    <t>0.04261296340117582</t>
  </si>
  <si>
    <t>23.028589248657227</t>
  </si>
  <si>
    <t>1789.4091796875</t>
  </si>
  <si>
    <t>0.018960217955791947</t>
  </si>
  <si>
    <t>4204</t>
  </si>
  <si>
    <t>23.067235946655273</t>
  </si>
  <si>
    <t>1606.511962890625</t>
  </si>
  <si>
    <t>0.012205488366086925</t>
  </si>
  <si>
    <t>23.215126037597656</t>
  </si>
  <si>
    <t>1544.2755126953125</t>
  </si>
  <si>
    <t>0.09370869051014807</t>
  </si>
  <si>
    <t>23.023279190063477</t>
  </si>
  <si>
    <t>1608.3812255859375</t>
  </si>
  <si>
    <t>0.03532282117330787</t>
  </si>
  <si>
    <t>4949</t>
  </si>
  <si>
    <t>23.026458740234375</t>
  </si>
  <si>
    <t>1734.381591796875</t>
  </si>
  <si>
    <t>0.03411757127158843</t>
  </si>
  <si>
    <t>5149</t>
  </si>
  <si>
    <t>23.036943435668945</t>
  </si>
  <si>
    <t>2118.156494140625</t>
  </si>
  <si>
    <t>0.0396169850942556</t>
  </si>
  <si>
    <t>5342</t>
  </si>
  <si>
    <t>22.944154739379883</t>
  </si>
  <si>
    <t>1669.4136962890625</t>
  </si>
  <si>
    <t>0.036797593623765223</t>
  </si>
  <si>
    <t>22.86945152282715</t>
  </si>
  <si>
    <t>2055.188232421875</t>
  </si>
  <si>
    <t>0.01891397010144935</t>
  </si>
  <si>
    <t>23.18449592590332</t>
  </si>
  <si>
    <t>1480.238525390625</t>
  </si>
  <si>
    <t>-0.046432548762913584</t>
  </si>
  <si>
    <t>22.841041564941406</t>
  </si>
  <si>
    <t>1739.79443359375</t>
  </si>
  <si>
    <t>0.015465702054827446</t>
  </si>
  <si>
    <t>23.016016006469727</t>
  </si>
  <si>
    <t>1783.4345703125</t>
  </si>
  <si>
    <t>0.016908161588247594</t>
  </si>
  <si>
    <t>23.085662841796875</t>
  </si>
  <si>
    <t>1671.9202880859375</t>
  </si>
  <si>
    <t>22.99241828918457</t>
  </si>
  <si>
    <t>2068.318115234375</t>
  </si>
  <si>
    <t>0.008000042667076102</t>
  </si>
  <si>
    <t>5583</t>
  </si>
  <si>
    <t>23.107139587402344</t>
  </si>
  <si>
    <t>1668.4976806640625</t>
  </si>
  <si>
    <t>0.010986152820260386</t>
  </si>
  <si>
    <t>23.481977462768555</t>
  </si>
  <si>
    <t>1660.173583984375</t>
  </si>
  <si>
    <t>0.018983981810016815</t>
  </si>
  <si>
    <t>23.5257511138916</t>
  </si>
  <si>
    <t>1701.4542236328125</t>
  </si>
  <si>
    <t>0.01655811250740058</t>
  </si>
  <si>
    <t>5938</t>
  </si>
  <si>
    <t>23.17364501953125</t>
  </si>
  <si>
    <t>1797.565673828125</t>
  </si>
  <si>
    <t>0.02610401569592824</t>
  </si>
  <si>
    <t>22.901762008666992</t>
  </si>
  <si>
    <t>1762.7275390625</t>
  </si>
  <si>
    <t>0.017031635605155415</t>
  </si>
  <si>
    <t>6076</t>
  </si>
  <si>
    <t>23.352310180664062</t>
  </si>
  <si>
    <t>1416.7486572265625</t>
  </si>
  <si>
    <t>0.005942572786802103</t>
  </si>
  <si>
    <t>5424</t>
  </si>
  <si>
    <t>23.526826858520508</t>
  </si>
  <si>
    <t>1675.657958984375</t>
  </si>
  <si>
    <t>-0.11351303409543156</t>
  </si>
  <si>
    <t>23.29509162902832</t>
  </si>
  <si>
    <t>1705.6551513671875</t>
  </si>
  <si>
    <t>0.1024247947136967</t>
  </si>
  <si>
    <t>6154</t>
  </si>
  <si>
    <t>23.070968627929688</t>
  </si>
  <si>
    <t>1814.745361328125</t>
  </si>
  <si>
    <t>0.023843931548059416</t>
  </si>
  <si>
    <t>1400</t>
  </si>
  <si>
    <t>24.35833168029785</t>
  </si>
  <si>
    <t>80.0758056640625</t>
  </si>
  <si>
    <t>Copn</t>
  </si>
  <si>
    <t>24.266664505004883</t>
  </si>
  <si>
    <t>1823.39990234375</t>
  </si>
  <si>
    <t>-0.033060862260888335</t>
  </si>
  <si>
    <t>2243</t>
  </si>
  <si>
    <t>24.308332443237305</t>
  </si>
  <si>
    <t>2247.0</t>
  </si>
  <si>
    <t>0.04607428351251386</t>
  </si>
  <si>
    <t>24.075002670288086</t>
  </si>
  <si>
    <t>2299.10009765625</t>
  </si>
  <si>
    <t>0.038054012039538065</t>
  </si>
  <si>
    <t>2301</t>
  </si>
  <si>
    <t>24.55000114440918</t>
  </si>
  <si>
    <t>1550.0999755859375</t>
  </si>
  <si>
    <t>-0.012524456524380057</t>
  </si>
  <si>
    <t>2414</t>
  </si>
  <si>
    <t>24.391664505004883</t>
  </si>
  <si>
    <t>2210.2998046875</t>
  </si>
  <si>
    <t>0.047941311622111016</t>
  </si>
  <si>
    <t>24.066665649414062</t>
  </si>
  <si>
    <t>1945.39990234375</t>
  </si>
  <si>
    <t>-0.08242748769328045</t>
  </si>
  <si>
    <t>2038.0999755859375</t>
  </si>
  <si>
    <t>0.11181735810645943</t>
  </si>
  <si>
    <t>24.775001525878906</t>
  </si>
  <si>
    <t>2106.60009765625</t>
  </si>
  <si>
    <t>-0.03395703633418723</t>
  </si>
  <si>
    <t>2477</t>
  </si>
  <si>
    <t>23.98333168029785</t>
  </si>
  <si>
    <t>1846.6002197265625</t>
  </si>
  <si>
    <t>0.030330193752890366</t>
  </si>
  <si>
    <t>24.233335494995117</t>
  </si>
  <si>
    <t>1937.2996826171875</t>
  </si>
  <si>
    <t>0.04846329452021436</t>
  </si>
  <si>
    <t>24.64167022705078</t>
  </si>
  <si>
    <t>0.006899222460271304</t>
  </si>
  <si>
    <t>24.725004196166992</t>
  </si>
  <si>
    <t>1850.400146484375</t>
  </si>
  <si>
    <t>0.018168554268808812</t>
  </si>
  <si>
    <t>24.808332443237305</t>
  </si>
  <si>
    <t>1691.199951171875</t>
  </si>
  <si>
    <t>0.49738232788919756</t>
  </si>
  <si>
    <t>24.70833396911621</t>
  </si>
  <si>
    <t>1821.9000244140625</t>
  </si>
  <si>
    <t>0.03540589403765182</t>
  </si>
  <si>
    <t>2070.60009765625</t>
  </si>
  <si>
    <t>0.034195065032646355</t>
  </si>
  <si>
    <t>4890</t>
  </si>
  <si>
    <t>2472.300048828125</t>
  </si>
  <si>
    <t>0.039629794770768</t>
  </si>
  <si>
    <t>24.508333206176758</t>
  </si>
  <si>
    <t>1843.1002197265625</t>
  </si>
  <si>
    <t>0.03674005509777345</t>
  </si>
  <si>
    <t>24.441667556762695</t>
  </si>
  <si>
    <t>2123.39990234375</t>
  </si>
  <si>
    <t>0.018940329935784206</t>
  </si>
  <si>
    <t>4935</t>
  </si>
  <si>
    <t>24.824996948242188</t>
  </si>
  <si>
    <t>1759.0999755859375</t>
  </si>
  <si>
    <t>-0.0465200156348935</t>
  </si>
  <si>
    <t>5012</t>
  </si>
  <si>
    <t>2048.800048828125</t>
  </si>
  <si>
    <t>0.01548236414837767</t>
  </si>
  <si>
    <t>5097</t>
  </si>
  <si>
    <t>2153.30029296875</t>
  </si>
  <si>
    <t>0.016817094324082404</t>
  </si>
  <si>
    <t>5202</t>
  </si>
  <si>
    <t>0.020391035668556157</t>
  </si>
  <si>
    <t>5244</t>
  </si>
  <si>
    <t>24.5916690826416</t>
  </si>
  <si>
    <t>2557.10009765625</t>
  </si>
  <si>
    <t>0.008041398874992112</t>
  </si>
  <si>
    <t>5302</t>
  </si>
  <si>
    <t>24.75</t>
  </si>
  <si>
    <t>1834.9998779296875</t>
  </si>
  <si>
    <t>0.010999541965380999</t>
  </si>
  <si>
    <t>5404</t>
  </si>
  <si>
    <t>1733.800048828125</t>
  </si>
  <si>
    <t>0.019055312231119004</t>
  </si>
  <si>
    <t>5494</t>
  </si>
  <si>
    <t>1942.599853515625</t>
  </si>
  <si>
    <t>0.01651716757512922</t>
  </si>
  <si>
    <t>5639</t>
  </si>
  <si>
    <t>24.825002670288086</t>
  </si>
  <si>
    <t>2123.800048828125</t>
  </si>
  <si>
    <t>0.02605015715196224</t>
  </si>
  <si>
    <t>5736</t>
  </si>
  <si>
    <t>24.59166717529297</t>
  </si>
  <si>
    <t>1926.1002197265625</t>
  </si>
  <si>
    <t>0.017055358472275017</t>
  </si>
  <si>
    <t>5770</t>
  </si>
  <si>
    <t>1471.2000732421875</t>
  </si>
  <si>
    <t>0.005909977222689378</t>
  </si>
  <si>
    <t>25.216665267944336</t>
  </si>
  <si>
    <t>1952.89990234375</t>
  </si>
  <si>
    <t>-0.11348120993656075</t>
  </si>
  <si>
    <t>24.89166831970215</t>
  </si>
  <si>
    <t>1875.5</t>
  </si>
  <si>
    <t>0.10232738220786075</t>
  </si>
  <si>
    <t>5844</t>
  </si>
  <si>
    <t>24.658334732055664</t>
  </si>
  <si>
    <t>2194.800048828125</t>
  </si>
  <si>
    <t>0.023897241097143862</t>
  </si>
  <si>
    <t>23.208879470825195</t>
  </si>
  <si>
    <t>1005.7571411132812</t>
  </si>
  <si>
    <t>128.08258056640625</t>
  </si>
  <si>
    <t>El Paraso</t>
  </si>
  <si>
    <t>23.262693405151367</t>
  </si>
  <si>
    <t>977.8480834960938</t>
  </si>
  <si>
    <t>-0.09318866761463518</t>
  </si>
  <si>
    <t>23.293081283569336</t>
  </si>
  <si>
    <t>1610.8408203125</t>
  </si>
  <si>
    <t>0.02186531156304916</t>
  </si>
  <si>
    <t>2674</t>
  </si>
  <si>
    <t>23.191207885742188</t>
  </si>
  <si>
    <t>1349.8092041015625</t>
  </si>
  <si>
    <t>0.050230992239769456</t>
  </si>
  <si>
    <t>23.310935974121094</t>
  </si>
  <si>
    <t>854.9141235351562</t>
  </si>
  <si>
    <t>-0.018494582636164658</t>
  </si>
  <si>
    <t>23.314512252807617</t>
  </si>
  <si>
    <t>1215.05078125</t>
  </si>
  <si>
    <t>0.030021016254857535</t>
  </si>
  <si>
    <t>23.041418075561523</t>
  </si>
  <si>
    <t>1256.39501953125</t>
  </si>
  <si>
    <t>-0.028498366550700815</t>
  </si>
  <si>
    <t>2703</t>
  </si>
  <si>
    <t>23.53790283203125</t>
  </si>
  <si>
    <t>1126.501708984375</t>
  </si>
  <si>
    <t>0.02775872154656689</t>
  </si>
  <si>
    <t>23.62497901916504</t>
  </si>
  <si>
    <t>1137.6884765625</t>
  </si>
  <si>
    <t>0.020143512076799652</t>
  </si>
  <si>
    <t>22.86063575744629</t>
  </si>
  <si>
    <t>1108.8861083984375</t>
  </si>
  <si>
    <t>-0.005818198230987726</t>
  </si>
  <si>
    <t>2861</t>
  </si>
  <si>
    <t>23.10125160217285</t>
  </si>
  <si>
    <t>1117.3624267578125</t>
  </si>
  <si>
    <t>0.0424836329278504</t>
  </si>
  <si>
    <t>23.47850799560547</t>
  </si>
  <si>
    <t>1130.9871826171875</t>
  </si>
  <si>
    <t>0.0010480350304264974</t>
  </si>
  <si>
    <t>2917</t>
  </si>
  <si>
    <t>23.52101707458496</t>
  </si>
  <si>
    <t>1042.0390625</t>
  </si>
  <si>
    <t>0.018336441787185187</t>
  </si>
  <si>
    <t>23.700037002563477</t>
  </si>
  <si>
    <t>1093.70556640625</t>
  </si>
  <si>
    <t>0.19328851047774176</t>
  </si>
  <si>
    <t>23.46290397644043</t>
  </si>
  <si>
    <t>1124.809814453125</t>
  </si>
  <si>
    <t>0.035256948054186665</t>
  </si>
  <si>
    <t>3794</t>
  </si>
  <si>
    <t>23.556974411010742</t>
  </si>
  <si>
    <t>1124.1845703125</t>
  </si>
  <si>
    <t>0.03431972209530976</t>
  </si>
  <si>
    <t>23.566564559936523</t>
  </si>
  <si>
    <t>1348.32177734375</t>
  </si>
  <si>
    <t>0.039534925167886925</t>
  </si>
  <si>
    <t>4095</t>
  </si>
  <si>
    <t>23.462247848510742</t>
  </si>
  <si>
    <t>1060.490966796875</t>
  </si>
  <si>
    <t>0.03681092062432256</t>
  </si>
  <si>
    <t>23.42304801940918</t>
  </si>
  <si>
    <t>1310.5992431640625</t>
  </si>
  <si>
    <t>3984</t>
  </si>
  <si>
    <t>23.6873779296875</t>
  </si>
  <si>
    <t>949.7808837890625</t>
  </si>
  <si>
    <t>-0.04634886188706311</t>
  </si>
  <si>
    <t>23.392318725585938</t>
  </si>
  <si>
    <t>1110.861083984375</t>
  </si>
  <si>
    <t>0.015442399023202213</t>
  </si>
  <si>
    <t>23.484952926635742</t>
  </si>
  <si>
    <t>1117.7242431640625</t>
  </si>
  <si>
    <t>0.016910095383478208</t>
  </si>
  <si>
    <t>23.53236961364746</t>
  </si>
  <si>
    <t>1131.47021484375</t>
  </si>
  <si>
    <t>0.02020756757302422</t>
  </si>
  <si>
    <t>23.464426040649414</t>
  </si>
  <si>
    <t>1338.9200439453125</t>
  </si>
  <si>
    <t>0.008064559836730822</t>
  </si>
  <si>
    <t>23.596166610717773</t>
  </si>
  <si>
    <t>991.8198852539062</t>
  </si>
  <si>
    <t>0.011042048054918041</t>
  </si>
  <si>
    <t>4362</t>
  </si>
  <si>
    <t>23.9518985748291</t>
  </si>
  <si>
    <t>1056.6187744140625</t>
  </si>
  <si>
    <t>0.018977658185731272</t>
  </si>
  <si>
    <t>4435</t>
  </si>
  <si>
    <t>23.968414306640625</t>
  </si>
  <si>
    <t>1129.640869140625</t>
  </si>
  <si>
    <t>0.01659694798210687</t>
  </si>
  <si>
    <t>23.701322555541992</t>
  </si>
  <si>
    <t>1156.691162109375</t>
  </si>
  <si>
    <t>0.026039081062485536</t>
  </si>
  <si>
    <t>23.40057373046875</t>
  </si>
  <si>
    <t>1066.9073486328125</t>
  </si>
  <si>
    <t>0.016990171274112953</t>
  </si>
  <si>
    <t>4657</t>
  </si>
  <si>
    <t>23.84556770324707</t>
  </si>
  <si>
    <t>916.6799926757812</t>
  </si>
  <si>
    <t>0.0058145959020983184</t>
  </si>
  <si>
    <t>23.993345260620117</t>
  </si>
  <si>
    <t>1107.0750732421875</t>
  </si>
  <si>
    <t>-0.11333727456441878</t>
  </si>
  <si>
    <t>23.794328689575195</t>
  </si>
  <si>
    <t>1132.3409423828125</t>
  </si>
  <si>
    <t>0.1023256119626712</t>
  </si>
  <si>
    <t>23.60188865661621</t>
  </si>
  <si>
    <t>1137.5892333984375</t>
  </si>
  <si>
    <t>0.024025179586990575</t>
  </si>
  <si>
    <t>22.42134666442871</t>
  </si>
  <si>
    <t>1116.1170654296875</t>
  </si>
  <si>
    <t>377.42572021484375</t>
  </si>
  <si>
    <t>Francisco Morazn</t>
  </si>
  <si>
    <t>22.434423446655273</t>
  </si>
  <si>
    <t>1173.77734375</t>
  </si>
  <si>
    <t>-0.039200301726964426</t>
  </si>
  <si>
    <t>5780</t>
  </si>
  <si>
    <t>22.53083610534668</t>
  </si>
  <si>
    <t>1961.4886474609375</t>
  </si>
  <si>
    <t>0.02221730499113228</t>
  </si>
  <si>
    <t>6003</t>
  </si>
  <si>
    <t>22.298757553100586</t>
  </si>
  <si>
    <t>1600.35400390625</t>
  </si>
  <si>
    <t>0.03785566158541975</t>
  </si>
  <si>
    <t>22.55283546447754</t>
  </si>
  <si>
    <t>1031.0045166015625</t>
  </si>
  <si>
    <t>-0.02445109586416372</t>
  </si>
  <si>
    <t>22.47095489501953</t>
  </si>
  <si>
    <t>1367.0133056640625</t>
  </si>
  <si>
    <t>0.03604446850989618</t>
  </si>
  <si>
    <t>22.229385375976562</t>
  </si>
  <si>
    <t>1460.486083984375</t>
  </si>
  <si>
    <t>-0.010427968368322382</t>
  </si>
  <si>
    <t>6180</t>
  </si>
  <si>
    <t>22.702638626098633</t>
  </si>
  <si>
    <t>1339.1265869140625</t>
  </si>
  <si>
    <t>0.027893522922484593</t>
  </si>
  <si>
    <t>6083</t>
  </si>
  <si>
    <t>22.784423828125</t>
  </si>
  <si>
    <t>1348.427734375</t>
  </si>
  <si>
    <t>-0.01582027613103243</t>
  </si>
  <si>
    <t>22.007776260375977</t>
  </si>
  <si>
    <t>1288.351806640625</t>
  </si>
  <si>
    <t>-0.02378886196401453</t>
  </si>
  <si>
    <t>6198</t>
  </si>
  <si>
    <t>22.31940269470215</t>
  </si>
  <si>
    <t>1347.0196533203125</t>
  </si>
  <si>
    <t>0.04251752599100378</t>
  </si>
  <si>
    <t>6167</t>
  </si>
  <si>
    <t>22.67259979248047</t>
  </si>
  <si>
    <t>1325.833251953125</t>
  </si>
  <si>
    <t>-0.0050141633562006405</t>
  </si>
  <si>
    <t>6206</t>
  </si>
  <si>
    <t>22.71765899658203</t>
  </si>
  <si>
    <t>1197.900146484375</t>
  </si>
  <si>
    <t>0.006304070016831531</t>
  </si>
  <si>
    <t>22.89934539794922</t>
  </si>
  <si>
    <t>1291.3924560546875</t>
  </si>
  <si>
    <t>-0.14506116635680755</t>
  </si>
  <si>
    <t>22.6693058013916</t>
  </si>
  <si>
    <t>1349.6474609375</t>
  </si>
  <si>
    <t>0.03532254853604577</t>
  </si>
  <si>
    <t>5755</t>
  </si>
  <si>
    <t>22.70777702331543</t>
  </si>
  <si>
    <t>1331.4759521484375</t>
  </si>
  <si>
    <t>0.03429109396842023</t>
  </si>
  <si>
    <t>22.732675552368164</t>
  </si>
  <si>
    <t>1631.6207275390625</t>
  </si>
  <si>
    <t>0.03952140976936924</t>
  </si>
  <si>
    <t>6211</t>
  </si>
  <si>
    <t>22.570953369140625</t>
  </si>
  <si>
    <t>1263.851806640625</t>
  </si>
  <si>
    <t>0.036731461633950246</t>
  </si>
  <si>
    <t>6329</t>
  </si>
  <si>
    <t>22.6979923248291</t>
  </si>
  <si>
    <t>1568.021728515625</t>
  </si>
  <si>
    <t>0.0188203322160021</t>
  </si>
  <si>
    <t>22.9244441986084</t>
  </si>
  <si>
    <t>1141.355712890625</t>
  </si>
  <si>
    <t>-0.04640716282868773</t>
  </si>
  <si>
    <t>22.591110229492188</t>
  </si>
  <si>
    <t>1332.47705078125</t>
  </si>
  <si>
    <t>0.015437981100474119</t>
  </si>
  <si>
    <t>6241</t>
  </si>
  <si>
    <t>22.70952033996582</t>
  </si>
  <si>
    <t>1327.5189208984375</t>
  </si>
  <si>
    <t>0.016967361886951693</t>
  </si>
  <si>
    <t>22.711069107055664</t>
  </si>
  <si>
    <t>1340.7611083984375</t>
  </si>
  <si>
    <t>0.02030204543732239</t>
  </si>
  <si>
    <t>22.604188919067383</t>
  </si>
  <si>
    <t>1671.8819580078125</t>
  </si>
  <si>
    <t>0.007975646312640805</t>
  </si>
  <si>
    <t>22.78761863708496</t>
  </si>
  <si>
    <t>1118.1136474609375</t>
  </si>
  <si>
    <t>0.0109984843494626</t>
  </si>
  <si>
    <t>23.166208267211914</t>
  </si>
  <si>
    <t>1270.8892822265625</t>
  </si>
  <si>
    <t>0.01907435567005855</t>
  </si>
  <si>
    <t>23.161169052124023</t>
  </si>
  <si>
    <t>1330.48974609375</t>
  </si>
  <si>
    <t>0.016489655596688024</t>
  </si>
  <si>
    <t>22.832679748535156</t>
  </si>
  <si>
    <t>1366.7706298828125</t>
  </si>
  <si>
    <t>0.026120340463048564</t>
  </si>
  <si>
    <t>22.454187393188477</t>
  </si>
  <si>
    <t>1263.5579833984375</t>
  </si>
  <si>
    <t>0.01708952339575731</t>
  </si>
  <si>
    <t>22.962717056274414</t>
  </si>
  <si>
    <t>1082.186767578125</t>
  </si>
  <si>
    <t>0.005820986124774663</t>
  </si>
  <si>
    <t>23.194503784179688</t>
  </si>
  <si>
    <t>1349.0194091796875</t>
  </si>
  <si>
    <t>-0.11350990217878909</t>
  </si>
  <si>
    <t>6986</t>
  </si>
  <si>
    <t>22.971147537231445</t>
  </si>
  <si>
    <t>1343.705322265625</t>
  </si>
  <si>
    <t>0.10240658526176993</t>
  </si>
  <si>
    <t>22.756227493286133</t>
  </si>
  <si>
    <t>1372.52490234375</t>
  </si>
  <si>
    <t>0.02404301926183372</t>
  </si>
  <si>
    <t>1404</t>
  </si>
  <si>
    <t>26.851346969604492</t>
  </si>
  <si>
    <t>3203.425048828125</t>
  </si>
  <si>
    <t>31.86326026916504</t>
  </si>
  <si>
    <t>Gracias a Dios</t>
  </si>
  <si>
    <t>27.000276565551758</t>
  </si>
  <si>
    <t>2572.14453125</t>
  </si>
  <si>
    <t>27.080156326293945</t>
  </si>
  <si>
    <t>2974.2666015625</t>
  </si>
  <si>
    <t>27.00510597229004</t>
  </si>
  <si>
    <t>2828.5283203125</t>
  </si>
  <si>
    <t>27.18103790283203</t>
  </si>
  <si>
    <t>2759.66259765625</t>
  </si>
  <si>
    <t>27.190805435180664</t>
  </si>
  <si>
    <t>2981.701171875</t>
  </si>
  <si>
    <t>26.833023071289062</t>
  </si>
  <si>
    <t>3010.20556640625</t>
  </si>
  <si>
    <t>27.344388961791992</t>
  </si>
  <si>
    <t>2850.846923828125</t>
  </si>
  <si>
    <t>27.401634216308594</t>
  </si>
  <si>
    <t>2973.2783203125</t>
  </si>
  <si>
    <t>26.722501754760742</t>
  </si>
  <si>
    <t>3003.030029296875</t>
  </si>
  <si>
    <t>26.89483070373535</t>
  </si>
  <si>
    <t>2845.655517578125</t>
  </si>
  <si>
    <t>27.309011459350586</t>
  </si>
  <si>
    <t>2893.937255859375</t>
  </si>
  <si>
    <t>27.342260360717773</t>
  </si>
  <si>
    <t>2789.942138671875</t>
  </si>
  <si>
    <t>27.462913513183594</t>
  </si>
  <si>
    <t>2916.95361328125</t>
  </si>
  <si>
    <t>27.220237731933594</t>
  </si>
  <si>
    <t>3057.541015625</t>
  </si>
  <si>
    <t>27.251754760742188</t>
  </si>
  <si>
    <t>2965.35107421875</t>
  </si>
  <si>
    <t>27.388442993164062</t>
  </si>
  <si>
    <t>3020.319091796875</t>
  </si>
  <si>
    <t>27.220504760742188</t>
  </si>
  <si>
    <t>2868.8994140625</t>
  </si>
  <si>
    <t>27.06584358215332</t>
  </si>
  <si>
    <t>3008.04638671875</t>
  </si>
  <si>
    <t>27.278175354003906</t>
  </si>
  <si>
    <t>2958.64306640625</t>
  </si>
  <si>
    <t>27.021669387817383</t>
  </si>
  <si>
    <t>2990.34814453125</t>
  </si>
  <si>
    <t>27.13678741455078</t>
  </si>
  <si>
    <t>2912.93408203125</t>
  </si>
  <si>
    <t>27.273637771606445</t>
  </si>
  <si>
    <t>2892.37939453125</t>
  </si>
  <si>
    <t>27.259897232055664</t>
  </si>
  <si>
    <t>2976.10400390625</t>
  </si>
  <si>
    <t>27.320581436157227</t>
  </si>
  <si>
    <t>2805.0712890625</t>
  </si>
  <si>
    <t>27.608083724975586</t>
  </si>
  <si>
    <t>2809.184326171875</t>
  </si>
  <si>
    <t>27.579130172729492</t>
  </si>
  <si>
    <t>2882.642822265625</t>
  </si>
  <si>
    <t>27.395479202270508</t>
  </si>
  <si>
    <t>3037.265625</t>
  </si>
  <si>
    <t>27.19574737548828</t>
  </si>
  <si>
    <t>2760.46826171875</t>
  </si>
  <si>
    <t>27.5674991607666</t>
  </si>
  <si>
    <t>2778.12255859375</t>
  </si>
  <si>
    <t>27.654367446899414</t>
  </si>
  <si>
    <t>2997.191162109375</t>
  </si>
  <si>
    <t>27.485090255737305</t>
  </si>
  <si>
    <t>2838.96337890625</t>
  </si>
  <si>
    <t>27.288850784301758</t>
  </si>
  <si>
    <t>2990.386474609375</t>
  </si>
  <si>
    <t>1549.7000732421875</t>
  </si>
  <si>
    <t>54.57455825805664</t>
  </si>
  <si>
    <t>Intibuc</t>
  </si>
  <si>
    <t>2594</t>
  </si>
  <si>
    <t>-0.009591479631322564</t>
  </si>
  <si>
    <t>2652</t>
  </si>
  <si>
    <t>21.308334350585938</t>
  </si>
  <si>
    <t>2372.10009765625</t>
  </si>
  <si>
    <t>0.02211298642936388</t>
  </si>
  <si>
    <t>0.03227881795732479</t>
  </si>
  <si>
    <t>2672</t>
  </si>
  <si>
    <t>-0.02476563460654191</t>
  </si>
  <si>
    <t>2021.4002685546875</t>
  </si>
  <si>
    <t>0.030227144632063663</t>
  </si>
  <si>
    <t>2725</t>
  </si>
  <si>
    <t>20.991666793823242</t>
  </si>
  <si>
    <t>1793.0001220703125</t>
  </si>
  <si>
    <t>-0.010585972191255344</t>
  </si>
  <si>
    <t>21.500001907348633</t>
  </si>
  <si>
    <t>1788.2000732421875</t>
  </si>
  <si>
    <t>0.009859491955889865</t>
  </si>
  <si>
    <t>1749.5001220703125</t>
  </si>
  <si>
    <t>-0.003640338930974707</t>
  </si>
  <si>
    <t>2710</t>
  </si>
  <si>
    <t>20.749998092651367</t>
  </si>
  <si>
    <t>1678.0</t>
  </si>
  <si>
    <t>-0.011738946248512683</t>
  </si>
  <si>
    <t>21.075000762939453</t>
  </si>
  <si>
    <t>1833.2999267578125</t>
  </si>
  <si>
    <t>0.04226744381984382</t>
  </si>
  <si>
    <t>21.458335876464844</t>
  </si>
  <si>
    <t>1928.2998046875</t>
  </si>
  <si>
    <t>0.0010606329436928519</t>
  </si>
  <si>
    <t>21.57499885559082</t>
  </si>
  <si>
    <t>1793.300048828125</t>
  </si>
  <si>
    <t>0.012291638511555902</t>
  </si>
  <si>
    <t>21.674997329711914</t>
  </si>
  <si>
    <t>1526.0999755859375</t>
  </si>
  <si>
    <t>-0.20455645904584152</t>
  </si>
  <si>
    <t>1601.7999267578125</t>
  </si>
  <si>
    <t>0.03534234050702967</t>
  </si>
  <si>
    <t>2504</t>
  </si>
  <si>
    <t>21.483335494995117</t>
  </si>
  <si>
    <t>1768.89990234375</t>
  </si>
  <si>
    <t>0.034535221609961475</t>
  </si>
  <si>
    <t>2605</t>
  </si>
  <si>
    <t>21.491668701171875</t>
  </si>
  <si>
    <t>2268.2001953125</t>
  </si>
  <si>
    <t>0.03954322196747828</t>
  </si>
  <si>
    <t>2702</t>
  </si>
  <si>
    <t>21.35833168029785</t>
  </si>
  <si>
    <t>1563.2999267578125</t>
  </si>
  <si>
    <t>0.03655956433267704</t>
  </si>
  <si>
    <t>21.408334732055664</t>
  </si>
  <si>
    <t>1857.5</t>
  </si>
  <si>
    <t>0.01906216076845535</t>
  </si>
  <si>
    <t>1247.80029296875</t>
  </si>
  <si>
    <t>-0.046450854558719</t>
  </si>
  <si>
    <t>1709.7998046875</t>
  </si>
  <si>
    <t>0.015474926664414745</t>
  </si>
  <si>
    <t>1803.5999755859375</t>
  </si>
  <si>
    <t>0.01708173728429152</t>
  </si>
  <si>
    <t>21.533334732055664</t>
  </si>
  <si>
    <t>1797.5</t>
  </si>
  <si>
    <t>0.020048056184391427</t>
  </si>
  <si>
    <t>2100.000244140625</t>
  </si>
  <si>
    <t>0.00790802108219868</t>
  </si>
  <si>
    <t>21.566665649414062</t>
  </si>
  <si>
    <t>1702.5</t>
  </si>
  <si>
    <t>0.011038032667955555</t>
  </si>
  <si>
    <t>1419.7999267578125</t>
  </si>
  <si>
    <t>0.019288691999043373</t>
  </si>
  <si>
    <t>21.974998474121094</t>
  </si>
  <si>
    <t>1736.89990234375</t>
  </si>
  <si>
    <t>0.01653499607970943</t>
  </si>
  <si>
    <t>3004</t>
  </si>
  <si>
    <t>21.641664505004883</t>
  </si>
  <si>
    <t>1903.0</t>
  </si>
  <si>
    <t>0.025966726192140577</t>
  </si>
  <si>
    <t>1848.199951171875</t>
  </si>
  <si>
    <t>0.01716213740238537</t>
  </si>
  <si>
    <t>21.75</t>
  </si>
  <si>
    <t>1319.199951171875</t>
  </si>
  <si>
    <t>0.0058727738121291395</t>
  </si>
  <si>
    <t>2744</t>
  </si>
  <si>
    <t>22.0</t>
  </si>
  <si>
    <t>1563.30029296875</t>
  </si>
  <si>
    <t>-0.11356293525276495</t>
  </si>
  <si>
    <t>3040</t>
  </si>
  <si>
    <t>21.766664505004883</t>
  </si>
  <si>
    <t>1743.4002685546875</t>
  </si>
  <si>
    <t>0.1024408055544912</t>
  </si>
  <si>
    <t>3113</t>
  </si>
  <si>
    <t>1806.000244140625</t>
  </si>
  <si>
    <t>0.02372937604134151</t>
  </si>
  <si>
    <t>21.78533172607422</t>
  </si>
  <si>
    <t>1501.677734375</t>
  </si>
  <si>
    <t>145.54458618164062</t>
  </si>
  <si>
    <t>Lempira</t>
  </si>
  <si>
    <t>21.8782901763916</t>
  </si>
  <si>
    <t>1487.086669921875</t>
  </si>
  <si>
    <t>0.00273149582560972</t>
  </si>
  <si>
    <t>21.92864227294922</t>
  </si>
  <si>
    <t>2045.1385498046875</t>
  </si>
  <si>
    <t>0.033792434975262076</t>
  </si>
  <si>
    <t>1946</t>
  </si>
  <si>
    <t>21.817842483520508</t>
  </si>
  <si>
    <t>2000.51416015625</t>
  </si>
  <si>
    <t>0.026029579930983537</t>
  </si>
  <si>
    <t>22.114089965820312</t>
  </si>
  <si>
    <t>1330.0726318359375</t>
  </si>
  <si>
    <t>-0.012409673215712402</t>
  </si>
  <si>
    <t>22.038267135620117</t>
  </si>
  <si>
    <t>1868.3035888671875</t>
  </si>
  <si>
    <t>0.03627473068255682</t>
  </si>
  <si>
    <t>1949</t>
  </si>
  <si>
    <t>21.735334396362305</t>
  </si>
  <si>
    <t>1688.8590087890625</t>
  </si>
  <si>
    <t>-0.02232462070523411</t>
  </si>
  <si>
    <t>22.188268661499023</t>
  </si>
  <si>
    <t>1665.8699951171875</t>
  </si>
  <si>
    <t>0.039733665203512736</t>
  </si>
  <si>
    <t>22.313268661499023</t>
  </si>
  <si>
    <t>1680.7177734375</t>
  </si>
  <si>
    <t>0.0019704439872993973</t>
  </si>
  <si>
    <t>21.50739860534668</t>
  </si>
  <si>
    <t>1568.7464599609375</t>
  </si>
  <si>
    <t>0.0063772597785289875</t>
  </si>
  <si>
    <t>2146</t>
  </si>
  <si>
    <t>21.793664932250977</t>
  </si>
  <si>
    <t>1682.8197021484375</t>
  </si>
  <si>
    <t>0.048207854713742115</t>
  </si>
  <si>
    <t>22.2103328704834</t>
  </si>
  <si>
    <t>1724.17236328125</t>
  </si>
  <si>
    <t>0.01296314449051117</t>
  </si>
  <si>
    <t>22.29155158996582</t>
  </si>
  <si>
    <t>1607.839111328125</t>
  </si>
  <si>
    <t>0.018232045587427415</t>
  </si>
  <si>
    <t>22.40739631652832</t>
  </si>
  <si>
    <t>1429.7066650390625</t>
  </si>
  <si>
    <t>0.16684559930850718</t>
  </si>
  <si>
    <t>22.244489669799805</t>
  </si>
  <si>
    <t>1522.6064453125</t>
  </si>
  <si>
    <t>0.03530220129665729</t>
  </si>
  <si>
    <t>22.217844009399414</t>
  </si>
  <si>
    <t>1695.5489501953125</t>
  </si>
  <si>
    <t>0.03445490408304952</t>
  </si>
  <si>
    <t>22.177820205688477</t>
  </si>
  <si>
    <t>2038.177001953125</t>
  </si>
  <si>
    <t>22.15739631652832</t>
  </si>
  <si>
    <t>1528.30322265625</t>
  </si>
  <si>
    <t>0.03667357993898879</t>
  </si>
  <si>
    <t>21.9482421875</t>
  </si>
  <si>
    <t>1774.983154296875</t>
  </si>
  <si>
    <t>0.018979627317769143</t>
  </si>
  <si>
    <t>2945</t>
  </si>
  <si>
    <t>22.323244094848633</t>
  </si>
  <si>
    <t>1354.375244140625</t>
  </si>
  <si>
    <t>-0.04644284025380152</t>
  </si>
  <si>
    <t>21.952001571655273</t>
  </si>
  <si>
    <t>1677.855224609375</t>
  </si>
  <si>
    <t>0.015498962544260309</t>
  </si>
  <si>
    <t>22.212799072265625</t>
  </si>
  <si>
    <t>1709.653076171875</t>
  </si>
  <si>
    <t>0.016907414189290648</t>
  </si>
  <si>
    <t>22.3203067779541</t>
  </si>
  <si>
    <t>1622.276611328125</t>
  </si>
  <si>
    <t>0.02017640848387181</t>
  </si>
  <si>
    <t>22.189088821411133</t>
  </si>
  <si>
    <t>1996.806884765625</t>
  </si>
  <si>
    <t>0.008021862365772847</t>
  </si>
  <si>
    <t>3164</t>
  </si>
  <si>
    <t>22.297422409057617</t>
  </si>
  <si>
    <t>1528.5870361328125</t>
  </si>
  <si>
    <t>0.011123585218662413</t>
  </si>
  <si>
    <t>22.657400131225586</t>
  </si>
  <si>
    <t>1439.8900146484375</t>
  </si>
  <si>
    <t>0.019095900342327</t>
  </si>
  <si>
    <t>22.744489669799805</t>
  </si>
  <si>
    <t>1625.7646484375</t>
  </si>
  <si>
    <t>22.361154556274414</t>
  </si>
  <si>
    <t>1751.4451904296875</t>
  </si>
  <si>
    <t>0.025889465234179454</t>
  </si>
  <si>
    <t>3423</t>
  </si>
  <si>
    <t>22.182397842407227</t>
  </si>
  <si>
    <t>1632.0810546875</t>
  </si>
  <si>
    <t>0.01708939645135743</t>
  </si>
  <si>
    <t>3443</t>
  </si>
  <si>
    <t>22.626998901367188</t>
  </si>
  <si>
    <t>1274.33935546875</t>
  </si>
  <si>
    <t>0.005825824808338709</t>
  </si>
  <si>
    <t>22.75364112854004</t>
  </si>
  <si>
    <t>1572.824951171875</t>
  </si>
  <si>
    <t>-0.11336353923998388</t>
  </si>
  <si>
    <t>22.51655387878418</t>
  </si>
  <si>
    <t>1605.495849609375</t>
  </si>
  <si>
    <t>0.10226529448507193</t>
  </si>
  <si>
    <t>22.27699851989746</t>
  </si>
  <si>
    <t>1722.787841796875</t>
  </si>
  <si>
    <t>0.024083566445257887</t>
  </si>
  <si>
    <t>1410</t>
  </si>
  <si>
    <t>23.79133415222168</t>
  </si>
  <si>
    <t>1330.6041259765625</t>
  </si>
  <si>
    <t>169.3455810546875</t>
  </si>
  <si>
    <t>Olancho</t>
  </si>
  <si>
    <t>23.833295822143555</t>
  </si>
  <si>
    <t>1211.0350341796875</t>
  </si>
  <si>
    <t>-0.0749557092176314</t>
  </si>
  <si>
    <t>23.86076545715332</t>
  </si>
  <si>
    <t>1865.2149658203125</t>
  </si>
  <si>
    <t>0.04008293520350392</t>
  </si>
  <si>
    <t>23.82216453552246</t>
  </si>
  <si>
    <t>1665.3372802734375</t>
  </si>
  <si>
    <t>0.03792807733800885</t>
  </si>
  <si>
    <t>3218</t>
  </si>
  <si>
    <t>23.88172721862793</t>
  </si>
  <si>
    <t>1143.947509765625</t>
  </si>
  <si>
    <t>-0.018473431751445446</t>
  </si>
  <si>
    <t>23.97864532470703</t>
  </si>
  <si>
    <t>1541.8270263671875</t>
  </si>
  <si>
    <t>0.029999188702856117</t>
  </si>
  <si>
    <t>23.682397842407227</t>
  </si>
  <si>
    <t>1453.1239013671875</t>
  </si>
  <si>
    <t>-0.08821837773966479</t>
  </si>
  <si>
    <t>24.134843826293945</t>
  </si>
  <si>
    <t>1398.5833740234375</t>
  </si>
  <si>
    <t>0.10555812459039338</t>
  </si>
  <si>
    <t>3569</t>
  </si>
  <si>
    <t>24.209619522094727</t>
  </si>
  <si>
    <t>1411.768310546875</t>
  </si>
  <si>
    <t>0.05618646038424657</t>
  </si>
  <si>
    <t>23.478010177612305</t>
  </si>
  <si>
    <t>1336.79052734375</t>
  </si>
  <si>
    <t>-0.01183779325410761</t>
  </si>
  <si>
    <t>3702</t>
  </si>
  <si>
    <t>23.691328048706055</t>
  </si>
  <si>
    <t>1404.22900390625</t>
  </si>
  <si>
    <t>0.04842556289739086</t>
  </si>
  <si>
    <t>24.110197067260742</t>
  </si>
  <si>
    <t>1459.9693603515625</t>
  </si>
  <si>
    <t>0.00699868267203918</t>
  </si>
  <si>
    <t>24.17173194885254</t>
  </si>
  <si>
    <t>1382.088623046875</t>
  </si>
  <si>
    <t>0.018339384426319327</t>
  </si>
  <si>
    <t>24.314531326293945</t>
  </si>
  <si>
    <t>1296.883056640625</t>
  </si>
  <si>
    <t>-0.06360839462596601</t>
  </si>
  <si>
    <t>24.08568000793457</t>
  </si>
  <si>
    <t>1335.474609375</t>
  </si>
  <si>
    <t>0.03529453742416244</t>
  </si>
  <si>
    <t>24.154861450195312</t>
  </si>
  <si>
    <t>1393.9437255859375</t>
  </si>
  <si>
    <t>0.03435299857062191</t>
  </si>
  <si>
    <t>24.17774200439453</t>
  </si>
  <si>
    <t>1720.0352783203125</t>
  </si>
  <si>
    <t>0.03952272151114222</t>
  </si>
  <si>
    <t>24.12107276916504</t>
  </si>
  <si>
    <t>1281.041748046875</t>
  </si>
  <si>
    <t>0.036807909595138355</t>
  </si>
  <si>
    <t>23.849355697631836</t>
  </si>
  <si>
    <t>1482.89794921875</t>
  </si>
  <si>
    <t>0.018741538462482055</t>
  </si>
  <si>
    <t>24.153520584106445</t>
  </si>
  <si>
    <t>1113.6082763671875</t>
  </si>
  <si>
    <t>-0.04628200539933047</t>
  </si>
  <si>
    <t>23.84455108642578</t>
  </si>
  <si>
    <t>1379.9298095703125</t>
  </si>
  <si>
    <t>0.01533924187836</t>
  </si>
  <si>
    <t>24.048858642578125</t>
  </si>
  <si>
    <t>1427.79296875</t>
  </si>
  <si>
    <t>0.017040334428989112</t>
  </si>
  <si>
    <t>24.228208541870117</t>
  </si>
  <si>
    <t>1400.72119140625</t>
  </si>
  <si>
    <t>0.020308904912726078</t>
  </si>
  <si>
    <t>24.149904251098633</t>
  </si>
  <si>
    <t>1610.5439453125</t>
  </si>
  <si>
    <t>0.008009465668434856</t>
  </si>
  <si>
    <t>4309</t>
  </si>
  <si>
    <t>24.191543579101562</t>
  </si>
  <si>
    <t>1384.319091796875</t>
  </si>
  <si>
    <t>0.010967324957276148</t>
  </si>
  <si>
    <t>4392</t>
  </si>
  <si>
    <t>24.530412673950195</t>
  </si>
  <si>
    <t>1212.4384765625</t>
  </si>
  <si>
    <t>0.019078845573528014</t>
  </si>
  <si>
    <t>24.570711135864258</t>
  </si>
  <si>
    <t>1381.3902587890625</t>
  </si>
  <si>
    <t>0.016484510121232532</t>
  </si>
  <si>
    <t>24.27040672302246</t>
  </si>
  <si>
    <t>1480.3450927734375</t>
  </si>
  <si>
    <t>0.026084591198525686</t>
  </si>
  <si>
    <t>24.10927391052246</t>
  </si>
  <si>
    <t>1388.6787109375</t>
  </si>
  <si>
    <t>0.01709073508657788</t>
  </si>
  <si>
    <t>24.560449600219727</t>
  </si>
  <si>
    <t>1132.06640625</t>
  </si>
  <si>
    <t>0.005774799493883265</t>
  </si>
  <si>
    <t>24.597328186035156</t>
  </si>
  <si>
    <t>1309.4093017578125</t>
  </si>
  <si>
    <t>-0.11347371608364121</t>
  </si>
  <si>
    <t>4637</t>
  </si>
  <si>
    <t>24.40923500061035</t>
  </si>
  <si>
    <t>1383.36572265625</t>
  </si>
  <si>
    <t>0.10232198138551674</t>
  </si>
  <si>
    <t>4750</t>
  </si>
  <si>
    <t>24.218093872070312</t>
  </si>
  <si>
    <t>1436.335693359375</t>
  </si>
  <si>
    <t>0.024077012637224726</t>
  </si>
  <si>
    <t>2496</t>
  </si>
  <si>
    <t>23.668188095092773</t>
  </si>
  <si>
    <t>2125.330810546875</t>
  </si>
  <si>
    <t>188.269775390625</t>
  </si>
  <si>
    <t>Santa Brbara</t>
  </si>
  <si>
    <t>23.732070922851562</t>
  </si>
  <si>
    <t>1923.8072509765625</t>
  </si>
  <si>
    <t>-0.04507112683145742</t>
  </si>
  <si>
    <t>23.782102584838867</t>
  </si>
  <si>
    <t>2471.2314453125</t>
  </si>
  <si>
    <t>0.010008423826839419</t>
  </si>
  <si>
    <t>23.67656707763672</t>
  </si>
  <si>
    <t>2498.507568359375</t>
  </si>
  <si>
    <t>0.06777497939664379</t>
  </si>
  <si>
    <t>23.973752975463867</t>
  </si>
  <si>
    <t>1727.2265625</t>
  </si>
  <si>
    <t>-0.012485530901887643</t>
  </si>
  <si>
    <t>23.898771286010742</t>
  </si>
  <si>
    <t>2366.78564453125</t>
  </si>
  <si>
    <t>0.04828524115946209</t>
  </si>
  <si>
    <t>2552</t>
  </si>
  <si>
    <t>23.60707664489746</t>
  </si>
  <si>
    <t>2092.64599609375</t>
  </si>
  <si>
    <t>-0.046324071674238354</t>
  </si>
  <si>
    <t>24.06818962097168</t>
  </si>
  <si>
    <t>2209.644287109375</t>
  </si>
  <si>
    <t>0.06961963427776041</t>
  </si>
  <si>
    <t>2842</t>
  </si>
  <si>
    <t>24.1460018157959</t>
  </si>
  <si>
    <t>2193.12646484375</t>
  </si>
  <si>
    <t>0.03801102991460503</t>
  </si>
  <si>
    <t>23.362638473510742</t>
  </si>
  <si>
    <t>1957.610107421875</t>
  </si>
  <si>
    <t>23.64598846435547</t>
  </si>
  <si>
    <t>2139.8818359375</t>
  </si>
  <si>
    <t>0.04833588079363249</t>
  </si>
  <si>
    <t>24.07930564880371</t>
  </si>
  <si>
    <t>2228.90234375</t>
  </si>
  <si>
    <t>0.013194635871545124</t>
  </si>
  <si>
    <t>24.148752212524414</t>
  </si>
  <si>
    <t>1949.1173095703125</t>
  </si>
  <si>
    <t>0.01811705679870812</t>
  </si>
  <si>
    <t>3829</t>
  </si>
  <si>
    <t>24.276521682739258</t>
  </si>
  <si>
    <t>1814.5203857421875</t>
  </si>
  <si>
    <t>0.26012076575693044</t>
  </si>
  <si>
    <t>24.10987091064453</t>
  </si>
  <si>
    <t>1916.5987548828125</t>
  </si>
  <si>
    <t>0.03515435760244756</t>
  </si>
  <si>
    <t>4105</t>
  </si>
  <si>
    <t>24.079307556152344</t>
  </si>
  <si>
    <t>2160.617431640625</t>
  </si>
  <si>
    <t>0.03444771280678793</t>
  </si>
  <si>
    <t>24.073753356933594</t>
  </si>
  <si>
    <t>2733.762939453125</t>
  </si>
  <si>
    <t>0.03940808433614151</t>
  </si>
  <si>
    <t>4430</t>
  </si>
  <si>
    <t>24.05985450744629</t>
  </si>
  <si>
    <t>1950.254638671875</t>
  </si>
  <si>
    <t>0.036785756816509974</t>
  </si>
  <si>
    <t>4515</t>
  </si>
  <si>
    <t>23.820959091186523</t>
  </si>
  <si>
    <t>2271.807861328125</t>
  </si>
  <si>
    <t>0.01900560281190522</t>
  </si>
  <si>
    <t>24.19317626953125</t>
  </si>
  <si>
    <t>1770.1978759765625</t>
  </si>
  <si>
    <t>-0.046467282753292594</t>
  </si>
  <si>
    <t>4377</t>
  </si>
  <si>
    <t>23.804306030273438</t>
  </si>
  <si>
    <t>2175.424560546875</t>
  </si>
  <si>
    <t>0.015425654093101926</t>
  </si>
  <si>
    <t>24.107057571411133</t>
  </si>
  <si>
    <t>2307.986572265625</t>
  </si>
  <si>
    <t>0.01698987520454054</t>
  </si>
  <si>
    <t>24.218191146850586</t>
  </si>
  <si>
    <t>2069.642822265625</t>
  </si>
  <si>
    <t>0.020234153363967167</t>
  </si>
  <si>
    <t>4579</t>
  </si>
  <si>
    <t>2688.436279296875</t>
  </si>
  <si>
    <t>0.007893046897692102</t>
  </si>
  <si>
    <t>24.143190383911133</t>
  </si>
  <si>
    <t>1972.3311767578125</t>
  </si>
  <si>
    <t>0.011076234423184061</t>
  </si>
  <si>
    <t>24.53485679626465</t>
  </si>
  <si>
    <t>1786.5218505859375</t>
  </si>
  <si>
    <t>0.019040044646107646</t>
  </si>
  <si>
    <t>4798</t>
  </si>
  <si>
    <t>24.63207244873047</t>
  </si>
  <si>
    <t>2081.550537109375</t>
  </si>
  <si>
    <t>0.016602251673253576</t>
  </si>
  <si>
    <t>24.24042320251465</t>
  </si>
  <si>
    <t>2319.17919921875</t>
  </si>
  <si>
    <t>0.026125110206548285</t>
  </si>
  <si>
    <t>5009</t>
  </si>
  <si>
    <t>24.07373809814453</t>
  </si>
  <si>
    <t>2141.125244140625</t>
  </si>
  <si>
    <t>0.01691201975142853</t>
  </si>
  <si>
    <t>24.5181884765625</t>
  </si>
  <si>
    <t>1548.166259765625</t>
  </si>
  <si>
    <t>0.005971355322980543</t>
  </si>
  <si>
    <t>4498</t>
  </si>
  <si>
    <t>24.648725509643555</t>
  </si>
  <si>
    <t>2011.0615234375</t>
  </si>
  <si>
    <t>-0.11357479616133581</t>
  </si>
  <si>
    <t>4983</t>
  </si>
  <si>
    <t>24.407073974609375</t>
  </si>
  <si>
    <t>2002.02490234375</t>
  </si>
  <si>
    <t>0.10239926576214309</t>
  </si>
  <si>
    <t>24.157073974609375</t>
  </si>
  <si>
    <t>2320.536865234375</t>
  </si>
  <si>
    <t>0.023992426743220108</t>
  </si>
  <si>
    <t>1412</t>
  </si>
  <si>
    <t>3023</t>
  </si>
  <si>
    <t>25.725004196166992</t>
  </si>
  <si>
    <t>1163.0999755859375</t>
  </si>
  <si>
    <t>83.55107879638672</t>
  </si>
  <si>
    <t>Valle</t>
  </si>
  <si>
    <t>25.783334732055664</t>
  </si>
  <si>
    <t>1323.9000244140625</t>
  </si>
  <si>
    <t>-0.027160093618076253</t>
  </si>
  <si>
    <t>2257.5</t>
  </si>
  <si>
    <t>0.010145504676267514</t>
  </si>
  <si>
    <t>3069</t>
  </si>
  <si>
    <t>25.825002670288086</t>
  </si>
  <si>
    <t>1857.300048828125</t>
  </si>
  <si>
    <t>0.03211664878208609</t>
  </si>
  <si>
    <t>-0.030435693603959812</t>
  </si>
  <si>
    <t>3067</t>
  </si>
  <si>
    <t>1610.7003173828125</t>
  </si>
  <si>
    <t>0.029783803098475836</t>
  </si>
  <si>
    <t>25.57499885559082</t>
  </si>
  <si>
    <t>1713.0</t>
  </si>
  <si>
    <t>-0.03416017769827473</t>
  </si>
  <si>
    <t>3066</t>
  </si>
  <si>
    <t>1512.800048828125</t>
  </si>
  <si>
    <t>0.03383407301578156</t>
  </si>
  <si>
    <t>26.19167137145996</t>
  </si>
  <si>
    <t>1515.199951171875</t>
  </si>
  <si>
    <t>0.04993882238367853</t>
  </si>
  <si>
    <t>1486.2000732421875</t>
  </si>
  <si>
    <t>-0.04181793968332137</t>
  </si>
  <si>
    <t>25.699996948242188</t>
  </si>
  <si>
    <t>1528.199951171875</t>
  </si>
  <si>
    <t>0.03652939103738184</t>
  </si>
  <si>
    <t>3190</t>
  </si>
  <si>
    <t>1480.300048828125</t>
  </si>
  <si>
    <t>-0.005003137390607648</t>
  </si>
  <si>
    <t>1360.1002197265625</t>
  </si>
  <si>
    <t>0.0065614983106243585</t>
  </si>
  <si>
    <t>2749</t>
  </si>
  <si>
    <t>1477.2000732421875</t>
  </si>
  <si>
    <t>-0.15534520592426926</t>
  </si>
  <si>
    <t>1512.300048828125</t>
  </si>
  <si>
    <t>0.03537978436662126</t>
  </si>
  <si>
    <t>2947</t>
  </si>
  <si>
    <t>26.083330154418945</t>
  </si>
  <si>
    <t>1520.5999755859375</t>
  </si>
  <si>
    <t>0.03417071020582796</t>
  </si>
  <si>
    <t>1769.2999267578125</t>
  </si>
  <si>
    <t>0.03958607669406433</t>
  </si>
  <si>
    <t>0.03682183231738456</t>
  </si>
  <si>
    <t>25.991666793823242</t>
  </si>
  <si>
    <t>0.018994810546477225</t>
  </si>
  <si>
    <t>1207.900146484375</t>
  </si>
  <si>
    <t>-0.046725671162608506</t>
  </si>
  <si>
    <t>25.933334350585938</t>
  </si>
  <si>
    <t>1526.300048828125</t>
  </si>
  <si>
    <t>0.015713005664554913</t>
  </si>
  <si>
    <t>1519.800048828125</t>
  </si>
  <si>
    <t>0.01672227008859828</t>
  </si>
  <si>
    <t>26.116666793823242</t>
  </si>
  <si>
    <t>1499.60009765625</t>
  </si>
  <si>
    <t>0.020440476294794507</t>
  </si>
  <si>
    <t>0.00793897299511137</t>
  </si>
  <si>
    <t>3325</t>
  </si>
  <si>
    <t>1240.39990234375</t>
  </si>
  <si>
    <t>0.011190196913883454</t>
  </si>
  <si>
    <t>1457.099853515625</t>
  </si>
  <si>
    <t>0.018770102681990863</t>
  </si>
  <si>
    <t>3445</t>
  </si>
  <si>
    <t>1516.7000732421875</t>
  </si>
  <si>
    <t>0.016684127675812732</t>
  </si>
  <si>
    <t>26.241666793823242</t>
  </si>
  <si>
    <t>1471.5999755859375</t>
  </si>
  <si>
    <t>0.026072240309776618</t>
  </si>
  <si>
    <t>25.89166831970215</t>
  </si>
  <si>
    <t>1448.4000244140625</t>
  </si>
  <si>
    <t>0.0171040199380883</t>
  </si>
  <si>
    <t>26.383337020874023</t>
  </si>
  <si>
    <t>0.0058212222596178975</t>
  </si>
  <si>
    <t>3230</t>
  </si>
  <si>
    <t>1516.60009765625</t>
  </si>
  <si>
    <t>-0.1134392497385388</t>
  </si>
  <si>
    <t>26.308334350585938</t>
  </si>
  <si>
    <t>1520.0</t>
  </si>
  <si>
    <t>0.10232184785196274</t>
  </si>
  <si>
    <t>3665</t>
  </si>
  <si>
    <t>1525.10009765625</t>
  </si>
  <si>
    <t>0.0240243502520876</t>
  </si>
  <si>
    <t>24.627614974975586</t>
  </si>
  <si>
    <t>2032.4375</t>
  </si>
  <si>
    <t>182.62452697753906</t>
  </si>
  <si>
    <t>Yoro</t>
  </si>
  <si>
    <t>24.685951232910156</t>
  </si>
  <si>
    <t>1732.7760009765625</t>
  </si>
  <si>
    <t>-0.06311036951078464</t>
  </si>
  <si>
    <t>24.73341941833496</t>
  </si>
  <si>
    <t>1773.3489990234375</t>
  </si>
  <si>
    <t>0.015989681104347397</t>
  </si>
  <si>
    <t>24.6446533203125</t>
  </si>
  <si>
    <t>2020.0989990234375</t>
  </si>
  <si>
    <t>0.04396312342111486</t>
  </si>
  <si>
    <t>24.87360954284668</t>
  </si>
  <si>
    <t>1518.6517333984375</t>
  </si>
  <si>
    <t>-0.024328984846309964</t>
  </si>
  <si>
    <t>24.8699951171875</t>
  </si>
  <si>
    <t>1847.85400390625</t>
  </si>
  <si>
    <t>0.03000544285111495</t>
  </si>
  <si>
    <t>24.57073402404785</t>
  </si>
  <si>
    <t>1799.5621337890625</t>
  </si>
  <si>
    <t>0.31902532301749353</t>
  </si>
  <si>
    <t>24.999345779418945</t>
  </si>
  <si>
    <t>1921.930419921875</t>
  </si>
  <si>
    <t>-0.3196544516950546</t>
  </si>
  <si>
    <t>25.08304786682129</t>
  </si>
  <si>
    <t>1941.4105224609375</t>
  </si>
  <si>
    <t>0.0022002209096037006</t>
  </si>
  <si>
    <t>24.301164627075195</t>
  </si>
  <si>
    <t>1678.7935791015625</t>
  </si>
  <si>
    <t>-0.023829562832984763</t>
  </si>
  <si>
    <t>24.58847999572754</t>
  </si>
  <si>
    <t>1813.9947509765625</t>
  </si>
  <si>
    <t>0.04249262396491105</t>
  </si>
  <si>
    <t>3248</t>
  </si>
  <si>
    <t>25.037031173706055</t>
  </si>
  <si>
    <t>1795.5994873046875</t>
  </si>
  <si>
    <t>0.000924072143376975</t>
  </si>
  <si>
    <t>25.073266983032227</t>
  </si>
  <si>
    <t>1593.440673828125</t>
  </si>
  <si>
    <t>0.006444705442643084</t>
  </si>
  <si>
    <t>3292</t>
  </si>
  <si>
    <t>25.220735549926758</t>
  </si>
  <si>
    <t>1592.87744140625</t>
  </si>
  <si>
    <t>0.007011155072749631</t>
  </si>
  <si>
    <t>25.016386032104492</t>
  </si>
  <si>
    <t>1694.73681640625</t>
  </si>
  <si>
    <t>0.035217008480602274</t>
  </si>
  <si>
    <t>3529</t>
  </si>
  <si>
    <t>25.009498596191406</t>
  </si>
  <si>
    <t>1865.7874755859375</t>
  </si>
  <si>
    <t>0.03430225339770665</t>
  </si>
  <si>
    <t>3672</t>
  </si>
  <si>
    <t>25.03740119934082</t>
  </si>
  <si>
    <t>2323.898193359375</t>
  </si>
  <si>
    <t>0.0397219280651111</t>
  </si>
  <si>
    <t>25.00514793395996</t>
  </si>
  <si>
    <t>1718.8314208984375</t>
  </si>
  <si>
    <t>0.036630214738224254</t>
  </si>
  <si>
    <t>24.74138069152832</t>
  </si>
  <si>
    <t>1949.6190185546875</t>
  </si>
  <si>
    <t>0.018983797250351486</t>
  </si>
  <si>
    <t>3706</t>
  </si>
  <si>
    <t>25.113113403320312</t>
  </si>
  <si>
    <t>1741.537353515625</t>
  </si>
  <si>
    <t>-0.04639735688365043</t>
  </si>
  <si>
    <t>24.746444702148438</t>
  </si>
  <si>
    <t>1846.634521484375</t>
  </si>
  <si>
    <t>0.01552909385996415</t>
  </si>
  <si>
    <t>3828</t>
  </si>
  <si>
    <t>25.01348304748535</t>
  </si>
  <si>
    <t>2007.7200927734375</t>
  </si>
  <si>
    <t>0.016860251867575116</t>
  </si>
  <si>
    <t>25.13884925842285</t>
  </si>
  <si>
    <t>1784.5087890625</t>
  </si>
  <si>
    <t>0.020171358863779076</t>
  </si>
  <si>
    <t>3938</t>
  </si>
  <si>
    <t>25.035951614379883</t>
  </si>
  <si>
    <t>2386.726806640625</t>
  </si>
  <si>
    <t>0.00815914776244675</t>
  </si>
  <si>
    <t>1616.6448974609375</t>
  </si>
  <si>
    <t>0.010860063801246156</t>
  </si>
  <si>
    <t>25.46746253967285</t>
  </si>
  <si>
    <t>1647.0999755859375</t>
  </si>
  <si>
    <t>0.01915719738544297</t>
  </si>
  <si>
    <t>4125</t>
  </si>
  <si>
    <t>25.545364379882812</t>
  </si>
  <si>
    <t>1817.480712890625</t>
  </si>
  <si>
    <t>0.016375778383022066</t>
  </si>
  <si>
    <t>25.171815872192383</t>
  </si>
  <si>
    <t>2048.717529296875</t>
  </si>
  <si>
    <t>0.026317308317372223</t>
  </si>
  <si>
    <t>4307</t>
  </si>
  <si>
    <t>1773.4876708984375</t>
  </si>
  <si>
    <t>0.01685827796795536</t>
  </si>
  <si>
    <t>4333</t>
  </si>
  <si>
    <t>25.44283103942871</t>
  </si>
  <si>
    <t>1427.9420166015625</t>
  </si>
  <si>
    <t>0.006018536685798992</t>
  </si>
  <si>
    <t>3868</t>
  </si>
  <si>
    <t>1829.753173828125</t>
  </si>
  <si>
    <t>-0.11352256516672377</t>
  </si>
  <si>
    <t>4285</t>
  </si>
  <si>
    <t>25.321815490722656</t>
  </si>
  <si>
    <t>1737.0296630859375</t>
  </si>
  <si>
    <t>0.10238297445869549</t>
  </si>
  <si>
    <t>4389</t>
  </si>
  <si>
    <t>25.07218360900879</t>
  </si>
  <si>
    <t>2069.985107421875</t>
  </si>
  <si>
    <t>0.02398085865635302</t>
  </si>
  <si>
    <t>1415</t>
  </si>
  <si>
    <t>HRV</t>
  </si>
  <si>
    <t>12.690853118896484</t>
  </si>
  <si>
    <t>1056.424072265625</t>
  </si>
  <si>
    <t>861.422607421875</t>
  </si>
  <si>
    <t>Jadranska Hrvatska</t>
  </si>
  <si>
    <t>Croatia</t>
  </si>
  <si>
    <t>13572</t>
  </si>
  <si>
    <t>11.679699897766113</t>
  </si>
  <si>
    <t>1108.5372314453125</t>
  </si>
  <si>
    <t>0.041368612107312686</t>
  </si>
  <si>
    <t>12.870978355407715</t>
  </si>
  <si>
    <t>1174.718505859375</t>
  </si>
  <si>
    <t>0.03104848269327576</t>
  </si>
  <si>
    <t>13167</t>
  </si>
  <si>
    <t>12.36282730102539</t>
  </si>
  <si>
    <t>1303.758544921875</t>
  </si>
  <si>
    <t>-0.06134363024105127</t>
  </si>
  <si>
    <t>14244</t>
  </si>
  <si>
    <t>13.169441223144531</t>
  </si>
  <si>
    <t>1078.9632568359375</t>
  </si>
  <si>
    <t>0.0786220660413246</t>
  </si>
  <si>
    <t>14967</t>
  </si>
  <si>
    <t>12.193805694580078</t>
  </si>
  <si>
    <t>1446.7432861328125</t>
  </si>
  <si>
    <t>0.049512012131478045</t>
  </si>
  <si>
    <t>16065</t>
  </si>
  <si>
    <t>11.43990421295166</t>
  </si>
  <si>
    <t>1429.2884521484375</t>
  </si>
  <si>
    <t>0.07079521502081221</t>
  </si>
  <si>
    <t>17112</t>
  </si>
  <si>
    <t>12.399325370788574</t>
  </si>
  <si>
    <t>1077.4583740234375</t>
  </si>
  <si>
    <t>0.0631369792122829</t>
  </si>
  <si>
    <t>17478</t>
  </si>
  <si>
    <t>12.39795207977295</t>
  </si>
  <si>
    <t>1238.637939453125</t>
  </si>
  <si>
    <t>0.0211629754252467</t>
  </si>
  <si>
    <t>17374</t>
  </si>
  <si>
    <t>12.429430961608887</t>
  </si>
  <si>
    <t>1245.609375</t>
  </si>
  <si>
    <t>-0.005968111367623763</t>
  </si>
  <si>
    <t>13.705780029296875</t>
  </si>
  <si>
    <t>1314.7520751953125</t>
  </si>
  <si>
    <t>0.03728402923998608</t>
  </si>
  <si>
    <t>19299</t>
  </si>
  <si>
    <t>12.39244556427002</t>
  </si>
  <si>
    <t>958.4282836914062</t>
  </si>
  <si>
    <t>0.06779441601925917</t>
  </si>
  <si>
    <t>20381</t>
  </si>
  <si>
    <t>13.118755340576172</t>
  </si>
  <si>
    <t>0.05454981320726837</t>
  </si>
  <si>
    <t>12.654666900634766</t>
  </si>
  <si>
    <t>883.7713012695312</t>
  </si>
  <si>
    <t>0.05275192292271669</t>
  </si>
  <si>
    <t>12.354763984680176</t>
  </si>
  <si>
    <t>1313.00244140625</t>
  </si>
  <si>
    <t>0.03920281141591708</t>
  </si>
  <si>
    <t>23243</t>
  </si>
  <si>
    <t>11.589777946472168</t>
  </si>
  <si>
    <t>1389.2071533203125</t>
  </si>
  <si>
    <t>0.039446182789415474</t>
  </si>
  <si>
    <t>24389</t>
  </si>
  <si>
    <t>13.100234985351562</t>
  </si>
  <si>
    <t>1033.860107421875</t>
  </si>
  <si>
    <t>0.04812819954499403</t>
  </si>
  <si>
    <t>13.217693328857422</t>
  </si>
  <si>
    <t>1087.9874267578125</t>
  </si>
  <si>
    <t>0.04857732114231261</t>
  </si>
  <si>
    <t>13.074606895446777</t>
  </si>
  <si>
    <t>1344.5203857421875</t>
  </si>
  <si>
    <t>0.018880895156140554</t>
  </si>
  <si>
    <t>13.084186553955078</t>
  </si>
  <si>
    <t>1263.2147216796875</t>
  </si>
  <si>
    <t>-0.07503120388408036</t>
  </si>
  <si>
    <t>23931</t>
  </si>
  <si>
    <t>12.385125160217285</t>
  </si>
  <si>
    <t>1521.804443359375</t>
  </si>
  <si>
    <t>-0.01138453379455484</t>
  </si>
  <si>
    <t>13.18593692779541</t>
  </si>
  <si>
    <t>808.00732421875</t>
  </si>
  <si>
    <t>0.0010858671297491185</t>
  </si>
  <si>
    <t>23605</t>
  </si>
  <si>
    <t>13.316673278808594</t>
  </si>
  <si>
    <t>1246.1732177734375</t>
  </si>
  <si>
    <t>-0.014802002728602659</t>
  </si>
  <si>
    <t>13.208346366882324</t>
  </si>
  <si>
    <t>1497.4786376953125</t>
  </si>
  <si>
    <t>-0.003522400569403672</t>
  </si>
  <si>
    <t>23790</t>
  </si>
  <si>
    <t>13.675978660583496</t>
  </si>
  <si>
    <t>1550.963623046875</t>
  </si>
  <si>
    <t>0.011329170886019924</t>
  </si>
  <si>
    <t>24573</t>
  </si>
  <si>
    <t>13.521712303161621</t>
  </si>
  <si>
    <t>1177.0352783203125</t>
  </si>
  <si>
    <t>0.032382954886708504</t>
  </si>
  <si>
    <t>25705</t>
  </si>
  <si>
    <t>12.873311042785645</t>
  </si>
  <si>
    <t>1226.9632568359375</t>
  </si>
  <si>
    <t>0.045037246305893675</t>
  </si>
  <si>
    <t>13.83078384399414</t>
  </si>
  <si>
    <t>1091.8514404296875</t>
  </si>
  <si>
    <t>0.05671525443042036</t>
  </si>
  <si>
    <t>28034</t>
  </si>
  <si>
    <t>13.775683403015137</t>
  </si>
  <si>
    <t>1200.9676513671875</t>
  </si>
  <si>
    <t>0.03001727930297804</t>
  </si>
  <si>
    <t>14.153522491455078</t>
  </si>
  <si>
    <t>1349.5811767578125</t>
  </si>
  <si>
    <t>0.024941408411189414</t>
  </si>
  <si>
    <t>24548</t>
  </si>
  <si>
    <t>13.687847137451172</t>
  </si>
  <si>
    <t>1289.2547607421875</t>
  </si>
  <si>
    <t>-0.15772908312520428</t>
  </si>
  <si>
    <t>13.07522201538086</t>
  </si>
  <si>
    <t>1066.0721435546875</t>
  </si>
  <si>
    <t>0.19679321871572952</t>
  </si>
  <si>
    <t>14.326302528381348</t>
  </si>
  <si>
    <t>1071.8944091796875</t>
  </si>
  <si>
    <t>0.06656076651833942</t>
  </si>
  <si>
    <t>1416</t>
  </si>
  <si>
    <t>9250</t>
  </si>
  <si>
    <t>11.81824016571045</t>
  </si>
  <si>
    <t>730.3497924804688</t>
  </si>
  <si>
    <t>904.8226928710938</t>
  </si>
  <si>
    <t>Panonska Hrvatska</t>
  </si>
  <si>
    <t>10.605440139770508</t>
  </si>
  <si>
    <t>873.3441772460938</t>
  </si>
  <si>
    <t>0.0414012861579085</t>
  </si>
  <si>
    <t>9945</t>
  </si>
  <si>
    <t>11.921950340270996</t>
  </si>
  <si>
    <t>799.3982543945312</t>
  </si>
  <si>
    <t>0.03104507462369277</t>
  </si>
  <si>
    <t>9353</t>
  </si>
  <si>
    <t>11.351407051086426</t>
  </si>
  <si>
    <t>896.34814453125</t>
  </si>
  <si>
    <t>-0.06137276485352139</t>
  </si>
  <si>
    <t>10118</t>
  </si>
  <si>
    <t>12.269274711608887</t>
  </si>
  <si>
    <t>828.024658203125</t>
  </si>
  <si>
    <t>0.07861886841732968</t>
  </si>
  <si>
    <t>10632</t>
  </si>
  <si>
    <t>11.277153968811035</t>
  </si>
  <si>
    <t>989.4536743164062</t>
  </si>
  <si>
    <t>0.049552305541199715</t>
  </si>
  <si>
    <t>11412</t>
  </si>
  <si>
    <t>10.449118614196777</t>
  </si>
  <si>
    <t>930.6480712890625</t>
  </si>
  <si>
    <t>0.07079711194031013</t>
  </si>
  <si>
    <t>12155</t>
  </si>
  <si>
    <t>11.315709114074707</t>
  </si>
  <si>
    <t>769.8055419921875</t>
  </si>
  <si>
    <t>0.06307517441683252</t>
  </si>
  <si>
    <t>12415</t>
  </si>
  <si>
    <t>11.34526538848877</t>
  </si>
  <si>
    <t>923.7092895507812</t>
  </si>
  <si>
    <t>0.021164811192043942</t>
  </si>
  <si>
    <t>12342</t>
  </si>
  <si>
    <t>11.406147003173828</t>
  </si>
  <si>
    <t>982.3322143554688</t>
  </si>
  <si>
    <t>-0.0058973390612546694</t>
  </si>
  <si>
    <t>12810</t>
  </si>
  <si>
    <t>12.923236846923828</t>
  </si>
  <si>
    <t>717.8564453125</t>
  </si>
  <si>
    <t>0.03721803600976692</t>
  </si>
  <si>
    <t>13709</t>
  </si>
  <si>
    <t>11.396224975585938</t>
  </si>
  <si>
    <t>756.655029296875</t>
  </si>
  <si>
    <t>0.06782643554512013</t>
  </si>
  <si>
    <t>14477</t>
  </si>
  <si>
    <t>12.257137298583984</t>
  </si>
  <si>
    <t>976.774658203125</t>
  </si>
  <si>
    <t>0.05450863171814291</t>
  </si>
  <si>
    <t>15262</t>
  </si>
  <si>
    <t>11.54872989654541</t>
  </si>
  <si>
    <t>617.9574584960938</t>
  </si>
  <si>
    <t>0.05280489569553559</t>
  </si>
  <si>
    <t>15872</t>
  </si>
  <si>
    <t>11.451127052307129</t>
  </si>
  <si>
    <t>912.78173828125</t>
  </si>
  <si>
    <t>0.0391904716750755</t>
  </si>
  <si>
    <t>16510</t>
  </si>
  <si>
    <t>10.601017951965332</t>
  </si>
  <si>
    <t>984.1632690429688</t>
  </si>
  <si>
    <t>0.03940970738952032</t>
  </si>
  <si>
    <t>12.176811218261719</t>
  </si>
  <si>
    <t>778.4892578125</t>
  </si>
  <si>
    <t>0.04818428714392908</t>
  </si>
  <si>
    <t>18187</t>
  </si>
  <si>
    <t>12.353171348571777</t>
  </si>
  <si>
    <t>799.7620849609375</t>
  </si>
  <si>
    <t>0.04855650806891454</t>
  </si>
  <si>
    <t>12.303877830505371</t>
  </si>
  <si>
    <t>894.7493286132812</t>
  </si>
  <si>
    <t>0.01889983001961859</t>
  </si>
  <si>
    <t>17194</t>
  </si>
  <si>
    <t>12.37540054321289</t>
  </si>
  <si>
    <t>867.6981811523438</t>
  </si>
  <si>
    <t>-0.0750463974122475</t>
  </si>
  <si>
    <t>11.557957649230957</t>
  </si>
  <si>
    <t>1060.0478515625</t>
  </si>
  <si>
    <t>-0.011405966955619462</t>
  </si>
  <si>
    <t>12.065117835998535</t>
  </si>
  <si>
    <t>600.5161743164062</t>
  </si>
  <si>
    <t>0.014599651985859552</t>
  </si>
  <si>
    <t>16772</t>
  </si>
  <si>
    <t>12.426265716552734</t>
  </si>
  <si>
    <t>820.0687255859375</t>
  </si>
  <si>
    <t>-0.02804334147397647</t>
  </si>
  <si>
    <t>16757</t>
  </si>
  <si>
    <t>12.395519256591797</t>
  </si>
  <si>
    <t>921.5084228515625</t>
  </si>
  <si>
    <t>-0.0008947478899283823</t>
  </si>
  <si>
    <t>16423</t>
  </si>
  <si>
    <t>12.93909740447998</t>
  </si>
  <si>
    <t>1182.9678955078125</t>
  </si>
  <si>
    <t>-0.02013329006316411</t>
  </si>
  <si>
    <t>16583</t>
  </si>
  <si>
    <t>12.629054069519043</t>
  </si>
  <si>
    <t>854.5991821289062</t>
  </si>
  <si>
    <t>0.009695282876538869</t>
  </si>
  <si>
    <t>17137</t>
  </si>
  <si>
    <t>11.905549049377441</t>
  </si>
  <si>
    <t>927.8292236328125</t>
  </si>
  <si>
    <t>0.032861794446750636</t>
  </si>
  <si>
    <t>17447</t>
  </si>
  <si>
    <t>13.079167366027832</t>
  </si>
  <si>
    <t>839.765380859375</t>
  </si>
  <si>
    <t>0.017927845419052346</t>
  </si>
  <si>
    <t>17813</t>
  </si>
  <si>
    <t>12.892696380615234</t>
  </si>
  <si>
    <t>868.447021484375</t>
  </si>
  <si>
    <t>0.02076081371258276</t>
  </si>
  <si>
    <t>13.313826560974121</t>
  </si>
  <si>
    <t>921.4852905273438</t>
  </si>
  <si>
    <t>0.03768002896206468</t>
  </si>
  <si>
    <t>12.8687162399292</t>
  </si>
  <si>
    <t>910.3070068359375</t>
  </si>
  <si>
    <t>-0.05683726865253824</t>
  </si>
  <si>
    <t>20494</t>
  </si>
  <si>
    <t>12.047935485839844</t>
  </si>
  <si>
    <t>775.4310913085938</t>
  </si>
  <si>
    <t>0.15936087225765228</t>
  </si>
  <si>
    <t>13.467803001403809</t>
  </si>
  <si>
    <t>752.234130859375</t>
  </si>
  <si>
    <t>0.06658276088833581</t>
  </si>
  <si>
    <t>1417</t>
  </si>
  <si>
    <t>11.329426765441895</t>
  </si>
  <si>
    <t>954.7118530273438</t>
  </si>
  <si>
    <t>890.229736328125</t>
  </si>
  <si>
    <t>Sjeverna Hrvatska</t>
  </si>
  <si>
    <t>10296</t>
  </si>
  <si>
    <t>10.195748329162598</t>
  </si>
  <si>
    <t>1010.2557983398438</t>
  </si>
  <si>
    <t>0.041344178231488726</t>
  </si>
  <si>
    <t>10621</t>
  </si>
  <si>
    <t>11.529397010803223</t>
  </si>
  <si>
    <t>1009.1644897460938</t>
  </si>
  <si>
    <t>0.03107770304557711</t>
  </si>
  <si>
    <t>9989</t>
  </si>
  <si>
    <t>10.949963569641113</t>
  </si>
  <si>
    <t>1083.9276123046875</t>
  </si>
  <si>
    <t>-0.061348685789390345</t>
  </si>
  <si>
    <t>10806</t>
  </si>
  <si>
    <t>11.775313377380371</t>
  </si>
  <si>
    <t>1079.7255859375</t>
  </si>
  <si>
    <t>0.07861704787186063</t>
  </si>
  <si>
    <t>11354</t>
  </si>
  <si>
    <t>10.83889389038086</t>
  </si>
  <si>
    <t>1149.6494140625</t>
  </si>
  <si>
    <t>0.04946856932666144</t>
  </si>
  <si>
    <t>9.951508522033691</t>
  </si>
  <si>
    <t>1120.722900390625</t>
  </si>
  <si>
    <t>0.07088175637492711</t>
  </si>
  <si>
    <t>12981</t>
  </si>
  <si>
    <t>10.955516815185547</t>
  </si>
  <si>
    <t>912.119384765625</t>
  </si>
  <si>
    <t>0.06303488878739572</t>
  </si>
  <si>
    <t>13259</t>
  </si>
  <si>
    <t>10.9867582321167</t>
  </si>
  <si>
    <t>1143.09130859375</t>
  </si>
  <si>
    <t>0.02118981722172464</t>
  </si>
  <si>
    <t>11.00357723236084</t>
  </si>
  <si>
    <t>1131.9306640625</t>
  </si>
  <si>
    <t>-0.005976038058221889</t>
  </si>
  <si>
    <t>12.479138374328613</t>
  </si>
  <si>
    <t>1020.142578125</t>
  </si>
  <si>
    <t>0.03730747986361571</t>
  </si>
  <si>
    <t>14640</t>
  </si>
  <si>
    <t>11.004119873046875</t>
  </si>
  <si>
    <t>864.9879150390625</t>
  </si>
  <si>
    <t>0.06774949959518928</t>
  </si>
  <si>
    <t>11.73442554473877</t>
  </si>
  <si>
    <t>1163.7947998046875</t>
  </si>
  <si>
    <t>0.054563215587291936</t>
  </si>
  <si>
    <t>16299</t>
  </si>
  <si>
    <t>11.21274185180664</t>
  </si>
  <si>
    <t>786.7090454101562</t>
  </si>
  <si>
    <t>0.05278303211703772</t>
  </si>
  <si>
    <t>16951</t>
  </si>
  <si>
    <t>10.936694145202637</t>
  </si>
  <si>
    <t>1097.61865234375</t>
  </si>
  <si>
    <t>0.03922307289885474</t>
  </si>
  <si>
    <t>17633</t>
  </si>
  <si>
    <t>10.133788108825684</t>
  </si>
  <si>
    <t>1155.371826171875</t>
  </si>
  <si>
    <t>0.03944531728943623</t>
  </si>
  <si>
    <t>18502</t>
  </si>
  <si>
    <t>11.751179695129395</t>
  </si>
  <si>
    <t>955.6202392578125</t>
  </si>
  <si>
    <t>0.048106687923340274</t>
  </si>
  <si>
    <t>19423</t>
  </si>
  <si>
    <t>11.85636043548584</t>
  </si>
  <si>
    <t>997.98486328125</t>
  </si>
  <si>
    <t>0.04857909650086967</t>
  </si>
  <si>
    <t>19793</t>
  </si>
  <si>
    <t>11.74265193939209</t>
  </si>
  <si>
    <t>1137.5196533203125</t>
  </si>
  <si>
    <t>0.018870408988602705</t>
  </si>
  <si>
    <t>18363</t>
  </si>
  <si>
    <t>11.804253578186035</t>
  </si>
  <si>
    <t>1079.9334716796875</t>
  </si>
  <si>
    <t>-0.07499056930155668</t>
  </si>
  <si>
    <t>18154</t>
  </si>
  <si>
    <t>11.000263214111328</t>
  </si>
  <si>
    <t>1242.13525390625</t>
  </si>
  <si>
    <t>-0.011446848432607126</t>
  </si>
  <si>
    <t>18367</t>
  </si>
  <si>
    <t>11.762153625488281</t>
  </si>
  <si>
    <t>743.2067260742188</t>
  </si>
  <si>
    <t>0.011664654041963374</t>
  </si>
  <si>
    <t>11.957236289978027</t>
  </si>
  <si>
    <t>1056.5599365234375</t>
  </si>
  <si>
    <t>-0.01083873102609445</t>
  </si>
  <si>
    <t>11.843066215515137</t>
  </si>
  <si>
    <t>1194.83642578125</t>
  </si>
  <si>
    <t>0.031796856107035865</t>
  </si>
  <si>
    <t>18725</t>
  </si>
  <si>
    <t>12.422972679138184</t>
  </si>
  <si>
    <t>1452.713623046875</t>
  </si>
  <si>
    <t>-0.001654171824057471</t>
  </si>
  <si>
    <t>19297</t>
  </si>
  <si>
    <t>12.17656421661377</t>
  </si>
  <si>
    <t>1135.4453125</t>
  </si>
  <si>
    <t>0.030090114010937086</t>
  </si>
  <si>
    <t>11.478409767150879</t>
  </si>
  <si>
    <t>1202.705322265625</t>
  </si>
  <si>
    <t>0.05032635558061216</t>
  </si>
  <si>
    <t>21291</t>
  </si>
  <si>
    <t>12.590365409851074</t>
  </si>
  <si>
    <t>1135.6004638671875</t>
  </si>
  <si>
    <t>0.04800844921612324</t>
  </si>
  <si>
    <t>12.382365226745605</t>
  </si>
  <si>
    <t>1098.9168701171875</t>
  </si>
  <si>
    <t>0.04804958167083129</t>
  </si>
  <si>
    <t>23335</t>
  </si>
  <si>
    <t>12.787764549255371</t>
  </si>
  <si>
    <t>1202.7764892578125</t>
  </si>
  <si>
    <t>0.043620349519992274</t>
  </si>
  <si>
    <t>12.311104774475098</t>
  </si>
  <si>
    <t>1214.4293212890625</t>
  </si>
  <si>
    <t>-0.04406809735589512</t>
  </si>
  <si>
    <t>26044</t>
  </si>
  <si>
    <t>11.58665943145752</t>
  </si>
  <si>
    <t>948.0452270507812</t>
  </si>
  <si>
    <t>0.15390113332873234</t>
  </si>
  <si>
    <t>12.970438957214355</t>
  </si>
  <si>
    <t>953.691162109375</t>
  </si>
  <si>
    <t>0.0665786556645358</t>
  </si>
  <si>
    <t>1418</t>
  </si>
  <si>
    <t>HUN</t>
  </si>
  <si>
    <t>11.639752388000488</t>
  </si>
  <si>
    <t>540.0747680664062</t>
  </si>
  <si>
    <t>250.0348358154297</t>
  </si>
  <si>
    <t>Baranya</t>
  </si>
  <si>
    <t>Hungary</t>
  </si>
  <si>
    <t>12023</t>
  </si>
  <si>
    <t>10.442314147949219</t>
  </si>
  <si>
    <t>660.5376586914062</t>
  </si>
  <si>
    <t>-0.12662495640046068</t>
  </si>
  <si>
    <t>11.771820068359375</t>
  </si>
  <si>
    <t>618.0673217773438</t>
  </si>
  <si>
    <t>-0.028772286374653788</t>
  </si>
  <si>
    <t>11650</t>
  </si>
  <si>
    <t>11.1602783203125</t>
  </si>
  <si>
    <t>642.8408203125</t>
  </si>
  <si>
    <t>-0.0027430156064074396</t>
  </si>
  <si>
    <t>12033</t>
  </si>
  <si>
    <t>12.033039093017578</t>
  </si>
  <si>
    <t>664.7913818359375</t>
  </si>
  <si>
    <t>0.0323466954443159</t>
  </si>
  <si>
    <t>12253</t>
  </si>
  <si>
    <t>11.046173095703125</t>
  </si>
  <si>
    <t>763.8832397460938</t>
  </si>
  <si>
    <t>0.018117929511282327</t>
  </si>
  <si>
    <t>12302</t>
  </si>
  <si>
    <t>10.062838554382324</t>
  </si>
  <si>
    <t>690.9835815429688</t>
  </si>
  <si>
    <t>0.003991045818867889</t>
  </si>
  <si>
    <t>11.182716369628906</t>
  </si>
  <si>
    <t>583.182861328125</t>
  </si>
  <si>
    <t>0.03451373080865672</t>
  </si>
  <si>
    <t>13282</t>
  </si>
  <si>
    <t>11.110630989074707</t>
  </si>
  <si>
    <t>751.3613891601562</t>
  </si>
  <si>
    <t>0.04213415352368877</t>
  </si>
  <si>
    <t>11.20898151397705</t>
  </si>
  <si>
    <t>761.5521240234375</t>
  </si>
  <si>
    <t>0.03455635907657495</t>
  </si>
  <si>
    <t>14425</t>
  </si>
  <si>
    <t>12.749382019042969</t>
  </si>
  <si>
    <t>537.343994140625</t>
  </si>
  <si>
    <t>0.047996718199065924</t>
  </si>
  <si>
    <t>14917</t>
  </si>
  <si>
    <t>11.171173095703125</t>
  </si>
  <si>
    <t>532.8355102539062</t>
  </si>
  <si>
    <t>0.03353868977763064</t>
  </si>
  <si>
    <t>15864</t>
  </si>
  <si>
    <t>11.941048622131348</t>
  </si>
  <si>
    <t>719.283935546875</t>
  </si>
  <si>
    <t>0.061550889045701496</t>
  </si>
  <si>
    <t>11.406096458435059</t>
  </si>
  <si>
    <t>469.0661926269531</t>
  </si>
  <si>
    <t>0.04124550543199135</t>
  </si>
  <si>
    <t>17062</t>
  </si>
  <si>
    <t>11.243579864501953</t>
  </si>
  <si>
    <t>704.6517944335938</t>
  </si>
  <si>
    <t>0.031555871837015914</t>
  </si>
  <si>
    <t>10.37243938446045</t>
  </si>
  <si>
    <t>736.1683959960938</t>
  </si>
  <si>
    <t>0.008869237740780633</t>
  </si>
  <si>
    <t>17828</t>
  </si>
  <si>
    <t>12.043255805969238</t>
  </si>
  <si>
    <t>586.7163696289062</t>
  </si>
  <si>
    <t>0.03504724885702615</t>
  </si>
  <si>
    <t>17919</t>
  </si>
  <si>
    <t>12.138457298278809</t>
  </si>
  <si>
    <t>667.87890625</t>
  </si>
  <si>
    <t>0.005091347333969765</t>
  </si>
  <si>
    <t>18001</t>
  </si>
  <si>
    <t>684.6903076171875</t>
  </si>
  <si>
    <t>0.004565709490288228</t>
  </si>
  <si>
    <t>12.06698989868164</t>
  </si>
  <si>
    <t>707.152099609375</t>
  </si>
  <si>
    <t>-0.07633682624377336</t>
  </si>
  <si>
    <t>16569</t>
  </si>
  <si>
    <t>821.5139770507812</t>
  </si>
  <si>
    <t>-0.006557006077633432</t>
  </si>
  <si>
    <t>16469</t>
  </si>
  <si>
    <t>11.867962837219238</t>
  </si>
  <si>
    <t>466.6117858886719</t>
  </si>
  <si>
    <t>-0.006053653695088812</t>
  </si>
  <si>
    <t>16670</t>
  </si>
  <si>
    <t>12.068286895751953</t>
  </si>
  <si>
    <t>622.9598999023438</t>
  </si>
  <si>
    <t>0.012130870870631583</t>
  </si>
  <si>
    <t>16759</t>
  </si>
  <si>
    <t>11.98686695098877</t>
  </si>
  <si>
    <t>648.8524780273438</t>
  </si>
  <si>
    <t>0.0053247306400336925</t>
  </si>
  <si>
    <t>17356</t>
  </si>
  <si>
    <t>12.729798316955566</t>
  </si>
  <si>
    <t>879.7310180664062</t>
  </si>
  <si>
    <t>0.035002840533367774</t>
  </si>
  <si>
    <t>18010</t>
  </si>
  <si>
    <t>12.381420135498047</t>
  </si>
  <si>
    <t>646.25634765625</t>
  </si>
  <si>
    <t>0.036988891251759526</t>
  </si>
  <si>
    <t>11.694552421569824</t>
  </si>
  <si>
    <t>783.5344848632812</t>
  </si>
  <si>
    <t>0.03631211792082745</t>
  </si>
  <si>
    <t>19771</t>
  </si>
  <si>
    <t>12.78365707397461</t>
  </si>
  <si>
    <t>696.7684326171875</t>
  </si>
  <si>
    <t>0.05697694048405211</t>
  </si>
  <si>
    <t>21381</t>
  </si>
  <si>
    <t>12.614104270935059</t>
  </si>
  <si>
    <t>690.5178833007812</t>
  </si>
  <si>
    <t>0.07828645959510006</t>
  </si>
  <si>
    <t>22359</t>
  </si>
  <si>
    <t>13.059922218322754</t>
  </si>
  <si>
    <t>700.4828491210938</t>
  </si>
  <si>
    <t>0.044726247379822226</t>
  </si>
  <si>
    <t>21087</t>
  </si>
  <si>
    <t>12.580123901367188</t>
  </si>
  <si>
    <t>714.365966796875</t>
  </si>
  <si>
    <t>-0.058572187705788537</t>
  </si>
  <si>
    <t>22645</t>
  </si>
  <si>
    <t>11.797762870788574</t>
  </si>
  <si>
    <t>577.7178955078125</t>
  </si>
  <si>
    <t>0.07128234014630053</t>
  </si>
  <si>
    <t>23810</t>
  </si>
  <si>
    <t>13.116372108459473</t>
  </si>
  <si>
    <t>602.7821044921875</t>
  </si>
  <si>
    <t>0.05016658349059355</t>
  </si>
  <si>
    <t>11709</t>
  </si>
  <si>
    <t>10.442091941833496</t>
  </si>
  <si>
    <t>551.7445068359375</t>
  </si>
  <si>
    <t>397.10260009765625</t>
  </si>
  <si>
    <t>Borsod-AbaÔøΩj-ZemplÔøΩn</t>
  </si>
  <si>
    <t>10317</t>
  </si>
  <si>
    <t>9.144566535949707</t>
  </si>
  <si>
    <t>638.276123046875</t>
  </si>
  <si>
    <t>-0.12656475674834766</t>
  </si>
  <si>
    <t>10024</t>
  </si>
  <si>
    <t>10.428031921386719</t>
  </si>
  <si>
    <t>528.0230712890625</t>
  </si>
  <si>
    <t>-0.028810802524471768</t>
  </si>
  <si>
    <t>9996</t>
  </si>
  <si>
    <t>9.87189769744873</t>
  </si>
  <si>
    <t>537.8107299804688</t>
  </si>
  <si>
    <t>-0.0027972046210607004</t>
  </si>
  <si>
    <t>10325</t>
  </si>
  <si>
    <t>10.825294494628906</t>
  </si>
  <si>
    <t>565.230224609375</t>
  </si>
  <si>
    <t>0.03238312587438941</t>
  </si>
  <si>
    <t>10514</t>
  </si>
  <si>
    <t>9.800294876098633</t>
  </si>
  <si>
    <t>630.5101318359375</t>
  </si>
  <si>
    <t>0.018139563550160887</t>
  </si>
  <si>
    <t>9.205314636230469</t>
  </si>
  <si>
    <t>634.8336791992188</t>
  </si>
  <si>
    <t>0.003986716243820965</t>
  </si>
  <si>
    <t>9.725295066833496</t>
  </si>
  <si>
    <t>587.9917602539062</t>
  </si>
  <si>
    <t>0.034542371947530626</t>
  </si>
  <si>
    <t>11397</t>
  </si>
  <si>
    <t>9.67340087890625</t>
  </si>
  <si>
    <t>692.6187133789062</t>
  </si>
  <si>
    <t>0.042113372284989126</t>
  </si>
  <si>
    <t>11798</t>
  </si>
  <si>
    <t>9.98552131652832</t>
  </si>
  <si>
    <t>728.1334228515625</t>
  </si>
  <si>
    <t>0.03457986270728597</t>
  </si>
  <si>
    <t>11.5326509475708</t>
  </si>
  <si>
    <t>552.5618286132812</t>
  </si>
  <si>
    <t>0.04799067773628529</t>
  </si>
  <si>
    <t>12951</t>
  </si>
  <si>
    <t>10.037989616394043</t>
  </si>
  <si>
    <t>633.860595703125</t>
  </si>
  <si>
    <t>0.04525230192428076</t>
  </si>
  <si>
    <t>10.983885765075684</t>
  </si>
  <si>
    <t>672.7579956054688</t>
  </si>
  <si>
    <t>0.02914415895441813</t>
  </si>
  <si>
    <t>13981</t>
  </si>
  <si>
    <t>10.057526588439941</t>
  </si>
  <si>
    <t>526.984375</t>
  </si>
  <si>
    <t>0.04738210080981986</t>
  </si>
  <si>
    <t>15216</t>
  </si>
  <si>
    <t>10.193194389343262</t>
  </si>
  <si>
    <t>706.8961791992188</t>
  </si>
  <si>
    <t>0.08464824079734612</t>
  </si>
  <si>
    <t>9.372688293457031</t>
  </si>
  <si>
    <t>716.711181640625</t>
  </si>
  <si>
    <t>0.08849992855383704</t>
  </si>
  <si>
    <t>16811</t>
  </si>
  <si>
    <t>10.816703796386719</t>
  </si>
  <si>
    <t>635.9216918945312</t>
  </si>
  <si>
    <t>0.011185999694051318</t>
  </si>
  <si>
    <t>16594</t>
  </si>
  <si>
    <t>11.183760643005371</t>
  </si>
  <si>
    <t>649.6791381835938</t>
  </si>
  <si>
    <t>-0.012992249808828404</t>
  </si>
  <si>
    <t>16168</t>
  </si>
  <si>
    <t>11.019561767578125</t>
  </si>
  <si>
    <t>640.2901611328125</t>
  </si>
  <si>
    <t>-0.02600720414077351</t>
  </si>
  <si>
    <t>14569</t>
  </si>
  <si>
    <t>11.166829109191895</t>
  </si>
  <si>
    <t>676.6528930664062</t>
  </si>
  <si>
    <t>-0.10413799642946131</t>
  </si>
  <si>
    <t>14893</t>
  </si>
  <si>
    <t>10.342092514038086</t>
  </si>
  <si>
    <t>933.6969604492188</t>
  </si>
  <si>
    <t>0.021995320231871673</t>
  </si>
  <si>
    <t>10.495985984802246</t>
  </si>
  <si>
    <t>511.40399169921875</t>
  </si>
  <si>
    <t>0.022572823250833096</t>
  </si>
  <si>
    <t>15283</t>
  </si>
  <si>
    <t>11.014724731445312</t>
  </si>
  <si>
    <t>551.385986328125</t>
  </si>
  <si>
    <t>0.0032769723911361126</t>
  </si>
  <si>
    <t>11.294170379638672</t>
  </si>
  <si>
    <t>628.760009765625</t>
  </si>
  <si>
    <t>0.05207817244471791</t>
  </si>
  <si>
    <t>11.654655456542969</t>
  </si>
  <si>
    <t>707.095458984375</t>
  </si>
  <si>
    <t>0.08252409852492093</t>
  </si>
  <si>
    <t>11.294699668884277</t>
  </si>
  <si>
    <t>568.9496459960938</t>
  </si>
  <si>
    <t>0.1296275859369409</t>
  </si>
  <si>
    <t>20096</t>
  </si>
  <si>
    <t>10.606338500976562</t>
  </si>
  <si>
    <t>737.2236938476562</t>
  </si>
  <si>
    <t>0.009549833833508714</t>
  </si>
  <si>
    <t>22261</t>
  </si>
  <si>
    <t>11.69333267211914</t>
  </si>
  <si>
    <t>627.177978515625</t>
  </si>
  <si>
    <t>0.10231547818240294</t>
  </si>
  <si>
    <t>11.712203979492188</t>
  </si>
  <si>
    <t>590.7621459960938</t>
  </si>
  <si>
    <t>0.043984859448656266</t>
  </si>
  <si>
    <t>12.075163841247559</t>
  </si>
  <si>
    <t>585.72998046875</t>
  </si>
  <si>
    <t>-0.01791377521043991</t>
  </si>
  <si>
    <t>11.58408260345459</t>
  </si>
  <si>
    <t>707.987060546875</t>
  </si>
  <si>
    <t>-0.013837696563795632</t>
  </si>
  <si>
    <t>24200</t>
  </si>
  <si>
    <t>10.58474063873291</t>
  </si>
  <si>
    <t>569.8173217773438</t>
  </si>
  <si>
    <t>0.07128297702002939</t>
  </si>
  <si>
    <t>25445</t>
  </si>
  <si>
    <t>12.035130500793457</t>
  </si>
  <si>
    <t>586.8841552734375</t>
  </si>
  <si>
    <t>0.050166626878153764</t>
  </si>
  <si>
    <t>1421</t>
  </si>
  <si>
    <t>11.933226585388184</t>
  </si>
  <si>
    <t>474.4559020996094</t>
  </si>
  <si>
    <t>228.5501708984375</t>
  </si>
  <si>
    <t>BÔøΩcs-Kiskun</t>
  </si>
  <si>
    <t>10.67663288116455</t>
  </si>
  <si>
    <t>598.3858642578125</t>
  </si>
  <si>
    <t>-0.12659400067612836</t>
  </si>
  <si>
    <t>11.902985572814941</t>
  </si>
  <si>
    <t>487.3315734863281</t>
  </si>
  <si>
    <t>-0.028883819359192486</t>
  </si>
  <si>
    <t>11265</t>
  </si>
  <si>
    <t>11.38405990600586</t>
  </si>
  <si>
    <t>530.369873046875</t>
  </si>
  <si>
    <t>-0.002659576035759059</t>
  </si>
  <si>
    <t>12.294709205627441</t>
  </si>
  <si>
    <t>503.6234436035156</t>
  </si>
  <si>
    <t>0.03231722287004857</t>
  </si>
  <si>
    <t>11847</t>
  </si>
  <si>
    <t>11.368132591247559</t>
  </si>
  <si>
    <t>673.2684936523438</t>
  </si>
  <si>
    <t>0.01805687421836666</t>
  </si>
  <si>
    <t>11895</t>
  </si>
  <si>
    <t>10.639935493469238</t>
  </si>
  <si>
    <t>573.8697509765625</t>
  </si>
  <si>
    <t>0.0040434727822979966</t>
  </si>
  <si>
    <t>12313</t>
  </si>
  <si>
    <t>11.331746101379395</t>
  </si>
  <si>
    <t>495.6065368652344</t>
  </si>
  <si>
    <t>0.03453747105581506</t>
  </si>
  <si>
    <t>12842</t>
  </si>
  <si>
    <t>11.240066528320312</t>
  </si>
  <si>
    <t>629.63623046875</t>
  </si>
  <si>
    <t>0.04206543456112222</t>
  </si>
  <si>
    <t>11.502528190612793</t>
  </si>
  <si>
    <t>688.1301879882812</t>
  </si>
  <si>
    <t>0.034666975323125016</t>
  </si>
  <si>
    <t>13.072403907775879</t>
  </si>
  <si>
    <t>397.8182678222656</t>
  </si>
  <si>
    <t>0.04794810411842221</t>
  </si>
  <si>
    <t>14602</t>
  </si>
  <si>
    <t>11.49005126953125</t>
  </si>
  <si>
    <t>512.6513061523438</t>
  </si>
  <si>
    <t>0.04582237682048884</t>
  </si>
  <si>
    <t>15362</t>
  </si>
  <si>
    <t>12.388153076171875</t>
  </si>
  <si>
    <t>565.7212524414062</t>
  </si>
  <si>
    <t>0.050738421942597256</t>
  </si>
  <si>
    <t>15614</t>
  </si>
  <si>
    <t>11.640219688415527</t>
  </si>
  <si>
    <t>422.0329284667969</t>
  </si>
  <si>
    <t>0.01627102012160897</t>
  </si>
  <si>
    <t>16516</t>
  </si>
  <si>
    <t>11.657394409179688</t>
  </si>
  <si>
    <t>604.1618041992188</t>
  </si>
  <si>
    <t>0.05616166032574377</t>
  </si>
  <si>
    <t>17115</t>
  </si>
  <si>
    <t>10.779833793640137</t>
  </si>
  <si>
    <t>673.6967163085938</t>
  </si>
  <si>
    <t>0.0356256639583048</t>
  </si>
  <si>
    <t>17650</t>
  </si>
  <si>
    <t>12.356358528137207</t>
  </si>
  <si>
    <t>535.8731689453125</t>
  </si>
  <si>
    <t>0.03078051139715754</t>
  </si>
  <si>
    <t>12.565120697021484</t>
  </si>
  <si>
    <t>536.410400390625</t>
  </si>
  <si>
    <t>-0.016797515443201405</t>
  </si>
  <si>
    <t>18107</t>
  </si>
  <si>
    <t>12.50422191619873</t>
  </si>
  <si>
    <t>587.9169311523438</t>
  </si>
  <si>
    <t>0.0423603359024014</t>
  </si>
  <si>
    <t>12.61922550201416</t>
  </si>
  <si>
    <t>592.4486694335938</t>
  </si>
  <si>
    <t>-0.08659474900979625</t>
  </si>
  <si>
    <t>16566</t>
  </si>
  <si>
    <t>11.716960906982422</t>
  </si>
  <si>
    <t>803.0308227539062</t>
  </si>
  <si>
    <t>-0.002351452652638031</t>
  </si>
  <si>
    <t>12.121821403503418</t>
  </si>
  <si>
    <t>390.36920166015625</t>
  </si>
  <si>
    <t>0.04739217807694196</t>
  </si>
  <si>
    <t>17905</t>
  </si>
  <si>
    <t>12.49618911743164</t>
  </si>
  <si>
    <t>493.7342834472656</t>
  </si>
  <si>
    <t>0.030335423197382028</t>
  </si>
  <si>
    <t>19378</t>
  </si>
  <si>
    <t>12.557135581970215</t>
  </si>
  <si>
    <t>544.969970703125</t>
  </si>
  <si>
    <t>0.07905839851241758</t>
  </si>
  <si>
    <t>20245</t>
  </si>
  <si>
    <t>13.145529747009277</t>
  </si>
  <si>
    <t>760.1805419921875</t>
  </si>
  <si>
    <t>0.04376944752131173</t>
  </si>
  <si>
    <t>21917</t>
  </si>
  <si>
    <t>12.777283668518066</t>
  </si>
  <si>
    <t>525.254638671875</t>
  </si>
  <si>
    <t>0.07935474191545744</t>
  </si>
  <si>
    <t>22183</t>
  </si>
  <si>
    <t>12.063399314880371</t>
  </si>
  <si>
    <t>659.3287963867188</t>
  </si>
  <si>
    <t>0.012063638364514517</t>
  </si>
  <si>
    <t>23147</t>
  </si>
  <si>
    <t>13.239815711975098</t>
  </si>
  <si>
    <t>560.8721923828125</t>
  </si>
  <si>
    <t>0.04253895273785524</t>
  </si>
  <si>
    <t>25758</t>
  </si>
  <si>
    <t>13.078248023986816</t>
  </si>
  <si>
    <t>571.9292602539062</t>
  </si>
  <si>
    <t>0.106880075968526</t>
  </si>
  <si>
    <t>13.550399780273438</t>
  </si>
  <si>
    <t>558.0289916992188</t>
  </si>
  <si>
    <t>0.03902209941677093</t>
  </si>
  <si>
    <t>25627</t>
  </si>
  <si>
    <t>13.09027099609375</t>
  </si>
  <si>
    <t>602.5771484375</t>
  </si>
  <si>
    <t>-0.04412087469383685</t>
  </si>
  <si>
    <t>12.18178653717041</t>
  </si>
  <si>
    <t>470.9345703125</t>
  </si>
  <si>
    <t>0.0713028664208526</t>
  </si>
  <si>
    <t>13.532523155212402</t>
  </si>
  <si>
    <t>490.80718994140625</t>
  </si>
  <si>
    <t>0.05013714503553146</t>
  </si>
  <si>
    <t>1422</t>
  </si>
  <si>
    <t>12409</t>
  </si>
  <si>
    <t>11.735881805419922</t>
  </si>
  <si>
    <t>453.7781066894531</t>
  </si>
  <si>
    <t>240.55685424804688</t>
  </si>
  <si>
    <t>BÔøΩkÔøΩs</t>
  </si>
  <si>
    <t>10.440775871276855</t>
  </si>
  <si>
    <t>608.2039794921875</t>
  </si>
  <si>
    <t>-0.12663627734013438</t>
  </si>
  <si>
    <t>11.704181671142578</t>
  </si>
  <si>
    <t>489.84918212890625</t>
  </si>
  <si>
    <t>-0.028764276654472454</t>
  </si>
  <si>
    <t>10594</t>
  </si>
  <si>
    <t>11.139275550842285</t>
  </si>
  <si>
    <t>533.823974609375</t>
  </si>
  <si>
    <t>-0.0027336586755417613</t>
  </si>
  <si>
    <t>10942</t>
  </si>
  <si>
    <t>12.077132225036621</t>
  </si>
  <si>
    <t>499.38702392578125</t>
  </si>
  <si>
    <t>0.03232079251930031</t>
  </si>
  <si>
    <t>11142</t>
  </si>
  <si>
    <t>11.136466979980469</t>
  </si>
  <si>
    <t>620.9935302734375</t>
  </si>
  <si>
    <t>0.018113155956989146</t>
  </si>
  <si>
    <t>10.537920951843262</t>
  </si>
  <si>
    <t>593.850341796875</t>
  </si>
  <si>
    <t>0.0040306382661690066</t>
  </si>
  <si>
    <t>11.033669471740723</t>
  </si>
  <si>
    <t>518.488525390625</t>
  </si>
  <si>
    <t>0.03444072276534271</t>
  </si>
  <si>
    <t>12077</t>
  </si>
  <si>
    <t>10.99862003326416</t>
  </si>
  <si>
    <t>626.4133911132812</t>
  </si>
  <si>
    <t>0.04210970466310293</t>
  </si>
  <si>
    <t>11.290088653564453</t>
  </si>
  <si>
    <t>711.0211791992188</t>
  </si>
  <si>
    <t>0.03466579821962412</t>
  </si>
  <si>
    <t>13117</t>
  </si>
  <si>
    <t>12.841323852539062</t>
  </si>
  <si>
    <t>422.0359802246094</t>
  </si>
  <si>
    <t>0.04794048332014533</t>
  </si>
  <si>
    <t>13679</t>
  </si>
  <si>
    <t>11.30927562713623</t>
  </si>
  <si>
    <t>560.35693359375</t>
  </si>
  <si>
    <t>0.041952711274300114</t>
  </si>
  <si>
    <t>13913</t>
  </si>
  <si>
    <t>12.279598236083984</t>
  </si>
  <si>
    <t>591.7960815429688</t>
  </si>
  <si>
    <t>0.016961844752431787</t>
  </si>
  <si>
    <t>11.326556205749512</t>
  </si>
  <si>
    <t>463.3360290527344</t>
  </si>
  <si>
    <t>0.015264205069787096</t>
  </si>
  <si>
    <t>14846</t>
  </si>
  <si>
    <t>11.488482475280762</t>
  </si>
  <si>
    <t>666.6461791992188</t>
  </si>
  <si>
    <t>0.049642608765829266</t>
  </si>
  <si>
    <t>14769</t>
  </si>
  <si>
    <t>10.660133361816406</t>
  </si>
  <si>
    <t>686.3008422851562</t>
  </si>
  <si>
    <t>-0.005200079251181933</t>
  </si>
  <si>
    <t>12.106048583984375</t>
  </si>
  <si>
    <t>571.184814453125</t>
  </si>
  <si>
    <t>0.022826386840474555</t>
  </si>
  <si>
    <t>12.483848571777344</t>
  </si>
  <si>
    <t>599.1434326171875</t>
  </si>
  <si>
    <t>0.011384323261051321</t>
  </si>
  <si>
    <t>15395</t>
  </si>
  <si>
    <t>12.340287208557129</t>
  </si>
  <si>
    <t>596.8157958984375</t>
  </si>
  <si>
    <t>0.007301681830764295</t>
  </si>
  <si>
    <t>13858</t>
  </si>
  <si>
    <t>12.460636138916016</t>
  </si>
  <si>
    <t>593.1255493164062</t>
  </si>
  <si>
    <t>-0.1051800981712745</t>
  </si>
  <si>
    <t>11.650498390197754</t>
  </si>
  <si>
    <t>831.8027954101562</t>
  </si>
  <si>
    <t>0.03439933510688675</t>
  </si>
  <si>
    <t>11.756816864013672</t>
  </si>
  <si>
    <t>419.3500061035156</t>
  </si>
  <si>
    <t>0.03977564096658881</t>
  </si>
  <si>
    <t>12.257014274597168</t>
  </si>
  <si>
    <t>503.3586120605469</t>
  </si>
  <si>
    <t>-0.01457810794145864</t>
  </si>
  <si>
    <t>15286</t>
  </si>
  <si>
    <t>12.573528289794922</t>
  </si>
  <si>
    <t>549.1170043945312</t>
  </si>
  <si>
    <t>0.03847782548348633</t>
  </si>
  <si>
    <t>15828</t>
  </si>
  <si>
    <t>12.965413093566895</t>
  </si>
  <si>
    <t>727.9321899414062</t>
  </si>
  <si>
    <t>0.03484314670248523</t>
  </si>
  <si>
    <t>17014</t>
  </si>
  <si>
    <t>12.58516788482666</t>
  </si>
  <si>
    <t>527.2705688476562</t>
  </si>
  <si>
    <t>0.0722560110305146</t>
  </si>
  <si>
    <t>11.873603820800781</t>
  </si>
  <si>
    <t>669.0914306640625</t>
  </si>
  <si>
    <t>0.025245805862400772</t>
  </si>
  <si>
    <t>17912</t>
  </si>
  <si>
    <t>12.964598655700684</t>
  </si>
  <si>
    <t>571.452392578125</t>
  </si>
  <si>
    <t>0.026188538880360213</t>
  </si>
  <si>
    <t>12.947887420654297</t>
  </si>
  <si>
    <t>561.771728515625</t>
  </si>
  <si>
    <t>0.06458388076088539</t>
  </si>
  <si>
    <t>19113</t>
  </si>
  <si>
    <t>13.392906188964844</t>
  </si>
  <si>
    <t>551.1765747070312</t>
  </si>
  <si>
    <t>0.0003139717451219326</t>
  </si>
  <si>
    <t>19098</t>
  </si>
  <si>
    <t>12.885916709899902</t>
  </si>
  <si>
    <t>605.7695922851562</t>
  </si>
  <si>
    <t>-0.0007851142744499384</t>
  </si>
  <si>
    <t>20509</t>
  </si>
  <si>
    <t>11.900532722473145</t>
  </si>
  <si>
    <t>482.1748352050781</t>
  </si>
  <si>
    <t>0.07128019666358476</t>
  </si>
  <si>
    <t>21564</t>
  </si>
  <si>
    <t>13.33124828338623</t>
  </si>
  <si>
    <t>511.3403625488281</t>
  </si>
  <si>
    <t>0.05016144339782613</t>
  </si>
  <si>
    <t>12.019370079040527</t>
  </si>
  <si>
    <t>425.7810363769531</t>
  </si>
  <si>
    <t>261.55059814453125</t>
  </si>
  <si>
    <t>CsongrÔøΩd</t>
  </si>
  <si>
    <t>13458</t>
  </si>
  <si>
    <t>10.74459457397461</t>
  </si>
  <si>
    <t>576.3729248046875</t>
  </si>
  <si>
    <t>-0.1266437802915341</t>
  </si>
  <si>
    <t>13076</t>
  </si>
  <si>
    <t>12.077702522277832</t>
  </si>
  <si>
    <t>473.78106689453125</t>
  </si>
  <si>
    <t>-0.028795235904160776</t>
  </si>
  <si>
    <t>11.4963960647583</t>
  </si>
  <si>
    <t>507.3756408691406</t>
  </si>
  <si>
    <t>-0.0027569323634573095</t>
  </si>
  <si>
    <t>13469</t>
  </si>
  <si>
    <t>12.380406379699707</t>
  </si>
  <si>
    <t>454.9459228515625</t>
  </si>
  <si>
    <t>0.03236919211817124</t>
  </si>
  <si>
    <t>11.457207679748535</t>
  </si>
  <si>
    <t>576.9430541992188</t>
  </si>
  <si>
    <t>0.018099375772887782</t>
  </si>
  <si>
    <t>13771</t>
  </si>
  <si>
    <t>10.627927780151367</t>
  </si>
  <si>
    <t>564.4567260742188</t>
  </si>
  <si>
    <t>0.004074807355422649</t>
  </si>
  <si>
    <t>504.8487854003906</t>
  </si>
  <si>
    <t>0.03447263733468908</t>
  </si>
  <si>
    <t>14867</t>
  </si>
  <si>
    <t>11.29662036895752</t>
  </si>
  <si>
    <t>586.1837158203125</t>
  </si>
  <si>
    <t>0.042106422551535516</t>
  </si>
  <si>
    <t>15390</t>
  </si>
  <si>
    <t>11.579730987548828</t>
  </si>
  <si>
    <t>681.1836547851562</t>
  </si>
  <si>
    <t>0.0345739562195746</t>
  </si>
  <si>
    <t>16147</t>
  </si>
  <si>
    <t>13.166216850280762</t>
  </si>
  <si>
    <t>386.0863952636719</t>
  </si>
  <si>
    <t>0.0480163260486961</t>
  </si>
  <si>
    <t>16676</t>
  </si>
  <si>
    <t>11.577704429626465</t>
  </si>
  <si>
    <t>543.5243530273438</t>
  </si>
  <si>
    <t>0.03223628611906548</t>
  </si>
  <si>
    <t>17190</t>
  </si>
  <si>
    <t>12.440765380859375</t>
  </si>
  <si>
    <t>554.9241943359375</t>
  </si>
  <si>
    <t>0.030357259376208034</t>
  </si>
  <si>
    <t>11.723198890686035</t>
  </si>
  <si>
    <t>434.6864929199219</t>
  </si>
  <si>
    <t>0.019985115292397992</t>
  </si>
  <si>
    <t>18317</t>
  </si>
  <si>
    <t>11.679279327392578</t>
  </si>
  <si>
    <t>638.34326171875</t>
  </si>
  <si>
    <t>0.04351665569092411</t>
  </si>
  <si>
    <t>18853</t>
  </si>
  <si>
    <t>10.862388610839844</t>
  </si>
  <si>
    <t>654.1918334960938</t>
  </si>
  <si>
    <t>0.028842462046366535</t>
  </si>
  <si>
    <t>19434</t>
  </si>
  <si>
    <t>12.45608139038086</t>
  </si>
  <si>
    <t>547.2919311523438</t>
  </si>
  <si>
    <t>0.030352056992800414</t>
  </si>
  <si>
    <t>18724</t>
  </si>
  <si>
    <t>12.626126289367676</t>
  </si>
  <si>
    <t>560.01904296875</t>
  </si>
  <si>
    <t>-0.03721798597942261</t>
  </si>
  <si>
    <t>19432</t>
  </si>
  <si>
    <t>12.550675392150879</t>
  </si>
  <si>
    <t>562.4863891601562</t>
  </si>
  <si>
    <t>0.03711506826204669</t>
  </si>
  <si>
    <t>18373</t>
  </si>
  <si>
    <t>12.66238784790039</t>
  </si>
  <si>
    <t>568.0243530273438</t>
  </si>
  <si>
    <t>-0.05603899606227358</t>
  </si>
  <si>
    <t>18345</t>
  </si>
  <si>
    <t>11.707207679748535</t>
  </si>
  <si>
    <t>796.4864501953125</t>
  </si>
  <si>
    <t>-0.0015251378303524632</t>
  </si>
  <si>
    <t>12.150450706481934</t>
  </si>
  <si>
    <t>392.7432556152344</t>
  </si>
  <si>
    <t>0.020288830618886422</t>
  </si>
  <si>
    <t>19026</t>
  </si>
  <si>
    <t>12.535811424255371</t>
  </si>
  <si>
    <t>480.14862060546875</t>
  </si>
  <si>
    <t>0.016160576358133838</t>
  </si>
  <si>
    <t>527.6647338867188</t>
  </si>
  <si>
    <t>0.007540092273288224</t>
  </si>
  <si>
    <t>20558</t>
  </si>
  <si>
    <t>13.128153800964355</t>
  </si>
  <si>
    <t>709.59716796875</t>
  </si>
  <si>
    <t>0.06990360253317718</t>
  </si>
  <si>
    <t>21084</t>
  </si>
  <si>
    <t>12.796398162841797</t>
  </si>
  <si>
    <t>494.1756286621094</t>
  </si>
  <si>
    <t>0.025264299402229184</t>
  </si>
  <si>
    <t>21304</t>
  </si>
  <si>
    <t>12.096622467041016</t>
  </si>
  <si>
    <t>626.5621337890625</t>
  </si>
  <si>
    <t>0.010380389518671151</t>
  </si>
  <si>
    <t>22276</t>
  </si>
  <si>
    <t>13.233107566833496</t>
  </si>
  <si>
    <t>539.1215209960938</t>
  </si>
  <si>
    <t>0.04461501721579175</t>
  </si>
  <si>
    <t>23259</t>
  </si>
  <si>
    <t>13.096397399902344</t>
  </si>
  <si>
    <t>537.3783569335938</t>
  </si>
  <si>
    <t>0.043182288177508354</t>
  </si>
  <si>
    <t>24460</t>
  </si>
  <si>
    <t>13.569595336914062</t>
  </si>
  <si>
    <t>542.7566528320312</t>
  </si>
  <si>
    <t>0.050346976354095574</t>
  </si>
  <si>
    <t>24263</t>
  </si>
  <si>
    <t>13.06103801727295</t>
  </si>
  <si>
    <t>561.229736328125</t>
  </si>
  <si>
    <t>-0.008086574042183159</t>
  </si>
  <si>
    <t>12.168468475341797</t>
  </si>
  <si>
    <t>465.840576171875</t>
  </si>
  <si>
    <t>0.07125713214433382</t>
  </si>
  <si>
    <t>13.54301929473877</t>
  </si>
  <si>
    <t>480.5945739746094</t>
  </si>
  <si>
    <t>0.050150826629201006</t>
  </si>
  <si>
    <t>1424</t>
  </si>
  <si>
    <t>21495</t>
  </si>
  <si>
    <t>11.65591049194336</t>
  </si>
  <si>
    <t>505.2000732421875</t>
  </si>
  <si>
    <t>429.618408203125</t>
  </si>
  <si>
    <t>FejÔøΩr</t>
  </si>
  <si>
    <t>18938</t>
  </si>
  <si>
    <t>10.536974906921387</t>
  </si>
  <si>
    <t>595.6214599609375</t>
  </si>
  <si>
    <t>-0.1266498643869376</t>
  </si>
  <si>
    <t>18400</t>
  </si>
  <si>
    <t>11.802918434143066</t>
  </si>
  <si>
    <t>501.9677734375</t>
  </si>
  <si>
    <t>-0.02881982094636726</t>
  </si>
  <si>
    <t>11.203640937805176</t>
  </si>
  <si>
    <t>558.3052978515625</t>
  </si>
  <si>
    <t>-0.002721090114361502</t>
  </si>
  <si>
    <t>18954</t>
  </si>
  <si>
    <t>12.036178588867188</t>
  </si>
  <si>
    <t>575.5362548828125</t>
  </si>
  <si>
    <t>0.03238541654742377</t>
  </si>
  <si>
    <t>11.065857887268066</t>
  </si>
  <si>
    <t>717.8214111328125</t>
  </si>
  <si>
    <t>0.018090104862837464</t>
  </si>
  <si>
    <t>10.031111717224121</t>
  </si>
  <si>
    <t>591.5343627929688</t>
  </si>
  <si>
    <t>0.004033306051972829</t>
  </si>
  <si>
    <t>20058</t>
  </si>
  <si>
    <t>11.298995971679688</t>
  </si>
  <si>
    <t>491.1664733886719</t>
  </si>
  <si>
    <t>0.03448967470320419</t>
  </si>
  <si>
    <t>20921</t>
  </si>
  <si>
    <t>11.213199615478516</t>
  </si>
  <si>
    <t>652.13916015625</t>
  </si>
  <si>
    <t>0.04212536253549359</t>
  </si>
  <si>
    <t>11.343111991882324</t>
  </si>
  <si>
    <t>693.7294921875</t>
  </si>
  <si>
    <t>0.03462146200467586</t>
  </si>
  <si>
    <t>12.73690128326416</t>
  </si>
  <si>
    <t>468.8598327636719</t>
  </si>
  <si>
    <t>0.04795871694152609</t>
  </si>
  <si>
    <t>20812</t>
  </si>
  <si>
    <t>11.290275573730469</t>
  </si>
  <si>
    <t>481.5029602050781</t>
  </si>
  <si>
    <t>-0.0878038747196559</t>
  </si>
  <si>
    <t>20021</t>
  </si>
  <si>
    <t>11.990630149841309</t>
  </si>
  <si>
    <t>594.5916137695312</t>
  </si>
  <si>
    <t>-0.03874802073849537</t>
  </si>
  <si>
    <t>20809</t>
  </si>
  <si>
    <t>11.529979705810547</t>
  </si>
  <si>
    <t>428.5072326660156</t>
  </si>
  <si>
    <t>0.03860386274108052</t>
  </si>
  <si>
    <t>11.347530364990234</t>
  </si>
  <si>
    <t>618.6459350585938</t>
  </si>
  <si>
    <t>0.08860796806735927</t>
  </si>
  <si>
    <t>23120</t>
  </si>
  <si>
    <t>10.509211540222168</t>
  </si>
  <si>
    <t>697.21044921875</t>
  </si>
  <si>
    <t>0.016704490306175046</t>
  </si>
  <si>
    <t>24646</t>
  </si>
  <si>
    <t>12.180328369140625</t>
  </si>
  <si>
    <t>567.9185180664062</t>
  </si>
  <si>
    <t>0.06391657171175424</t>
  </si>
  <si>
    <t>12.26192855834961</t>
  </si>
  <si>
    <t>585.1979370117188</t>
  </si>
  <si>
    <t>-0.012822259057472252</t>
  </si>
  <si>
    <t>12.064780235290527</t>
  </si>
  <si>
    <t>615.514892578125</t>
  </si>
  <si>
    <t>0.016022521050317096</t>
  </si>
  <si>
    <t>12.0891695022583</t>
  </si>
  <si>
    <t>629.18212890625</t>
  </si>
  <si>
    <t>-0.17041296878339196</t>
  </si>
  <si>
    <t>11.215313911437988</t>
  </si>
  <si>
    <t>816.1893920898438</t>
  </si>
  <si>
    <t>0.04363612140770812</t>
  </si>
  <si>
    <t>23823</t>
  </si>
  <si>
    <t>12.027256965637207</t>
  </si>
  <si>
    <t>443.4377746582031</t>
  </si>
  <si>
    <t>0.08961347044809109</t>
  </si>
  <si>
    <t>23647</t>
  </si>
  <si>
    <t>12.117403984069824</t>
  </si>
  <si>
    <t>540.281982421875</t>
  </si>
  <si>
    <t>-0.007415243583661635</t>
  </si>
  <si>
    <t>24945</t>
  </si>
  <si>
    <t>11.984684944152832</t>
  </si>
  <si>
    <t>574.0800170898438</t>
  </si>
  <si>
    <t>0.0534371443154793</t>
  </si>
  <si>
    <t>26624</t>
  </si>
  <si>
    <t>12.829825401306152</t>
  </si>
  <si>
    <t>725.525634765625</t>
  </si>
  <si>
    <t>0.06513966332579813</t>
  </si>
  <si>
    <t>29014</t>
  </si>
  <si>
    <t>12.505520820617676</t>
  </si>
  <si>
    <t>527.8441772460938</t>
  </si>
  <si>
    <t>0.08596540747791259</t>
  </si>
  <si>
    <t>11.817268371582031</t>
  </si>
  <si>
    <t>642.989013671875</t>
  </si>
  <si>
    <t>0.038373283010574966</t>
  </si>
  <si>
    <t>12.871506690979004</t>
  </si>
  <si>
    <t>623.0169067382812</t>
  </si>
  <si>
    <t>0.03701895801229149</t>
  </si>
  <si>
    <t>12.767463684082031</t>
  </si>
  <si>
    <t>567.04541015625</t>
  </si>
  <si>
    <t>0.03736143335601305</t>
  </si>
  <si>
    <t>32827</t>
  </si>
  <si>
    <t>13.224102020263672</t>
  </si>
  <si>
    <t>596.77978515625</t>
  </si>
  <si>
    <t>0.010719201007002965</t>
  </si>
  <si>
    <t>31150</t>
  </si>
  <si>
    <t>12.712234497070312</t>
  </si>
  <si>
    <t>643.9852294921875</t>
  </si>
  <si>
    <t>-0.05243710226913123</t>
  </si>
  <si>
    <t>11.872838020324707</t>
  </si>
  <si>
    <t>528.6766967773438</t>
  </si>
  <si>
    <t>0.07126743626013621</t>
  </si>
  <si>
    <t>13.154767036437988</t>
  </si>
  <si>
    <t>536.3734741210938</t>
  </si>
  <si>
    <t>0.050168630023156524</t>
  </si>
  <si>
    <t>11.254684448242188</t>
  </si>
  <si>
    <t>514.9744262695312</t>
  </si>
  <si>
    <t>214.23104858398438</t>
  </si>
  <si>
    <t>Gyor-Moson-Sopron</t>
  </si>
  <si>
    <t>22105</t>
  </si>
  <si>
    <t>10.198954582214355</t>
  </si>
  <si>
    <t>568.0900268554688</t>
  </si>
  <si>
    <t>-0.12658581688978998</t>
  </si>
  <si>
    <t>21477</t>
  </si>
  <si>
    <t>11.43281078338623</t>
  </si>
  <si>
    <t>540.785888671875</t>
  </si>
  <si>
    <t>-0.028821232196049706</t>
  </si>
  <si>
    <t>21418</t>
  </si>
  <si>
    <t>10.841144561767578</t>
  </si>
  <si>
    <t>525.54150390625</t>
  </si>
  <si>
    <t>-0.0027509051034737553</t>
  </si>
  <si>
    <t>22122</t>
  </si>
  <si>
    <t>11.696351051330566</t>
  </si>
  <si>
    <t>568.9393920898438</t>
  </si>
  <si>
    <t>0.032340898501379556</t>
  </si>
  <si>
    <t>22527</t>
  </si>
  <si>
    <t>10.677081108093262</t>
  </si>
  <si>
    <t>678.6282958984375</t>
  </si>
  <si>
    <t>0.018142001305793798</t>
  </si>
  <si>
    <t>22618</t>
  </si>
  <si>
    <t>9.512507438659668</t>
  </si>
  <si>
    <t>612.471923828125</t>
  </si>
  <si>
    <t>0.004031459663279335</t>
  </si>
  <si>
    <t>23412</t>
  </si>
  <si>
    <t>10.964062690734863</t>
  </si>
  <si>
    <t>551.2898559570312</t>
  </si>
  <si>
    <t>0.03450266197983787</t>
  </si>
  <si>
    <t>11.0244779586792</t>
  </si>
  <si>
    <t>572.3644409179688</t>
  </si>
  <si>
    <t>0.04211280637415982</t>
  </si>
  <si>
    <t>25279</t>
  </si>
  <si>
    <t>11.063017845153809</t>
  </si>
  <si>
    <t>655.1239624023438</t>
  </si>
  <si>
    <t>0.03461249373109965</t>
  </si>
  <si>
    <t>26521</t>
  </si>
  <si>
    <t>12.304161071777344</t>
  </si>
  <si>
    <t>483.8450622558594</t>
  </si>
  <si>
    <t>0.047962860463171</t>
  </si>
  <si>
    <t>25028</t>
  </si>
  <si>
    <t>10.989063262939453</t>
  </si>
  <si>
    <t>459.9331970214844</t>
  </si>
  <si>
    <t>-0.05794167386128635</t>
  </si>
  <si>
    <t>11.464062690734863</t>
  </si>
  <si>
    <t>646.029296875</t>
  </si>
  <si>
    <t>0.023339065564456973</t>
  </si>
  <si>
    <t>11.190109252929688</t>
  </si>
  <si>
    <t>408.3909912109375</t>
  </si>
  <si>
    <t>0.05914714502242191</t>
  </si>
  <si>
    <t>27198</t>
  </si>
  <si>
    <t>10.95729923248291</t>
  </si>
  <si>
    <t>586.4188842773438</t>
  </si>
  <si>
    <t>0.0006620324637705011</t>
  </si>
  <si>
    <t>27687</t>
  </si>
  <si>
    <t>10.134902954101562</t>
  </si>
  <si>
    <t>622.9555053710938</t>
  </si>
  <si>
    <t>0.01781954776478223</t>
  </si>
  <si>
    <t>30524</t>
  </si>
  <si>
    <t>11.826569557189941</t>
  </si>
  <si>
    <t>533.6856079101562</t>
  </si>
  <si>
    <t>0.09755027047583731</t>
  </si>
  <si>
    <t>11.831254005432129</t>
  </si>
  <si>
    <t>613.522705078125</t>
  </si>
  <si>
    <t>0.0004585503339331609</t>
  </si>
  <si>
    <t>11.51406478881836</t>
  </si>
  <si>
    <t>598.2196044921875</t>
  </si>
  <si>
    <t>0.011331197039488927</t>
  </si>
  <si>
    <t>27410</t>
  </si>
  <si>
    <t>11.494270324707031</t>
  </si>
  <si>
    <t>650.55712890625</t>
  </si>
  <si>
    <t>-0.11939509648611413</t>
  </si>
  <si>
    <t>30165</t>
  </si>
  <si>
    <t>742.76318359375</t>
  </si>
  <si>
    <t>0.09577440157802997</t>
  </si>
  <si>
    <t>11.748443603515625</t>
  </si>
  <si>
    <t>436.88983154296875</t>
  </si>
  <si>
    <t>0.04260657723668437</t>
  </si>
  <si>
    <t>29413</t>
  </si>
  <si>
    <t>11.563541412353516</t>
  </si>
  <si>
    <t>541.8357543945312</t>
  </si>
  <si>
    <t>-0.06785213564540804</t>
  </si>
  <si>
    <t>31061</t>
  </si>
  <si>
    <t>11.36093807220459</t>
  </si>
  <si>
    <t>576.3181762695312</t>
  </si>
  <si>
    <t>0.05451625946842853</t>
  </si>
  <si>
    <t>34013</t>
  </si>
  <si>
    <t>12.478126525878906</t>
  </si>
  <si>
    <t>667.8656616210938</t>
  </si>
  <si>
    <t>0.09078979152664957</t>
  </si>
  <si>
    <t>36527</t>
  </si>
  <si>
    <t>12.127079963684082</t>
  </si>
  <si>
    <t>504.7562255859375</t>
  </si>
  <si>
    <t>0.07130890867431638</t>
  </si>
  <si>
    <t>38380</t>
  </si>
  <si>
    <t>11.459380149841309</t>
  </si>
  <si>
    <t>695.9317626953125</t>
  </si>
  <si>
    <t>0.049484777426158644</t>
  </si>
  <si>
    <t>37981</t>
  </si>
  <si>
    <t>12.369270324707031</t>
  </si>
  <si>
    <t>619.0039672851562</t>
  </si>
  <si>
    <t>-0.010450455894851274</t>
  </si>
  <si>
    <t>39036</t>
  </si>
  <si>
    <t>12.347395896911621</t>
  </si>
  <si>
    <t>565.636962890625</t>
  </si>
  <si>
    <t>0.02739826259451128</t>
  </si>
  <si>
    <t>37936</t>
  </si>
  <si>
    <t>12.7791748046875</t>
  </si>
  <si>
    <t>563.89892578125</t>
  </si>
  <si>
    <t>-0.028583767956163797</t>
  </si>
  <si>
    <t>35816</t>
  </si>
  <si>
    <t>12.267203330993652</t>
  </si>
  <si>
    <t>667.3506469726562</t>
  </si>
  <si>
    <t>-0.057505808384386015</t>
  </si>
  <si>
    <t>11.460426330566406</t>
  </si>
  <si>
    <t>532.6356201171875</t>
  </si>
  <si>
    <t>0.07130201930000979</t>
  </si>
  <si>
    <t>12.594806671142578</t>
  </si>
  <si>
    <t>520.5794677734375</t>
  </si>
  <si>
    <t>0.05014738159995247</t>
  </si>
  <si>
    <t>14212</t>
  </si>
  <si>
    <t>10.985332489013672</t>
  </si>
  <si>
    <t>507.5320739746094</t>
  </si>
  <si>
    <t>457.349853515625</t>
  </si>
  <si>
    <t>HajdÔøΩ-Bihar</t>
  </si>
  <si>
    <t>12522</t>
  </si>
  <si>
    <t>9.683531761169434</t>
  </si>
  <si>
    <t>609.76171875</t>
  </si>
  <si>
    <t>-0.12659958083566103</t>
  </si>
  <si>
    <t>10.927647590637207</t>
  </si>
  <si>
    <t>501.5048522949219</t>
  </si>
  <si>
    <t>-0.028841921424605843</t>
  </si>
  <si>
    <t>12133</t>
  </si>
  <si>
    <t>10.402810096740723</t>
  </si>
  <si>
    <t>537.2465209960938</t>
  </si>
  <si>
    <t>-0.002716162828777513</t>
  </si>
  <si>
    <t>12532</t>
  </si>
  <si>
    <t>11.326384544372559</t>
  </si>
  <si>
    <t>534.1530151367188</t>
  </si>
  <si>
    <t>0.03235636002020925</t>
  </si>
  <si>
    <t>10.442434310913086</t>
  </si>
  <si>
    <t>605.94287109375</t>
  </si>
  <si>
    <t>0.01810827166189455</t>
  </si>
  <si>
    <t>9.791650772094727</t>
  </si>
  <si>
    <t>606.7088012695312</t>
  </si>
  <si>
    <t>0.004066635775599181</t>
  </si>
  <si>
    <t>13262</t>
  </si>
  <si>
    <t>10.348854064941406</t>
  </si>
  <si>
    <t>600.0321655273438</t>
  </si>
  <si>
    <t>0.034442522419237065</t>
  </si>
  <si>
    <t>13833</t>
  </si>
  <si>
    <t>10.2792387008667</t>
  </si>
  <si>
    <t>633.9932250976562</t>
  </si>
  <si>
    <t>0.042154238946002565</t>
  </si>
  <si>
    <t>14320</t>
  </si>
  <si>
    <t>10.57296085357666</t>
  </si>
  <si>
    <t>700.2833862304688</t>
  </si>
  <si>
    <t>0.0346001196398209</t>
  </si>
  <si>
    <t>15023</t>
  </si>
  <si>
    <t>12.14840316772461</t>
  </si>
  <si>
    <t>489.4173278808594</t>
  </si>
  <si>
    <t>0.04792519854778732</t>
  </si>
  <si>
    <t>10.552486419677734</t>
  </si>
  <si>
    <t>625.2235107421875</t>
  </si>
  <si>
    <t>0.08544032836647197</t>
  </si>
  <si>
    <t>16701</t>
  </si>
  <si>
    <t>11.535331726074219</t>
  </si>
  <si>
    <t>595.7301025390625</t>
  </si>
  <si>
    <t>0.020445909422722508</t>
  </si>
  <si>
    <t>10.599793434143066</t>
  </si>
  <si>
    <t>487.02630615234375</t>
  </si>
  <si>
    <t>0.06938797933857366</t>
  </si>
  <si>
    <t>18564</t>
  </si>
  <si>
    <t>10.737537384033203</t>
  </si>
  <si>
    <t>670.400146484375</t>
  </si>
  <si>
    <t>0.036367644170875124</t>
  </si>
  <si>
    <t>9.907673835754395</t>
  </si>
  <si>
    <t>687.5592651367188</t>
  </si>
  <si>
    <t>0.016137138848732135</t>
  </si>
  <si>
    <t>19088</t>
  </si>
  <si>
    <t>11.367724418640137</t>
  </si>
  <si>
    <t>614.5330810546875</t>
  </si>
  <si>
    <t>0.011698505127897718</t>
  </si>
  <si>
    <t>18415</t>
  </si>
  <si>
    <t>11.773853302001953</t>
  </si>
  <si>
    <t>637.5452880859375</t>
  </si>
  <si>
    <t>-0.03589431545853117</t>
  </si>
  <si>
    <t>11.608450889587402</t>
  </si>
  <si>
    <t>612.6217041015625</t>
  </si>
  <si>
    <t>0.01904102277708475</t>
  </si>
  <si>
    <t>17932</t>
  </si>
  <si>
    <t>11.720626831054688</t>
  </si>
  <si>
    <t>639.9769897460938</t>
  </si>
  <si>
    <t>-0.045619746380920034</t>
  </si>
  <si>
    <t>18597</t>
  </si>
  <si>
    <t>10.885333061218262</t>
  </si>
  <si>
    <t>841.9743041992188</t>
  </si>
  <si>
    <t>0.036413451094698956</t>
  </si>
  <si>
    <t>11.044361114501953</t>
  </si>
  <si>
    <t>477.44207763671875</t>
  </si>
  <si>
    <t>0.020543564420512084</t>
  </si>
  <si>
    <t>18849</t>
  </si>
  <si>
    <t>11.539092063903809</t>
  </si>
  <si>
    <t>520.580322265625</t>
  </si>
  <si>
    <t>-0.007083979719483935</t>
  </si>
  <si>
    <t>18453</t>
  </si>
  <si>
    <t>11.889336585998535</t>
  </si>
  <si>
    <t>592.7518920898438</t>
  </si>
  <si>
    <t>-0.021232903194579933</t>
  </si>
  <si>
    <t>19413</t>
  </si>
  <si>
    <t>673.3983154296875</t>
  </si>
  <si>
    <t>0.050715985848897915</t>
  </si>
  <si>
    <t>19950</t>
  </si>
  <si>
    <t>11.874874114990234</t>
  </si>
  <si>
    <t>540.5781860351562</t>
  </si>
  <si>
    <t>0.027286198592634037</t>
  </si>
  <si>
    <t>11.125815391540527</t>
  </si>
  <si>
    <t>686.2909545898438</t>
  </si>
  <si>
    <t>-0.005932348602982529</t>
  </si>
  <si>
    <t>12.264789581298828</t>
  </si>
  <si>
    <t>596.1371459960938</t>
  </si>
  <si>
    <t>0.08094216960784983</t>
  </si>
  <si>
    <t>22843</t>
  </si>
  <si>
    <t>12.25294017791748</t>
  </si>
  <si>
    <t>582.5111083984375</t>
  </si>
  <si>
    <t>0.060405760332992386</t>
  </si>
  <si>
    <t>12.693260192871094</t>
  </si>
  <si>
    <t>537.2745971679688</t>
  </si>
  <si>
    <t>0.034549242767189625</t>
  </si>
  <si>
    <t>22989</t>
  </si>
  <si>
    <t>12.17438793182373</t>
  </si>
  <si>
    <t>656.982421875</t>
  </si>
  <si>
    <t>-0.028178126784544233</t>
  </si>
  <si>
    <t>11.194442749023438</t>
  </si>
  <si>
    <t>541.185546875</t>
  </si>
  <si>
    <t>0.07130145496442708</t>
  </si>
  <si>
    <t>12.588152885437012</t>
  </si>
  <si>
    <t>557.5840454101562</t>
  </si>
  <si>
    <t>0.05012402713353836</t>
  </si>
  <si>
    <t>1427</t>
  </si>
  <si>
    <t>10.907745361328125</t>
  </si>
  <si>
    <t>499.5045166015625</t>
  </si>
  <si>
    <t>210.24212646484375</t>
  </si>
  <si>
    <t>Heves</t>
  </si>
  <si>
    <t>9.60888385772705</t>
  </si>
  <si>
    <t>613.596435546875</t>
  </si>
  <si>
    <t>-0.1265869202717127</t>
  </si>
  <si>
    <t>10.855652809143066</t>
  </si>
  <si>
    <t>506.0588073730469</t>
  </si>
  <si>
    <t>-0.028873051263332172</t>
  </si>
  <si>
    <t>10.320998191833496</t>
  </si>
  <si>
    <t>548.7979736328125</t>
  </si>
  <si>
    <t>-0.002674751951296628</t>
  </si>
  <si>
    <t>11569</t>
  </si>
  <si>
    <t>11.27914810180664</t>
  </si>
  <si>
    <t>560.8125610351562</t>
  </si>
  <si>
    <t>0.032326047017148696</t>
  </si>
  <si>
    <t>11780</t>
  </si>
  <si>
    <t>10.280285835266113</t>
  </si>
  <si>
    <t>713.5607299804688</t>
  </si>
  <si>
    <t>0.0180740711766898</t>
  </si>
  <si>
    <t>11828</t>
  </si>
  <si>
    <t>9.65054988861084</t>
  </si>
  <si>
    <t>591.5816040039062</t>
  </si>
  <si>
    <t>0.00406642376679045</t>
  </si>
  <si>
    <t>10.230286598205566</t>
  </si>
  <si>
    <t>480.24993896484375</t>
  </si>
  <si>
    <t>0.034484743101547366</t>
  </si>
  <si>
    <t>12770</t>
  </si>
  <si>
    <t>10.189757347106934</t>
  </si>
  <si>
    <t>685.0164184570312</t>
  </si>
  <si>
    <t>13220</t>
  </si>
  <si>
    <t>10.463619232177734</t>
  </si>
  <si>
    <t>741.9986572265625</t>
  </si>
  <si>
    <t>0.03463216437909189</t>
  </si>
  <si>
    <t>13869</t>
  </si>
  <si>
    <t>12.018355369567871</t>
  </si>
  <si>
    <t>483.2982482910156</t>
  </si>
  <si>
    <t>0.04792529925065736</t>
  </si>
  <si>
    <t>15082</t>
  </si>
  <si>
    <t>10.51475715637207</t>
  </si>
  <si>
    <t>499.8922424316406</t>
  </si>
  <si>
    <t>0.08384584610625723</t>
  </si>
  <si>
    <t>15684</t>
  </si>
  <si>
    <t>11.471953392028809</t>
  </si>
  <si>
    <t>617.5068969726562</t>
  </si>
  <si>
    <t>0.039139104649629886</t>
  </si>
  <si>
    <t>16131</t>
  </si>
  <si>
    <t>10.521951675415039</t>
  </si>
  <si>
    <t>437.4200744628906</t>
  </si>
  <si>
    <t>0.02810180206556545</t>
  </si>
  <si>
    <t>10.655285835266113</t>
  </si>
  <si>
    <t>644.6510620117188</t>
  </si>
  <si>
    <t>0.015928506260088682</t>
  </si>
  <si>
    <t>16801</t>
  </si>
  <si>
    <t>9.846951484680176</t>
  </si>
  <si>
    <t>697.9437255859375</t>
  </si>
  <si>
    <t>0.02476701569152695</t>
  </si>
  <si>
    <t>17489</t>
  </si>
  <si>
    <t>11.293354034423828</t>
  </si>
  <si>
    <t>583.8208618164062</t>
  </si>
  <si>
    <t>0.04013370341978906</t>
  </si>
  <si>
    <t>11.65642261505127</t>
  </si>
  <si>
    <t>608.3953247070312</t>
  </si>
  <si>
    <t>0.036271660867811306</t>
  </si>
  <si>
    <t>11.493354797363281</t>
  </si>
  <si>
    <t>626.8925170898438</t>
  </si>
  <si>
    <t>0.0013225328427939331</t>
  </si>
  <si>
    <t>11.626687049865723</t>
  </si>
  <si>
    <t>635.0327758789062</t>
  </si>
  <si>
    <t>-0.09187426982580149</t>
  </si>
  <si>
    <t>10.805285453796387</t>
  </si>
  <si>
    <t>870.754150390625</t>
  </si>
  <si>
    <t>0.029678945417190405</t>
  </si>
  <si>
    <t>17001</t>
  </si>
  <si>
    <t>10.962481498718262</t>
  </si>
  <si>
    <t>449.2406005859375</t>
  </si>
  <si>
    <t>-0.003698815313457615</t>
  </si>
  <si>
    <t>16535</t>
  </si>
  <si>
    <t>11.441261291503906</t>
  </si>
  <si>
    <t>531.4692993164062</t>
  </si>
  <si>
    <t>-0.02779281942183509</t>
  </si>
  <si>
    <t>18174</t>
  </si>
  <si>
    <t>11.769493103027344</t>
  </si>
  <si>
    <t>559.6550903320312</t>
  </si>
  <si>
    <t>0.09451265483939864</t>
  </si>
  <si>
    <t>18824</t>
  </si>
  <si>
    <t>12.135022163391113</t>
  </si>
  <si>
    <t>737.4635620117188</t>
  </si>
  <si>
    <t>0.03514065015190582</t>
  </si>
  <si>
    <t>11.748274803161621</t>
  </si>
  <si>
    <t>526.5814819335938</t>
  </si>
  <si>
    <t>0.06319624797619561</t>
  </si>
  <si>
    <t>21065</t>
  </si>
  <si>
    <t>11.079147338867188</t>
  </si>
  <si>
    <t>683.6070556640625</t>
  </si>
  <si>
    <t>0.049283996029723554</t>
  </si>
  <si>
    <t>12.15433120727539</t>
  </si>
  <si>
    <t>623.4313354492188</t>
  </si>
  <si>
    <t>0.03923897149049438</t>
  </si>
  <si>
    <t>12.143538475036621</t>
  </si>
  <si>
    <t>562.671875</t>
  </si>
  <si>
    <t>0.06870069807995804</t>
  </si>
  <si>
    <t>24923</t>
  </si>
  <si>
    <t>12.533883094787598</t>
  </si>
  <si>
    <t>602.181640625</t>
  </si>
  <si>
    <t>0.060238506904845224</t>
  </si>
  <si>
    <t>23529</t>
  </si>
  <si>
    <t>12.043354988098145</t>
  </si>
  <si>
    <t>652.0296020507812</t>
  </si>
  <si>
    <t>-0.05755736900763786</t>
  </si>
  <si>
    <t>25268</t>
  </si>
  <si>
    <t>11.033883094787598</t>
  </si>
  <si>
    <t>508.96051025390625</t>
  </si>
  <si>
    <t>0.0713050701378144</t>
  </si>
  <si>
    <t>26568</t>
  </si>
  <si>
    <t>12.501688957214355</t>
  </si>
  <si>
    <t>539.0374755859375</t>
  </si>
  <si>
    <t>0.05016871103799225</t>
  </si>
  <si>
    <t>1428</t>
  </si>
  <si>
    <t>11878</t>
  </si>
  <si>
    <t>11.735926628112793</t>
  </si>
  <si>
    <t>450.50067138671875</t>
  </si>
  <si>
    <t>230.00845336914062</t>
  </si>
  <si>
    <t>JÔøΩsz-Nagykun-Szolnok</t>
  </si>
  <si>
    <t>10465</t>
  </si>
  <si>
    <t>10.463175773620605</t>
  </si>
  <si>
    <t>568.9307250976562</t>
  </si>
  <si>
    <t>-0.1266515936957049</t>
  </si>
  <si>
    <t>11.760899543762207</t>
  </si>
  <si>
    <t>456.7551574707031</t>
  </si>
  <si>
    <t>-0.028790822010810402</t>
  </si>
  <si>
    <t>10141</t>
  </si>
  <si>
    <t>11.198330879211426</t>
  </si>
  <si>
    <t>518.21484375</t>
  </si>
  <si>
    <t>-0.002658921257294722</t>
  </si>
  <si>
    <t>12.096478462219238</t>
  </si>
  <si>
    <t>493.7576599121094</t>
  </si>
  <si>
    <t>0.03230938322743704</t>
  </si>
  <si>
    <t>10665</t>
  </si>
  <si>
    <t>11.141911506652832</t>
  </si>
  <si>
    <t>607.7744140625</t>
  </si>
  <si>
    <t>0.018071356066018396</t>
  </si>
  <si>
    <t>10708</t>
  </si>
  <si>
    <t>10.401476860046387</t>
  </si>
  <si>
    <t>553.8474731445312</t>
  </si>
  <si>
    <t>0.004023773734791902</t>
  </si>
  <si>
    <t>11084</t>
  </si>
  <si>
    <t>11.092082023620605</t>
  </si>
  <si>
    <t>433.6787414550781</t>
  </si>
  <si>
    <t>0.03451150134262626</t>
  </si>
  <si>
    <t>11.0181884765625</t>
  </si>
  <si>
    <t>615.264892578125</t>
  </si>
  <si>
    <t>0.04213473769245191</t>
  </si>
  <si>
    <t>11968</t>
  </si>
  <si>
    <t>11.305619239807129</t>
  </si>
  <si>
    <t>684.9009399414062</t>
  </si>
  <si>
    <t>0.034599056538937134</t>
  </si>
  <si>
    <t>12556</t>
  </si>
  <si>
    <t>12.869454383850098</t>
  </si>
  <si>
    <t>444.5182189941406</t>
  </si>
  <si>
    <t>0.047962217747585356</t>
  </si>
  <si>
    <t>13795</t>
  </si>
  <si>
    <t>11.312785148620605</t>
  </si>
  <si>
    <t>507.7308044433594</t>
  </si>
  <si>
    <t>0.09410756868954273</t>
  </si>
  <si>
    <t>14117</t>
  </si>
  <si>
    <t>12.238300323486328</t>
  </si>
  <si>
    <t>575.9281616210938</t>
  </si>
  <si>
    <t>0.023073537232813024</t>
  </si>
  <si>
    <t>11.40135669708252</t>
  </si>
  <si>
    <t>423.78314208984375</t>
  </si>
  <si>
    <t>0.037401829260792496</t>
  </si>
  <si>
    <t>15041</t>
  </si>
  <si>
    <t>11.460175514221191</t>
  </si>
  <si>
    <t>606.79638671875</t>
  </si>
  <si>
    <t>0.02599823151022207</t>
  </si>
  <si>
    <t>10.63485050201416</t>
  </si>
  <si>
    <t>647.4602661132812</t>
  </si>
  <si>
    <t>0.017857029037521954</t>
  </si>
  <si>
    <t>16607</t>
  </si>
  <si>
    <t>12.12811279296875</t>
  </si>
  <si>
    <t>535.3794555664062</t>
  </si>
  <si>
    <t>0.08118745851401776</t>
  </si>
  <si>
    <t>16059</t>
  </si>
  <si>
    <t>12.45913028717041</t>
  </si>
  <si>
    <t>554.6016845703125</t>
  </si>
  <si>
    <t>-0.03355485314526341</t>
  </si>
  <si>
    <t>16672</t>
  </si>
  <si>
    <t>12.314143180847168</t>
  </si>
  <si>
    <t>575.8959350585938</t>
  </si>
  <si>
    <t>0.03746122549160269</t>
  </si>
  <si>
    <t>16040</t>
  </si>
  <si>
    <t>12.425148010253906</t>
  </si>
  <si>
    <t>561.8881225585938</t>
  </si>
  <si>
    <t>-0.038645063132587865</t>
  </si>
  <si>
    <t>15207</t>
  </si>
  <si>
    <t>11.54555606842041</t>
  </si>
  <si>
    <t>808.9403076171875</t>
  </si>
  <si>
    <t>-0.05332975428004616</t>
  </si>
  <si>
    <t>16389</t>
  </si>
  <si>
    <t>11.846863746643066</t>
  </si>
  <si>
    <t>405.4235534667969</t>
  </si>
  <si>
    <t>0.07485452992336761</t>
  </si>
  <si>
    <t>16019</t>
  </si>
  <si>
    <t>12.25131607055664</t>
  </si>
  <si>
    <t>485.8339538574219</t>
  </si>
  <si>
    <t>-0.022834860362342724</t>
  </si>
  <si>
    <t>16633</t>
  </si>
  <si>
    <t>12.473578453063965</t>
  </si>
  <si>
    <t>523.74267578125</t>
  </si>
  <si>
    <t>0.03761315608905136</t>
  </si>
  <si>
    <t>12.94913387298584</t>
  </si>
  <si>
    <t>684.0889892578125</t>
  </si>
  <si>
    <t>0.034915086253663574</t>
  </si>
  <si>
    <t>18291</t>
  </si>
  <si>
    <t>12.56020736694336</t>
  </si>
  <si>
    <t>505.1515808105469</t>
  </si>
  <si>
    <t>0.06010537553172668</t>
  </si>
  <si>
    <t>18709</t>
  </si>
  <si>
    <t>11.878636360168457</t>
  </si>
  <si>
    <t>640.2366333007812</t>
  </si>
  <si>
    <t>0.02259555590949347</t>
  </si>
  <si>
    <t>19657</t>
  </si>
  <si>
    <t>12.972868919372559</t>
  </si>
  <si>
    <t>578.1058959960938</t>
  </si>
  <si>
    <t>0.04942881747238026</t>
  </si>
  <si>
    <t>20271</t>
  </si>
  <si>
    <t>12.931134223937988</t>
  </si>
  <si>
    <t>527.643798828125</t>
  </si>
  <si>
    <t>0.030757784262485544</t>
  </si>
  <si>
    <t>13.357955932617188</t>
  </si>
  <si>
    <t>550.4756469726562</t>
  </si>
  <si>
    <t>0.03713903307893496</t>
  </si>
  <si>
    <t>21707</t>
  </si>
  <si>
    <t>12.846108436584473</t>
  </si>
  <si>
    <t>584.1422729492188</t>
  </si>
  <si>
    <t>0.03130446285654287</t>
  </si>
  <si>
    <t>23311</t>
  </si>
  <si>
    <t>11.913556098937988</t>
  </si>
  <si>
    <t>454.7245178222656</t>
  </si>
  <si>
    <t>0.07129056299675973</t>
  </si>
  <si>
    <t>24510</t>
  </si>
  <si>
    <t>13.3263521194458</t>
  </si>
  <si>
    <t>499.6910400390625</t>
  </si>
  <si>
    <t>0.0501558453696358</t>
  </si>
  <si>
    <t>15222</t>
  </si>
  <si>
    <t>469.2999572753906</t>
  </si>
  <si>
    <t>170.6478271484375</t>
  </si>
  <si>
    <t>KomÔøΩrom-Esztergom</t>
  </si>
  <si>
    <t>-0.12666648411639692</t>
  </si>
  <si>
    <t>13030</t>
  </si>
  <si>
    <t>500.9999694824219</t>
  </si>
  <si>
    <t>-0.02882087459204996</t>
  </si>
  <si>
    <t>12995</t>
  </si>
  <si>
    <t>-0.002689723043300063</t>
  </si>
  <si>
    <t>13422</t>
  </si>
  <si>
    <t>11.683334350585938</t>
  </si>
  <si>
    <t>0.03233048364259439</t>
  </si>
  <si>
    <t>13667</t>
  </si>
  <si>
    <t>692.9000244140625</t>
  </si>
  <si>
    <t>0.018089016246616296</t>
  </si>
  <si>
    <t>13723</t>
  </si>
  <si>
    <t>0.004089089304832427</t>
  </si>
  <si>
    <t>14204</t>
  </si>
  <si>
    <t>491.6000671386719</t>
  </si>
  <si>
    <t>0.03445035779334482</t>
  </si>
  <si>
    <t>0.04211656594468671</t>
  </si>
  <si>
    <t>651.0000610351562</t>
  </si>
  <si>
    <t>0.034628028643114206</t>
  </si>
  <si>
    <t>16091</t>
  </si>
  <si>
    <t>12.274998664855957</t>
  </si>
  <si>
    <t>438.1999816894531</t>
  </si>
  <si>
    <t>0.047991899808371485</t>
  </si>
  <si>
    <t>440.9000244140625</t>
  </si>
  <si>
    <t>0.15138577894911798</t>
  </si>
  <si>
    <t>0.052494431608392844</t>
  </si>
  <si>
    <t>23391</t>
  </si>
  <si>
    <t>387.79998779296875</t>
  </si>
  <si>
    <t>0.17021101296104924</t>
  </si>
  <si>
    <t>570.7999877929688</t>
  </si>
  <si>
    <t>0.10185302492592108</t>
  </si>
  <si>
    <t>0.08259671471268959</t>
  </si>
  <si>
    <t>26597</t>
  </si>
  <si>
    <t>524.8999633789062</t>
  </si>
  <si>
    <t>-0.05600264516178122</t>
  </si>
  <si>
    <t>620.9999389648438</t>
  </si>
  <si>
    <t>0.04657299354909661</t>
  </si>
  <si>
    <t>27482</t>
  </si>
  <si>
    <t>573.7000122070312</t>
  </si>
  <si>
    <t>-0.013840176111916236</t>
  </si>
  <si>
    <t>631.9000244140625</t>
  </si>
  <si>
    <t>-0.1284190501941911</t>
  </si>
  <si>
    <t>25081</t>
  </si>
  <si>
    <t>741.9999389648438</t>
  </si>
  <si>
    <t>0.03699839266273841</t>
  </si>
  <si>
    <t>436.79998779296875</t>
  </si>
  <si>
    <t>0.03004526272486885</t>
  </si>
  <si>
    <t>538.6000366210938</t>
  </si>
  <si>
    <t>-0.04458367140619046</t>
  </si>
  <si>
    <t>26076</t>
  </si>
  <si>
    <t>581.4000244140625</t>
  </si>
  <si>
    <t>0.05344317236548335</t>
  </si>
  <si>
    <t>12.4833345413208</t>
  </si>
  <si>
    <t>0.01544990585527195</t>
  </si>
  <si>
    <t>28696</t>
  </si>
  <si>
    <t>469.300048828125</t>
  </si>
  <si>
    <t>0.08029248331241767</t>
  </si>
  <si>
    <t>29618</t>
  </si>
  <si>
    <t>0.031624544385330466</t>
  </si>
  <si>
    <t>30020</t>
  </si>
  <si>
    <t>602.199951171875</t>
  </si>
  <si>
    <t>0.013481541590003587</t>
  </si>
  <si>
    <t>546.1000366210938</t>
  </si>
  <si>
    <t>0.056249347273853445</t>
  </si>
  <si>
    <t>12.799999237060547</t>
  </si>
  <si>
    <t>561.7999877929688</t>
  </si>
  <si>
    <t>0.05265584461227668</t>
  </si>
  <si>
    <t>664.7000122070312</t>
  </si>
  <si>
    <t>-0.1000504405456546</t>
  </si>
  <si>
    <t>539.9000244140625</t>
  </si>
  <si>
    <t>0.07129044685277819</t>
  </si>
  <si>
    <t>0.05015813842783068</t>
  </si>
  <si>
    <t>1431</t>
  </si>
  <si>
    <t>15348</t>
  </si>
  <si>
    <t>11.667384147644043</t>
  </si>
  <si>
    <t>507.1293640136719</t>
  </si>
  <si>
    <t>1200.944580078125</t>
  </si>
  <si>
    <t>Pest</t>
  </si>
  <si>
    <t>10.463936805725098</t>
  </si>
  <si>
    <t>577.0361328125</t>
  </si>
  <si>
    <t>-0.1265932328934838</t>
  </si>
  <si>
    <t>11.724933624267578</t>
  </si>
  <si>
    <t>486.44146728515625</t>
  </si>
  <si>
    <t>-0.02880703283153707</t>
  </si>
  <si>
    <t>11.163010597229004</t>
  </si>
  <si>
    <t>539.7361450195312</t>
  </si>
  <si>
    <t>-0.0027436950372372593</t>
  </si>
  <si>
    <t>13534</t>
  </si>
  <si>
    <t>11.992317199707031</t>
  </si>
  <si>
    <t>561.7172241210938</t>
  </si>
  <si>
    <t>0.03236382618758604</t>
  </si>
  <si>
    <t>13781</t>
  </si>
  <si>
    <t>11.062694549560547</t>
  </si>
  <si>
    <t>675.6256103515625</t>
  </si>
  <si>
    <t>0.018085794082974616</t>
  </si>
  <si>
    <t>10.122090339660645</t>
  </si>
  <si>
    <t>574.6370239257812</t>
  </si>
  <si>
    <t>0.004055331794239336</t>
  </si>
  <si>
    <t>14322</t>
  </si>
  <si>
    <t>11.171477317810059</t>
  </si>
  <si>
    <t>476.88055419921875</t>
  </si>
  <si>
    <t>0.034450652897501044</t>
  </si>
  <si>
    <t>11.040543556213379</t>
  </si>
  <si>
    <t>619.6080322265625</t>
  </si>
  <si>
    <t>0.04211148535012654</t>
  </si>
  <si>
    <t>11.269539833068848</t>
  </si>
  <si>
    <t>661.524658203125</t>
  </si>
  <si>
    <t>0.034671104202157466</t>
  </si>
  <si>
    <t>16224</t>
  </si>
  <si>
    <t>12.735210418701172</t>
  </si>
  <si>
    <t>476.1139831542969</t>
  </si>
  <si>
    <t>0.04791222127174066</t>
  </si>
  <si>
    <t>17937</t>
  </si>
  <si>
    <t>11.21866226196289</t>
  </si>
  <si>
    <t>473.1242370605469</t>
  </si>
  <si>
    <t>0.1003739911581043</t>
  </si>
  <si>
    <t>18941</t>
  </si>
  <si>
    <t>12.0542573928833</t>
  </si>
  <si>
    <t>583.113525390625</t>
  </si>
  <si>
    <t>0.05446326610772623</t>
  </si>
  <si>
    <t>11.42992115020752</t>
  </si>
  <si>
    <t>421.4667663574219</t>
  </si>
  <si>
    <t>0.047831843496348725</t>
  </si>
  <si>
    <t>20820</t>
  </si>
  <si>
    <t>11.335750579833984</t>
  </si>
  <si>
    <t>598.7938232421875</t>
  </si>
  <si>
    <t>0.04675333501586998</t>
  </si>
  <si>
    <t>10.488842010498047</t>
  </si>
  <si>
    <t>666.8098754882812</t>
  </si>
  <si>
    <t>0.06007070225625988</t>
  </si>
  <si>
    <t>22415</t>
  </si>
  <si>
    <t>12.101829528808594</t>
  </si>
  <si>
    <t>548.6705322265625</t>
  </si>
  <si>
    <t>0.01374561216432113</t>
  </si>
  <si>
    <t>24153</t>
  </si>
  <si>
    <t>12.334460258483887</t>
  </si>
  <si>
    <t>556.7039184570312</t>
  </si>
  <si>
    <t>0.07467821837854949</t>
  </si>
  <si>
    <t>22943</t>
  </si>
  <si>
    <t>12.1991548538208</t>
  </si>
  <si>
    <t>596.5526733398438</t>
  </si>
  <si>
    <t>-0.05139571689792888</t>
  </si>
  <si>
    <t>21092</t>
  </si>
  <si>
    <t>12.245380401611328</t>
  </si>
  <si>
    <t>-0.08411905741980163</t>
  </si>
  <si>
    <t>21806</t>
  </si>
  <si>
    <t>11.3212308883667</t>
  </si>
  <si>
    <t>795.6135864257812</t>
  </si>
  <si>
    <t>0.03329133961596753</t>
  </si>
  <si>
    <t>21753</t>
  </si>
  <si>
    <t>11.886229515075684</t>
  </si>
  <si>
    <t>455.95458984375</t>
  </si>
  <si>
    <t>-0.0024334822266247613</t>
  </si>
  <si>
    <t>21016</t>
  </si>
  <si>
    <t>12.175650596618652</t>
  </si>
  <si>
    <t>529.788818359375</t>
  </si>
  <si>
    <t>-0.03446762667432601</t>
  </si>
  <si>
    <t>21852</t>
  </si>
  <si>
    <t>12.159979820251465</t>
  </si>
  <si>
    <t>553.8003540039062</t>
  </si>
  <si>
    <t>0.03900839815023183</t>
  </si>
  <si>
    <t>12.825267791748047</t>
  </si>
  <si>
    <t>705.7194213867188</t>
  </si>
  <si>
    <t>0.03201894597890487</t>
  </si>
  <si>
    <t>23385</t>
  </si>
  <si>
    <t>12.508490562438965</t>
  </si>
  <si>
    <t>507.1689453125</t>
  </si>
  <si>
    <t>0.03578339466547398</t>
  </si>
  <si>
    <t>11.798417091369629</t>
  </si>
  <si>
    <t>612.223388671875</t>
  </si>
  <si>
    <t>-0.00038493616950674436</t>
  </si>
  <si>
    <t>23711</t>
  </si>
  <si>
    <t>12.932442665100098</t>
  </si>
  <si>
    <t>616.200439453125</t>
  </si>
  <si>
    <t>0.014229220476497773</t>
  </si>
  <si>
    <t>24946</t>
  </si>
  <si>
    <t>12.795512199401855</t>
  </si>
  <si>
    <t>544.07080078125</t>
  </si>
  <si>
    <t>0.05077441321867582</t>
  </si>
  <si>
    <t>13.273299217224121</t>
  </si>
  <si>
    <t>596.259521484375</t>
  </si>
  <si>
    <t>0.051714114993931304</t>
  </si>
  <si>
    <t>25289</t>
  </si>
  <si>
    <t>12.720269203186035</t>
  </si>
  <si>
    <t>637.2640380859375</t>
  </si>
  <si>
    <t>-0.03805808511803299</t>
  </si>
  <si>
    <t>27158</t>
  </si>
  <si>
    <t>11.840655326843262</t>
  </si>
  <si>
    <t>533.7813720703125</t>
  </si>
  <si>
    <t>0.07130214369718857</t>
  </si>
  <si>
    <t>13.21854019165039</t>
  </si>
  <si>
    <t>517.4361572265625</t>
  </si>
  <si>
    <t>0.05016038984022231</t>
  </si>
  <si>
    <t>11.455829620361328</t>
  </si>
  <si>
    <t>568.9722290039062</t>
  </si>
  <si>
    <t>199.14352416992188</t>
  </si>
  <si>
    <t>Somogy</t>
  </si>
  <si>
    <t>11404</t>
  </si>
  <si>
    <t>10.273213386535645</t>
  </si>
  <si>
    <t>686.7299194335938</t>
  </si>
  <si>
    <t>-0.12659093040987557</t>
  </si>
  <si>
    <t>11080</t>
  </si>
  <si>
    <t>11.664767265319824</t>
  </si>
  <si>
    <t>609.73681640625</t>
  </si>
  <si>
    <t>-0.028822489731286538</t>
  </si>
  <si>
    <t>11.013092041015625</t>
  </si>
  <si>
    <t>673.7090454101562</t>
  </si>
  <si>
    <t>-0.002711253355375476</t>
  </si>
  <si>
    <t>11413</t>
  </si>
  <si>
    <t>11.930602073669434</t>
  </si>
  <si>
    <t>666.8316650390625</t>
  </si>
  <si>
    <t>0.032322628607699855</t>
  </si>
  <si>
    <t>11622</t>
  </si>
  <si>
    <t>10.910530090332031</t>
  </si>
  <si>
    <t>771.7706298828125</t>
  </si>
  <si>
    <t>0.018146797081451282</t>
  </si>
  <si>
    <t>11669</t>
  </si>
  <si>
    <t>9.935627937316895</t>
  </si>
  <si>
    <t>695.1097412109375</t>
  </si>
  <si>
    <t>0.004035899171055846</t>
  </si>
  <si>
    <t>12078</t>
  </si>
  <si>
    <t>11.076323509216309</t>
  </si>
  <si>
    <t>588.8388061523438</t>
  </si>
  <si>
    <t>0.034449863061739805</t>
  </si>
  <si>
    <t>11.082793235778809</t>
  </si>
  <si>
    <t>759.8068237304688</t>
  </si>
  <si>
    <t>0.042152455314028</t>
  </si>
  <si>
    <t>11.056438446044922</t>
  </si>
  <si>
    <t>770.1972045898438</t>
  </si>
  <si>
    <t>0.03463684777127263</t>
  </si>
  <si>
    <t>12.575387001037598</t>
  </si>
  <si>
    <t>533.6004028320312</t>
  </si>
  <si>
    <t>0.04790618136779656</t>
  </si>
  <si>
    <t>14245</t>
  </si>
  <si>
    <t>11.060149192810059</t>
  </si>
  <si>
    <t>560.8074951171875</t>
  </si>
  <si>
    <t>0.040324867611065685</t>
  </si>
  <si>
    <t>11.826141357421875</t>
  </si>
  <si>
    <t>713.8535766601562</t>
  </si>
  <si>
    <t>0.020359943112572054</t>
  </si>
  <si>
    <t>15471</t>
  </si>
  <si>
    <t>11.265239715576172</t>
  </si>
  <si>
    <t>485.249267578125</t>
  </si>
  <si>
    <t>0.062201392674486655</t>
  </si>
  <si>
    <t>11.043293952941895</t>
  </si>
  <si>
    <t>698.7779541015625</t>
  </si>
  <si>
    <t>0.021105925432431505</t>
  </si>
  <si>
    <t>10.227568626403809</t>
  </si>
  <si>
    <t>761.7396850585938</t>
  </si>
  <si>
    <t>0.011640110034464968</t>
  </si>
  <si>
    <t>16167</t>
  </si>
  <si>
    <t>11.851927757263184</t>
  </si>
  <si>
    <t>594.9069213867188</t>
  </si>
  <si>
    <t>0.011258788415641874</t>
  </si>
  <si>
    <t>15934</t>
  </si>
  <si>
    <t>11.92847728729248</t>
  </si>
  <si>
    <t>652.7131958007812</t>
  </si>
  <si>
    <t>-0.014516936661294721</t>
  </si>
  <si>
    <t>11.810250282287598</t>
  </si>
  <si>
    <t>687.7194213867188</t>
  </si>
  <si>
    <t>0.020191410655243658</t>
  </si>
  <si>
    <t>15494</t>
  </si>
  <si>
    <t>11.87874698638916</t>
  </si>
  <si>
    <t>680.6266479492188</t>
  </si>
  <si>
    <t>-0.04819374940370835</t>
  </si>
  <si>
    <t>15822</t>
  </si>
  <si>
    <t>11.021658897399902</t>
  </si>
  <si>
    <t>843.2009887695312</t>
  </si>
  <si>
    <t>0.02094852438949424</t>
  </si>
  <si>
    <t>16148</t>
  </si>
  <si>
    <t>11.806678771972656</t>
  </si>
  <si>
    <t>464.8429260253906</t>
  </si>
  <si>
    <t>0.02039482639148993</t>
  </si>
  <si>
    <t>15933</t>
  </si>
  <si>
    <t>11.999859809875488</t>
  </si>
  <si>
    <t>630.74560546875</t>
  </si>
  <si>
    <t>-0.013403772882321974</t>
  </si>
  <si>
    <t>16655</t>
  </si>
  <si>
    <t>11.868132591247559</t>
  </si>
  <si>
    <t>668.4383544921875</t>
  </si>
  <si>
    <t>0.04431804153727015</t>
  </si>
  <si>
    <t>16461</t>
  </si>
  <si>
    <t>12.551310539245605</t>
  </si>
  <si>
    <t>910.9933471679688</t>
  </si>
  <si>
    <t>-0.011716524900695191</t>
  </si>
  <si>
    <t>12.248255729675293</t>
  </si>
  <si>
    <t>681.7310180664062</t>
  </si>
  <si>
    <t>0.061892413475614916</t>
  </si>
  <si>
    <t>11.557476043701172</t>
  </si>
  <si>
    <t>801.4104614257812</t>
  </si>
  <si>
    <t>0.02909521233950052</t>
  </si>
  <si>
    <t>19481</t>
  </si>
  <si>
    <t>12.658228874206543</t>
  </si>
  <si>
    <t>716.3417358398438</t>
  </si>
  <si>
    <t>0.07745805903900482</t>
  </si>
  <si>
    <t>20750</t>
  </si>
  <si>
    <t>12.493392944335938</t>
  </si>
  <si>
    <t>696.8829345703125</t>
  </si>
  <si>
    <t>0.06310661507763982</t>
  </si>
  <si>
    <t>20886</t>
  </si>
  <si>
    <t>12.872368812561035</t>
  </si>
  <si>
    <t>714.4911499023438</t>
  </si>
  <si>
    <t>0.00653283138064964</t>
  </si>
  <si>
    <t>20264</t>
  </si>
  <si>
    <t>12.41528034210205</t>
  </si>
  <si>
    <t>748.55615234375</t>
  </si>
  <si>
    <t>-0.030233165357982372</t>
  </si>
  <si>
    <t>11.652083396911621</t>
  </si>
  <si>
    <t>577.0899658203125</t>
  </si>
  <si>
    <t>0.07131941682944642</t>
  </si>
  <si>
    <t>13.056365013122559</t>
  </si>
  <si>
    <t>612.7969360351562</t>
  </si>
  <si>
    <t>0.050141542321389565</t>
  </si>
  <si>
    <t>10.696292877197266</t>
  </si>
  <si>
    <t>574.3015747070312</t>
  </si>
  <si>
    <t>172.48129272460938</t>
  </si>
  <si>
    <t>Szabolcs-SzatmÔøΩr-Bereg</t>
  </si>
  <si>
    <t>9607</t>
  </si>
  <si>
    <t>9.396292686462402</t>
  </si>
  <si>
    <t>636.2234497070312</t>
  </si>
  <si>
    <t>-0.12663769496663058</t>
  </si>
  <si>
    <t>10.653702735900879</t>
  </si>
  <si>
    <t>552.9013671875</t>
  </si>
  <si>
    <t>-0.028828351899976568</t>
  </si>
  <si>
    <t>10.10555362701416</t>
  </si>
  <si>
    <t>565.6665649414062</t>
  </si>
  <si>
    <t>-0.002681973393270809</t>
  </si>
  <si>
    <t>11.056480407714844</t>
  </si>
  <si>
    <t>599.0902709960938</t>
  </si>
  <si>
    <t>0.03234270490638913</t>
  </si>
  <si>
    <t>9790</t>
  </si>
  <si>
    <t>10.099066734313965</t>
  </si>
  <si>
    <t>624.4557495117188</t>
  </si>
  <si>
    <t>0.018037077501675824</t>
  </si>
  <si>
    <t>9.5166597366333</t>
  </si>
  <si>
    <t>644.3341064453125</t>
  </si>
  <si>
    <t>9.997218132019043</t>
  </si>
  <si>
    <t>643.0773315429688</t>
  </si>
  <si>
    <t>0.034494797169584146</t>
  </si>
  <si>
    <t>9.949994087219238</t>
  </si>
  <si>
    <t>672.612060546875</t>
  </si>
  <si>
    <t>0.04214593345102635</t>
  </si>
  <si>
    <t>10.238885879516602</t>
  </si>
  <si>
    <t>730.04541015625</t>
  </si>
  <si>
    <t>0.03463309093905842</t>
  </si>
  <si>
    <t>11526</t>
  </si>
  <si>
    <t>11.8101806640625</t>
  </si>
  <si>
    <t>591.6799926757812</t>
  </si>
  <si>
    <t>0.04789259729573203</t>
  </si>
  <si>
    <t>12428</t>
  </si>
  <si>
    <t>10.269442558288574</t>
  </si>
  <si>
    <t>667.6567993164062</t>
  </si>
  <si>
    <t>0.07534663851632573</t>
  </si>
  <si>
    <t>11.246293067932129</t>
  </si>
  <si>
    <t>661.646728515625</t>
  </si>
  <si>
    <t>0.011917757534217088</t>
  </si>
  <si>
    <t>10.309256553649902</t>
  </si>
  <si>
    <t>530.3570556640625</t>
  </si>
  <si>
    <t>0.03538464207173497</t>
  </si>
  <si>
    <t>13286</t>
  </si>
  <si>
    <t>10.446293830871582</t>
  </si>
  <si>
    <t>711.0673217773438</t>
  </si>
  <si>
    <t>0.019456458106295926</t>
  </si>
  <si>
    <t>13694</t>
  </si>
  <si>
    <t>9.626849174499512</t>
  </si>
  <si>
    <t>713.7564086914062</t>
  </si>
  <si>
    <t>0.03024693145582269</t>
  </si>
  <si>
    <t>11.04906940460205</t>
  </si>
  <si>
    <t>657.0001220703125</t>
  </si>
  <si>
    <t>0.010099261193806441</t>
  </si>
  <si>
    <t>13501</t>
  </si>
  <si>
    <t>11.449995994567871</t>
  </si>
  <si>
    <t>679.2105102539062</t>
  </si>
  <si>
    <t>-0.024293285117568786</t>
  </si>
  <si>
    <t>13602</t>
  </si>
  <si>
    <t>11.287033081054688</t>
  </si>
  <si>
    <t>661.4120483398438</t>
  </si>
  <si>
    <t>0.007453083978337105</t>
  </si>
  <si>
    <t>12895</t>
  </si>
  <si>
    <t>11.425923347473145</t>
  </si>
  <si>
    <t>702.6004638671875</t>
  </si>
  <si>
    <t>-0.053377201420138576</t>
  </si>
  <si>
    <t>10.601849555969238</t>
  </si>
  <si>
    <t>923.1687622070312</t>
  </si>
  <si>
    <t>0.04273408543281754</t>
  </si>
  <si>
    <t>10.720367431640625</t>
  </si>
  <si>
    <t>546.111572265625</t>
  </si>
  <si>
    <t>0.0303707803324631</t>
  </si>
  <si>
    <t>14012</t>
  </si>
  <si>
    <t>11.229626655578613</t>
  </si>
  <si>
    <t>577.1788330078125</t>
  </si>
  <si>
    <t>0.009969600236651388</t>
  </si>
  <si>
    <t>11.563883781433105</t>
  </si>
  <si>
    <t>653.266357421875</t>
  </si>
  <si>
    <t>0.022022346800946835</t>
  </si>
  <si>
    <t>11.950920104980469</t>
  </si>
  <si>
    <t>714.9569091796875</t>
  </si>
  <si>
    <t>0.058766695089339294</t>
  </si>
  <si>
    <t>15643</t>
  </si>
  <si>
    <t>11.569439888000488</t>
  </si>
  <si>
    <t>586.0225219726562</t>
  </si>
  <si>
    <t>0.02932038535410797</t>
  </si>
  <si>
    <t>16110</t>
  </si>
  <si>
    <t>10.85555362701416</t>
  </si>
  <si>
    <t>762.0021362304688</t>
  </si>
  <si>
    <t>0.029416664609248855</t>
  </si>
  <si>
    <t>11.965736389160156</t>
  </si>
  <si>
    <t>642.4471435546875</t>
  </si>
  <si>
    <t>0.034410422799538765</t>
  </si>
  <si>
    <t>11.962959289550781</t>
  </si>
  <si>
    <t>634.2335205078125</t>
  </si>
  <si>
    <t>0.07813095257164093</t>
  </si>
  <si>
    <t>19205</t>
  </si>
  <si>
    <t>12.360179901123047</t>
  </si>
  <si>
    <t>569.8562622070312</t>
  </si>
  <si>
    <t>0.06318908923780597</t>
  </si>
  <si>
    <t>11.847216606140137</t>
  </si>
  <si>
    <t>727.6807250976562</t>
  </si>
  <si>
    <t>-0.042874346485911374</t>
  </si>
  <si>
    <t>19759</t>
  </si>
  <si>
    <t>10.847217559814453</t>
  </si>
  <si>
    <t>598.711669921875</t>
  </si>
  <si>
    <t>0.07131276843972323</t>
  </si>
  <si>
    <t>20775</t>
  </si>
  <si>
    <t>12.267589569091797</t>
  </si>
  <si>
    <t>612.0006713867188</t>
  </si>
  <si>
    <t>0.05014125698983207</t>
  </si>
  <si>
    <t>1434</t>
  </si>
  <si>
    <t>15306</t>
  </si>
  <si>
    <t>11.977524757385254</t>
  </si>
  <si>
    <t>487.2929992675781</t>
  </si>
  <si>
    <t>181.7642822265625</t>
  </si>
  <si>
    <t>Tolna</t>
  </si>
  <si>
    <t>13486</t>
  </si>
  <si>
    <t>10.727420806884766</t>
  </si>
  <si>
    <t>628.6950073242188</t>
  </si>
  <si>
    <t>-0.12659279807533963</t>
  </si>
  <si>
    <t>11.949793815612793</t>
  </si>
  <si>
    <t>541.2049560546875</t>
  </si>
  <si>
    <t>-0.02881089868994202</t>
  </si>
  <si>
    <t>13067</t>
  </si>
  <si>
    <t>11.414592742919922</t>
  </si>
  <si>
    <t>592.5656127929688</t>
  </si>
  <si>
    <t>-0.002751243615438881</t>
  </si>
  <si>
    <t>13496</t>
  </si>
  <si>
    <t>12.350658416748047</t>
  </si>
  <si>
    <t>547.578857421875</t>
  </si>
  <si>
    <t>0.03230337723665855</t>
  </si>
  <si>
    <t>11.387829780578613</t>
  </si>
  <si>
    <t>682.8133544921875</t>
  </si>
  <si>
    <t>0.018136258329047195</t>
  </si>
  <si>
    <t>13799</t>
  </si>
  <si>
    <t>10.669709205627441</t>
  </si>
  <si>
    <t>626.6912841796875</t>
  </si>
  <si>
    <t>0.004066522196703559</t>
  </si>
  <si>
    <t>14283</t>
  </si>
  <si>
    <t>11.372821807861328</t>
  </si>
  <si>
    <t>508.1435852050781</t>
  </si>
  <si>
    <t>0.034473893111073295</t>
  </si>
  <si>
    <t>14897</t>
  </si>
  <si>
    <t>11.269744873046875</t>
  </si>
  <si>
    <t>675.6887817382812</t>
  </si>
  <si>
    <t>0.04208983151696444</t>
  </si>
  <si>
    <t>15422</t>
  </si>
  <si>
    <t>11.520401954650879</t>
  </si>
  <si>
    <t>716.1622924804688</t>
  </si>
  <si>
    <t>0.03463521101331324</t>
  </si>
  <si>
    <t>16180</t>
  </si>
  <si>
    <t>13.07565689086914</t>
  </si>
  <si>
    <t>425.44854736328125</t>
  </si>
  <si>
    <t>0.04798085021957732</t>
  </si>
  <si>
    <t>11.512828826904297</t>
  </si>
  <si>
    <t>538.0481567382812</t>
  </si>
  <si>
    <t>16993</t>
  </si>
  <si>
    <t>12.40020751953125</t>
  </si>
  <si>
    <t>598.5958251953125</t>
  </si>
  <si>
    <t>0.0490255829216224</t>
  </si>
  <si>
    <t>15913</t>
  </si>
  <si>
    <t>11.667774200439453</t>
  </si>
  <si>
    <t>430.0278015136719</t>
  </si>
  <si>
    <t>-0.06566510932392156</t>
  </si>
  <si>
    <t>11.698790550231934</t>
  </si>
  <si>
    <t>632.349365234375</t>
  </si>
  <si>
    <t>0.0315464061273758</t>
  </si>
  <si>
    <t>16642</t>
  </si>
  <si>
    <t>10.78530502319336</t>
  </si>
  <si>
    <t>697.8125</t>
  </si>
  <si>
    <t>0.013246829122815384</t>
  </si>
  <si>
    <t>12.390907287597656</t>
  </si>
  <si>
    <t>552.3419189453125</t>
  </si>
  <si>
    <t>0.022165687474631213</t>
  </si>
  <si>
    <t>12.56863784790039</t>
  </si>
  <si>
    <t>565.3008422851562</t>
  </si>
  <si>
    <t>0.051710486222516394</t>
  </si>
  <si>
    <t>19019</t>
  </si>
  <si>
    <t>12.520712852478027</t>
  </si>
  <si>
    <t>592.7536010742188</t>
  </si>
  <si>
    <t>0.05963268532413757</t>
  </si>
  <si>
    <t>18468</t>
  </si>
  <si>
    <t>12.624653816223145</t>
  </si>
  <si>
    <t>587.1386108398438</t>
  </si>
  <si>
    <t>-0.02939897485478049</t>
  </si>
  <si>
    <t>18383</t>
  </si>
  <si>
    <t>11.717082977294922</t>
  </si>
  <si>
    <t>790.424560546875</t>
  </si>
  <si>
    <t>-0.004613180144009021</t>
  </si>
  <si>
    <t>12.140250205993652</t>
  </si>
  <si>
    <t>387.1954650878906</t>
  </si>
  <si>
    <t>0.029215982735296464</t>
  </si>
  <si>
    <t>19566</t>
  </si>
  <si>
    <t>12.526520729064941</t>
  </si>
  <si>
    <t>532.5809326171875</t>
  </si>
  <si>
    <t>0.03315105879920566</t>
  </si>
  <si>
    <t>20586</t>
  </si>
  <si>
    <t>12.566425323486328</t>
  </si>
  <si>
    <t>581.5556030273438</t>
  </si>
  <si>
    <t>0.050817867069131495</t>
  </si>
  <si>
    <t>13.159647941589355</t>
  </si>
  <si>
    <t>792.6768188476562</t>
  </si>
  <si>
    <t>-0.010891704535989533</t>
  </si>
  <si>
    <t>21100</t>
  </si>
  <si>
    <t>12.789799690246582</t>
  </si>
  <si>
    <t>564.5357055664062</t>
  </si>
  <si>
    <t>0.03555351191364231</t>
  </si>
  <si>
    <t>12.067981719970703</t>
  </si>
  <si>
    <t>673.3258056640625</t>
  </si>
  <si>
    <t>0.031076078791850037</t>
  </si>
  <si>
    <t>22096</t>
  </si>
  <si>
    <t>13.255257606506348</t>
  </si>
  <si>
    <t>572.620361328125</t>
  </si>
  <si>
    <t>0.015047477393066444</t>
  </si>
  <si>
    <t>24359</t>
  </si>
  <si>
    <t>13.080913543701172</t>
  </si>
  <si>
    <t>578.599609375</t>
  </si>
  <si>
    <t>0.09750479442902815</t>
  </si>
  <si>
    <t>25107</t>
  </si>
  <si>
    <t>13.567428588867188</t>
  </si>
  <si>
    <t>575.5153198242188</t>
  </si>
  <si>
    <t>0.030245300622882</t>
  </si>
  <si>
    <t>13.128388404846191</t>
  </si>
  <si>
    <t>595.8411865234375</t>
  </si>
  <si>
    <t>-0.04826455253653705</t>
  </si>
  <si>
    <t>25692</t>
  </si>
  <si>
    <t>12.21161937713623</t>
  </si>
  <si>
    <t>495.71868896484375</t>
  </si>
  <si>
    <t>0.07129752021323554</t>
  </si>
  <si>
    <t>27013</t>
  </si>
  <si>
    <t>13.542532920837402</t>
  </si>
  <si>
    <t>517.907470703125</t>
  </si>
  <si>
    <t>0.050138572215249866</t>
  </si>
  <si>
    <t>1435</t>
  </si>
  <si>
    <t>20852</t>
  </si>
  <si>
    <t>10.750000953674316</t>
  </si>
  <si>
    <t>107.36320495605469</t>
  </si>
  <si>
    <t>Vas</t>
  </si>
  <si>
    <t>18372</t>
  </si>
  <si>
    <t>-0.1266221004423116</t>
  </si>
  <si>
    <t>17850</t>
  </si>
  <si>
    <t>597.5000610351562</t>
  </si>
  <si>
    <t>-0.02882425823790058</t>
  </si>
  <si>
    <t>17802</t>
  </si>
  <si>
    <t>577.4999389648438</t>
  </si>
  <si>
    <t>-0.0026926976889072307</t>
  </si>
  <si>
    <t>18387</t>
  </si>
  <si>
    <t>0.03233308263496504</t>
  </si>
  <si>
    <t>18723</t>
  </si>
  <si>
    <t>0.018108821448310053</t>
  </si>
  <si>
    <t>18799</t>
  </si>
  <si>
    <t>721.2001342773438</t>
  </si>
  <si>
    <t>0.0040509623118101246</t>
  </si>
  <si>
    <t>19458</t>
  </si>
  <si>
    <t>653.9999389648438</t>
  </si>
  <si>
    <t>0.03445461962141039</t>
  </si>
  <si>
    <t>20295</t>
  </si>
  <si>
    <t>0.04211625373762473</t>
  </si>
  <si>
    <t>21010</t>
  </si>
  <si>
    <t>0.034623964566048215</t>
  </si>
  <si>
    <t>22043</t>
  </si>
  <si>
    <t>0.04799657631729204</t>
  </si>
  <si>
    <t>20565</t>
  </si>
  <si>
    <t>536.7000122070312</t>
  </si>
  <si>
    <t>-0.06940448949181288</t>
  </si>
  <si>
    <t>20840</t>
  </si>
  <si>
    <t>743.0000610351562</t>
  </si>
  <si>
    <t>0.013283615202778876</t>
  </si>
  <si>
    <t>23663</t>
  </si>
  <si>
    <t>485.8999938964844</t>
  </si>
  <si>
    <t>0.12703842990774739</t>
  </si>
  <si>
    <t>-0.004022787072639034</t>
  </si>
  <si>
    <t>23255</t>
  </si>
  <si>
    <t>-0.0133696970442152</t>
  </si>
  <si>
    <t>0.09693119475818257</t>
  </si>
  <si>
    <t>717.300048828125</t>
  </si>
  <si>
    <t>-0.0833917904585757</t>
  </si>
  <si>
    <t>22687</t>
  </si>
  <si>
    <t>684.10009765625</t>
  </si>
  <si>
    <t>-0.03826749376094263</t>
  </si>
  <si>
    <t>20613</t>
  </si>
  <si>
    <t>-0.09587012849767618</t>
  </si>
  <si>
    <t>21516</t>
  </si>
  <si>
    <t>767.4000854492188</t>
  </si>
  <si>
    <t>0.042874899693948976</t>
  </si>
  <si>
    <t>22758</t>
  </si>
  <si>
    <t>0.056119887523820466</t>
  </si>
  <si>
    <t>0.04211828026399722</t>
  </si>
  <si>
    <t>25165</t>
  </si>
  <si>
    <t>645.6000366210938</t>
  </si>
  <si>
    <t>0.05841912802950944</t>
  </si>
  <si>
    <t>776.0000610351562</t>
  </si>
  <si>
    <t>0.05714737552042237</t>
  </si>
  <si>
    <t>27308</t>
  </si>
  <si>
    <t>0.0245781838072876</t>
  </si>
  <si>
    <t>0.03334722590597394</t>
  </si>
  <si>
    <t>751.7000122070312</t>
  </si>
  <si>
    <t>0.0117602848301388</t>
  </si>
  <si>
    <t>684.7000122070312</t>
  </si>
  <si>
    <t>0.017247490861167947</t>
  </si>
  <si>
    <t>663.2999877929688</t>
  </si>
  <si>
    <t>0.016041299605884518</t>
  </si>
  <si>
    <t>-0.10729983260955045</t>
  </si>
  <si>
    <t>28490</t>
  </si>
  <si>
    <t>608.7000122070312</t>
  </si>
  <si>
    <t>0.07127698036016916</t>
  </si>
  <si>
    <t>29955</t>
  </si>
  <si>
    <t>595.4000854492188</t>
  </si>
  <si>
    <t>0.050143107026070055</t>
  </si>
  <si>
    <t>10.775410652160645</t>
  </si>
  <si>
    <t>542.4354858398438</t>
  </si>
  <si>
    <t>161.5592041015625</t>
  </si>
  <si>
    <t>VeszprÔøΩm</t>
  </si>
  <si>
    <t>14048</t>
  </si>
  <si>
    <t>9.748612403869629</t>
  </si>
  <si>
    <t>639.7461547851562</t>
  </si>
  <si>
    <t>-0.12666526356925978</t>
  </si>
  <si>
    <t>13649</t>
  </si>
  <si>
    <t>10.972809791564941</t>
  </si>
  <si>
    <t>547.7748413085938</t>
  </si>
  <si>
    <t>-0.028813778018703218</t>
  </si>
  <si>
    <t>13612</t>
  </si>
  <si>
    <t>10.403810501098633</t>
  </si>
  <si>
    <t>592.3034057617188</t>
  </si>
  <si>
    <t>-0.002714502235399152</t>
  </si>
  <si>
    <t>11.257213592529297</t>
  </si>
  <si>
    <t>624.0299682617188</t>
  </si>
  <si>
    <t>0.03238212974386023</t>
  </si>
  <si>
    <t>14317</t>
  </si>
  <si>
    <t>10.248612403869629</t>
  </si>
  <si>
    <t>764.7461547851562</t>
  </si>
  <si>
    <t>0.018113755995671</t>
  </si>
  <si>
    <t>14375</t>
  </si>
  <si>
    <t>9.127280235290527</t>
  </si>
  <si>
    <t>645.5919189453125</t>
  </si>
  <si>
    <t>0.0040429443052243386</t>
  </si>
  <si>
    <t>14879</t>
  </si>
  <si>
    <t>10.551746368408203</t>
  </si>
  <si>
    <t>542.427001953125</t>
  </si>
  <si>
    <t>0.03446023616214511</t>
  </si>
  <si>
    <t>10.584813117980957</t>
  </si>
  <si>
    <t>686.8798828125</t>
  </si>
  <si>
    <t>0.04211425684392722</t>
  </si>
  <si>
    <t>16066</t>
  </si>
  <si>
    <t>10.606945991516113</t>
  </si>
  <si>
    <t>719.2220458984375</t>
  </si>
  <si>
    <t>0.03464015806213361</t>
  </si>
  <si>
    <t>16855</t>
  </si>
  <si>
    <t>11.873878479003906</t>
  </si>
  <si>
    <t>505.1273193359375</t>
  </si>
  <si>
    <t>0.047942110934403814</t>
  </si>
  <si>
    <t>17388</t>
  </si>
  <si>
    <t>10.55147933959961</t>
  </si>
  <si>
    <t>505.38970947265625</t>
  </si>
  <si>
    <t>0.031132964440521604</t>
  </si>
  <si>
    <t>17171</t>
  </si>
  <si>
    <t>11.089015007019043</t>
  </si>
  <si>
    <t>634.272216796875</t>
  </si>
  <si>
    <t>-0.012558398794880077</t>
  </si>
  <si>
    <t>10.782212257385254</t>
  </si>
  <si>
    <t>451.7053527832031</t>
  </si>
  <si>
    <t>0.0341208897221037</t>
  </si>
  <si>
    <t>18320</t>
  </si>
  <si>
    <t>10.51161003112793</t>
  </si>
  <si>
    <t>634.6322021484375</t>
  </si>
  <si>
    <t>0.03065055519221538</t>
  </si>
  <si>
    <t>9.686610221862793</t>
  </si>
  <si>
    <t>733.9505615234375</t>
  </si>
  <si>
    <t>0.006962604280717599</t>
  </si>
  <si>
    <t>11.36654281616211</t>
  </si>
  <si>
    <t>610.7620849609375</t>
  </si>
  <si>
    <t>0.023517891187006867</t>
  </si>
  <si>
    <t>19339</t>
  </si>
  <si>
    <t>11.417878150939941</t>
  </si>
  <si>
    <t>657.531005859375</t>
  </si>
  <si>
    <t>0.023649927666452797</t>
  </si>
  <si>
    <t>11.122081756591797</t>
  </si>
  <si>
    <t>649.8252563476562</t>
  </si>
  <si>
    <t>-5.171031880557564e-05</t>
  </si>
  <si>
    <t>17155</t>
  </si>
  <si>
    <t>11.128082275390625</t>
  </si>
  <si>
    <t>702.9719848632812</t>
  </si>
  <si>
    <t>-0.11978239575094385</t>
  </si>
  <si>
    <t>18150</t>
  </si>
  <si>
    <t>10.31894588470459</t>
  </si>
  <si>
    <t>858.9005737304688</t>
  </si>
  <si>
    <t>0.05638088440044697</t>
  </si>
  <si>
    <t>18059</t>
  </si>
  <si>
    <t>11.35434627532959</t>
  </si>
  <si>
    <t>490.52093505859375</t>
  </si>
  <si>
    <t>-0.005026385240654463</t>
  </si>
  <si>
    <t>17827</t>
  </si>
  <si>
    <t>11.238018035888672</t>
  </si>
  <si>
    <t>578.1788330078125</t>
  </si>
  <si>
    <t>-0.012930013500481508</t>
  </si>
  <si>
    <t>18519</t>
  </si>
  <si>
    <t>11.052618980407715</t>
  </si>
  <si>
    <t>601.443359375</t>
  </si>
  <si>
    <t>0.038083070110145556</t>
  </si>
  <si>
    <t>19725</t>
  </si>
  <si>
    <t>12.031678199768066</t>
  </si>
  <si>
    <t>753.2669677734375</t>
  </si>
  <si>
    <t>0.06308963465206929</t>
  </si>
  <si>
    <t>20815</t>
  </si>
  <si>
    <t>11.710347175598145</t>
  </si>
  <si>
    <t>569.8776245117188</t>
  </si>
  <si>
    <t>0.053787013915000514</t>
  </si>
  <si>
    <t>21877</t>
  </si>
  <si>
    <t>11.029078483581543</t>
  </si>
  <si>
    <t>717.1663208007812</t>
  </si>
  <si>
    <t>0.04976197598883125</t>
  </si>
  <si>
    <t>22259</t>
  </si>
  <si>
    <t>11.986682891845703</t>
  </si>
  <si>
    <t>681.7262573242188</t>
  </si>
  <si>
    <t>0.017310564572703413</t>
  </si>
  <si>
    <t>11.940814018249512</t>
  </si>
  <si>
    <t>622.721435546875</t>
  </si>
  <si>
    <t>0.05905098661994934</t>
  </si>
  <si>
    <t>25340</t>
  </si>
  <si>
    <t>12.35641098022461</t>
  </si>
  <si>
    <t>622.1683349609375</t>
  </si>
  <si>
    <t>0.07058676706457057</t>
  </si>
  <si>
    <t>11.881945610046387</t>
  </si>
  <si>
    <t>724.8170776367188</t>
  </si>
  <si>
    <t>-0.06072575163390859</t>
  </si>
  <si>
    <t>11.067878723144531</t>
  </si>
  <si>
    <t>578.8954467773438</t>
  </si>
  <si>
    <t>0.07128542894281686</t>
  </si>
  <si>
    <t>12.292949676513672</t>
  </si>
  <si>
    <t>580.47607421875</t>
  </si>
  <si>
    <t>0.05014851035514134</t>
  </si>
  <si>
    <t>16101</t>
  </si>
  <si>
    <t>89.50582885742188</t>
  </si>
  <si>
    <t>Zala</t>
  </si>
  <si>
    <t>14186</t>
  </si>
  <si>
    <t>-0.12662581908290527</t>
  </si>
  <si>
    <t>661.9999389648438</t>
  </si>
  <si>
    <t>-0.02881961406759359</t>
  </si>
  <si>
    <t>13745</t>
  </si>
  <si>
    <t>738.4000854492188</t>
  </si>
  <si>
    <t>-0.002760827095093177</t>
  </si>
  <si>
    <t>14197</t>
  </si>
  <si>
    <t>0.032355553064228104</t>
  </si>
  <si>
    <t>14457</t>
  </si>
  <si>
    <t>0.01814805164486799</t>
  </si>
  <si>
    <t>14515</t>
  </si>
  <si>
    <t>738.9999389648438</t>
  </si>
  <si>
    <t>0.004003871150288774</t>
  </si>
  <si>
    <t>15025</t>
  </si>
  <si>
    <t>625.6000366210938</t>
  </si>
  <si>
    <t>0.03453288294467782</t>
  </si>
  <si>
    <t>15671</t>
  </si>
  <si>
    <t>818.7000122070312</t>
  </si>
  <si>
    <t>0.04209639011980748</t>
  </si>
  <si>
    <t>0.03461811788718272</t>
  </si>
  <si>
    <t>17020</t>
  </si>
  <si>
    <t>602.10009765625</t>
  </si>
  <si>
    <t>0.047959134716967</t>
  </si>
  <si>
    <t>0.061799020072376365</t>
  </si>
  <si>
    <t>18641</t>
  </si>
  <si>
    <t>0.02917531266950313</t>
  </si>
  <si>
    <t>20968</t>
  </si>
  <si>
    <t>518.3999633789062</t>
  </si>
  <si>
    <t>0.11763401013399744</t>
  </si>
  <si>
    <t>21513</t>
  </si>
  <si>
    <t>0.025659937547441558</t>
  </si>
  <si>
    <t>21058</t>
  </si>
  <si>
    <t>-0.021376868133978988</t>
  </si>
  <si>
    <t>20763</t>
  </si>
  <si>
    <t>-0.014107978906732654</t>
  </si>
  <si>
    <t>0.00038522656613615425</t>
  </si>
  <si>
    <t>21577</t>
  </si>
  <si>
    <t>0.03807014946327669</t>
  </si>
  <si>
    <t>719.199951171875</t>
  </si>
  <si>
    <t>-0.07920111601198343</t>
  </si>
  <si>
    <t>21449</t>
  </si>
  <si>
    <t>0.0732512076953924</t>
  </si>
  <si>
    <t>11.358333587646484</t>
  </si>
  <si>
    <t>512.7000122070312</t>
  </si>
  <si>
    <t>-0.0452043587982196</t>
  </si>
  <si>
    <t>706.5000610351562</t>
  </si>
  <si>
    <t>0.0465089296397192</t>
  </si>
  <si>
    <t>737.60009765625</t>
  </si>
  <si>
    <t>-0.08337351133047655</t>
  </si>
  <si>
    <t>21320</t>
  </si>
  <si>
    <t>0.07603651554596347</t>
  </si>
  <si>
    <t>22893</t>
  </si>
  <si>
    <t>0.07118558767796124</t>
  </si>
  <si>
    <t>22019</t>
  </si>
  <si>
    <t>913.5999755859375</t>
  </si>
  <si>
    <t>-0.038925469972957316</t>
  </si>
  <si>
    <t>12.166665077209473</t>
  </si>
  <si>
    <t>824.3999633789062</t>
  </si>
  <si>
    <t>0.05021864476641369</t>
  </si>
  <si>
    <t>0.028946813151000228</t>
  </si>
  <si>
    <t>24607</t>
  </si>
  <si>
    <t>0.03195978038630187</t>
  </si>
  <si>
    <t>-0.09231957342872299</t>
  </si>
  <si>
    <t>24095</t>
  </si>
  <si>
    <t>0.0712929682146548</t>
  </si>
  <si>
    <t>25334</t>
  </si>
  <si>
    <t>12.608332633972168</t>
  </si>
  <si>
    <t>662.7999877929688</t>
  </si>
  <si>
    <t>0.05014301696914458</t>
  </si>
  <si>
    <t>1438</t>
  </si>
  <si>
    <t>IDN</t>
  </si>
  <si>
    <t>25.98225212097168</t>
  </si>
  <si>
    <t>2397.557861328125</t>
  </si>
  <si>
    <t>1705.7288818359375</t>
  </si>
  <si>
    <t>Aceh</t>
  </si>
  <si>
    <t>Indonesia</t>
  </si>
  <si>
    <t>5622</t>
  </si>
  <si>
    <t>25.847381591796875</t>
  </si>
  <si>
    <t>2235.98193359375</t>
  </si>
  <si>
    <t>0.048096701361922456</t>
  </si>
  <si>
    <t>5885</t>
  </si>
  <si>
    <t>25.889421463012695</t>
  </si>
  <si>
    <t>1909.090087890625</t>
  </si>
  <si>
    <t>0.0457192682279004</t>
  </si>
  <si>
    <t>25.769990921020508</t>
  </si>
  <si>
    <t>2236.5185546875</t>
  </si>
  <si>
    <t>0.04631917674563013</t>
  </si>
  <si>
    <t>25.830293655395508</t>
  </si>
  <si>
    <t>2354.788330078125</t>
  </si>
  <si>
    <t>0.05614845848069194</t>
  </si>
  <si>
    <t>25.898469924926758</t>
  </si>
  <si>
    <t>2336.4501953125</t>
  </si>
  <si>
    <t>0.06257148041888527</t>
  </si>
  <si>
    <t>7358</t>
  </si>
  <si>
    <t>25.863021850585938</t>
  </si>
  <si>
    <t>2238.52099609375</t>
  </si>
  <si>
    <t>0.0583423003251351</t>
  </si>
  <si>
    <t>26.215940475463867</t>
  </si>
  <si>
    <t>2164.931396484375</t>
  </si>
  <si>
    <t>0.029197199201194124</t>
  </si>
  <si>
    <t>26.373384475708008</t>
  </si>
  <si>
    <t>2285.8564453125</t>
  </si>
  <si>
    <t>-0.15703674829817516</t>
  </si>
  <si>
    <t>25.700159072875977</t>
  </si>
  <si>
    <t>2299.27685546875</t>
  </si>
  <si>
    <t>25.95981788635254</t>
  </si>
  <si>
    <t>2390.6396484375</t>
  </si>
  <si>
    <t>0.032915332707059264</t>
  </si>
  <si>
    <t>26.093231201171875</t>
  </si>
  <si>
    <t>2301.20654296875</t>
  </si>
  <si>
    <t>0.018945893761745936</t>
  </si>
  <si>
    <t>26.384368896484375</t>
  </si>
  <si>
    <t>2136.779541015625</t>
  </si>
  <si>
    <t>0.027546739241948615</t>
  </si>
  <si>
    <t>7172</t>
  </si>
  <si>
    <t>26.23399543762207</t>
  </si>
  <si>
    <t>2363.247314453125</t>
  </si>
  <si>
    <t>0.030579959250848887</t>
  </si>
  <si>
    <t>26.08131217956543</t>
  </si>
  <si>
    <t>2132.0419921875</t>
  </si>
  <si>
    <t>0.03385972146450378</t>
  </si>
  <si>
    <t>26.10468101501465</t>
  </si>
  <si>
    <t>2125.359130859375</t>
  </si>
  <si>
    <t>0.04028808735887779</t>
  </si>
  <si>
    <t>8520</t>
  </si>
  <si>
    <t>25.908864974975586</t>
  </si>
  <si>
    <t>2391.27099609375</t>
  </si>
  <si>
    <t>0.0980839762749568</t>
  </si>
  <si>
    <t>7899</t>
  </si>
  <si>
    <t>25.937057495117188</t>
  </si>
  <si>
    <t>2200.37060546875</t>
  </si>
  <si>
    <t>-0.07568017165894148</t>
  </si>
  <si>
    <t>25.731225967407227</t>
  </si>
  <si>
    <t>2384.84033203125</t>
  </si>
  <si>
    <t>-0.1034071841860662</t>
  </si>
  <si>
    <t>6563</t>
  </si>
  <si>
    <t>26.075559616088867</t>
  </si>
  <si>
    <t>2376.350341796875</t>
  </si>
  <si>
    <t>-0.08188116950462998</t>
  </si>
  <si>
    <t>6548</t>
  </si>
  <si>
    <t>26.36773681640625</t>
  </si>
  <si>
    <t>2430.989501953125</t>
  </si>
  <si>
    <t>-0.002288155982698825</t>
  </si>
  <si>
    <t>6394</t>
  </si>
  <si>
    <t>2282.037109375</t>
  </si>
  <si>
    <t>-0.02379960887123822</t>
  </si>
  <si>
    <t>26.182350158691406</t>
  </si>
  <si>
    <t>2325.4365234375</t>
  </si>
  <si>
    <t>-0.0014085611531466924</t>
  </si>
  <si>
    <t>26.14990997314453</t>
  </si>
  <si>
    <t>2319.654541015625</t>
  </si>
  <si>
    <t>-0.00691500476660778</t>
  </si>
  <si>
    <t>26.25057029724121</t>
  </si>
  <si>
    <t>2215.216552734375</t>
  </si>
  <si>
    <t>-0.0266895586379281</t>
  </si>
  <si>
    <t>5796</t>
  </si>
  <si>
    <t>26.345909118652344</t>
  </si>
  <si>
    <t>2266.322998046875</t>
  </si>
  <si>
    <t>-0.06317890162153184</t>
  </si>
  <si>
    <t>26.50762176513672</t>
  </si>
  <si>
    <t>2411.712158203125</t>
  </si>
  <si>
    <t>0.010298752200576189</t>
  </si>
  <si>
    <t>26.142257690429688</t>
  </si>
  <si>
    <t>2307.08935546875</t>
  </si>
  <si>
    <t>0.012220111334775297</t>
  </si>
  <si>
    <t>26.269269943237305</t>
  </si>
  <si>
    <t>2497.099365234375</t>
  </si>
  <si>
    <t>0.015898586067796927</t>
  </si>
  <si>
    <t>6131</t>
  </si>
  <si>
    <t>26.598752975463867</t>
  </si>
  <si>
    <t>2373.779541015625</t>
  </si>
  <si>
    <t>0.017772394718967632</t>
  </si>
  <si>
    <t>6117</t>
  </si>
  <si>
    <t>26.369348526000977</t>
  </si>
  <si>
    <t>2559.12939453125</t>
  </si>
  <si>
    <t>-0.0022860885201225756</t>
  </si>
  <si>
    <t>6286</t>
  </si>
  <si>
    <t>26.247314453125</t>
  </si>
  <si>
    <t>2549.009521484375</t>
  </si>
  <si>
    <t>0.027253158114946885</t>
  </si>
  <si>
    <t>26.164827346801758</t>
  </si>
  <si>
    <t>2845.99560546875</t>
  </si>
  <si>
    <t>0.0431228771162111</t>
  </si>
  <si>
    <t>1439</t>
  </si>
  <si>
    <t>3832</t>
  </si>
  <si>
    <t>25.08256721496582</t>
  </si>
  <si>
    <t>2037.559814453125</t>
  </si>
  <si>
    <t>842.159423828125</t>
  </si>
  <si>
    <t>Bali</t>
  </si>
  <si>
    <t>24.846267700195312</t>
  </si>
  <si>
    <t>1546.07666015625</t>
  </si>
  <si>
    <t>0.04814376780652374</t>
  </si>
  <si>
    <t>4209</t>
  </si>
  <si>
    <t>25.096267700195312</t>
  </si>
  <si>
    <t>2684.70458984375</t>
  </si>
  <si>
    <t>0.04569446187329618</t>
  </si>
  <si>
    <t>4408</t>
  </si>
  <si>
    <t>25.023208618164062</t>
  </si>
  <si>
    <t>1820.4132080078125</t>
  </si>
  <si>
    <t>0.04619598206218001</t>
  </si>
  <si>
    <t>4663</t>
  </si>
  <si>
    <t>24.94135856628418</t>
  </si>
  <si>
    <t>2010.0843505859375</t>
  </si>
  <si>
    <t>0.0562379459755693</t>
  </si>
  <si>
    <t>25.112932205200195</t>
  </si>
  <si>
    <t>2428.783203125</t>
  </si>
  <si>
    <t>0.06255284951617668</t>
  </si>
  <si>
    <t>25.409507751464844</t>
  </si>
  <si>
    <t>2149.633056640625</t>
  </si>
  <si>
    <t>0.05848933902928266</t>
  </si>
  <si>
    <t>25.1148738861084</t>
  </si>
  <si>
    <t>1438.2303466796875</t>
  </si>
  <si>
    <t>0.02921009021233445</t>
  </si>
  <si>
    <t>25.231538772583008</t>
  </si>
  <si>
    <t>3441.86328125</t>
  </si>
  <si>
    <t>-0.15713846908536233</t>
  </si>
  <si>
    <t>4595</t>
  </si>
  <si>
    <t>24.992841720581055</t>
  </si>
  <si>
    <t>2888.317138671875</t>
  </si>
  <si>
    <t>-0.00780407169096442</t>
  </si>
  <si>
    <t>24.994781494140625</t>
  </si>
  <si>
    <t>2812.159423828125</t>
  </si>
  <si>
    <t>0.03296531375933398</t>
  </si>
  <si>
    <t>4840</t>
  </si>
  <si>
    <t>24.959508895874023</t>
  </si>
  <si>
    <t>1715.3790283203125</t>
  </si>
  <si>
    <t>0.018980651161555784</t>
  </si>
  <si>
    <t>24.764413833618164</t>
  </si>
  <si>
    <t>1680.856689453125</t>
  </si>
  <si>
    <t>0.027510649882016125</t>
  </si>
  <si>
    <t>24.724693298339844</t>
  </si>
  <si>
    <t>1773.6090087890625</t>
  </si>
  <si>
    <t>0.030680288572121128</t>
  </si>
  <si>
    <t>5306</t>
  </si>
  <si>
    <t>24.841360092163086</t>
  </si>
  <si>
    <t>1737.34765625</t>
  </si>
  <si>
    <t>0.03373259653286986</t>
  </si>
  <si>
    <t>25.059507369995117</t>
  </si>
  <si>
    <t>2185.759521484375</t>
  </si>
  <si>
    <t>0.040263979831498986</t>
  </si>
  <si>
    <t>5457</t>
  </si>
  <si>
    <t>24.774694442749023</t>
  </si>
  <si>
    <t>1902.896484375</t>
  </si>
  <si>
    <t>-0.012203047342952189</t>
  </si>
  <si>
    <t>25.151634216308594</t>
  </si>
  <si>
    <t>2187.8447265625</t>
  </si>
  <si>
    <t>0.08430476708444523</t>
  </si>
  <si>
    <t>25.122291564941406</t>
  </si>
  <si>
    <t>2146.984619140625</t>
  </si>
  <si>
    <t>0.03329500090900517</t>
  </si>
  <si>
    <t>6789</t>
  </si>
  <si>
    <t>25.355056762695312</t>
  </si>
  <si>
    <t>2002.1529541015625</t>
  </si>
  <si>
    <t>0.10080469912196577</t>
  </si>
  <si>
    <t>25.36487579345703</t>
  </si>
  <si>
    <t>3429.78369140625</t>
  </si>
  <si>
    <t>0.031320524469460764</t>
  </si>
  <si>
    <t>7239</t>
  </si>
  <si>
    <t>25.156539916992188</t>
  </si>
  <si>
    <t>2280.16748046875</t>
  </si>
  <si>
    <t>0.03285889552203258</t>
  </si>
  <si>
    <t>7704</t>
  </si>
  <si>
    <t>25.395811080932617</t>
  </si>
  <si>
    <t>2093.619140625</t>
  </si>
  <si>
    <t>0.062256599184820516</t>
  </si>
  <si>
    <t>25.372291564941406</t>
  </si>
  <si>
    <t>2168.0810546875</t>
  </si>
  <si>
    <t>0.07632143814906733</t>
  </si>
  <si>
    <t>9032</t>
  </si>
  <si>
    <t>25.429601669311523</t>
  </si>
  <si>
    <t>1715.491455078125</t>
  </si>
  <si>
    <t>0.0827127142024704</t>
  </si>
  <si>
    <t>9581</t>
  </si>
  <si>
    <t>25.224693298339844</t>
  </si>
  <si>
    <t>1588.126708984375</t>
  </si>
  <si>
    <t>0.05900814382137476</t>
  </si>
  <si>
    <t>25.479597091674805</t>
  </si>
  <si>
    <t>3389.75537109375</t>
  </si>
  <si>
    <t>0.04967942626474198</t>
  </si>
  <si>
    <t>25.25848388671875</t>
  </si>
  <si>
    <t>2699.61181640625</t>
  </si>
  <si>
    <t>0.04381681037608587</t>
  </si>
  <si>
    <t>25.11829948425293</t>
  </si>
  <si>
    <t>1828.6063232421875</t>
  </si>
  <si>
    <t>0.04297936154711657</t>
  </si>
  <si>
    <t>11467</t>
  </si>
  <si>
    <t>25.136449813842773</t>
  </si>
  <si>
    <t>1305.1480712890625</t>
  </si>
  <si>
    <t>0.04321577619948691</t>
  </si>
  <si>
    <t>10047</t>
  </si>
  <si>
    <t>25.462934494018555</t>
  </si>
  <si>
    <t>2434.348388671875</t>
  </si>
  <si>
    <t>-0.13219926257599113</t>
  </si>
  <si>
    <t>10324</t>
  </si>
  <si>
    <t>25.324691772460938</t>
  </si>
  <si>
    <t>3052.381103515625</t>
  </si>
  <si>
    <t>0.02719719937619125</t>
  </si>
  <si>
    <t>10780</t>
  </si>
  <si>
    <t>25.35802459716797</t>
  </si>
  <si>
    <t>2672.50048828125</t>
  </si>
  <si>
    <t>0.043221283624482965</t>
  </si>
  <si>
    <t>1440</t>
  </si>
  <si>
    <t>27.48035430908203</t>
  </si>
  <si>
    <t>2537.910400390625</t>
  </si>
  <si>
    <t>295.4295959472656</t>
  </si>
  <si>
    <t>Bangka Belitung</t>
  </si>
  <si>
    <t>27.484548568725586</t>
  </si>
  <si>
    <t>2216.87939453125</t>
  </si>
  <si>
    <t>0.04802774302190649</t>
  </si>
  <si>
    <t>5559</t>
  </si>
  <si>
    <t>27.458677291870117</t>
  </si>
  <si>
    <t>2807.6845703125</t>
  </si>
  <si>
    <t>0.04582640071748578</t>
  </si>
  <si>
    <t>27.52720069885254</t>
  </si>
  <si>
    <t>2851.520263671875</t>
  </si>
  <si>
    <t>0.04605383231826643</t>
  </si>
  <si>
    <t>6158</t>
  </si>
  <si>
    <t>27.515478134155273</t>
  </si>
  <si>
    <t>2301.647705078125</t>
  </si>
  <si>
    <t>0.056279981212709274</t>
  </si>
  <si>
    <t>6556</t>
  </si>
  <si>
    <t>27.5262393951416</t>
  </si>
  <si>
    <t>2865.373779296875</t>
  </si>
  <si>
    <t>0.06262861137927445</t>
  </si>
  <si>
    <t>6950</t>
  </si>
  <si>
    <t>27.541717529296875</t>
  </si>
  <si>
    <t>2542.991455078125</t>
  </si>
  <si>
    <t>0.05836099869511813</t>
  </si>
  <si>
    <t>27.831113815307617</t>
  </si>
  <si>
    <t>1953.92236328125</t>
  </si>
  <si>
    <t>0.029209506069772573</t>
  </si>
  <si>
    <t>27.97450065612793</t>
  </si>
  <si>
    <t>3068.4033203125</t>
  </si>
  <si>
    <t>-0.1570428775796575</t>
  </si>
  <si>
    <t>6068</t>
  </si>
  <si>
    <t>27.510766983032227</t>
  </si>
  <si>
    <t>2773.84375</t>
  </si>
  <si>
    <t>-0.00787922658052942</t>
  </si>
  <si>
    <t>6271</t>
  </si>
  <si>
    <t>27.688682556152344</t>
  </si>
  <si>
    <t>2868.519287109375</t>
  </si>
  <si>
    <t>0.032906770074596636</t>
  </si>
  <si>
    <t>27.610666275024414</t>
  </si>
  <si>
    <t>3057.81005859375</t>
  </si>
  <si>
    <t>0.018954919107262214</t>
  </si>
  <si>
    <t>6570</t>
  </si>
  <si>
    <t>27.699464797973633</t>
  </si>
  <si>
    <t>2148.56494140625</t>
  </si>
  <si>
    <t>0.027623081828373586</t>
  </si>
  <si>
    <t>6774</t>
  </si>
  <si>
    <t>27.556921005249023</t>
  </si>
  <si>
    <t>2612.857666015625</t>
  </si>
  <si>
    <t>0.030577921899061167</t>
  </si>
  <si>
    <t>7007</t>
  </si>
  <si>
    <t>27.57939338684082</t>
  </si>
  <si>
    <t>2416.30615234375</t>
  </si>
  <si>
    <t>0.03381789499281673</t>
  </si>
  <si>
    <t>27.632537841796875</t>
  </si>
  <si>
    <t>2830.003662109375</t>
  </si>
  <si>
    <t>0.04027953258635186</t>
  </si>
  <si>
    <t>27.483858108520508</t>
  </si>
  <si>
    <t>2476.300048828125</t>
  </si>
  <si>
    <t>0.022500271514628523</t>
  </si>
  <si>
    <t>27.663484573364258</t>
  </si>
  <si>
    <t>2680.439697265625</t>
  </si>
  <si>
    <t>0.017142137918161993</t>
  </si>
  <si>
    <t>27.43137550354004</t>
  </si>
  <si>
    <t>2585.908935546875</t>
  </si>
  <si>
    <t>0.04797422186776856</t>
  </si>
  <si>
    <t>27.691307067871094</t>
  </si>
  <si>
    <t>2438.252197265625</t>
  </si>
  <si>
    <t>0.015946519550395166</t>
  </si>
  <si>
    <t>8382</t>
  </si>
  <si>
    <t>27.75543975830078</t>
  </si>
  <si>
    <t>3374.044189453125</t>
  </si>
  <si>
    <t>0.0353342166771764</t>
  </si>
  <si>
    <t>8805</t>
  </si>
  <si>
    <t>27.618566513061523</t>
  </si>
  <si>
    <t>2655.9482421875</t>
  </si>
  <si>
    <t>0.049233192445290896</t>
  </si>
  <si>
    <t>9232</t>
  </si>
  <si>
    <t>27.681747436523438</t>
  </si>
  <si>
    <t>2639.11767578125</t>
  </si>
  <si>
    <t>0.04735596781757323</t>
  </si>
  <si>
    <t>27.70664405822754</t>
  </si>
  <si>
    <t>2904.012451171875</t>
  </si>
  <si>
    <t>0.03752366673186458</t>
  </si>
  <si>
    <t>27.669099807739258</t>
  </si>
  <si>
    <t>2127.961181640625</t>
  </si>
  <si>
    <t>0.043385216829520346</t>
  </si>
  <si>
    <t>27.82839012145996</t>
  </si>
  <si>
    <t>2162.56494140625</t>
  </si>
  <si>
    <t>-0.0003996802611148098</t>
  </si>
  <si>
    <t>27.976119995117188</t>
  </si>
  <si>
    <t>3002.859619140625</t>
  </si>
  <si>
    <t>0.017141861404189385</t>
  </si>
  <si>
    <t>27.73877716064453</t>
  </si>
  <si>
    <t>2607.19384765625</t>
  </si>
  <si>
    <t>0.020901942116047678</t>
  </si>
  <si>
    <t>10341</t>
  </si>
  <si>
    <t>27.82855224609375</t>
  </si>
  <si>
    <t>2722.384765625</t>
  </si>
  <si>
    <t>-0.005112140383412012</t>
  </si>
  <si>
    <t>27.996177673339844</t>
  </si>
  <si>
    <t>2234.6943359375</t>
  </si>
  <si>
    <t>0.00280044603859686</t>
  </si>
  <si>
    <t>27.739259719848633</t>
  </si>
  <si>
    <t>3108.9736328125</t>
  </si>
  <si>
    <t>-0.01898329091277695</t>
  </si>
  <si>
    <t>27.690847396850586</t>
  </si>
  <si>
    <t>2907.255859375</t>
  </si>
  <si>
    <t>0.027242244993262332</t>
  </si>
  <si>
    <t>10917</t>
  </si>
  <si>
    <t>27.529253005981445</t>
  </si>
  <si>
    <t>3122.81982421875</t>
  </si>
  <si>
    <t>0.04314523097621148</t>
  </si>
  <si>
    <t>27.55385398864746</t>
  </si>
  <si>
    <t>2552.655517578125</t>
  </si>
  <si>
    <t>8505.216796875</t>
  </si>
  <si>
    <t>Banten</t>
  </si>
  <si>
    <t>27.61000633239746</t>
  </si>
  <si>
    <t>2209.53857421875</t>
  </si>
  <si>
    <t>0.04819225682725481</t>
  </si>
  <si>
    <t>27.64185333251953</t>
  </si>
  <si>
    <t>3195.4345703125</t>
  </si>
  <si>
    <t>0.045722249338094656</t>
  </si>
  <si>
    <t>27.79090118408203</t>
  </si>
  <si>
    <t>2606.253662109375</t>
  </si>
  <si>
    <t>0.0461505859377791</t>
  </si>
  <si>
    <t>27.712905883789062</t>
  </si>
  <si>
    <t>2270.845947265625</t>
  </si>
  <si>
    <t>0.056107101624723654</t>
  </si>
  <si>
    <t>4644</t>
  </si>
  <si>
    <t>27.787315368652344</t>
  </si>
  <si>
    <t>3140.486083984375</t>
  </si>
  <si>
    <t>0.06264539605620811</t>
  </si>
  <si>
    <t>4924</t>
  </si>
  <si>
    <t>27.70985984802246</t>
  </si>
  <si>
    <t>3006.54833984375</t>
  </si>
  <si>
    <t>0.058545144486561895</t>
  </si>
  <si>
    <t>5069</t>
  </si>
  <si>
    <t>27.853858947753906</t>
  </si>
  <si>
    <t>1689.7320556640625</t>
  </si>
  <si>
    <t>0.02902235116800611</t>
  </si>
  <si>
    <t>28.001564025878906</t>
  </si>
  <si>
    <t>3104.778076171875</t>
  </si>
  <si>
    <t>-0.1568834167324411</t>
  </si>
  <si>
    <t>27.623170852661133</t>
  </si>
  <si>
    <t>2741.3291015625</t>
  </si>
  <si>
    <t>-0.00787770524362763</t>
  </si>
  <si>
    <t>4443</t>
  </si>
  <si>
    <t>27.764753341674805</t>
  </si>
  <si>
    <t>2336.74267578125</t>
  </si>
  <si>
    <t>0.032947386439627024</t>
  </si>
  <si>
    <t>4528</t>
  </si>
  <si>
    <t>27.4870548248291</t>
  </si>
  <si>
    <t>3017.999755859375</t>
  </si>
  <si>
    <t>0.01895051694711114</t>
  </si>
  <si>
    <t>27.54424285888672</t>
  </si>
  <si>
    <t>1995.494873046875</t>
  </si>
  <si>
    <t>0.027446723979217325</t>
  </si>
  <si>
    <t>4799</t>
  </si>
  <si>
    <t>27.492019653320312</t>
  </si>
  <si>
    <t>2593.607666015625</t>
  </si>
  <si>
    <t>0.030680497996009137</t>
  </si>
  <si>
    <t>27.781675338745117</t>
  </si>
  <si>
    <t>2425.9765625</t>
  </si>
  <si>
    <t>0.03380430446625127</t>
  </si>
  <si>
    <t>27.71623420715332</t>
  </si>
  <si>
    <t>3011.125244140625</t>
  </si>
  <si>
    <t>27.53676414489746</t>
  </si>
  <si>
    <t>2015.7886962890625</t>
  </si>
  <si>
    <t>0.02559834138653372</t>
  </si>
  <si>
    <t>6107</t>
  </si>
  <si>
    <t>27.92241668701172</t>
  </si>
  <si>
    <t>2929.586181640625</t>
  </si>
  <si>
    <t>0.14135154637416392</t>
  </si>
  <si>
    <t>27.538061141967773</t>
  </si>
  <si>
    <t>2563.166015625</t>
  </si>
  <si>
    <t>-0.007066005900927763</t>
  </si>
  <si>
    <t>27.831037521362305</t>
  </si>
  <si>
    <t>2320.7451171875</t>
  </si>
  <si>
    <t>0.02443516263078571</t>
  </si>
  <si>
    <t>27.856462478637695</t>
  </si>
  <si>
    <t>3488.39306640625</t>
  </si>
  <si>
    <t>0.1780478737179081</t>
  </si>
  <si>
    <t>7631</t>
  </si>
  <si>
    <t>27.6632022857666</t>
  </si>
  <si>
    <t>2293.99267578125</t>
  </si>
  <si>
    <t>0.02736621361873226</t>
  </si>
  <si>
    <t>7952</t>
  </si>
  <si>
    <t>27.72156524658203</t>
  </si>
  <si>
    <t>2228.388671875</t>
  </si>
  <si>
    <t>0.04120457104677655</t>
  </si>
  <si>
    <t>27.78618621826172</t>
  </si>
  <si>
    <t>2519.734619140625</t>
  </si>
  <si>
    <t>0.040781752261853654</t>
  </si>
  <si>
    <t>27.61409568786621</t>
  </si>
  <si>
    <t>2260.062255859375</t>
  </si>
  <si>
    <t>0.048887892559321244</t>
  </si>
  <si>
    <t>27.749631881713867</t>
  </si>
  <si>
    <t>1854.3023681640625</t>
  </si>
  <si>
    <t>0.03679458058025631</t>
  </si>
  <si>
    <t>27.90997314453125</t>
  </si>
  <si>
    <t>3202.497314453125</t>
  </si>
  <si>
    <t>27.878305435180664</t>
  </si>
  <si>
    <t>2671.8798828125</t>
  </si>
  <si>
    <t>0.03251888506407319</t>
  </si>
  <si>
    <t>27.951234817504883</t>
  </si>
  <si>
    <t>2654.610595703125</t>
  </si>
  <si>
    <t>0.03351238441919335</t>
  </si>
  <si>
    <t>10327</t>
  </si>
  <si>
    <t>28.096162796020508</t>
  </si>
  <si>
    <t>2002.777587890625</t>
  </si>
  <si>
    <t>0.040007310810409535</t>
  </si>
  <si>
    <t>9616</t>
  </si>
  <si>
    <t>27.706161499023438</t>
  </si>
  <si>
    <t>3135.57421875</t>
  </si>
  <si>
    <t>-0.07133344689641419</t>
  </si>
  <si>
    <t>27.69667625427246</t>
  </si>
  <si>
    <t>3107.735595703125</t>
  </si>
  <si>
    <t>0.027286542630706734</t>
  </si>
  <si>
    <t>27.658178329467773</t>
  </si>
  <si>
    <t>3057.866455078125</t>
  </si>
  <si>
    <t>0.04317502239889848</t>
  </si>
  <si>
    <t>1442</t>
  </si>
  <si>
    <t>26.855737686157227</t>
  </si>
  <si>
    <t>2703.422119140625</t>
  </si>
  <si>
    <t>496.0928039550781</t>
  </si>
  <si>
    <t>Bengkulu</t>
  </si>
  <si>
    <t>26.76140594482422</t>
  </si>
  <si>
    <t>2525.918212890625</t>
  </si>
  <si>
    <t>0.048084306475368876</t>
  </si>
  <si>
    <t>26.76331329345703</t>
  </si>
  <si>
    <t>2693.9013671875</t>
  </si>
  <si>
    <t>0.04551326336711714</t>
  </si>
  <si>
    <t>2872</t>
  </si>
  <si>
    <t>26.81522560119629</t>
  </si>
  <si>
    <t>2610.787353515625</t>
  </si>
  <si>
    <t>0.04632107004585517</t>
  </si>
  <si>
    <t>26.79215431213379</t>
  </si>
  <si>
    <t>2454.056640625</t>
  </si>
  <si>
    <t>0.0561907529876029</t>
  </si>
  <si>
    <t>3234</t>
  </si>
  <si>
    <t>26.871294021606445</t>
  </si>
  <si>
    <t>2839.750244140625</t>
  </si>
  <si>
    <t>0.0625203569813344</t>
  </si>
  <si>
    <t>3429</t>
  </si>
  <si>
    <t>26.887786865234375</t>
  </si>
  <si>
    <t>2775.699951171875</t>
  </si>
  <si>
    <t>0.05854891232586823</t>
  </si>
  <si>
    <t>27.148508071899414</t>
  </si>
  <si>
    <t>2211.70751953125</t>
  </si>
  <si>
    <t>0.029029197464423007</t>
  </si>
  <si>
    <t>27.272302627563477</t>
  </si>
  <si>
    <t>3157.61474609375</t>
  </si>
  <si>
    <t>-0.15703491076828158</t>
  </si>
  <si>
    <t>26.816627502441406</t>
  </si>
  <si>
    <t>2791.01708984375</t>
  </si>
  <si>
    <t>-0.007652674179487562</t>
  </si>
  <si>
    <t>26.964445114135742</t>
  </si>
  <si>
    <t>2879.525146484375</t>
  </si>
  <si>
    <t>0.03285446615343801</t>
  </si>
  <si>
    <t>27.02582550048828</t>
  </si>
  <si>
    <t>3077.9658203125</t>
  </si>
  <si>
    <t>0.01888962841204922</t>
  </si>
  <si>
    <t>27.256629943847656</t>
  </si>
  <si>
    <t>2510.27783203125</t>
  </si>
  <si>
    <t>0.027527543596486126</t>
  </si>
  <si>
    <t>27.05997657775879</t>
  </si>
  <si>
    <t>2854.55908203125</t>
  </si>
  <si>
    <t>0.03068750601379122</t>
  </si>
  <si>
    <t>3457</t>
  </si>
  <si>
    <t>27.003873825073242</t>
  </si>
  <si>
    <t>2653.931396484375</t>
  </si>
  <si>
    <t>0.03383173076628587</t>
  </si>
  <si>
    <t>3599</t>
  </si>
  <si>
    <t>27.069068908691406</t>
  </si>
  <si>
    <t>2940.97314453125</t>
  </si>
  <si>
    <t>0.04025486815740642</t>
  </si>
  <si>
    <t>26.852333068847656</t>
  </si>
  <si>
    <t>2663.41162109375</t>
  </si>
  <si>
    <t>0.002497573103482864</t>
  </si>
  <si>
    <t>3714</t>
  </si>
  <si>
    <t>27.006189346313477</t>
  </si>
  <si>
    <t>2560.265869140625</t>
  </si>
  <si>
    <t>0.028955860730137672</t>
  </si>
  <si>
    <t>26.803720474243164</t>
  </si>
  <si>
    <t>2768.5615234375</t>
  </si>
  <si>
    <t>0.01523075534570495</t>
  </si>
  <si>
    <t>27.061119079589844</t>
  </si>
  <si>
    <t>2621.84765625</t>
  </si>
  <si>
    <t>0.03900650503397429</t>
  </si>
  <si>
    <t>27.237794876098633</t>
  </si>
  <si>
    <t>3391.506103515625</t>
  </si>
  <si>
    <t>0.2072567361146902</t>
  </si>
  <si>
    <t>27.09345054626465</t>
  </si>
  <si>
    <t>2684.6220703125</t>
  </si>
  <si>
    <t>27.085662841796875</t>
  </si>
  <si>
    <t>2887.63818359375</t>
  </si>
  <si>
    <t>0.05930094837132316</t>
  </si>
  <si>
    <t>5605</t>
  </si>
  <si>
    <t>27.08074951171875</t>
  </si>
  <si>
    <t>2886.13330078125</t>
  </si>
  <si>
    <t>0.049932654207660576</t>
  </si>
  <si>
    <t>27.137710571289062</t>
  </si>
  <si>
    <t>2462.938720703125</t>
  </si>
  <si>
    <t>0.04312442663375471</t>
  </si>
  <si>
    <t>6046</t>
  </si>
  <si>
    <t>27.259923934936523</t>
  </si>
  <si>
    <t>2609.35693359375</t>
  </si>
  <si>
    <t>0.03261341319938893</t>
  </si>
  <si>
    <t>27.302167892456055</t>
  </si>
  <si>
    <t>2526.72607421875</t>
  </si>
  <si>
    <t>0.04953024592712829</t>
  </si>
  <si>
    <t>27.08501625061035</t>
  </si>
  <si>
    <t>2799.75927734375</t>
  </si>
  <si>
    <t>0.04147029684065906</t>
  </si>
  <si>
    <t>6902</t>
  </si>
  <si>
    <t>27.18402862548828</t>
  </si>
  <si>
    <t>2920.12060546875</t>
  </si>
  <si>
    <t>0.041413785550757254</t>
  </si>
  <si>
    <t>27.411832809448242</t>
  </si>
  <si>
    <t>2337.8359375</t>
  </si>
  <si>
    <t>0.05043085362689226</t>
  </si>
  <si>
    <t>27.224950790405273</t>
  </si>
  <si>
    <t>2886.14794921875</t>
  </si>
  <si>
    <t>0.003163471450537969</t>
  </si>
  <si>
    <t>27.120222091674805</t>
  </si>
  <si>
    <t>2898.49658203125</t>
  </si>
  <si>
    <t>0.027228231344979648</t>
  </si>
  <si>
    <t>26.997339248657227</t>
  </si>
  <si>
    <t>2939.875244140625</t>
  </si>
  <si>
    <t>0.04315523191638526</t>
  </si>
  <si>
    <t>1443</t>
  </si>
  <si>
    <t>24.51759910583496</t>
  </si>
  <si>
    <t>2492.005859375</t>
  </si>
  <si>
    <t>299.4188232421875</t>
  </si>
  <si>
    <t>Gorontalo</t>
  </si>
  <si>
    <t>24.465606689453125</t>
  </si>
  <si>
    <t>2110.279052734375</t>
  </si>
  <si>
    <t>0.04825195102403956</t>
  </si>
  <si>
    <t>1556</t>
  </si>
  <si>
    <t>24.47405433654785</t>
  </si>
  <si>
    <t>2427.603271484375</t>
  </si>
  <si>
    <t>0.0460304794606321</t>
  </si>
  <si>
    <t>24.432518005371094</t>
  </si>
  <si>
    <t>2168.5224609375</t>
  </si>
  <si>
    <t>0.04584790386370852</t>
  </si>
  <si>
    <t>24.383697509765625</t>
  </si>
  <si>
    <t>2151.51904296875</t>
  </si>
  <si>
    <t>0.05668084262159301</t>
  </si>
  <si>
    <t>24.362548828125</t>
  </si>
  <si>
    <t>2066.73583984375</t>
  </si>
  <si>
    <t>0.062397309265032064</t>
  </si>
  <si>
    <t>24.19042205810547</t>
  </si>
  <si>
    <t>2496.344482421875</t>
  </si>
  <si>
    <t>0.05821749556387612</t>
  </si>
  <si>
    <t>24.46946907043457</t>
  </si>
  <si>
    <t>1569.5269775390625</t>
  </si>
  <si>
    <t>0.02938407961327183</t>
  </si>
  <si>
    <t>1712</t>
  </si>
  <si>
    <t>24.56520652770996</t>
  </si>
  <si>
    <t>2475.10009765625</t>
  </si>
  <si>
    <t>-0.15698377896413085</t>
  </si>
  <si>
    <t>24.375333786010742</t>
  </si>
  <si>
    <t>2622.864990234375</t>
  </si>
  <si>
    <t>-0.007622435029754904</t>
  </si>
  <si>
    <t>1755</t>
  </si>
  <si>
    <t>24.4268741607666</t>
  </si>
  <si>
    <t>2959.27783203125</t>
  </si>
  <si>
    <t>0.03242901422803346</t>
  </si>
  <si>
    <t>24.43596649169922</t>
  </si>
  <si>
    <t>2559.8193359375</t>
  </si>
  <si>
    <t>0.019187947608752864</t>
  </si>
  <si>
    <t>1839</t>
  </si>
  <si>
    <t>24.434555053710938</t>
  </si>
  <si>
    <t>1776.6455078125</t>
  </si>
  <si>
    <t>0.02756514109560193</t>
  </si>
  <si>
    <t>24.3200740814209</t>
  </si>
  <si>
    <t>2323.826171875</t>
  </si>
  <si>
    <t>0.030524458210646088</t>
  </si>
  <si>
    <t>24.468042373657227</t>
  </si>
  <si>
    <t>2047.938232421875</t>
  </si>
  <si>
    <t>0.03370814338137951</t>
  </si>
  <si>
    <t>24.395973205566406</t>
  </si>
  <si>
    <t>2330.576904296875</t>
  </si>
  <si>
    <t>0.04047517252826438</t>
  </si>
  <si>
    <t>24.32938575744629</t>
  </si>
  <si>
    <t>2109.442626953125</t>
  </si>
  <si>
    <t>0.06263906895654436</t>
  </si>
  <si>
    <t>24.303728103637695</t>
  </si>
  <si>
    <t>2347.917724609375</t>
  </si>
  <si>
    <t>0.05634033423608642</t>
  </si>
  <si>
    <t>24.233169555664062</t>
  </si>
  <si>
    <t>2703.403076171875</t>
  </si>
  <si>
    <t>0.08378152896037783</t>
  </si>
  <si>
    <t>24.292236328125</t>
  </si>
  <si>
    <t>1986.701416015625</t>
  </si>
  <si>
    <t>0.12499848937300673</t>
  </si>
  <si>
    <t>24.13062286376953</t>
  </si>
  <si>
    <t>2287.077392578125</t>
  </si>
  <si>
    <t>0.4190167173652126</t>
  </si>
  <si>
    <t>24.41623878479004</t>
  </si>
  <si>
    <t>2279.55810546875</t>
  </si>
  <si>
    <t>0.03824732062512659</t>
  </si>
  <si>
    <t>24.40936279296875</t>
  </si>
  <si>
    <t>2548.083984375</t>
  </si>
  <si>
    <t>0.0640218587649315</t>
  </si>
  <si>
    <t>5070</t>
  </si>
  <si>
    <t>24.243406295776367</t>
  </si>
  <si>
    <t>2348.713134765625</t>
  </si>
  <si>
    <t>0.06036577957933176</t>
  </si>
  <si>
    <t>5388</t>
  </si>
  <si>
    <t>24.43364906311035</t>
  </si>
  <si>
    <t>1941.989990234375</t>
  </si>
  <si>
    <t>0.06083344094502685</t>
  </si>
  <si>
    <t>5663</t>
  </si>
  <si>
    <t>24.602996826171875</t>
  </si>
  <si>
    <t>1517.865234375</t>
  </si>
  <si>
    <t>0.04977952858354939</t>
  </si>
  <si>
    <t>24.764955520629883</t>
  </si>
  <si>
    <t>2340.873779296875</t>
  </si>
  <si>
    <t>0.063953412682622</t>
  </si>
  <si>
    <t>24.36247444152832</t>
  </si>
  <si>
    <t>2380.208251953125</t>
  </si>
  <si>
    <t>0.03962200365795354</t>
  </si>
  <si>
    <t>6554</t>
  </si>
  <si>
    <t>24.62888526916504</t>
  </si>
  <si>
    <t>2271.6904296875</t>
  </si>
  <si>
    <t>0.04254634680437874</t>
  </si>
  <si>
    <t>6945</t>
  </si>
  <si>
    <t>24.59230613708496</t>
  </si>
  <si>
    <t>1652.5191650390625</t>
  </si>
  <si>
    <t>0.057946425929685574</t>
  </si>
  <si>
    <t>6968</t>
  </si>
  <si>
    <t>24.487611770629883</t>
  </si>
  <si>
    <t>2342.0029296875</t>
  </si>
  <si>
    <t>0.0033062633438945</t>
  </si>
  <si>
    <t>7161</t>
  </si>
  <si>
    <t>24.566564559936523</t>
  </si>
  <si>
    <t>2469.7607421875</t>
  </si>
  <si>
    <t>0.0273213964746013</t>
  </si>
  <si>
    <t>24.510751724243164</t>
  </si>
  <si>
    <t>2382.058837890625</t>
  </si>
  <si>
    <t>0.04318200599297484</t>
  </si>
  <si>
    <t>27.429603576660156</t>
  </si>
  <si>
    <t>2403.9462890625</t>
  </si>
  <si>
    <t>689.8560791015625</t>
  </si>
  <si>
    <t>Jambi</t>
  </si>
  <si>
    <t>27.33754539489746</t>
  </si>
  <si>
    <t>2269.263916015625</t>
  </si>
  <si>
    <t>0.04804286211473929</t>
  </si>
  <si>
    <t>27.294166564941406</t>
  </si>
  <si>
    <t>2482.47021484375</t>
  </si>
  <si>
    <t>0.045840165175803804</t>
  </si>
  <si>
    <t>27.318016052246094</t>
  </si>
  <si>
    <t>2498.380126953125</t>
  </si>
  <si>
    <t>0.04623994281412891</t>
  </si>
  <si>
    <t>3956</t>
  </si>
  <si>
    <t>27.348915100097656</t>
  </si>
  <si>
    <t>2311.748779296875</t>
  </si>
  <si>
    <t>0.05614780233402428</t>
  </si>
  <si>
    <t>4212</t>
  </si>
  <si>
    <t>27.410924911499023</t>
  </si>
  <si>
    <t>2880.9853515625</t>
  </si>
  <si>
    <t>0.06270418051126292</t>
  </si>
  <si>
    <t>27.423431396484375</t>
  </si>
  <si>
    <t>2672.546875</t>
  </si>
  <si>
    <t>0.05833162005673387</t>
  </si>
  <si>
    <t>27.81907844543457</t>
  </si>
  <si>
    <t>1852.6226806640625</t>
  </si>
  <si>
    <t>0.029134702495628773</t>
  </si>
  <si>
    <t>3929</t>
  </si>
  <si>
    <t>27.82936668395996</t>
  </si>
  <si>
    <t>2964.0205078125</t>
  </si>
  <si>
    <t>-0.15701897624776784</t>
  </si>
  <si>
    <t>27.332725524902344</t>
  </si>
  <si>
    <t>2871.237060546875</t>
  </si>
  <si>
    <t>-0.007664830575862425</t>
  </si>
  <si>
    <t>27.518117904663086</t>
  </si>
  <si>
    <t>2853.8974609375</t>
  </si>
  <si>
    <t>0.03279809620874907</t>
  </si>
  <si>
    <t>4106</t>
  </si>
  <si>
    <t>27.649269104003906</t>
  </si>
  <si>
    <t>2927.98583984375</t>
  </si>
  <si>
    <t>27.929420471191406</t>
  </si>
  <si>
    <t>2493.00537109375</t>
  </si>
  <si>
    <t>0.027622748203619096</t>
  </si>
  <si>
    <t>27.621915817260742</t>
  </si>
  <si>
    <t>2974.010986328125</t>
  </si>
  <si>
    <t>0.030563442753280157</t>
  </si>
  <si>
    <t>27.505706787109375</t>
  </si>
  <si>
    <t>2543.4296875</t>
  </si>
  <si>
    <t>0.03388623293089843</t>
  </si>
  <si>
    <t>27.58922004699707</t>
  </si>
  <si>
    <t>2789.552978515625</t>
  </si>
  <si>
    <t>0.04027097645602851</t>
  </si>
  <si>
    <t>27.42726707458496</t>
  </si>
  <si>
    <t>2636.279541015625</t>
  </si>
  <si>
    <t>0.03253513957529819</t>
  </si>
  <si>
    <t>5462</t>
  </si>
  <si>
    <t>27.436447143554688</t>
  </si>
  <si>
    <t>2656.752685546875</t>
  </si>
  <si>
    <t>0.12048716453564623</t>
  </si>
  <si>
    <t>6128</t>
  </si>
  <si>
    <t>27.263906478881836</t>
  </si>
  <si>
    <t>2716.07958984375</t>
  </si>
  <si>
    <t>0.11505340938677655</t>
  </si>
  <si>
    <t>6234</t>
  </si>
  <si>
    <t>27.579513549804688</t>
  </si>
  <si>
    <t>2696.59912109375</t>
  </si>
  <si>
    <t>0.017149748906856388</t>
  </si>
  <si>
    <t>27.741844177246094</t>
  </si>
  <si>
    <t>3468.56884765625</t>
  </si>
  <si>
    <t>0.31474282645533336</t>
  </si>
  <si>
    <t>8941</t>
  </si>
  <si>
    <t>27.53718376159668</t>
  </si>
  <si>
    <t>2630.1708984375</t>
  </si>
  <si>
    <t>0.04588643195270237</t>
  </si>
  <si>
    <t>27.583467483520508</t>
  </si>
  <si>
    <t>2674.5244140625</t>
  </si>
  <si>
    <t>0.04761244268430609</t>
  </si>
  <si>
    <t>27.598676681518555</t>
  </si>
  <si>
    <t>2913.135986328125</t>
  </si>
  <si>
    <t>0.05719988561397038</t>
  </si>
  <si>
    <t>10250</t>
  </si>
  <si>
    <t>27.73805809020996</t>
  </si>
  <si>
    <t>2256.680419921875</t>
  </si>
  <si>
    <t>0.03181793753295992</t>
  </si>
  <si>
    <t>10264</t>
  </si>
  <si>
    <t>27.863676071166992</t>
  </si>
  <si>
    <t>2316.83984375</t>
  </si>
  <si>
    <t>0.0013649217289177784</t>
  </si>
  <si>
    <t>10832</t>
  </si>
  <si>
    <t>27.9061279296875</t>
  </si>
  <si>
    <t>2596.421630859375</t>
  </si>
  <si>
    <t>0.05386208885658306</t>
  </si>
  <si>
    <t>27.59453582763672</t>
  </si>
  <si>
    <t>2909.841796875</t>
  </si>
  <si>
    <t>0.054523853373618536</t>
  </si>
  <si>
    <t>11938</t>
  </si>
  <si>
    <t>27.765390396118164</t>
  </si>
  <si>
    <t>2849.57958984375</t>
  </si>
  <si>
    <t>0.04269802020292168</t>
  </si>
  <si>
    <t>28.030378341674805</t>
  </si>
  <si>
    <t>1939.238037109375</t>
  </si>
  <si>
    <t>0.011659026139250628</t>
  </si>
  <si>
    <t>27.834444046020508</t>
  </si>
  <si>
    <t>2895.695556640625</t>
  </si>
  <si>
    <t>-0.0634021134973306</t>
  </si>
  <si>
    <t>11649</t>
  </si>
  <si>
    <t>27.70256996154785</t>
  </si>
  <si>
    <t>2962.16845703125</t>
  </si>
  <si>
    <t>0.027236837029260386</t>
  </si>
  <si>
    <t>27.56848907470703</t>
  </si>
  <si>
    <t>3054.795166015625</t>
  </si>
  <si>
    <t>0.04317821721866011</t>
  </si>
  <si>
    <t>25.74070930480957</t>
  </si>
  <si>
    <t>2756.26318359375</t>
  </si>
  <si>
    <t>11149.619140625</t>
  </si>
  <si>
    <t>Jawa Barat</t>
  </si>
  <si>
    <t>4013</t>
  </si>
  <si>
    <t>25.70708465576172</t>
  </si>
  <si>
    <t>2123.866943359375</t>
  </si>
  <si>
    <t>0.04824209609562402</t>
  </si>
  <si>
    <t>25.799217224121094</t>
  </si>
  <si>
    <t>3470.89404296875</t>
  </si>
  <si>
    <t>0.0457835009024663</t>
  </si>
  <si>
    <t>4400</t>
  </si>
  <si>
    <t>25.873397827148438</t>
  </si>
  <si>
    <t>2659.86962890625</t>
  </si>
  <si>
    <t>0.046281948736970335</t>
  </si>
  <si>
    <t>25.779664993286133</t>
  </si>
  <si>
    <t>2256.169189453125</t>
  </si>
  <si>
    <t>0.05612252395588335</t>
  </si>
  <si>
    <t>25.893402099609375</t>
  </si>
  <si>
    <t>3244.553466796875</t>
  </si>
  <si>
    <t>0.06246826618706791</t>
  </si>
  <si>
    <t>5252</t>
  </si>
  <si>
    <t>25.91979217529297</t>
  </si>
  <si>
    <t>2826.43212890625</t>
  </si>
  <si>
    <t>0.05841362537338313</t>
  </si>
  <si>
    <t>5408</t>
  </si>
  <si>
    <t>25.899696350097656</t>
  </si>
  <si>
    <t>1762.638671875</t>
  </si>
  <si>
    <t>0.02927038230011192</t>
  </si>
  <si>
    <t>26.0753116607666</t>
  </si>
  <si>
    <t>3804.653076171875</t>
  </si>
  <si>
    <t>-0.1570518268884733</t>
  </si>
  <si>
    <t>4586</t>
  </si>
  <si>
    <t>25.74860382080078</t>
  </si>
  <si>
    <t>2983.291259765625</t>
  </si>
  <si>
    <t>-0.00781932741647573</t>
  </si>
  <si>
    <t>25.87703514099121</t>
  </si>
  <si>
    <t>2702.69970703125</t>
  </si>
  <si>
    <t>0.03302895127127137</t>
  </si>
  <si>
    <t>25.693748474121094</t>
  </si>
  <si>
    <t>3201.90673828125</t>
  </si>
  <si>
    <t>0.018809331957497122</t>
  </si>
  <si>
    <t>25.689979553222656</t>
  </si>
  <si>
    <t>2157.968505859375</t>
  </si>
  <si>
    <t>0.02756682983265435</t>
  </si>
  <si>
    <t>5120</t>
  </si>
  <si>
    <t>25.62799835205078</t>
  </si>
  <si>
    <t>2912.599853515625</t>
  </si>
  <si>
    <t>0.030741141554280205</t>
  </si>
  <si>
    <t>5295</t>
  </si>
  <si>
    <t>25.843002319335938</t>
  </si>
  <si>
    <t>2870.906494140625</t>
  </si>
  <si>
    <t>0.03360854000195346</t>
  </si>
  <si>
    <t>25.86376953125</t>
  </si>
  <si>
    <t>3403.347900390625</t>
  </si>
  <si>
    <t>0.04034596055417694</t>
  </si>
  <si>
    <t>5963</t>
  </si>
  <si>
    <t>25.681100845336914</t>
  </si>
  <si>
    <t>2123.498046875</t>
  </si>
  <si>
    <t>0.07846477053342227</t>
  </si>
  <si>
    <t>25.969552993774414</t>
  </si>
  <si>
    <t>3144.420166015625</t>
  </si>
  <si>
    <t>0.025824974339434092</t>
  </si>
  <si>
    <t>25.73076820373535</t>
  </si>
  <si>
    <t>2737.863525390625</t>
  </si>
  <si>
    <t>0.05097456407564316</t>
  </si>
  <si>
    <t>26.0045166015625</t>
  </si>
  <si>
    <t>2493.6181640625</t>
  </si>
  <si>
    <t>0.028628055321657797</t>
  </si>
  <si>
    <t>26.023849487304688</t>
  </si>
  <si>
    <t>3752.731689453125</t>
  </si>
  <si>
    <t>-0.0776434350971531</t>
  </si>
  <si>
    <t>6362</t>
  </si>
  <si>
    <t>25.798246383666992</t>
  </si>
  <si>
    <t>2532.84228515625</t>
  </si>
  <si>
    <t>0.03698492454640068</t>
  </si>
  <si>
    <t>25.977388381958008</t>
  </si>
  <si>
    <t>2527.16796875</t>
  </si>
  <si>
    <t>0.04096030623736446</t>
  </si>
  <si>
    <t>25.98124122619629</t>
  </si>
  <si>
    <t>2725.48779296875</t>
  </si>
  <si>
    <t>0.05002513998588576</t>
  </si>
  <si>
    <t>7148</t>
  </si>
  <si>
    <t>25.936582565307617</t>
  </si>
  <si>
    <t>2488.875732421875</t>
  </si>
  <si>
    <t>0.025504357746980233</t>
  </si>
  <si>
    <t>25.901840209960938</t>
  </si>
  <si>
    <t>2049.208740234375</t>
  </si>
  <si>
    <t>0.026642475831462065</t>
  </si>
  <si>
    <t>7610</t>
  </si>
  <si>
    <t>26.04244041442871</t>
  </si>
  <si>
    <t>3498.61572265625</t>
  </si>
  <si>
    <t>0.03598809874494968</t>
  </si>
  <si>
    <t>25.973718643188477</t>
  </si>
  <si>
    <t>2825.1025390625</t>
  </si>
  <si>
    <t>0.030030731996545157</t>
  </si>
  <si>
    <t>8192</t>
  </si>
  <si>
    <t>26.011138916015625</t>
  </si>
  <si>
    <t>2709.766357421875</t>
  </si>
  <si>
    <t>0.04366416442701215</t>
  </si>
  <si>
    <t>26.088287353515625</t>
  </si>
  <si>
    <t>2239.49853515625</t>
  </si>
  <si>
    <t>0.04848784913160742</t>
  </si>
  <si>
    <t>25.956514358520508</t>
  </si>
  <si>
    <t>3504.922607421875</t>
  </si>
  <si>
    <t>-0.03154239403003345</t>
  </si>
  <si>
    <t>25.88702964782715</t>
  </si>
  <si>
    <t>3253.29541015625</t>
  </si>
  <si>
    <t>0.02723028432402863</t>
  </si>
  <si>
    <t>8940</t>
  </si>
  <si>
    <t>25.934165954589844</t>
  </si>
  <si>
    <t>3428.706787109375</t>
  </si>
  <si>
    <t>0.04320178146266862</t>
  </si>
  <si>
    <t>1447</t>
  </si>
  <si>
    <t>26.05774688720703</t>
  </si>
  <si>
    <t>2529.176513671875</t>
  </si>
  <si>
    <t>8844.4697265625</t>
  </si>
  <si>
    <t>Jawa Tengah</t>
  </si>
  <si>
    <t>25.83791160583496</t>
  </si>
  <si>
    <t>2416.862548828125</t>
  </si>
  <si>
    <t>0.04830190346219254</t>
  </si>
  <si>
    <t>3108</t>
  </si>
  <si>
    <t>25.989503860473633</t>
  </si>
  <si>
    <t>3233.091064453125</t>
  </si>
  <si>
    <t>0.0457542367237771</t>
  </si>
  <si>
    <t>3255</t>
  </si>
  <si>
    <t>25.925134658813477</t>
  </si>
  <si>
    <t>2546.187255859375</t>
  </si>
  <si>
    <t>0.04621284315513208</t>
  </si>
  <si>
    <t>25.803857803344727</t>
  </si>
  <si>
    <t>2261.953369140625</t>
  </si>
  <si>
    <t>0.05615090869585515</t>
  </si>
  <si>
    <t>26.056671142578125</t>
  </si>
  <si>
    <t>3211.646728515625</t>
  </si>
  <si>
    <t>0.06248515098222818</t>
  </si>
  <si>
    <t>3885</t>
  </si>
  <si>
    <t>26.281692504882812</t>
  </si>
  <si>
    <t>2601.823486328125</t>
  </si>
  <si>
    <t>0.05829464848099519</t>
  </si>
  <si>
    <t>26.023544311523438</t>
  </si>
  <si>
    <t>1579.1282958984375</t>
  </si>
  <si>
    <t>0.029171377300279744</t>
  </si>
  <si>
    <t>26.1213321685791</t>
  </si>
  <si>
    <t>3873.297607421875</t>
  </si>
  <si>
    <t>-0.1569462504627257</t>
  </si>
  <si>
    <t>3393</t>
  </si>
  <si>
    <t>25.939977645874023</t>
  </si>
  <si>
    <t>2860.294189453125</t>
  </si>
  <si>
    <t>-0.0076336248550710195</t>
  </si>
  <si>
    <t>3506</t>
  </si>
  <si>
    <t>25.939453125</t>
  </si>
  <si>
    <t>3137.914794921875</t>
  </si>
  <si>
    <t>0.032761300696948936</t>
  </si>
  <si>
    <t>25.981592178344727</t>
  </si>
  <si>
    <t>3078.528076171875</t>
  </si>
  <si>
    <t>0.01892979254222915</t>
  </si>
  <si>
    <t>25.87603187561035</t>
  </si>
  <si>
    <t>2381.25341796875</t>
  </si>
  <si>
    <t>0.0276031877962577</t>
  </si>
  <si>
    <t>25.73956871032715</t>
  </si>
  <si>
    <t>3105.985595703125</t>
  </si>
  <si>
    <t>0.030565382082128778</t>
  </si>
  <si>
    <t>25.854522705078125</t>
  </si>
  <si>
    <t>3297.963134765625</t>
  </si>
  <si>
    <t>0.03375190576403497</t>
  </si>
  <si>
    <t>26.039945602416992</t>
  </si>
  <si>
    <t>3605.97607421875</t>
  </si>
  <si>
    <t>0.0402806174685697</t>
  </si>
  <si>
    <t>4378</t>
  </si>
  <si>
    <t>25.82025909423828</t>
  </si>
  <si>
    <t>2151.4013671875</t>
  </si>
  <si>
    <t>0.0709853269484082</t>
  </si>
  <si>
    <t>26.033477783203125</t>
  </si>
  <si>
    <t>3074.87451171875</t>
  </si>
  <si>
    <t>0.03280455915320246</t>
  </si>
  <si>
    <t>4682</t>
  </si>
  <si>
    <t>25.931367874145508</t>
  </si>
  <si>
    <t>2801.9013671875</t>
  </si>
  <si>
    <t>0.03432881081484496</t>
  </si>
  <si>
    <t>4828</t>
  </si>
  <si>
    <t>26.246126174926758</t>
  </si>
  <si>
    <t>2502.667724609375</t>
  </si>
  <si>
    <t>0.03070693416656667</t>
  </si>
  <si>
    <t>26.244916915893555</t>
  </si>
  <si>
    <t>3951.366455078125</t>
  </si>
  <si>
    <t>0.151009284955121</t>
  </si>
  <si>
    <t>26.00421142578125</t>
  </si>
  <si>
    <t>2893.7421875</t>
  </si>
  <si>
    <t>0.03431108490256207</t>
  </si>
  <si>
    <t>5973</t>
  </si>
  <si>
    <t>26.351539611816406</t>
  </si>
  <si>
    <t>2763.498779296875</t>
  </si>
  <si>
    <t>0.027496640657201254</t>
  </si>
  <si>
    <t>6260</t>
  </si>
  <si>
    <t>26.391326904296875</t>
  </si>
  <si>
    <t>2916.42578125</t>
  </si>
  <si>
    <t>0.04693087136183749</t>
  </si>
  <si>
    <t>26.351598739624023</t>
  </si>
  <si>
    <t>2705.500244140625</t>
  </si>
  <si>
    <t>0.04299216196417888</t>
  </si>
  <si>
    <t>26.125558853149414</t>
  </si>
  <si>
    <t>2149.044189453125</t>
  </si>
  <si>
    <t>0.03281450351651927</t>
  </si>
  <si>
    <t>26.421714782714844</t>
  </si>
  <si>
    <t>3929.66015625</t>
  </si>
  <si>
    <t>0.03363496794459664</t>
  </si>
  <si>
    <t>7217</t>
  </si>
  <si>
    <t>26.181167602539062</t>
  </si>
  <si>
    <t>2806.969970703125</t>
  </si>
  <si>
    <t>0.03281753555283373</t>
  </si>
  <si>
    <t>26.0510196685791</t>
  </si>
  <si>
    <t>2691.36767578125</t>
  </si>
  <si>
    <t>0.035392287927642485</t>
  </si>
  <si>
    <t>26.075668334960938</t>
  </si>
  <si>
    <t>2391.132080078125</t>
  </si>
  <si>
    <t>0.0448529125394419</t>
  </si>
  <si>
    <t>26.346281051635742</t>
  </si>
  <si>
    <t>3582.525146484375</t>
  </si>
  <si>
    <t>-0.017284062414567813</t>
  </si>
  <si>
    <t>7898</t>
  </si>
  <si>
    <t>26.220861434936523</t>
  </si>
  <si>
    <t>3085.7021484375</t>
  </si>
  <si>
    <t>0.027209070721806228</t>
  </si>
  <si>
    <t>26.282564163208008</t>
  </si>
  <si>
    <t>3416.6123046875</t>
  </si>
  <si>
    <t>0.04323993498675982</t>
  </si>
  <si>
    <t>26.82963752746582</t>
  </si>
  <si>
    <t>1997.664794921875</t>
  </si>
  <si>
    <t>14649.6630859375</t>
  </si>
  <si>
    <t>Jawa Timur</t>
  </si>
  <si>
    <t>26.627105712890625</t>
  </si>
  <si>
    <t>1899.9869384765625</t>
  </si>
  <si>
    <t>0.04795046305367201</t>
  </si>
  <si>
    <t>26.825815200805664</t>
  </si>
  <si>
    <t>2557.16650390625</t>
  </si>
  <si>
    <t>0.04597001103765663</t>
  </si>
  <si>
    <t>26.86016273498535</t>
  </si>
  <si>
    <t>1842.4229736328125</t>
  </si>
  <si>
    <t>0.04619903986580631</t>
  </si>
  <si>
    <t>5177</t>
  </si>
  <si>
    <t>26.81031036376953</t>
  </si>
  <si>
    <t>1772.1671142578125</t>
  </si>
  <si>
    <t>0.056011461937291784</t>
  </si>
  <si>
    <t>5512</t>
  </si>
  <si>
    <t>26.869504928588867</t>
  </si>
  <si>
    <t>2271.377197265625</t>
  </si>
  <si>
    <t>0.06270179579159318</t>
  </si>
  <si>
    <t>5843</t>
  </si>
  <si>
    <t>27.05745506286621</t>
  </si>
  <si>
    <t>1990.958251953125</t>
  </si>
  <si>
    <t>0.05831682986094222</t>
  </si>
  <si>
    <t>26.91486358642578</t>
  </si>
  <si>
    <t>1343.2352294921875</t>
  </si>
  <si>
    <t>0.029178223075238208</t>
  </si>
  <si>
    <t>27.108705520629883</t>
  </si>
  <si>
    <t>2870.828857421875</t>
  </si>
  <si>
    <t>-0.15698047780383995</t>
  </si>
  <si>
    <t>26.735143661499023</t>
  </si>
  <si>
    <t>2396.89501953125</t>
  </si>
  <si>
    <t>-0.007809489124078084</t>
  </si>
  <si>
    <t>5273</t>
  </si>
  <si>
    <t>26.81127166748047</t>
  </si>
  <si>
    <t>2803.876953125</t>
  </si>
  <si>
    <t>0.03296684082871337</t>
  </si>
  <si>
    <t>5373</t>
  </si>
  <si>
    <t>26.72199058532715</t>
  </si>
  <si>
    <t>1974.7393798828125</t>
  </si>
  <si>
    <t>0.01878695119835072</t>
  </si>
  <si>
    <t>26.557235717773438</t>
  </si>
  <si>
    <t>1898.440673828125</t>
  </si>
  <si>
    <t>0.02771582380036186</t>
  </si>
  <si>
    <t>26.535879135131836</t>
  </si>
  <si>
    <t>2062.933837890625</t>
  </si>
  <si>
    <t>0.030661938562628777</t>
  </si>
  <si>
    <t>26.68560218811035</t>
  </si>
  <si>
    <t>2114.009521484375</t>
  </si>
  <si>
    <t>0.03366158842987588</t>
  </si>
  <si>
    <t>26.842147827148438</t>
  </si>
  <si>
    <t>2152.85986328125</t>
  </si>
  <si>
    <t>0.04025826410429545</t>
  </si>
  <si>
    <t>6424</t>
  </si>
  <si>
    <t>26.61359977722168</t>
  </si>
  <si>
    <t>1789.0712890625</t>
  </si>
  <si>
    <t>0.04635695000061446</t>
  </si>
  <si>
    <t>6824</t>
  </si>
  <si>
    <t>26.928991317749023</t>
  </si>
  <si>
    <t>2188.905029296875</t>
  </si>
  <si>
    <t>0.06040483354491677</t>
  </si>
  <si>
    <t>2124.16455078125</t>
  </si>
  <si>
    <t>0.021312876314883766</t>
  </si>
  <si>
    <t>27.11798095703125</t>
  </si>
  <si>
    <t>1817.7567138671875</t>
  </si>
  <si>
    <t>0.05171638662438305</t>
  </si>
  <si>
    <t>27.117502212524414</t>
  </si>
  <si>
    <t>3088.02783203125</t>
  </si>
  <si>
    <t>0.04852417307532164</t>
  </si>
  <si>
    <t>8135</t>
  </si>
  <si>
    <t>26.843156814575195</t>
  </si>
  <si>
    <t>2175.4853515625</t>
  </si>
  <si>
    <t>0.05417649446703443</t>
  </si>
  <si>
    <t>8553</t>
  </si>
  <si>
    <t>27.052663803100586</t>
  </si>
  <si>
    <t>2024.861328125</t>
  </si>
  <si>
    <t>0.050106357927644396</t>
  </si>
  <si>
    <t>9041</t>
  </si>
  <si>
    <t>27.069305419921875</t>
  </si>
  <si>
    <t>2276.15087890625</t>
  </si>
  <si>
    <t>0.05548768915658542</t>
  </si>
  <si>
    <t>27.118947982788086</t>
  </si>
  <si>
    <t>1940.2261962890625</t>
  </si>
  <si>
    <t>0.0448796729085128</t>
  </si>
  <si>
    <t>27.002710342407227</t>
  </si>
  <si>
    <t>1588.9261474609375</t>
  </si>
  <si>
    <t>0.03838247308271292</t>
  </si>
  <si>
    <t>10363</t>
  </si>
  <si>
    <t>27.227523803710938</t>
  </si>
  <si>
    <t>3103.759521484375</t>
  </si>
  <si>
    <t>0.053209836455623716</t>
  </si>
  <si>
    <t>27.008453369140625</t>
  </si>
  <si>
    <t>2355.508056640625</t>
  </si>
  <si>
    <t>0.03833700270029183</t>
  </si>
  <si>
    <t>11218</t>
  </si>
  <si>
    <t>26.997520446777344</t>
  </si>
  <si>
    <t>1980.47314453125</t>
  </si>
  <si>
    <t>0.0409408581837738</t>
  </si>
  <si>
    <t>27.021133422851562</t>
  </si>
  <si>
    <t>1584.33544921875</t>
  </si>
  <si>
    <t>0.0435211475998738</t>
  </si>
  <si>
    <t>27.199487686157227</t>
  </si>
  <si>
    <t>2447.421142578125</t>
  </si>
  <si>
    <t>-0.0272520000766292</t>
  </si>
  <si>
    <t>11716</t>
  </si>
  <si>
    <t>27.06543731689453</t>
  </si>
  <si>
    <t>2397.46337890625</t>
  </si>
  <si>
    <t>0.02716665035609722</t>
  </si>
  <si>
    <t>27.07878875732422</t>
  </si>
  <si>
    <t>2557.964111328125</t>
  </si>
  <si>
    <t>0.04326353185488685</t>
  </si>
  <si>
    <t>3221</t>
  </si>
  <si>
    <t>27.063997268676758</t>
  </si>
  <si>
    <t>3018.80615234375</t>
  </si>
  <si>
    <t>1370.1873779296875</t>
  </si>
  <si>
    <t>Kalimantan Barat</t>
  </si>
  <si>
    <t>27.006240844726562</t>
  </si>
  <si>
    <t>2760.585205078125</t>
  </si>
  <si>
    <t>0.04818383914586555</t>
  </si>
  <si>
    <t>26.904420852661133</t>
  </si>
  <si>
    <t>3317.62939453125</t>
  </si>
  <si>
    <t>0.045685886242665674</t>
  </si>
  <si>
    <t>26.93219566345215</t>
  </si>
  <si>
    <t>3377.61767578125</t>
  </si>
  <si>
    <t>0.04639153212557545</t>
  </si>
  <si>
    <t>27.00489616394043</t>
  </si>
  <si>
    <t>3380.24755859375</t>
  </si>
  <si>
    <t>0.05613852593920221</t>
  </si>
  <si>
    <t>26.979963302612305</t>
  </si>
  <si>
    <t>3390.985107421875</t>
  </si>
  <si>
    <t>0.06254354780704396</t>
  </si>
  <si>
    <t>27.03118324279785</t>
  </si>
  <si>
    <t>2941.813720703125</t>
  </si>
  <si>
    <t>0.05840906261061818</t>
  </si>
  <si>
    <t>4555</t>
  </si>
  <si>
    <t>27.41847038269043</t>
  </si>
  <si>
    <t>2703.157470703125</t>
  </si>
  <si>
    <t>0.02918126649188757</t>
  </si>
  <si>
    <t>3893</t>
  </si>
  <si>
    <t>27.514549255371094</t>
  </si>
  <si>
    <t>3179.881103515625</t>
  </si>
  <si>
    <t>-0.1570454620836017</t>
  </si>
  <si>
    <t>3863</t>
  </si>
  <si>
    <t>27.021684646606445</t>
  </si>
  <si>
    <t>3356.567138671875</t>
  </si>
  <si>
    <t>-0.00773598494417449</t>
  </si>
  <si>
    <t>27.179534912109375</t>
  </si>
  <si>
    <t>3261.1064453125</t>
  </si>
  <si>
    <t>0.03284827476507246</t>
  </si>
  <si>
    <t>4068</t>
  </si>
  <si>
    <t>27.2669677734375</t>
  </si>
  <si>
    <t>3209.128662109375</t>
  </si>
  <si>
    <t>0.018859119737095753</t>
  </si>
  <si>
    <t>4182</t>
  </si>
  <si>
    <t>27.435094833374023</t>
  </si>
  <si>
    <t>3000.957763671875</t>
  </si>
  <si>
    <t>0.027638122820128785</t>
  </si>
  <si>
    <t>27.192079544067383</t>
  </si>
  <si>
    <t>3569.13623046875</t>
  </si>
  <si>
    <t>0.03061223260025514</t>
  </si>
  <si>
    <t>4460</t>
  </si>
  <si>
    <t>27.14320945739746</t>
  </si>
  <si>
    <t>3302.451171875</t>
  </si>
  <si>
    <t>0.03374693242527549</t>
  </si>
  <si>
    <t>27.22746467590332</t>
  </si>
  <si>
    <t>2936.542236328125</t>
  </si>
  <si>
    <t>0.0404272978036726</t>
  </si>
  <si>
    <t>27.162973403930664</t>
  </si>
  <si>
    <t>2971.011962890625</t>
  </si>
  <si>
    <t>-0.013004084423206663</t>
  </si>
  <si>
    <t>27.1245174407959</t>
  </si>
  <si>
    <t>3492.43115234375</t>
  </si>
  <si>
    <t>0.06462032407434215</t>
  </si>
  <si>
    <t>26.86259651184082</t>
  </si>
  <si>
    <t>3823.656494140625</t>
  </si>
  <si>
    <t>-0.01649521936911036</t>
  </si>
  <si>
    <t>5002</t>
  </si>
  <si>
    <t>27.327171325683594</t>
  </si>
  <si>
    <t>3406.477783203125</t>
  </si>
  <si>
    <t>0.039140748337757714</t>
  </si>
  <si>
    <t>27.31166648864746</t>
  </si>
  <si>
    <t>3580.89453125</t>
  </si>
  <si>
    <t>5884</t>
  </si>
  <si>
    <t>27.16605567932129</t>
  </si>
  <si>
    <t>3187.634765625</t>
  </si>
  <si>
    <t>0.031946081886328415</t>
  </si>
  <si>
    <t>27.32172966003418</t>
  </si>
  <si>
    <t>3393.578125</t>
  </si>
  <si>
    <t>0.04209922066776883</t>
  </si>
  <si>
    <t>27.308671951293945</t>
  </si>
  <si>
    <t>3394.469970703125</t>
  </si>
  <si>
    <t>0.04164941812036638</t>
  </si>
  <si>
    <t>27.29534339904785</t>
  </si>
  <si>
    <t>3042.51806640625</t>
  </si>
  <si>
    <t>0.040584392053073515</t>
  </si>
  <si>
    <t>6891</t>
  </si>
  <si>
    <t>27.63956642150879</t>
  </si>
  <si>
    <t>3082.426513671875</t>
  </si>
  <si>
    <t>0.03364637879467125</t>
  </si>
  <si>
    <t>27.710012435913086</t>
  </si>
  <si>
    <t>3948.197265625</t>
  </si>
  <si>
    <t>0.049128712766478344</t>
  </si>
  <si>
    <t>7577</t>
  </si>
  <si>
    <t>27.347444534301758</t>
  </si>
  <si>
    <t>3561.174560546875</t>
  </si>
  <si>
    <t>0.045772417807686594</t>
  </si>
  <si>
    <t>7888</t>
  </si>
  <si>
    <t>27.48438262939453</t>
  </si>
  <si>
    <t>3332.021728515625</t>
  </si>
  <si>
    <t>0.040225274351097795</t>
  </si>
  <si>
    <t>27.721097946166992</t>
  </si>
  <si>
    <t>2867.8427734375</t>
  </si>
  <si>
    <t>0.0566793719146208</t>
  </si>
  <si>
    <t>27.49021339416504</t>
  </si>
  <si>
    <t>3668.160400390625</t>
  </si>
  <si>
    <t>-0.005284662791423145</t>
  </si>
  <si>
    <t>8534</t>
  </si>
  <si>
    <t>27.34543800354004</t>
  </si>
  <si>
    <t>3361.860595703125</t>
  </si>
  <si>
    <t>0.02732085834227682</t>
  </si>
  <si>
    <t>8911</t>
  </si>
  <si>
    <t>27.189321517944336</t>
  </si>
  <si>
    <t>3486.924072265625</t>
  </si>
  <si>
    <t>0.0432282838647744</t>
  </si>
  <si>
    <t>1450</t>
  </si>
  <si>
    <t>25.908212661743164</t>
  </si>
  <si>
    <t>1976.8106689453125</t>
  </si>
  <si>
    <t>983.97314453125</t>
  </si>
  <si>
    <t>Kalimantan Selatan</t>
  </si>
  <si>
    <t>3892</t>
  </si>
  <si>
    <t>25.778757095336914</t>
  </si>
  <si>
    <t>1805.7086181640625</t>
  </si>
  <si>
    <t>0.048160865816305076</t>
  </si>
  <si>
    <t>25.79656219482422</t>
  </si>
  <si>
    <t>2621.21630859375</t>
  </si>
  <si>
    <t>0.045702153480855046</t>
  </si>
  <si>
    <t>25.77577781677246</t>
  </si>
  <si>
    <t>2217.103515625</t>
  </si>
  <si>
    <t>0.04628568640124975</t>
  </si>
  <si>
    <t>4513</t>
  </si>
  <si>
    <t>25.812082290649414</t>
  </si>
  <si>
    <t>2301.0849609375</t>
  </si>
  <si>
    <t>0.05605111663900075</t>
  </si>
  <si>
    <t>4805</t>
  </si>
  <si>
    <t>25.82984161376953</t>
  </si>
  <si>
    <t>2542.010009765625</t>
  </si>
  <si>
    <t>0.06269492157739087</t>
  </si>
  <si>
    <t>25.941802978515625</t>
  </si>
  <si>
    <t>2814.664794921875</t>
  </si>
  <si>
    <t>0.05840633413501095</t>
  </si>
  <si>
    <t>26.005142211914062</t>
  </si>
  <si>
    <t>1774.760498046875</t>
  </si>
  <si>
    <t>0.02921186529099451</t>
  </si>
  <si>
    <t>26.156850814819336</t>
  </si>
  <si>
    <t>2869.676025390625</t>
  </si>
  <si>
    <t>-0.15720586646952484</t>
  </si>
  <si>
    <t>4448</t>
  </si>
  <si>
    <t>25.836626052856445</t>
  </si>
  <si>
    <t>2384.515869140625</t>
  </si>
  <si>
    <t>-0.0076148184304543065</t>
  </si>
  <si>
    <t>25.9090518951416</t>
  </si>
  <si>
    <t>2784.3759765625</t>
  </si>
  <si>
    <t>0.03294935987580949</t>
  </si>
  <si>
    <t>4684</t>
  </si>
  <si>
    <t>2101.58154296875</t>
  </si>
  <si>
    <t>0.018748528911379125</t>
  </si>
  <si>
    <t>4815</t>
  </si>
  <si>
    <t>25.89995765686035</t>
  </si>
  <si>
    <t>2425.897216796875</t>
  </si>
  <si>
    <t>0.027583599514619195</t>
  </si>
  <si>
    <t>25.786697387695312</t>
  </si>
  <si>
    <t>2736.6259765625</t>
  </si>
  <si>
    <t>0.030677252247047093</t>
  </si>
  <si>
    <t>25.809951782226562</t>
  </si>
  <si>
    <t>2177.970703125</t>
  </si>
  <si>
    <t>0.03386126889052399</t>
  </si>
  <si>
    <t>25.900733947753906</t>
  </si>
  <si>
    <t>2190.7216796875</t>
  </si>
  <si>
    <t>0.040261089578933706</t>
  </si>
  <si>
    <t>25.820192337036133</t>
  </si>
  <si>
    <t>2252.930908203125</t>
  </si>
  <si>
    <t>-0.03521155467017145</t>
  </si>
  <si>
    <t>5426</t>
  </si>
  <si>
    <t>25.8990421295166</t>
  </si>
  <si>
    <t>2464.052734375</t>
  </si>
  <si>
    <t>0.049878112940318076</t>
  </si>
  <si>
    <t>5528</t>
  </si>
  <si>
    <t>25.780899047851562</t>
  </si>
  <si>
    <t>2947.2978515625</t>
  </si>
  <si>
    <t>0.018623872228628713</t>
  </si>
  <si>
    <t>26.039703369140625</t>
  </si>
  <si>
    <t>1978.7740478515625</t>
  </si>
  <si>
    <t>0.06036920484684494</t>
  </si>
  <si>
    <t>25.995389938354492</t>
  </si>
  <si>
    <t>3004.772216796875</t>
  </si>
  <si>
    <t>0.15112938227048467</t>
  </si>
  <si>
    <t>25.925214767456055</t>
  </si>
  <si>
    <t>2633.723388671875</t>
  </si>
  <si>
    <t>0.06077963520817953</t>
  </si>
  <si>
    <t>7397</t>
  </si>
  <si>
    <t>26.080907821655273</t>
  </si>
  <si>
    <t>2436.839111328125</t>
  </si>
  <si>
    <t>0.018970203814852482</t>
  </si>
  <si>
    <t>26.069944381713867</t>
  </si>
  <si>
    <t>2552.8623046875</t>
  </si>
  <si>
    <t>0.018749712255601736</t>
  </si>
  <si>
    <t>7718</t>
  </si>
  <si>
    <t>26.073654174804688</t>
  </si>
  <si>
    <t>2294.216064453125</t>
  </si>
  <si>
    <t>0.023731038254094727</t>
  </si>
  <si>
    <t>26.1816463470459</t>
  </si>
  <si>
    <t>1959.2410888671875</t>
  </si>
  <si>
    <t>0.0025879931628942643</t>
  </si>
  <si>
    <t>7865</t>
  </si>
  <si>
    <t>26.298561096191406</t>
  </si>
  <si>
    <t>2803.291748046875</t>
  </si>
  <si>
    <t>0.016279280231920268</t>
  </si>
  <si>
    <t>26.052337646484375</t>
  </si>
  <si>
    <t>2708.28466796875</t>
  </si>
  <si>
    <t>0.034613313570545756</t>
  </si>
  <si>
    <t>8354</t>
  </si>
  <si>
    <t>26.027719497680664</t>
  </si>
  <si>
    <t>2879.9765625</t>
  </si>
  <si>
    <t>0.02570461599419538</t>
  </si>
  <si>
    <t>8502</t>
  </si>
  <si>
    <t>26.10015869140625</t>
  </si>
  <si>
    <t>1967.532470703125</t>
  </si>
  <si>
    <t>0.017560963861615875</t>
  </si>
  <si>
    <t>26.129243850708008</t>
  </si>
  <si>
    <t>2966.591552734375</t>
  </si>
  <si>
    <t>-0.022721491365709667</t>
  </si>
  <si>
    <t>26.042007446289062</t>
  </si>
  <si>
    <t>2581.589111328125</t>
  </si>
  <si>
    <t>8918</t>
  </si>
  <si>
    <t>25.9761905670166</t>
  </si>
  <si>
    <t>2850.0263671875</t>
  </si>
  <si>
    <t>0.0431936092412748</t>
  </si>
  <si>
    <t>1451</t>
  </si>
  <si>
    <t>26.613908767700195</t>
  </si>
  <si>
    <t>2342.5732421875</t>
  </si>
  <si>
    <t>641.132568359375</t>
  </si>
  <si>
    <t>Kalimantan Tengah</t>
  </si>
  <si>
    <t>26.515714645385742</t>
  </si>
  <si>
    <t>2328.8203125</t>
  </si>
  <si>
    <t>0.04808963874673822</t>
  </si>
  <si>
    <t>4481</t>
  </si>
  <si>
    <t>26.483375549316406</t>
  </si>
  <si>
    <t>3020.021728515625</t>
  </si>
  <si>
    <t>0.04565960864119667</t>
  </si>
  <si>
    <t>26.498720169067383</t>
  </si>
  <si>
    <t>2669.9072265625</t>
  </si>
  <si>
    <t>0.04622580100827456</t>
  </si>
  <si>
    <t>26.5485782623291</t>
  </si>
  <si>
    <t>2625.1552734375</t>
  </si>
  <si>
    <t>0.056139830530080204</t>
  </si>
  <si>
    <t>5285</t>
  </si>
  <si>
    <t>26.518842697143555</t>
  </si>
  <si>
    <t>2828.44970703125</t>
  </si>
  <si>
    <t>0.06266075197984122</t>
  </si>
  <si>
    <t>5603</t>
  </si>
  <si>
    <t>26.60572624206543</t>
  </si>
  <si>
    <t>2887.039794921875</t>
  </si>
  <si>
    <t>0.058429549260946345</t>
  </si>
  <si>
    <t>26.79950714111328</t>
  </si>
  <si>
    <t>2203.807861328125</t>
  </si>
  <si>
    <t>0.02919658669160441</t>
  </si>
  <si>
    <t>26.98759651184082</t>
  </si>
  <si>
    <t>2980.677734375</t>
  </si>
  <si>
    <t>-0.15715976722015235</t>
  </si>
  <si>
    <t>26.572542190551758</t>
  </si>
  <si>
    <t>2663.667236328125</t>
  </si>
  <si>
    <t>-0.007737770229674368</t>
  </si>
  <si>
    <t>26.671213150024414</t>
  </si>
  <si>
    <t>2942.762451171875</t>
  </si>
  <si>
    <t>0.03297443901963071</t>
  </si>
  <si>
    <t>26.712417602539062</t>
  </si>
  <si>
    <t>2689.6953125</t>
  </si>
  <si>
    <t>5296</t>
  </si>
  <si>
    <t>26.699411392211914</t>
  </si>
  <si>
    <t>2814.1494140625</t>
  </si>
  <si>
    <t>5461</t>
  </si>
  <si>
    <t>26.55155372619629</t>
  </si>
  <si>
    <t>3018.1728515625</t>
  </si>
  <si>
    <t>0.030680104535308672</t>
  </si>
  <si>
    <t>5649</t>
  </si>
  <si>
    <t>26.566133499145508</t>
  </si>
  <si>
    <t>2473.572509765625</t>
  </si>
  <si>
    <t>0.033846615173109385</t>
  </si>
  <si>
    <t>26.650909423828125</t>
  </si>
  <si>
    <t>2534.27099609375</t>
  </si>
  <si>
    <t>0.04024827713469392</t>
  </si>
  <si>
    <t>26.575071334838867</t>
  </si>
  <si>
    <t>2434.469482421875</t>
  </si>
  <si>
    <t>0.07278321913576491</t>
  </si>
  <si>
    <t>26.609804153442383</t>
  </si>
  <si>
    <t>2786.058349609375</t>
  </si>
  <si>
    <t>0.019104871714898053</t>
  </si>
  <si>
    <t>6629</t>
  </si>
  <si>
    <t>26.427831649780273</t>
  </si>
  <si>
    <t>3089.5322265625</t>
  </si>
  <si>
    <t>0.027839056930771378</t>
  </si>
  <si>
    <t>7115</t>
  </si>
  <si>
    <t>26.7689266204834</t>
  </si>
  <si>
    <t>2433.8466796875</t>
  </si>
  <si>
    <t>0.07075126828256195</t>
  </si>
  <si>
    <t>7448</t>
  </si>
  <si>
    <t>26.69571876525879</t>
  </si>
  <si>
    <t>3326.804443359375</t>
  </si>
  <si>
    <t>0.04574030843295063</t>
  </si>
  <si>
    <t>26.595611572265625</t>
  </si>
  <si>
    <t>2801.64501953125</t>
  </si>
  <si>
    <t>0.05739707732556809</t>
  </si>
  <si>
    <t>26.811098098754883</t>
  </si>
  <si>
    <t>2711.198974609375</t>
  </si>
  <si>
    <t>0.050189744523855495</t>
  </si>
  <si>
    <t>26.8022518157959</t>
  </si>
  <si>
    <t>2770.70458984375</t>
  </si>
  <si>
    <t>0.03739195661544947</t>
  </si>
  <si>
    <t>26.767433166503906</t>
  </si>
  <si>
    <t>2564.34375</t>
  </si>
  <si>
    <t>0.01326814964885159</t>
  </si>
  <si>
    <t>26.979955673217773</t>
  </si>
  <si>
    <t>2341.2568359375</t>
  </si>
  <si>
    <t>0.03413839086679893</t>
  </si>
  <si>
    <t>27.109689712524414</t>
  </si>
  <si>
    <t>3027.406494140625</t>
  </si>
  <si>
    <t>0.0639291197170877</t>
  </si>
  <si>
    <t>26.799964904785156</t>
  </si>
  <si>
    <t>2916.81298828125</t>
  </si>
  <si>
    <t>0.06486966954378026</t>
  </si>
  <si>
    <t>26.8395938873291</t>
  </si>
  <si>
    <t>2917.312255859375</t>
  </si>
  <si>
    <t>0.04540394409047188</t>
  </si>
  <si>
    <t>11243</t>
  </si>
  <si>
    <t>26.95081901550293</t>
  </si>
  <si>
    <t>2364.072998046875</t>
  </si>
  <si>
    <t>0.04521212046099343</t>
  </si>
  <si>
    <t>11223</t>
  </si>
  <si>
    <t>26.889318466186523</t>
  </si>
  <si>
    <t>3181.389404296875</t>
  </si>
  <si>
    <t>-0.0017804687335036817</t>
  </si>
  <si>
    <t>26.792295455932617</t>
  </si>
  <si>
    <t>2857.097412109375</t>
  </si>
  <si>
    <t>0.02716053574203592</t>
  </si>
  <si>
    <t>26.6661319732666</t>
  </si>
  <si>
    <t>3080.208984375</t>
  </si>
  <si>
    <t>0.043274759266100915</t>
  </si>
  <si>
    <t>1452</t>
  </si>
  <si>
    <t>24084</t>
  </si>
  <si>
    <t>25.870786666870117</t>
  </si>
  <si>
    <t>2449.4091796875</t>
  </si>
  <si>
    <t>98.31795501708984</t>
  </si>
  <si>
    <t>Kalimantan Timur North</t>
  </si>
  <si>
    <t>25271</t>
  </si>
  <si>
    <t>25.847612380981445</t>
  </si>
  <si>
    <t>2587.580322265625</t>
  </si>
  <si>
    <t>0.048109773630676145</t>
  </si>
  <si>
    <t>26455</t>
  </si>
  <si>
    <t>25.746917724609375</t>
  </si>
  <si>
    <t>2412.975341796875</t>
  </si>
  <si>
    <t>0.04578768312321735</t>
  </si>
  <si>
    <t>27706</t>
  </si>
  <si>
    <t>25.710588455200195</t>
  </si>
  <si>
    <t>2701.17626953125</t>
  </si>
  <si>
    <t>0.04620381987959199</t>
  </si>
  <si>
    <t>25.779062271118164</t>
  </si>
  <si>
    <t>2790.865478515625</t>
  </si>
  <si>
    <t>0.056143276980145984</t>
  </si>
  <si>
    <t>31199</t>
  </si>
  <si>
    <t>25.70751190185547</t>
  </si>
  <si>
    <t>3082.39794921875</t>
  </si>
  <si>
    <t>0.06259376980389852</t>
  </si>
  <si>
    <t>33075</t>
  </si>
  <si>
    <t>25.71097755432129</t>
  </si>
  <si>
    <t>2881.924072265625</t>
  </si>
  <si>
    <t>0.05839166698128828</t>
  </si>
  <si>
    <t>26.084592819213867</t>
  </si>
  <si>
    <t>2404.907958984375</t>
  </si>
  <si>
    <t>29106</t>
  </si>
  <si>
    <t>26.243539810180664</t>
  </si>
  <si>
    <t>2764.216552734375</t>
  </si>
  <si>
    <t>-0.15703252620214592</t>
  </si>
  <si>
    <t>28881</t>
  </si>
  <si>
    <t>25.847061157226562</t>
  </si>
  <si>
    <t>3227.4560546875</t>
  </si>
  <si>
    <t>-0.007760399027196385</t>
  </si>
  <si>
    <t>29847</t>
  </si>
  <si>
    <t>25.923362731933594</t>
  </si>
  <si>
    <t>3314.8203125</t>
  </si>
  <si>
    <t>0.032900392811393786</t>
  </si>
  <si>
    <t>30416</t>
  </si>
  <si>
    <t>25.9997615814209</t>
  </si>
  <si>
    <t>2782.529052734375</t>
  </si>
  <si>
    <t>0.018884453470741747</t>
  </si>
  <si>
    <t>31266</t>
  </si>
  <si>
    <t>26.09309196472168</t>
  </si>
  <si>
    <t>2567.606201171875</t>
  </si>
  <si>
    <t>0.027562459409057993</t>
  </si>
  <si>
    <t>25.90660285949707</t>
  </si>
  <si>
    <t>2833.284423828125</t>
  </si>
  <si>
    <t>0.03067667248329542</t>
  </si>
  <si>
    <t>33348</t>
  </si>
  <si>
    <t>25.87213706970215</t>
  </si>
  <si>
    <t>2559.11865234375</t>
  </si>
  <si>
    <t>0.03378988290993945</t>
  </si>
  <si>
    <t>34718</t>
  </si>
  <si>
    <t>25.958845138549805</t>
  </si>
  <si>
    <t>3000.43408203125</t>
  </si>
  <si>
    <t>0.040260483897990085</t>
  </si>
  <si>
    <t>33998</t>
  </si>
  <si>
    <t>25.901077270507812</t>
  </si>
  <si>
    <t>3304.38720703125</t>
  </si>
  <si>
    <t>-0.020956585089779267</t>
  </si>
  <si>
    <t>34517</t>
  </si>
  <si>
    <t>25.81257438659668</t>
  </si>
  <si>
    <t>3092.0283203125</t>
  </si>
  <si>
    <t>0.015150256940724915</t>
  </si>
  <si>
    <t>42467</t>
  </si>
  <si>
    <t>25.538482666015625</t>
  </si>
  <si>
    <t>3770.543701171875</t>
  </si>
  <si>
    <t>0.20727534743540765</t>
  </si>
  <si>
    <t>25.96065330505371</t>
  </si>
  <si>
    <t>2850.48828125</t>
  </si>
  <si>
    <t>-0.16746090032989436</t>
  </si>
  <si>
    <t>34161</t>
  </si>
  <si>
    <t>25.84467315673828</t>
  </si>
  <si>
    <t>3231.40234375</t>
  </si>
  <si>
    <t>-0.05018176090623783</t>
  </si>
  <si>
    <t>38094</t>
  </si>
  <si>
    <t>25.862234115600586</t>
  </si>
  <si>
    <t>3613.25537109375</t>
  </si>
  <si>
    <t>0.10897214691978974</t>
  </si>
  <si>
    <t>38423</t>
  </si>
  <si>
    <t>26.024803161621094</t>
  </si>
  <si>
    <t>3235.664794921875</t>
  </si>
  <si>
    <t>0.008599449206696974</t>
  </si>
  <si>
    <t>25.962120056152344</t>
  </si>
  <si>
    <t>3255.565185546875</t>
  </si>
  <si>
    <t>-0.13541075315326623</t>
  </si>
  <si>
    <t>25.974550247192383</t>
  </si>
  <si>
    <t>2844.88671875</t>
  </si>
  <si>
    <t>-0.06538718900859486</t>
  </si>
  <si>
    <t>33167</t>
  </si>
  <si>
    <t>26.39118766784668</t>
  </si>
  <si>
    <t>2273.822265625</t>
  </si>
  <si>
    <t>0.05369710923598703</t>
  </si>
  <si>
    <t>26.526878356933594</t>
  </si>
  <si>
    <t>2671.3291015625</t>
  </si>
  <si>
    <t>-0.039451089131514294</t>
  </si>
  <si>
    <t>26.05707359313965</t>
  </si>
  <si>
    <t>3528.3896484375</t>
  </si>
  <si>
    <t>0.10092842768228394</t>
  </si>
  <si>
    <t>36017</t>
  </si>
  <si>
    <t>26.22529411315918</t>
  </si>
  <si>
    <t>3133.56005859375</t>
  </si>
  <si>
    <t>0.02095830496854667</t>
  </si>
  <si>
    <t>26.34839630126953</t>
  </si>
  <si>
    <t>2734.51318359375</t>
  </si>
  <si>
    <t>-0.006350465594501031</t>
  </si>
  <si>
    <t>26.132829666137695</t>
  </si>
  <si>
    <t>3373.237548828125</t>
  </si>
  <si>
    <t>-0.08593239955236065</t>
  </si>
  <si>
    <t>33749</t>
  </si>
  <si>
    <t>26.069337844848633</t>
  </si>
  <si>
    <t>2998.2392578125</t>
  </si>
  <si>
    <t>0.02724260318029792</t>
  </si>
  <si>
    <t>35239</t>
  </si>
  <si>
    <t>25.84242057800293</t>
  </si>
  <si>
    <t>3688.42822265625</t>
  </si>
  <si>
    <t>0.04320263657091061</t>
  </si>
  <si>
    <t>1453</t>
  </si>
  <si>
    <t>27.39827537536621</t>
  </si>
  <si>
    <t>1724.728515625</t>
  </si>
  <si>
    <t>789.7352294921875</t>
  </si>
  <si>
    <t>Kalimantan Timur South</t>
  </si>
  <si>
    <t>27.308446884155273</t>
  </si>
  <si>
    <t>1606.1441650390625</t>
  </si>
  <si>
    <t>27.325109481811523</t>
  </si>
  <si>
    <t>2006.95458984375</t>
  </si>
  <si>
    <t>27.30393409729004</t>
  </si>
  <si>
    <t>2012.53759765625</t>
  </si>
  <si>
    <t>27.339004516601562</t>
  </si>
  <si>
    <t>2190.17529296875</t>
  </si>
  <si>
    <t>27.33319664001465</t>
  </si>
  <si>
    <t>1971.8626708984375</t>
  </si>
  <si>
    <t>27.368385314941406</t>
  </si>
  <si>
    <t>2226.568359375</t>
  </si>
  <si>
    <t>27.44034767150879</t>
  </si>
  <si>
    <t>27.52992820739746</t>
  </si>
  <si>
    <t>2281.11083984375</t>
  </si>
  <si>
    <t>27.345991134643555</t>
  </si>
  <si>
    <t>1964.33447265625</t>
  </si>
  <si>
    <t>27.37312126159668</t>
  </si>
  <si>
    <t>2599.468994140625</t>
  </si>
  <si>
    <t>27.41460418701172</t>
  </si>
  <si>
    <t>2183.594482421875</t>
  </si>
  <si>
    <t>2240.14404296875</t>
  </si>
  <si>
    <t>27.299211502075195</t>
  </si>
  <si>
    <t>2490.394775390625</t>
  </si>
  <si>
    <t>27.32218360900879</t>
  </si>
  <si>
    <t>2223.755859375</t>
  </si>
  <si>
    <t>27.378881454467773</t>
  </si>
  <si>
    <t>2222.307373046875</t>
  </si>
  <si>
    <t>27.308622360229492</t>
  </si>
  <si>
    <t>2409.947509765625</t>
  </si>
  <si>
    <t>27.37317657470703</t>
  </si>
  <si>
    <t>2311.711181640625</t>
  </si>
  <si>
    <t>27.32430076599121</t>
  </si>
  <si>
    <t>2837.977783203125</t>
  </si>
  <si>
    <t>27.447446823120117</t>
  </si>
  <si>
    <t>2116.234375</t>
  </si>
  <si>
    <t>27.407617568969727</t>
  </si>
  <si>
    <t>2570.688232421875</t>
  </si>
  <si>
    <t>27.453310012817383</t>
  </si>
  <si>
    <t>2586.01953125</t>
  </si>
  <si>
    <t>27.513547897338867</t>
  </si>
  <si>
    <t>2433.040283203125</t>
  </si>
  <si>
    <t>27.475454330444336</t>
  </si>
  <si>
    <t>2500.390869140625</t>
  </si>
  <si>
    <t>27.558446884155273</t>
  </si>
  <si>
    <t>2289.557861328125</t>
  </si>
  <si>
    <t>27.619482040405273</t>
  </si>
  <si>
    <t>1983.4364013671875</t>
  </si>
  <si>
    <t>27.673871994018555</t>
  </si>
  <si>
    <t>2342.1494140625</t>
  </si>
  <si>
    <t>27.48897361755371</t>
  </si>
  <si>
    <t>2679.259033203125</t>
  </si>
  <si>
    <t>27.484975814819336</t>
  </si>
  <si>
    <t>2495.014404296875</t>
  </si>
  <si>
    <t>27.519376754760742</t>
  </si>
  <si>
    <t>2016.1839599609375</t>
  </si>
  <si>
    <t>27.513315200805664</t>
  </si>
  <si>
    <t>3019.728515625</t>
  </si>
  <si>
    <t>27.49123191833496</t>
  </si>
  <si>
    <t>2480.80615234375</t>
  </si>
  <si>
    <t>27.428712844848633</t>
  </si>
  <si>
    <t>2743.261474609375</t>
  </si>
  <si>
    <t>11056</t>
  </si>
  <si>
    <t>25.886445999145508</t>
  </si>
  <si>
    <t>2050.936767578125</t>
  </si>
  <si>
    <t>744.2102661132812</t>
  </si>
  <si>
    <t>Kepulauan Riau</t>
  </si>
  <si>
    <t>25.822975158691406</t>
  </si>
  <si>
    <t>2373.044677734375</t>
  </si>
  <si>
    <t>0.04811803426795436</t>
  </si>
  <si>
    <t>25.758821487426758</t>
  </si>
  <si>
    <t>2464.35986328125</t>
  </si>
  <si>
    <t>0.04574391936000488</t>
  </si>
  <si>
    <t>12718</t>
  </si>
  <si>
    <t>25.723228454589844</t>
  </si>
  <si>
    <t>2542.158203125</t>
  </si>
  <si>
    <t>0.046183092191942166</t>
  </si>
  <si>
    <t>13453</t>
  </si>
  <si>
    <t>25.7780818939209</t>
  </si>
  <si>
    <t>2583.1875</t>
  </si>
  <si>
    <t>0.056183816658188945</t>
  </si>
  <si>
    <t>25.841020584106445</t>
  </si>
  <si>
    <t>2795.84423828125</t>
  </si>
  <si>
    <t>0.06259468708134364</t>
  </si>
  <si>
    <t>25.887956619262695</t>
  </si>
  <si>
    <t>2510.770263671875</t>
  </si>
  <si>
    <t>0.058379564315302446</t>
  </si>
  <si>
    <t>15633</t>
  </si>
  <si>
    <t>26.282020568847656</t>
  </si>
  <si>
    <t>1864.4488525390625</t>
  </si>
  <si>
    <t>0.0292076836951356</t>
  </si>
  <si>
    <t>13361</t>
  </si>
  <si>
    <t>26.3675594329834</t>
  </si>
  <si>
    <t>2299.47119140625</t>
  </si>
  <si>
    <t>-0.15704404898843016</t>
  </si>
  <si>
    <t>25.80840492248535</t>
  </si>
  <si>
    <t>2496.2587890625</t>
  </si>
  <si>
    <t>-0.0077388717875575</t>
  </si>
  <si>
    <t>13702</t>
  </si>
  <si>
    <t>25.995882034301758</t>
  </si>
  <si>
    <t>2679.823974609375</t>
  </si>
  <si>
    <t>0.03294066376150795</t>
  </si>
  <si>
    <t>13963</t>
  </si>
  <si>
    <t>26.126020431518555</t>
  </si>
  <si>
    <t>2333.950927734375</t>
  </si>
  <si>
    <t>0.018869166379349878</t>
  </si>
  <si>
    <t>14353</t>
  </si>
  <si>
    <t>26.392189025878906</t>
  </si>
  <si>
    <t>2393.327880859375</t>
  </si>
  <si>
    <t>0.027548005629185468</t>
  </si>
  <si>
    <t>26.17677116394043</t>
  </si>
  <si>
    <t>2606.18017578125</t>
  </si>
  <si>
    <t>0.030668201180827026</t>
  </si>
  <si>
    <t>15309</t>
  </si>
  <si>
    <t>26.053728103637695</t>
  </si>
  <si>
    <t>2298.684814453125</t>
  </si>
  <si>
    <t>0.03381370997987432</t>
  </si>
  <si>
    <t>26.12653923034668</t>
  </si>
  <si>
    <t>2416.80419921875</t>
  </si>
  <si>
    <t>0.04020255912755211</t>
  </si>
  <si>
    <t>25.96058464050293</t>
  </si>
  <si>
    <t>2704.747802734375</t>
  </si>
  <si>
    <t>0.09663839429243026</t>
  </si>
  <si>
    <t>19391</t>
  </si>
  <si>
    <t>25.961164474487305</t>
  </si>
  <si>
    <t>2537.2626953125</t>
  </si>
  <si>
    <t>0.09952719673055554</t>
  </si>
  <si>
    <t>22171</t>
  </si>
  <si>
    <t>25.77979278564453</t>
  </si>
  <si>
    <t>2667.82666015625</t>
  </si>
  <si>
    <t>0.13397608770959124</t>
  </si>
  <si>
    <t>26.130258560180664</t>
  </si>
  <si>
    <t>2390.7021484375</t>
  </si>
  <si>
    <t>0.008488519676825845</t>
  </si>
  <si>
    <t>20345</t>
  </si>
  <si>
    <t>26.282899856567383</t>
  </si>
  <si>
    <t>3051.564697265625</t>
  </si>
  <si>
    <t>-0.09443846683324608</t>
  </si>
  <si>
    <t>23090</t>
  </si>
  <si>
    <t>26.100908279418945</t>
  </si>
  <si>
    <t>2498.992919921875</t>
  </si>
  <si>
    <t>0.12656444191275185</t>
  </si>
  <si>
    <t>25050</t>
  </si>
  <si>
    <t>26.16365623474121</t>
  </si>
  <si>
    <t>2524.819091796875</t>
  </si>
  <si>
    <t>0.08147420416446849</t>
  </si>
  <si>
    <t>26.199621200561523</t>
  </si>
  <si>
    <t>2633.653076171875</t>
  </si>
  <si>
    <t>0.010483774839384452</t>
  </si>
  <si>
    <t>26.322044372558594</t>
  </si>
  <si>
    <t>2187.26611328125</t>
  </si>
  <si>
    <t>0.030769264492258586</t>
  </si>
  <si>
    <t>26.45859718322754</t>
  </si>
  <si>
    <t>1955.9061279296875</t>
  </si>
  <si>
    <t>-0.12069379913697098</t>
  </si>
  <si>
    <t>22941</t>
  </si>
  <si>
    <t>26.52888298034668</t>
  </si>
  <si>
    <t>2534.60400390625</t>
  </si>
  <si>
    <t>-0.008507364995347544</t>
  </si>
  <si>
    <t>22445</t>
  </si>
  <si>
    <t>26.165246963500977</t>
  </si>
  <si>
    <t>2555.346923828125</t>
  </si>
  <si>
    <t>-0.021857830496301744</t>
  </si>
  <si>
    <t>26.349416732788086</t>
  </si>
  <si>
    <t>2426.302490234375</t>
  </si>
  <si>
    <t>0.010503786159242523</t>
  </si>
  <si>
    <t>22084</t>
  </si>
  <si>
    <t>26.643417358398438</t>
  </si>
  <si>
    <t>1762.6036376953125</t>
  </si>
  <si>
    <t>-0.0267182939713404</t>
  </si>
  <si>
    <t>20765</t>
  </si>
  <si>
    <t>26.406723022460938</t>
  </si>
  <si>
    <t>2853.336669921875</t>
  </si>
  <si>
    <t>-0.06158448733908095</t>
  </si>
  <si>
    <t>21338</t>
  </si>
  <si>
    <t>26.25749397277832</t>
  </si>
  <si>
    <t>2773.712646484375</t>
  </si>
  <si>
    <t>0.027220643686552748</t>
  </si>
  <si>
    <t>22280</t>
  </si>
  <si>
    <t>26.131563186645508</t>
  </si>
  <si>
    <t>2995.966552734375</t>
  </si>
  <si>
    <t>0.0431998942898133</t>
  </si>
  <si>
    <t>26.57131004333496</t>
  </si>
  <si>
    <t>2396.680908203125</t>
  </si>
  <si>
    <t>2690.160400390625</t>
  </si>
  <si>
    <t>Lampung</t>
  </si>
  <si>
    <t>26.60752296447754</t>
  </si>
  <si>
    <t>1982.693359375</t>
  </si>
  <si>
    <t>0.04786863350618642</t>
  </si>
  <si>
    <t>26.61387062072754</t>
  </si>
  <si>
    <t>2794.700927734375</t>
  </si>
  <si>
    <t>0.04609110720026699</t>
  </si>
  <si>
    <t>26.747718811035156</t>
  </si>
  <si>
    <t>2320.939208984375</t>
  </si>
  <si>
    <t>0.04601732062053632</t>
  </si>
  <si>
    <t>26.683202743530273</t>
  </si>
  <si>
    <t>2009.0794677734375</t>
  </si>
  <si>
    <t>0.056267215989395325</t>
  </si>
  <si>
    <t>26.75179100036621</t>
  </si>
  <si>
    <t>2604.748291015625</t>
  </si>
  <si>
    <t>0.06268838184941039</t>
  </si>
  <si>
    <t>26.699188232421875</t>
  </si>
  <si>
    <t>2677.83740234375</t>
  </si>
  <si>
    <t>0.05833441960488628</t>
  </si>
  <si>
    <t>26.904436111450195</t>
  </si>
  <si>
    <t>1520.85888671875</t>
  </si>
  <si>
    <t>0.029053044062688826</t>
  </si>
  <si>
    <t>27.042173385620117</t>
  </si>
  <si>
    <t>2874.549072265625</t>
  </si>
  <si>
    <t>-0.15712465971438405</t>
  </si>
  <si>
    <t>26.630617141723633</t>
  </si>
  <si>
    <t>2464.71484375</t>
  </si>
  <si>
    <t>-0.007473876344529451</t>
  </si>
  <si>
    <t>2755</t>
  </si>
  <si>
    <t>26.80767250061035</t>
  </si>
  <si>
    <t>2176.39599609375</t>
  </si>
  <si>
    <t>0.032838220848360855</t>
  </si>
  <si>
    <t>2807</t>
  </si>
  <si>
    <t>26.653413772583008</t>
  </si>
  <si>
    <t>2621.156494140625</t>
  </si>
  <si>
    <t>0.018698854774868323</t>
  </si>
  <si>
    <t>2886</t>
  </si>
  <si>
    <t>26.767927169799805</t>
  </si>
  <si>
    <t>1989.9180908203125</t>
  </si>
  <si>
    <t>0.0277551629719337</t>
  </si>
  <si>
    <t>2976</t>
  </si>
  <si>
    <t>26.59423828125</t>
  </si>
  <si>
    <t>2290.415771484375</t>
  </si>
  <si>
    <t>0.030708656619165886</t>
  </si>
  <si>
    <t>26.786705017089844</t>
  </si>
  <si>
    <t>2137.693603515625</t>
  </si>
  <si>
    <t>0.033699918445841526</t>
  </si>
  <si>
    <t>26.7567138671875</t>
  </si>
  <si>
    <t>2562.462646484375</t>
  </si>
  <si>
    <t>0.040119993789426545</t>
  </si>
  <si>
    <t>3398</t>
  </si>
  <si>
    <t>26.5741024017334</t>
  </si>
  <si>
    <t>2123.03173828125</t>
  </si>
  <si>
    <t>0.058786994043627416</t>
  </si>
  <si>
    <t>26.91162872314453</t>
  </si>
  <si>
    <t>2482.661376953125</t>
  </si>
  <si>
    <t>0.1423942962726077</t>
  </si>
  <si>
    <t>4156</t>
  </si>
  <si>
    <t>26.61330223083496</t>
  </si>
  <si>
    <t>2299.47265625</t>
  </si>
  <si>
    <t>0.0589717537146317</t>
  </si>
  <si>
    <t>4730</t>
  </si>
  <si>
    <t>26.867395401000977</t>
  </si>
  <si>
    <t>2090.131103515625</t>
  </si>
  <si>
    <t>0.12937212926686215</t>
  </si>
  <si>
    <t>5765</t>
  </si>
  <si>
    <t>26.881147384643555</t>
  </si>
  <si>
    <t>3009.77685546875</t>
  </si>
  <si>
    <t>0.19787995121718005</t>
  </si>
  <si>
    <t>26.721460342407227</t>
  </si>
  <si>
    <t>2151.979248046875</t>
  </si>
  <si>
    <t>0.043614276338519886</t>
  </si>
  <si>
    <t>26.80103302001953</t>
  </si>
  <si>
    <t>2176.478515625</t>
  </si>
  <si>
    <t>0.0387607550524649</t>
  </si>
  <si>
    <t>26.82720184326172</t>
  </si>
  <si>
    <t>2431.583740234375</t>
  </si>
  <si>
    <t>0.03175868229029888</t>
  </si>
  <si>
    <t>6831</t>
  </si>
  <si>
    <t>26.71338653564453</t>
  </si>
  <si>
    <t>1949.2811279296875</t>
  </si>
  <si>
    <t>0.05553220834740635</t>
  </si>
  <si>
    <t>26.84502601623535</t>
  </si>
  <si>
    <t>1854.8658447265625</t>
  </si>
  <si>
    <t>0.026437075968274826</t>
  </si>
  <si>
    <t>26.95258903503418</t>
  </si>
  <si>
    <t>2712.87744140625</t>
  </si>
  <si>
    <t>0.05613612548940239</t>
  </si>
  <si>
    <t>7771</t>
  </si>
  <si>
    <t>26.90199089050293</t>
  </si>
  <si>
    <t>2530.43994140625</t>
  </si>
  <si>
    <t>0.04635457901971485</t>
  </si>
  <si>
    <t>8037</t>
  </si>
  <si>
    <t>26.998558044433594</t>
  </si>
  <si>
    <t>2390.670166015625</t>
  </si>
  <si>
    <t>0.03365702300347628</t>
  </si>
  <si>
    <t>27.187456130981445</t>
  </si>
  <si>
    <t>2066.914306640625</t>
  </si>
  <si>
    <t>0.0410757883663706</t>
  </si>
  <si>
    <t>8206</t>
  </si>
  <si>
    <t>26.753707885742188</t>
  </si>
  <si>
    <t>2670.777099609375</t>
  </si>
  <si>
    <t>-0.02026607357695731</t>
  </si>
  <si>
    <t>8432</t>
  </si>
  <si>
    <t>26.709104537963867</t>
  </si>
  <si>
    <t>2693.771728515625</t>
  </si>
  <si>
    <t>0.02716839777901292</t>
  </si>
  <si>
    <t>26.64848518371582</t>
  </si>
  <si>
    <t>2589.600341796875</t>
  </si>
  <si>
    <t>0.04328575014916325</t>
  </si>
  <si>
    <t>25.3017635345459</t>
  </si>
  <si>
    <t>1997.187255859375</t>
  </si>
  <si>
    <t>466.74798583984375</t>
  </si>
  <si>
    <t>Maluku</t>
  </si>
  <si>
    <t>25.262392044067383</t>
  </si>
  <si>
    <t>1515.940185546875</t>
  </si>
  <si>
    <t>0.04813384883818195</t>
  </si>
  <si>
    <t>25.283327102661133</t>
  </si>
  <si>
    <t>1958.333251953125</t>
  </si>
  <si>
    <t>0.045922991311985406</t>
  </si>
  <si>
    <t>25.27912712097168</t>
  </si>
  <si>
    <t>1847.4857177734375</t>
  </si>
  <si>
    <t>0.04579968425132375</t>
  </si>
  <si>
    <t>25.13258171081543</t>
  </si>
  <si>
    <t>1976.5491943359375</t>
  </si>
  <si>
    <t>0.056387484832358226</t>
  </si>
  <si>
    <t>25.197450637817383</t>
  </si>
  <si>
    <t>2483.1943359375</t>
  </si>
  <si>
    <t>0.06237587440929282</t>
  </si>
  <si>
    <t>25.180076599121094</t>
  </si>
  <si>
    <t>2512.576904296875</t>
  </si>
  <si>
    <t>0.05871251230957952</t>
  </si>
  <si>
    <t>25.10051918029785</t>
  </si>
  <si>
    <t>1898.024169921875</t>
  </si>
  <si>
    <t>0.02913837781176909</t>
  </si>
  <si>
    <t>25.376708984375</t>
  </si>
  <si>
    <t>3189.587890625</t>
  </si>
  <si>
    <t>-0.15680376880699853</t>
  </si>
  <si>
    <t>1654</t>
  </si>
  <si>
    <t>25.008255004882812</t>
  </si>
  <si>
    <t>2977.463134765625</t>
  </si>
  <si>
    <t>-0.00782900716715762</t>
  </si>
  <si>
    <t>25.01934051513672</t>
  </si>
  <si>
    <t>2972.675537109375</t>
  </si>
  <si>
    <t>0.03271180753195413</t>
  </si>
  <si>
    <t>1742</t>
  </si>
  <si>
    <t>25.247634887695312</t>
  </si>
  <si>
    <t>2523.57373046875</t>
  </si>
  <si>
    <t>0.019125474296857625</t>
  </si>
  <si>
    <t>25.325408935546875</t>
  </si>
  <si>
    <t>2364.05224609375</t>
  </si>
  <si>
    <t>0.027181741422352523</t>
  </si>
  <si>
    <t>25.402193069458008</t>
  </si>
  <si>
    <t>2389.703857421875</t>
  </si>
  <si>
    <t>0.03080551622799632</t>
  </si>
  <si>
    <t>25.268266677856445</t>
  </si>
  <si>
    <t>2401.30078125</t>
  </si>
  <si>
    <t>0.03355840866295079</t>
  </si>
  <si>
    <t>25.32036781311035</t>
  </si>
  <si>
    <t>2364.817626953125</t>
  </si>
  <si>
    <t>0.04054956349077177</t>
  </si>
  <si>
    <t>25.082901000976562</t>
  </si>
  <si>
    <t>2343.00537109375</t>
  </si>
  <si>
    <t>0.007516948449298511</t>
  </si>
  <si>
    <t>25.075050354003906</t>
  </si>
  <si>
    <t>2362.90869140625</t>
  </si>
  <si>
    <t>0.019283663058792477</t>
  </si>
  <si>
    <t>1969</t>
  </si>
  <si>
    <t>25.045089721679688</t>
  </si>
  <si>
    <t>2431.927734375</t>
  </si>
  <si>
    <t>-0.0364039200854851</t>
  </si>
  <si>
    <t>2100</t>
  </si>
  <si>
    <t>25.253692626953125</t>
  </si>
  <si>
    <t>2519.807373046875</t>
  </si>
  <si>
    <t>0.06441154507238878</t>
  </si>
  <si>
    <t>3475</t>
  </si>
  <si>
    <t>25.372268676757812</t>
  </si>
  <si>
    <t>3100.7958984375</t>
  </si>
  <si>
    <t>0.5036571342873781</t>
  </si>
  <si>
    <t>3720</t>
  </si>
  <si>
    <t>25.10729217529297</t>
  </si>
  <si>
    <t>2599.791259765625</t>
  </si>
  <si>
    <t>0.06812918926829958</t>
  </si>
  <si>
    <t>25.239547729492188</t>
  </si>
  <si>
    <t>2459.7119140625</t>
  </si>
  <si>
    <t>0.08499321283339256</t>
  </si>
  <si>
    <t>25.380319595336914</t>
  </si>
  <si>
    <t>2505.44580078125</t>
  </si>
  <si>
    <t>0.06430701286011598</t>
  </si>
  <si>
    <t>4516</t>
  </si>
  <si>
    <t>25.353683471679688</t>
  </si>
  <si>
    <t>2399.470458984375</t>
  </si>
  <si>
    <t>0.0446027523088528</t>
  </si>
  <si>
    <t>25.40389060974121</t>
  </si>
  <si>
    <t>2180.737548828125</t>
  </si>
  <si>
    <t>0.013853987387541622</t>
  </si>
  <si>
    <t>4723</t>
  </si>
  <si>
    <t>25.536476135253906</t>
  </si>
  <si>
    <t>2632.785400390625</t>
  </si>
  <si>
    <t>0.030963557239022776</t>
  </si>
  <si>
    <t>4844</t>
  </si>
  <si>
    <t>25.3705997467041</t>
  </si>
  <si>
    <t>2670.790283203125</t>
  </si>
  <si>
    <t>0.025296634776864835</t>
  </si>
  <si>
    <t>4984</t>
  </si>
  <si>
    <t>25.41716766357422</t>
  </si>
  <si>
    <t>2380.57470703125</t>
  </si>
  <si>
    <t>0.028491955794306634</t>
  </si>
  <si>
    <t>25.441373825073242</t>
  </si>
  <si>
    <t>2509.267333984375</t>
  </si>
  <si>
    <t>0.03895830065476602</t>
  </si>
  <si>
    <t>5128</t>
  </si>
  <si>
    <t>25.49753761291504</t>
  </si>
  <si>
    <t>2446.281005859375</t>
  </si>
  <si>
    <t>-0.010475362521550124</t>
  </si>
  <si>
    <t>25.47083854675293</t>
  </si>
  <si>
    <t>2471.848876953125</t>
  </si>
  <si>
    <t>0.027314642934902267</t>
  </si>
  <si>
    <t>25.399274826049805</t>
  </si>
  <si>
    <t>2428.54296875</t>
  </si>
  <si>
    <t>0.043081299949111695</t>
  </si>
  <si>
    <t>25.493711471557617</t>
  </si>
  <si>
    <t>1976.86376953125</t>
  </si>
  <si>
    <t>256.7733459472656</t>
  </si>
  <si>
    <t>Maluku Utara</t>
  </si>
  <si>
    <t>25.483488082885742</t>
  </si>
  <si>
    <t>1819.86083984375</t>
  </si>
  <si>
    <t>0.04808182342793188</t>
  </si>
  <si>
    <t>25.463315963745117</t>
  </si>
  <si>
    <t>1891.1734619140625</t>
  </si>
  <si>
    <t>0.045875633816382155</t>
  </si>
  <si>
    <t>25.469947814941406</t>
  </si>
  <si>
    <t>1988.4129638671875</t>
  </si>
  <si>
    <t>0.0462892552784977</t>
  </si>
  <si>
    <t>25.45679473876953</t>
  </si>
  <si>
    <t>1816.3463134765625</t>
  </si>
  <si>
    <t>0.05652996295065549</t>
  </si>
  <si>
    <t>25.456815719604492</t>
  </si>
  <si>
    <t>2148.401123046875</t>
  </si>
  <si>
    <t>0.06215017512527243</t>
  </si>
  <si>
    <t>25.44647979736328</t>
  </si>
  <si>
    <t>2223.41845703125</t>
  </si>
  <si>
    <t>0.058512510187677336</t>
  </si>
  <si>
    <t>25.48395347595215</t>
  </si>
  <si>
    <t>1947.0921630859375</t>
  </si>
  <si>
    <t>0.029335436913484614</t>
  </si>
  <si>
    <t>25.504640579223633</t>
  </si>
  <si>
    <t>2234.679931640625</t>
  </si>
  <si>
    <t>-0.15689205990912658</t>
  </si>
  <si>
    <t>25.470582962036133</t>
  </si>
  <si>
    <t>2232.4365234375</t>
  </si>
  <si>
    <t>-0.007716087665862403</t>
  </si>
  <si>
    <t>25.481924057006836</t>
  </si>
  <si>
    <t>2326.186767578125</t>
  </si>
  <si>
    <t>0.03276483562892629</t>
  </si>
  <si>
    <t>1359</t>
  </si>
  <si>
    <t>25.481050491333008</t>
  </si>
  <si>
    <t>2200.602294921875</t>
  </si>
  <si>
    <t>0.018567187675574637</t>
  </si>
  <si>
    <t>25.507352828979492</t>
  </si>
  <si>
    <t>2022.773193359375</t>
  </si>
  <si>
    <t>0.027577945105818458</t>
  </si>
  <si>
    <t>25.466049194335938</t>
  </si>
  <si>
    <t>2164.740478515625</t>
  </si>
  <si>
    <t>0.031010236742559982</t>
  </si>
  <si>
    <t>25.526151657104492</t>
  </si>
  <si>
    <t>2093.586669921875</t>
  </si>
  <si>
    <t>0.03343880293998325</t>
  </si>
  <si>
    <t>25.464040756225586</t>
  </si>
  <si>
    <t>2159.181884765625</t>
  </si>
  <si>
    <t>0.04076830180365931</t>
  </si>
  <si>
    <t>1545</t>
  </si>
  <si>
    <t>25.472105026245117</t>
  </si>
  <si>
    <t>2100.492431640625</t>
  </si>
  <si>
    <t>-0.004520511411318928</t>
  </si>
  <si>
    <t>25.450698852539062</t>
  </si>
  <si>
    <t>2202.284423828125</t>
  </si>
  <si>
    <t>0.010943141067786044</t>
  </si>
  <si>
    <t>25.419382095336914</t>
  </si>
  <si>
    <t>2287.12939453125</t>
  </si>
  <si>
    <t>0.06865137058719206</t>
  </si>
  <si>
    <t>25.467164993286133</t>
  </si>
  <si>
    <t>2089.371826171875</t>
  </si>
  <si>
    <t>0.1392680446019563</t>
  </si>
  <si>
    <t>25.459609985351562</t>
  </si>
  <si>
    <t>2178.025390625</t>
  </si>
  <si>
    <t>0.7747487350027722</t>
  </si>
  <si>
    <t>25.499242782592773</t>
  </si>
  <si>
    <t>2184.0888671875</t>
  </si>
  <si>
    <t>0.03993015194327043</t>
  </si>
  <si>
    <t>25.486825942993164</t>
  </si>
  <si>
    <t>2267.4580078125</t>
  </si>
  <si>
    <t>0.06571788528065525</t>
  </si>
  <si>
    <t>25.464324951171875</t>
  </si>
  <si>
    <t>2181.0771484375</t>
  </si>
  <si>
    <t>0.034957483849346715</t>
  </si>
  <si>
    <t>5029</t>
  </si>
  <si>
    <t>25.524656295776367</t>
  </si>
  <si>
    <t>2092.353515625</t>
  </si>
  <si>
    <t>0.045980434507139734</t>
  </si>
  <si>
    <t>5143</t>
  </si>
  <si>
    <t>25.5446834564209</t>
  </si>
  <si>
    <t>1963.615234375</t>
  </si>
  <si>
    <t>0.022415409602951186</t>
  </si>
  <si>
    <t>25.54694175720215</t>
  </si>
  <si>
    <t>2184.280517578125</t>
  </si>
  <si>
    <t>0.04244618521065391</t>
  </si>
  <si>
    <t>25.488344192504883</t>
  </si>
  <si>
    <t>2221.220703125</t>
  </si>
  <si>
    <t>0.05051028198713503</t>
  </si>
  <si>
    <t>25.549680709838867</t>
  </si>
  <si>
    <t>2136.9658203125</t>
  </si>
  <si>
    <t>0.07128176897858118</t>
  </si>
  <si>
    <t>6378</t>
  </si>
  <si>
    <t>25.528045654296875</t>
  </si>
  <si>
    <t>2005.2735595703125</t>
  </si>
  <si>
    <t>0.050979765618716755</t>
  </si>
  <si>
    <t>6694</t>
  </si>
  <si>
    <t>25.50705909729004</t>
  </si>
  <si>
    <t>2183.8466796875</t>
  </si>
  <si>
    <t>0.048357034201270466</t>
  </si>
  <si>
    <t>25.49870491027832</t>
  </si>
  <si>
    <t>2256.90771484375</t>
  </si>
  <si>
    <t>0.027261689754741525</t>
  </si>
  <si>
    <t>7183</t>
  </si>
  <si>
    <t>25.467329025268555</t>
  </si>
  <si>
    <t>2197.43359375</t>
  </si>
  <si>
    <t>0.04324383054878744</t>
  </si>
  <si>
    <t>25.975431442260742</t>
  </si>
  <si>
    <t>1581.3829345703125</t>
  </si>
  <si>
    <t>1262.8885498046875</t>
  </si>
  <si>
    <t>Nusa Tenggara Barat</t>
  </si>
  <si>
    <t>2495</t>
  </si>
  <si>
    <t>25.753122329711914</t>
  </si>
  <si>
    <t>1269.719970703125</t>
  </si>
  <si>
    <t>0.048028930934892244</t>
  </si>
  <si>
    <t>25.910980224609375</t>
  </si>
  <si>
    <t>1900.186279296875</t>
  </si>
  <si>
    <t>0.04582748221070254</t>
  </si>
  <si>
    <t>25.793031692504883</t>
  </si>
  <si>
    <t>1457.385986328125</t>
  </si>
  <si>
    <t>0.04638078834611914</t>
  </si>
  <si>
    <t>25.73357391357422</t>
  </si>
  <si>
    <t>1548.1998291015625</t>
  </si>
  <si>
    <t>0.05614262844898832</t>
  </si>
  <si>
    <t>25.944671630859375</t>
  </si>
  <si>
    <t>1950.9908447265625</t>
  </si>
  <si>
    <t>0.0626145914052385</t>
  </si>
  <si>
    <t>3266</t>
  </si>
  <si>
    <t>26.151262283325195</t>
  </si>
  <si>
    <t>1894.8546142578125</t>
  </si>
  <si>
    <t>0.058311774933741845</t>
  </si>
  <si>
    <t>25.902528762817383</t>
  </si>
  <si>
    <t>1240.6356201171875</t>
  </si>
  <si>
    <t>0.02926743820986033</t>
  </si>
  <si>
    <t>26.035545349121094</t>
  </si>
  <si>
    <t>2445.4267578125</t>
  </si>
  <si>
    <t>-0.15712864510129965</t>
  </si>
  <si>
    <t>25.861482620239258</t>
  </si>
  <si>
    <t>2388.39013671875</t>
  </si>
  <si>
    <t>-0.007684285104783584</t>
  </si>
  <si>
    <t>25.86979866027832</t>
  </si>
  <si>
    <t>2151.100830078125</t>
  </si>
  <si>
    <t>0.032767201203507845</t>
  </si>
  <si>
    <t>25.8463134765625</t>
  </si>
  <si>
    <t>1468.6513671875</t>
  </si>
  <si>
    <t>0.018824085245634947</t>
  </si>
  <si>
    <t>25.71834373474121</t>
  </si>
  <si>
    <t>1454.7440185546875</t>
  </si>
  <si>
    <t>25.677961349487305</t>
  </si>
  <si>
    <t>1502.4208984375</t>
  </si>
  <si>
    <t>0.03062440277993339</t>
  </si>
  <si>
    <t>3293</t>
  </si>
  <si>
    <t>25.709409713745117</t>
  </si>
  <si>
    <t>1336.9969482421875</t>
  </si>
  <si>
    <t>0.03397485509427156</t>
  </si>
  <si>
    <t>3428</t>
  </si>
  <si>
    <t>25.879722595214844</t>
  </si>
  <si>
    <t>1758.76171875</t>
  </si>
  <si>
    <t>0.04017799734130634</t>
  </si>
  <si>
    <t>3349</t>
  </si>
  <si>
    <t>25.696731567382812</t>
  </si>
  <si>
    <t>1577.34619140625</t>
  </si>
  <si>
    <t>-0.023315206923465226</t>
  </si>
  <si>
    <t>26.0400447845459</t>
  </si>
  <si>
    <t>1777.334228515625</t>
  </si>
  <si>
    <t>0.09016654152654802</t>
  </si>
  <si>
    <t>3367</t>
  </si>
  <si>
    <t>26.09657859802246</t>
  </si>
  <si>
    <t>1706.75</t>
  </si>
  <si>
    <t>-0.08480619515967902</t>
  </si>
  <si>
    <t>26.19853401184082</t>
  </si>
  <si>
    <t>1632.377685546875</t>
  </si>
  <si>
    <t>0.1594402421255765</t>
  </si>
  <si>
    <t>26.14051628112793</t>
  </si>
  <si>
    <t>2425.121337890625</t>
  </si>
  <si>
    <t>0.14078534312583812</t>
  </si>
  <si>
    <t>26.089256286621094</t>
  </si>
  <si>
    <t>2017.8428955078125</t>
  </si>
  <si>
    <t>-0.10790566900668175</t>
  </si>
  <si>
    <t>26.324068069458008</t>
  </si>
  <si>
    <t>1769.977783203125</t>
  </si>
  <si>
    <t>-0.04587845533830048</t>
  </si>
  <si>
    <t>26.243728637695312</t>
  </si>
  <si>
    <t>1638.4539794921875</t>
  </si>
  <si>
    <t>0.007666789406849617</t>
  </si>
  <si>
    <t>26.285860061645508</t>
  </si>
  <si>
    <t>1341.1409912109375</t>
  </si>
  <si>
    <t>0.03452932471393666</t>
  </si>
  <si>
    <t>26.04341697692871</t>
  </si>
  <si>
    <t>1339.9097900390625</t>
  </si>
  <si>
    <t>0.1890214756386861</t>
  </si>
  <si>
    <t>26.341081619262695</t>
  </si>
  <si>
    <t>2582.556396484375</t>
  </si>
  <si>
    <t>0.04847989423210031</t>
  </si>
  <si>
    <t>26.11472511291504</t>
  </si>
  <si>
    <t>2319.357666015625</t>
  </si>
  <si>
    <t>0.009074297231224548</t>
  </si>
  <si>
    <t>4941</t>
  </si>
  <si>
    <t>25.869176864624023</t>
  </si>
  <si>
    <t>1579.2872314453125</t>
  </si>
  <si>
    <t>-0.0516676424445528</t>
  </si>
  <si>
    <t>25.926801681518555</t>
  </si>
  <si>
    <t>1098.8802490234375</t>
  </si>
  <si>
    <t>0.032848578955679386</t>
  </si>
  <si>
    <t>5065</t>
  </si>
  <si>
    <t>26.192724227905273</t>
  </si>
  <si>
    <t>1978.0225830078125</t>
  </si>
  <si>
    <t>-0.008062181118646095</t>
  </si>
  <si>
    <t>5205</t>
  </si>
  <si>
    <t>26.106796264648438</t>
  </si>
  <si>
    <t>2517.61279296875</t>
  </si>
  <si>
    <t>0.027265564366285133</t>
  </si>
  <si>
    <t>26.189834594726562</t>
  </si>
  <si>
    <t>2100.59130859375</t>
  </si>
  <si>
    <t>0.04323981850624037</t>
  </si>
  <si>
    <t>23.73921775817871</t>
  </si>
  <si>
    <t>1677.2547607421875</t>
  </si>
  <si>
    <t>1970.8695068359375</t>
  </si>
  <si>
    <t>Nusa Tenggara Timur</t>
  </si>
  <si>
    <t>23.602706909179688</t>
  </si>
  <si>
    <t>1467.6707763671875</t>
  </si>
  <si>
    <t>0.04775053260722384</t>
  </si>
  <si>
    <t>23.79325294494629</t>
  </si>
  <si>
    <t>1602.5069580078125</t>
  </si>
  <si>
    <t>0.04557395720231572</t>
  </si>
  <si>
    <t>23.67987823486328</t>
  </si>
  <si>
    <t>1553.3006591796875</t>
  </si>
  <si>
    <t>0.04620842120368085</t>
  </si>
  <si>
    <t>23.30446434020996</t>
  </si>
  <si>
    <t>1683.0404052734375</t>
  </si>
  <si>
    <t>0.05661288985064061</t>
  </si>
  <si>
    <t>1721</t>
  </si>
  <si>
    <t>23.58286476135254</t>
  </si>
  <si>
    <t>2283.478515625</t>
  </si>
  <si>
    <t>0.062332936634432734</t>
  </si>
  <si>
    <t>1825</t>
  </si>
  <si>
    <t>23.5755558013916</t>
  </si>
  <si>
    <t>2256.88818359375</t>
  </si>
  <si>
    <t>0.05867446980505253</t>
  </si>
  <si>
    <t>23.52492332458496</t>
  </si>
  <si>
    <t>1315.2078857421875</t>
  </si>
  <si>
    <t>0.029159733396872944</t>
  </si>
  <si>
    <t>1606</t>
  </si>
  <si>
    <t>23.958913803100586</t>
  </si>
  <si>
    <t>1744.60009765625</t>
  </si>
  <si>
    <t>-0.15699310490675789</t>
  </si>
  <si>
    <t>1593</t>
  </si>
  <si>
    <t>23.39305305480957</t>
  </si>
  <si>
    <t>1960.9014892578125</t>
  </si>
  <si>
    <t>-0.008127584596658188</t>
  </si>
  <si>
    <t>23.445920944213867</t>
  </si>
  <si>
    <t>2010.1871337890625</t>
  </si>
  <si>
    <t>0.03272907132696634</t>
  </si>
  <si>
    <t>23.55659294128418</t>
  </si>
  <si>
    <t>1632.0181884765625</t>
  </si>
  <si>
    <t>0.0192545057901361</t>
  </si>
  <si>
    <t>23.64478874206543</t>
  </si>
  <si>
    <t>1683.7982177734375</t>
  </si>
  <si>
    <t>23.693344116210938</t>
  </si>
  <si>
    <t>1852.5494384765625</t>
  </si>
  <si>
    <t>0.03026208660839025</t>
  </si>
  <si>
    <t>23.555946350097656</t>
  </si>
  <si>
    <t>1689.553466796875</t>
  </si>
  <si>
    <t>0.03427643452918083</t>
  </si>
  <si>
    <t>23.658218383789062</t>
  </si>
  <si>
    <t>1665.7542724609375</t>
  </si>
  <si>
    <t>0.039952051011715284</t>
  </si>
  <si>
    <t>23.348134994506836</t>
  </si>
  <si>
    <t>1636.1734619140625</t>
  </si>
  <si>
    <t>0.012454753627905824</t>
  </si>
  <si>
    <t>23.52910804748535</t>
  </si>
  <si>
    <t>1746.8978271484375</t>
  </si>
  <si>
    <t>0.04042996307018587</t>
  </si>
  <si>
    <t>23.574384689331055</t>
  </si>
  <si>
    <t>1891.5985107421875</t>
  </si>
  <si>
    <t>-0.013463180168294286</t>
  </si>
  <si>
    <t>23.674531936645508</t>
  </si>
  <si>
    <t>1664.821044921875</t>
  </si>
  <si>
    <t>0.04467000311642799</t>
  </si>
  <si>
    <t>23.700273513793945</t>
  </si>
  <si>
    <t>2015.901123046875</t>
  </si>
  <si>
    <t>0.26939294158461724</t>
  </si>
  <si>
    <t>2789</t>
  </si>
  <si>
    <t>23.55475616455078</t>
  </si>
  <si>
    <t>2072.249267578125</t>
  </si>
  <si>
    <t>0.022481004781900182</t>
  </si>
  <si>
    <t>23.621902465820312</t>
  </si>
  <si>
    <t>1988.23828125</t>
  </si>
  <si>
    <t>0.05916826477272075</t>
  </si>
  <si>
    <t>23.716102600097656</t>
  </si>
  <si>
    <t>2060.618896484375</t>
  </si>
  <si>
    <t>0.049128059087327536</t>
  </si>
  <si>
    <t>23.785097122192383</t>
  </si>
  <si>
    <t>1664.2763671875</t>
  </si>
  <si>
    <t>0.03664339213898238</t>
  </si>
  <si>
    <t>23.763574600219727</t>
  </si>
  <si>
    <t>1675.861328125</t>
  </si>
  <si>
    <t>0.037142777920250225</t>
  </si>
  <si>
    <t>3508</t>
  </si>
  <si>
    <t>23.96784019470215</t>
  </si>
  <si>
    <t>1869.6717529296875</t>
  </si>
  <si>
    <t>0.04728047194530305</t>
  </si>
  <si>
    <t>3611</t>
  </si>
  <si>
    <t>23.720975875854492</t>
  </si>
  <si>
    <t>2010.32568359375</t>
  </si>
  <si>
    <t>0.028938667785384453</t>
  </si>
  <si>
    <t>3738</t>
  </si>
  <si>
    <t>23.620866775512695</t>
  </si>
  <si>
    <t>1391.6009521484375</t>
  </si>
  <si>
    <t>0.034565966738050236</t>
  </si>
  <si>
    <t>23.693391799926758</t>
  </si>
  <si>
    <t>1187.091552734375</t>
  </si>
  <si>
    <t>0.041656317323202074</t>
  </si>
  <si>
    <t>3826</t>
  </si>
  <si>
    <t>23.80961036682129</t>
  </si>
  <si>
    <t>1420.07470703125</t>
  </si>
  <si>
    <t>-0.018387155338510652</t>
  </si>
  <si>
    <t>23.74359130859375</t>
  </si>
  <si>
    <t>1796.6995849609375</t>
  </si>
  <si>
    <t>0.027073975421661345</t>
  </si>
  <si>
    <t>23.750120162963867</t>
  </si>
  <si>
    <t>1791.1588134765625</t>
  </si>
  <si>
    <t>0.04331189646466882</t>
  </si>
  <si>
    <t>1460</t>
  </si>
  <si>
    <t>23.819246292114258</t>
  </si>
  <si>
    <t>3060.65673828125</t>
  </si>
  <si>
    <t>448.1424560546875</t>
  </si>
  <si>
    <t>Papua</t>
  </si>
  <si>
    <t>9101</t>
  </si>
  <si>
    <t>23.747268676757812</t>
  </si>
  <si>
    <t>2823.935791015625</t>
  </si>
  <si>
    <t>0.04816954589289857</t>
  </si>
  <si>
    <t>23.6973934173584</t>
  </si>
  <si>
    <t>2890.5341796875</t>
  </si>
  <si>
    <t>0.045745575129423344</t>
  </si>
  <si>
    <t>23.66925048828125</t>
  </si>
  <si>
    <t>2699.76318359375</t>
  </si>
  <si>
    <t>0.04615257120672922</t>
  </si>
  <si>
    <t>10554</t>
  </si>
  <si>
    <t>23.693937301635742</t>
  </si>
  <si>
    <t>2801.65283203125</t>
  </si>
  <si>
    <t>0.05622249105210564</t>
  </si>
  <si>
    <t>23.72269630432129</t>
  </si>
  <si>
    <t>2926.67822265625</t>
  </si>
  <si>
    <t>0.06261797425852045</t>
  </si>
  <si>
    <t>11911</t>
  </si>
  <si>
    <t>23.74976921081543</t>
  </si>
  <si>
    <t>3136.257568359375</t>
  </si>
  <si>
    <t>0.058339433656767525</t>
  </si>
  <si>
    <t>12264</t>
  </si>
  <si>
    <t>23.668981552124023</t>
  </si>
  <si>
    <t>2956.7607421875</t>
  </si>
  <si>
    <t>0.02920579867074835</t>
  </si>
  <si>
    <t>10482</t>
  </si>
  <si>
    <t>23.821699142456055</t>
  </si>
  <si>
    <t>3189.303466796875</t>
  </si>
  <si>
    <t>-0.15700864118953817</t>
  </si>
  <si>
    <t>10401</t>
  </si>
  <si>
    <t>23.64344596862793</t>
  </si>
  <si>
    <t>3106.81884765625</t>
  </si>
  <si>
    <t>-0.007757545008978184</t>
  </si>
  <si>
    <t>23.610116958618164</t>
  </si>
  <si>
    <t>3102.97265625</t>
  </si>
  <si>
    <t>0.032910771619929946</t>
  </si>
  <si>
    <t>23.808265686035156</t>
  </si>
  <si>
    <t>3175.281494140625</t>
  </si>
  <si>
    <t>0.018891959370602507</t>
  </si>
  <si>
    <t>11260</t>
  </si>
  <si>
    <t>23.975778579711914</t>
  </si>
  <si>
    <t>2888.75341796875</t>
  </si>
  <si>
    <t>0.027551936350015183</t>
  </si>
  <si>
    <t>23.923614501953125</t>
  </si>
  <si>
    <t>3118.496826171875</t>
  </si>
  <si>
    <t>0.030610172998256857</t>
  </si>
  <si>
    <t>12009</t>
  </si>
  <si>
    <t>23.899099349975586</t>
  </si>
  <si>
    <t>2867.882080078125</t>
  </si>
  <si>
    <t>0.03378957296874496</t>
  </si>
  <si>
    <t>23.73601531982422</t>
  </si>
  <si>
    <t>3123.281494140625</t>
  </si>
  <si>
    <t>0.04031224683431667</t>
  </si>
  <si>
    <t>23.819334030151367</t>
  </si>
  <si>
    <t>2845.472412109375</t>
  </si>
  <si>
    <t>-0.05372513967826009</t>
  </si>
  <si>
    <t>23.650728225708008</t>
  </si>
  <si>
    <t>3128.80224609375</t>
  </si>
  <si>
    <t>0.08738405347911282</t>
  </si>
  <si>
    <t>12448</t>
  </si>
  <si>
    <t>23.497976303100586</t>
  </si>
  <si>
    <t>3489.314453125</t>
  </si>
  <si>
    <t>-0.038067561877680234</t>
  </si>
  <si>
    <t>23.91509437561035</t>
  </si>
  <si>
    <t>3491.94189453125</t>
  </si>
  <si>
    <t>0.15664939165515435</t>
  </si>
  <si>
    <t>11315</t>
  </si>
  <si>
    <t>24.097726821899414</t>
  </si>
  <si>
    <t>3332.11865234375</t>
  </si>
  <si>
    <t>-0.2520800800056886</t>
  </si>
  <si>
    <t>23.76775550842285</t>
  </si>
  <si>
    <t>3204.297119140625</t>
  </si>
  <si>
    <t>-0.11191210186174771</t>
  </si>
  <si>
    <t>23.812318801879883</t>
  </si>
  <si>
    <t>3262.21484375</t>
  </si>
  <si>
    <t>-0.016343163959826157</t>
  </si>
  <si>
    <t>23.807456970214844</t>
  </si>
  <si>
    <t>3060.25244140625</t>
  </si>
  <si>
    <t>0.020289109693436558</t>
  </si>
  <si>
    <t>10204</t>
  </si>
  <si>
    <t>23.924970626831055</t>
  </si>
  <si>
    <t>3011.893798828125</t>
  </si>
  <si>
    <t>0.004616677322202278</t>
  </si>
  <si>
    <t>10738</t>
  </si>
  <si>
    <t>23.88640785217285</t>
  </si>
  <si>
    <t>2814.28369140625</t>
  </si>
  <si>
    <t>0.05100905172081127</t>
  </si>
  <si>
    <t>23.792173385620117</t>
  </si>
  <si>
    <t>3051.924560546875</t>
  </si>
  <si>
    <t>0.09329321287507142</t>
  </si>
  <si>
    <t>23.810453414916992</t>
  </si>
  <si>
    <t>3171.53173828125</t>
  </si>
  <si>
    <t>0.0351732232471651</t>
  </si>
  <si>
    <t>12925</t>
  </si>
  <si>
    <t>23.880857467651367</t>
  </si>
  <si>
    <t>2675.70947265625</t>
  </si>
  <si>
    <t>0.05690813227187874</t>
  </si>
  <si>
    <t>23.960126876831055</t>
  </si>
  <si>
    <t>3146.7666015625</t>
  </si>
  <si>
    <t>-0.1395956119148316</t>
  </si>
  <si>
    <t>11632</t>
  </si>
  <si>
    <t>23.922983169555664</t>
  </si>
  <si>
    <t>2932.009033203125</t>
  </si>
  <si>
    <t>0.03419211231150321</t>
  </si>
  <si>
    <t>11953</t>
  </si>
  <si>
    <t>23.831811904907227</t>
  </si>
  <si>
    <t>3454.057861328125</t>
  </si>
  <si>
    <t>0.027222372104679593</t>
  </si>
  <si>
    <t>23.69874382019043</t>
  </si>
  <si>
    <t>3034.694580078125</t>
  </si>
  <si>
    <t>0.04322519504047406</t>
  </si>
  <si>
    <t>26.005891799926758</t>
  </si>
  <si>
    <t>2848.02734375</t>
  </si>
  <si>
    <t>265.25396728515625</t>
  </si>
  <si>
    <t>Papua Barat</t>
  </si>
  <si>
    <t>26.01823616027832</t>
  </si>
  <si>
    <t>2725.91357421875</t>
  </si>
  <si>
    <t>0.04804417383271087</t>
  </si>
  <si>
    <t>4910</t>
  </si>
  <si>
    <t>25.87334632873535</t>
  </si>
  <si>
    <t>2804.158447265625</t>
  </si>
  <si>
    <t>0.045841359348241184</t>
  </si>
  <si>
    <t>25.941505432128906</t>
  </si>
  <si>
    <t>2594.079833984375</t>
  </si>
  <si>
    <t>0.046168167037269114</t>
  </si>
  <si>
    <t>25.973543167114258</t>
  </si>
  <si>
    <t>2832.47607421875</t>
  </si>
  <si>
    <t>0.05615311159712455</t>
  </si>
  <si>
    <t>5790</t>
  </si>
  <si>
    <t>25.990190505981445</t>
  </si>
  <si>
    <t>2886.579833984375</t>
  </si>
  <si>
    <t>0.06253707114408158</t>
  </si>
  <si>
    <t>26.08418083190918</t>
  </si>
  <si>
    <t>2929.48876953125</t>
  </si>
  <si>
    <t>0.05836666461263995</t>
  </si>
  <si>
    <t>6320</t>
  </si>
  <si>
    <t>26.009851455688477</t>
  </si>
  <si>
    <t>2513.21728515625</t>
  </si>
  <si>
    <t>0.029220251961222132</t>
  </si>
  <si>
    <t>26.071334838867188</t>
  </si>
  <si>
    <t>3307.209716796875</t>
  </si>
  <si>
    <t>-0.15694995278834334</t>
  </si>
  <si>
    <t>5360</t>
  </si>
  <si>
    <t>25.941816329956055</t>
  </si>
  <si>
    <t>3260.84130859375</t>
  </si>
  <si>
    <t>-0.007805280287712435</t>
  </si>
  <si>
    <t>25.968772888183594</t>
  </si>
  <si>
    <t>3057.62353515625</t>
  </si>
  <si>
    <t>0.03285000396825666</t>
  </si>
  <si>
    <t>2932.362060546875</t>
  </si>
  <si>
    <t>0.018956218550657766</t>
  </si>
  <si>
    <t>26.267744064331055</t>
  </si>
  <si>
    <t>2755.192138671875</t>
  </si>
  <si>
    <t>0.02743248809758647</t>
  </si>
  <si>
    <t>5983</t>
  </si>
  <si>
    <t>26.147539138793945</t>
  </si>
  <si>
    <t>3062.259033203125</t>
  </si>
  <si>
    <t>0.030719428708682273</t>
  </si>
  <si>
    <t>6189</t>
  </si>
  <si>
    <t>26.197378158569336</t>
  </si>
  <si>
    <t>2732.715087890625</t>
  </si>
  <si>
    <t>0.03385140834932976</t>
  </si>
  <si>
    <t>6443</t>
  </si>
  <si>
    <t>26.040700912475586</t>
  </si>
  <si>
    <t>2920.187744140625</t>
  </si>
  <si>
    <t>0.04022074739928172</t>
  </si>
  <si>
    <t>26.12456512451172</t>
  </si>
  <si>
    <t>2899.75146484375</t>
  </si>
  <si>
    <t>0.006651737728621043</t>
  </si>
  <si>
    <t>6735</t>
  </si>
  <si>
    <t>25.960798263549805</t>
  </si>
  <si>
    <t>2906.59130859375</t>
  </si>
  <si>
    <t>0.03767180197720066</t>
  </si>
  <si>
    <t>7954</t>
  </si>
  <si>
    <t>25.825881958007812</t>
  </si>
  <si>
    <t>3201.407470703125</t>
  </si>
  <si>
    <t>0.1663571369231711</t>
  </si>
  <si>
    <t>9771</t>
  </si>
  <si>
    <t>26.212072372436523</t>
  </si>
  <si>
    <t>3012.864013671875</t>
  </si>
  <si>
    <t>0.20574386817670742</t>
  </si>
  <si>
    <t>15839</t>
  </si>
  <si>
    <t>26.391942977905273</t>
  </si>
  <si>
    <t>2708.58740234375</t>
  </si>
  <si>
    <t>0.4830564381180782</t>
  </si>
  <si>
    <t>15399</t>
  </si>
  <si>
    <t>26.057329177856445</t>
  </si>
  <si>
    <t>3343.13671875</t>
  </si>
  <si>
    <t>-0.02817268083400748</t>
  </si>
  <si>
    <t>15578</t>
  </si>
  <si>
    <t>26.121671676635742</t>
  </si>
  <si>
    <t>3341.670654296875</t>
  </si>
  <si>
    <t>0.011557090251480773</t>
  </si>
  <si>
    <t>26.123214721679688</t>
  </si>
  <si>
    <t>2953.14404296875</t>
  </si>
  <si>
    <t>0.039151579740581255</t>
  </si>
  <si>
    <t>16112</t>
  </si>
  <si>
    <t>26.23881721496582</t>
  </si>
  <si>
    <t>2840.31103515625</t>
  </si>
  <si>
    <t>-0.005446906262131179</t>
  </si>
  <si>
    <t>26.222152709960938</t>
  </si>
  <si>
    <t>2736.141845703125</t>
  </si>
  <si>
    <t>0.0039025044107567908</t>
  </si>
  <si>
    <t>16184</t>
  </si>
  <si>
    <t>26.150049209594727</t>
  </si>
  <si>
    <t>3140.818115234375</t>
  </si>
  <si>
    <t>0.0005562594784809249</t>
  </si>
  <si>
    <t>16410</t>
  </si>
  <si>
    <t>26.143640518188477</t>
  </si>
  <si>
    <t>3256.88330078125</t>
  </si>
  <si>
    <t>0.013867805236554176</t>
  </si>
  <si>
    <t>17136</t>
  </si>
  <si>
    <t>26.201889038085938</t>
  </si>
  <si>
    <t>2823.73388671875</t>
  </si>
  <si>
    <t>0.043290608603394176</t>
  </si>
  <si>
    <t>26.220979690551758</t>
  </si>
  <si>
    <t>2802.244140625</t>
  </si>
  <si>
    <t>0.014196141875949309</t>
  </si>
  <si>
    <t>16794</t>
  </si>
  <si>
    <t>26.167451858520508</t>
  </si>
  <si>
    <t>2999.748046875</t>
  </si>
  <si>
    <t>-0.0343559758199703</t>
  </si>
  <si>
    <t>17257</t>
  </si>
  <si>
    <t>26.052644729614258</t>
  </si>
  <si>
    <t>2877.526611328125</t>
  </si>
  <si>
    <t>0.02719617850407019</t>
  </si>
  <si>
    <t>18019</t>
  </si>
  <si>
    <t>25.9201602935791</t>
  </si>
  <si>
    <t>2968.01416015625</t>
  </si>
  <si>
    <t>0.04320889847923404</t>
  </si>
  <si>
    <t>1462</t>
  </si>
  <si>
    <t>12363</t>
  </si>
  <si>
    <t>27.67395782470703</t>
  </si>
  <si>
    <t>2169.847900390625</t>
  </si>
  <si>
    <t>1185.655029296875</t>
  </si>
  <si>
    <t>Riau</t>
  </si>
  <si>
    <t>12972</t>
  </si>
  <si>
    <t>27.579147338867188</t>
  </si>
  <si>
    <t>2292.7509765625</t>
  </si>
  <si>
    <t>0.04808504742028141</t>
  </si>
  <si>
    <t>13580</t>
  </si>
  <si>
    <t>27.553110122680664</t>
  </si>
  <si>
    <t>2306.775634765625</t>
  </si>
  <si>
    <t>0.04580493368547778</t>
  </si>
  <si>
    <t>14222</t>
  </si>
  <si>
    <t>27.51711082458496</t>
  </si>
  <si>
    <t>2467.578125</t>
  </si>
  <si>
    <t>0.04619193933077703</t>
  </si>
  <si>
    <t>15044</t>
  </si>
  <si>
    <t>27.556947708129883</t>
  </si>
  <si>
    <t>2365.347412109375</t>
  </si>
  <si>
    <t>0.056189179146763024</t>
  </si>
  <si>
    <t>16016</t>
  </si>
  <si>
    <t>27.622169494628906</t>
  </si>
  <si>
    <t>2752.1103515625</t>
  </si>
  <si>
    <t>0.06260898196477527</t>
  </si>
  <si>
    <t>27.67552375793457</t>
  </si>
  <si>
    <t>2609.571533203125</t>
  </si>
  <si>
    <t>0.05833016574291072</t>
  </si>
  <si>
    <t>28.094209671020508</t>
  </si>
  <si>
    <t>2076.61669921875</t>
  </si>
  <si>
    <t>0.02925339184251996</t>
  </si>
  <si>
    <t>28.223526000976562</t>
  </si>
  <si>
    <t>2478.313232421875</t>
  </si>
  <si>
    <t>-0.15706266828934723</t>
  </si>
  <si>
    <t>14825</t>
  </si>
  <si>
    <t>27.564241409301758</t>
  </si>
  <si>
    <t>2793.32763671875</t>
  </si>
  <si>
    <t>-0.007794166985158668</t>
  </si>
  <si>
    <t>15322</t>
  </si>
  <si>
    <t>27.773221969604492</t>
  </si>
  <si>
    <t>2788.750244140625</t>
  </si>
  <si>
    <t>0.032974759210839366</t>
  </si>
  <si>
    <t>27.934844970703125</t>
  </si>
  <si>
    <t>2438.21728515625</t>
  </si>
  <si>
    <t>0.01887824360347068</t>
  </si>
  <si>
    <t>16050</t>
  </si>
  <si>
    <t>28.25822639465332</t>
  </si>
  <si>
    <t>2567.19384765625</t>
  </si>
  <si>
    <t>0.02754090187792535</t>
  </si>
  <si>
    <t>16550</t>
  </si>
  <si>
    <t>28.014602661132812</t>
  </si>
  <si>
    <t>2827.563232421875</t>
  </si>
  <si>
    <t>17119</t>
  </si>
  <si>
    <t>27.86193084716797</t>
  </si>
  <si>
    <t>2373.150634765625</t>
  </si>
  <si>
    <t>0.03380285596956867</t>
  </si>
  <si>
    <t>17822</t>
  </si>
  <si>
    <t>27.946374893188477</t>
  </si>
  <si>
    <t>2506.075927734375</t>
  </si>
  <si>
    <t>0.04024469139788778</t>
  </si>
  <si>
    <t>17313</t>
  </si>
  <si>
    <t>27.72687530517578</t>
  </si>
  <si>
    <t>2719.418212890625</t>
  </si>
  <si>
    <t>-0.02897598479358976</t>
  </si>
  <si>
    <t>17371</t>
  </si>
  <si>
    <t>27.748001098632812</t>
  </si>
  <si>
    <t>2635.192626953125</t>
  </si>
  <si>
    <t>16669</t>
  </si>
  <si>
    <t>27.571195602416992</t>
  </si>
  <si>
    <t>2761.51611328125</t>
  </si>
  <si>
    <t>-0.041251442158834806</t>
  </si>
  <si>
    <t>27.920494079589844</t>
  </si>
  <si>
    <t>2665.843017578125</t>
  </si>
  <si>
    <t>0.015949870948032796</t>
  </si>
  <si>
    <t>28.153871536254883</t>
  </si>
  <si>
    <t>3045.96435546875</t>
  </si>
  <si>
    <t>0.12530552903236192</t>
  </si>
  <si>
    <t>19672</t>
  </si>
  <si>
    <t>27.914514541625977</t>
  </si>
  <si>
    <t>2463.69091796875</t>
  </si>
  <si>
    <t>0.02439019797254538</t>
  </si>
  <si>
    <t>27.96339225769043</t>
  </si>
  <si>
    <t>2588.61572265625</t>
  </si>
  <si>
    <t>0.07362493562422756</t>
  </si>
  <si>
    <t>21947</t>
  </si>
  <si>
    <t>28.007097244262695</t>
  </si>
  <si>
    <t>2652.485107421875</t>
  </si>
  <si>
    <t>0.035809215382602844</t>
  </si>
  <si>
    <t>22403</t>
  </si>
  <si>
    <t>28.138853073120117</t>
  </si>
  <si>
    <t>2244.299560546875</t>
  </si>
  <si>
    <t>0.020564422544071093</t>
  </si>
  <si>
    <t>22677</t>
  </si>
  <si>
    <t>28.25301170349121</t>
  </si>
  <si>
    <t>2288.3798828125</t>
  </si>
  <si>
    <t>0.012156316513356913</t>
  </si>
  <si>
    <t>23024</t>
  </si>
  <si>
    <t>28.3487606048584</t>
  </si>
  <si>
    <t>2631.4833984375</t>
  </si>
  <si>
    <t>0.015185955166861831</t>
  </si>
  <si>
    <t>27.95201873779297</t>
  </si>
  <si>
    <t>2710.913818359375</t>
  </si>
  <si>
    <t>-0.014745076930287482</t>
  </si>
  <si>
    <t>23174</t>
  </si>
  <si>
    <t>28.142370223999023</t>
  </si>
  <si>
    <t>2612.097412109375</t>
  </si>
  <si>
    <t>0.021238887360146563</t>
  </si>
  <si>
    <t>23705</t>
  </si>
  <si>
    <t>28.4677734375</t>
  </si>
  <si>
    <t>1992.26416015625</t>
  </si>
  <si>
    <t>0.02265503577921102</t>
  </si>
  <si>
    <t>28.22833251953125</t>
  </si>
  <si>
    <t>2684.05126953125</t>
  </si>
  <si>
    <t>-0.08350083506989137</t>
  </si>
  <si>
    <t>22408</t>
  </si>
  <si>
    <t>28.083925247192383</t>
  </si>
  <si>
    <t>2869.1611328125</t>
  </si>
  <si>
    <t>0.027232876673616957</t>
  </si>
  <si>
    <t>23397</t>
  </si>
  <si>
    <t>27.962800979614258</t>
  </si>
  <si>
    <t>2980.05615234375</t>
  </si>
  <si>
    <t>0.04318977105866395</t>
  </si>
  <si>
    <t>1463</t>
  </si>
  <si>
    <t>22.955663681030273</t>
  </si>
  <si>
    <t>2604.702392578125</t>
  </si>
  <si>
    <t>293.8125</t>
  </si>
  <si>
    <t>Sulawesi Barat</t>
  </si>
  <si>
    <t>22.868698120117188</t>
  </si>
  <si>
    <t>2542.6630859375</t>
  </si>
  <si>
    <t>22.91935157775879</t>
  </si>
  <si>
    <t>2709.783935546875</t>
  </si>
  <si>
    <t>0.04548699673452816</t>
  </si>
  <si>
    <t>1979</t>
  </si>
  <si>
    <t>22.87061882019043</t>
  </si>
  <si>
    <t>2830.63232421875</t>
  </si>
  <si>
    <t>0.04654407810105621</t>
  </si>
  <si>
    <t>2093</t>
  </si>
  <si>
    <t>22.878427505493164</t>
  </si>
  <si>
    <t>2942.202392578125</t>
  </si>
  <si>
    <t>0.056006776843434025</t>
  </si>
  <si>
    <t>22.907670974731445</t>
  </si>
  <si>
    <t>3053.222412109375</t>
  </si>
  <si>
    <t>0.06250587860117562</t>
  </si>
  <si>
    <t>2362</t>
  </si>
  <si>
    <t>23.015235900878906</t>
  </si>
  <si>
    <t>2981.26953125</t>
  </si>
  <si>
    <t>0.05840439571013256</t>
  </si>
  <si>
    <t>22.992586135864258</t>
  </si>
  <si>
    <t>2696.3857421875</t>
  </si>
  <si>
    <t>0.029205246328750434</t>
  </si>
  <si>
    <t>23.033721923828125</t>
  </si>
  <si>
    <t>2924.2880859375</t>
  </si>
  <si>
    <t>-0.1568269552280448</t>
  </si>
  <si>
    <t>2063</t>
  </si>
  <si>
    <t>22.91963005065918</t>
  </si>
  <si>
    <t>2902.578857421875</t>
  </si>
  <si>
    <t>-0.007725774786761619</t>
  </si>
  <si>
    <t>2132</t>
  </si>
  <si>
    <t>22.925668716430664</t>
  </si>
  <si>
    <t>3148.74853515625</t>
  </si>
  <si>
    <t>0.03289927221448341</t>
  </si>
  <si>
    <t>22.920021057128906</t>
  </si>
  <si>
    <t>3556.533203125</t>
  </si>
  <si>
    <t>0.018587895768090945</t>
  </si>
  <si>
    <t>22.89756202697754</t>
  </si>
  <si>
    <t>2767.594482421875</t>
  </si>
  <si>
    <t>0.027697570786331838</t>
  </si>
  <si>
    <t>2302</t>
  </si>
  <si>
    <t>22.843528747558594</t>
  </si>
  <si>
    <t>2700.802490234375</t>
  </si>
  <si>
    <t>0.0304323374416704</t>
  </si>
  <si>
    <t>22.8596134185791</t>
  </si>
  <si>
    <t>2643.71484375</t>
  </si>
  <si>
    <t>0.03416216063341704</t>
  </si>
  <si>
    <t>2479</t>
  </si>
  <si>
    <t>22.932138442993164</t>
  </si>
  <si>
    <t>2925.37939453125</t>
  </si>
  <si>
    <t>0.03991478211994526</t>
  </si>
  <si>
    <t>22.849111557006836</t>
  </si>
  <si>
    <t>2791.686767578125</t>
  </si>
  <si>
    <t>0.032152005438417675</t>
  </si>
  <si>
    <t>22.94318199157715</t>
  </si>
  <si>
    <t>2936.032470703125</t>
  </si>
  <si>
    <t>0.11081436634029007</t>
  </si>
  <si>
    <t>3357</t>
  </si>
  <si>
    <t>22.929555892944336</t>
  </si>
  <si>
    <t>3284.485595703125</t>
  </si>
  <si>
    <t>0.16022609316613678</t>
  </si>
  <si>
    <t>3601</t>
  </si>
  <si>
    <t>23.033349990844727</t>
  </si>
  <si>
    <t>2765.711669921875</t>
  </si>
  <si>
    <t>0.07016386666884067</t>
  </si>
  <si>
    <t>4296</t>
  </si>
  <si>
    <t>23.07038688659668</t>
  </si>
  <si>
    <t>3622.18212890625</t>
  </si>
  <si>
    <t>0.17647277253982452</t>
  </si>
  <si>
    <t>23.064699172973633</t>
  </si>
  <si>
    <t>3149.785888671875</t>
  </si>
  <si>
    <t>0.07141080254499954</t>
  </si>
  <si>
    <t>23.04315757751465</t>
  </si>
  <si>
    <t>2874.481201171875</t>
  </si>
  <si>
    <t>0.055640140042166664</t>
  </si>
  <si>
    <t>23.051233291625977</t>
  </si>
  <si>
    <t>3276.126708984375</t>
  </si>
  <si>
    <t>0.04332807676353667</t>
  </si>
  <si>
    <t>23.192556381225586</t>
  </si>
  <si>
    <t>2858.072998046875</t>
  </si>
  <si>
    <t>0.0853741258953189</t>
  </si>
  <si>
    <t>23.163925170898438</t>
  </si>
  <si>
    <t>2881.953125</t>
  </si>
  <si>
    <t>0.04424798644171801</t>
  </si>
  <si>
    <t>23.160287857055664</t>
  </si>
  <si>
    <t>2985.49755859375</t>
  </si>
  <si>
    <t>0.037733941165239315</t>
  </si>
  <si>
    <t>6284</t>
  </si>
  <si>
    <t>23.061920166015625</t>
  </si>
  <si>
    <t>3621.578857421875</t>
  </si>
  <si>
    <t>0.042587290333832684</t>
  </si>
  <si>
    <t>23.010520935058594</t>
  </si>
  <si>
    <t>3287.88427734375</t>
  </si>
  <si>
    <t>0.044202651756751976</t>
  </si>
  <si>
    <t>6773</t>
  </si>
  <si>
    <t>23.010475158691406</t>
  </si>
  <si>
    <t>2917.804931640625</t>
  </si>
  <si>
    <t>0.030734748082640095</t>
  </si>
  <si>
    <t>6674</t>
  </si>
  <si>
    <t>23.099206924438477</t>
  </si>
  <si>
    <t>3447.0390625</t>
  </si>
  <si>
    <t>-0.014724739903584805</t>
  </si>
  <si>
    <t>23.034019470214844</t>
  </si>
  <si>
    <t>3600.97607421875</t>
  </si>
  <si>
    <t>0.02719647371154643</t>
  </si>
  <si>
    <t>22.998062133789062</t>
  </si>
  <si>
    <t>4133.2392578125</t>
  </si>
  <si>
    <t>0.04323378198407468</t>
  </si>
  <si>
    <t>24.239957809448242</t>
  </si>
  <si>
    <t>2277.806640625</t>
  </si>
  <si>
    <t>2021.7620849609375</t>
  </si>
  <si>
    <t>Sulawesi Selatan</t>
  </si>
  <si>
    <t>24.096023559570312</t>
  </si>
  <si>
    <t>1965.3841552734375</t>
  </si>
  <si>
    <t>0.04812682612060115</t>
  </si>
  <si>
    <t>2919</t>
  </si>
  <si>
    <t>24.227188110351562</t>
  </si>
  <si>
    <t>2256.15234375</t>
  </si>
  <si>
    <t>0.04591659897370004</t>
  </si>
  <si>
    <t>24.145301818847656</t>
  </si>
  <si>
    <t>2297.61083984375</t>
  </si>
  <si>
    <t>0.046192951036720054</t>
  </si>
  <si>
    <t>3233</t>
  </si>
  <si>
    <t>24.126081466674805</t>
  </si>
  <si>
    <t>2406.79150390625</t>
  </si>
  <si>
    <t>0.05597645583459787</t>
  </si>
  <si>
    <t>24.218618392944336</t>
  </si>
  <si>
    <t>2957.254638671875</t>
  </si>
  <si>
    <t>0.06264219904605106</t>
  </si>
  <si>
    <t>24.403383255004883</t>
  </si>
  <si>
    <t>2644.783935546875</t>
  </si>
  <si>
    <t>0.058400459664964544</t>
  </si>
  <si>
    <t>24.260507583618164</t>
  </si>
  <si>
    <t>2394.09375</t>
  </si>
  <si>
    <t>0.029167609137520145</t>
  </si>
  <si>
    <t>24.300874710083008</t>
  </si>
  <si>
    <t>2549.35986328125</t>
  </si>
  <si>
    <t>-0.157038351484454</t>
  </si>
  <si>
    <t>24.18670654296875</t>
  </si>
  <si>
    <t>2715.668212890625</t>
  </si>
  <si>
    <t>-0.00781620361952129</t>
  </si>
  <si>
    <t>24.160844802856445</t>
  </si>
  <si>
    <t>2629.746826171875</t>
  </si>
  <si>
    <t>0.03303279190637021</t>
  </si>
  <si>
    <t>3356</t>
  </si>
  <si>
    <t>24.158964157104492</t>
  </si>
  <si>
    <t>3258.0517578125</t>
  </si>
  <si>
    <t>0.01895078521073401</t>
  </si>
  <si>
    <t>24.068254470825195</t>
  </si>
  <si>
    <t>2175.121337890625</t>
  </si>
  <si>
    <t>0.02762444243830764</t>
  </si>
  <si>
    <t>24.037195205688477</t>
  </si>
  <si>
    <t>2101.026123046875</t>
  </si>
  <si>
    <t>0.030543261923050125</t>
  </si>
  <si>
    <t>3679</t>
  </si>
  <si>
    <t>24.071983337402344</t>
  </si>
  <si>
    <t>1898.267822265625</t>
  </si>
  <si>
    <t>0.03372348315631868</t>
  </si>
  <si>
    <t>24.199989318847656</t>
  </si>
  <si>
    <t>2501.161865234375</t>
  </si>
  <si>
    <t>0.04022382706991756</t>
  </si>
  <si>
    <t>24.05488395690918</t>
  </si>
  <si>
    <t>2148.964599609375</t>
  </si>
  <si>
    <t>0.04142755525666253</t>
  </si>
  <si>
    <t>4220</t>
  </si>
  <si>
    <t>24.214143753051758</t>
  </si>
  <si>
    <t>2579.81103515625</t>
  </si>
  <si>
    <t>0.055542769598703856</t>
  </si>
  <si>
    <t>24.260122299194336</t>
  </si>
  <si>
    <t>2667.298583984375</t>
  </si>
  <si>
    <t>0.07176942403741648</t>
  </si>
  <si>
    <t>24.348676681518555</t>
  </si>
  <si>
    <t>2188.17041015625</t>
  </si>
  <si>
    <t>0.1050075640967627</t>
  </si>
  <si>
    <t>24.37670135498047</t>
  </si>
  <si>
    <t>3759.769775390625</t>
  </si>
  <si>
    <t>0.21180067069399122</t>
  </si>
  <si>
    <t>6667</t>
  </si>
  <si>
    <t>24.322914123535156</t>
  </si>
  <si>
    <t>2671.85302734375</t>
  </si>
  <si>
    <t>0.06875719675983127</t>
  </si>
  <si>
    <t>24.334190368652344</t>
  </si>
  <si>
    <t>2426.9228515625</t>
  </si>
  <si>
    <t>0.0827274277075265</t>
  </si>
  <si>
    <t>7792</t>
  </si>
  <si>
    <t>24.342287063598633</t>
  </si>
  <si>
    <t>2872.60791015625</t>
  </si>
  <si>
    <t>0.07320015499678512</t>
  </si>
  <si>
    <t>8400</t>
  </si>
  <si>
    <t>24.488988876342773</t>
  </si>
  <si>
    <t>2371.747802734375</t>
  </si>
  <si>
    <t>0.07513413950903391</t>
  </si>
  <si>
    <t>24.37938117980957</t>
  </si>
  <si>
    <t>2516.9990234375</t>
  </si>
  <si>
    <t>9562</t>
  </si>
  <si>
    <t>24.46657371520996</t>
  </si>
  <si>
    <t>2758.57080078125</t>
  </si>
  <si>
    <t>0.06057233286769126</t>
  </si>
  <si>
    <t>24.338205337524414</t>
  </si>
  <si>
    <t>3229.239013671875</t>
  </si>
  <si>
    <t>0.05166448672956747</t>
  </si>
  <si>
    <t>10692</t>
  </si>
  <si>
    <t>24.246994018554688</t>
  </si>
  <si>
    <t>2969.907958984375</t>
  </si>
  <si>
    <t>0.06003440134319327</t>
  </si>
  <si>
    <t>24.24402618408203</t>
  </si>
  <si>
    <t>2582.68310546875</t>
  </si>
  <si>
    <t>0.05998622790572483</t>
  </si>
  <si>
    <t>24.43718147277832</t>
  </si>
  <si>
    <t>3037.686279296875</t>
  </si>
  <si>
    <t>-0.010626151522965088</t>
  </si>
  <si>
    <t>11543</t>
  </si>
  <si>
    <t>24.345184326171875</t>
  </si>
  <si>
    <t>3508.58056640625</t>
  </si>
  <si>
    <t>0.027223317973342986</t>
  </si>
  <si>
    <t>12053</t>
  </si>
  <si>
    <t>24.335603713989258</t>
  </si>
  <si>
    <t>3908.45751953125</t>
  </si>
  <si>
    <t>0.043234398973432064</t>
  </si>
  <si>
    <t>1465</t>
  </si>
  <si>
    <t>24.00231170654297</t>
  </si>
  <si>
    <t>1593.0081787109375</t>
  </si>
  <si>
    <t>663.4456787109375</t>
  </si>
  <si>
    <t>Sulawesi Tengah</t>
  </si>
  <si>
    <t>23.958984375</t>
  </si>
  <si>
    <t>1568.6234130859375</t>
  </si>
  <si>
    <t>0.04825572631851305</t>
  </si>
  <si>
    <t>23.96510124206543</t>
  </si>
  <si>
    <t>1573.615234375</t>
  </si>
  <si>
    <t>0.045714783099491285</t>
  </si>
  <si>
    <t>3281</t>
  </si>
  <si>
    <t>23.949203491210938</t>
  </si>
  <si>
    <t>1583.449951171875</t>
  </si>
  <si>
    <t>0.046157242008909805</t>
  </si>
  <si>
    <t>3470</t>
  </si>
  <si>
    <t>23.93779945373535</t>
  </si>
  <si>
    <t>1609.7796630859375</t>
  </si>
  <si>
    <t>0.05600633997980431</t>
  </si>
  <si>
    <t>3695</t>
  </si>
  <si>
    <t>23.9443359375</t>
  </si>
  <si>
    <t>1607.6851806640625</t>
  </si>
  <si>
    <t>0.06282596044139765</t>
  </si>
  <si>
    <t>23.924158096313477</t>
  </si>
  <si>
    <t>1659.5540771484375</t>
  </si>
  <si>
    <t>0.058345500283527585</t>
  </si>
  <si>
    <t>23.98772430419922</t>
  </si>
  <si>
    <t>1489.9578857421875</t>
  </si>
  <si>
    <t>0.029184461207536927</t>
  </si>
  <si>
    <t>24.039194107055664</t>
  </si>
  <si>
    <t>1643.0260009765625</t>
  </si>
  <si>
    <t>-0.15700622835650258</t>
  </si>
  <si>
    <t>3420</t>
  </si>
  <si>
    <t>23.95066261291504</t>
  </si>
  <si>
    <t>1613.2413330078125</t>
  </si>
  <si>
    <t>-0.007863736460214099</t>
  </si>
  <si>
    <t>3535</t>
  </si>
  <si>
    <t>23.969228744506836</t>
  </si>
  <si>
    <t>1711.467041015625</t>
  </si>
  <si>
    <t>0.033072748274022956</t>
  </si>
  <si>
    <t>23.95497703552246</t>
  </si>
  <si>
    <t>1601.4361572265625</t>
  </si>
  <si>
    <t>0.01877594740522781</t>
  </si>
  <si>
    <t>3703</t>
  </si>
  <si>
    <t>23.968170166015625</t>
  </si>
  <si>
    <t>1553.9215087890625</t>
  </si>
  <si>
    <t>0.027654055177711356</t>
  </si>
  <si>
    <t>23.9278621673584</t>
  </si>
  <si>
    <t>1644.5826416015625</t>
  </si>
  <si>
    <t>0.03058342337208053</t>
  </si>
  <si>
    <t>23.974637985229492</t>
  </si>
  <si>
    <t>1510.4810791015625</t>
  </si>
  <si>
    <t>0.03373565700095682</t>
  </si>
  <si>
    <t>23.96820068359375</t>
  </si>
  <si>
    <t>1623.2835693359375</t>
  </si>
  <si>
    <t>0.04020392561122854</t>
  </si>
  <si>
    <t>23.933652877807617</t>
  </si>
  <si>
    <t>1582.9639892578125</t>
  </si>
  <si>
    <t>-0.0036554201785357066</t>
  </si>
  <si>
    <t>23.93483543395996</t>
  </si>
  <si>
    <t>1672.1304931640625</t>
  </si>
  <si>
    <t>0.10555580908682316</t>
  </si>
  <si>
    <t>23.902231216430664</t>
  </si>
  <si>
    <t>1798.11328125</t>
  </si>
  <si>
    <t>0.0716256066627512</t>
  </si>
  <si>
    <t>23.951265335083008</t>
  </si>
  <si>
    <t>1576.9332275390625</t>
  </si>
  <si>
    <t>0.06664519624400533</t>
  </si>
  <si>
    <t>5712</t>
  </si>
  <si>
    <t>23.905052185058594</t>
  </si>
  <si>
    <t>1887.354736328125</t>
  </si>
  <si>
    <t>0.08873172530649676</t>
  </si>
  <si>
    <t>6160</t>
  </si>
  <si>
    <t>24.000520706176758</t>
  </si>
  <si>
    <t>1649.480224609375</t>
  </si>
  <si>
    <t>0.07550755250814589</t>
  </si>
  <si>
    <t>6666</t>
  </si>
  <si>
    <t>23.98708152770996</t>
  </si>
  <si>
    <t>1683.0330810546875</t>
  </si>
  <si>
    <t>0.07894320234012042</t>
  </si>
  <si>
    <t>23.952787399291992</t>
  </si>
  <si>
    <t>1671.020751953125</t>
  </si>
  <si>
    <t>0.07567119184740712</t>
  </si>
  <si>
    <t>24.002256393432617</t>
  </si>
  <si>
    <t>1648.65234375</t>
  </si>
  <si>
    <t>0.05348144106753949</t>
  </si>
  <si>
    <t>8422</t>
  </si>
  <si>
    <t>24.057518005371094</t>
  </si>
  <si>
    <t>1610.156494140625</t>
  </si>
  <si>
    <t>0.10467471693924146</t>
  </si>
  <si>
    <t>8962</t>
  </si>
  <si>
    <t>24.1147518157959</t>
  </si>
  <si>
    <t>1645.2642822265625</t>
  </si>
  <si>
    <t>0.06214608662421384</t>
  </si>
  <si>
    <t>23.98987579345703</t>
  </si>
  <si>
    <t>1753.8546142578125</t>
  </si>
  <si>
    <t>0.059034953012941926</t>
  </si>
  <si>
    <t>11277</t>
  </si>
  <si>
    <t>24.0694580078125</t>
  </si>
  <si>
    <t>1778.4984130859375</t>
  </si>
  <si>
    <t>0.1707368838732588</t>
  </si>
  <si>
    <t>24.04886817932129</t>
  </si>
  <si>
    <t>1655.4156494140625</t>
  </si>
  <si>
    <t>0.07225673027894253</t>
  </si>
  <si>
    <t>12691</t>
  </si>
  <si>
    <t>24.033857345581055</t>
  </si>
  <si>
    <t>1897.4276123046875</t>
  </si>
  <si>
    <t>0.04587109729893335</t>
  </si>
  <si>
    <t>24.03246307373047</t>
  </si>
  <si>
    <t>1783.5439453125</t>
  </si>
  <si>
    <t>0.027281838142982906</t>
  </si>
  <si>
    <t>13618</t>
  </si>
  <si>
    <t>23.98418426513672</t>
  </si>
  <si>
    <t>1880.33837890625</t>
  </si>
  <si>
    <t>0.0432175280897642</t>
  </si>
  <si>
    <t>25.875295639038086</t>
  </si>
  <si>
    <t>1977.60986328125</t>
  </si>
  <si>
    <t>623.3778686523438</t>
  </si>
  <si>
    <t>Sulawesi Tenggara</t>
  </si>
  <si>
    <t>25.785398483276367</t>
  </si>
  <si>
    <t>1618.2379150390625</t>
  </si>
  <si>
    <t>0.048402642366481174</t>
  </si>
  <si>
    <t>25.8543701171875</t>
  </si>
  <si>
    <t>1807.438232421875</t>
  </si>
  <si>
    <t>0.04581504556692284</t>
  </si>
  <si>
    <t>25.801498413085938</t>
  </si>
  <si>
    <t>1726.4725341796875</t>
  </si>
  <si>
    <t>0.04616734414472745</t>
  </si>
  <si>
    <t>3141</t>
  </si>
  <si>
    <t>25.78998374938965</t>
  </si>
  <si>
    <t>1782.0794677734375</t>
  </si>
  <si>
    <t>0.05597926774190132</t>
  </si>
  <si>
    <t>25.838645935058594</t>
  </si>
  <si>
    <t>2605.831298828125</t>
  </si>
  <si>
    <t>0.06262647466594551</t>
  </si>
  <si>
    <t>3545</t>
  </si>
  <si>
    <t>25.93113136291504</t>
  </si>
  <si>
    <t>2188.62109375</t>
  </si>
  <si>
    <t>0.05837046476163543</t>
  </si>
  <si>
    <t>3650</t>
  </si>
  <si>
    <t>25.85459327697754</t>
  </si>
  <si>
    <t>1814.2174072265625</t>
  </si>
  <si>
    <t>0.029189007610309403</t>
  </si>
  <si>
    <t>3120</t>
  </si>
  <si>
    <t>25.89360809326172</t>
  </si>
  <si>
    <t>2087.5341796875</t>
  </si>
  <si>
    <t>-0.15689416577300896</t>
  </si>
  <si>
    <t>25.82384490966797</t>
  </si>
  <si>
    <t>2065.574462890625</t>
  </si>
  <si>
    <t>-0.007722046093910251</t>
  </si>
  <si>
    <t>3199</t>
  </si>
  <si>
    <t>25.822751998901367</t>
  </si>
  <si>
    <t>2105.72607421875</t>
  </si>
  <si>
    <t>0.03272730523990042</t>
  </si>
  <si>
    <t>25.79498291015625</t>
  </si>
  <si>
    <t>1962.9615478515625</t>
  </si>
  <si>
    <t>0.01888893441123507</t>
  </si>
  <si>
    <t>25.766775131225586</t>
  </si>
  <si>
    <t>1646.408935546875</t>
  </si>
  <si>
    <t>0.027531613376556408</t>
  </si>
  <si>
    <t>3456</t>
  </si>
  <si>
    <t>25.764602661132812</t>
  </si>
  <si>
    <t>1909.399658203125</t>
  </si>
  <si>
    <t>0.03085304218663687</t>
  </si>
  <si>
    <t>25.791902542114258</t>
  </si>
  <si>
    <t>1293.5899658203125</t>
  </si>
  <si>
    <t>0.03357356579542703</t>
  </si>
  <si>
    <t>25.835451126098633</t>
  </si>
  <si>
    <t>2089.525390625</t>
  </si>
  <si>
    <t>0.04030703262724877</t>
  </si>
  <si>
    <t>3815</t>
  </si>
  <si>
    <t>25.76786231994629</t>
  </si>
  <si>
    <t>1663.4881591796875</t>
  </si>
  <si>
    <t>0.024948215371933813</t>
  </si>
  <si>
    <t>25.8264102935791</t>
  </si>
  <si>
    <t>2153.880126953125</t>
  </si>
  <si>
    <t>0.08272084022076243</t>
  </si>
  <si>
    <t>4442</t>
  </si>
  <si>
    <t>25.79473114013672</t>
  </si>
  <si>
    <t>2032.0679931640625</t>
  </si>
  <si>
    <t>0.06944322051505303</t>
  </si>
  <si>
    <t>25.888900756835938</t>
  </si>
  <si>
    <t>1556.5206298828125</t>
  </si>
  <si>
    <t>0.07855231695002018</t>
  </si>
  <si>
    <t>25.877670288085938</t>
  </si>
  <si>
    <t>3671.36181640625</t>
  </si>
  <si>
    <t>0.27232014296641793</t>
  </si>
  <si>
    <t>25.833168029785156</t>
  </si>
  <si>
    <t>2061.392578125</t>
  </si>
  <si>
    <t>0.051134778099669376</t>
  </si>
  <si>
    <t>25.83881378173828</t>
  </si>
  <si>
    <t>2168.951416015625</t>
  </si>
  <si>
    <t>0.09064432805708478</t>
  </si>
  <si>
    <t>7463</t>
  </si>
  <si>
    <t>25.8525333404541</t>
  </si>
  <si>
    <t>2138.401611328125</t>
  </si>
  <si>
    <t>0.026201186603822535</t>
  </si>
  <si>
    <t>25.873083114624023</t>
  </si>
  <si>
    <t>2064.805419921875</t>
  </si>
  <si>
    <t>0.02226142015824628</t>
  </si>
  <si>
    <t>25.851951599121094</t>
  </si>
  <si>
    <t>1908.1728515625</t>
  </si>
  <si>
    <t>0.034264042207947654</t>
  </si>
  <si>
    <t>8316</t>
  </si>
  <si>
    <t>25.963890075683594</t>
  </si>
  <si>
    <t>2486.14013671875</t>
  </si>
  <si>
    <t>0.05169842948032333</t>
  </si>
  <si>
    <t>8740</t>
  </si>
  <si>
    <t>25.859649658203125</t>
  </si>
  <si>
    <t>2328.947265625</t>
  </si>
  <si>
    <t>0.049728819671676305</t>
  </si>
  <si>
    <t>25.886507034301758</t>
  </si>
  <si>
    <t>2470.673095703125</t>
  </si>
  <si>
    <t>0.04201121846318223</t>
  </si>
  <si>
    <t>9632</t>
  </si>
  <si>
    <t>25.865659713745117</t>
  </si>
  <si>
    <t>2015.9622802734375</t>
  </si>
  <si>
    <t>0.0551694804358398</t>
  </si>
  <si>
    <t>9538</t>
  </si>
  <si>
    <t>25.962074279785156</t>
  </si>
  <si>
    <t>2743.2353515625</t>
  </si>
  <si>
    <t>-0.00980706869043324</t>
  </si>
  <si>
    <t>25.898210525512695</t>
  </si>
  <si>
    <t>3040.285888671875</t>
  </si>
  <si>
    <t>0.02720060141101044</t>
  </si>
  <si>
    <t>25.885847091674805</t>
  </si>
  <si>
    <t>3232.67626953125</t>
  </si>
  <si>
    <t>0.043231089095858266</t>
  </si>
  <si>
    <t>22.942453384399414</t>
  </si>
  <si>
    <t>3176.781494140625</t>
  </si>
  <si>
    <t>1432.7581787109375</t>
  </si>
  <si>
    <t>Sulawesi Utara</t>
  </si>
  <si>
    <t>22.903900146484375</t>
  </si>
  <si>
    <t>2467.050048828125</t>
  </si>
  <si>
    <t>0.04836363398595722</t>
  </si>
  <si>
    <t>22.92030906677246</t>
  </si>
  <si>
    <t>2927.95361328125</t>
  </si>
  <si>
    <t>0.045588772357907814</t>
  </si>
  <si>
    <t>22.92901611328125</t>
  </si>
  <si>
    <t>2756.7861328125</t>
  </si>
  <si>
    <t>0.0461988178113355</t>
  </si>
  <si>
    <t>22.87175941467285</t>
  </si>
  <si>
    <t>2651.66162109375</t>
  </si>
  <si>
    <t>0.056249853844940745</t>
  </si>
  <si>
    <t>22.837995529174805</t>
  </si>
  <si>
    <t>2337.89794921875</t>
  </si>
  <si>
    <t>0.0625129242751985</t>
  </si>
  <si>
    <t>4601</t>
  </si>
  <si>
    <t>22.617971420288086</t>
  </si>
  <si>
    <t>3107.9736328125</t>
  </si>
  <si>
    <t>0.05839932306101758</t>
  </si>
  <si>
    <t>22.888975143432617</t>
  </si>
  <si>
    <t>1550.6556396484375</t>
  </si>
  <si>
    <t>0.029341434563262325</t>
  </si>
  <si>
    <t>23.004186630249023</t>
  </si>
  <si>
    <t>3068.8740234375</t>
  </si>
  <si>
    <t>-0.15714516868657036</t>
  </si>
  <si>
    <t>22.83270835876465</t>
  </si>
  <si>
    <t>3500.252685546875</t>
  </si>
  <si>
    <t>-0.007685670657281207</t>
  </si>
  <si>
    <t>22.883010864257812</t>
  </si>
  <si>
    <t>4011.97119140625</t>
  </si>
  <si>
    <t>0.032805879470844346</t>
  </si>
  <si>
    <t>22.900985717773438</t>
  </si>
  <si>
    <t>3446.089599609375</t>
  </si>
  <si>
    <t>0.018848225874343427</t>
  </si>
  <si>
    <t>22.8023624420166</t>
  </si>
  <si>
    <t>1922.4344482421875</t>
  </si>
  <si>
    <t>0.027737473362662968</t>
  </si>
  <si>
    <t>22.740386962890625</t>
  </si>
  <si>
    <t>2975.734619140625</t>
  </si>
  <si>
    <t>0.03056265041016637</t>
  </si>
  <si>
    <t>4639</t>
  </si>
  <si>
    <t>22.91414451599121</t>
  </si>
  <si>
    <t>2337.26318359375</t>
  </si>
  <si>
    <t>0.03376033025884695</t>
  </si>
  <si>
    <t>22.82042694091797</t>
  </si>
  <si>
    <t>2912.306396484375</t>
  </si>
  <si>
    <t>0.04034764189487561</t>
  </si>
  <si>
    <t>4917</t>
  </si>
  <si>
    <t>22.79546546936035</t>
  </si>
  <si>
    <t>2687.072509765625</t>
  </si>
  <si>
    <t>0.017852120765320834</t>
  </si>
  <si>
    <t>22.751602172851562</t>
  </si>
  <si>
    <t>2919.13427734375</t>
  </si>
  <si>
    <t>22.657869338989258</t>
  </si>
  <si>
    <t>3486.79345703125</t>
  </si>
  <si>
    <t>0.04324588143588315</t>
  </si>
  <si>
    <t>5930</t>
  </si>
  <si>
    <t>22.686342239379883</t>
  </si>
  <si>
    <t>2387.560791015625</t>
  </si>
  <si>
    <t>0.09603556931123691</t>
  </si>
  <si>
    <t>22.548742294311523</t>
  </si>
  <si>
    <t>2791.4404296875</t>
  </si>
  <si>
    <t>0.11774556071774533</t>
  </si>
  <si>
    <t>6829</t>
  </si>
  <si>
    <t>22.8342227935791</t>
  </si>
  <si>
    <t>2915.42919921875</t>
  </si>
  <si>
    <t>0.023408476251573163</t>
  </si>
  <si>
    <t>7178</t>
  </si>
  <si>
    <t>22.84343719482422</t>
  </si>
  <si>
    <t>3331.1884765625</t>
  </si>
  <si>
    <t>0.049842542746462826</t>
  </si>
  <si>
    <t>22.666208267211914</t>
  </si>
  <si>
    <t>2905.650390625</t>
  </si>
  <si>
    <t>0.05012934057731577</t>
  </si>
  <si>
    <t>22.848617553710938</t>
  </si>
  <si>
    <t>2211.863037109375</t>
  </si>
  <si>
    <t>0.05766621298318597</t>
  </si>
  <si>
    <t>23.00444221496582</t>
  </si>
  <si>
    <t>1466.7249755859375</t>
  </si>
  <si>
    <t>0.06395204525424347</t>
  </si>
  <si>
    <t>9010</t>
  </si>
  <si>
    <t>23.16998291015625</t>
  </si>
  <si>
    <t>2941.82275390625</t>
  </si>
  <si>
    <t>0.05556668008008714</t>
  </si>
  <si>
    <t>22.76471710205078</t>
  </si>
  <si>
    <t>2979.6220703125</t>
  </si>
  <si>
    <t>0.0457730916148229</t>
  </si>
  <si>
    <t>9783</t>
  </si>
  <si>
    <t>23.058889389038086</t>
  </si>
  <si>
    <t>2850.072998046875</t>
  </si>
  <si>
    <t>0.03653802224022229</t>
  </si>
  <si>
    <t>22.98961067199707</t>
  </si>
  <si>
    <t>1625.830322265625</t>
  </si>
  <si>
    <t>0.057209521600672275</t>
  </si>
  <si>
    <t>10423</t>
  </si>
  <si>
    <t>22.937606811523438</t>
  </si>
  <si>
    <t>2918.092529296875</t>
  </si>
  <si>
    <t>0.006159195681220808</t>
  </si>
  <si>
    <t>23.023590087890625</t>
  </si>
  <si>
    <t>3124.789794921875</t>
  </si>
  <si>
    <t>0.02725634802530763</t>
  </si>
  <si>
    <t>11184</t>
  </si>
  <si>
    <t>23.03275489807129</t>
  </si>
  <si>
    <t>2931.801513671875</t>
  </si>
  <si>
    <t>0.04321293470896137</t>
  </si>
  <si>
    <t>3758</t>
  </si>
  <si>
    <t>26.340890884399414</t>
  </si>
  <si>
    <t>2536.995361328125</t>
  </si>
  <si>
    <t>1744.7725830078125</t>
  </si>
  <si>
    <t>Sumatera Barat</t>
  </si>
  <si>
    <t>26.24738121032715</t>
  </si>
  <si>
    <t>2516.740966796875</t>
  </si>
  <si>
    <t>0.048054953904216546</t>
  </si>
  <si>
    <t>26.23558235168457</t>
  </si>
  <si>
    <t>2395.826904296875</t>
  </si>
  <si>
    <t>0.04585117328377031</t>
  </si>
  <si>
    <t>26.178102493286133</t>
  </si>
  <si>
    <t>2611.1484375</t>
  </si>
  <si>
    <t>0.04615657750623292</t>
  </si>
  <si>
    <t>26.206838607788086</t>
  </si>
  <si>
    <t>2209.52734375</t>
  </si>
  <si>
    <t>0.056219838990424265</t>
  </si>
  <si>
    <t>4868</t>
  </si>
  <si>
    <t>26.279573440551758</t>
  </si>
  <si>
    <t>2907.16796875</t>
  </si>
  <si>
    <t>0.06251373044936237</t>
  </si>
  <si>
    <t>26.33830451965332</t>
  </si>
  <si>
    <t>2832.478271484375</t>
  </si>
  <si>
    <t>0.05844718404130944</t>
  </si>
  <si>
    <t>26.715028762817383</t>
  </si>
  <si>
    <t>2097.9736328125</t>
  </si>
  <si>
    <t>0.029214488171032116</t>
  </si>
  <si>
    <t>4541</t>
  </si>
  <si>
    <t>26.87291145324707</t>
  </si>
  <si>
    <t>2884.01513671875</t>
  </si>
  <si>
    <t>-0.15719759522180787</t>
  </si>
  <si>
    <t>26.229719161987305</t>
  </si>
  <si>
    <t>3149.74267578125</t>
  </si>
  <si>
    <t>-0.007737410105761455</t>
  </si>
  <si>
    <t>26.443635940551758</t>
  </si>
  <si>
    <t>2910.09326171875</t>
  </si>
  <si>
    <t>0.032961621990187595</t>
  </si>
  <si>
    <t>4746</t>
  </si>
  <si>
    <t>26.595449447631836</t>
  </si>
  <si>
    <t>2606.108154296875</t>
  </si>
  <si>
    <t>0.01893069401333136</t>
  </si>
  <si>
    <t>26.914113998413086</t>
  </si>
  <si>
    <t>3100.1259765625</t>
  </si>
  <si>
    <t>5031</t>
  </si>
  <si>
    <t>26.69150733947754</t>
  </si>
  <si>
    <t>3228.37109375</t>
  </si>
  <si>
    <t>0.030678490675480674</t>
  </si>
  <si>
    <t>26.542490005493164</t>
  </si>
  <si>
    <t>2693.00537109375</t>
  </si>
  <si>
    <t>5417</t>
  </si>
  <si>
    <t>26.624101638793945</t>
  </si>
  <si>
    <t>2768.701416015625</t>
  </si>
  <si>
    <t>0.04030677436759511</t>
  </si>
  <si>
    <t>26.395410537719727</t>
  </si>
  <si>
    <t>2830.23388671875</t>
  </si>
  <si>
    <t>0.05652235329016442</t>
  </si>
  <si>
    <t>26.43150520324707</t>
  </si>
  <si>
    <t>2852.081787109375</t>
  </si>
  <si>
    <t>0.04118480378424394</t>
  </si>
  <si>
    <t>26.2549991607666</t>
  </si>
  <si>
    <t>2995.2216796875</t>
  </si>
  <si>
    <t>0.03907259982699607</t>
  </si>
  <si>
    <t>26.597320556640625</t>
  </si>
  <si>
    <t>3096.812255859375</t>
  </si>
  <si>
    <t>0.018662316888187647</t>
  </si>
  <si>
    <t>26.838659286499023</t>
  </si>
  <si>
    <t>3469.97509765625</t>
  </si>
  <si>
    <t>-0.0033241027838393222</t>
  </si>
  <si>
    <t>26.59873390197754</t>
  </si>
  <si>
    <t>2670.35595703125</t>
  </si>
  <si>
    <t>0.04267852283963336</t>
  </si>
  <si>
    <t>26.632234573364258</t>
  </si>
  <si>
    <t>2665.017822265625</t>
  </si>
  <si>
    <t>0.043843859816551145</t>
  </si>
  <si>
    <t>26.67424964904785</t>
  </si>
  <si>
    <t>2909.218994140625</t>
  </si>
  <si>
    <t>0.054472762654445006</t>
  </si>
  <si>
    <t>26.8079833984375</t>
  </si>
  <si>
    <t>2608.172607421875</t>
  </si>
  <si>
    <t>0.04707067644175922</t>
  </si>
  <si>
    <t>7796</t>
  </si>
  <si>
    <t>26.904586791992188</t>
  </si>
  <si>
    <t>2649.39501953125</t>
  </si>
  <si>
    <t>0.023884832211411577</t>
  </si>
  <si>
    <t>8108</t>
  </si>
  <si>
    <t>26.994794845581055</t>
  </si>
  <si>
    <t>3024.041015625</t>
  </si>
  <si>
    <t>0.039240446944440066</t>
  </si>
  <si>
    <t>26.615652084350586</t>
  </si>
  <si>
    <t>3211.680419921875</t>
  </si>
  <si>
    <t>0.037045756578574895</t>
  </si>
  <si>
    <t>26.783233642578125</t>
  </si>
  <si>
    <t>3008.800537109375</t>
  </si>
  <si>
    <t>0.02442009115661392</t>
  </si>
  <si>
    <t>27.104707717895508</t>
  </si>
  <si>
    <t>2228.056640625</t>
  </si>
  <si>
    <t>0.03308160685998551</t>
  </si>
  <si>
    <t>26.874544143676758</t>
  </si>
  <si>
    <t>2846.9853515625</t>
  </si>
  <si>
    <t>-0.030533244540288607</t>
  </si>
  <si>
    <t>26.735898971557617</t>
  </si>
  <si>
    <t>3104.547607421875</t>
  </si>
  <si>
    <t>0.027273899142922886</t>
  </si>
  <si>
    <t>9275</t>
  </si>
  <si>
    <t>26.6230525970459</t>
  </si>
  <si>
    <t>3197.91357421875</t>
  </si>
  <si>
    <t>0.04318327070593497</t>
  </si>
  <si>
    <t>1469</t>
  </si>
  <si>
    <t>4602</t>
  </si>
  <si>
    <t>26.913965225219727</t>
  </si>
  <si>
    <t>2489.332763671875</t>
  </si>
  <si>
    <t>2593.90234375</t>
  </si>
  <si>
    <t>Sumatera Selatan</t>
  </si>
  <si>
    <t>26.903043746948242</t>
  </si>
  <si>
    <t>2384.19189453125</t>
  </si>
  <si>
    <t>0.04814841527823077</t>
  </si>
  <si>
    <t>26.87190818786621</t>
  </si>
  <si>
    <t>2761.36328125</t>
  </si>
  <si>
    <t>0.04573844558102991</t>
  </si>
  <si>
    <t>5294</t>
  </si>
  <si>
    <t>26.938331604003906</t>
  </si>
  <si>
    <t>2573.2333984375</t>
  </si>
  <si>
    <t>0.04619625133247496</t>
  </si>
  <si>
    <t>5600</t>
  </si>
  <si>
    <t>26.91520118713379</t>
  </si>
  <si>
    <t>2350.82861328125</t>
  </si>
  <si>
    <t>0.05619249393619441</t>
  </si>
  <si>
    <t>5961</t>
  </si>
  <si>
    <t>26.97237205505371</t>
  </si>
  <si>
    <t>2830.3271484375</t>
  </si>
  <si>
    <t>0.06247165449668479</t>
  </si>
  <si>
    <t>26.9711971282959</t>
  </si>
  <si>
    <t>2681.65576171875</t>
  </si>
  <si>
    <t>0.05848095592097735</t>
  </si>
  <si>
    <t>27.289947509765625</t>
  </si>
  <si>
    <t>1915.057861328125</t>
  </si>
  <si>
    <t>0.029159312354080313</t>
  </si>
  <si>
    <t>27.39557647705078</t>
  </si>
  <si>
    <t>3083.7490234375</t>
  </si>
  <si>
    <t>-0.1571005723074208</t>
  </si>
  <si>
    <t>26.914770126342773</t>
  </si>
  <si>
    <t>2683.12646484375</t>
  </si>
  <si>
    <t>-0.007762472410330901</t>
  </si>
  <si>
    <t>27.099180221557617</t>
  </si>
  <si>
    <t>2757.83154296875</t>
  </si>
  <si>
    <t>0.032976876379306574</t>
  </si>
  <si>
    <t>27.078903198242188</t>
  </si>
  <si>
    <t>3195.89453125</t>
  </si>
  <si>
    <t>0.018932393533635405</t>
  </si>
  <si>
    <t>27.267080307006836</t>
  </si>
  <si>
    <t>2209.167724609375</t>
  </si>
  <si>
    <t>0.027491974085881665</t>
  </si>
  <si>
    <t>27.13056755065918</t>
  </si>
  <si>
    <t>2702.517578125</t>
  </si>
  <si>
    <t>0.030660057751509484</t>
  </si>
  <si>
    <t>27.12945556640625</t>
  </si>
  <si>
    <t>2448.763671875</t>
  </si>
  <si>
    <t>0.03383661450237341</t>
  </si>
  <si>
    <t>6634</t>
  </si>
  <si>
    <t>27.16899871826172</t>
  </si>
  <si>
    <t>2891.152587890625</t>
  </si>
  <si>
    <t>0.04029454847705871</t>
  </si>
  <si>
    <t>26.989423751831055</t>
  </si>
  <si>
    <t>2538.114501953125</t>
  </si>
  <si>
    <t>0.04437311324193516</t>
  </si>
  <si>
    <t>7342</t>
  </si>
  <si>
    <t>27.15016746520996</t>
  </si>
  <si>
    <t>2501.1982421875</t>
  </si>
  <si>
    <t>0.05703023130784679</t>
  </si>
  <si>
    <t>26.92900848388672</t>
  </si>
  <si>
    <t>2584.626708984375</t>
  </si>
  <si>
    <t>0.06076882600982181</t>
  </si>
  <si>
    <t>7584</t>
  </si>
  <si>
    <t>27.211549758911133</t>
  </si>
  <si>
    <t>2477.764404296875</t>
  </si>
  <si>
    <t>-0.028339346131742715</t>
  </si>
  <si>
    <t>27.303285598754883</t>
  </si>
  <si>
    <t>3523.867431640625</t>
  </si>
  <si>
    <t>-0.0018476975033632215</t>
  </si>
  <si>
    <t>8155</t>
  </si>
  <si>
    <t>27.14560890197754</t>
  </si>
  <si>
    <t>2662.08984375</t>
  </si>
  <si>
    <t>0.07443816862361885</t>
  </si>
  <si>
    <t>27.18169593811035</t>
  </si>
  <si>
    <t>2773.251708984375</t>
  </si>
  <si>
    <t>0.05266574270728697</t>
  </si>
  <si>
    <t>8976</t>
  </si>
  <si>
    <t>27.17174530029297</t>
  </si>
  <si>
    <t>2891.948974609375</t>
  </si>
  <si>
    <t>0.043257370000077344</t>
  </si>
  <si>
    <t>27.204607009887695</t>
  </si>
  <si>
    <t>2139.18798828125</t>
  </si>
  <si>
    <t>0.02007346545456201</t>
  </si>
  <si>
    <t>27.382247924804688</t>
  </si>
  <si>
    <t>0.012263434389941708</t>
  </si>
  <si>
    <t>9438</t>
  </si>
  <si>
    <t>27.429533004760742</t>
  </si>
  <si>
    <t>2447.63623046875</t>
  </si>
  <si>
    <t>0.01785284467935</t>
  </si>
  <si>
    <t>9714</t>
  </si>
  <si>
    <t>27.238386154174805</t>
  </si>
  <si>
    <t>2691.525390625</t>
  </si>
  <si>
    <t>0.028824050619357777</t>
  </si>
  <si>
    <t>10123</t>
  </si>
  <si>
    <t>27.364267349243164</t>
  </si>
  <si>
    <t>2865.15380859375</t>
  </si>
  <si>
    <t>0.041241918693062374</t>
  </si>
  <si>
    <t>27.598175048828125</t>
  </si>
  <si>
    <t>2113.745361328125</t>
  </si>
  <si>
    <t>0.045477740505718955</t>
  </si>
  <si>
    <t>27.304428100585938</t>
  </si>
  <si>
    <t>2880.42578125</t>
  </si>
  <si>
    <t>-0.007294807584443674</t>
  </si>
  <si>
    <t>27.21870231628418</t>
  </si>
  <si>
    <t>2804.093994140625</t>
  </si>
  <si>
    <t>0.02729360512000767</t>
  </si>
  <si>
    <t>11285</t>
  </si>
  <si>
    <t>27.052230834960938</t>
  </si>
  <si>
    <t>2870.872802734375</t>
  </si>
  <si>
    <t>0.043187809611600514</t>
  </si>
  <si>
    <t>1470</t>
  </si>
  <si>
    <t>4324</t>
  </si>
  <si>
    <t>26.760835647583008</t>
  </si>
  <si>
    <t>2531.677978515625</t>
  </si>
  <si>
    <t>4463.142578125</t>
  </si>
  <si>
    <t>Sumatera Utara</t>
  </si>
  <si>
    <t>26.631866455078125</t>
  </si>
  <si>
    <t>2563.400146484375</t>
  </si>
  <si>
    <t>0.048085100904865286</t>
  </si>
  <si>
    <t>26.653669357299805</t>
  </si>
  <si>
    <t>2405.162109375</t>
  </si>
  <si>
    <t>0.045668068885158064</t>
  </si>
  <si>
    <t>26.53406524658203</t>
  </si>
  <si>
    <t>2784.838623046875</t>
  </si>
  <si>
    <t>0.046290275814229176</t>
  </si>
  <si>
    <t>26.595237731933594</t>
  </si>
  <si>
    <t>2793.580078125</t>
  </si>
  <si>
    <t>0.056096777367455886</t>
  </si>
  <si>
    <t>5601</t>
  </si>
  <si>
    <t>26.66413688659668</t>
  </si>
  <si>
    <t>2994.47607421875</t>
  </si>
  <si>
    <t>0.0626240304790251</t>
  </si>
  <si>
    <t>26.67976188659668</t>
  </si>
  <si>
    <t>2729.696044921875</t>
  </si>
  <si>
    <t>0.05842722311387405</t>
  </si>
  <si>
    <t>27.05497932434082</t>
  </si>
  <si>
    <t>2441.706787109375</t>
  </si>
  <si>
    <t>0.029208847127074833</t>
  </si>
  <si>
    <t>27.271150588989258</t>
  </si>
  <si>
    <t>2607.6240234375</t>
  </si>
  <si>
    <t>-0.15712642561776846</t>
  </si>
  <si>
    <t>26.527786254882812</t>
  </si>
  <si>
    <t>3004.815185546875</t>
  </si>
  <si>
    <t>-0.0076849561693848045</t>
  </si>
  <si>
    <t>26.768423080444336</t>
  </si>
  <si>
    <t>2816.18359375</t>
  </si>
  <si>
    <t>0.03282092944092696</t>
  </si>
  <si>
    <t>26.92576789855957</t>
  </si>
  <si>
    <t>2551.6142578125</t>
  </si>
  <si>
    <t>0.018858018634396956</t>
  </si>
  <si>
    <t>5613</t>
  </si>
  <si>
    <t>27.255407333374023</t>
  </si>
  <si>
    <t>2598.05224609375</t>
  </si>
  <si>
    <t>0.02763654620324907</t>
  </si>
  <si>
    <t>5788</t>
  </si>
  <si>
    <t>27.048608779907227</t>
  </si>
  <si>
    <t>2997.690185546875</t>
  </si>
  <si>
    <t>0.03070147280917368</t>
  </si>
  <si>
    <t>26.893312454223633</t>
  </si>
  <si>
    <t>2476.458251953125</t>
  </si>
  <si>
    <t>0.03380364317397877</t>
  </si>
  <si>
    <t>6233</t>
  </si>
  <si>
    <t>26.923357009887695</t>
  </si>
  <si>
    <t>2520.488037109375</t>
  </si>
  <si>
    <t>0.04026730588349814</t>
  </si>
  <si>
    <t>26.70784568786621</t>
  </si>
  <si>
    <t>2971.482421875</t>
  </si>
  <si>
    <t>0.016547712514666912</t>
  </si>
  <si>
    <t>26.722997665405273</t>
  </si>
  <si>
    <t>2613.841552734375</t>
  </si>
  <si>
    <t>0.04655587939564221</t>
  </si>
  <si>
    <t>6822</t>
  </si>
  <si>
    <t>26.523847579956055</t>
  </si>
  <si>
    <t>2846.6787109375</t>
  </si>
  <si>
    <t>0.027191334259430988</t>
  </si>
  <si>
    <t>7108</t>
  </si>
  <si>
    <t>26.90128517150879</t>
  </si>
  <si>
    <t>3061.27001953125</t>
  </si>
  <si>
    <t>0.04106822629595186</t>
  </si>
  <si>
    <t>7430</t>
  </si>
  <si>
    <t>27.188222885131836</t>
  </si>
  <si>
    <t>2701.8486328125</t>
  </si>
  <si>
    <t>0.044304948437261515</t>
  </si>
  <si>
    <t>26.89117431640625</t>
  </si>
  <si>
    <t>2864.98974609375</t>
  </si>
  <si>
    <t>0.05026315428493966</t>
  </si>
  <si>
    <t>26.99067497253418</t>
  </si>
  <si>
    <t>2939.584716796875</t>
  </si>
  <si>
    <t>0.04271959138245407</t>
  </si>
  <si>
    <t>8671</t>
  </si>
  <si>
    <t>27.00337028503418</t>
  </si>
  <si>
    <t>2791.67236328125</t>
  </si>
  <si>
    <t>0.061475519997962635</t>
  </si>
  <si>
    <t>27.113771438598633</t>
  </si>
  <si>
    <t>2419.134521484375</t>
  </si>
  <si>
    <t>0.03724045294119627</t>
  </si>
  <si>
    <t>9227</t>
  </si>
  <si>
    <t>27.2182559967041</t>
  </si>
  <si>
    <t>2419.78466796875</t>
  </si>
  <si>
    <t>0.024909391260198532</t>
  </si>
  <si>
    <t>27.377113342285156</t>
  </si>
  <si>
    <t>2766.98193359375</t>
  </si>
  <si>
    <t>0.045341947284059714</t>
  </si>
  <si>
    <t>26.949392318725586</t>
  </si>
  <si>
    <t>2610.685546875</t>
  </si>
  <si>
    <t>0.04069355540746855</t>
  </si>
  <si>
    <t>10373</t>
  </si>
  <si>
    <t>27.118309020996094</t>
  </si>
  <si>
    <t>2643.267333984375</t>
  </si>
  <si>
    <t>0.031036805161743786</t>
  </si>
  <si>
    <t>27.457040786743164</t>
  </si>
  <si>
    <t>2416.802490234375</t>
  </si>
  <si>
    <t>0.044497867829147</t>
  </si>
  <si>
    <t>27.21562385559082</t>
  </si>
  <si>
    <t>2652.77099609375</t>
  </si>
  <si>
    <t>0.0012900849559258631</t>
  </si>
  <si>
    <t>11159</t>
  </si>
  <si>
    <t>27.081209182739258</t>
  </si>
  <si>
    <t>2856.17431640625</t>
  </si>
  <si>
    <t>0.02725211796880167</t>
  </si>
  <si>
    <t>11651</t>
  </si>
  <si>
    <t>26.97776222229004</t>
  </si>
  <si>
    <t>2888.194580078125</t>
  </si>
  <si>
    <t>0.04314566603423842</t>
  </si>
  <si>
    <t>26.408334732055664</t>
  </si>
  <si>
    <t>2055.5</t>
  </si>
  <si>
    <t>1199.625</t>
  </si>
  <si>
    <t>Yogyakarta</t>
  </si>
  <si>
    <t>26.174997329711914</t>
  </si>
  <si>
    <t>1970.7998046875</t>
  </si>
  <si>
    <t>0.04816556479673739</t>
  </si>
  <si>
    <t>26.33333396911621</t>
  </si>
  <si>
    <t>2990.500244140625</t>
  </si>
  <si>
    <t>0.045637739604726946</t>
  </si>
  <si>
    <t>3334</t>
  </si>
  <si>
    <t>2221.2001953125</t>
  </si>
  <si>
    <t>0.046348636028646695</t>
  </si>
  <si>
    <t>3526</t>
  </si>
  <si>
    <t>1988.699951171875</t>
  </si>
  <si>
    <t>0.0559912996470775</t>
  </si>
  <si>
    <t>3754</t>
  </si>
  <si>
    <t>2518.099853515625</t>
  </si>
  <si>
    <t>0.06265785418863778</t>
  </si>
  <si>
    <t>3980</t>
  </si>
  <si>
    <t>2180.60009765625</t>
  </si>
  <si>
    <t>0.05845988113202871</t>
  </si>
  <si>
    <t>1242.9000244140625</t>
  </si>
  <si>
    <t>0.029217230520362847</t>
  </si>
  <si>
    <t>3222.099853515625</t>
  </si>
  <si>
    <t>-0.157164815953049</t>
  </si>
  <si>
    <t>2338.10009765625</t>
  </si>
  <si>
    <t>-0.0077397548469040345</t>
  </si>
  <si>
    <t>3591</t>
  </si>
  <si>
    <t>2574.2998046875</t>
  </si>
  <si>
    <t>0.03283623622719034</t>
  </si>
  <si>
    <t>2404.39990234375</t>
  </si>
  <si>
    <t>0.019032432169328928</t>
  </si>
  <si>
    <t>1947.5</t>
  </si>
  <si>
    <t>0.02748758346556457</t>
  </si>
  <si>
    <t>2573.099853515625</t>
  </si>
  <si>
    <t>0.03062665757899019</t>
  </si>
  <si>
    <t>26.15833282470703</t>
  </si>
  <si>
    <t>2751.39990234375</t>
  </si>
  <si>
    <t>0.0339617028269501</t>
  </si>
  <si>
    <t>2989.400146484375</t>
  </si>
  <si>
    <t>0.04005419423025813</t>
  </si>
  <si>
    <t>26.149999618530273</t>
  </si>
  <si>
    <t>1740.800048828125</t>
  </si>
  <si>
    <t>0.034124972569657075</t>
  </si>
  <si>
    <t>2482.000244140625</t>
  </si>
  <si>
    <t>0.0401368917743401</t>
  </si>
  <si>
    <t>2271.60009765625</t>
  </si>
  <si>
    <t>0.01478239824856864</t>
  </si>
  <si>
    <t>2009.599853515625</t>
  </si>
  <si>
    <t>0.03401835022751243</t>
  </si>
  <si>
    <t>26.608335494995117</t>
  </si>
  <si>
    <t>3187.499755859375</t>
  </si>
  <si>
    <t>0.1457082232933864</t>
  </si>
  <si>
    <t>2418.199951171875</t>
  </si>
  <si>
    <t>0.02261516553850562</t>
  </si>
  <si>
    <t>5707</t>
  </si>
  <si>
    <t>26.73332977294922</t>
  </si>
  <si>
    <t>2282.900146484375</t>
  </si>
  <si>
    <t>0.020714204387562773</t>
  </si>
  <si>
    <t>26.725000381469727</t>
  </si>
  <si>
    <t>2361.300048828125</t>
  </si>
  <si>
    <t>0.041361537043338004</t>
  </si>
  <si>
    <t>26.700002670288086</t>
  </si>
  <si>
    <t>2219.60009765625</t>
  </si>
  <si>
    <t>0.0201388182558091</t>
  </si>
  <si>
    <t>6229</t>
  </si>
  <si>
    <t>1737.5</t>
  </si>
  <si>
    <t>0.026021959418290663</t>
  </si>
  <si>
    <t>3177.2001953125</t>
  </si>
  <si>
    <t>0.03439910005647384</t>
  </si>
  <si>
    <t>6644</t>
  </si>
  <si>
    <t>26.524999618530273</t>
  </si>
  <si>
    <t>2264.60009765625</t>
  </si>
  <si>
    <t>0.030099285422565458</t>
  </si>
  <si>
    <t>2166.0</t>
  </si>
  <si>
    <t>0.03577617316528503</t>
  </si>
  <si>
    <t>26.39166259765625</t>
  </si>
  <si>
    <t>1910.2000732421875</t>
  </si>
  <si>
    <t>0.04999271039467068</t>
  </si>
  <si>
    <t>2931.2001953125</t>
  </si>
  <si>
    <t>-0.03485946778115512</t>
  </si>
  <si>
    <t>26.56667137145996</t>
  </si>
  <si>
    <t>2481.499755859375</t>
  </si>
  <si>
    <t>0.02709351556281625</t>
  </si>
  <si>
    <t>26.65833282470703</t>
  </si>
  <si>
    <t>2779.899658203125</t>
  </si>
  <si>
    <t>0.04331922189483528</t>
  </si>
  <si>
    <t>1472</t>
  </si>
  <si>
    <t>IND</t>
  </si>
  <si>
    <t>27.497190475463867</t>
  </si>
  <si>
    <t>2720.429443359375</t>
  </si>
  <si>
    <t>143.48703002929688</t>
  </si>
  <si>
    <t>Andaman and Nicobar</t>
  </si>
  <si>
    <t>India</t>
  </si>
  <si>
    <t>27.16512107849121</t>
  </si>
  <si>
    <t>3390.44287109375</t>
  </si>
  <si>
    <t>-0.010201278605189046</t>
  </si>
  <si>
    <t>3628</t>
  </si>
  <si>
    <t>26.932348251342773</t>
  </si>
  <si>
    <t>2932.506103515625</t>
  </si>
  <si>
    <t>0.032780635066595565</t>
  </si>
  <si>
    <t>27.29717254638672</t>
  </si>
  <si>
    <t>2749.89208984375</t>
  </si>
  <si>
    <t>0.02611682716193009</t>
  </si>
  <si>
    <t>27.06894874572754</t>
  </si>
  <si>
    <t>3712.69873046875</t>
  </si>
  <si>
    <t>0.044381709213498155</t>
  </si>
  <si>
    <t>27.204849243164062</t>
  </si>
  <si>
    <t>3660.980712890625</t>
  </si>
  <si>
    <t>0.05326924996842308</t>
  </si>
  <si>
    <t>4331</t>
  </si>
  <si>
    <t>26.898454666137695</t>
  </si>
  <si>
    <t>3579.652587890625</t>
  </si>
  <si>
    <t>0.05334914363574761</t>
  </si>
  <si>
    <t>27.23041534423828</t>
  </si>
  <si>
    <t>3087.789306640625</t>
  </si>
  <si>
    <t>0.020567452611615522</t>
  </si>
  <si>
    <t>27.421518325805664</t>
  </si>
  <si>
    <t>3129.133544921875</t>
  </si>
  <si>
    <t>0.04121097110967398</t>
  </si>
  <si>
    <t>3930</t>
  </si>
  <si>
    <t>26.618408203125</t>
  </si>
  <si>
    <t>3022.1650390625</t>
  </si>
  <si>
    <t>-0.15893746007260923</t>
  </si>
  <si>
    <t>4097</t>
  </si>
  <si>
    <t>26.92805290222168</t>
  </si>
  <si>
    <t>2996.163818359375</t>
  </si>
  <si>
    <t>0.04161557268356475</t>
  </si>
  <si>
    <t>4283</t>
  </si>
  <si>
    <t>27.015792846679688</t>
  </si>
  <si>
    <t>3075.94287109375</t>
  </si>
  <si>
    <t>0.04439870006849844</t>
  </si>
  <si>
    <t>4472</t>
  </si>
  <si>
    <t>27.171470642089844</t>
  </si>
  <si>
    <t>2682.821533203125</t>
  </si>
  <si>
    <t>0.04318203721956415</t>
  </si>
  <si>
    <t>27.421403884887695</t>
  </si>
  <si>
    <t>2571.81494140625</t>
  </si>
  <si>
    <t>0.10357000488403934</t>
  </si>
  <si>
    <t>5176</t>
  </si>
  <si>
    <t>27.309982299804688</t>
  </si>
  <si>
    <t>3314.447265625</t>
  </si>
  <si>
    <t>0.04262681646176247</t>
  </si>
  <si>
    <t>27.37158203125</t>
  </si>
  <si>
    <t>3981.280029296875</t>
  </si>
  <si>
    <t>0.11658018303261919</t>
  </si>
  <si>
    <t>27.218339920043945</t>
  </si>
  <si>
    <t>3248.66455078125</t>
  </si>
  <si>
    <t>0.03712880067438462</t>
  </si>
  <si>
    <t>27.181062698364258</t>
  </si>
  <si>
    <t>2791.62109375</t>
  </si>
  <si>
    <t>0.09777716261330482</t>
  </si>
  <si>
    <t>27.038835525512695</t>
  </si>
  <si>
    <t>4276.193359375</t>
  </si>
  <si>
    <t>0.01135357280965188</t>
  </si>
  <si>
    <t>27.652999877929688</t>
  </si>
  <si>
    <t>2748.692138671875</t>
  </si>
  <si>
    <t>0.05364495368711353</t>
  </si>
  <si>
    <t>27.900320053100586</t>
  </si>
  <si>
    <t>3270.802978515625</t>
  </si>
  <si>
    <t>0.07431912823404119</t>
  </si>
  <si>
    <t>27.290163040161133</t>
  </si>
  <si>
    <t>3582.514404296875</t>
  </si>
  <si>
    <t>-0.11307254245107323</t>
  </si>
  <si>
    <t>27.620275497436523</t>
  </si>
  <si>
    <t>3699.935791015625</t>
  </si>
  <si>
    <t>-0.05721867684493809</t>
  </si>
  <si>
    <t>6678</t>
  </si>
  <si>
    <t>27.51253318786621</t>
  </si>
  <si>
    <t>3600.86328125</t>
  </si>
  <si>
    <t>0.03427340256775935</t>
  </si>
  <si>
    <t>7133</t>
  </si>
  <si>
    <t>27.60805320739746</t>
  </si>
  <si>
    <t>3255.38525390625</t>
  </si>
  <si>
    <t>0.06591336177443807</t>
  </si>
  <si>
    <t>27.846450805664062</t>
  </si>
  <si>
    <t>2960.563232421875</t>
  </si>
  <si>
    <t>0.11533444315277741</t>
  </si>
  <si>
    <t>27.804826736450195</t>
  </si>
  <si>
    <t>3805.11083984375</t>
  </si>
  <si>
    <t>0.05220480887568968</t>
  </si>
  <si>
    <t>27.717126846313477</t>
  </si>
  <si>
    <t>3490.844482421875</t>
  </si>
  <si>
    <t>0.057816906442532456</t>
  </si>
  <si>
    <t>27.470911026000977</t>
  </si>
  <si>
    <t>3528.513916015625</t>
  </si>
  <si>
    <t>0.10496876480635464</t>
  </si>
  <si>
    <t>10603</t>
  </si>
  <si>
    <t>27.85926628112793</t>
  </si>
  <si>
    <t>2697.587158203125</t>
  </si>
  <si>
    <t>0.06608015337040563</t>
  </si>
  <si>
    <t>27.85106658935547</t>
  </si>
  <si>
    <t>3078.80908203125</t>
  </si>
  <si>
    <t>-0.0638659817733842</t>
  </si>
  <si>
    <t>11220</t>
  </si>
  <si>
    <t>27.742101669311523</t>
  </si>
  <si>
    <t>3727.8564453125</t>
  </si>
  <si>
    <t>0.12042690192427408</t>
  </si>
  <si>
    <t>11955</t>
  </si>
  <si>
    <t>27.61714744567871</t>
  </si>
  <si>
    <t>2640.621337890625</t>
  </si>
  <si>
    <t>0.06345170081573848</t>
  </si>
  <si>
    <t>27.860008239746094</t>
  </si>
  <si>
    <t>1079.3599853515625</t>
  </si>
  <si>
    <t>16041.12890625</t>
  </si>
  <si>
    <t>Andhra Pradesh</t>
  </si>
  <si>
    <t>27.963186264038086</t>
  </si>
  <si>
    <t>1036.4776611328125</t>
  </si>
  <si>
    <t>-0.01000564211732069</t>
  </si>
  <si>
    <t>28.01946449279785</t>
  </si>
  <si>
    <t>943.5348510742188</t>
  </si>
  <si>
    <t>0.03242933255232394</t>
  </si>
  <si>
    <t>1898</t>
  </si>
  <si>
    <t>28.028776168823242</t>
  </si>
  <si>
    <t>837.5408325195312</t>
  </si>
  <si>
    <t>0.02615574778274876</t>
  </si>
  <si>
    <t>27.744787216186523</t>
  </si>
  <si>
    <t>957.4534301757812</t>
  </si>
  <si>
    <t>0.044314308674944236</t>
  </si>
  <si>
    <t>28.110166549682617</t>
  </si>
  <si>
    <t>1154.3189697265625</t>
  </si>
  <si>
    <t>0.053483434601181656</t>
  </si>
  <si>
    <t>28.014345169067383</t>
  </si>
  <si>
    <t>1058.524658203125</t>
  </si>
  <si>
    <t>0.053488684950986354</t>
  </si>
  <si>
    <t>28.37734031677246</t>
  </si>
  <si>
    <t>980.976318359375</t>
  </si>
  <si>
    <t>0.020619287202736203</t>
  </si>
  <si>
    <t>28.486101150512695</t>
  </si>
  <si>
    <t>1103.5128173828125</t>
  </si>
  <si>
    <t>0.04128329005919085</t>
  </si>
  <si>
    <t>28.2091121673584</t>
  </si>
  <si>
    <t>766.7622680664062</t>
  </si>
  <si>
    <t>0.1307070588614394</t>
  </si>
  <si>
    <t>28.128137588500977</t>
  </si>
  <si>
    <t>957.2230224609375</t>
  </si>
  <si>
    <t>-0.016572884024042445</t>
  </si>
  <si>
    <t>28.44861602783203</t>
  </si>
  <si>
    <t>906.1455688476562</t>
  </si>
  <si>
    <t>0.11028570083641753</t>
  </si>
  <si>
    <t>28.488679885864258</t>
  </si>
  <si>
    <t>762.6021728515625</t>
  </si>
  <si>
    <t>3232</t>
  </si>
  <si>
    <t>28.5032958984375</t>
  </si>
  <si>
    <t>884.2843627929688</t>
  </si>
  <si>
    <t>0.045901395138827183</t>
  </si>
  <si>
    <t>28.228195190429688</t>
  </si>
  <si>
    <t>861.8056640625</t>
  </si>
  <si>
    <t>0.07220552716006523</t>
  </si>
  <si>
    <t>28.2763614654541</t>
  </si>
  <si>
    <t>1116.1207275390625</t>
  </si>
  <si>
    <t>0.060319790233521076</t>
  </si>
  <si>
    <t>28.422632217407227</t>
  </si>
  <si>
    <t>1128.4588623046875</t>
  </si>
  <si>
    <t>0.03095231082152239</t>
  </si>
  <si>
    <t>28.440736770629883</t>
  </si>
  <si>
    <t>945.8060913085938</t>
  </si>
  <si>
    <t>0.0695182195421129</t>
  </si>
  <si>
    <t>4359</t>
  </si>
  <si>
    <t>28.390945434570312</t>
  </si>
  <si>
    <t>983.23046875</t>
  </si>
  <si>
    <t>0.06614568484018513</t>
  </si>
  <si>
    <t>28.80181884765625</t>
  </si>
  <si>
    <t>873.9166259765625</t>
  </si>
  <si>
    <t>0.044421839025490684</t>
  </si>
  <si>
    <t>4896</t>
  </si>
  <si>
    <t>28.647018432617188</t>
  </si>
  <si>
    <t>1309.847412109375</t>
  </si>
  <si>
    <t>0.07175403292827909</t>
  </si>
  <si>
    <t>4982</t>
  </si>
  <si>
    <t>28.313920974731445</t>
  </si>
  <si>
    <t>851.6876831054688</t>
  </si>
  <si>
    <t>0.017412871629963078</t>
  </si>
  <si>
    <t>28.536523818969727</t>
  </si>
  <si>
    <t>959.3491821289062</t>
  </si>
  <si>
    <t>0.003006315522080527</t>
  </si>
  <si>
    <t>28.198394775390625</t>
  </si>
  <si>
    <t>1075.9520263671875</t>
  </si>
  <si>
    <t>0.010352471514709194</t>
  </si>
  <si>
    <t>28.4042911529541</t>
  </si>
  <si>
    <t>911.4998168945312</t>
  </si>
  <si>
    <t>0.05247105173745403</t>
  </si>
  <si>
    <t>28.608503341674805</t>
  </si>
  <si>
    <t>928.582763671875</t>
  </si>
  <si>
    <t>0.11172996394330603</t>
  </si>
  <si>
    <t>28.69630241394043</t>
  </si>
  <si>
    <t>952.6426391601562</t>
  </si>
  <si>
    <t>0.11062395037486361</t>
  </si>
  <si>
    <t>28.749130249023438</t>
  </si>
  <si>
    <t>981.4345092773438</t>
  </si>
  <si>
    <t>0.052894479455995125</t>
  </si>
  <si>
    <t>7681</t>
  </si>
  <si>
    <t>28.442201614379883</t>
  </si>
  <si>
    <t>856.5933227539062</t>
  </si>
  <si>
    <t>0.0918400976281486</t>
  </si>
  <si>
    <t>28.930051803588867</t>
  </si>
  <si>
    <t>1035.731689453125</t>
  </si>
  <si>
    <t>0.04019166962160803</t>
  </si>
  <si>
    <t>7667</t>
  </si>
  <si>
    <t>28.58061981201172</t>
  </si>
  <si>
    <t>1086.4073486328125</t>
  </si>
  <si>
    <t>-0.04201601206139571</t>
  </si>
  <si>
    <t>8649</t>
  </si>
  <si>
    <t>28.390138626098633</t>
  </si>
  <si>
    <t>1141.821533203125</t>
  </si>
  <si>
    <t>0.12051830274761777</t>
  </si>
  <si>
    <t>28.563331604003906</t>
  </si>
  <si>
    <t>1107.7928466796875</t>
  </si>
  <si>
    <t>0.06349739662915965</t>
  </si>
  <si>
    <t>1807</t>
  </si>
  <si>
    <t>18.646211624145508</t>
  </si>
  <si>
    <t>2239.972412109375</t>
  </si>
  <si>
    <t>683.0162353515625</t>
  </si>
  <si>
    <t>Arunachal Pradesh</t>
  </si>
  <si>
    <t>18.69706916809082</t>
  </si>
  <si>
    <t>2197.0693359375</t>
  </si>
  <si>
    <t>-0.01057033485876957</t>
  </si>
  <si>
    <t>1848</t>
  </si>
  <si>
    <t>18.376237869262695</t>
  </si>
  <si>
    <t>1767.012939453125</t>
  </si>
  <si>
    <t>0.033006296468170326</t>
  </si>
  <si>
    <t>18.913475036621094</t>
  </si>
  <si>
    <t>2152.322998046875</t>
  </si>
  <si>
    <t>0.026169717733385056</t>
  </si>
  <si>
    <t>19.05851173400879</t>
  </si>
  <si>
    <t>1742.2518310546875</t>
  </si>
  <si>
    <t>0.04433715858478138</t>
  </si>
  <si>
    <t>19.19469451904297</t>
  </si>
  <si>
    <t>2065.49072265625</t>
  </si>
  <si>
    <t>0.05303157090883737</t>
  </si>
  <si>
    <t>19.148035049438477</t>
  </si>
  <si>
    <t>2016.396240234375</t>
  </si>
  <si>
    <t>0.053538500384814114</t>
  </si>
  <si>
    <t>18.41025733947754</t>
  </si>
  <si>
    <t>1738.4515380859375</t>
  </si>
  <si>
    <t>0.020637789446134036</t>
  </si>
  <si>
    <t>19.52212905883789</t>
  </si>
  <si>
    <t>2133.60302734375</t>
  </si>
  <si>
    <t>0.04131920659144228</t>
  </si>
  <si>
    <t>19.661062240600586</t>
  </si>
  <si>
    <t>1900.197509765625</t>
  </si>
  <si>
    <t>0.05632958965714252</t>
  </si>
  <si>
    <t>2388</t>
  </si>
  <si>
    <t>19.001272201538086</t>
  </si>
  <si>
    <t>2046.8214111328125</t>
  </si>
  <si>
    <t>-0.03901131099567312</t>
  </si>
  <si>
    <t>2609</t>
  </si>
  <si>
    <t>19.310449600219727</t>
  </si>
  <si>
    <t>1987.243896484375</t>
  </si>
  <si>
    <t>0.0885108106242356</t>
  </si>
  <si>
    <t>19.295907974243164</t>
  </si>
  <si>
    <t>1875.4437255859375</t>
  </si>
  <si>
    <t>0.11808110459767729</t>
  </si>
  <si>
    <t>19.34409523010254</t>
  </si>
  <si>
    <t>1837.27587890625</t>
  </si>
  <si>
    <t>-0.030431117202539326</t>
  </si>
  <si>
    <t>3061</t>
  </si>
  <si>
    <t>19.167423248291016</t>
  </si>
  <si>
    <t>2082.4970703125</t>
  </si>
  <si>
    <t>0.07212466641354531</t>
  </si>
  <si>
    <t>3798</t>
  </si>
  <si>
    <t>19.645652770996094</t>
  </si>
  <si>
    <t>1666.792236328125</t>
  </si>
  <si>
    <t>0.21573295242681922</t>
  </si>
  <si>
    <t>19.720243453979492</t>
  </si>
  <si>
    <t>1857.192626953125</t>
  </si>
  <si>
    <t>0.0002632618153945998</t>
  </si>
  <si>
    <t>3730</t>
  </si>
  <si>
    <t>19.566566467285156</t>
  </si>
  <si>
    <t>1986.906982421875</t>
  </si>
  <si>
    <t>-0.018329640549763937</t>
  </si>
  <si>
    <t>3777</t>
  </si>
  <si>
    <t>19.332584381103516</t>
  </si>
  <si>
    <t>1988.022705078125</t>
  </si>
  <si>
    <t>0.012521810074595408</t>
  </si>
  <si>
    <t>4079</t>
  </si>
  <si>
    <t>20.11113739013672</t>
  </si>
  <si>
    <t>1530.6376953125</t>
  </si>
  <si>
    <t>0.07692181660510045</t>
  </si>
  <si>
    <t>19.813692092895508</t>
  </si>
  <si>
    <t>2229.203125</t>
  </si>
  <si>
    <t>0.19353571624517762</t>
  </si>
  <si>
    <t>5171</t>
  </si>
  <si>
    <t>19.51447868347168</t>
  </si>
  <si>
    <t>1518.5634765625</t>
  </si>
  <si>
    <t>0.043678516833486114</t>
  </si>
  <si>
    <t>5326</t>
  </si>
  <si>
    <t>19.303415298461914</t>
  </si>
  <si>
    <t>1937.3572998046875</t>
  </si>
  <si>
    <t>0.029534393977655782</t>
  </si>
  <si>
    <t>19.5369815826416</t>
  </si>
  <si>
    <t>1914.1583251953125</t>
  </si>
  <si>
    <t>0.04766298013124448</t>
  </si>
  <si>
    <t>6045</t>
  </si>
  <si>
    <t>19.5511531829834</t>
  </si>
  <si>
    <t>1595.342529296875</t>
  </si>
  <si>
    <t>0.0789680165437705</t>
  </si>
  <si>
    <t>19.151716232299805</t>
  </si>
  <si>
    <t>1910.8428955078125</t>
  </si>
  <si>
    <t>0.18493737710564773</t>
  </si>
  <si>
    <t>19.67209815979004</t>
  </si>
  <si>
    <t>1737.9691162109375</t>
  </si>
  <si>
    <t>-0.010226733685236411</t>
  </si>
  <si>
    <t>19.503944396972656</t>
  </si>
  <si>
    <t>1976.005615234375</t>
  </si>
  <si>
    <t>0.0011106484551373086</t>
  </si>
  <si>
    <t>19.242340087890625</t>
  </si>
  <si>
    <t>1624.751953125</t>
  </si>
  <si>
    <t>0.06759510490851994</t>
  </si>
  <si>
    <t>8051</t>
  </si>
  <si>
    <t>19.435100555419922</t>
  </si>
  <si>
    <t>1761.4989013671875</t>
  </si>
  <si>
    <t>0.04314842646702033</t>
  </si>
  <si>
    <t>8252</t>
  </si>
  <si>
    <t>19.46055030822754</t>
  </si>
  <si>
    <t>2008.8328857421875</t>
  </si>
  <si>
    <t>0.02465928789116134</t>
  </si>
  <si>
    <t>19.789506912231445</t>
  </si>
  <si>
    <t>1417.621826171875</t>
  </si>
  <si>
    <t>0.1318485669001106</t>
  </si>
  <si>
    <t>19.499595642089844</t>
  </si>
  <si>
    <t>1932.1707763671875</t>
  </si>
  <si>
    <t>0.06347582178144862</t>
  </si>
  <si>
    <t>23.55986976623535</t>
  </si>
  <si>
    <t>2576.007080078125</t>
  </si>
  <si>
    <t>8501.5791015625</t>
  </si>
  <si>
    <t>Assam</t>
  </si>
  <si>
    <t>23.382545471191406</t>
  </si>
  <si>
    <t>2652.570068359375</t>
  </si>
  <si>
    <t>-0.009756174945364293</t>
  </si>
  <si>
    <t>1264</t>
  </si>
  <si>
    <t>23.20512580871582</t>
  </si>
  <si>
    <t>2047.5518798828125</t>
  </si>
  <si>
    <t>0.03215711163453161</t>
  </si>
  <si>
    <t>23.584497451782227</t>
  </si>
  <si>
    <t>2776.059326171875</t>
  </si>
  <si>
    <t>0.026543322557231797</t>
  </si>
  <si>
    <t>23.75337791442871</t>
  </si>
  <si>
    <t>1962.6806640625</t>
  </si>
  <si>
    <t>0.0444517625708345</t>
  </si>
  <si>
    <t>24.042390823364258</t>
  </si>
  <si>
    <t>2488.37890625</t>
  </si>
  <si>
    <t>0.053097119721581265</t>
  </si>
  <si>
    <t>23.880577087402344</t>
  </si>
  <si>
    <t>2259.617919921875</t>
  </si>
  <si>
    <t>0.053073679211398606</t>
  </si>
  <si>
    <t>23.3214054107666</t>
  </si>
  <si>
    <t>2183.019775390625</t>
  </si>
  <si>
    <t>0.02098437655226615</t>
  </si>
  <si>
    <t>24.25410270690918</t>
  </si>
  <si>
    <t>2599.3203125</t>
  </si>
  <si>
    <t>0.04131505918659162</t>
  </si>
  <si>
    <t>1692</t>
  </si>
  <si>
    <t>24.393198013305664</t>
  </si>
  <si>
    <t>2431.8408203125</t>
  </si>
  <si>
    <t>0.05216464565946133</t>
  </si>
  <si>
    <t>23.649110794067383</t>
  </si>
  <si>
    <t>2621.26904296875</t>
  </si>
  <si>
    <t>0.21411950527476442</t>
  </si>
  <si>
    <t>24.080320358276367</t>
  </si>
  <si>
    <t>2493.20751953125</t>
  </si>
  <si>
    <t>0.043414052081930166</t>
  </si>
  <si>
    <t>24.0288028717041</t>
  </si>
  <si>
    <t>2194.99365234375</t>
  </si>
  <si>
    <t>-0.008717650988357306</t>
  </si>
  <si>
    <t>2398</t>
  </si>
  <si>
    <t>24.06654930114746</t>
  </si>
  <si>
    <t>2109.69091796875</t>
  </si>
  <si>
    <t>0.09990788905295389</t>
  </si>
  <si>
    <t>2453</t>
  </si>
  <si>
    <t>23.92146873474121</t>
  </si>
  <si>
    <t>2313.048095703125</t>
  </si>
  <si>
    <t>0.02267670867103</t>
  </si>
  <si>
    <t>24.374723434448242</t>
  </si>
  <si>
    <t>1937.21875</t>
  </si>
  <si>
    <t>-0.028112640936047484</t>
  </si>
  <si>
    <t>24.410249710083008</t>
  </si>
  <si>
    <t>1956.8160400390625</t>
  </si>
  <si>
    <t>0.039462580369359124</t>
  </si>
  <si>
    <t>24.267900466918945</t>
  </si>
  <si>
    <t>2353.09326171875</t>
  </si>
  <si>
    <t>-0.015434912434060699</t>
  </si>
  <si>
    <t>2333</t>
  </si>
  <si>
    <t>24.0759334564209</t>
  </si>
  <si>
    <t>2324.74267578125</t>
  </si>
  <si>
    <t>-0.04607179923631044</t>
  </si>
  <si>
    <t>2475</t>
  </si>
  <si>
    <t>24.79921531677246</t>
  </si>
  <si>
    <t>1694.595947265625</t>
  </si>
  <si>
    <t>0.05908540298136078</t>
  </si>
  <si>
    <t>24.48566246032715</t>
  </si>
  <si>
    <t>2471.682861328125</t>
  </si>
  <si>
    <t>0.10572408592178384</t>
  </si>
  <si>
    <t>24.12566375732422</t>
  </si>
  <si>
    <t>1733.10546875</t>
  </si>
  <si>
    <t>0.01979549973783179</t>
  </si>
  <si>
    <t>2980</t>
  </si>
  <si>
    <t>23.76045799255371</t>
  </si>
  <si>
    <t>2159.12841796875</t>
  </si>
  <si>
    <t>0.060163318837044066</t>
  </si>
  <si>
    <t>24.03572654724121</t>
  </si>
  <si>
    <t>2087.703857421875</t>
  </si>
  <si>
    <t>0.011676529661835744</t>
  </si>
  <si>
    <t>24.2763614654541</t>
  </si>
  <si>
    <t>1868.2138671875</t>
  </si>
  <si>
    <t>0.057674219613671696</t>
  </si>
  <si>
    <t>23.802902221679688</t>
  </si>
  <si>
    <t>2374.104736328125</t>
  </si>
  <si>
    <t>0.0479847589623521</t>
  </si>
  <si>
    <t>24.488882064819336</t>
  </si>
  <si>
    <t>2047.37890625</t>
  </si>
  <si>
    <t>0.11036141909672459</t>
  </si>
  <si>
    <t>3851</t>
  </si>
  <si>
    <t>24.212623596191406</t>
  </si>
  <si>
    <t>2582.567626953125</t>
  </si>
  <si>
    <t>0.028712626980874845</t>
  </si>
  <si>
    <t>24.005935668945312</t>
  </si>
  <si>
    <t>1855.789306640625</t>
  </si>
  <si>
    <t>0.08054195382223739</t>
  </si>
  <si>
    <t>4206</t>
  </si>
  <si>
    <t>24.095855712890625</t>
  </si>
  <si>
    <t>2087.80419921875</t>
  </si>
  <si>
    <t>0.0076372686254977395</t>
  </si>
  <si>
    <t>24.201635360717773</t>
  </si>
  <si>
    <t>2432.4833984375</t>
  </si>
  <si>
    <t>-0.030170020856838065</t>
  </si>
  <si>
    <t>24.497983932495117</t>
  </si>
  <si>
    <t>1839.25634765625</t>
  </si>
  <si>
    <t>0.040812192952984105</t>
  </si>
  <si>
    <t>24.30177116394043</t>
  </si>
  <si>
    <t>2143.94482421875</t>
  </si>
  <si>
    <t>0.06356769011828867</t>
  </si>
  <si>
    <t>623</t>
  </si>
  <si>
    <t>24.899497985839844</t>
  </si>
  <si>
    <t>1202.9320068359375</t>
  </si>
  <si>
    <t>28964.716796875</t>
  </si>
  <si>
    <t>Bihar</t>
  </si>
  <si>
    <t>25.239479064941406</t>
  </si>
  <si>
    <t>1115.2342529296875</t>
  </si>
  <si>
    <t>-0.00967749488206504</t>
  </si>
  <si>
    <t>637</t>
  </si>
  <si>
    <t>25.05034637451172</t>
  </si>
  <si>
    <t>868.1392211914062</t>
  </si>
  <si>
    <t>0.03190063166677515</t>
  </si>
  <si>
    <t>25.107053756713867</t>
  </si>
  <si>
    <t>990.3397827148438</t>
  </si>
  <si>
    <t>0.02633769588503565</t>
  </si>
  <si>
    <t>25.071168899536133</t>
  </si>
  <si>
    <t>1014.3727416992188</t>
  </si>
  <si>
    <t>0.044850566165351324</t>
  </si>
  <si>
    <t>721</t>
  </si>
  <si>
    <t>25.636131286621094</t>
  </si>
  <si>
    <t>1112.6273193359375</t>
  </si>
  <si>
    <t>0.05268121966239914</t>
  </si>
  <si>
    <t>25.309463500976562</t>
  </si>
  <si>
    <t>1108.24462890625</t>
  </si>
  <si>
    <t>0.05399422057673675</t>
  </si>
  <si>
    <t>24.783287048339844</t>
  </si>
  <si>
    <t>1149.5404052734375</t>
  </si>
  <si>
    <t>0.019519162321532946</t>
  </si>
  <si>
    <t>809</t>
  </si>
  <si>
    <t>25.574628829956055</t>
  </si>
  <si>
    <t>1294.0369873046875</t>
  </si>
  <si>
    <t>0.041646396875272274</t>
  </si>
  <si>
    <t>25.716171264648438</t>
  </si>
  <si>
    <t>1337.0631103515625</t>
  </si>
  <si>
    <t>0.06345635360520152</t>
  </si>
  <si>
    <t>25.327417373657227</t>
  </si>
  <si>
    <t>1122.3037109375</t>
  </si>
  <si>
    <t>0.13642742708417543</t>
  </si>
  <si>
    <t>25.572036743164062</t>
  </si>
  <si>
    <t>1245.597412109375</t>
  </si>
  <si>
    <t>0.10465176252736175</t>
  </si>
  <si>
    <t>25.728429794311523</t>
  </si>
  <si>
    <t>1188.091064453125</t>
  </si>
  <si>
    <t>-0.06302037905154823</t>
  </si>
  <si>
    <t>25.60895538330078</t>
  </si>
  <si>
    <t>1216.6949462890625</t>
  </si>
  <si>
    <t>0.11194076003215514</t>
  </si>
  <si>
    <t>25.771461486816406</t>
  </si>
  <si>
    <t>1281.191650390625</t>
  </si>
  <si>
    <t>-0.05991957528127667</t>
  </si>
  <si>
    <t>25.768762588500977</t>
  </si>
  <si>
    <t>1014.0755615234375</t>
  </si>
  <si>
    <t>0.0362030486639604</t>
  </si>
  <si>
    <t>25.887893676757812</t>
  </si>
  <si>
    <t>1126.3624267578125</t>
  </si>
  <si>
    <t>-0.014324327288153249</t>
  </si>
  <si>
    <t>25.806650161743164</t>
  </si>
  <si>
    <t>1181.5728759765625</t>
  </si>
  <si>
    <t>0.10680221711496607</t>
  </si>
  <si>
    <t>25.574575424194336</t>
  </si>
  <si>
    <t>1250.7418212890625</t>
  </si>
  <si>
    <t>-0.018814460912241593</t>
  </si>
  <si>
    <t>26.137819290161133</t>
  </si>
  <si>
    <t>1020.70556640625</t>
  </si>
  <si>
    <t>0.15214323981912248</t>
  </si>
  <si>
    <t>26.260805130004883</t>
  </si>
  <si>
    <t>1146.373779296875</t>
  </si>
  <si>
    <t>0.06054118070495029</t>
  </si>
  <si>
    <t>25.412336349487305</t>
  </si>
  <si>
    <t>1453.923583984375</t>
  </si>
  <si>
    <t>0.07891235765851157</t>
  </si>
  <si>
    <t>1575</t>
  </si>
  <si>
    <t>25.50844383239746</t>
  </si>
  <si>
    <t>1245.780517578125</t>
  </si>
  <si>
    <t>-0.028787970475942615</t>
  </si>
  <si>
    <t>1655</t>
  </si>
  <si>
    <t>25.208818435668945</t>
  </si>
  <si>
    <t>1254.58984375</t>
  </si>
  <si>
    <t>0.0495457365514298</t>
  </si>
  <si>
    <t>25.298446655273438</t>
  </si>
  <si>
    <t>782.5679321289062</t>
  </si>
  <si>
    <t>0.04432039968066093</t>
  </si>
  <si>
    <t>1817</t>
  </si>
  <si>
    <t>25.375062942504883</t>
  </si>
  <si>
    <t>1171.70556640625</t>
  </si>
  <si>
    <t>0.04906538090434687</t>
  </si>
  <si>
    <t>1871</t>
  </si>
  <si>
    <t>25.915771484375</t>
  </si>
  <si>
    <t>1284.0792236328125</t>
  </si>
  <si>
    <t>0.029286257877918054</t>
  </si>
  <si>
    <t>25.574310302734375</t>
  </si>
  <si>
    <t>1122.076416015625</t>
  </si>
  <si>
    <t>0.05510749689652794</t>
  </si>
  <si>
    <t>25.433462142944336</t>
  </si>
  <si>
    <t>1101.419921875</t>
  </si>
  <si>
    <t>0.03479476249067215</t>
  </si>
  <si>
    <t>25.24400520324707</t>
  </si>
  <si>
    <t>1145.5489501953125</t>
  </si>
  <si>
    <t>0.03220658076889382</t>
  </si>
  <si>
    <t>25.243776321411133</t>
  </si>
  <si>
    <t>1264.9332275390625</t>
  </si>
  <si>
    <t>-0.05393583076436492</t>
  </si>
  <si>
    <t>2134</t>
  </si>
  <si>
    <t>25.31890106201172</t>
  </si>
  <si>
    <t>1220.4080810546875</t>
  </si>
  <si>
    <t>0.06335209619588067</t>
  </si>
  <si>
    <t>25.650815963745117</t>
  </si>
  <si>
    <t>1140.2425537109375</t>
  </si>
  <si>
    <t>0.06354224244878282</t>
  </si>
  <si>
    <t>25.7188720703125</t>
  </si>
  <si>
    <t>1618.168701171875</t>
  </si>
  <si>
    <t>7245.7724609375</t>
  </si>
  <si>
    <t>Chhattisgarh</t>
  </si>
  <si>
    <t>26.190134048461914</t>
  </si>
  <si>
    <t>1332.9617919921875</t>
  </si>
  <si>
    <t>-0.010537505302785632</t>
  </si>
  <si>
    <t>26.21714973449707</t>
  </si>
  <si>
    <t>1085.7279052734375</t>
  </si>
  <si>
    <t>0.03265312676645937</t>
  </si>
  <si>
    <t>26.201730728149414</t>
  </si>
  <si>
    <t>1225.196044921875</t>
  </si>
  <si>
    <t>0.026308431303955437</t>
  </si>
  <si>
    <t>25.77897071838379</t>
  </si>
  <si>
    <t>1399.47509765625</t>
  </si>
  <si>
    <t>0.044278066018273776</t>
  </si>
  <si>
    <t>26.38362693786621</t>
  </si>
  <si>
    <t>1281.717529296875</t>
  </si>
  <si>
    <t>0.05332943660285139</t>
  </si>
  <si>
    <t>1747</t>
  </si>
  <si>
    <t>26.263410568237305</t>
  </si>
  <si>
    <t>1181.0364990234375</t>
  </si>
  <si>
    <t>0.05349497518885116</t>
  </si>
  <si>
    <t>25.9437198638916</t>
  </si>
  <si>
    <t>1151.96142578125</t>
  </si>
  <si>
    <t>0.02039730772908399</t>
  </si>
  <si>
    <t>26.445777893066406</t>
  </si>
  <si>
    <t>1205.4522705078125</t>
  </si>
  <si>
    <t>0.04120330151064344</t>
  </si>
  <si>
    <t>1928</t>
  </si>
  <si>
    <t>26.410865783691406</t>
  </si>
  <si>
    <t>1276.48974609375</t>
  </si>
  <si>
    <t>0.036982555796707395</t>
  </si>
  <si>
    <t>26.259294509887695</t>
  </si>
  <si>
    <t>1108.203857421875</t>
  </si>
  <si>
    <t>0.02913571795079939</t>
  </si>
  <si>
    <t>26.339696884155273</t>
  </si>
  <si>
    <t>1313.9559326171875</t>
  </si>
  <si>
    <t>-0.07748510790616514</t>
  </si>
  <si>
    <t>26.73845863342285</t>
  </si>
  <si>
    <t>1098.44287109375</t>
  </si>
  <si>
    <t>0.09644775195262056</t>
  </si>
  <si>
    <t>26.52373695373535</t>
  </si>
  <si>
    <t>1283.5003662109375</t>
  </si>
  <si>
    <t>0.06645216103140772</t>
  </si>
  <si>
    <t>2458</t>
  </si>
  <si>
    <t>26.476518630981445</t>
  </si>
  <si>
    <t>1235.182373046875</t>
  </si>
  <si>
    <t>0.1283142919268263</t>
  </si>
  <si>
    <t>26.38616180419922</t>
  </si>
  <si>
    <t>1223.3143310546875</t>
  </si>
  <si>
    <t>0.07067304315128009</t>
  </si>
  <si>
    <t>2713</t>
  </si>
  <si>
    <t>26.437990188598633</t>
  </si>
  <si>
    <t>1341.3929443359375</t>
  </si>
  <si>
    <t>0.028033979381671514</t>
  </si>
  <si>
    <t>26.50306510925293</t>
  </si>
  <si>
    <t>1248.9544677734375</t>
  </si>
  <si>
    <t>0.12362252792231221</t>
  </si>
  <si>
    <t>3220</t>
  </si>
  <si>
    <t>26.403451919555664</t>
  </si>
  <si>
    <t>1327.888916015625</t>
  </si>
  <si>
    <t>0.047703797957209915</t>
  </si>
  <si>
    <t>26.93926429748535</t>
  </si>
  <si>
    <t>1114.97119140625</t>
  </si>
  <si>
    <t>0.09134977858822779</t>
  </si>
  <si>
    <t>27.008508682250977</t>
  </si>
  <si>
    <t>1318.638671875</t>
  </si>
  <si>
    <t>-0.05745857893300155</t>
  </si>
  <si>
    <t>26.28650665283203</t>
  </si>
  <si>
    <t>1356.845703125</t>
  </si>
  <si>
    <t>0.04720207876581384</t>
  </si>
  <si>
    <t>3996</t>
  </si>
  <si>
    <t>26.40791130065918</t>
  </si>
  <si>
    <t>1443.8634033203125</t>
  </si>
  <si>
    <t>0.1348192228089502</t>
  </si>
  <si>
    <t>26.072771072387695</t>
  </si>
  <si>
    <t>1502.6368408203125</t>
  </si>
  <si>
    <t>0.02910193044445819</t>
  </si>
  <si>
    <t>26.15147590637207</t>
  </si>
  <si>
    <t>1278.040283203125</t>
  </si>
  <si>
    <t>0.08678853576308221</t>
  </si>
  <si>
    <t>4621</t>
  </si>
  <si>
    <t>26.54903221130371</t>
  </si>
  <si>
    <t>1354.9036865234375</t>
  </si>
  <si>
    <t>0.029426804894281844</t>
  </si>
  <si>
    <t>4492</t>
  </si>
  <si>
    <t>26.68476676940918</t>
  </si>
  <si>
    <t>1422.8914794921875</t>
  </si>
  <si>
    <t>-0.028313095011931466</t>
  </si>
  <si>
    <t>26.64849090576172</t>
  </si>
  <si>
    <t>1342.31201171875</t>
  </si>
  <si>
    <t>0.07378989587634877</t>
  </si>
  <si>
    <t>26.312728881835938</t>
  </si>
  <si>
    <t>1344.3348388671875</t>
  </si>
  <si>
    <t>0.029542741338600464</t>
  </si>
  <si>
    <t>26.567703247070312</t>
  </si>
  <si>
    <t>1643.974365234375</t>
  </si>
  <si>
    <t>0.023609865639134142</t>
  </si>
  <si>
    <t>26.321945190429688</t>
  </si>
  <si>
    <t>1432.689453125</t>
  </si>
  <si>
    <t>-0.06920297759130811</t>
  </si>
  <si>
    <t>5137</t>
  </si>
  <si>
    <t>26.23783302307129</t>
  </si>
  <si>
    <t>1332.27392578125</t>
  </si>
  <si>
    <t>0.0764316893461583</t>
  </si>
  <si>
    <t>5473</t>
  </si>
  <si>
    <t>26.657180786132812</t>
  </si>
  <si>
    <t>1577.6748046875</t>
  </si>
  <si>
    <t>0.06335766067664927</t>
  </si>
  <si>
    <t>1481</t>
  </si>
  <si>
    <t>26.818090438842773</t>
  </si>
  <si>
    <t>1965.6845703125</t>
  </si>
  <si>
    <t>438.6318359375</t>
  </si>
  <si>
    <t>Goa</t>
  </si>
  <si>
    <t>5015</t>
  </si>
  <si>
    <t>27.092018127441406</t>
  </si>
  <si>
    <t>2200.84912109375</t>
  </si>
  <si>
    <t>-0.010315505079875109</t>
  </si>
  <si>
    <t>27.025352478027344</t>
  </si>
  <si>
    <t>2306.955322265625</t>
  </si>
  <si>
    <t>0.03275766072601982</t>
  </si>
  <si>
    <t>27.11193084716797</t>
  </si>
  <si>
    <t>2665.13427734375</t>
  </si>
  <si>
    <t>0.02609423362026142</t>
  </si>
  <si>
    <t>26.723180770874023</t>
  </si>
  <si>
    <t>2777.30029296875</t>
  </si>
  <si>
    <t>0.04449263244524637</t>
  </si>
  <si>
    <t>5865</t>
  </si>
  <si>
    <t>27.20429801940918</t>
  </si>
  <si>
    <t>4674.5732421875</t>
  </si>
  <si>
    <t>0.05322453390001236</t>
  </si>
  <si>
    <t>27.087631225585938</t>
  </si>
  <si>
    <t>2571.97021484375</t>
  </si>
  <si>
    <t>0.053286192157440126</t>
  </si>
  <si>
    <t>27.21344757080078</t>
  </si>
  <si>
    <t>3007.116455078125</t>
  </si>
  <si>
    <t>0.020639081539576054</t>
  </si>
  <si>
    <t>27.375539779663086</t>
  </si>
  <si>
    <t>2583.811767578125</t>
  </si>
  <si>
    <t>0.041258953671526655</t>
  </si>
  <si>
    <t>7715</t>
  </si>
  <si>
    <t>27.025094985961914</t>
  </si>
  <si>
    <t>2575.161865234375</t>
  </si>
  <si>
    <t>0.1589797763411429</t>
  </si>
  <si>
    <t>26.978782653808594</t>
  </si>
  <si>
    <t>2928.170166015625</t>
  </si>
  <si>
    <t>-0.06645004665810106</t>
  </si>
  <si>
    <t>7478</t>
  </si>
  <si>
    <t>27.16351890563965</t>
  </si>
  <si>
    <t>1950.3419189453125</t>
  </si>
  <si>
    <t>0.03524893739789903</t>
  </si>
  <si>
    <t>27.468862533569336</t>
  </si>
  <si>
    <t>1606.6690673828125</t>
  </si>
  <si>
    <t>-0.01985344431347258</t>
  </si>
  <si>
    <t>27.36580467224121</t>
  </si>
  <si>
    <t>2385.864990234375</t>
  </si>
  <si>
    <t>0.10246449702265714</t>
  </si>
  <si>
    <t>27.159828186035156</t>
  </si>
  <si>
    <t>2066.343017578125</t>
  </si>
  <si>
    <t>0.06252035698133263</t>
  </si>
  <si>
    <t>10940</t>
  </si>
  <si>
    <t>27.04729461669922</t>
  </si>
  <si>
    <t>3057.33935546875</t>
  </si>
  <si>
    <t>0.23532901074839607</t>
  </si>
  <si>
    <t>11426</t>
  </si>
  <si>
    <t>27.285972595214844</t>
  </si>
  <si>
    <t>2566.501953125</t>
  </si>
  <si>
    <t>0.043465663308435154</t>
  </si>
  <si>
    <t>27.259828567504883</t>
  </si>
  <si>
    <t>3149.532470703125</t>
  </si>
  <si>
    <t>0.02745101156988916</t>
  </si>
  <si>
    <t>11912</t>
  </si>
  <si>
    <t>27.26746368408203</t>
  </si>
  <si>
    <t>2587.897705078125</t>
  </si>
  <si>
    <t>13961</t>
  </si>
  <si>
    <t>27.688772201538086</t>
  </si>
  <si>
    <t>2956.61572265625</t>
  </si>
  <si>
    <t>0.15872143262480165</t>
  </si>
  <si>
    <t>27.569116592407227</t>
  </si>
  <si>
    <t>3534.59912109375</t>
  </si>
  <si>
    <t>0.03498016657159475</t>
  </si>
  <si>
    <t>14252</t>
  </si>
  <si>
    <t>27.226682662963867</t>
  </si>
  <si>
    <t>3043.957763671875</t>
  </si>
  <si>
    <t>-0.014350646834515146</t>
  </si>
  <si>
    <t>18790</t>
  </si>
  <si>
    <t>27.3398494720459</t>
  </si>
  <si>
    <t>2210.5869140625</t>
  </si>
  <si>
    <t>0.27642756568178406</t>
  </si>
  <si>
    <t>15844</t>
  </si>
  <si>
    <t>27.08685874938965</t>
  </si>
  <si>
    <t>2857.260009765625</t>
  </si>
  <si>
    <t>-0.17053393366570369</t>
  </si>
  <si>
    <t>13856</t>
  </si>
  <si>
    <t>27.328527450561523</t>
  </si>
  <si>
    <t>3035.656494140625</t>
  </si>
  <si>
    <t>-0.13407252793959046</t>
  </si>
  <si>
    <t>18323</t>
  </si>
  <si>
    <t>27.70658302307129</t>
  </si>
  <si>
    <t>2005.4652099609375</t>
  </si>
  <si>
    <t>0.27943874947795777</t>
  </si>
  <si>
    <t>20588</t>
  </si>
  <si>
    <t>27.553083419799805</t>
  </si>
  <si>
    <t>2553.688232421875</t>
  </si>
  <si>
    <t>0.11655128049247132</t>
  </si>
  <si>
    <t>27.582727432250977</t>
  </si>
  <si>
    <t>2213.95361328125</t>
  </si>
  <si>
    <t>0.06642497652673462</t>
  </si>
  <si>
    <t>22868</t>
  </si>
  <si>
    <t>27.42229461669922</t>
  </si>
  <si>
    <t>1763.4580078125</t>
  </si>
  <si>
    <t>0.03860519508448235</t>
  </si>
  <si>
    <t>21995</t>
  </si>
  <si>
    <t>27.6815128326416</t>
  </si>
  <si>
    <t>4109.6796875</t>
  </si>
  <si>
    <t>-0.038923398601042436</t>
  </si>
  <si>
    <t>27.528785705566406</t>
  </si>
  <si>
    <t>3967.4921875</t>
  </si>
  <si>
    <t>-0.10811746351715179</t>
  </si>
  <si>
    <t>27.31440544128418</t>
  </si>
  <si>
    <t>3343.29345703125</t>
  </si>
  <si>
    <t>0.0671912732224147</t>
  </si>
  <si>
    <t>27.44780731201172</t>
  </si>
  <si>
    <t>2170.5927734375</t>
  </si>
  <si>
    <t>0.06344855112230796</t>
  </si>
  <si>
    <t>26.792015075683594</t>
  </si>
  <si>
    <t>910.7766723632812</t>
  </si>
  <si>
    <t>18594.806640625</t>
  </si>
  <si>
    <t>Gujarat</t>
  </si>
  <si>
    <t>2548</t>
  </si>
  <si>
    <t>27.171239852905273</t>
  </si>
  <si>
    <t>644.62548828125</t>
  </si>
  <si>
    <t>-0.010152371464018373</t>
  </si>
  <si>
    <t>27.10712432861328</t>
  </si>
  <si>
    <t>852.328857421875</t>
  </si>
  <si>
    <t>0.03281514280425579</t>
  </si>
  <si>
    <t>27.58209991455078</t>
  </si>
  <si>
    <t>826.46484375</t>
  </si>
  <si>
    <t>0.025868359023834664</t>
  </si>
  <si>
    <t>26.907379150390625</t>
  </si>
  <si>
    <t>1043.6041259765625</t>
  </si>
  <si>
    <t>0.04451612506039648</t>
  </si>
  <si>
    <t>27.46909523010254</t>
  </si>
  <si>
    <t>725.7424926757812</t>
  </si>
  <si>
    <t>0.05307930913274106</t>
  </si>
  <si>
    <t>27.22979736328125</t>
  </si>
  <si>
    <t>980.387939453125</t>
  </si>
  <si>
    <t>0.05359008408428512</t>
  </si>
  <si>
    <t>3208</t>
  </si>
  <si>
    <t>26.711057662963867</t>
  </si>
  <si>
    <t>937.5335693359375</t>
  </si>
  <si>
    <t>0.020469932188838413</t>
  </si>
  <si>
    <t>27.502050399780273</t>
  </si>
  <si>
    <t>1047.0362548828125</t>
  </si>
  <si>
    <t>0.041220917433692605</t>
  </si>
  <si>
    <t>27.397260665893555</t>
  </si>
  <si>
    <t>711.8171997070312</t>
  </si>
  <si>
    <t>0.08566437386745562</t>
  </si>
  <si>
    <t>27.3499755859375</t>
  </si>
  <si>
    <t>775.1162719726562</t>
  </si>
  <si>
    <t>-0.12315162174910022</t>
  </si>
  <si>
    <t>27.362464904785156</t>
  </si>
  <si>
    <t>755.4515380859375</t>
  </si>
  <si>
    <t>-0.023567469403912966</t>
  </si>
  <si>
    <t>27.79644203186035</t>
  </si>
  <si>
    <t>565.9868774414062</t>
  </si>
  <si>
    <t>0.046288741603044414</t>
  </si>
  <si>
    <t>27.37683868408203</t>
  </si>
  <si>
    <t>937.7433471679688</t>
  </si>
  <si>
    <t>0.13550273301576254</t>
  </si>
  <si>
    <t>27.641115188598633</t>
  </si>
  <si>
    <t>906.7958984375</t>
  </si>
  <si>
    <t>0.12283681617243225</t>
  </si>
  <si>
    <t>27.11912727355957</t>
  </si>
  <si>
    <t>995.3086547851562</t>
  </si>
  <si>
    <t>0.06490480809086208</t>
  </si>
  <si>
    <t>27.497398376464844</t>
  </si>
  <si>
    <t>1064.0289306640625</t>
  </si>
  <si>
    <t>0.11291267764018365</t>
  </si>
  <si>
    <t>27.558740615844727</t>
  </si>
  <si>
    <t>994.0252685546875</t>
  </si>
  <si>
    <t>0.05275444424863451</t>
  </si>
  <si>
    <t>5481</t>
  </si>
  <si>
    <t>27.436365127563477</t>
  </si>
  <si>
    <t>911.3908081054688</t>
  </si>
  <si>
    <t>0.02027345514065715</t>
  </si>
  <si>
    <t>5655</t>
  </si>
  <si>
    <t>28.103622436523438</t>
  </si>
  <si>
    <t>855.8529663085938</t>
  </si>
  <si>
    <t>27.956756591796875</t>
  </si>
  <si>
    <t>1311.8673095703125</t>
  </si>
  <si>
    <t>0.09410376151347322</t>
  </si>
  <si>
    <t>27.40228271484375</t>
  </si>
  <si>
    <t>946.67724609375</t>
  </si>
  <si>
    <t>0.05617432909346398</t>
  </si>
  <si>
    <t>27.263229370117188</t>
  </si>
  <si>
    <t>724.3572998046875</t>
  </si>
  <si>
    <t>-0.0365705456628973</t>
  </si>
  <si>
    <t>27.17676544189453</t>
  </si>
  <si>
    <t>1065.868408203125</t>
  </si>
  <si>
    <t>0.09278173345096619</t>
  </si>
  <si>
    <t>27.393701553344727</t>
  </si>
  <si>
    <t>1013.3253784179688</t>
  </si>
  <si>
    <t>0.04403890905915553</t>
  </si>
  <si>
    <t>8048</t>
  </si>
  <si>
    <t>27.860580444335938</t>
  </si>
  <si>
    <t>819.815185546875</t>
  </si>
  <si>
    <t>0.10235531633513695</t>
  </si>
  <si>
    <t>8569</t>
  </si>
  <si>
    <t>27.818359375</t>
  </si>
  <si>
    <t>867.763671875</t>
  </si>
  <si>
    <t>0.06272742632959805</t>
  </si>
  <si>
    <t>9075</t>
  </si>
  <si>
    <t>27.768630981445312</t>
  </si>
  <si>
    <t>1004.7117309570312</t>
  </si>
  <si>
    <t>0.05737234046393347</t>
  </si>
  <si>
    <t>9828</t>
  </si>
  <si>
    <t>27.72117042541504</t>
  </si>
  <si>
    <t>718.7415771484375</t>
  </si>
  <si>
    <t>0.0797120745080182</t>
  </si>
  <si>
    <t>27.49466896057129</t>
  </si>
  <si>
    <t>1158.0423583984375</t>
  </si>
  <si>
    <t>0.04204225092548519</t>
  </si>
  <si>
    <t>27.609296798706055</t>
  </si>
  <si>
    <t>1038.07861328125</t>
  </si>
  <si>
    <t>-0.06353739641394007</t>
  </si>
  <si>
    <t>27.57362937927246</t>
  </si>
  <si>
    <t>798.1722412109375</t>
  </si>
  <si>
    <t>0.07969877783183321</t>
  </si>
  <si>
    <t>11099</t>
  </si>
  <si>
    <t>27.8642520904541</t>
  </si>
  <si>
    <t>1181.8375244140625</t>
  </si>
  <si>
    <t>0.0634159271675312</t>
  </si>
  <si>
    <t>1483</t>
  </si>
  <si>
    <t>2721</t>
  </si>
  <si>
    <t>24.692453384399414</t>
  </si>
  <si>
    <t>795.5491333007812</t>
  </si>
  <si>
    <t>8034.3671875</t>
  </si>
  <si>
    <t>Haryana</t>
  </si>
  <si>
    <t>2693</t>
  </si>
  <si>
    <t>24.94451904296875</t>
  </si>
  <si>
    <t>519.4584350585938</t>
  </si>
  <si>
    <t>-0.010343645971647497</t>
  </si>
  <si>
    <t>2783</t>
  </si>
  <si>
    <t>24.7115478515625</t>
  </si>
  <si>
    <t>563.4940795898438</t>
  </si>
  <si>
    <t>0.032873668714292315</t>
  </si>
  <si>
    <t>25.357309341430664</t>
  </si>
  <si>
    <t>677.4039306640625</t>
  </si>
  <si>
    <t>0.025892561933583913</t>
  </si>
  <si>
    <t>24.84062385559082</t>
  </si>
  <si>
    <t>696.949951171875</t>
  </si>
  <si>
    <t>0.04451265463965992</t>
  </si>
  <si>
    <t>25.047988891601562</t>
  </si>
  <si>
    <t>667.0341796875</t>
  </si>
  <si>
    <t>0.05315024300188931</t>
  </si>
  <si>
    <t>3322</t>
  </si>
  <si>
    <t>24.8748722076416</t>
  </si>
  <si>
    <t>764.9345703125</t>
  </si>
  <si>
    <t>0.05348206907221531</t>
  </si>
  <si>
    <t>3391</t>
  </si>
  <si>
    <t>23.910287857055664</t>
  </si>
  <si>
    <t>633.8677368164062</t>
  </si>
  <si>
    <t>0.020557851952398565</t>
  </si>
  <si>
    <t>24.952512741088867</t>
  </si>
  <si>
    <t>696.0045166015625</t>
  </si>
  <si>
    <t>0.041305510754003905</t>
  </si>
  <si>
    <t>25.471473693847656</t>
  </si>
  <si>
    <t>478.7109069824219</t>
  </si>
  <si>
    <t>0.047792550271090306</t>
  </si>
  <si>
    <t>3964</t>
  </si>
  <si>
    <t>25.362913131713867</t>
  </si>
  <si>
    <t>562.0450439453125</t>
  </si>
  <si>
    <t>0.06703069229914682</t>
  </si>
  <si>
    <t>25.365516662597656</t>
  </si>
  <si>
    <t>526.6405029296875</t>
  </si>
  <si>
    <t>0.0984243057868337</t>
  </si>
  <si>
    <t>25.7010555267334</t>
  </si>
  <si>
    <t>446.8374938964844</t>
  </si>
  <si>
    <t>0.06269354174566466</t>
  </si>
  <si>
    <t>25.033655166625977</t>
  </si>
  <si>
    <t>719.494140625</t>
  </si>
  <si>
    <t>0.08319262823169993</t>
  </si>
  <si>
    <t>5400</t>
  </si>
  <si>
    <t>25.586153030395508</t>
  </si>
  <si>
    <t>455.55517578125</t>
  </si>
  <si>
    <t>0.06483486133828897</t>
  </si>
  <si>
    <t>24.887184143066406</t>
  </si>
  <si>
    <t>554.796142578125</t>
  </si>
  <si>
    <t>-0.0005557099337227811</t>
  </si>
  <si>
    <t>25.336164474487305</t>
  </si>
  <si>
    <t>654.3569946289062</t>
  </si>
  <si>
    <t>0.05567500915480217</t>
  </si>
  <si>
    <t>25.341520309448242</t>
  </si>
  <si>
    <t>573.168701171875</t>
  </si>
  <si>
    <t>0.06627859413437065</t>
  </si>
  <si>
    <t>6237</t>
  </si>
  <si>
    <t>25.331327438354492</t>
  </si>
  <si>
    <t>631.0881958007812</t>
  </si>
  <si>
    <t>0.022702450618306003</t>
  </si>
  <si>
    <t>25.802766799926758</t>
  </si>
  <si>
    <t>516.47412109375</t>
  </si>
  <si>
    <t>0.10406097031574113</t>
  </si>
  <si>
    <t>25.872520446777344</t>
  </si>
  <si>
    <t>693.060302734375</t>
  </si>
  <si>
    <t>0.13886320149454612</t>
  </si>
  <si>
    <t>7961</t>
  </si>
  <si>
    <t>25.3262939453125</t>
  </si>
  <si>
    <t>751.7025756835938</t>
  </si>
  <si>
    <t>0.0011311507521689634</t>
  </si>
  <si>
    <t>25.100494384765625</t>
  </si>
  <si>
    <t>705.928955078125</t>
  </si>
  <si>
    <t>-0.035544524220943785</t>
  </si>
  <si>
    <t>8199</t>
  </si>
  <si>
    <t>25.261009216308594</t>
  </si>
  <si>
    <t>771.5280151367188</t>
  </si>
  <si>
    <t>0.06500209972854343</t>
  </si>
  <si>
    <t>25.013933181762695</t>
  </si>
  <si>
    <t>562.778076171875</t>
  </si>
  <si>
    <t>0.07606622288720821</t>
  </si>
  <si>
    <t>25.438264846801758</t>
  </si>
  <si>
    <t>620.4191284179688</t>
  </si>
  <si>
    <t>0.05401367804749668</t>
  </si>
  <si>
    <t>25.965269088745117</t>
  </si>
  <si>
    <t>645.504638671875</t>
  </si>
  <si>
    <t>0.08348012625354784</t>
  </si>
  <si>
    <t>10740</t>
  </si>
  <si>
    <t>25.816640853881836</t>
  </si>
  <si>
    <t>629.2762451171875</t>
  </si>
  <si>
    <t>0.05640286627842528</t>
  </si>
  <si>
    <t>11576</t>
  </si>
  <si>
    <t>25.728178024291992</t>
  </si>
  <si>
    <t>705.8750610351562</t>
  </si>
  <si>
    <t>0.07495890024846297</t>
  </si>
  <si>
    <t>25.108179092407227</t>
  </si>
  <si>
    <t>645.0027465820312</t>
  </si>
  <si>
    <t>8.638189440901556e-05</t>
  </si>
  <si>
    <t>10891</t>
  </si>
  <si>
    <t>25.185678482055664</t>
  </si>
  <si>
    <t>613.6055297851562</t>
  </si>
  <si>
    <t>-0.06108361113004257</t>
  </si>
  <si>
    <t>11537</t>
  </si>
  <si>
    <t>25.494735717773438</t>
  </si>
  <si>
    <t>845.010498046875</t>
  </si>
  <si>
    <t>0.05762250185160411</t>
  </si>
  <si>
    <t>12293</t>
  </si>
  <si>
    <t>25.795730590820312</t>
  </si>
  <si>
    <t>602.5558471679688</t>
  </si>
  <si>
    <t>0.06347073274005055</t>
  </si>
  <si>
    <t>2094</t>
  </si>
  <si>
    <t>15.716700553894043</t>
  </si>
  <si>
    <t>1828.339599609375</t>
  </si>
  <si>
    <t>2028.0101318359375</t>
  </si>
  <si>
    <t>Himachal Pradesh</t>
  </si>
  <si>
    <t>15.78109359741211</t>
  </si>
  <si>
    <t>1370.2548828125</t>
  </si>
  <si>
    <t>-0.010561788051108856</t>
  </si>
  <si>
    <t>2141</t>
  </si>
  <si>
    <t>15.489006996154785</t>
  </si>
  <si>
    <t>1444.3682861328125</t>
  </si>
  <si>
    <t>0.032758685210309224</t>
  </si>
  <si>
    <t>16.28523063659668</t>
  </si>
  <si>
    <t>1305.101806640625</t>
  </si>
  <si>
    <t>0.026274846373883776</t>
  </si>
  <si>
    <t>2297</t>
  </si>
  <si>
    <t>15.711249351501465</t>
  </si>
  <si>
    <t>1370.033447265625</t>
  </si>
  <si>
    <t>0.04405606772553128</t>
  </si>
  <si>
    <t>15.836688041687012</t>
  </si>
  <si>
    <t>1594.013916015625</t>
  </si>
  <si>
    <t>0.053402518127428245</t>
  </si>
  <si>
    <t>15.7230224609375</t>
  </si>
  <si>
    <t>1581.1448974609375</t>
  </si>
  <si>
    <t>0.0534370946808993</t>
  </si>
  <si>
    <t>14.732163429260254</t>
  </si>
  <si>
    <t>1614.2225341796875</t>
  </si>
  <si>
    <t>0.020523469639303293</t>
  </si>
  <si>
    <t>15.818740844726562</t>
  </si>
  <si>
    <t>1458.410888671875</t>
  </si>
  <si>
    <t>0.041297159495742086</t>
  </si>
  <si>
    <t>3095</t>
  </si>
  <si>
    <t>16.47101402282715</t>
  </si>
  <si>
    <t>1153.5968017578125</t>
  </si>
  <si>
    <t>0.12952374048622595</t>
  </si>
  <si>
    <t>3551</t>
  </si>
  <si>
    <t>16.30436897277832</t>
  </si>
  <si>
    <t>1440.474609375</t>
  </si>
  <si>
    <t>0.13744134782439055</t>
  </si>
  <si>
    <t>16.306459426879883</t>
  </si>
  <si>
    <t>1313.2003173828125</t>
  </si>
  <si>
    <t>0.09297777239562244</t>
  </si>
  <si>
    <t>16.56252098083496</t>
  </si>
  <si>
    <t>1224.3258056640625</t>
  </si>
  <si>
    <t>0.048337943698138375</t>
  </si>
  <si>
    <t>4428</t>
  </si>
  <si>
    <t>15.713521003723145</t>
  </si>
  <si>
    <t>1530.9954833984375</t>
  </si>
  <si>
    <t>0.07940304479167892</t>
  </si>
  <si>
    <t>4489</t>
  </si>
  <si>
    <t>16.357370376586914</t>
  </si>
  <si>
    <t>1204.2860107421875</t>
  </si>
  <si>
    <t>0.013681944953404468</t>
  </si>
  <si>
    <t>15.723915100097656</t>
  </si>
  <si>
    <t>1294.4327392578125</t>
  </si>
  <si>
    <t>0.054407175907190464</t>
  </si>
  <si>
    <t>16.309146881103516</t>
  </si>
  <si>
    <t>1809.5052490234375</t>
  </si>
  <si>
    <t>0.04999498359228305</t>
  </si>
  <si>
    <t>16.144672393798828</t>
  </si>
  <si>
    <t>1380.4669189453125</t>
  </si>
  <si>
    <t>0.003405793134833246</t>
  </si>
  <si>
    <t>16.20052719116211</t>
  </si>
  <si>
    <t>1565.52001953125</t>
  </si>
  <si>
    <t>-0.03707900824142207</t>
  </si>
  <si>
    <t>16.569345474243164</t>
  </si>
  <si>
    <t>1024.2738037109375</t>
  </si>
  <si>
    <t>0.06157647984180947</t>
  </si>
  <si>
    <t>5661</t>
  </si>
  <si>
    <t>16.6669864654541</t>
  </si>
  <si>
    <t>1337.8486328125</t>
  </si>
  <si>
    <t>0.09966517102003358</t>
  </si>
  <si>
    <t>16.242551803588867</t>
  </si>
  <si>
    <t>1603.961669921875</t>
  </si>
  <si>
    <t>0.02304973705996538</t>
  </si>
  <si>
    <t>15.993361473083496</t>
  </si>
  <si>
    <t>1268.4764404296875</t>
  </si>
  <si>
    <t>0.09227685016990783</t>
  </si>
  <si>
    <t>6742</t>
  </si>
  <si>
    <t>16.2763614654541</t>
  </si>
  <si>
    <t>1747.1226806640625</t>
  </si>
  <si>
    <t>0.05942947452747305</t>
  </si>
  <si>
    <t>15.899435997009277</t>
  </si>
  <si>
    <t>1468.2274169921875</t>
  </si>
  <si>
    <t>0.08307304754475453</t>
  </si>
  <si>
    <t>16.26117515563965</t>
  </si>
  <si>
    <t>1683.4730224609375</t>
  </si>
  <si>
    <t>0.06423134865780966</t>
  </si>
  <si>
    <t>16.994667053222656</t>
  </si>
  <si>
    <t>1457.89990234375</t>
  </si>
  <si>
    <t>0.0652822920904157</t>
  </si>
  <si>
    <t>8726</t>
  </si>
  <si>
    <t>16.894203186035156</t>
  </si>
  <si>
    <t>1463.423828125</t>
  </si>
  <si>
    <t>0.045363769596569625</t>
  </si>
  <si>
    <t>9192</t>
  </si>
  <si>
    <t>16.76837158203125</t>
  </si>
  <si>
    <t>1502.36572265625</t>
  </si>
  <si>
    <t>0.052026465845036896</t>
  </si>
  <si>
    <t>16.012632369995117</t>
  </si>
  <si>
    <t>1673.462158203125</t>
  </si>
  <si>
    <t>-0.01292035930468316</t>
  </si>
  <si>
    <t>16.1442928314209</t>
  </si>
  <si>
    <t>1491.134765625</t>
  </si>
  <si>
    <t>-0.07599170725691451</t>
  </si>
  <si>
    <t>16.555095672607422</t>
  </si>
  <si>
    <t>1771.51416015625</t>
  </si>
  <si>
    <t>0.06479859433106405</t>
  </si>
  <si>
    <t>16.861360549926758</t>
  </si>
  <si>
    <t>1429.82763671875</t>
  </si>
  <si>
    <t>0.06347225578738858</t>
  </si>
  <si>
    <t>12.923022270202637</t>
  </si>
  <si>
    <t>939.3085327148438</t>
  </si>
  <si>
    <t>4008.392333984375</t>
  </si>
  <si>
    <t>Jammu and Kashmir</t>
  </si>
  <si>
    <t>12.88039779663086</t>
  </si>
  <si>
    <t>869.3108520507812</t>
  </si>
  <si>
    <t>-0.01023550389402672</t>
  </si>
  <si>
    <t>12.571025848388672</t>
  </si>
  <si>
    <t>916.98828125</t>
  </si>
  <si>
    <t>0.0330552860578921</t>
  </si>
  <si>
    <t>13.354756355285645</t>
  </si>
  <si>
    <t>752.3449096679688</t>
  </si>
  <si>
    <t>0.025550030520871125</t>
  </si>
  <si>
    <t>12.88713550567627</t>
  </si>
  <si>
    <t>884.0198974609375</t>
  </si>
  <si>
    <t>0.044901630429739825</t>
  </si>
  <si>
    <t>1705</t>
  </si>
  <si>
    <t>12.865036964416504</t>
  </si>
  <si>
    <t>1023.3427734375</t>
  </si>
  <si>
    <t>0.05299253014051075</t>
  </si>
  <si>
    <t>1798</t>
  </si>
  <si>
    <t>12.753439903259277</t>
  </si>
  <si>
    <t>982.1939086914062</t>
  </si>
  <si>
    <t>0.05310982531394792</t>
  </si>
  <si>
    <t>12.141873359680176</t>
  </si>
  <si>
    <t>1067.782470703125</t>
  </si>
  <si>
    <t>0.020914356148870716</t>
  </si>
  <si>
    <t>13.077033042907715</t>
  </si>
  <si>
    <t>883.9637451171875</t>
  </si>
  <si>
    <t>0.04108339825981666</t>
  </si>
  <si>
    <t>2222</t>
  </si>
  <si>
    <t>13.77667236328125</t>
  </si>
  <si>
    <t>712.07177734375</t>
  </si>
  <si>
    <t>0.149735000759323</t>
  </si>
  <si>
    <t>2358</t>
  </si>
  <si>
    <t>13.6468505859375</t>
  </si>
  <si>
    <t>684.9214477539062</t>
  </si>
  <si>
    <t>0.05940611089774084</t>
  </si>
  <si>
    <t>13.673121452331543</t>
  </si>
  <si>
    <t>723.7769775390625</t>
  </si>
  <si>
    <t>0.03418423718993058</t>
  </si>
  <si>
    <t>13.725204467773438</t>
  </si>
  <si>
    <t>718.4171752929688</t>
  </si>
  <si>
    <t>0.02269141120207152</t>
  </si>
  <si>
    <t>12.948107719421387</t>
  </si>
  <si>
    <t>1097.3065185546875</t>
  </si>
  <si>
    <t>0.109199291964992</t>
  </si>
  <si>
    <t>13.62409496307373</t>
  </si>
  <si>
    <t>823.1285400390625</t>
  </si>
  <si>
    <t>0.023430251808385094</t>
  </si>
  <si>
    <t>12.874459266662598</t>
  </si>
  <si>
    <t>795.6473999023438</t>
  </si>
  <si>
    <t>0.0805284196558862</t>
  </si>
  <si>
    <t>3134</t>
  </si>
  <si>
    <t>13.622345924377441</t>
  </si>
  <si>
    <t>1106.6671142578125</t>
  </si>
  <si>
    <t>0.014462729997383406</t>
  </si>
  <si>
    <t>13.37826156616211</t>
  </si>
  <si>
    <t>869.864990234375</t>
  </si>
  <si>
    <t>-0.010263079179480883</t>
  </si>
  <si>
    <t>3008</t>
  </si>
  <si>
    <t>13.513453483581543</t>
  </si>
  <si>
    <t>1005.4928588867188</t>
  </si>
  <si>
    <t>-0.030771658666754576</t>
  </si>
  <si>
    <t>13.702559471130371</t>
  </si>
  <si>
    <t>633.0198974609375</t>
  </si>
  <si>
    <t>0.030771658666754576</t>
  </si>
  <si>
    <t>13.785679817199707</t>
  </si>
  <si>
    <t>1067.6724853515625</t>
  </si>
  <si>
    <t>0.050293439444475396</t>
  </si>
  <si>
    <t>13.502823829650879</t>
  </si>
  <si>
    <t>876.207763671875</t>
  </si>
  <si>
    <t>0.04143492742329258</t>
  </si>
  <si>
    <t>13.182135581970215</t>
  </si>
  <si>
    <t>642.2057495117188</t>
  </si>
  <si>
    <t>0.09798040836020405</t>
  </si>
  <si>
    <t>3872</t>
  </si>
  <si>
    <t>13.657937049865723</t>
  </si>
  <si>
    <t>1009.8897705078125</t>
  </si>
  <si>
    <t>0.032015329432011796</t>
  </si>
  <si>
    <t>3975</t>
  </si>
  <si>
    <t>13.117955207824707</t>
  </si>
  <si>
    <t>980.7911987304688</t>
  </si>
  <si>
    <t>0.026253578691964208</t>
  </si>
  <si>
    <t>13.392128944396973</t>
  </si>
  <si>
    <t>1156.810302734375</t>
  </si>
  <si>
    <t>-0.006562365801782377</t>
  </si>
  <si>
    <t>14.048436164855957</t>
  </si>
  <si>
    <t>860.974365234375</t>
  </si>
  <si>
    <t>0.1551992201022987</t>
  </si>
  <si>
    <t>14.010147094726562</t>
  </si>
  <si>
    <t>782.5316772460938</t>
  </si>
  <si>
    <t>-0.006089622994373656</t>
  </si>
  <si>
    <t>13.937844276428223</t>
  </si>
  <si>
    <t>778.1472778320312</t>
  </si>
  <si>
    <t>0.060727275411966986</t>
  </si>
  <si>
    <t>5126</t>
  </si>
  <si>
    <t>13.156940460205078</t>
  </si>
  <si>
    <t>998.9454345703125</t>
  </si>
  <si>
    <t>0.05102637311747493</t>
  </si>
  <si>
    <t>13.309136390686035</t>
  </si>
  <si>
    <t>934.9686279296875</t>
  </si>
  <si>
    <t>-0.10523046819031734</t>
  </si>
  <si>
    <t>13.864424705505371</t>
  </si>
  <si>
    <t>954.0745239257812</t>
  </si>
  <si>
    <t>0.08672235964657737</t>
  </si>
  <si>
    <t>5361</t>
  </si>
  <si>
    <t>14.150412559509277</t>
  </si>
  <si>
    <t>830.144775390625</t>
  </si>
  <si>
    <t>0.0633330054472605</t>
  </si>
  <si>
    <t>25.06980323791504</t>
  </si>
  <si>
    <t>1550.468017578125</t>
  </si>
  <si>
    <t>11616.6162109375</t>
  </si>
  <si>
    <t>Jharkhand</t>
  </si>
  <si>
    <t>25.201566696166992</t>
  </si>
  <si>
    <t>1290.038330078125</t>
  </si>
  <si>
    <t>-0.010138647171333837</t>
  </si>
  <si>
    <t>25.117624282836914</t>
  </si>
  <si>
    <t>980.7410278320312</t>
  </si>
  <si>
    <t>0.03274599297047143</t>
  </si>
  <si>
    <t>1561</t>
  </si>
  <si>
    <t>25.038415908813477</t>
  </si>
  <si>
    <t>1175.3353271484375</t>
  </si>
  <si>
    <t>0.025958628256139704</t>
  </si>
  <si>
    <t>25.093610763549805</t>
  </si>
  <si>
    <t>1067.5203857421875</t>
  </si>
  <si>
    <t>0.044479615008619966</t>
  </si>
  <si>
    <t>25.656522750854492</t>
  </si>
  <si>
    <t>1181.7559814453125</t>
  </si>
  <si>
    <t>0.05309926068748716</t>
  </si>
  <si>
    <t>25.256568908691406</t>
  </si>
  <si>
    <t>1099.62548828125</t>
  </si>
  <si>
    <t>0.05373076294969881</t>
  </si>
  <si>
    <t>24.878450393676758</t>
  </si>
  <si>
    <t>1268.1162109375</t>
  </si>
  <si>
    <t>0.020169667124121382</t>
  </si>
  <si>
    <t>25.6611328125</t>
  </si>
  <si>
    <t>1240.7021484375</t>
  </si>
  <si>
    <t>0.04123205614315495</t>
  </si>
  <si>
    <t>25.61949348449707</t>
  </si>
  <si>
    <t>1316.0374755859375</t>
  </si>
  <si>
    <t>0.061751108059988624</t>
  </si>
  <si>
    <t>25.176359176635742</t>
  </si>
  <si>
    <t>1099.6986083984375</t>
  </si>
  <si>
    <t>-0.041248083335783114</t>
  </si>
  <si>
    <t>25.350923538208008</t>
  </si>
  <si>
    <t>1200.745849609375</t>
  </si>
  <si>
    <t>-0.10812661299293502</t>
  </si>
  <si>
    <t>25.689468383789062</t>
  </si>
  <si>
    <t>1178.368408203125</t>
  </si>
  <si>
    <t>0.03608495865662498</t>
  </si>
  <si>
    <t>25.538034439086914</t>
  </si>
  <si>
    <t>1156.7542724609375</t>
  </si>
  <si>
    <t>0.07051842479578863</t>
  </si>
  <si>
    <t>25.64286231994629</t>
  </si>
  <si>
    <t>1204.7760009765625</t>
  </si>
  <si>
    <t>0.041797128678461526</t>
  </si>
  <si>
    <t>25.649452209472656</t>
  </si>
  <si>
    <t>1106.59423828125</t>
  </si>
  <si>
    <t>0.24854907474963284</t>
  </si>
  <si>
    <t>25.64275360107422</t>
  </si>
  <si>
    <t>1312.4832763671875</t>
  </si>
  <si>
    <t>-0.06233646246271185</t>
  </si>
  <si>
    <t>2449</t>
  </si>
  <si>
    <t>25.671981811523438</t>
  </si>
  <si>
    <t>1382.163818359375</t>
  </si>
  <si>
    <t>-0.009347761625413398</t>
  </si>
  <si>
    <t>25.351640701293945</t>
  </si>
  <si>
    <t>1295.6895751953125</t>
  </si>
  <si>
    <t>0.1034804317264193</t>
  </si>
  <si>
    <t>25.95371437072754</t>
  </si>
  <si>
    <t>1085.102783203125</t>
  </si>
  <si>
    <t>-0.05447640332107717</t>
  </si>
  <si>
    <t>26.149459838867188</t>
  </si>
  <si>
    <t>1069.859619140625</t>
  </si>
  <si>
    <t>0.061813193384931076</t>
  </si>
  <si>
    <t>25.273637771606445</t>
  </si>
  <si>
    <t>1426.3201904296875</t>
  </si>
  <si>
    <t>0.07361181734324607</t>
  </si>
  <si>
    <t>25.288244247436523</t>
  </si>
  <si>
    <t>1192.204833984375</t>
  </si>
  <si>
    <t>0.014495450167020252</t>
  </si>
  <si>
    <t>3202</t>
  </si>
  <si>
    <t>24.982709884643555</t>
  </si>
  <si>
    <t>1325.3546142578125</t>
  </si>
  <si>
    <t>0.06917134730395347</t>
  </si>
  <si>
    <t>25.166244506835938</t>
  </si>
  <si>
    <t>1202.2579345703125</t>
  </si>
  <si>
    <t>0.0028068005328538703</t>
  </si>
  <si>
    <t>3631</t>
  </si>
  <si>
    <t>25.15345573425293</t>
  </si>
  <si>
    <t>1277.259521484375</t>
  </si>
  <si>
    <t>0.12292567732482063</t>
  </si>
  <si>
    <t>25.700448989868164</t>
  </si>
  <si>
    <t>1361.3232421875</t>
  </si>
  <si>
    <t>-0.11208462333979874</t>
  </si>
  <si>
    <t>25.318687438964844</t>
  </si>
  <si>
    <t>1291.0587158203125</t>
  </si>
  <si>
    <t>0.07104457512008722</t>
  </si>
  <si>
    <t>3748</t>
  </si>
  <si>
    <t>25.097776412963867</t>
  </si>
  <si>
    <t>0.0727543201636891</t>
  </si>
  <si>
    <t>25.145647048950195</t>
  </si>
  <si>
    <t>1315.7073974609375</t>
  </si>
  <si>
    <t>0.043592965066590494</t>
  </si>
  <si>
    <t>25.094932556152344</t>
  </si>
  <si>
    <t>1346.252685546875</t>
  </si>
  <si>
    <t>-0.141922640264319</t>
  </si>
  <si>
    <t>25.15709686279297</t>
  </si>
  <si>
    <t>1377.1951904296875</t>
  </si>
  <si>
    <t>0.02385220699135715</t>
  </si>
  <si>
    <t>25.46827507019043</t>
  </si>
  <si>
    <t>1127.98583984375</t>
  </si>
  <si>
    <t>0.06347802799879076</t>
  </si>
  <si>
    <t>25.558088302612305</t>
  </si>
  <si>
    <t>916.3147583007812</t>
  </si>
  <si>
    <t>18334.69140625</t>
  </si>
  <si>
    <t>Karnataka</t>
  </si>
  <si>
    <t>25.650840759277344</t>
  </si>
  <si>
    <t>1075.9906005859375</t>
  </si>
  <si>
    <t>-0.010598130991823496</t>
  </si>
  <si>
    <t>2037</t>
  </si>
  <si>
    <t>25.60790252685547</t>
  </si>
  <si>
    <t>979.4803466796875</t>
  </si>
  <si>
    <t>0.03293710907408531</t>
  </si>
  <si>
    <t>25.654935836791992</t>
  </si>
  <si>
    <t>1082.5054931640625</t>
  </si>
  <si>
    <t>0.026164283201827843</t>
  </si>
  <si>
    <t>25.41512107849121</t>
  </si>
  <si>
    <t>1215.6358642578125</t>
  </si>
  <si>
    <t>0.044430969307851065</t>
  </si>
  <si>
    <t>25.75812339782715</t>
  </si>
  <si>
    <t>1296.622802734375</t>
  </si>
  <si>
    <t>0.0530072866942648</t>
  </si>
  <si>
    <t>25.656776428222656</t>
  </si>
  <si>
    <t>1089.658447265625</t>
  </si>
  <si>
    <t>0.05363328765530895</t>
  </si>
  <si>
    <t>25.943321228027344</t>
  </si>
  <si>
    <t>1198.773193359375</t>
  </si>
  <si>
    <t>0.02035072267849447</t>
  </si>
  <si>
    <t>26.062116622924805</t>
  </si>
  <si>
    <t>1265.5640869140625</t>
  </si>
  <si>
    <t>0.04143421642147693</t>
  </si>
  <si>
    <t>25.667856216430664</t>
  </si>
  <si>
    <t>1053.1461181640625</t>
  </si>
  <si>
    <t>0.13164519275690978</t>
  </si>
  <si>
    <t>25.629701614379883</t>
  </si>
  <si>
    <t>1140.8680419921875</t>
  </si>
  <si>
    <t>0.012125443273171221</t>
  </si>
  <si>
    <t>3136</t>
  </si>
  <si>
    <t>25.8643741607666</t>
  </si>
  <si>
    <t>944.638427734375</t>
  </si>
  <si>
    <t>0.048678563254188845</t>
  </si>
  <si>
    <t>26.04404640197754</t>
  </si>
  <si>
    <t>896.2828369140625</t>
  </si>
  <si>
    <t>-0.017369365590237607</t>
  </si>
  <si>
    <t>3263</t>
  </si>
  <si>
    <t>26.044301986694336</t>
  </si>
  <si>
    <t>919.716796875</t>
  </si>
  <si>
    <t>0.05706828071325809</t>
  </si>
  <si>
    <t>25.728837966918945</t>
  </si>
  <si>
    <t>1069.911376953125</t>
  </si>
  <si>
    <t>0.014603240953926289</t>
  </si>
  <si>
    <t>3821</t>
  </si>
  <si>
    <t>25.718656539916992</t>
  </si>
  <si>
    <t>1278.0787353515625</t>
  </si>
  <si>
    <t>0.14326190989965326</t>
  </si>
  <si>
    <t>4213</t>
  </si>
  <si>
    <t>25.91527557373047</t>
  </si>
  <si>
    <t>1195.870849609375</t>
  </si>
  <si>
    <t>0.09766281453211789</t>
  </si>
  <si>
    <t>25.87941551208496</t>
  </si>
  <si>
    <t>1349.800048828125</t>
  </si>
  <si>
    <t>0.05562758583829641</t>
  </si>
  <si>
    <t>4648</t>
  </si>
  <si>
    <t>25.80864906311035</t>
  </si>
  <si>
    <t>1239.7723388671875</t>
  </si>
  <si>
    <t>0.04263445071443428</t>
  </si>
  <si>
    <t>4937</t>
  </si>
  <si>
    <t>26.253786087036133</t>
  </si>
  <si>
    <t>1258.81982421875</t>
  </si>
  <si>
    <t>0.06032083972711533</t>
  </si>
  <si>
    <t>26.144271850585938</t>
  </si>
  <si>
    <t>1278.807861328125</t>
  </si>
  <si>
    <t>0.008270344668673602</t>
  </si>
  <si>
    <t>25.845056533813477</t>
  </si>
  <si>
    <t>1198.737548828125</t>
  </si>
  <si>
    <t>0.05889789377276955</t>
  </si>
  <si>
    <t>26.077713012695312</t>
  </si>
  <si>
    <t>910.5759887695312</t>
  </si>
  <si>
    <t>0.21355224691242292</t>
  </si>
  <si>
    <t>25.810583114624023</t>
  </si>
  <si>
    <t>1176.313720703125</t>
  </si>
  <si>
    <t>0.05650380498785523</t>
  </si>
  <si>
    <t>26.00038719177246</t>
  </si>
  <si>
    <t>1266.4725341796875</t>
  </si>
  <si>
    <t>0.09810569567791738</t>
  </si>
  <si>
    <t>26.21356964111328</t>
  </si>
  <si>
    <t>1041.4696044921875</t>
  </si>
  <si>
    <t>0.07666975071752447</t>
  </si>
  <si>
    <t>26.2429141998291</t>
  </si>
  <si>
    <t>1011.4995727539062</t>
  </si>
  <si>
    <t>0.1010540968278022</t>
  </si>
  <si>
    <t>9864</t>
  </si>
  <si>
    <t>26.22803497314453</t>
  </si>
  <si>
    <t>1146.4991455078125</t>
  </si>
  <si>
    <t>0.0790800730203518</t>
  </si>
  <si>
    <t>10321</t>
  </si>
  <si>
    <t>26.04105567932129</t>
  </si>
  <si>
    <t>992.8782348632812</t>
  </si>
  <si>
    <t>0.045288888721753295</t>
  </si>
  <si>
    <t>26.41675567626953</t>
  </si>
  <si>
    <t>1413.9532470703125</t>
  </si>
  <si>
    <t>0.029593606722672305</t>
  </si>
  <si>
    <t>10053</t>
  </si>
  <si>
    <t>26.181068420410156</t>
  </si>
  <si>
    <t>1383.019287109375</t>
  </si>
  <si>
    <t>-0.05590316388318506</t>
  </si>
  <si>
    <t>25.973093032836914</t>
  </si>
  <si>
    <t>1441.675537109375</t>
  </si>
  <si>
    <t>0.14080370144265686</t>
  </si>
  <si>
    <t>12331</t>
  </si>
  <si>
    <t>25.96776008605957</t>
  </si>
  <si>
    <t>1320.3228759765625</t>
  </si>
  <si>
    <t>0.06344161802245196</t>
  </si>
  <si>
    <t>1488</t>
  </si>
  <si>
    <t>26.93372917175293</t>
  </si>
  <si>
    <t>2318.828857421875</t>
  </si>
  <si>
    <t>11311.9833984375</t>
  </si>
  <si>
    <t>Kerala</t>
  </si>
  <si>
    <t>26.869932174682617</t>
  </si>
  <si>
    <t>2909.36376953125</t>
  </si>
  <si>
    <t>-0.010256500167189486</t>
  </si>
  <si>
    <t>26.690427780151367</t>
  </si>
  <si>
    <t>2620.014404296875</t>
  </si>
  <si>
    <t>0.0326307609982166</t>
  </si>
  <si>
    <t>26.803464889526367</t>
  </si>
  <si>
    <t>2680.392822265625</t>
  </si>
  <si>
    <t>0.026120089107583233</t>
  </si>
  <si>
    <t>26.76957130432129</t>
  </si>
  <si>
    <t>2933.31640625</t>
  </si>
  <si>
    <t>0.04463550841410058</t>
  </si>
  <si>
    <t>26.92869758605957</t>
  </si>
  <si>
    <t>2764.915771484375</t>
  </si>
  <si>
    <t>0.05313073218429576</t>
  </si>
  <si>
    <t>26.780609130859375</t>
  </si>
  <si>
    <t>2525.7265625</t>
  </si>
  <si>
    <t>0.05336091391650566</t>
  </si>
  <si>
    <t>27.187654495239258</t>
  </si>
  <si>
    <t>3024.48681640625</t>
  </si>
  <si>
    <t>0.020500628051009606</t>
  </si>
  <si>
    <t>27.268503189086914</t>
  </si>
  <si>
    <t>3291.114501953125</t>
  </si>
  <si>
    <t>0.04149104797695813</t>
  </si>
  <si>
    <t>26.79600715637207</t>
  </si>
  <si>
    <t>2452.218505859375</t>
  </si>
  <si>
    <t>0.06926605821177656</t>
  </si>
  <si>
    <t>26.847986221313477</t>
  </si>
  <si>
    <t>2856.590576171875</t>
  </si>
  <si>
    <t>0.05698135688026085</t>
  </si>
  <si>
    <t>27.03108024597168</t>
  </si>
  <si>
    <t>2771.22607421875</t>
  </si>
  <si>
    <t>0.033740992930907154</t>
  </si>
  <si>
    <t>3533</t>
  </si>
  <si>
    <t>27.152099609375</t>
  </si>
  <si>
    <t>2311.745361328125</t>
  </si>
  <si>
    <t>0.02783936425499789</t>
  </si>
  <si>
    <t>27.233863830566406</t>
  </si>
  <si>
    <t>2635.354248046875</t>
  </si>
  <si>
    <t>0.10011041491464212</t>
  </si>
  <si>
    <t>4119</t>
  </si>
  <si>
    <t>26.9158992767334</t>
  </si>
  <si>
    <t>3100.313720703125</t>
  </si>
  <si>
    <t>0.053352632162294356</t>
  </si>
  <si>
    <t>4598</t>
  </si>
  <si>
    <t>26.99104118347168</t>
  </si>
  <si>
    <t>2627.278564453125</t>
  </si>
  <si>
    <t>0.11001101088704601</t>
  </si>
  <si>
    <t>27.046113967895508</t>
  </si>
  <si>
    <t>2738.84814453125</t>
  </si>
  <si>
    <t>0.08061135514416229</t>
  </si>
  <si>
    <t>26.987031936645508</t>
  </si>
  <si>
    <t>3335.5009765625</t>
  </si>
  <si>
    <t>0.025749095383842402</t>
  </si>
  <si>
    <t>26.874801635742188</t>
  </si>
  <si>
    <t>3234.110107421875</t>
  </si>
  <si>
    <t>0.004097966511526607</t>
  </si>
  <si>
    <t>5602</t>
  </si>
  <si>
    <t>27.309616088867188</t>
  </si>
  <si>
    <t>2860.397705078125</t>
  </si>
  <si>
    <t>0.08704383345739508</t>
  </si>
  <si>
    <t>27.199750900268555</t>
  </si>
  <si>
    <t>3126.737548828125</t>
  </si>
  <si>
    <t>0.0719635824828142</t>
  </si>
  <si>
    <t>5933</t>
  </si>
  <si>
    <t>27.063873291015625</t>
  </si>
  <si>
    <t>2540.25048828125</t>
  </si>
  <si>
    <t>-0.014557272044223524</t>
  </si>
  <si>
    <t>7091</t>
  </si>
  <si>
    <t>27.301803588867188</t>
  </si>
  <si>
    <t>2107.74365234375</t>
  </si>
  <si>
    <t>0.17829638704535178</t>
  </si>
  <si>
    <t>7458</t>
  </si>
  <si>
    <t>27.094438552856445</t>
  </si>
  <si>
    <t>2757.31591796875</t>
  </si>
  <si>
    <t>0.050460907434770164</t>
  </si>
  <si>
    <t>7923</t>
  </si>
  <si>
    <t>27.240571975708008</t>
  </si>
  <si>
    <t>2820.76953125</t>
  </si>
  <si>
    <t>0.06048264022647665</t>
  </si>
  <si>
    <t>27.28940773010254</t>
  </si>
  <si>
    <t>3058.5419921875</t>
  </si>
  <si>
    <t>0.08059595803342923</t>
  </si>
  <si>
    <t>27.544052124023438</t>
  </si>
  <si>
    <t>2206.898193359375</t>
  </si>
  <si>
    <t>0.059555528114090706</t>
  </si>
  <si>
    <t>9652</t>
  </si>
  <si>
    <t>27.34654998779297</t>
  </si>
  <si>
    <t>2794.989501953125</t>
  </si>
  <si>
    <t>0.057243739632159674</t>
  </si>
  <si>
    <t>10178</t>
  </si>
  <si>
    <t>27.22785758972168</t>
  </si>
  <si>
    <t>2791.415771484375</t>
  </si>
  <si>
    <t>0.05306338040385583</t>
  </si>
  <si>
    <t>27.59449577331543</t>
  </si>
  <si>
    <t>2981.959716796875</t>
  </si>
  <si>
    <t>0.04664505470976721</t>
  </si>
  <si>
    <t>27.439218521118164</t>
  </si>
  <si>
    <t>3116.08154296875</t>
  </si>
  <si>
    <t>-0.1002265966879925</t>
  </si>
  <si>
    <t>10037</t>
  </si>
  <si>
    <t>27.257736206054688</t>
  </si>
  <si>
    <t>3385.52978515625</t>
  </si>
  <si>
    <t>0.039631278643247114</t>
  </si>
  <si>
    <t>27.04132080078125</t>
  </si>
  <si>
    <t>3311.79345703125</t>
  </si>
  <si>
    <t>0.06349807770270566</t>
  </si>
  <si>
    <t>25.163759231567383</t>
  </si>
  <si>
    <t>1345.9376220703125</t>
  </si>
  <si>
    <t>21698.80859375</t>
  </si>
  <si>
    <t>Madhya Pradesh</t>
  </si>
  <si>
    <t>25.789522171020508</t>
  </si>
  <si>
    <t>842.6935424804688</t>
  </si>
  <si>
    <t>-0.010291686036547176</t>
  </si>
  <si>
    <t>25.675138473510742</t>
  </si>
  <si>
    <t>801.6408081054688</t>
  </si>
  <si>
    <t>0.032567328662544526</t>
  </si>
  <si>
    <t>25.838523864746094</t>
  </si>
  <si>
    <t>905.2614135742188</t>
  </si>
  <si>
    <t>0.026351985988424254</t>
  </si>
  <si>
    <t>25.29039192199707</t>
  </si>
  <si>
    <t>1281.3878173828125</t>
  </si>
  <si>
    <t>0.04450829967332304</t>
  </si>
  <si>
    <t>25.959348678588867</t>
  </si>
  <si>
    <t>1057.7896728515625</t>
  </si>
  <si>
    <t>0.05328136661293659</t>
  </si>
  <si>
    <t>25.814237594604492</t>
  </si>
  <si>
    <t>1038.293701171875</t>
  </si>
  <si>
    <t>0.05338426715687028</t>
  </si>
  <si>
    <t>25.085464477539062</t>
  </si>
  <si>
    <t>1004.4212036132812</t>
  </si>
  <si>
    <t>25.88947105407715</t>
  </si>
  <si>
    <t>1028.759521484375</t>
  </si>
  <si>
    <t>0.04130380614123563</t>
  </si>
  <si>
    <t>25.978540420532227</t>
  </si>
  <si>
    <t>1169.875732421875</t>
  </si>
  <si>
    <t>0.07294371836514024</t>
  </si>
  <si>
    <t>25.859323501586914</t>
  </si>
  <si>
    <t>879.3909301757812</t>
  </si>
  <si>
    <t>25.90392303466797</t>
  </si>
  <si>
    <t>930.8866577148438</t>
  </si>
  <si>
    <t>-0.04153180171910975</t>
  </si>
  <si>
    <t>26.387306213378906</t>
  </si>
  <si>
    <t>797.5032348632812</t>
  </si>
  <si>
    <t>0.03963786175903916</t>
  </si>
  <si>
    <t>25.941320419311523</t>
  </si>
  <si>
    <t>998.70166015625</t>
  </si>
  <si>
    <t>-0.030801279958541095</t>
  </si>
  <si>
    <t>26.22102165222168</t>
  </si>
  <si>
    <t>903.3080444335938</t>
  </si>
  <si>
    <t>0.10212949507638047</t>
  </si>
  <si>
    <t>25.82465934753418</t>
  </si>
  <si>
    <t>965.9527587890625</t>
  </si>
  <si>
    <t>-0.03183411607867992</t>
  </si>
  <si>
    <t>26.014381408691406</t>
  </si>
  <si>
    <t>1146.068603515625</t>
  </si>
  <si>
    <t>0.021632209010935988</t>
  </si>
  <si>
    <t>2355</t>
  </si>
  <si>
    <t>26.057716369628906</t>
  </si>
  <si>
    <t>917.9918823242188</t>
  </si>
  <si>
    <t>0.04872647193031021</t>
  </si>
  <si>
    <t>25.995302200317383</t>
  </si>
  <si>
    <t>1005.579833984375</t>
  </si>
  <si>
    <t>-0.026243708761202633</t>
  </si>
  <si>
    <t>2596</t>
  </si>
  <si>
    <t>26.59284019470215</t>
  </si>
  <si>
    <t>914.515625</t>
  </si>
  <si>
    <t>0.12367478013466471</t>
  </si>
  <si>
    <t>2777</t>
  </si>
  <si>
    <t>26.63226890563965</t>
  </si>
  <si>
    <t>933.8544311523438</t>
  </si>
  <si>
    <t>0.0673994094828192</t>
  </si>
  <si>
    <t>25.857276916503906</t>
  </si>
  <si>
    <t>1194.017578125</t>
  </si>
  <si>
    <t>-0.008679982164192523</t>
  </si>
  <si>
    <t>25.87840461730957</t>
  </si>
  <si>
    <t>1032.15478515625</t>
  </si>
  <si>
    <t>0.012633266737807958</t>
  </si>
  <si>
    <t>25.655149459838867</t>
  </si>
  <si>
    <t>1536.7562255859375</t>
  </si>
  <si>
    <t>0.0822475371413045</t>
  </si>
  <si>
    <t>25.715791702270508</t>
  </si>
  <si>
    <t>1020.5016479492188</t>
  </si>
  <si>
    <t>0.09509992855330474</t>
  </si>
  <si>
    <t>26.201196670532227</t>
  </si>
  <si>
    <t>995.1954956054688</t>
  </si>
  <si>
    <t>0.05805917955165718</t>
  </si>
  <si>
    <t>26.39484214782715</t>
  </si>
  <si>
    <t>1234.356201171875</t>
  </si>
  <si>
    <t>0.07951928447393897</t>
  </si>
  <si>
    <t>26.314361572265625</t>
  </si>
  <si>
    <t>951.515625</t>
  </si>
  <si>
    <t>0.12184690191690883</t>
  </si>
  <si>
    <t>26.092689514160156</t>
  </si>
  <si>
    <t>1006.6257934570312</t>
  </si>
  <si>
    <t>0.05346937228863702</t>
  </si>
  <si>
    <t>4801</t>
  </si>
  <si>
    <t>25.980676651000977</t>
  </si>
  <si>
    <t>1511.066162109375</t>
  </si>
  <si>
    <t>0.05325753272477485</t>
  </si>
  <si>
    <t>4669</t>
  </si>
  <si>
    <t>25.9487247467041</t>
  </si>
  <si>
    <t>1015.4931640625</t>
  </si>
  <si>
    <t>-0.027879313560003283</t>
  </si>
  <si>
    <t>25.8622989654541</t>
  </si>
  <si>
    <t>1159.7156982421875</t>
  </si>
  <si>
    <t>0.09494016646014813</t>
  </si>
  <si>
    <t>26.311800003051758</t>
  </si>
  <si>
    <t>1371.7989501953125</t>
  </si>
  <si>
    <t>0.06339353398494119</t>
  </si>
  <si>
    <t>26.03956413269043</t>
  </si>
  <si>
    <t>1398.231201171875</t>
  </si>
  <si>
    <t>26785.716796875</t>
  </si>
  <si>
    <t>Maharashtra</t>
  </si>
  <si>
    <t>26.486642837524414</t>
  </si>
  <si>
    <t>981.9732055664062</t>
  </si>
  <si>
    <t>-0.010556883332622391</t>
  </si>
  <si>
    <t>3018</t>
  </si>
  <si>
    <t>26.468856811523438</t>
  </si>
  <si>
    <t>1170.5533447265625</t>
  </si>
  <si>
    <t>0.03266833694005378</t>
  </si>
  <si>
    <t>3098</t>
  </si>
  <si>
    <t>26.58258819580078</t>
  </si>
  <si>
    <t>1279.1077880859375</t>
  </si>
  <si>
    <t>0.026162381649019295</t>
  </si>
  <si>
    <t>26.03425407409668</t>
  </si>
  <si>
    <t>1442.421875</t>
  </si>
  <si>
    <t>0.044507898194515505</t>
  </si>
  <si>
    <t>26.70886993408203</t>
  </si>
  <si>
    <t>1255.914306640625</t>
  </si>
  <si>
    <t>0.05320563573713066</t>
  </si>
  <si>
    <t>26.52617835998535</t>
  </si>
  <si>
    <t>1312.1610107421875</t>
  </si>
  <si>
    <t>0.05329655583963344</t>
  </si>
  <si>
    <t>26.286577224731445</t>
  </si>
  <si>
    <t>1312.7945556640625</t>
  </si>
  <si>
    <t>0.020874144356680446</t>
  </si>
  <si>
    <t>26.750307083129883</t>
  </si>
  <si>
    <t>1327.1220703125</t>
  </si>
  <si>
    <t>0.04126766850081509</t>
  </si>
  <si>
    <t>3861</t>
  </si>
  <si>
    <t>26.54271125793457</t>
  </si>
  <si>
    <t>1170.595703125</t>
  </si>
  <si>
    <t>0.007017572658646998</t>
  </si>
  <si>
    <t>26.479726791381836</t>
  </si>
  <si>
    <t>1146.1751708984375</t>
  </si>
  <si>
    <t>0.017204173210119578</t>
  </si>
  <si>
    <t>3894</t>
  </si>
  <si>
    <t>26.553728103637695</t>
  </si>
  <si>
    <t>982.0300903320312</t>
  </si>
  <si>
    <t>-0.00869348354220989</t>
  </si>
  <si>
    <t>3994</t>
  </si>
  <si>
    <t>26.9885311126709</t>
  </si>
  <si>
    <t>914.69091796875</t>
  </si>
  <si>
    <t>0.025356328043613985</t>
  </si>
  <si>
    <t>26.749677658081055</t>
  </si>
  <si>
    <t>1033.592041015625</t>
  </si>
  <si>
    <t>0.07985009253724407</t>
  </si>
  <si>
    <t>26.7180233001709</t>
  </si>
  <si>
    <t>1297.8719482421875</t>
  </si>
  <si>
    <t>0.06488520167493128</t>
  </si>
  <si>
    <t>26.432519912719727</t>
  </si>
  <si>
    <t>1647.03759765625</t>
  </si>
  <si>
    <t>0.10518719041257008</t>
  </si>
  <si>
    <t>26.725507736206055</t>
  </si>
  <si>
    <t>1767.8863525390625</t>
  </si>
  <si>
    <t>0.09870817259672293</t>
  </si>
  <si>
    <t>6168</t>
  </si>
  <si>
    <t>26.79273796081543</t>
  </si>
  <si>
    <t>1457.721435546875</t>
  </si>
  <si>
    <t>0.08595074404593817</t>
  </si>
  <si>
    <t>26.689453125</t>
  </si>
  <si>
    <t>1272.58154296875</t>
  </si>
  <si>
    <t>0.025767609532138636</t>
  </si>
  <si>
    <t>6390</t>
  </si>
  <si>
    <t>27.249420166015625</t>
  </si>
  <si>
    <t>1455.7418212890625</t>
  </si>
  <si>
    <t>0.00959202259627645</t>
  </si>
  <si>
    <t>27.177331924438477</t>
  </si>
  <si>
    <t>1759.846923828125</t>
  </si>
  <si>
    <t>0.05658443589624973</t>
  </si>
  <si>
    <t>7198</t>
  </si>
  <si>
    <t>26.57633399963379</t>
  </si>
  <si>
    <t>1456.8818359375</t>
  </si>
  <si>
    <t>0.06248450537114536</t>
  </si>
  <si>
    <t>26.628097534179688</t>
  </si>
  <si>
    <t>1093.28076171875</t>
  </si>
  <si>
    <t>0.002081743864696506</t>
  </si>
  <si>
    <t>26.387054443359375</t>
  </si>
  <si>
    <t>1455.1160888671875</t>
  </si>
  <si>
    <t>0.049364359074873576</t>
  </si>
  <si>
    <t>26.6181640625</t>
  </si>
  <si>
    <t>1400.9573974609375</t>
  </si>
  <si>
    <t>0.05955283532552258</t>
  </si>
  <si>
    <t>8417</t>
  </si>
  <si>
    <t>27.03173828125</t>
  </si>
  <si>
    <t>1066.332763671875</t>
  </si>
  <si>
    <t>0.045451322307506814</t>
  </si>
  <si>
    <t>26.92974090576172</t>
  </si>
  <si>
    <t>1369.9854736328125</t>
  </si>
  <si>
    <t>0.07074176700297308</t>
  </si>
  <si>
    <t>26.973968505859375</t>
  </si>
  <si>
    <t>1315.564697265625</t>
  </si>
  <si>
    <t>0.050927940959406115</t>
  </si>
  <si>
    <t>9590</t>
  </si>
  <si>
    <t>26.795164108276367</t>
  </si>
  <si>
    <t>1078.2811279296875</t>
  </si>
  <si>
    <t>0.008797710703529305</t>
  </si>
  <si>
    <t>9659</t>
  </si>
  <si>
    <t>26.928022384643555</t>
  </si>
  <si>
    <t>1932.58544921875</t>
  </si>
  <si>
    <t>0.007169234301811045</t>
  </si>
  <si>
    <t>8880</t>
  </si>
  <si>
    <t>26.87714195251465</t>
  </si>
  <si>
    <t>1719.5093994140625</t>
  </si>
  <si>
    <t>-0.08408856619307947</t>
  </si>
  <si>
    <t>26.66373634338379</t>
  </si>
  <si>
    <t>1409.48486328125</t>
  </si>
  <si>
    <t>0.06253059443916875</t>
  </si>
  <si>
    <t>27.002723693847656</t>
  </si>
  <si>
    <t>1605.2547607421875</t>
  </si>
  <si>
    <t>0.06342714529879778</t>
  </si>
  <si>
    <t>20.295928955078125</t>
  </si>
  <si>
    <t>1958.3048095703125</t>
  </si>
  <si>
    <t>912.376220703125</t>
  </si>
  <si>
    <t>Manipur</t>
  </si>
  <si>
    <t>20.240095138549805</t>
  </si>
  <si>
    <t>1835.828857421875</t>
  </si>
  <si>
    <t>-0.010286644710275183</t>
  </si>
  <si>
    <t>19.945802688598633</t>
  </si>
  <si>
    <t>1531.88671875</t>
  </si>
  <si>
    <t>0.03269452119326122</t>
  </si>
  <si>
    <t>20.2784366607666</t>
  </si>
  <si>
    <t>2059.221923828125</t>
  </si>
  <si>
    <t>0.026103774942687785</t>
  </si>
  <si>
    <t>20.37504768371582</t>
  </si>
  <si>
    <t>1566.7291259765625</t>
  </si>
  <si>
    <t>0.04427008202529237</t>
  </si>
  <si>
    <t>20.670698165893555</t>
  </si>
  <si>
    <t>1772.4100341796875</t>
  </si>
  <si>
    <t>0.053190228247550486</t>
  </si>
  <si>
    <t>20.47989845275879</t>
  </si>
  <si>
    <t>1747.6373291015625</t>
  </si>
  <si>
    <t>0.053501845529788206</t>
  </si>
  <si>
    <t>20.002119064331055</t>
  </si>
  <si>
    <t>1769.12841796875</t>
  </si>
  <si>
    <t>0.020741484306816993</t>
  </si>
  <si>
    <t>20.827550888061523</t>
  </si>
  <si>
    <t>2232.044189453125</t>
  </si>
  <si>
    <t>0.04136143843703355</t>
  </si>
  <si>
    <t>1867</t>
  </si>
  <si>
    <t>20.93514060974121</t>
  </si>
  <si>
    <t>1734.356201171875</t>
  </si>
  <si>
    <t>0.04940631538707141</t>
  </si>
  <si>
    <t>20.30146598815918</t>
  </si>
  <si>
    <t>1929.60546875</t>
  </si>
  <si>
    <t>0.19235850209181482</t>
  </si>
  <si>
    <t>20.69664192199707</t>
  </si>
  <si>
    <t>1814.506103515625</t>
  </si>
  <si>
    <t>-0.06763655415315917</t>
  </si>
  <si>
    <t>20.578231811523438</t>
  </si>
  <si>
    <t>1838.685546875</t>
  </si>
  <si>
    <t>0.018735911057469856</t>
  </si>
  <si>
    <t>20.57584571838379</t>
  </si>
  <si>
    <t>1777.9896240234375</t>
  </si>
  <si>
    <t>0.022029344264494988</t>
  </si>
  <si>
    <t>20.442867279052734</t>
  </si>
  <si>
    <t>1664.2567138671875</t>
  </si>
  <si>
    <t>0.05733492521908712</t>
  </si>
  <si>
    <t>20.87738609313965</t>
  </si>
  <si>
    <t>1561.9718017578125</t>
  </si>
  <si>
    <t>0.12210762360096794</t>
  </si>
  <si>
    <t>20.912403106689453</t>
  </si>
  <si>
    <t>1616.5623779296875</t>
  </si>
  <si>
    <t>0.03540522585130734</t>
  </si>
  <si>
    <t>2627</t>
  </si>
  <si>
    <t>20.810256958007812</t>
  </si>
  <si>
    <t>1828.1591796875</t>
  </si>
  <si>
    <t>-0.03882533178816505</t>
  </si>
  <si>
    <t>20.671405792236328</t>
  </si>
  <si>
    <t>1732.22021484375</t>
  </si>
  <si>
    <t>-0.049151858807920945</t>
  </si>
  <si>
    <t>21.367521286010742</t>
  </si>
  <si>
    <t>1648.0557861328125</t>
  </si>
  <si>
    <t>0.002396167280673822</t>
  </si>
  <si>
    <t>21.065378189086914</t>
  </si>
  <si>
    <t>2009.368408203125</t>
  </si>
  <si>
    <t>0.028702579757370117</t>
  </si>
  <si>
    <t>20.7021427154541</t>
  </si>
  <si>
    <t>1605.4898681640625</t>
  </si>
  <si>
    <t>-0.07107144217919448</t>
  </si>
  <si>
    <t>20.455888748168945</t>
  </si>
  <si>
    <t>1802.7261962890625</t>
  </si>
  <si>
    <t>0.18107233739352324</t>
  </si>
  <si>
    <t>20.511106491088867</t>
  </si>
  <si>
    <t>1609.7615966796875</t>
  </si>
  <si>
    <t>-0.032824545648043824</t>
  </si>
  <si>
    <t>20.738161087036133</t>
  </si>
  <si>
    <t>1430.7431640625</t>
  </si>
  <si>
    <t>0.09638602713778788</t>
  </si>
  <si>
    <t>20.24266242980957</t>
  </si>
  <si>
    <t>1817.4793701171875</t>
  </si>
  <si>
    <t>0.08461903135101068</t>
  </si>
  <si>
    <t>20.962278366088867</t>
  </si>
  <si>
    <t>1653.4371337890625</t>
  </si>
  <si>
    <t>0.021327822640822447</t>
  </si>
  <si>
    <t>20.63035011291504</t>
  </si>
  <si>
    <t>2056.552001953125</t>
  </si>
  <si>
    <t>0.009915508476305845</t>
  </si>
  <si>
    <t>20.482173919677734</t>
  </si>
  <si>
    <t>1493.3480224609375</t>
  </si>
  <si>
    <t>0.14180381404337616</t>
  </si>
  <si>
    <t>20.52411651611328</t>
  </si>
  <si>
    <t>1616.5206298828125</t>
  </si>
  <si>
    <t>-0.03589208643060182</t>
  </si>
  <si>
    <t>20.6602783203125</t>
  </si>
  <si>
    <t>1767.9478759765625</t>
  </si>
  <si>
    <t>-0.025913665786065465</t>
  </si>
  <si>
    <t>21.047529220581055</t>
  </si>
  <si>
    <t>1460.2646484375</t>
  </si>
  <si>
    <t>0.14117023758169722</t>
  </si>
  <si>
    <t>4581</t>
  </si>
  <si>
    <t>20.778057098388672</t>
  </si>
  <si>
    <t>1660.5888671875</t>
  </si>
  <si>
    <t>0.06353487739046138</t>
  </si>
  <si>
    <t>22.03162956237793</t>
  </si>
  <si>
    <t>4653.1572265625</t>
  </si>
  <si>
    <t>2105.496337890625</t>
  </si>
  <si>
    <t>Meghalaya</t>
  </si>
  <si>
    <t>21.828508377075195</t>
  </si>
  <si>
    <t>4582.3876953125</t>
  </si>
  <si>
    <t>-0.010088357944341375</t>
  </si>
  <si>
    <t>21.638277053833008</t>
  </si>
  <si>
    <t>3315.393310546875</t>
  </si>
  <si>
    <t>0.03242179239498899</t>
  </si>
  <si>
    <t>21.987253189086914</t>
  </si>
  <si>
    <t>4893.24658203125</t>
  </si>
  <si>
    <t>0.026038407186015355</t>
  </si>
  <si>
    <t>1749</t>
  </si>
  <si>
    <t>22.169015884399414</t>
  </si>
  <si>
    <t>3090.7548828125</t>
  </si>
  <si>
    <t>0.04442577403177861</t>
  </si>
  <si>
    <t>1845</t>
  </si>
  <si>
    <t>22.50419807434082</t>
  </si>
  <si>
    <t>4277.70703125</t>
  </si>
  <si>
    <t>0.05343508145602538</t>
  </si>
  <si>
    <t>22.300477981567383</t>
  </si>
  <si>
    <t>3717.173095703125</t>
  </si>
  <si>
    <t>0.05329670627132277</t>
  </si>
  <si>
    <t>21.808645248413086</t>
  </si>
  <si>
    <t>3867.056396484375</t>
  </si>
  <si>
    <t>0.02084997980586678</t>
  </si>
  <si>
    <t>22.701698303222656</t>
  </si>
  <si>
    <t>4340.578125</t>
  </si>
  <si>
    <t>0.04092264370759757</t>
  </si>
  <si>
    <t>2284</t>
  </si>
  <si>
    <t>22.812110900878906</t>
  </si>
  <si>
    <t>4408.6640625</t>
  </si>
  <si>
    <t>0.09837968451648571</t>
  </si>
  <si>
    <t>22.099794387817383</t>
  </si>
  <si>
    <t>4283.123046875</t>
  </si>
  <si>
    <t>0.07015973276287202</t>
  </si>
  <si>
    <t>22.504880905151367</t>
  </si>
  <si>
    <t>4210.2880859375</t>
  </si>
  <si>
    <t>0.08860873998157981</t>
  </si>
  <si>
    <t>22.46030616760254</t>
  </si>
  <si>
    <t>3684.673583984375</t>
  </si>
  <si>
    <t>0.06787158562848727</t>
  </si>
  <si>
    <t>22.464561462402344</t>
  </si>
  <si>
    <t>3301.19287109375</t>
  </si>
  <si>
    <t>0.055333985408499764</t>
  </si>
  <si>
    <t>22.359769821166992</t>
  </si>
  <si>
    <t>3726.720703125</t>
  </si>
  <si>
    <t>0.03025112771343963</t>
  </si>
  <si>
    <t>3280</t>
  </si>
  <si>
    <t>22.771718978881836</t>
  </si>
  <si>
    <t>3195.426025390625</t>
  </si>
  <si>
    <t>0.04968995910741114</t>
  </si>
  <si>
    <t>22.8292293548584</t>
  </si>
  <si>
    <t>2836.783935546875</t>
  </si>
  <si>
    <t>0.022906366208907514</t>
  </si>
  <si>
    <t>22.649568557739258</t>
  </si>
  <si>
    <t>3886.018310546875</t>
  </si>
  <si>
    <t>0.06517151503356011</t>
  </si>
  <si>
    <t>22.483322143554688</t>
  </si>
  <si>
    <t>3800.994384765625</t>
  </si>
  <si>
    <t>-0.03378603821823489</t>
  </si>
  <si>
    <t>23.1961669921875</t>
  </si>
  <si>
    <t>2705.5146484375</t>
  </si>
  <si>
    <t>0.09233934696980839</t>
  </si>
  <si>
    <t>3763</t>
  </si>
  <si>
    <t>22.902511596679688</t>
  </si>
  <si>
    <t>3724.47802734375</t>
  </si>
  <si>
    <t>-0.009258100778794187</t>
  </si>
  <si>
    <t>3712</t>
  </si>
  <si>
    <t>22.49700355529785</t>
  </si>
  <si>
    <t>2747.7236328125</t>
  </si>
  <si>
    <t>-0.013645696687346387</t>
  </si>
  <si>
    <t>22.096269607543945</t>
  </si>
  <si>
    <t>3339.0556640625</t>
  </si>
  <si>
    <t>0.15768506691028428</t>
  </si>
  <si>
    <t>4329</t>
  </si>
  <si>
    <t>22.368492126464844</t>
  </si>
  <si>
    <t>3298.43359375</t>
  </si>
  <si>
    <t>-0.003919313374394662</t>
  </si>
  <si>
    <t>4181</t>
  </si>
  <si>
    <t>22.651124954223633</t>
  </si>
  <si>
    <t>3246.415283203125</t>
  </si>
  <si>
    <t>-0.034786116085415486</t>
  </si>
  <si>
    <t>22.134803771972656</t>
  </si>
  <si>
    <t>4392.57373046875</t>
  </si>
  <si>
    <t>-0.02053956463722173</t>
  </si>
  <si>
    <t>4236</t>
  </si>
  <si>
    <t>22.878610610961914</t>
  </si>
  <si>
    <t>3563.996826171875</t>
  </si>
  <si>
    <t>22.49608039855957</t>
  </si>
  <si>
    <t>4654.11572265625</t>
  </si>
  <si>
    <t>0.010800762428331723</t>
  </si>
  <si>
    <t>22.349210739135742</t>
  </si>
  <si>
    <t>3238.671142578125</t>
  </si>
  <si>
    <t>0.005356947712202853</t>
  </si>
  <si>
    <t>22.424814224243164</t>
  </si>
  <si>
    <t>3526.6220703125</t>
  </si>
  <si>
    <t>-0.0032573318703068566</t>
  </si>
  <si>
    <t>22.486867904663086</t>
  </si>
  <si>
    <t>4332.80078125</t>
  </si>
  <si>
    <t>-0.07800563220845902</t>
  </si>
  <si>
    <t>22.83355140686035</t>
  </si>
  <si>
    <t>3541.347900390625</t>
  </si>
  <si>
    <t>0.04290598929433642</t>
  </si>
  <si>
    <t>22.680877685546875</t>
  </si>
  <si>
    <t>3349.81884765625</t>
  </si>
  <si>
    <t>0.06336114473928056</t>
  </si>
  <si>
    <t>1494</t>
  </si>
  <si>
    <t>22.8055419921875</t>
  </si>
  <si>
    <t>2949.95361328125</t>
  </si>
  <si>
    <t>418.76361083984375</t>
  </si>
  <si>
    <t>Mizoram</t>
  </si>
  <si>
    <t>1904</t>
  </si>
  <si>
    <t>22.777463912963867</t>
  </si>
  <si>
    <t>2990.244384765625</t>
  </si>
  <si>
    <t>-0.010449415874341561</t>
  </si>
  <si>
    <t>1967</t>
  </si>
  <si>
    <t>22.482885360717773</t>
  </si>
  <si>
    <t>1988.1463623046875</t>
  </si>
  <si>
    <t>0.03255260303774854</t>
  </si>
  <si>
    <t>22.69749641418457</t>
  </si>
  <si>
    <t>3271.428955078125</t>
  </si>
  <si>
    <t>0.026092799923778998</t>
  </si>
  <si>
    <t>22.77147674560547</t>
  </si>
  <si>
    <t>2317.5810546875</t>
  </si>
  <si>
    <t>0.04455942953548231</t>
  </si>
  <si>
    <t>23.158401489257812</t>
  </si>
  <si>
    <t>2641.06689453125</t>
  </si>
  <si>
    <t>0.05304448398717021</t>
  </si>
  <si>
    <t>22.926755905151367</t>
  </si>
  <si>
    <t>2610.18896484375</t>
  </si>
  <si>
    <t>0.0533576491124963</t>
  </si>
  <si>
    <t>22.483259201049805</t>
  </si>
  <si>
    <t>2773.395751953125</t>
  </si>
  <si>
    <t>0.020654053486397927</t>
  </si>
  <si>
    <t>2498</t>
  </si>
  <si>
    <t>23.280588150024414</t>
  </si>
  <si>
    <t>2967.1533203125</t>
  </si>
  <si>
    <t>0.0412724562511384</t>
  </si>
  <si>
    <t>2584</t>
  </si>
  <si>
    <t>2709.44482421875</t>
  </si>
  <si>
    <t>0.03384817421696962</t>
  </si>
  <si>
    <t>22.71806526184082</t>
  </si>
  <si>
    <t>2887.9765625</t>
  </si>
  <si>
    <t>0.08277771145939017</t>
  </si>
  <si>
    <t>23.182130813598633</t>
  </si>
  <si>
    <t>2633.551513671875</t>
  </si>
  <si>
    <t>0.08236934044465372</t>
  </si>
  <si>
    <t>23.013174057006836</t>
  </si>
  <si>
    <t>2615.803955078125</t>
  </si>
  <si>
    <t>0.057686853951738115</t>
  </si>
  <si>
    <t>23.00650978088379</t>
  </si>
  <si>
    <t>2532.82275390625</t>
  </si>
  <si>
    <t>0.07342198724061788</t>
  </si>
  <si>
    <t>22.903236389160156</t>
  </si>
  <si>
    <t>2514.54931640625</t>
  </si>
  <si>
    <t>0.001150417153048977</t>
  </si>
  <si>
    <t>23.336198806762695</t>
  </si>
  <si>
    <t>2266.33251953125</t>
  </si>
  <si>
    <t>0.007445624316748223</t>
  </si>
  <si>
    <t>23.381187438964844</t>
  </si>
  <si>
    <t>2151.76806640625</t>
  </si>
  <si>
    <t>0.027021064180186016</t>
  </si>
  <si>
    <t>3560</t>
  </si>
  <si>
    <t>23.191909790039062</t>
  </si>
  <si>
    <t>2643.946533203125</t>
  </si>
  <si>
    <t>-0.011451039802800267</t>
  </si>
  <si>
    <t>23.134923934936523</t>
  </si>
  <si>
    <t>2336.154296875</t>
  </si>
  <si>
    <t>3962</t>
  </si>
  <si>
    <t>23.757875442504883</t>
  </si>
  <si>
    <t>2236.819091796875</t>
  </si>
  <si>
    <t>0.10698840341242111</t>
  </si>
  <si>
    <t>23.566810607910156</t>
  </si>
  <si>
    <t>2706.287353515625</t>
  </si>
  <si>
    <t>0.04394683956086354</t>
  </si>
  <si>
    <t>23.12098503112793</t>
  </si>
  <si>
    <t>2318.14501953125</t>
  </si>
  <si>
    <t>0.043022470247471745</t>
  </si>
  <si>
    <t>22.859291076660156</t>
  </si>
  <si>
    <t>2491.15478515625</t>
  </si>
  <si>
    <t>-0.03460389978187628</t>
  </si>
  <si>
    <t>22.86016845703125</t>
  </si>
  <si>
    <t>2255.56787109375</t>
  </si>
  <si>
    <t>0.051353172834321725</t>
  </si>
  <si>
    <t>23.090219497680664</t>
  </si>
  <si>
    <t>2092.560546875</t>
  </si>
  <si>
    <t>0.12536388570284807</t>
  </si>
  <si>
    <t>6529</t>
  </si>
  <si>
    <t>22.591737747192383</t>
  </si>
  <si>
    <t>2892.923828125</t>
  </si>
  <si>
    <t>0.2704223753645074</t>
  </si>
  <si>
    <t>7018</t>
  </si>
  <si>
    <t>23.369722366333008</t>
  </si>
  <si>
    <t>2327.458740234375</t>
  </si>
  <si>
    <t>0.07222448495652678</t>
  </si>
  <si>
    <t>22.95777702331543</t>
  </si>
  <si>
    <t>3223.880859375</t>
  </si>
  <si>
    <t>0.050295361451357934</t>
  </si>
  <si>
    <t>8621</t>
  </si>
  <si>
    <t>22.839149475097656</t>
  </si>
  <si>
    <t>2195.38427734375</t>
  </si>
  <si>
    <t>0.15542744861540747</t>
  </si>
  <si>
    <t>22.866724014282227</t>
  </si>
  <si>
    <t>2395.7802734375</t>
  </si>
  <si>
    <t>-0.008269804279118276</t>
  </si>
  <si>
    <t>6969</t>
  </si>
  <si>
    <t>22.97661590576172</t>
  </si>
  <si>
    <t>2577.523681640625</t>
  </si>
  <si>
    <t>-0.20445954049228732</t>
  </si>
  <si>
    <t>23.306058883666992</t>
  </si>
  <si>
    <t>2318.041748046875</t>
  </si>
  <si>
    <t>0.014105812001067974</t>
  </si>
  <si>
    <t>23.161691665649414</t>
  </si>
  <si>
    <t>2087.072265625</t>
  </si>
  <si>
    <t>0.06331748735435205</t>
  </si>
  <si>
    <t>1495</t>
  </si>
  <si>
    <t>4771</t>
  </si>
  <si>
    <t>24.758333206176758</t>
  </si>
  <si>
    <t>5115.16748046875</t>
  </si>
  <si>
    <t>NCT of Delhi</t>
  </si>
  <si>
    <t>25.19167137145996</t>
  </si>
  <si>
    <t>-0.010323487870650183</t>
  </si>
  <si>
    <t>592.699951171875</t>
  </si>
  <si>
    <t>0.03270784217037992</t>
  </si>
  <si>
    <t>0.02609635296409607</t>
  </si>
  <si>
    <t>803.8999633789062</t>
  </si>
  <si>
    <t>0.04433021052470387</t>
  </si>
  <si>
    <t>5521</t>
  </si>
  <si>
    <t>0.053192158979406656</t>
  </si>
  <si>
    <t>0.053428307592477964</t>
  </si>
  <si>
    <t>24.175003051757812</t>
  </si>
  <si>
    <t>0.02073141368152065</t>
  </si>
  <si>
    <t>6196</t>
  </si>
  <si>
    <t>25.2499942779541</t>
  </si>
  <si>
    <t>900.7001342773438</t>
  </si>
  <si>
    <t>0.04118519797871656</t>
  </si>
  <si>
    <t>419.0</t>
  </si>
  <si>
    <t>0.060282786919358955</t>
  </si>
  <si>
    <t>0.00922641348057418</t>
  </si>
  <si>
    <t>6955</t>
  </si>
  <si>
    <t>25.400001525878906</t>
  </si>
  <si>
    <t>531.2000122070312</t>
  </si>
  <si>
    <t>0.0460477024208501</t>
  </si>
  <si>
    <t>497.9000244140625</t>
  </si>
  <si>
    <t>0.012431395357454633</t>
  </si>
  <si>
    <t>0.06819732649670485</t>
  </si>
  <si>
    <t>7763</t>
  </si>
  <si>
    <t>25.874998092651367</t>
  </si>
  <si>
    <t>433.7999572753906</t>
  </si>
  <si>
    <t>0.029279310193977892</t>
  </si>
  <si>
    <t>9079</t>
  </si>
  <si>
    <t>608.1000366210938</t>
  </si>
  <si>
    <t>0.1565951969660766</t>
  </si>
  <si>
    <t>25.408334732055664</t>
  </si>
  <si>
    <t>0.07007170337088908</t>
  </si>
  <si>
    <t>25.53333282470703</t>
  </si>
  <si>
    <t>617.5</t>
  </si>
  <si>
    <t>0.056884535029610106</t>
  </si>
  <si>
    <t>25.508333206176758</t>
  </si>
  <si>
    <t>641.2999877929688</t>
  </si>
  <si>
    <t>0.012436892047796633</t>
  </si>
  <si>
    <t>11475</t>
  </si>
  <si>
    <t>0.09481357110869304</t>
  </si>
  <si>
    <t>12206</t>
  </si>
  <si>
    <t>26.108335494995117</t>
  </si>
  <si>
    <t>813.400146484375</t>
  </si>
  <si>
    <t>0.06175687817569475</t>
  </si>
  <si>
    <t>25.433332443237305</t>
  </si>
  <si>
    <t>0.008484306074059589</t>
  </si>
  <si>
    <t>874.39990234375</t>
  </si>
  <si>
    <t>0.08469350188971347</t>
  </si>
  <si>
    <t>13898</t>
  </si>
  <si>
    <t>834.6000366210938</t>
  </si>
  <si>
    <t>0.0366395028060591</t>
  </si>
  <si>
    <t>14634</t>
  </si>
  <si>
    <t>0.05160264356970323</t>
  </si>
  <si>
    <t>15663</t>
  </si>
  <si>
    <t>25.608335494995117</t>
  </si>
  <si>
    <t>0.06795365463468706</t>
  </si>
  <si>
    <t>16631</t>
  </si>
  <si>
    <t>26.066667556762695</t>
  </si>
  <si>
    <t>675.8999633789062</t>
  </si>
  <si>
    <t>0.0599671805914781</t>
  </si>
  <si>
    <t>17160</t>
  </si>
  <si>
    <t>25.891664505004883</t>
  </si>
  <si>
    <t>0.031312670371812956</t>
  </si>
  <si>
    <t>17679</t>
  </si>
  <si>
    <t>834.800048828125</t>
  </si>
  <si>
    <t>0.02979640046407006</t>
  </si>
  <si>
    <t>17584</t>
  </si>
  <si>
    <t>25.241666793823242</t>
  </si>
  <si>
    <t>-0.0053880968626209835</t>
  </si>
  <si>
    <t>16128</t>
  </si>
  <si>
    <t>25.325002670288086</t>
  </si>
  <si>
    <t>642.7000122070312</t>
  </si>
  <si>
    <t>-0.08643250577230788</t>
  </si>
  <si>
    <t>16844</t>
  </si>
  <si>
    <t>0.043437618410724355</t>
  </si>
  <si>
    <t>544.699951171875</t>
  </si>
  <si>
    <t>0.06342845974745792</t>
  </si>
  <si>
    <t>20.55487823486328</t>
  </si>
  <si>
    <t>2300.8916015625</t>
  </si>
  <si>
    <t>946.0717163085938</t>
  </si>
  <si>
    <t>Nagaland</t>
  </si>
  <si>
    <t>20.371925354003906</t>
  </si>
  <si>
    <t>2211.24609375</t>
  </si>
  <si>
    <t>-0.01041934506795883</t>
  </si>
  <si>
    <t>20.21181297302246</t>
  </si>
  <si>
    <t>1846.987548828125</t>
  </si>
  <si>
    <t>0.03287026363870371</t>
  </si>
  <si>
    <t>20.520116806030273</t>
  </si>
  <si>
    <t>2275.9287109375</t>
  </si>
  <si>
    <t>0.026198211820863904</t>
  </si>
  <si>
    <t>20.742733001708984</t>
  </si>
  <si>
    <t>1745.9468994140625</t>
  </si>
  <si>
    <t>0.04414509876395911</t>
  </si>
  <si>
    <t>21.019575119018555</t>
  </si>
  <si>
    <t>2012.2957763671875</t>
  </si>
  <si>
    <t>0.05342776691618312</t>
  </si>
  <si>
    <t>20.868227005004883</t>
  </si>
  <si>
    <t>1875.820556640625</t>
  </si>
  <si>
    <t>0.05314658664103611</t>
  </si>
  <si>
    <t>20.328161239624023</t>
  </si>
  <si>
    <t>1624.1392822265625</t>
  </si>
  <si>
    <t>0.020809074188044008</t>
  </si>
  <si>
    <t>21.199201583862305</t>
  </si>
  <si>
    <t>2104.423095703125</t>
  </si>
  <si>
    <t>0.04112293933083322</t>
  </si>
  <si>
    <t>21.32787322998047</t>
  </si>
  <si>
    <t>1792.166748046875</t>
  </si>
  <si>
    <t>-0.10110420378956597</t>
  </si>
  <si>
    <t>2408</t>
  </si>
  <si>
    <t>20.595256805419922</t>
  </si>
  <si>
    <t>1929.6409912109375</t>
  </si>
  <si>
    <t>0.01253672917798454</t>
  </si>
  <si>
    <t>21.15001106262207</t>
  </si>
  <si>
    <t>1994.535888671875</t>
  </si>
  <si>
    <t>0.14329462331379172</t>
  </si>
  <si>
    <t>21.10814094543457</t>
  </si>
  <si>
    <t>1818.3160400390625</t>
  </si>
  <si>
    <t>0.0778535831415228</t>
  </si>
  <si>
    <t>21.1121768951416</t>
  </si>
  <si>
    <t>1742.9052734375</t>
  </si>
  <si>
    <t>0.07191801650581375</t>
  </si>
  <si>
    <t>21.001317977905273</t>
  </si>
  <si>
    <t>1987.62646484375</t>
  </si>
  <si>
    <t>-0.028277096096861243</t>
  </si>
  <si>
    <t>21.430404663085938</t>
  </si>
  <si>
    <t>1591.5572509765625</t>
  </si>
  <si>
    <t>0.3212888069319053</t>
  </si>
  <si>
    <t>21.49224090576172</t>
  </si>
  <si>
    <t>1643.116943359375</t>
  </si>
  <si>
    <t>0.05179005103899925</t>
  </si>
  <si>
    <t>4526</t>
  </si>
  <si>
    <t>21.333358764648438</t>
  </si>
  <si>
    <t>1977.6719970703125</t>
  </si>
  <si>
    <t>-0.0068259650703996755</t>
  </si>
  <si>
    <t>21.154861450195312</t>
  </si>
  <si>
    <t>1956.93994140625</t>
  </si>
  <si>
    <t>-0.03233330603807083</t>
  </si>
  <si>
    <t>21.878028869628906</t>
  </si>
  <si>
    <t>1688.7744140625</t>
  </si>
  <si>
    <t>0.07958619088861596</t>
  </si>
  <si>
    <t>21.576934814453125</t>
  </si>
  <si>
    <t>2173.240966796875</t>
  </si>
  <si>
    <t>0.02641309834570471</t>
  </si>
  <si>
    <t>21.210750579833984</t>
  </si>
  <si>
    <t>1579.403564453125</t>
  </si>
  <si>
    <t>-0.032967725893657374</t>
  </si>
  <si>
    <t>20.762025833129883</t>
  </si>
  <si>
    <t>1949.3148193359375</t>
  </si>
  <si>
    <t>-0.2053248884952783</t>
  </si>
  <si>
    <t>4139</t>
  </si>
  <si>
    <t>20.911832809448242</t>
  </si>
  <si>
    <t>1717.669921875</t>
  </si>
  <si>
    <t>0.07524229674793403</t>
  </si>
  <si>
    <t>21.066530227661133</t>
  </si>
  <si>
    <t>1532.3663330078125</t>
  </si>
  <si>
    <t>0.1038614462506704</t>
  </si>
  <si>
    <t>20.650529861450195</t>
  </si>
  <si>
    <t>1948.46728515625</t>
  </si>
  <si>
    <t>0.07809763847987128</t>
  </si>
  <si>
    <t>5075</t>
  </si>
  <si>
    <t>21.30768585205078</t>
  </si>
  <si>
    <t>1673.9503173828125</t>
  </si>
  <si>
    <t>0.02191322743071389</t>
  </si>
  <si>
    <t>21.014928817749023</t>
  </si>
  <si>
    <t>1980.6204833984375</t>
  </si>
  <si>
    <t>0.044134727955711384</t>
  </si>
  <si>
    <t>5665</t>
  </si>
  <si>
    <t>20.834489822387695</t>
  </si>
  <si>
    <t>1542.8057861328125</t>
  </si>
  <si>
    <t>0.06584564159640749</t>
  </si>
  <si>
    <t>20.908477783203125</t>
  </si>
  <si>
    <t>1662.076904296875</t>
  </si>
  <si>
    <t>0.0005294273484643952</t>
  </si>
  <si>
    <t>21.035659790039062</t>
  </si>
  <si>
    <t>2019.8704833984375</t>
  </si>
  <si>
    <t>-0.01941808585710092</t>
  </si>
  <si>
    <t>21.298723220825195</t>
  </si>
  <si>
    <t>1395.605224609375</t>
  </si>
  <si>
    <t>0.08282019935443152</t>
  </si>
  <si>
    <t>21.131526947021484</t>
  </si>
  <si>
    <t>1838.8912353515625</t>
  </si>
  <si>
    <t>0.06351340572232544</t>
  </si>
  <si>
    <t>26.264196395874023</t>
  </si>
  <si>
    <t>1756.696044921875</t>
  </si>
  <si>
    <t>14617.06640625</t>
  </si>
  <si>
    <t>Odisha</t>
  </si>
  <si>
    <t>26.46019744873047</t>
  </si>
  <si>
    <t>1438.641845703125</t>
  </si>
  <si>
    <t>26.407127380371094</t>
  </si>
  <si>
    <t>1411.6051025390625</t>
  </si>
  <si>
    <t>0.032921479725294134</t>
  </si>
  <si>
    <t>26.298439025878906</t>
  </si>
  <si>
    <t>1433.2391357421875</t>
  </si>
  <si>
    <t>0.025732413966478518</t>
  </si>
  <si>
    <t>26.21722412109375</t>
  </si>
  <si>
    <t>1368.517822265625</t>
  </si>
  <si>
    <t>0.04441829144804199</t>
  </si>
  <si>
    <t>26.71061897277832</t>
  </si>
  <si>
    <t>1356.9737548828125</t>
  </si>
  <si>
    <t>0.05305903940194945</t>
  </si>
  <si>
    <t>1511</t>
  </si>
  <si>
    <t>26.492380142211914</t>
  </si>
  <si>
    <t>1084.118408203125</t>
  </si>
  <si>
    <t>0.05369961475214868</t>
  </si>
  <si>
    <t>1542</t>
  </si>
  <si>
    <t>26.36781883239746</t>
  </si>
  <si>
    <t>1494.7486572265625</t>
  </si>
  <si>
    <t>0.020308591850534796</t>
  </si>
  <si>
    <t>26.861787796020508</t>
  </si>
  <si>
    <t>1612.085205078125</t>
  </si>
  <si>
    <t>0.04128881161423781</t>
  </si>
  <si>
    <t>26.81767463684082</t>
  </si>
  <si>
    <t>1401.780029296875</t>
  </si>
  <si>
    <t>0.04442470665979226</t>
  </si>
  <si>
    <t>1813</t>
  </si>
  <si>
    <t>26.455480575561523</t>
  </si>
  <si>
    <t>1122.37939453125</t>
  </si>
  <si>
    <t>0.07618913835754615</t>
  </si>
  <si>
    <t>26.798871994018555</t>
  </si>
  <si>
    <t>1477.6072998046875</t>
  </si>
  <si>
    <t>-0.014444695595423163</t>
  </si>
  <si>
    <t>1838</t>
  </si>
  <si>
    <t>26.989091873168945</t>
  </si>
  <si>
    <t>1307.9515380859375</t>
  </si>
  <si>
    <t>0.028139787756204626</t>
  </si>
  <si>
    <t>1944</t>
  </si>
  <si>
    <t>26.87702178955078</t>
  </si>
  <si>
    <t>1643.5299072265625</t>
  </si>
  <si>
    <t>0.05606968210475216</t>
  </si>
  <si>
    <t>26.82653045654297</t>
  </si>
  <si>
    <t>1234.303466796875</t>
  </si>
  <si>
    <t>0.14395781515597061</t>
  </si>
  <si>
    <t>26.84394645690918</t>
  </si>
  <si>
    <t>1513.59814453125</t>
  </si>
  <si>
    <t>0.11117874619006685</t>
  </si>
  <si>
    <t>26.88287353515625</t>
  </si>
  <si>
    <t>1686.1195068359375</t>
  </si>
  <si>
    <t>0.013066905382977723</t>
  </si>
  <si>
    <t>26.87627410888672</t>
  </si>
  <si>
    <t>1564.3114013671875</t>
  </si>
  <si>
    <t>0.0793767473038347</t>
  </si>
  <si>
    <t>3039</t>
  </si>
  <si>
    <t>26.788419723510742</t>
  </si>
  <si>
    <t>1577.8331298828125</t>
  </si>
  <si>
    <t>0.09920059386355895</t>
  </si>
  <si>
    <t>27.246490478515625</t>
  </si>
  <si>
    <t>1272.8477783203125</t>
  </si>
  <si>
    <t>0.05971446576836037</t>
  </si>
  <si>
    <t>27.387117385864258</t>
  </si>
  <si>
    <t>1534.534423828125</t>
  </si>
  <si>
    <t>-0.00777971871529104</t>
  </si>
  <si>
    <t>3354</t>
  </si>
  <si>
    <t>26.65495491027832</t>
  </si>
  <si>
    <t>1458.904052734375</t>
  </si>
  <si>
    <t>0.04669040241329192</t>
  </si>
  <si>
    <t>26.622629165649414</t>
  </si>
  <si>
    <t>1373.28125</t>
  </si>
  <si>
    <t>0.04375150967312713</t>
  </si>
  <si>
    <t>26.287019729614258</t>
  </si>
  <si>
    <t>1423.8392333984375</t>
  </si>
  <si>
    <t>0.0549680410771618</t>
  </si>
  <si>
    <t>26.502058029174805</t>
  </si>
  <si>
    <t>1477.556640625</t>
  </si>
  <si>
    <t>0.05133381220526623</t>
  </si>
  <si>
    <t>4014</t>
  </si>
  <si>
    <t>26.59326934814453</t>
  </si>
  <si>
    <t>1269.0546875</t>
  </si>
  <si>
    <t>0.02958122401757457</t>
  </si>
  <si>
    <t>26.9499568939209</t>
  </si>
  <si>
    <t>1457.337890625</t>
  </si>
  <si>
    <t>-0.005997019472374632</t>
  </si>
  <si>
    <t>4500</t>
  </si>
  <si>
    <t>26.688936233520508</t>
  </si>
  <si>
    <t>1490.566650390625</t>
  </si>
  <si>
    <t>0.1202861658745018</t>
  </si>
  <si>
    <t>26.451391220092773</t>
  </si>
  <si>
    <t>1633.4619140625</t>
  </si>
  <si>
    <t>0.07180373212898239</t>
  </si>
  <si>
    <t>26.604631423950195</t>
  </si>
  <si>
    <t>1753.6278076171875</t>
  </si>
  <si>
    <t>0.05080713693537042</t>
  </si>
  <si>
    <t>26.478744506835938</t>
  </si>
  <si>
    <t>1546.4046630859375</t>
  </si>
  <si>
    <t>-0.08189554690005885</t>
  </si>
  <si>
    <t>4968</t>
  </si>
  <si>
    <t>26.477622985839844</t>
  </si>
  <si>
    <t>1662.654052734375</t>
  </si>
  <si>
    <t>0.0582246256906096</t>
  </si>
  <si>
    <t>26.76951789855957</t>
  </si>
  <si>
    <t>1443.6910400390625</t>
  </si>
  <si>
    <t>0.06336784824467223</t>
  </si>
  <si>
    <t>1499</t>
  </si>
  <si>
    <t>23.554824829101562</t>
  </si>
  <si>
    <t>964.9074096679688</t>
  </si>
  <si>
    <t>9820.994140625</t>
  </si>
  <si>
    <t>Punjab</t>
  </si>
  <si>
    <t>23.64533805847168</t>
  </si>
  <si>
    <t>683.1729125976562</t>
  </si>
  <si>
    <t>-0.01035563275710949</t>
  </si>
  <si>
    <t>23.348861694335938</t>
  </si>
  <si>
    <t>806.962158203125</t>
  </si>
  <si>
    <t>0.03276743668448745</t>
  </si>
  <si>
    <t>24.190645217895508</t>
  </si>
  <si>
    <t>739.0680541992188</t>
  </si>
  <si>
    <t>0.02618210864688031</t>
  </si>
  <si>
    <t>23.66107749938965</t>
  </si>
  <si>
    <t>711.2202758789062</t>
  </si>
  <si>
    <t>0.04446598499533039</t>
  </si>
  <si>
    <t>23.72034454345703</t>
  </si>
  <si>
    <t>870.5317993164062</t>
  </si>
  <si>
    <t>0.05330940834789466</t>
  </si>
  <si>
    <t>3556</t>
  </si>
  <si>
    <t>23.62739372253418</t>
  </si>
  <si>
    <t>843.4918212890625</t>
  </si>
  <si>
    <t>0.05342688139973539</t>
  </si>
  <si>
    <t>3630</t>
  </si>
  <si>
    <t>22.8067626953125</t>
  </si>
  <si>
    <t>874.6782836914062</t>
  </si>
  <si>
    <t>0.0205963306251018</t>
  </si>
  <si>
    <t>3783</t>
  </si>
  <si>
    <t>23.91411018371582</t>
  </si>
  <si>
    <t>774.2835083007812</t>
  </si>
  <si>
    <t>4063</t>
  </si>
  <si>
    <t>24.503271102905273</t>
  </si>
  <si>
    <t>566.6194458007812</t>
  </si>
  <si>
    <t>0.07140427135469629</t>
  </si>
  <si>
    <t>24.297258377075195</t>
  </si>
  <si>
    <t>682.6131591796875</t>
  </si>
  <si>
    <t>0.07398490280398917</t>
  </si>
  <si>
    <t>4767</t>
  </si>
  <si>
    <t>24.2918701171875</t>
  </si>
  <si>
    <t>688.4965209960938</t>
  </si>
  <si>
    <t>0.08581065641311092</t>
  </si>
  <si>
    <t>24.463701248168945</t>
  </si>
  <si>
    <t>597.6599731445312</t>
  </si>
  <si>
    <t>0.008979907894980599</t>
  </si>
  <si>
    <t>4874</t>
  </si>
  <si>
    <t>23.635427474975586</t>
  </si>
  <si>
    <t>857.5773315429688</t>
  </si>
  <si>
    <t>0.013217871085345223</t>
  </si>
  <si>
    <t>4952</t>
  </si>
  <si>
    <t>24.315725326538086</t>
  </si>
  <si>
    <t>600.9124755859375</t>
  </si>
  <si>
    <t>0.015876580179279287</t>
  </si>
  <si>
    <t>23.66053581237793</t>
  </si>
  <si>
    <t>682.397216796875</t>
  </si>
  <si>
    <t>-0.05116576234495085</t>
  </si>
  <si>
    <t>4882</t>
  </si>
  <si>
    <t>24.249174118041992</t>
  </si>
  <si>
    <t>1032.05224609375</t>
  </si>
  <si>
    <t>0.036929198933425056</t>
  </si>
  <si>
    <t>5184</t>
  </si>
  <si>
    <t>24.064950942993164</t>
  </si>
  <si>
    <t>725.7575073242188</t>
  </si>
  <si>
    <t>0.06002198707920492</t>
  </si>
  <si>
    <t>24.174753189086914</t>
  </si>
  <si>
    <t>890.957763671875</t>
  </si>
  <si>
    <t>0.0428569596106243</t>
  </si>
  <si>
    <t>5680</t>
  </si>
  <si>
    <t>24.522415161132812</t>
  </si>
  <si>
    <t>502.17987060546875</t>
  </si>
  <si>
    <t>0.048517314072462625</t>
  </si>
  <si>
    <t>24.603904724121094</t>
  </si>
  <si>
    <t>803.6884765625</t>
  </si>
  <si>
    <t>0.053307110368727706</t>
  </si>
  <si>
    <t>24.193525314331055</t>
  </si>
  <si>
    <t>840.990966796875</t>
  </si>
  <si>
    <t>-0.014967066581039745</t>
  </si>
  <si>
    <t>23.91114044189453</t>
  </si>
  <si>
    <t>663.54736328125</t>
  </si>
  <si>
    <t>0.04893538284480847</t>
  </si>
  <si>
    <t>6377</t>
  </si>
  <si>
    <t>24.27289581298828</t>
  </si>
  <si>
    <t>936.319580078125</t>
  </si>
  <si>
    <t>0.02847110796757768</t>
  </si>
  <si>
    <t>23.885208129882812</t>
  </si>
  <si>
    <t>859.7518920898438</t>
  </si>
  <si>
    <t>0.04447221630278797</t>
  </si>
  <si>
    <t>24.124799728393555</t>
  </si>
  <si>
    <t>882.5565795898438</t>
  </si>
  <si>
    <t>0.0349309701452043</t>
  </si>
  <si>
    <t>24.785308837890625</t>
  </si>
  <si>
    <t>757.898193359375</t>
  </si>
  <si>
    <t>0.057689365946062665</t>
  </si>
  <si>
    <t>24.75969696044922</t>
  </si>
  <si>
    <t>763.3289184570312</t>
  </si>
  <si>
    <t>0.02204132229058864</t>
  </si>
  <si>
    <t>24.728139877319336</t>
  </si>
  <si>
    <t>793.3274536132812</t>
  </si>
  <si>
    <t>0.03792358929169737</t>
  </si>
  <si>
    <t>23.907106399536133</t>
  </si>
  <si>
    <t>804.8754272460938</t>
  </si>
  <si>
    <t>0.0024435739764854247</t>
  </si>
  <si>
    <t>24.04781150817871</t>
  </si>
  <si>
    <t>789.0140380859375</t>
  </si>
  <si>
    <t>-0.10757519775611257</t>
  </si>
  <si>
    <t>24.548477172851562</t>
  </si>
  <si>
    <t>1007.2023315429688</t>
  </si>
  <si>
    <t>0.048306432202009475</t>
  </si>
  <si>
    <t>24.80347442626953</t>
  </si>
  <si>
    <t>812.6494140625</t>
  </si>
  <si>
    <t>0.06337080950633478</t>
  </si>
  <si>
    <t>1707</t>
  </si>
  <si>
    <t>25.482004165649414</t>
  </si>
  <si>
    <t>611.1075439453125</t>
  </si>
  <si>
    <t>21035.666015625</t>
  </si>
  <si>
    <t>Rajasthan</t>
  </si>
  <si>
    <t>25.82036781311035</t>
  </si>
  <si>
    <t>408.86444091796875</t>
  </si>
  <si>
    <t>-0.010600805986641149</t>
  </si>
  <si>
    <t>1746</t>
  </si>
  <si>
    <t>25.62732696533203</t>
  </si>
  <si>
    <t>469.615234375</t>
  </si>
  <si>
    <t>0.03319081959174763</t>
  </si>
  <si>
    <t>26.233354568481445</t>
  </si>
  <si>
    <t>598.052490234375</t>
  </si>
  <si>
    <t>0.026004857135328407</t>
  </si>
  <si>
    <t>25.64345359802246</t>
  </si>
  <si>
    <t>677.7592163085938</t>
  </si>
  <si>
    <t>0.0442091089092127</t>
  </si>
  <si>
    <t>25.99522590637207</t>
  </si>
  <si>
    <t>645.0733032226562</t>
  </si>
  <si>
    <t>0.05302697489113406</t>
  </si>
  <si>
    <t>2084</t>
  </si>
  <si>
    <t>25.803136825561523</t>
  </si>
  <si>
    <t>723.3358154296875</t>
  </si>
  <si>
    <t>0.0537207255380352</t>
  </si>
  <si>
    <t>24.93132781982422</t>
  </si>
  <si>
    <t>584.0191040039062</t>
  </si>
  <si>
    <t>0.02042341232697975</t>
  </si>
  <si>
    <t>25.92922019958496</t>
  </si>
  <si>
    <t>584.0198364257812</t>
  </si>
  <si>
    <t>0.041442394416074</t>
  </si>
  <si>
    <t>2369</t>
  </si>
  <si>
    <t>26.223085403442383</t>
  </si>
  <si>
    <t>440.5777282714844</t>
  </si>
  <si>
    <t>0.06631299454247408</t>
  </si>
  <si>
    <t>26.16023826599121</t>
  </si>
  <si>
    <t>455.50244140625</t>
  </si>
  <si>
    <t>-0.01874788613732914</t>
  </si>
  <si>
    <t>26.135751724243164</t>
  </si>
  <si>
    <t>568.367919921875</t>
  </si>
  <si>
    <t>-0.04351378618596602</t>
  </si>
  <si>
    <t>2343</t>
  </si>
  <si>
    <t>26.51582145690918</t>
  </si>
  <si>
    <t>307.2377624511719</t>
  </si>
  <si>
    <t>0.051225906672304866</t>
  </si>
  <si>
    <t>25.969831466674805</t>
  </si>
  <si>
    <t>604.322509765625</t>
  </si>
  <si>
    <t>-0.07073208195785163</t>
  </si>
  <si>
    <t>26.4709415435791</t>
  </si>
  <si>
    <t>466.9220886230469</t>
  </si>
  <si>
    <t>0.18056401994907922</t>
  </si>
  <si>
    <t>25.78582000732422</t>
  </si>
  <si>
    <t>506.3291931152344</t>
  </si>
  <si>
    <t>0.009135960004301502</t>
  </si>
  <si>
    <t>26.184484481811523</t>
  </si>
  <si>
    <t>542.5624389648438</t>
  </si>
  <si>
    <t>0.03536568078057023</t>
  </si>
  <si>
    <t>26.22575569152832</t>
  </si>
  <si>
    <t>536.4909057617188</t>
  </si>
  <si>
    <t>0.08515034373188168</t>
  </si>
  <si>
    <t>26.190460205078125</t>
  </si>
  <si>
    <t>556.1793823242188</t>
  </si>
  <si>
    <t>-0.010467763993200485</t>
  </si>
  <si>
    <t>26.74738311767578</t>
  </si>
  <si>
    <t>465.3641052246094</t>
  </si>
  <si>
    <t>0.08644547804407665</t>
  </si>
  <si>
    <t>26.716711044311523</t>
  </si>
  <si>
    <t>655.7098388671875</t>
  </si>
  <si>
    <t>0.06186917704863859</t>
  </si>
  <si>
    <t>26.1173152923584</t>
  </si>
  <si>
    <t>630.4174194335938</t>
  </si>
  <si>
    <t>0.10281117578650445</t>
  </si>
  <si>
    <t>25.922462463378906</t>
  </si>
  <si>
    <t>618.6968994140625</t>
  </si>
  <si>
    <t>0.08960461405373366</t>
  </si>
  <si>
    <t>25.97290802001953</t>
  </si>
  <si>
    <t>772.7724609375</t>
  </si>
  <si>
    <t>0.03836605988609065</t>
  </si>
  <si>
    <t>25.91221809387207</t>
  </si>
  <si>
    <t>543.5917358398438</t>
  </si>
  <si>
    <t>0.03605227315085813</t>
  </si>
  <si>
    <t>4843</t>
  </si>
  <si>
    <t>26.31913185119629</t>
  </si>
  <si>
    <t>616.0134887695312</t>
  </si>
  <si>
    <t>0.08193726741075125</t>
  </si>
  <si>
    <t>26.700294494628906</t>
  </si>
  <si>
    <t>680.08203125</t>
  </si>
  <si>
    <t>0.05835071902785671</t>
  </si>
  <si>
    <t>5337</t>
  </si>
  <si>
    <t>26.55509376525879</t>
  </si>
  <si>
    <t>543.0162963867188</t>
  </si>
  <si>
    <t>0.038778614902858166</t>
  </si>
  <si>
    <t>26.53725242614746</t>
  </si>
  <si>
    <t>569.1658325195312</t>
  </si>
  <si>
    <t>0.02680630052878641</t>
  </si>
  <si>
    <t>25.990842819213867</t>
  </si>
  <si>
    <t>765.0819091796875</t>
  </si>
  <si>
    <t>0.009621568280007153</t>
  </si>
  <si>
    <t>5224</t>
  </si>
  <si>
    <t>26.157041549682617</t>
  </si>
  <si>
    <t>572.25830078125</t>
  </si>
  <si>
    <t>-0.05782817418647035</t>
  </si>
  <si>
    <t>26.315855026245117</t>
  </si>
  <si>
    <t>644.8362426757812</t>
  </si>
  <si>
    <t>0.0826309444125286</t>
  </si>
  <si>
    <t>26.618810653686523</t>
  </si>
  <si>
    <t>763.8793334960938</t>
  </si>
  <si>
    <t>0.06350255997060827</t>
  </si>
  <si>
    <t>12.612019538879395</t>
  </si>
  <si>
    <t>2246.92626953125</t>
  </si>
  <si>
    <t>469.7900390625</t>
  </si>
  <si>
    <t>Sikkim</t>
  </si>
  <si>
    <t>13.053820610046387</t>
  </si>
  <si>
    <t>2517.733154296875</t>
  </si>
  <si>
    <t>-0.010225037961161476</t>
  </si>
  <si>
    <t>12.596019744873047</t>
  </si>
  <si>
    <t>2090.94482421875</t>
  </si>
  <si>
    <t>0.032358738307171286</t>
  </si>
  <si>
    <t>13.112751007080078</t>
  </si>
  <si>
    <t>2326.833251953125</t>
  </si>
  <si>
    <t>0.02602651201813</t>
  </si>
  <si>
    <t>12.792534828186035</t>
  </si>
  <si>
    <t>1810.02294921875</t>
  </si>
  <si>
    <t>0.04455713331790445</t>
  </si>
  <si>
    <t>2275</t>
  </si>
  <si>
    <t>13.426334381103516</t>
  </si>
  <si>
    <t>2361.567626953125</t>
  </si>
  <si>
    <t>0.053261684995894676</t>
  </si>
  <si>
    <t>12.814083099365234</t>
  </si>
  <si>
    <t>2279.665283203125</t>
  </si>
  <si>
    <t>12.006834983825684</t>
  </si>
  <si>
    <t>2337.825927734375</t>
  </si>
  <si>
    <t>0.020619287202735315</t>
  </si>
  <si>
    <t>13.409422874450684</t>
  </si>
  <si>
    <t>2720.888427734375</t>
  </si>
  <si>
    <t>0.04118111370271116</t>
  </si>
  <si>
    <t>2735</t>
  </si>
  <si>
    <t>13.55022144317627</t>
  </si>
  <si>
    <t>2846.78955078125</t>
  </si>
  <si>
    <t>0.06886229761459806</t>
  </si>
  <si>
    <t>13.009663581848145</t>
  </si>
  <si>
    <t>2620.81103515625</t>
  </si>
  <si>
    <t>-0.07318026310668202</t>
  </si>
  <si>
    <t>13.118699073791504</t>
  </si>
  <si>
    <t>2607.565673828125</t>
  </si>
  <si>
    <t>0.07828603641584575</t>
  </si>
  <si>
    <t>13.108437538146973</t>
  </si>
  <si>
    <t>2395.7158203125</t>
  </si>
  <si>
    <t>0.04620580244693073</t>
  </si>
  <si>
    <t>13.208263397216797</t>
  </si>
  <si>
    <t>2491.371826171875</t>
  </si>
  <si>
    <t>0.11534867521232162</t>
  </si>
  <si>
    <t>3402</t>
  </si>
  <si>
    <t>13.273883819580078</t>
  </si>
  <si>
    <t>2621.665283203125</t>
  </si>
  <si>
    <t>13.607879638671875</t>
  </si>
  <si>
    <t>1951.1434326171875</t>
  </si>
  <si>
    <t>0.10905737753915368</t>
  </si>
  <si>
    <t>13.714024543762207</t>
  </si>
  <si>
    <t>2209.19677734375</t>
  </si>
  <si>
    <t>0.07267611690324749</t>
  </si>
  <si>
    <t>3986</t>
  </si>
  <si>
    <t>13.669968605041504</t>
  </si>
  <si>
    <t>2349.65966796875</t>
  </si>
  <si>
    <t>-0.023308766625467214</t>
  </si>
  <si>
    <t>13.241146087646484</t>
  </si>
  <si>
    <t>2744.16845703125</t>
  </si>
  <si>
    <t>0.002005013203019601</t>
  </si>
  <si>
    <t>13.853252410888672</t>
  </si>
  <si>
    <t>1867.0537109375</t>
  </si>
  <si>
    <t>0.18881022443126128</t>
  </si>
  <si>
    <t>8796</t>
  </si>
  <si>
    <t>13.991290092468262</t>
  </si>
  <si>
    <t>2588.686767578125</t>
  </si>
  <si>
    <t>0.6006936132676302</t>
  </si>
  <si>
    <t>9243</t>
  </si>
  <si>
    <t>13.207274436950684</t>
  </si>
  <si>
    <t>2778.80224609375</t>
  </si>
  <si>
    <t>0.04956943559012572</t>
  </si>
  <si>
    <t>11491</t>
  </si>
  <si>
    <t>13.329115867614746</t>
  </si>
  <si>
    <t>2047.2252197265625</t>
  </si>
  <si>
    <t>0.21769761199285753</t>
  </si>
  <si>
    <t>11776</t>
  </si>
  <si>
    <t>13.254085540771484</t>
  </si>
  <si>
    <t>2310.75439453125</t>
  </si>
  <si>
    <t>0.024499441711023806</t>
  </si>
  <si>
    <t>12497</t>
  </si>
  <si>
    <t>13.25775146484375</t>
  </si>
  <si>
    <t>1895.83349609375</t>
  </si>
  <si>
    <t>0.0594250535171259</t>
  </si>
  <si>
    <t>13569</t>
  </si>
  <si>
    <t>13.20346736907959</t>
  </si>
  <si>
    <t>2202.311279296875</t>
  </si>
  <si>
    <t>0.08229916366016887</t>
  </si>
  <si>
    <t>15137</t>
  </si>
  <si>
    <t>13.709942817687988</t>
  </si>
  <si>
    <t>2359.39990234375</t>
  </si>
  <si>
    <t>0.10935429861661206</t>
  </si>
  <si>
    <t>13.560730934143066</t>
  </si>
  <si>
    <t>2302.78271484375</t>
  </si>
  <si>
    <t>0.07396167845706714</t>
  </si>
  <si>
    <t>19392</t>
  </si>
  <si>
    <t>13.085541725158691</t>
  </si>
  <si>
    <t>1995.7264404296875</t>
  </si>
  <si>
    <t>0.17375685364940807</t>
  </si>
  <si>
    <t>19506</t>
  </si>
  <si>
    <t>13.160774230957031</t>
  </si>
  <si>
    <t>2252.5146484375</t>
  </si>
  <si>
    <t>0.005861500662920349</t>
  </si>
  <si>
    <t>13.140345573425293</t>
  </si>
  <si>
    <t>2492.281982421875</t>
  </si>
  <si>
    <t>-0.04300104761237655</t>
  </si>
  <si>
    <t>20203</t>
  </si>
  <si>
    <t>13.171860694885254</t>
  </si>
  <si>
    <t>2128.477294921875</t>
  </si>
  <si>
    <t>0.0781100452939576</t>
  </si>
  <si>
    <t>21526</t>
  </si>
  <si>
    <t>13.418037414550781</t>
  </si>
  <si>
    <t>2031.0758056640625</t>
  </si>
  <si>
    <t>0.0634303986107021</t>
  </si>
  <si>
    <t>27.99371910095215</t>
  </si>
  <si>
    <t>962.7325439453125</t>
  </si>
  <si>
    <t>25776.861328125</t>
  </si>
  <si>
    <t>Tamil Nadu</t>
  </si>
  <si>
    <t>2364</t>
  </si>
  <si>
    <t>27.923110961914062</t>
  </si>
  <si>
    <t>1023.180419921875</t>
  </si>
  <si>
    <t>-0.01010109598650466</t>
  </si>
  <si>
    <t>27.782957077026367</t>
  </si>
  <si>
    <t>988.8060302734375</t>
  </si>
  <si>
    <t>0.032871692731752056</t>
  </si>
  <si>
    <t>27.895360946655273</t>
  </si>
  <si>
    <t>1131.5931396484375</t>
  </si>
  <si>
    <t>0.02586002690055267</t>
  </si>
  <si>
    <t>2621</t>
  </si>
  <si>
    <t>1033.760986328125</t>
  </si>
  <si>
    <t>0.044469105165113376</t>
  </si>
  <si>
    <t>2764</t>
  </si>
  <si>
    <t>28.002904891967773</t>
  </si>
  <si>
    <t>924.5214233398438</t>
  </si>
  <si>
    <t>0.053122981564153626</t>
  </si>
  <si>
    <t>27.861330032348633</t>
  </si>
  <si>
    <t>979.0414428710938</t>
  </si>
  <si>
    <t>0.053533908240988914</t>
  </si>
  <si>
    <t>28.30493927001953</t>
  </si>
  <si>
    <t>1316.5032958984375</t>
  </si>
  <si>
    <t>0.020703267887227206</t>
  </si>
  <si>
    <t>28.420738220214844</t>
  </si>
  <si>
    <t>1256.7181396484375</t>
  </si>
  <si>
    <t>0.04113098272070825</t>
  </si>
  <si>
    <t>3332</t>
  </si>
  <si>
    <t>27.91440773010254</t>
  </si>
  <si>
    <t>992.1080932617188</t>
  </si>
  <si>
    <t>0.07152565955024848</t>
  </si>
  <si>
    <t>27.955625534057617</t>
  </si>
  <si>
    <t>1177.6614990234375</t>
  </si>
  <si>
    <t>-0.0045119643396809295</t>
  </si>
  <si>
    <t>3586</t>
  </si>
  <si>
    <t>28.190797805786133</t>
  </si>
  <si>
    <t>980.108154296875</t>
  </si>
  <si>
    <t>0.07797661521802546</t>
  </si>
  <si>
    <t>3480</t>
  </si>
  <si>
    <t>28.22951316833496</t>
  </si>
  <si>
    <t>984.400390625</t>
  </si>
  <si>
    <t>-0.030005081396557998</t>
  </si>
  <si>
    <t>28.3380126953125</t>
  </si>
  <si>
    <t>1016.0576171875</t>
  </si>
  <si>
    <t>27.978342056274414</t>
  </si>
  <si>
    <t>1166.7711181640625</t>
  </si>
  <si>
    <t>0.04997010530927959</t>
  </si>
  <si>
    <t>28.027002334594727</t>
  </si>
  <si>
    <t>1154.6766357421875</t>
  </si>
  <si>
    <t>0.1131134030758485</t>
  </si>
  <si>
    <t>28.144433975219727</t>
  </si>
  <si>
    <t>1055.824462890625</t>
  </si>
  <si>
    <t>0.1064598409699844</t>
  </si>
  <si>
    <t>28.06364631652832</t>
  </si>
  <si>
    <t>1124.9677734375</t>
  </si>
  <si>
    <t>0.09639980647608226</t>
  </si>
  <si>
    <t>27.993375778198242</t>
  </si>
  <si>
    <t>1312.291015625</t>
  </si>
  <si>
    <t>-0.0032532800676996487</t>
  </si>
  <si>
    <t>28.409820556640625</t>
  </si>
  <si>
    <t>1090.7203369140625</t>
  </si>
  <si>
    <t>0.06349571193107728</t>
  </si>
  <si>
    <t>6236</t>
  </si>
  <si>
    <t>28.334197998046875</t>
  </si>
  <si>
    <t>1327.5462646484375</t>
  </si>
  <si>
    <t>0.11492071522419778</t>
  </si>
  <si>
    <t>28.18837547302246</t>
  </si>
  <si>
    <t>1081.6168212890625</t>
  </si>
  <si>
    <t>0.06517975232337747</t>
  </si>
  <si>
    <t>6743</t>
  </si>
  <si>
    <t>28.4139461517334</t>
  </si>
  <si>
    <t>946.4320678710938</t>
  </si>
  <si>
    <t>0.012986226233536513</t>
  </si>
  <si>
    <t>28.19915199279785</t>
  </si>
  <si>
    <t>1028.635009765625</t>
  </si>
  <si>
    <t>0.054683655103142215</t>
  </si>
  <si>
    <t>7510</t>
  </si>
  <si>
    <t>28.35400390625</t>
  </si>
  <si>
    <t>1067.080078125</t>
  </si>
  <si>
    <t>0.05304688092045673</t>
  </si>
  <si>
    <t>28.39827537536621</t>
  </si>
  <si>
    <t>1461.02490234375</t>
  </si>
  <si>
    <t>0.08850825876601043</t>
  </si>
  <si>
    <t>28.626955032348633</t>
  </si>
  <si>
    <t>827.4371337890625</t>
  </si>
  <si>
    <t>0.06316646512538959</t>
  </si>
  <si>
    <t>9092</t>
  </si>
  <si>
    <t>28.48237419128418</t>
  </si>
  <si>
    <t>1150.0174560546875</t>
  </si>
  <si>
    <t>0.03948471632285333</t>
  </si>
  <si>
    <t>28.352270126342773</t>
  </si>
  <si>
    <t>1021.1983642578125</t>
  </si>
  <si>
    <t>0.06833273283386632</t>
  </si>
  <si>
    <t>10090</t>
  </si>
  <si>
    <t>28.768606185913086</t>
  </si>
  <si>
    <t>1086.9351806640625</t>
  </si>
  <si>
    <t>0.03581719554135532</t>
  </si>
  <si>
    <t>9336</t>
  </si>
  <si>
    <t>28.54353141784668</t>
  </si>
  <si>
    <t>1191.2489013671875</t>
  </si>
  <si>
    <t>-0.07766693938126323</t>
  </si>
  <si>
    <t>28.367124557495117</t>
  </si>
  <si>
    <t>1506.739013671875</t>
  </si>
  <si>
    <t>0.10648456234382131</t>
  </si>
  <si>
    <t>11065</t>
  </si>
  <si>
    <t>28.207311630249023</t>
  </si>
  <si>
    <t>1389.541259765625</t>
  </si>
  <si>
    <t>0.06342451617493694</t>
  </si>
  <si>
    <t>1503</t>
  </si>
  <si>
    <t>27.048324584960938</t>
  </si>
  <si>
    <t>1092.62841796875</t>
  </si>
  <si>
    <t>10716.0087890625</t>
  </si>
  <si>
    <t>Telangana</t>
  </si>
  <si>
    <t>27.325096130371094</t>
  </si>
  <si>
    <t>910.6500854492188</t>
  </si>
  <si>
    <t>-0.010050335853501124</t>
  </si>
  <si>
    <t>1739</t>
  </si>
  <si>
    <t>27.40118980407715</t>
  </si>
  <si>
    <t>832.3858642578125</t>
  </si>
  <si>
    <t>0.03273232016347727</t>
  </si>
  <si>
    <t>27.311492919921875</t>
  </si>
  <si>
    <t>847.7675170898438</t>
  </si>
  <si>
    <t>0.026108179859456015</t>
  </si>
  <si>
    <t>26.92691993713379</t>
  </si>
  <si>
    <t>982.5740356445312</t>
  </si>
  <si>
    <t>0.04437868719355009</t>
  </si>
  <si>
    <t>27.464012145996094</t>
  </si>
  <si>
    <t>1134.39599609375</t>
  </si>
  <si>
    <t>0.053220696204909324</t>
  </si>
  <si>
    <t>2076</t>
  </si>
  <si>
    <t>27.369749069213867</t>
  </si>
  <si>
    <t>1041.352783203125</t>
  </si>
  <si>
    <t>0.05342516667358055</t>
  </si>
  <si>
    <t>2119</t>
  </si>
  <si>
    <t>27.530088424682617</t>
  </si>
  <si>
    <t>908.0479736328125</t>
  </si>
  <si>
    <t>0.02050131398252031</t>
  </si>
  <si>
    <t>27.705923080444336</t>
  </si>
  <si>
    <t>990.3056640625</t>
  </si>
  <si>
    <t>0.041142849128686265</t>
  </si>
  <si>
    <t>27.43086051940918</t>
  </si>
  <si>
    <t>816.4058227539062</t>
  </si>
  <si>
    <t>0.1309805877383301</t>
  </si>
  <si>
    <t>27.354217529296875</t>
  </si>
  <si>
    <t>1047.8070068359375</t>
  </si>
  <si>
    <t>-0.01642336133082889</t>
  </si>
  <si>
    <t>27.617109298706055</t>
  </si>
  <si>
    <t>899.364501953125</t>
  </si>
  <si>
    <t>0.11003455108307314</t>
  </si>
  <si>
    <t>27.81200408935547</t>
  </si>
  <si>
    <t>786.9708862304688</t>
  </si>
  <si>
    <t>0.048721248556573116</t>
  </si>
  <si>
    <t>27.746994018554688</t>
  </si>
  <si>
    <t>849.01611328125</t>
  </si>
  <si>
    <t>0.04612835947266003</t>
  </si>
  <si>
    <t>27.472562789916992</t>
  </si>
  <si>
    <t>790.6014404296875</t>
  </si>
  <si>
    <t>0.07234361868427719</t>
  </si>
  <si>
    <t>27.476842880249023</t>
  </si>
  <si>
    <t>1090.3751220703125</t>
  </si>
  <si>
    <t>0.05999423536867887</t>
  </si>
  <si>
    <t>3909</t>
  </si>
  <si>
    <t>27.66447639465332</t>
  </si>
  <si>
    <t>1106.3729248046875</t>
  </si>
  <si>
    <t>0.11941521882320494</t>
  </si>
  <si>
    <t>4132</t>
  </si>
  <si>
    <t>27.721031188964844</t>
  </si>
  <si>
    <t>953.1564331054688</t>
  </si>
  <si>
    <t>0.055479964446574215</t>
  </si>
  <si>
    <t>27.6733455657959</t>
  </si>
  <si>
    <t>1007.7099609375</t>
  </si>
  <si>
    <t>0.05026420745996418</t>
  </si>
  <si>
    <t>5043</t>
  </si>
  <si>
    <t>28.108497619628906</t>
  </si>
  <si>
    <t>878.0386352539062</t>
  </si>
  <si>
    <t>0.14897538437723234</t>
  </si>
  <si>
    <t>28.0235652923584</t>
  </si>
  <si>
    <t>1308.134033203125</t>
  </si>
  <si>
    <t>-0.0013890269124878785</t>
  </si>
  <si>
    <t>5679</t>
  </si>
  <si>
    <t>27.522470474243164</t>
  </si>
  <si>
    <t>828.170654296875</t>
  </si>
  <si>
    <t>0.12016304471319472</t>
  </si>
  <si>
    <t>27.739118576049805</t>
  </si>
  <si>
    <t>967.7684936523438</t>
  </si>
  <si>
    <t>0.15014296150599016</t>
  </si>
  <si>
    <t>27.40496253967285</t>
  </si>
  <si>
    <t>1076.2041015625</t>
  </si>
  <si>
    <t>0.034260127577667276</t>
  </si>
  <si>
    <t>7202</t>
  </si>
  <si>
    <t>27.59754180908203</t>
  </si>
  <si>
    <t>853.4651489257812</t>
  </si>
  <si>
    <t>0.05318051524773182</t>
  </si>
  <si>
    <t>7863</t>
  </si>
  <si>
    <t>27.893850326538086</t>
  </si>
  <si>
    <t>869.7176513671875</t>
  </si>
  <si>
    <t>0.0878094477826945</t>
  </si>
  <si>
    <t>27.8925838470459</t>
  </si>
  <si>
    <t>1019.4019165039062</t>
  </si>
  <si>
    <t>0.09735449714282929</t>
  </si>
  <si>
    <t>27.96045684814453</t>
  </si>
  <si>
    <t>961.5283203125</t>
  </si>
  <si>
    <t>0.06564123587325277</t>
  </si>
  <si>
    <t>9961</t>
  </si>
  <si>
    <t>27.63793182373047</t>
  </si>
  <si>
    <t>860.5265502929688</t>
  </si>
  <si>
    <t>0.07351352213756712</t>
  </si>
  <si>
    <t>28.11366844177246</t>
  </si>
  <si>
    <t>1036.240966796875</t>
  </si>
  <si>
    <t>0.08944291293728135</t>
  </si>
  <si>
    <t>27.798721313476562</t>
  </si>
  <si>
    <t>1117.5228271484375</t>
  </si>
  <si>
    <t>-0.038842560114281</t>
  </si>
  <si>
    <t>11312</t>
  </si>
  <si>
    <t>27.57431983947754</t>
  </si>
  <si>
    <t>1150.6866455078125</t>
  </si>
  <si>
    <t>0.07658628816818869</t>
  </si>
  <si>
    <t>27.852264404296875</t>
  </si>
  <si>
    <t>1132.623046875</t>
  </si>
  <si>
    <t>0.06344948245198978</t>
  </si>
  <si>
    <t>1504</t>
  </si>
  <si>
    <t>25.326082229614258</t>
  </si>
  <si>
    <t>2540.01513671875</t>
  </si>
  <si>
    <t>1420.4107666015625</t>
  </si>
  <si>
    <t>Tripura</t>
  </si>
  <si>
    <t>25.34931755065918</t>
  </si>
  <si>
    <t>2587.877685546875</t>
  </si>
  <si>
    <t>-0.010057074375271924</t>
  </si>
  <si>
    <t>25.06402015686035</t>
  </si>
  <si>
    <t>1639.3094482421875</t>
  </si>
  <si>
    <t>0.03248545514448864</t>
  </si>
  <si>
    <t>25.27375030517578</t>
  </si>
  <si>
    <t>2790.42578125</t>
  </si>
  <si>
    <t>0.026393550105534125</t>
  </si>
  <si>
    <t>25.336801528930664</t>
  </si>
  <si>
    <t>1859.980224609375</t>
  </si>
  <si>
    <t>0.044120234222123855</t>
  </si>
  <si>
    <t>1735</t>
  </si>
  <si>
    <t>25.728363037109375</t>
  </si>
  <si>
    <t>2292.773681640625</t>
  </si>
  <si>
    <t>0.0532670291814874</t>
  </si>
  <si>
    <t>25.477134704589844</t>
  </si>
  <si>
    <t>2223.30126953125</t>
  </si>
  <si>
    <t>0.05330855345450658</t>
  </si>
  <si>
    <t>25.030515670776367</t>
  </si>
  <si>
    <t>2318.114501953125</t>
  </si>
  <si>
    <t>0.020552372953321907</t>
  </si>
  <si>
    <t>25.859901428222656</t>
  </si>
  <si>
    <t>2500.827880859375</t>
  </si>
  <si>
    <t>0.04142138658341121</t>
  </si>
  <si>
    <t>25.89252281188965</t>
  </si>
  <si>
    <t>2336.891357421875</t>
  </si>
  <si>
    <t>0.08087204247612068</t>
  </si>
  <si>
    <t>25.257545471191406</t>
  </si>
  <si>
    <t>2451.091796875</t>
  </si>
  <si>
    <t>0.13246497863638051</t>
  </si>
  <si>
    <t>25.73915672302246</t>
  </si>
  <si>
    <t>2248.518798828125</t>
  </si>
  <si>
    <t>0.12577315944336753</t>
  </si>
  <si>
    <t>25.553850173950195</t>
  </si>
  <si>
    <t>2146.85009765625</t>
  </si>
  <si>
    <t>0.11072480680681007</t>
  </si>
  <si>
    <t>3169</t>
  </si>
  <si>
    <t>25.573928833007812</t>
  </si>
  <si>
    <t>2018.8388671875</t>
  </si>
  <si>
    <t>0.03729136695604218</t>
  </si>
  <si>
    <t>25.50215721130371</t>
  </si>
  <si>
    <t>2266.688232421875</t>
  </si>
  <si>
    <t>0.05524571310328419</t>
  </si>
  <si>
    <t>25.874237060546875</t>
  </si>
  <si>
    <t>1881.748779296875</t>
  </si>
  <si>
    <t>0.03462787289081959</t>
  </si>
  <si>
    <t>25.953107833862305</t>
  </si>
  <si>
    <t>1635.9285888671875</t>
  </si>
  <si>
    <t>0.03681049801059899</t>
  </si>
  <si>
    <t>25.78942108154297</t>
  </si>
  <si>
    <t>2318.686767578125</t>
  </si>
  <si>
    <t>0.0008336807485775921</t>
  </si>
  <si>
    <t>3409</t>
  </si>
  <si>
    <t>25.7219295501709</t>
  </si>
  <si>
    <t>1985.8299560546875</t>
  </si>
  <si>
    <t>-0.05451485230629771</t>
  </si>
  <si>
    <t>26.316184997558594</t>
  </si>
  <si>
    <t>1814.2335205078125</t>
  </si>
  <si>
    <t>0.06940346480004855</t>
  </si>
  <si>
    <t>26.081846237182617</t>
  </si>
  <si>
    <t>2161.4609375</t>
  </si>
  <si>
    <t>0.054585624599667426</t>
  </si>
  <si>
    <t>25.67877769470215</t>
  </si>
  <si>
    <t>1695.28369140625</t>
  </si>
  <si>
    <t>0.012105749899005147</t>
  </si>
  <si>
    <t>3415</t>
  </si>
  <si>
    <t>25.333566665649414</t>
  </si>
  <si>
    <t>1965.6739501953125</t>
  </si>
  <si>
    <t>-0.13433633943173362</t>
  </si>
  <si>
    <t>3554</t>
  </si>
  <si>
    <t>25.323087692260742</t>
  </si>
  <si>
    <t>2071.3056640625</t>
  </si>
  <si>
    <t>0.039896236709706656</t>
  </si>
  <si>
    <t>25.61324119567871</t>
  </si>
  <si>
    <t>1847.3995361328125</t>
  </si>
  <si>
    <t>0.11044044406846787</t>
  </si>
  <si>
    <t>4426</t>
  </si>
  <si>
    <t>25.05980110168457</t>
  </si>
  <si>
    <t>2553.433349609375</t>
  </si>
  <si>
    <t>0.10898206782792919</t>
  </si>
  <si>
    <t>25.9186954498291</t>
  </si>
  <si>
    <t>2120.93359375</t>
  </si>
  <si>
    <t>0.1582736000526328</t>
  </si>
  <si>
    <t>5318</t>
  </si>
  <si>
    <t>25.442216873168945</t>
  </si>
  <si>
    <t>2729.332275390625</t>
  </si>
  <si>
    <t>0.02532745113933821</t>
  </si>
  <si>
    <t>5579</t>
  </si>
  <si>
    <t>25.35687828063965</t>
  </si>
  <si>
    <t>1912.1630859375</t>
  </si>
  <si>
    <t>5867</t>
  </si>
  <si>
    <t>25.364646911621094</t>
  </si>
  <si>
    <t>2091.101318359375</t>
  </si>
  <si>
    <t>0.050333881080330656</t>
  </si>
  <si>
    <t>5500</t>
  </si>
  <si>
    <t>25.472524642944336</t>
  </si>
  <si>
    <t>2410.105224609375</t>
  </si>
  <si>
    <t>-0.06459533770529724</t>
  </si>
  <si>
    <t>25.815526962280273</t>
  </si>
  <si>
    <t>2139.02197265625</t>
  </si>
  <si>
    <t>0.06391332574365371</t>
  </si>
  <si>
    <t>25.673545837402344</t>
  </si>
  <si>
    <t>1721.9649658203125</t>
  </si>
  <si>
    <t>0.06343993052935382</t>
  </si>
  <si>
    <t>1505</t>
  </si>
  <si>
    <t>25.029935836791992</t>
  </si>
  <si>
    <t>1161.92529296875</t>
  </si>
  <si>
    <t>57694.82421875</t>
  </si>
  <si>
    <t>Uttar Pradesh</t>
  </si>
  <si>
    <t>1202</t>
  </si>
  <si>
    <t>25.57990837097168</t>
  </si>
  <si>
    <t>817.669189453125</t>
  </si>
  <si>
    <t>-0.010757240679495794</t>
  </si>
  <si>
    <t>25.36638832092285</t>
  </si>
  <si>
    <t>773.5267944335938</t>
  </si>
  <si>
    <t>0.03273614739827124</t>
  </si>
  <si>
    <t>25.58589744567871</t>
  </si>
  <si>
    <t>865.772216796875</t>
  </si>
  <si>
    <t>0.026223195099102092</t>
  </si>
  <si>
    <t>25.296676635742188</t>
  </si>
  <si>
    <t>1044.0501708984375</t>
  </si>
  <si>
    <t>0.04448586258618281</t>
  </si>
  <si>
    <t>1406</t>
  </si>
  <si>
    <t>25.743547439575195</t>
  </si>
  <si>
    <t>905.2172241210938</t>
  </si>
  <si>
    <t>0.05331675219190135</t>
  </si>
  <si>
    <t>25.601036071777344</t>
  </si>
  <si>
    <t>1064.4237060546875</t>
  </si>
  <si>
    <t>0.05331826976732135</t>
  </si>
  <si>
    <t>24.719404220581055</t>
  </si>
  <si>
    <t>916.4601440429688</t>
  </si>
  <si>
    <t>0.020688091859462077</t>
  </si>
  <si>
    <t>25.60784339904785</t>
  </si>
  <si>
    <t>1072.7242431640625</t>
  </si>
  <si>
    <t>0.041403067408425365</t>
  </si>
  <si>
    <t>25.981735229492188</t>
  </si>
  <si>
    <t>1017.3059692382812</t>
  </si>
  <si>
    <t>0.028734019315804105</t>
  </si>
  <si>
    <t>25.738983154296875</t>
  </si>
  <si>
    <t>868.0582885742188</t>
  </si>
  <si>
    <t>0.02433210065953073</t>
  </si>
  <si>
    <t>25.833276748657227</t>
  </si>
  <si>
    <t>852.6633911132812</t>
  </si>
  <si>
    <t>0.009569451016150587</t>
  </si>
  <si>
    <t>26.26487159729004</t>
  </si>
  <si>
    <t>801.3775634765625</t>
  </si>
  <si>
    <t>-0.011373962784009706</t>
  </si>
  <si>
    <t>25.79575538635254</t>
  </si>
  <si>
    <t>964.257568359375</t>
  </si>
  <si>
    <t>0.06412452816953884</t>
  </si>
  <si>
    <t>26.195486068725586</t>
  </si>
  <si>
    <t>803.443359375</t>
  </si>
  <si>
    <t>0.02454110891611716</t>
  </si>
  <si>
    <t>25.76656150817871</t>
  </si>
  <si>
    <t>778.888427734375</t>
  </si>
  <si>
    <t>0.014223434534127222</t>
  </si>
  <si>
    <t>1918</t>
  </si>
  <si>
    <t>25.93994903564453</t>
  </si>
  <si>
    <t>818.7828369140625</t>
  </si>
  <si>
    <t>0.040974074210305744</t>
  </si>
  <si>
    <t>25.901151657104492</t>
  </si>
  <si>
    <t>810.7091064453125</t>
  </si>
  <si>
    <t>0.03282345944654974</t>
  </si>
  <si>
    <t>25.81673240661621</t>
  </si>
  <si>
    <t>990.0955200195312</t>
  </si>
  <si>
    <t>-0.016790015382373014</t>
  </si>
  <si>
    <t>2097</t>
  </si>
  <si>
    <t>26.398849487304688</t>
  </si>
  <si>
    <t>716.5094604492188</t>
  </si>
  <si>
    <t>0.07319133139435952</t>
  </si>
  <si>
    <t>26.529462814331055</t>
  </si>
  <si>
    <t>703.0728149414062</t>
  </si>
  <si>
    <t>0.0897892667873954</t>
  </si>
  <si>
    <t>25.761680603027344</t>
  </si>
  <si>
    <t>1194.875732421875</t>
  </si>
  <si>
    <t>-0.012722259772180777</t>
  </si>
  <si>
    <t>2318</t>
  </si>
  <si>
    <t>25.7961368560791</t>
  </si>
  <si>
    <t>1113.915283203125</t>
  </si>
  <si>
    <t>0.023129985982562218</t>
  </si>
  <si>
    <t>25.625802993774414</t>
  </si>
  <si>
    <t>1156.8631591796875</t>
  </si>
  <si>
    <t>0.04347593303836117</t>
  </si>
  <si>
    <t>2576</t>
  </si>
  <si>
    <t>25.550687789916992</t>
  </si>
  <si>
    <t>786.933349609375</t>
  </si>
  <si>
    <t>0.06205713028618565</t>
  </si>
  <si>
    <t>2678</t>
  </si>
  <si>
    <t>25.98931312561035</t>
  </si>
  <si>
    <t>904.1937866210938</t>
  </si>
  <si>
    <t>0.03883243902687372</t>
  </si>
  <si>
    <t>26.38972282409668</t>
  </si>
  <si>
    <t>1019.6270141601562</t>
  </si>
  <si>
    <t>0.07929560267053759</t>
  </si>
  <si>
    <t>26.222471237182617</t>
  </si>
  <si>
    <t>968.76708984375</t>
  </si>
  <si>
    <t>0.05339525756735242</t>
  </si>
  <si>
    <t>26.006799697875977</t>
  </si>
  <si>
    <t>1020.7565307617188</t>
  </si>
  <si>
    <t>0.05099894106332137</t>
  </si>
  <si>
    <t>25.702287673950195</t>
  </si>
  <si>
    <t>1012.4682006835938</t>
  </si>
  <si>
    <t>0.005886926373914747</t>
  </si>
  <si>
    <t>2974</t>
  </si>
  <si>
    <t>25.687376022338867</t>
  </si>
  <si>
    <t>911.7029418945312</t>
  </si>
  <si>
    <t>-0.08473912690614327</t>
  </si>
  <si>
    <t>25.725906372070312</t>
  </si>
  <si>
    <t>1145.1240234375</t>
  </si>
  <si>
    <t>0.014686512307694244</t>
  </si>
  <si>
    <t>3216</t>
  </si>
  <si>
    <t>26.11762046813965</t>
  </si>
  <si>
    <t>938.333251953125</t>
  </si>
  <si>
    <t>0.06354399097106267</t>
  </si>
  <si>
    <t>1506</t>
  </si>
  <si>
    <t>19.7697696685791</t>
  </si>
  <si>
    <t>1535.173095703125</t>
  </si>
  <si>
    <t>4637.2470703125</t>
  </si>
  <si>
    <t>Uttarakhand</t>
  </si>
  <si>
    <t>1530</t>
  </si>
  <si>
    <t>20.34015464782715</t>
  </si>
  <si>
    <t>1082.4569091796875</t>
  </si>
  <si>
    <t>-0.010403214760885682</t>
  </si>
  <si>
    <t>20.095624923706055</t>
  </si>
  <si>
    <t>1052.890625</t>
  </si>
  <si>
    <t>20.651655197143555</t>
  </si>
  <si>
    <t>1355.44970703125</t>
  </si>
  <si>
    <t>0.026218730305118676</t>
  </si>
  <si>
    <t>20.311840057373047</t>
  </si>
  <si>
    <t>1378.3177490234375</t>
  </si>
  <si>
    <t>0.0445856977196355</t>
  </si>
  <si>
    <t>20.612668991088867</t>
  </si>
  <si>
    <t>1199.8331298828125</t>
  </si>
  <si>
    <t>0.05279481827449217</t>
  </si>
  <si>
    <t>20.428266525268555</t>
  </si>
  <si>
    <t>1342.45703125</t>
  </si>
  <si>
    <t>0.053861263196727016</t>
  </si>
  <si>
    <t>19.431398391723633</t>
  </si>
  <si>
    <t>1221.0260009765625</t>
  </si>
  <si>
    <t>0.02044632170892058</t>
  </si>
  <si>
    <t>20.477991104125977</t>
  </si>
  <si>
    <t>1345.8026123046875</t>
  </si>
  <si>
    <t>0.04117481239725329</t>
  </si>
  <si>
    <t>20.988985061645508</t>
  </si>
  <si>
    <t>1144.2071533203125</t>
  </si>
  <si>
    <t>0.034747807046393575</t>
  </si>
  <si>
    <t>2307</t>
  </si>
  <si>
    <t>20.678876876831055</t>
  </si>
  <si>
    <t>1361.1719970703125</t>
  </si>
  <si>
    <t>0.10406097031574024</t>
  </si>
  <si>
    <t>20.73270606994629</t>
  </si>
  <si>
    <t>994.3391723632812</t>
  </si>
  <si>
    <t>0.12455100734685942</t>
  </si>
  <si>
    <t>21.2021541595459</t>
  </si>
  <si>
    <t>1108.544677734375</t>
  </si>
  <si>
    <t>0.032011771247088205</t>
  </si>
  <si>
    <t>20.60736846923828</t>
  </si>
  <si>
    <t>1285.4315185546875</t>
  </si>
  <si>
    <t>0.13856872102004747</t>
  </si>
  <si>
    <t>21.22835922241211</t>
  </si>
  <si>
    <t>820.8392944335938</t>
  </si>
  <si>
    <t>0.03768056976458034</t>
  </si>
  <si>
    <t>20.61594581604004</t>
  </si>
  <si>
    <t>1059.2586669921875</t>
  </si>
  <si>
    <t>0.0879949411947134</t>
  </si>
  <si>
    <t>20.877174377441406</t>
  </si>
  <si>
    <t>1222.1085205078125</t>
  </si>
  <si>
    <t>0.12226296238420886</t>
  </si>
  <si>
    <t>20.828161239624023</t>
  </si>
  <si>
    <t>1047.2752685546875</t>
  </si>
  <si>
    <t>0.09023792968512367</t>
  </si>
  <si>
    <t>20.76826286315918</t>
  </si>
  <si>
    <t>1095.68212890625</t>
  </si>
  <si>
    <t>0.07190318984656763</t>
  </si>
  <si>
    <t>21.363473892211914</t>
  </si>
  <si>
    <t>986.338623046875</t>
  </si>
  <si>
    <t>0.10788409534565524</t>
  </si>
  <si>
    <t>21.41147804260254</t>
  </si>
  <si>
    <t>1180.9935302734375</t>
  </si>
  <si>
    <t>0.156454828312107</t>
  </si>
  <si>
    <t>20.689125061035156</t>
  </si>
  <si>
    <t>1425.3553466796875</t>
  </si>
  <si>
    <t>0.028841921424605843</t>
  </si>
  <si>
    <t>20.654436111450195</t>
  </si>
  <si>
    <t>1212.5472412109375</t>
  </si>
  <si>
    <t>0.14872838025907242</t>
  </si>
  <si>
    <t>20.587907791137695</t>
  </si>
  <si>
    <t>1422.842529296875</t>
  </si>
  <si>
    <t>0.05607194788406389</t>
  </si>
  <si>
    <t>20.483434677124023</t>
  </si>
  <si>
    <t>1125.3961181640625</t>
  </si>
  <si>
    <t>0.05445071987794492</t>
  </si>
  <si>
    <t>8623</t>
  </si>
  <si>
    <t>20.923357009887695</t>
  </si>
  <si>
    <t>1343.7156982421875</t>
  </si>
  <si>
    <t>0.060842087185932314</t>
  </si>
  <si>
    <t>9103</t>
  </si>
  <si>
    <t>21.49127197265625</t>
  </si>
  <si>
    <t>1177.417236328125</t>
  </si>
  <si>
    <t>0.05417097755296396</t>
  </si>
  <si>
    <t>21.26958656311035</t>
  </si>
  <si>
    <t>1455.30615234375</t>
  </si>
  <si>
    <t>0.031147754299325925</t>
  </si>
  <si>
    <t>10045</t>
  </si>
  <si>
    <t>21.118247985839844</t>
  </si>
  <si>
    <t>1408.9769287109375</t>
  </si>
  <si>
    <t>0.06732321444442135</t>
  </si>
  <si>
    <t>20.522287368774414</t>
  </si>
  <si>
    <t>1390.159912109375</t>
  </si>
  <si>
    <t>-0.038460424844005914</t>
  </si>
  <si>
    <t>20.67705535888672</t>
  </si>
  <si>
    <t>1011.1775512695312</t>
  </si>
  <si>
    <t>-0.12467357386844391</t>
  </si>
  <si>
    <t>20.764307022094727</t>
  </si>
  <si>
    <t>1695.314697265625</t>
  </si>
  <si>
    <t>0.04681827825734075</t>
  </si>
  <si>
    <t>9528</t>
  </si>
  <si>
    <t>21.115257263183594</t>
  </si>
  <si>
    <t>1158.0982666015625</t>
  </si>
  <si>
    <t>0.06347555424120976</t>
  </si>
  <si>
    <t>26.02759552001953</t>
  </si>
  <si>
    <t>1973.0972900390625</t>
  </si>
  <si>
    <t>28782.71484375</t>
  </si>
  <si>
    <t>West Bengal</t>
  </si>
  <si>
    <t>26.09514617919922</t>
  </si>
  <si>
    <t>1813.0035400390625</t>
  </si>
  <si>
    <t>-0.00997790983247171</t>
  </si>
  <si>
    <t>25.972808837890625</t>
  </si>
  <si>
    <t>1428.5203857421875</t>
  </si>
  <si>
    <t>0.032340445203421275</t>
  </si>
  <si>
    <t>25.892892837524414</t>
  </si>
  <si>
    <t>1857.8336181640625</t>
  </si>
  <si>
    <t>0.026086121170348697</t>
  </si>
  <si>
    <t>25.993202209472656</t>
  </si>
  <si>
    <t>1368.5035400390625</t>
  </si>
  <si>
    <t>0.04470305042238909</t>
  </si>
  <si>
    <t>26.578834533691406</t>
  </si>
  <si>
    <t>1814.6441650390625</t>
  </si>
  <si>
    <t>0.05332640210209494</t>
  </si>
  <si>
    <t>26.185142517089844</t>
  </si>
  <si>
    <t>1541.5150146484375</t>
  </si>
  <si>
    <t>0.05333979344794937</t>
  </si>
  <si>
    <t>25.828821182250977</t>
  </si>
  <si>
    <t>1752.088134765625</t>
  </si>
  <si>
    <t>0.020563978997748755</t>
  </si>
  <si>
    <t>26.594499588012695</t>
  </si>
  <si>
    <t>1813.9495849609375</t>
  </si>
  <si>
    <t>0.04117591418418698</t>
  </si>
  <si>
    <t>26.57624053955078</t>
  </si>
  <si>
    <t>1947.3353271484375</t>
  </si>
  <si>
    <t>0.10472337004850463</t>
  </si>
  <si>
    <t>26.02332878112793</t>
  </si>
  <si>
    <t>1660.6175537109375</t>
  </si>
  <si>
    <t>0.03642227256126329</t>
  </si>
  <si>
    <t>2835</t>
  </si>
  <si>
    <t>26.286447525024414</t>
  </si>
  <si>
    <t>1717.460205078125</t>
  </si>
  <si>
    <t>0.044355567101566074</t>
  </si>
  <si>
    <t>26.426109313964844</t>
  </si>
  <si>
    <t>1825.172119140625</t>
  </si>
  <si>
    <t>0.04584638812541897</t>
  </si>
  <si>
    <t>26.43897819519043</t>
  </si>
  <si>
    <t>1757.5322265625</t>
  </si>
  <si>
    <t>0.05058549678810653</t>
  </si>
  <si>
    <t>26.466354370117188</t>
  </si>
  <si>
    <t>1651.00146484375</t>
  </si>
  <si>
    <t>0.057567611906415905</t>
  </si>
  <si>
    <t>26.61836814880371</t>
  </si>
  <si>
    <t>1597.148681640625</t>
  </si>
  <si>
    <t>-0.026970681682985997</t>
  </si>
  <si>
    <t>26.64792823791504</t>
  </si>
  <si>
    <t>1796.33642578125</t>
  </si>
  <si>
    <t>0.03510203201193107</t>
  </si>
  <si>
    <t>26.565011978149414</t>
  </si>
  <si>
    <t>2005.855224609375</t>
  </si>
  <si>
    <t>0.032460802236883524</t>
  </si>
  <si>
    <t>26.335866928100586</t>
  </si>
  <si>
    <t>1830.92333984375</t>
  </si>
  <si>
    <t>0.004345943389546747</t>
  </si>
  <si>
    <t>3644</t>
  </si>
  <si>
    <t>26.824722290039062</t>
  </si>
  <si>
    <t>1587.47802734375</t>
  </si>
  <si>
    <t>0.052102449442680054</t>
  </si>
  <si>
    <t>3978</t>
  </si>
  <si>
    <t>27.05469512939453</t>
  </si>
  <si>
    <t>1725.26708984375</t>
  </si>
  <si>
    <t>0.08769720103406797</t>
  </si>
  <si>
    <t>26.208951950073242</t>
  </si>
  <si>
    <t>1760.48291015625</t>
  </si>
  <si>
    <t>0.007263651222228162</t>
  </si>
  <si>
    <t>26.131162643432617</t>
  </si>
  <si>
    <t>1409.11767578125</t>
  </si>
  <si>
    <t>-0.07083063172156123</t>
  </si>
  <si>
    <t>3934</t>
  </si>
  <si>
    <t>25.8941707611084</t>
  </si>
  <si>
    <t>1613.986572265625</t>
  </si>
  <si>
    <t>0.05244452003442035</t>
  </si>
  <si>
    <t>26.17046546936035</t>
  </si>
  <si>
    <t>1474.1461181640625</t>
  </si>
  <si>
    <t>0.07349045274580668</t>
  </si>
  <si>
    <t>4364</t>
  </si>
  <si>
    <t>25.928651809692383</t>
  </si>
  <si>
    <t>1825.32568359375</t>
  </si>
  <si>
    <t>0.030241895258150464</t>
  </si>
  <si>
    <t>26.62274932861328</t>
  </si>
  <si>
    <t>1676.9993896484375</t>
  </si>
  <si>
    <t>0.0690539756389974</t>
  </si>
  <si>
    <t>26.137720108032227</t>
  </si>
  <si>
    <t>1958.766845703125</t>
  </si>
  <si>
    <t>0.021579005293796527</t>
  </si>
  <si>
    <t>25.95893096923828</t>
  </si>
  <si>
    <t>1406.8204345703125</t>
  </si>
  <si>
    <t>0.060501500948522136</t>
  </si>
  <si>
    <t>25.996000289916992</t>
  </si>
  <si>
    <t>1658.2208251953125</t>
  </si>
  <si>
    <t>0.061134388493368164</t>
  </si>
  <si>
    <t>25.912240982055664</t>
  </si>
  <si>
    <t>1842.7496337890625</t>
  </si>
  <si>
    <t>-0.05172255431102002</t>
  </si>
  <si>
    <t>5936</t>
  </si>
  <si>
    <t>26.101926803588867</t>
  </si>
  <si>
    <t>1792.4219970703125</t>
  </si>
  <si>
    <t>0.14710012183059007</t>
  </si>
  <si>
    <t>6324</t>
  </si>
  <si>
    <t>26.290510177612305</t>
  </si>
  <si>
    <t>1332.5289306640625</t>
  </si>
  <si>
    <t>0.06331641348214667</t>
  </si>
  <si>
    <t>IRL</t>
  </si>
  <si>
    <t>22352</t>
  </si>
  <si>
    <t>9.532689094543457</t>
  </si>
  <si>
    <t>1205.517822265625</t>
  </si>
  <si>
    <t>431.917236328125</t>
  </si>
  <si>
    <t>Border</t>
  </si>
  <si>
    <t>Ireland</t>
  </si>
  <si>
    <t>22651</t>
  </si>
  <si>
    <t>9.211491584777832</t>
  </si>
  <si>
    <t>1041.265869140625</t>
  </si>
  <si>
    <t>0.01328819855022445</t>
  </si>
  <si>
    <t>22981</t>
  </si>
  <si>
    <t>9.251640319824219</t>
  </si>
  <si>
    <t>1256.1187744140625</t>
  </si>
  <si>
    <t>0.014463786509937293</t>
  </si>
  <si>
    <t>23072</t>
  </si>
  <si>
    <t>8.78712272644043</t>
  </si>
  <si>
    <t>1176.9952392578125</t>
  </si>
  <si>
    <t>0.003951973527771102</t>
  </si>
  <si>
    <t>24162</t>
  </si>
  <si>
    <t>9.218310356140137</t>
  </si>
  <si>
    <t>1262.8006591796875</t>
  </si>
  <si>
    <t>0.04616138999483255</t>
  </si>
  <si>
    <t>25636</t>
  </si>
  <si>
    <t>9.800180435180664</t>
  </si>
  <si>
    <t>1016.5125732421875</t>
  </si>
  <si>
    <t>0.059216462544608106</t>
  </si>
  <si>
    <t>27712</t>
  </si>
  <si>
    <t>8.703479766845703</t>
  </si>
  <si>
    <t>968.2464599609375</t>
  </si>
  <si>
    <t>0.0778679187380451</t>
  </si>
  <si>
    <t>29408</t>
  </si>
  <si>
    <t>10.07541275024414</t>
  </si>
  <si>
    <t>1201.7872314453125</t>
  </si>
  <si>
    <t>0.05940121379325092</t>
  </si>
  <si>
    <t>31860</t>
  </si>
  <si>
    <t>9.700207710266113</t>
  </si>
  <si>
    <t>1332.55078125</t>
  </si>
  <si>
    <t>0.08008455830862715</t>
  </si>
  <si>
    <t>9.775797843933105</t>
  </si>
  <si>
    <t>1206.5782470703125</t>
  </si>
  <si>
    <t>0.03848404707725095</t>
  </si>
  <si>
    <t>9.343547821044922</t>
  </si>
  <si>
    <t>1252.56298828125</t>
  </si>
  <si>
    <t>-0.14786322870637747</t>
  </si>
  <si>
    <t>28966</t>
  </si>
  <si>
    <t>9.499409675598145</t>
  </si>
  <si>
    <t>1012.0712890625</t>
  </si>
  <si>
    <t>0.014150605525887983</t>
  </si>
  <si>
    <t>9.55667781829834</t>
  </si>
  <si>
    <t>1290.44873046875</t>
  </si>
  <si>
    <t>0.12445821441817628</t>
  </si>
  <si>
    <t>9.837139129638672</t>
  </si>
  <si>
    <t>1006.5301513671875</t>
  </si>
  <si>
    <t>0.04041587640015898</t>
  </si>
  <si>
    <t>35193</t>
  </si>
  <si>
    <t>9.790144920349121</t>
  </si>
  <si>
    <t>1101.0196533203125</t>
  </si>
  <si>
    <t>0.0298503799946932</t>
  </si>
  <si>
    <t>35598</t>
  </si>
  <si>
    <t>9.658477783203125</t>
  </si>
  <si>
    <t>1003.5385131835938</t>
  </si>
  <si>
    <t>0.01144225731286852</t>
  </si>
  <si>
    <t>9.996358871459961</t>
  </si>
  <si>
    <t>1240.0458984375</t>
  </si>
  <si>
    <t>0.07488219420958409</t>
  </si>
  <si>
    <t>37143</t>
  </si>
  <si>
    <t>9.971121788024902</t>
  </si>
  <si>
    <t>1145.1263427734375</t>
  </si>
  <si>
    <t>-0.0323963226074806</t>
  </si>
  <si>
    <t>9.267422676086426</t>
  </si>
  <si>
    <t>1251.722900390625</t>
  </si>
  <si>
    <t>-0.08697466451803315</t>
  </si>
  <si>
    <t>9.285021781921387</t>
  </si>
  <si>
    <t>1235.568603515625</t>
  </si>
  <si>
    <t>-0.12297653320412749</t>
  </si>
  <si>
    <t>8.553308486938477</t>
  </si>
  <si>
    <t>1014.5440673828125</t>
  </si>
  <si>
    <t>-0.007869067980481148</t>
  </si>
  <si>
    <t>9.768274307250977</t>
  </si>
  <si>
    <t>1248.449951171875</t>
  </si>
  <si>
    <t>0.06768649181466735</t>
  </si>
  <si>
    <t>9.117850303649902</t>
  </si>
  <si>
    <t>1233.33447265625</t>
  </si>
  <si>
    <t>-0.05683274296888108</t>
  </si>
  <si>
    <t>27579</t>
  </si>
  <si>
    <t>9.253993034362793</t>
  </si>
  <si>
    <t>1165.369140625</t>
  </si>
  <si>
    <t>-0.09075419770008253</t>
  </si>
  <si>
    <t>9.87256145477295</t>
  </si>
  <si>
    <t>1279.3917236328125</t>
  </si>
  <si>
    <t>0.008916221869958108</t>
  </si>
  <si>
    <t>9.289881706237793</t>
  </si>
  <si>
    <t>1376.8795166015625</t>
  </si>
  <si>
    <t>0.12911480413133347</t>
  </si>
  <si>
    <t>27533</t>
  </si>
  <si>
    <t>9.552751541137695</t>
  </si>
  <si>
    <t>1027.819091796875</t>
  </si>
  <si>
    <t>-0.1397003543030113</t>
  </si>
  <si>
    <t>9.740438461303711</t>
  </si>
  <si>
    <t>1299.76416015625</t>
  </si>
  <si>
    <t>0.14326306004982392</t>
  </si>
  <si>
    <t>9.527403831481934</t>
  </si>
  <si>
    <t>1058.7021484375</t>
  </si>
  <si>
    <t>-0.03970928215951908</t>
  </si>
  <si>
    <t>9.763739585876465</t>
  </si>
  <si>
    <t>1276.2193603515625</t>
  </si>
  <si>
    <t>-0.0008190142802479983</t>
  </si>
  <si>
    <t>23661</t>
  </si>
  <si>
    <t>9.425186157226562</t>
  </si>
  <si>
    <t>1398.290283203125</t>
  </si>
  <si>
    <t>-0.2542919257741012</t>
  </si>
  <si>
    <t>9.882903099060059</t>
  </si>
  <si>
    <t>1041.788330078125</t>
  </si>
  <si>
    <t>0.13141597467538624</t>
  </si>
  <si>
    <t>28992</t>
  </si>
  <si>
    <t>10.147233963012695</t>
  </si>
  <si>
    <t>1207.6148681640625</t>
  </si>
  <si>
    <t>0.07177583210122052</t>
  </si>
  <si>
    <t>31732</t>
  </si>
  <si>
    <t>9.707894325256348</t>
  </si>
  <si>
    <t>957.1156616210938</t>
  </si>
  <si>
    <t>927.5513916015625</t>
  </si>
  <si>
    <t>Mid-East w/ Dublin</t>
  </si>
  <si>
    <t>32157</t>
  </si>
  <si>
    <t>9.214622497558594</t>
  </si>
  <si>
    <t>853.3837890625</t>
  </si>
  <si>
    <t>0.013304520937735376</t>
  </si>
  <si>
    <t>9.368802070617676</t>
  </si>
  <si>
    <t>1000.8324584960938</t>
  </si>
  <si>
    <t>-0.0009022323082277239</t>
  </si>
  <si>
    <t>8.825912475585938</t>
  </si>
  <si>
    <t>1161.2850341796875</t>
  </si>
  <si>
    <t>0.02252818853985694</t>
  </si>
  <si>
    <t>35141</t>
  </si>
  <si>
    <t>9.363547325134277</t>
  </si>
  <si>
    <t>1182.1083984375</t>
  </si>
  <si>
    <t>0.06711242734309941</t>
  </si>
  <si>
    <t>38606</t>
  </si>
  <si>
    <t>9.957959175109863</t>
  </si>
  <si>
    <t>892.1546020507812</t>
  </si>
  <si>
    <t>0.09403916485346286</t>
  </si>
  <si>
    <t>41276</t>
  </si>
  <si>
    <t>8.753713607788086</t>
  </si>
  <si>
    <t>882.052001953125</t>
  </si>
  <si>
    <t>0.06687351244778483</t>
  </si>
  <si>
    <t>10.216797828674316</t>
  </si>
  <si>
    <t>1092.7359619140625</t>
  </si>
  <si>
    <t>0.10273569578969877</t>
  </si>
  <si>
    <t>48494</t>
  </si>
  <si>
    <t>9.852029800415039</t>
  </si>
  <si>
    <t>1148.5537109375</t>
  </si>
  <si>
    <t>0.0584231659071861</t>
  </si>
  <si>
    <t>9.912764549255371</t>
  </si>
  <si>
    <t>1023.0729370117188</t>
  </si>
  <si>
    <t>0.10772913565444675</t>
  </si>
  <si>
    <t>61203</t>
  </si>
  <si>
    <t>9.477639198303223</t>
  </si>
  <si>
    <t>1250.3150634765625</t>
  </si>
  <si>
    <t>0.12502699331990108</t>
  </si>
  <si>
    <t>9.654603004455566</t>
  </si>
  <si>
    <t>967.7374877929688</t>
  </si>
  <si>
    <t>0.006043495592736647</t>
  </si>
  <si>
    <t>62490</t>
  </si>
  <si>
    <t>9.719704627990723</t>
  </si>
  <si>
    <t>1232.3095703125</t>
  </si>
  <si>
    <t>0.014766840423552807</t>
  </si>
  <si>
    <t>63261</t>
  </si>
  <si>
    <t>9.983292579650879</t>
  </si>
  <si>
    <t>952.5684204101562</t>
  </si>
  <si>
    <t>0.012262481588997787</t>
  </si>
  <si>
    <t>68578</t>
  </si>
  <si>
    <t>9.898566246032715</t>
  </si>
  <si>
    <t>974.579833984375</t>
  </si>
  <si>
    <t>0.08070275805824778</t>
  </si>
  <si>
    <t>72988</t>
  </si>
  <si>
    <t>9.6841402053833</t>
  </si>
  <si>
    <t>912.75048828125</t>
  </si>
  <si>
    <t>0.0623232604860533</t>
  </si>
  <si>
    <t>73009</t>
  </si>
  <si>
    <t>10.108465194702148</t>
  </si>
  <si>
    <t>1108.479248046875</t>
  </si>
  <si>
    <t>0.0002876771460336158</t>
  </si>
  <si>
    <t>75157</t>
  </si>
  <si>
    <t>10.041187286376953</t>
  </si>
  <si>
    <t>1070.7489013671875</t>
  </si>
  <si>
    <t>0.028996537679999435</t>
  </si>
  <si>
    <t>71981</t>
  </si>
  <si>
    <t>9.26082706451416</t>
  </si>
  <si>
    <t>1164.0728759765625</t>
  </si>
  <si>
    <t>-0.04317706359795537</t>
  </si>
  <si>
    <t>9.287114143371582</t>
  </si>
  <si>
    <t>1148.5740966796875</t>
  </si>
  <si>
    <t>-0.052931763872178905</t>
  </si>
  <si>
    <t>69701</t>
  </si>
  <si>
    <t>8.583863258361816</t>
  </si>
  <si>
    <t>924.56103515625</t>
  </si>
  <si>
    <t>0.020744233435666004</t>
  </si>
  <si>
    <t>67592</t>
  </si>
  <si>
    <t>9.873844146728516</t>
  </si>
  <si>
    <t>938.9260864257812</t>
  </si>
  <si>
    <t>-0.03072503201530985</t>
  </si>
  <si>
    <t>68022</t>
  </si>
  <si>
    <t>9.167474746704102</t>
  </si>
  <si>
    <t>1257.383544921875</t>
  </si>
  <si>
    <t>0.0063415494129728245</t>
  </si>
  <si>
    <t>71912</t>
  </si>
  <si>
    <t>9.32105827331543</t>
  </si>
  <si>
    <t>1067.057861328125</t>
  </si>
  <si>
    <t>0.05561196700758053</t>
  </si>
  <si>
    <t>79072</t>
  </si>
  <si>
    <t>9.95422077178955</t>
  </si>
  <si>
    <t>1130.3365478515625</t>
  </si>
  <si>
    <t>0.09491568053510235</t>
  </si>
  <si>
    <t>92609</t>
  </si>
  <si>
    <t>9.35517406463623</t>
  </si>
  <si>
    <t>1229.218505859375</t>
  </si>
  <si>
    <t>0.158027499347698</t>
  </si>
  <si>
    <t>92769</t>
  </si>
  <si>
    <t>9.55249309539795</t>
  </si>
  <si>
    <t>926.4669799804688</t>
  </si>
  <si>
    <t>0.0017262031064131378</t>
  </si>
  <si>
    <t>97243</t>
  </si>
  <si>
    <t>9.8070707321167</t>
  </si>
  <si>
    <t>1138.1844482421875</t>
  </si>
  <si>
    <t>0.047100468213153945</t>
  </si>
  <si>
    <t>100571</t>
  </si>
  <si>
    <t>9.570048332214355</t>
  </si>
  <si>
    <t>966.1725463867188</t>
  </si>
  <si>
    <t>0.033650945256548326</t>
  </si>
  <si>
    <t>104044</t>
  </si>
  <si>
    <t>9.800806999206543</t>
  </si>
  <si>
    <t>1179.945556640625</t>
  </si>
  <si>
    <t>0.03394994086263026</t>
  </si>
  <si>
    <t>113105</t>
  </si>
  <si>
    <t>9.520485877990723</t>
  </si>
  <si>
    <t>1278.61083984375</t>
  </si>
  <si>
    <t>0.083502704217155</t>
  </si>
  <si>
    <t>128994</t>
  </si>
  <si>
    <t>9.901988983154297</t>
  </si>
  <si>
    <t>952.8670043945312</t>
  </si>
  <si>
    <t>0.13144930084226658</t>
  </si>
  <si>
    <t>138592</t>
  </si>
  <si>
    <t>10.198233604431152</t>
  </si>
  <si>
    <t>1046.2020263671875</t>
  </si>
  <si>
    <t>0.07176847338015158</t>
  </si>
  <si>
    <t>25917</t>
  </si>
  <si>
    <t>10.215250015258789</t>
  </si>
  <si>
    <t>1076.74365234375</t>
  </si>
  <si>
    <t>178.68017578125</t>
  </si>
  <si>
    <t>Mid-West</t>
  </si>
  <si>
    <t>9.846512794494629</t>
  </si>
  <si>
    <t>968.1846923828125</t>
  </si>
  <si>
    <t>0.013300056154433193</t>
  </si>
  <si>
    <t>26306</t>
  </si>
  <si>
    <t>9.943671226501465</t>
  </si>
  <si>
    <t>1124.178955078125</t>
  </si>
  <si>
    <t>0.0015978698472967068</t>
  </si>
  <si>
    <t>9.537137031555176</t>
  </si>
  <si>
    <t>1145.2423095703125</t>
  </si>
  <si>
    <t>-0.002969507645214975</t>
  </si>
  <si>
    <t>28680</t>
  </si>
  <si>
    <t>9.935559272766113</t>
  </si>
  <si>
    <t>1237.1890869140625</t>
  </si>
  <si>
    <t>0.08937247333004628</t>
  </si>
  <si>
    <t>30909</t>
  </si>
  <si>
    <t>10.506516456604004</t>
  </si>
  <si>
    <t>995.378173828125</t>
  </si>
  <si>
    <t>0.07484738789962186</t>
  </si>
  <si>
    <t>33040</t>
  </si>
  <si>
    <t>9.323872566223145</t>
  </si>
  <si>
    <t>956.01123046875</t>
  </si>
  <si>
    <t>0.06667154502173744</t>
  </si>
  <si>
    <t>10.75279712677002</t>
  </si>
  <si>
    <t>1207.6009521484375</t>
  </si>
  <si>
    <t>0.06190566960389532</t>
  </si>
  <si>
    <t>10.374255180358887</t>
  </si>
  <si>
    <t>1231.80517578125</t>
  </si>
  <si>
    <t>0.060386956558462046</t>
  </si>
  <si>
    <t>40235</t>
  </si>
  <si>
    <t>10.39317512512207</t>
  </si>
  <si>
    <t>1095.866455078125</t>
  </si>
  <si>
    <t>0.07472568878296038</t>
  </si>
  <si>
    <t>47426</t>
  </si>
  <si>
    <t>9.956603050231934</t>
  </si>
  <si>
    <t>1207.5087890625</t>
  </si>
  <si>
    <t>0.16443333792582138</t>
  </si>
  <si>
    <t>50975</t>
  </si>
  <si>
    <t>10.1502103805542</t>
  </si>
  <si>
    <t>967.5947265625</t>
  </si>
  <si>
    <t>0.07216471493660137</t>
  </si>
  <si>
    <t>10.163996696472168</t>
  </si>
  <si>
    <t>1332.665771484375</t>
  </si>
  <si>
    <t>-0.1333996840701417</t>
  </si>
  <si>
    <t>49323</t>
  </si>
  <si>
    <t>10.420669555664062</t>
  </si>
  <si>
    <t>1003.775390625</t>
  </si>
  <si>
    <t>0.10045487130647324</t>
  </si>
  <si>
    <t>10.348344802856445</t>
  </si>
  <si>
    <t>1014.7474365234375</t>
  </si>
  <si>
    <t>0.03688016845098652</t>
  </si>
  <si>
    <t>49980</t>
  </si>
  <si>
    <t>10.242575645446777</t>
  </si>
  <si>
    <t>963.7985229492188</t>
  </si>
  <si>
    <t>-0.023647746741030318</t>
  </si>
  <si>
    <t>50193</t>
  </si>
  <si>
    <t>10.58309268951416</t>
  </si>
  <si>
    <t>1173.4346923828125</t>
  </si>
  <si>
    <t>0.004252649336828895</t>
  </si>
  <si>
    <t>52381</t>
  </si>
  <si>
    <t>10.603431701660156</t>
  </si>
  <si>
    <t>1071.496826171875</t>
  </si>
  <si>
    <t>0.04266835540989966</t>
  </si>
  <si>
    <t>9.834309577941895</t>
  </si>
  <si>
    <t>1192.923583984375</t>
  </si>
  <si>
    <t>-0.08457591759465366</t>
  </si>
  <si>
    <t>44017</t>
  </si>
  <si>
    <t>9.817631721496582</t>
  </si>
  <si>
    <t>1279.6722412109375</t>
  </si>
  <si>
    <t>-0.08939208962346612</t>
  </si>
  <si>
    <t>44882</t>
  </si>
  <si>
    <t>9.135750770568848</t>
  </si>
  <si>
    <t>957.5792846679688</t>
  </si>
  <si>
    <t>0.01946090056596894</t>
  </si>
  <si>
    <t>10.436810493469238</t>
  </si>
  <si>
    <t>1136.7447509765625</t>
  </si>
  <si>
    <t>0.011827642367041591</t>
  </si>
  <si>
    <t>9.74327278137207</t>
  </si>
  <si>
    <t>1171.9671630859375</t>
  </si>
  <si>
    <t>-0.005719159263007256</t>
  </si>
  <si>
    <t>9.887862205505371</t>
  </si>
  <si>
    <t>1084.7099609375</t>
  </si>
  <si>
    <t>-0.04479104065677575</t>
  </si>
  <si>
    <t>41530</t>
  </si>
  <si>
    <t>10.489770889282227</t>
  </si>
  <si>
    <t>1175.186279296875</t>
  </si>
  <si>
    <t>-0.03893820830598038</t>
  </si>
  <si>
    <t>55743</t>
  </si>
  <si>
    <t>9.922101020812988</t>
  </si>
  <si>
    <t>1289.9913330078125</t>
  </si>
  <si>
    <t>0.29433578427606477</t>
  </si>
  <si>
    <t>60372</t>
  </si>
  <si>
    <t>10.118289947509766</t>
  </si>
  <si>
    <t>964.215087890625</t>
  </si>
  <si>
    <t>0.07977357937845397</t>
  </si>
  <si>
    <t>68747</t>
  </si>
  <si>
    <t>10.348209381103516</t>
  </si>
  <si>
    <t>1151.48388671875</t>
  </si>
  <si>
    <t>0.1299076779337689</t>
  </si>
  <si>
    <t>76280</t>
  </si>
  <si>
    <t>10.1543550491333</t>
  </si>
  <si>
    <t>1049.3392333984375</t>
  </si>
  <si>
    <t>0.1039776815012683</t>
  </si>
  <si>
    <t>85799</t>
  </si>
  <si>
    <t>10.311055183410645</t>
  </si>
  <si>
    <t>1214.8236083984375</t>
  </si>
  <si>
    <t>0.1175965706821227</t>
  </si>
  <si>
    <t>77867</t>
  </si>
  <si>
    <t>10.059744834899902</t>
  </si>
  <si>
    <t>1290.05712890625</t>
  </si>
  <si>
    <t>-0.09700510831562426</t>
  </si>
  <si>
    <t>88806</t>
  </si>
  <si>
    <t>10.51292896270752</t>
  </si>
  <si>
    <t>974.30517578125</t>
  </si>
  <si>
    <t>0.1314519721843901</t>
  </si>
  <si>
    <t>95414</t>
  </si>
  <si>
    <t>10.762907981872559</t>
  </si>
  <si>
    <t>1120.754638671875</t>
  </si>
  <si>
    <t>0.07177110292843736</t>
  </si>
  <si>
    <t>9.713286399841309</t>
  </si>
  <si>
    <t>940.6710815429688</t>
  </si>
  <si>
    <t>101.18023681640625</t>
  </si>
  <si>
    <t>Midland</t>
  </si>
  <si>
    <t>20705</t>
  </si>
  <si>
    <t>9.296445846557617</t>
  </si>
  <si>
    <t>828.4253540039062</t>
  </si>
  <si>
    <t>0.013321861739855834</t>
  </si>
  <si>
    <t>9.42244815826416</t>
  </si>
  <si>
    <t>947.8068237304688</t>
  </si>
  <si>
    <t>-0.006492900027193826</t>
  </si>
  <si>
    <t>21247</t>
  </si>
  <si>
    <t>8.901123046875</t>
  </si>
  <si>
    <t>1039.1636962890625</t>
  </si>
  <si>
    <t>0.032333391963165425</t>
  </si>
  <si>
    <t>21878</t>
  </si>
  <si>
    <t>9.436275482177734</t>
  </si>
  <si>
    <t>1080.3214111328125</t>
  </si>
  <si>
    <t>0.029265856764096654</t>
  </si>
  <si>
    <t>22689</t>
  </si>
  <si>
    <t>10.03779125213623</t>
  </si>
  <si>
    <t>864.7811889648438</t>
  </si>
  <si>
    <t>0.03639865984440327</t>
  </si>
  <si>
    <t>8.826949119567871</t>
  </si>
  <si>
    <t>833.2920532226562</t>
  </si>
  <si>
    <t>0.07159573669346742</t>
  </si>
  <si>
    <t>25060</t>
  </si>
  <si>
    <t>10.284777641296387</t>
  </si>
  <si>
    <t>1010.2537841796875</t>
  </si>
  <si>
    <t>0.027796987232452608</t>
  </si>
  <si>
    <t>26171</t>
  </si>
  <si>
    <t>9.895121574401855</t>
  </si>
  <si>
    <t>1084.5921630859375</t>
  </si>
  <si>
    <t>0.04337897803686275</t>
  </si>
  <si>
    <t>9.919458389282227</t>
  </si>
  <si>
    <t>959.4332885742188</t>
  </si>
  <si>
    <t>0.056274942760758506</t>
  </si>
  <si>
    <t>9.494623184204102</t>
  </si>
  <si>
    <t>1069.425048828125</t>
  </si>
  <si>
    <t>0.12912416561399986</t>
  </si>
  <si>
    <t>9.694294929504395</t>
  </si>
  <si>
    <t>854.40380859375</t>
  </si>
  <si>
    <t>0.04682009585089553</t>
  </si>
  <si>
    <t>9.826943397521973</t>
  </si>
  <si>
    <t>1157.070556640625</t>
  </si>
  <si>
    <t>-0.049267377254127</t>
  </si>
  <si>
    <t>35925</t>
  </si>
  <si>
    <t>10.08226203918457</t>
  </si>
  <si>
    <t>880.0693359375</t>
  </si>
  <si>
    <t>0.1338296774887766</t>
  </si>
  <si>
    <t>39152</t>
  </si>
  <si>
    <t>10.021622657775879</t>
  </si>
  <si>
    <t>901.6435546875</t>
  </si>
  <si>
    <t>0.08601807473522705</t>
  </si>
  <si>
    <t>38304</t>
  </si>
  <si>
    <t>9.801804542541504</t>
  </si>
  <si>
    <t>842.0869750976562</t>
  </si>
  <si>
    <t>-0.02189717732475316</t>
  </si>
  <si>
    <t>10.186128616333008</t>
  </si>
  <si>
    <t>1031.3658447265625</t>
  </si>
  <si>
    <t>0.09399447451296261</t>
  </si>
  <si>
    <t>40136</t>
  </si>
  <si>
    <t>10.119470596313477</t>
  </si>
  <si>
    <t>968.3910522460938</t>
  </si>
  <si>
    <t>-0.04727511670657236</t>
  </si>
  <si>
    <t>9.41094970703125</t>
  </si>
  <si>
    <t>1076.6295166015625</t>
  </si>
  <si>
    <t>-0.11743116912538021</t>
  </si>
  <si>
    <t>32833</t>
  </si>
  <si>
    <t>9.466765403747559</t>
  </si>
  <si>
    <t>1056.36474609375</t>
  </si>
  <si>
    <t>-0.08340841088243778</t>
  </si>
  <si>
    <t>30756</t>
  </si>
  <si>
    <t>8.703963279724121</t>
  </si>
  <si>
    <t>860.2876586914062</t>
  </si>
  <si>
    <t>-0.06534901000419957</t>
  </si>
  <si>
    <t>29940</t>
  </si>
  <si>
    <t>10.001578330993652</t>
  </si>
  <si>
    <t>1022.323486328125</t>
  </si>
  <si>
    <t>-0.026889718178452426</t>
  </si>
  <si>
    <t>9.266283988952637</t>
  </si>
  <si>
    <t>1054.795166015625</t>
  </si>
  <si>
    <t>-0.03435082679512469</t>
  </si>
  <si>
    <t>9.427788734436035</t>
  </si>
  <si>
    <t>985.8148803710938</t>
  </si>
  <si>
    <t>-0.11033134973702552</t>
  </si>
  <si>
    <t>10.112281799316406</t>
  </si>
  <si>
    <t>1061.090576171875</t>
  </si>
  <si>
    <t>0.09138286341773494</t>
  </si>
  <si>
    <t>9.494795799255371</t>
  </si>
  <si>
    <t>1157.4486083984375</t>
  </si>
  <si>
    <t>0.23325222408370827</t>
  </si>
  <si>
    <t>30757</t>
  </si>
  <si>
    <t>9.716287612915039</t>
  </si>
  <si>
    <t>842.0894775390625</t>
  </si>
  <si>
    <t>-0.15303067933839642</t>
  </si>
  <si>
    <t>31121</t>
  </si>
  <si>
    <t>9.948960304260254</t>
  </si>
  <si>
    <t>1078.5538330078125</t>
  </si>
  <si>
    <t>0.011765221847628737</t>
  </si>
  <si>
    <t>9.733304023742676</t>
  </si>
  <si>
    <t>885.731689453125</t>
  </si>
  <si>
    <t>-0.08762792954542675</t>
  </si>
  <si>
    <t>26240</t>
  </si>
  <si>
    <t>9.949463844299316</t>
  </si>
  <si>
    <t>1084.6424560546875</t>
  </si>
  <si>
    <t>-0.0829699388486933</t>
  </si>
  <si>
    <t>9.63230037689209</t>
  </si>
  <si>
    <t>1157.6629638671875</t>
  </si>
  <si>
    <t>-0.04689029323841609</t>
  </si>
  <si>
    <t>10.047782897949219</t>
  </si>
  <si>
    <t>868.780029296875</t>
  </si>
  <si>
    <t>0.13143738127935478</t>
  </si>
  <si>
    <t>30680</t>
  </si>
  <si>
    <t>10.361296653747559</t>
  </si>
  <si>
    <t>968.3612670898438</t>
  </si>
  <si>
    <t>0.07177892438222955</t>
  </si>
  <si>
    <t>22313</t>
  </si>
  <si>
    <t>10.055289268493652</t>
  </si>
  <si>
    <t>951.6490478515625</t>
  </si>
  <si>
    <t>279.4330139160156</t>
  </si>
  <si>
    <t>South-East</t>
  </si>
  <si>
    <t>9.692658424377441</t>
  </si>
  <si>
    <t>924.1459350585938</t>
  </si>
  <si>
    <t>0.013311270560677713</t>
  </si>
  <si>
    <t>24869</t>
  </si>
  <si>
    <t>9.790018081665039</t>
  </si>
  <si>
    <t>1028.914794921875</t>
  </si>
  <si>
    <t>0.09514130910660867</t>
  </si>
  <si>
    <t>25853</t>
  </si>
  <si>
    <t>9.332071304321289</t>
  </si>
  <si>
    <t>1242.716552734375</t>
  </si>
  <si>
    <t>0.03880460045962941</t>
  </si>
  <si>
    <t>26983</t>
  </si>
  <si>
    <t>9.79970932006836</t>
  </si>
  <si>
    <t>1278.38232421875</t>
  </si>
  <si>
    <t>0.042780389695440846</t>
  </si>
  <si>
    <t>10.415083885192871</t>
  </si>
  <si>
    <t>1044.3458251953125</t>
  </si>
  <si>
    <t>0.026802825690412035</t>
  </si>
  <si>
    <t>30045</t>
  </si>
  <si>
    <t>9.202339172363281</t>
  </si>
  <si>
    <t>987.7667236328125</t>
  </si>
  <si>
    <t>0.08068639402075561</t>
  </si>
  <si>
    <t>31615</t>
  </si>
  <si>
    <t>10.650952339172363</t>
  </si>
  <si>
    <t>1209.1158447265625</t>
  </si>
  <si>
    <t>0.05093543372468545</t>
  </si>
  <si>
    <t>10.274206161499023</t>
  </si>
  <si>
    <t>1225.4287109375</t>
  </si>
  <si>
    <t>0.040387929111300735</t>
  </si>
  <si>
    <t>36071</t>
  </si>
  <si>
    <t>10.29713249206543</t>
  </si>
  <si>
    <t>1029.103271484375</t>
  </si>
  <si>
    <t>0.09146959777952368</t>
  </si>
  <si>
    <t>9.865180969238281</t>
  </si>
  <si>
    <t>1225.3719482421875</t>
  </si>
  <si>
    <t>-0.07675369383364483</t>
  </si>
  <si>
    <t>10.071681022644043</t>
  </si>
  <si>
    <t>1021.3447265625</t>
  </si>
  <si>
    <t>0.026613890414967756</t>
  </si>
  <si>
    <t>10.129172325134277</t>
  </si>
  <si>
    <t>1367.8597412109375</t>
  </si>
  <si>
    <t>0.09051036396291146</t>
  </si>
  <si>
    <t>42255</t>
  </si>
  <si>
    <t>10.387358665466309</t>
  </si>
  <si>
    <t>998.9160766601562</t>
  </si>
  <si>
    <t>0.11786291105081048</t>
  </si>
  <si>
    <t>10.323657989501953</t>
  </si>
  <si>
    <t>1032.0836181640625</t>
  </si>
  <si>
    <t>-0.007530352831890852</t>
  </si>
  <si>
    <t>10.168840408325195</t>
  </si>
  <si>
    <t>971.78466796875</t>
  </si>
  <si>
    <t>0.0016201280585601552</t>
  </si>
  <si>
    <t>44417</t>
  </si>
  <si>
    <t>10.506531715393066</t>
  </si>
  <si>
    <t>1167.289306640625</t>
  </si>
  <si>
    <t>0.05580981381700134</t>
  </si>
  <si>
    <t>46123</t>
  </si>
  <si>
    <t>10.508078575134277</t>
  </si>
  <si>
    <t>1102.3370361328125</t>
  </si>
  <si>
    <t>0.03768946194687928</t>
  </si>
  <si>
    <t>9.778321266174316</t>
  </si>
  <si>
    <t>1217.8441162109375</t>
  </si>
  <si>
    <t>-0.05579598021351195</t>
  </si>
  <si>
    <t>36418</t>
  </si>
  <si>
    <t>9.7778959274292</t>
  </si>
  <si>
    <t>1262.100830078125</t>
  </si>
  <si>
    <t>-0.18045260286383247</t>
  </si>
  <si>
    <t>35465</t>
  </si>
  <si>
    <t>9.053336143493652</t>
  </si>
  <si>
    <t>953.622802734375</t>
  </si>
  <si>
    <t>-0.02651686325560121</t>
  </si>
  <si>
    <t>33556</t>
  </si>
  <si>
    <t>10.314900398254395</t>
  </si>
  <si>
    <t>1062.1732177734375</t>
  </si>
  <si>
    <t>-0.05533060967000125</t>
  </si>
  <si>
    <t>33021</t>
  </si>
  <si>
    <t>9.655760765075684</t>
  </si>
  <si>
    <t>1195.7318115234375</t>
  </si>
  <si>
    <t>-0.016071962274684992</t>
  </si>
  <si>
    <t>9.808618545532227</t>
  </si>
  <si>
    <t>1130.44091796875</t>
  </si>
  <si>
    <t>0.211807930206227</t>
  </si>
  <si>
    <t>40551</t>
  </si>
  <si>
    <t>10.426151275634766</t>
  </si>
  <si>
    <t>1210.717041015625</t>
  </si>
  <si>
    <t>-0.0063912117457896045</t>
  </si>
  <si>
    <t>50777</t>
  </si>
  <si>
    <t>9.836987495422363</t>
  </si>
  <si>
    <t>1340.458740234375</t>
  </si>
  <si>
    <t>0.2248830549842218</t>
  </si>
  <si>
    <t>10.057463645935059</t>
  </si>
  <si>
    <t>959.3026123046875</t>
  </si>
  <si>
    <t>-0.10611135601038058</t>
  </si>
  <si>
    <t>45112</t>
  </si>
  <si>
    <t>10.267215728759766</t>
  </si>
  <si>
    <t>1182.087646484375</t>
  </si>
  <si>
    <t>-0.012183853638761732</t>
  </si>
  <si>
    <t>57780</t>
  </si>
  <si>
    <t>10.066668510437012</t>
  </si>
  <si>
    <t>1036.067138671875</t>
  </si>
  <si>
    <t>0.2474944085332087</t>
  </si>
  <si>
    <t>69811</t>
  </si>
  <si>
    <t>10.25783920288086</t>
  </si>
  <si>
    <t>1240.5079345703125</t>
  </si>
  <si>
    <t>0.18914889543695423</t>
  </si>
  <si>
    <t>57712</t>
  </si>
  <si>
    <t>9.941543579101562</t>
  </si>
  <si>
    <t>1316.3157958984375</t>
  </si>
  <si>
    <t>-0.19032646631386108</t>
  </si>
  <si>
    <t>65819</t>
  </si>
  <si>
    <t>10.424448013305664</t>
  </si>
  <si>
    <t>996.828125</t>
  </si>
  <si>
    <t>0.13144342628812566</t>
  </si>
  <si>
    <t>70717</t>
  </si>
  <si>
    <t>10.668641090393066</t>
  </si>
  <si>
    <t>1117.0308837890625</t>
  </si>
  <si>
    <t>0.07177744616581272</t>
  </si>
  <si>
    <t>26218</t>
  </si>
  <si>
    <t>10.451789855957031</t>
  </si>
  <si>
    <t>1105.510498046875</t>
  </si>
  <si>
    <t>512.624267578125</t>
  </si>
  <si>
    <t>South-West</t>
  </si>
  <si>
    <t>26570</t>
  </si>
  <si>
    <t>10.14986515045166</t>
  </si>
  <si>
    <t>1065.00439453125</t>
  </si>
  <si>
    <t>0.013336561996103669</t>
  </si>
  <si>
    <t>29170</t>
  </si>
  <si>
    <t>10.187989234924316</t>
  </si>
  <si>
    <t>1198.1373291015625</t>
  </si>
  <si>
    <t>0.09335802410790883</t>
  </si>
  <si>
    <t>9.81325912475586</t>
  </si>
  <si>
    <t>1323.7401123046875</t>
  </si>
  <si>
    <t>0.04501203843193835</t>
  </si>
  <si>
    <t>10.200647354125977</t>
  </si>
  <si>
    <t>1423.677490234375</t>
  </si>
  <si>
    <t>0.00552334111101338</t>
  </si>
  <si>
    <t>10.76326847076416</t>
  </si>
  <si>
    <t>1172.532958984375</t>
  </si>
  <si>
    <t>0.12228512267216551</t>
  </si>
  <si>
    <t>9.652178764343262</t>
  </si>
  <si>
    <t>1083.813720703125</t>
  </si>
  <si>
    <t>0.022951499972000633</t>
  </si>
  <si>
    <t>42062</t>
  </si>
  <si>
    <t>11.025641441345215</t>
  </si>
  <si>
    <t>1343.2099609375</t>
  </si>
  <si>
    <t>0.1702319341947387</t>
  </si>
  <si>
    <t>10.688332557678223</t>
  </si>
  <si>
    <t>1384.265625</t>
  </si>
  <si>
    <t>0.13280600953694943</t>
  </si>
  <si>
    <t>10.701099395751953</t>
  </si>
  <si>
    <t>1222.1962890625</t>
  </si>
  <si>
    <t>0.05928649455351298</t>
  </si>
  <si>
    <t>54349</t>
  </si>
  <si>
    <t>10.267292976379395</t>
  </si>
  <si>
    <t>1372.3341064453125</t>
  </si>
  <si>
    <t>0.06418898978197163</t>
  </si>
  <si>
    <t>61331</t>
  </si>
  <si>
    <t>10.483330726623535</t>
  </si>
  <si>
    <t>1114.7894287109375</t>
  </si>
  <si>
    <t>0.12085921060502258</t>
  </si>
  <si>
    <t>72815</t>
  </si>
  <si>
    <t>10.480984687805176</t>
  </si>
  <si>
    <t>1503.2088623046875</t>
  </si>
  <si>
    <t>0.17163655319560078</t>
  </si>
  <si>
    <t>67138</t>
  </si>
  <si>
    <t>10.77396297454834</t>
  </si>
  <si>
    <t>1136.3214111328125</t>
  </si>
  <si>
    <t>-0.08117177532798081</t>
  </si>
  <si>
    <t>64520</t>
  </si>
  <si>
    <t>10.701468467712402</t>
  </si>
  <si>
    <t>1154.9346923828125</t>
  </si>
  <si>
    <t>-0.039774949349554944</t>
  </si>
  <si>
    <t>66640</t>
  </si>
  <si>
    <t>10.614230155944824</t>
  </si>
  <si>
    <t>1081.69677734375</t>
  </si>
  <si>
    <t>0.032329744601579335</t>
  </si>
  <si>
    <t>68620</t>
  </si>
  <si>
    <t>10.90845012664795</t>
  </si>
  <si>
    <t>1332.079833984375</t>
  </si>
  <si>
    <t>0.029279039571715515</t>
  </si>
  <si>
    <t>71429</t>
  </si>
  <si>
    <t>10.945448875427246</t>
  </si>
  <si>
    <t>1235.28466796875</t>
  </si>
  <si>
    <t>0.04011991191857511</t>
  </si>
  <si>
    <t>64132</t>
  </si>
  <si>
    <t>10.230281829833984</t>
  </si>
  <si>
    <t>1352.3720703125</t>
  </si>
  <si>
    <t>-0.10776049002228838</t>
  </si>
  <si>
    <t>64376</t>
  </si>
  <si>
    <t>10.214651107788086</t>
  </si>
  <si>
    <t>1413.703857421875</t>
  </si>
  <si>
    <t>0.0037974335172421547</t>
  </si>
  <si>
    <t>64160</t>
  </si>
  <si>
    <t>9.510170936584473</t>
  </si>
  <si>
    <t>1090.185302734375</t>
  </si>
  <si>
    <t>-0.003360929285573633</t>
  </si>
  <si>
    <t>10.675305366516113</t>
  </si>
  <si>
    <t>1239.203369140625</t>
  </si>
  <si>
    <t>0.09336712348970266</t>
  </si>
  <si>
    <t>69711</t>
  </si>
  <si>
    <t>10.084879875183105</t>
  </si>
  <si>
    <t>1307.2109375</t>
  </si>
  <si>
    <t>-0.010388962508375954</t>
  </si>
  <si>
    <t>63654</t>
  </si>
  <si>
    <t>10.206707954406738</t>
  </si>
  <si>
    <t>1249.199462890625</t>
  </si>
  <si>
    <t>-0.09089595783439641</t>
  </si>
  <si>
    <t>71314</t>
  </si>
  <si>
    <t>10.776603698730469</t>
  </si>
  <si>
    <t>1335.832275390625</t>
  </si>
  <si>
    <t>0.11363049487643373</t>
  </si>
  <si>
    <t>102711</t>
  </si>
  <si>
    <t>10.210283279418945</t>
  </si>
  <si>
    <t>1482.6053466796875</t>
  </si>
  <si>
    <t>0.36482655769902017</t>
  </si>
  <si>
    <t>116244</t>
  </si>
  <si>
    <t>10.489919662475586</t>
  </si>
  <si>
    <t>1088.119140625</t>
  </si>
  <si>
    <t>0.12377221095160529</t>
  </si>
  <si>
    <t>136414</t>
  </si>
  <si>
    <t>10.65312671661377</t>
  </si>
  <si>
    <t>1339.16796875</t>
  </si>
  <si>
    <t>0.16000294920624825</t>
  </si>
  <si>
    <t>154715</t>
  </si>
  <si>
    <t>10.444747924804688</t>
  </si>
  <si>
    <t>1197.1241455078125</t>
  </si>
  <si>
    <t>0.12589033530169402</t>
  </si>
  <si>
    <t>153901</t>
  </si>
  <si>
    <t>10.65706729888916</t>
  </si>
  <si>
    <t>1385.188232421875</t>
  </si>
  <si>
    <t>-0.005275176190671971</t>
  </si>
  <si>
    <t>180271</t>
  </si>
  <si>
    <t>10.340655326843262</t>
  </si>
  <si>
    <t>1493.898681640625</t>
  </si>
  <si>
    <t>0.1581517356837452</t>
  </si>
  <si>
    <t>205595</t>
  </si>
  <si>
    <t>10.83801555633545</t>
  </si>
  <si>
    <t>1121.3980712890625</t>
  </si>
  <si>
    <t>0.13144693998588508</t>
  </si>
  <si>
    <t>220894</t>
  </si>
  <si>
    <t>11.053447723388672</t>
  </si>
  <si>
    <t>1271.95849609375</t>
  </si>
  <si>
    <t>0.07177473422644987</t>
  </si>
  <si>
    <t>20491</t>
  </si>
  <si>
    <t>9.841582298278809</t>
  </si>
  <si>
    <t>1249.4290771484375</t>
  </si>
  <si>
    <t>271.9587707519531</t>
  </si>
  <si>
    <t>West</t>
  </si>
  <si>
    <t>9.51757526397705</t>
  </si>
  <si>
    <t>1089.173828125</t>
  </si>
  <si>
    <t>0.013283111728021879</t>
  </si>
  <si>
    <t>21385</t>
  </si>
  <si>
    <t>9.562458992004395</t>
  </si>
  <si>
    <t>1316.181396484375</t>
  </si>
  <si>
    <t>0.029420864596154672</t>
  </si>
  <si>
    <t>9.120914459228516</t>
  </si>
  <si>
    <t>1198.968017578125</t>
  </si>
  <si>
    <t>-0.016264353809361864</t>
  </si>
  <si>
    <t>21971</t>
  </si>
  <si>
    <t>9.5620698928833</t>
  </si>
  <si>
    <t>1335.3046875</t>
  </si>
  <si>
    <t>0.04329801410472278</t>
  </si>
  <si>
    <t>10.14116382598877</t>
  </si>
  <si>
    <t>1092.2667236328125</t>
  </si>
  <si>
    <t>0.12055557566844932</t>
  </si>
  <si>
    <t>9.032047271728516</t>
  </si>
  <si>
    <t>1043.9361572265625</t>
  </si>
  <si>
    <t>0.08095471741522253</t>
  </si>
  <si>
    <t>10.42733097076416</t>
  </si>
  <si>
    <t>1248.7310791015625</t>
  </si>
  <si>
    <t>0.04858461359440547</t>
  </si>
  <si>
    <t>31288</t>
  </si>
  <si>
    <t>10.058106422424316</t>
  </si>
  <si>
    <t>1395.6768798828125</t>
  </si>
  <si>
    <t>0.10341632880090401</t>
  </si>
  <si>
    <t>10.088534355163574</t>
  </si>
  <si>
    <t>1282.369384765625</t>
  </si>
  <si>
    <t>0.12237488045932743</t>
  </si>
  <si>
    <t>36694</t>
  </si>
  <si>
    <t>9.6466646194458</t>
  </si>
  <si>
    <t>1291.3050537109375</t>
  </si>
  <si>
    <t>0.03700373604398699</t>
  </si>
  <si>
    <t>9.836671829223633</t>
  </si>
  <si>
    <t>1038.005859375</t>
  </si>
  <si>
    <t>0.022873688766411604</t>
  </si>
  <si>
    <t>9.900081634521484</t>
  </si>
  <si>
    <t>1331.91748046875</t>
  </si>
  <si>
    <t>-0.007808152620125242</t>
  </si>
  <si>
    <t>10.199922561645508</t>
  </si>
  <si>
    <t>1057.98046875</t>
  </si>
  <si>
    <t>-0.024044517905611684</t>
  </si>
  <si>
    <t>10.115528106689453</t>
  </si>
  <si>
    <t>1132.824462890625</t>
  </si>
  <si>
    <t>0.1284623327769303</t>
  </si>
  <si>
    <t>41721</t>
  </si>
  <si>
    <t>9.967498779296875</t>
  </si>
  <si>
    <t>1061.160888671875</t>
  </si>
  <si>
    <t>0.008907994190449742</t>
  </si>
  <si>
    <t>10.328500747680664</t>
  </si>
  <si>
    <t>1318.5279541015625</t>
  </si>
  <si>
    <t>0.04386904811621406</t>
  </si>
  <si>
    <t>43674</t>
  </si>
  <si>
    <t>10.303486824035645</t>
  </si>
  <si>
    <t>1172.8729248046875</t>
  </si>
  <si>
    <t>0.0018793120833784371</t>
  </si>
  <si>
    <t>41022</t>
  </si>
  <si>
    <t>9.603404998779297</t>
  </si>
  <si>
    <t>1302.2947998046875</t>
  </si>
  <si>
    <t>-0.06264445120446283</t>
  </si>
  <si>
    <t>38855</t>
  </si>
  <si>
    <t>9.633543014526367</t>
  </si>
  <si>
    <t>1334.4718017578125</t>
  </si>
  <si>
    <t>-0.05427173949850683</t>
  </si>
  <si>
    <t>41939</t>
  </si>
  <si>
    <t>8.88099193572998</t>
  </si>
  <si>
    <t>1066.8231201171875</t>
  </si>
  <si>
    <t>0.07637941294222905</t>
  </si>
  <si>
    <t>45272</t>
  </si>
  <si>
    <t>10.087416648864746</t>
  </si>
  <si>
    <t>1320.94384765625</t>
  </si>
  <si>
    <t>0.07647255823678734</t>
  </si>
  <si>
    <t>44875</t>
  </si>
  <si>
    <t>9.450289726257324</t>
  </si>
  <si>
    <t>1241.572998046875</t>
  </si>
  <si>
    <t>-0.008807893031779201</t>
  </si>
  <si>
    <t>9.593186378479004</t>
  </si>
  <si>
    <t>1205.3902587890625</t>
  </si>
  <si>
    <t>-0.13319082189471665</t>
  </si>
  <si>
    <t>43208</t>
  </si>
  <si>
    <t>10.200480461120605</t>
  </si>
  <si>
    <t>1299.4891357421875</t>
  </si>
  <si>
    <t>0.09533563837686287</t>
  </si>
  <si>
    <t>48387</t>
  </si>
  <si>
    <t>9.61121654510498</t>
  </si>
  <si>
    <t>1451.80615234375</t>
  </si>
  <si>
    <t>0.11320551931256517</t>
  </si>
  <si>
    <t>9.865096092224121</t>
  </si>
  <si>
    <t>1047.1171875</t>
  </si>
  <si>
    <t>-0.14063342374696397</t>
  </si>
  <si>
    <t>10.052891731262207</t>
  </si>
  <si>
    <t>1338.43017578125</t>
  </si>
  <si>
    <t>0.029115980775554107</t>
  </si>
  <si>
    <t>9.83035659790039</t>
  </si>
  <si>
    <t>1148.1746826171875</t>
  </si>
  <si>
    <t>-0.0046084631658374065</t>
  </si>
  <si>
    <t>43693</t>
  </si>
  <si>
    <t>10.06793212890625</t>
  </si>
  <si>
    <t>1319.561279296875</t>
  </si>
  <si>
    <t>0.014082629738597419</t>
  </si>
  <si>
    <t>9.747221946716309</t>
  </si>
  <si>
    <t>1424.5340576171875</t>
  </si>
  <si>
    <t>0.06912255585826088</t>
  </si>
  <si>
    <t>53398</t>
  </si>
  <si>
    <t>10.209598541259766</t>
  </si>
  <si>
    <t>1086.828125</t>
  </si>
  <si>
    <t>0.13146283001847436</t>
  </si>
  <si>
    <t>57371</t>
  </si>
  <si>
    <t>10.460217475891113</t>
  </si>
  <si>
    <t>1255.2117919921875</t>
  </si>
  <si>
    <t>0.07176565709354321</t>
  </si>
  <si>
    <t>IRN</t>
  </si>
  <si>
    <t>15.016528129577637</t>
  </si>
  <si>
    <t>265.0025329589844</t>
  </si>
  <si>
    <t>1122.111083984375</t>
  </si>
  <si>
    <t>Alborz</t>
  </si>
  <si>
    <t>Iran</t>
  </si>
  <si>
    <t>14.357215881347656</t>
  </si>
  <si>
    <t>405.51922607421875</t>
  </si>
  <si>
    <t>0.08211350735015444</t>
  </si>
  <si>
    <t>13.372767448425293</t>
  </si>
  <si>
    <t>439.9875183105469</t>
  </si>
  <si>
    <t>0.009902723483317999</t>
  </si>
  <si>
    <t>14.326947212219238</t>
  </si>
  <si>
    <t>443.2192077636719</t>
  </si>
  <si>
    <t>-0.02035636782752448</t>
  </si>
  <si>
    <t>14.936369895935059</t>
  </si>
  <si>
    <t>405.22833251953125</t>
  </si>
  <si>
    <t>-0.01997213318691493</t>
  </si>
  <si>
    <t>8773</t>
  </si>
  <si>
    <t>14.76461410522461</t>
  </si>
  <si>
    <t>311.2001037597656</t>
  </si>
  <si>
    <t>0.011233497313323682</t>
  </si>
  <si>
    <t>9218</t>
  </si>
  <si>
    <t>15.075261116027832</t>
  </si>
  <si>
    <t>513.32275390625</t>
  </si>
  <si>
    <t>0.04947927115207129</t>
  </si>
  <si>
    <t>14.704747200012207</t>
  </si>
  <si>
    <t>303.646240234375</t>
  </si>
  <si>
    <t>0.0003253972586865217</t>
  </si>
  <si>
    <t>15.896985054016113</t>
  </si>
  <si>
    <t>477.41107177734375</t>
  </si>
  <si>
    <t>0.006054727114131353</t>
  </si>
  <si>
    <t>15.7473783493042</t>
  </si>
  <si>
    <t>422.8188781738281</t>
  </si>
  <si>
    <t>0.004946246643420693</t>
  </si>
  <si>
    <t>9716</t>
  </si>
  <si>
    <t>15.53610610961914</t>
  </si>
  <si>
    <t>521.28759765625</t>
  </si>
  <si>
    <t>0.0412895458253697</t>
  </si>
  <si>
    <t>10390</t>
  </si>
  <si>
    <t>16.082523345947266</t>
  </si>
  <si>
    <t>311.7644348144531</t>
  </si>
  <si>
    <t>0.0670697939712106</t>
  </si>
  <si>
    <t>10878</t>
  </si>
  <si>
    <t>15.822836875915527</t>
  </si>
  <si>
    <t>356.1961975097656</t>
  </si>
  <si>
    <t>0.04589859588963208</t>
  </si>
  <si>
    <t>11961</t>
  </si>
  <si>
    <t>15.197391510009766</t>
  </si>
  <si>
    <t>494.9508361816406</t>
  </si>
  <si>
    <t>0.09490895606655947</t>
  </si>
  <si>
    <t>15.124077796936035</t>
  </si>
  <si>
    <t>438.4706115722656</t>
  </si>
  <si>
    <t>-0.01618240117180214</t>
  </si>
  <si>
    <t>15.255953788757324</t>
  </si>
  <si>
    <t>398.7574157714844</t>
  </si>
  <si>
    <t>-0.011279278769585233</t>
  </si>
  <si>
    <t>13747</t>
  </si>
  <si>
    <t>15.706271171569824</t>
  </si>
  <si>
    <t>401.3666076660156</t>
  </si>
  <si>
    <t>0.16663094136334244</t>
  </si>
  <si>
    <t>14802</t>
  </si>
  <si>
    <t>14.387717247009277</t>
  </si>
  <si>
    <t>460.22332763671875</t>
  </si>
  <si>
    <t>0.07394168828599135</t>
  </si>
  <si>
    <t>15794</t>
  </si>
  <si>
    <t>15.791644096374512</t>
  </si>
  <si>
    <t>312.5890197753906</t>
  </si>
  <si>
    <t>0.0648678143001149</t>
  </si>
  <si>
    <t>15.560450553894043</t>
  </si>
  <si>
    <t>476.030517578125</t>
  </si>
  <si>
    <t>0.04766191467646941</t>
  </si>
  <si>
    <t>16497</t>
  </si>
  <si>
    <t>16.323633193969727</t>
  </si>
  <si>
    <t>386.7102966308594</t>
  </si>
  <si>
    <t>-0.004113489558070782</t>
  </si>
  <si>
    <t>13544</t>
  </si>
  <si>
    <t>15.010361671447754</t>
  </si>
  <si>
    <t>540.65673828125</t>
  </si>
  <si>
    <t>-0.19723490136295396</t>
  </si>
  <si>
    <t>15.023972511291504</t>
  </si>
  <si>
    <t>467.1430358886719</t>
  </si>
  <si>
    <t>-0.009868379102030644</t>
  </si>
  <si>
    <t>13352</t>
  </si>
  <si>
    <t>15.834635734558105</t>
  </si>
  <si>
    <t>338.48486328125</t>
  </si>
  <si>
    <t>-0.004409079369269264</t>
  </si>
  <si>
    <t>15.906523704528809</t>
  </si>
  <si>
    <t>297.75732421875</t>
  </si>
  <si>
    <t>0.1467192145387486</t>
  </si>
  <si>
    <t>14469</t>
  </si>
  <si>
    <t>16.12396240234375</t>
  </si>
  <si>
    <t>399.9597473144531</t>
  </si>
  <si>
    <t>-0.06637697114333818</t>
  </si>
  <si>
    <t>13386</t>
  </si>
  <si>
    <t>15.741806030273438</t>
  </si>
  <si>
    <t>356.2687072753906</t>
  </si>
  <si>
    <t>-0.07779904507649427</t>
  </si>
  <si>
    <t>13145</t>
  </si>
  <si>
    <t>16.133817672729492</t>
  </si>
  <si>
    <t>305.7283630371094</t>
  </si>
  <si>
    <t>-0.018167926496605702</t>
  </si>
  <si>
    <t>16.648555755615234</t>
  </si>
  <si>
    <t>411.7065734863281</t>
  </si>
  <si>
    <t>-0.03215860329354747</t>
  </si>
  <si>
    <t>12196</t>
  </si>
  <si>
    <t>15.76909351348877</t>
  </si>
  <si>
    <t>436.9820556640625</t>
  </si>
  <si>
    <t>-0.042774825762288415</t>
  </si>
  <si>
    <t>12491</t>
  </si>
  <si>
    <t>15.714244842529297</t>
  </si>
  <si>
    <t>467.4078369140625</t>
  </si>
  <si>
    <t>0.023900355857763955</t>
  </si>
  <si>
    <t>16.97653579711914</t>
  </si>
  <si>
    <t>259.4033203125</t>
  </si>
  <si>
    <t>0.03824723121520357</t>
  </si>
  <si>
    <t>16.275592803955078</t>
  </si>
  <si>
    <t>299.3089294433594</t>
  </si>
  <si>
    <t>0.029383733391906475</t>
  </si>
  <si>
    <t>10.896892547607422</t>
  </si>
  <si>
    <t>532.272216796875</t>
  </si>
  <si>
    <t>413.9932861328125</t>
  </si>
  <si>
    <t>Ardebil</t>
  </si>
  <si>
    <t>10.466174125671387</t>
  </si>
  <si>
    <t>514.2628784179688</t>
  </si>
  <si>
    <t>0.08207833178613377</t>
  </si>
  <si>
    <t>5959</t>
  </si>
  <si>
    <t>9.629326820373535</t>
  </si>
  <si>
    <t>720.7545776367188</t>
  </si>
  <si>
    <t>0.009780853689811408</t>
  </si>
  <si>
    <t>5840</t>
  </si>
  <si>
    <t>9.661974906921387</t>
  </si>
  <si>
    <t>694.8341674804688</t>
  </si>
  <si>
    <t>-0.02017188492470723</t>
  </si>
  <si>
    <t>5724</t>
  </si>
  <si>
    <t>10.287242889404297</t>
  </si>
  <si>
    <t>612.3305053710938</t>
  </si>
  <si>
    <t>-0.020062935145929828</t>
  </si>
  <si>
    <t>11.176262855529785</t>
  </si>
  <si>
    <t>453.3482666015625</t>
  </si>
  <si>
    <t>0.011291703402662279</t>
  </si>
  <si>
    <t>10.884406089782715</t>
  </si>
  <si>
    <t>532.3199462890625</t>
  </si>
  <si>
    <t>0.04953843024170013</t>
  </si>
  <si>
    <t>10.75133991241455</t>
  </si>
  <si>
    <t>581.9794921875</t>
  </si>
  <si>
    <t>0.00016437905847865864</t>
  </si>
  <si>
    <t>11.7854585647583</t>
  </si>
  <si>
    <t>522.3182983398438</t>
  </si>
  <si>
    <t>0.006063107471886653</t>
  </si>
  <si>
    <t>6152</t>
  </si>
  <si>
    <t>11.423927307128906</t>
  </si>
  <si>
    <t>588.8069458007812</t>
  </si>
  <si>
    <t>0.005051750334409633</t>
  </si>
  <si>
    <t>11.328160285949707</t>
  </si>
  <si>
    <t>542.4698486328125</t>
  </si>
  <si>
    <t>0.04123803280177718</t>
  </si>
  <si>
    <t>11.732990264892578</t>
  </si>
  <si>
    <t>510.4418640136719</t>
  </si>
  <si>
    <t>0.01624542573467913</t>
  </si>
  <si>
    <t>7094</t>
  </si>
  <si>
    <t>11.295392036437988</t>
  </si>
  <si>
    <t>547.9736938476562</t>
  </si>
  <si>
    <t>0.08498866561163076</t>
  </si>
  <si>
    <t>10.721060752868652</t>
  </si>
  <si>
    <t>662.3195190429688</t>
  </si>
  <si>
    <t>0.09922387889220907</t>
  </si>
  <si>
    <t>7596</t>
  </si>
  <si>
    <t>11.398066520690918</t>
  </si>
  <si>
    <t>714.1369018554688</t>
  </si>
  <si>
    <t>-0.030851442293599263</t>
  </si>
  <si>
    <t>7581</t>
  </si>
  <si>
    <t>11.25656795501709</t>
  </si>
  <si>
    <t>549.822021484375</t>
  </si>
  <si>
    <t>-0.001976675875873468</t>
  </si>
  <si>
    <t>11.77585220336914</t>
  </si>
  <si>
    <t>529.5004272460938</t>
  </si>
  <si>
    <t>0.021402356794665067</t>
  </si>
  <si>
    <t>8361</t>
  </si>
  <si>
    <t>10.818230628967285</t>
  </si>
  <si>
    <t>644.67236328125</t>
  </si>
  <si>
    <t>0.07653056329908914</t>
  </si>
  <si>
    <t>11.498051643371582</t>
  </si>
  <si>
    <t>497.8271484375</t>
  </si>
  <si>
    <t>0.03928511265098855</t>
  </si>
  <si>
    <t>11.425036430358887</t>
  </si>
  <si>
    <t>554.9487915039062</t>
  </si>
  <si>
    <t>0.056231632676110976</t>
  </si>
  <si>
    <t>12.3250732421875</t>
  </si>
  <si>
    <t>532.5006713867188</t>
  </si>
  <si>
    <t>0.005744961874173171</t>
  </si>
  <si>
    <t>9424</t>
  </si>
  <si>
    <t>10.650477409362793</t>
  </si>
  <si>
    <t>704.2488403320312</t>
  </si>
  <si>
    <t>0.018419882540037236</t>
  </si>
  <si>
    <t>9914</t>
  </si>
  <si>
    <t>11.793766975402832</t>
  </si>
  <si>
    <t>587.3306274414062</t>
  </si>
  <si>
    <t>0.050688272689152214</t>
  </si>
  <si>
    <t>10374</t>
  </si>
  <si>
    <t>11.513030052185059</t>
  </si>
  <si>
    <t>526.810546875</t>
  </si>
  <si>
    <t>0.04535477633082685</t>
  </si>
  <si>
    <t>11.379203796386719</t>
  </si>
  <si>
    <t>542.7274169921875</t>
  </si>
  <si>
    <t>0.05877439852405786</t>
  </si>
  <si>
    <t>11.682866096496582</t>
  </si>
  <si>
    <t>636.7890014648438</t>
  </si>
  <si>
    <t>-0.13725191570745388</t>
  </si>
  <si>
    <t>11.148064613342285</t>
  </si>
  <si>
    <t>596.5858154296875</t>
  </si>
  <si>
    <t>0.02867469469957662</t>
  </si>
  <si>
    <t>11.526077270507812</t>
  </si>
  <si>
    <t>504.95611572265625</t>
  </si>
  <si>
    <t>0.006966558540478118</t>
  </si>
  <si>
    <t>12.06848430633545</t>
  </si>
  <si>
    <t>555.3253173828125</t>
  </si>
  <si>
    <t>-0.03220643331349038</t>
  </si>
  <si>
    <t>11.853511810302734</t>
  </si>
  <si>
    <t>566.7681884765625</t>
  </si>
  <si>
    <t>-0.04277648711537374</t>
  </si>
  <si>
    <t>11.440508842468262</t>
  </si>
  <si>
    <t>593.8026733398438</t>
  </si>
  <si>
    <t>0.023896127666262146</t>
  </si>
  <si>
    <t>12.009249687194824</t>
  </si>
  <si>
    <t>546.3328247070312</t>
  </si>
  <si>
    <t>0.038226507172977264</t>
  </si>
  <si>
    <t>10105</t>
  </si>
  <si>
    <t>11.906105995178223</t>
  </si>
  <si>
    <t>486.8394775390625</t>
  </si>
  <si>
    <t>0.029424224459340564</t>
  </si>
  <si>
    <t>17.362329483032227</t>
  </si>
  <si>
    <t>144.5271453857422</t>
  </si>
  <si>
    <t>483.77203369140625</t>
  </si>
  <si>
    <t>Bushehr</t>
  </si>
  <si>
    <t>9005</t>
  </si>
  <si>
    <t>16.821332931518555</t>
  </si>
  <si>
    <t>207.54998779296875</t>
  </si>
  <si>
    <t>0.0821270549855111</t>
  </si>
  <si>
    <t>16.42544937133789</t>
  </si>
  <si>
    <t>198.89480590820312</t>
  </si>
  <si>
    <t>0.00994483334216767</t>
  </si>
  <si>
    <t>17.225038528442383</t>
  </si>
  <si>
    <t>113.7388916015625</t>
  </si>
  <si>
    <t>-0.020326128785157493</t>
  </si>
  <si>
    <t>17.3341007232666</t>
  </si>
  <si>
    <t>152.8309783935547</t>
  </si>
  <si>
    <t>-0.020060739598909194</t>
  </si>
  <si>
    <t>8834</t>
  </si>
  <si>
    <t>16.945512771606445</t>
  </si>
  <si>
    <t>247.5333709716797</t>
  </si>
  <si>
    <t>0.011269969588315831</t>
  </si>
  <si>
    <t>17.434484481811523</t>
  </si>
  <si>
    <t>159.8681640625</t>
  </si>
  <si>
    <t>0.04957685724346028</t>
  </si>
  <si>
    <t>16.96817970275879</t>
  </si>
  <si>
    <t>252.90121459960938</t>
  </si>
  <si>
    <t>0.0002154243868730532</t>
  </si>
  <si>
    <t>18.009069442749023</t>
  </si>
  <si>
    <t>108.42012786865234</t>
  </si>
  <si>
    <t>0.006013118086043434</t>
  </si>
  <si>
    <t>17.89518928527832</t>
  </si>
  <si>
    <t>197.89984130859375</t>
  </si>
  <si>
    <t>0.005018965098065209</t>
  </si>
  <si>
    <t>17.57242774963379</t>
  </si>
  <si>
    <t>144.7760772705078</t>
  </si>
  <si>
    <t>0.04141832285926128</t>
  </si>
  <si>
    <t>11771</t>
  </si>
  <si>
    <t>17.953500747680664</t>
  </si>
  <si>
    <t>215.57835388183594</t>
  </si>
  <si>
    <t>0.18478827858230495</t>
  </si>
  <si>
    <t>13946</t>
  </si>
  <si>
    <t>17.770761489868164</t>
  </si>
  <si>
    <t>154.817138671875</t>
  </si>
  <si>
    <t>0.16955384936847473</t>
  </si>
  <si>
    <t>35115</t>
  </si>
  <si>
    <t>17.884645462036133</t>
  </si>
  <si>
    <t>257.88165283203125</t>
  </si>
  <si>
    <t>0.9234356608121654</t>
  </si>
  <si>
    <t>35490</t>
  </si>
  <si>
    <t>17.563135147094727</t>
  </si>
  <si>
    <t>229.08477783203125</t>
  </si>
  <si>
    <t>0.010622577047421089</t>
  </si>
  <si>
    <t>24985</t>
  </si>
  <si>
    <t>17.5809268951416</t>
  </si>
  <si>
    <t>145.776611328125</t>
  </si>
  <si>
    <t>-0.35097532186223646</t>
  </si>
  <si>
    <t>23272</t>
  </si>
  <si>
    <t>17.640424728393555</t>
  </si>
  <si>
    <t>168.95864868164062</t>
  </si>
  <si>
    <t>-0.0710247236032675</t>
  </si>
  <si>
    <t>17.661758422851562</t>
  </si>
  <si>
    <t>137.07908630371094</t>
  </si>
  <si>
    <t>0.2512428088949399</t>
  </si>
  <si>
    <t>27532</t>
  </si>
  <si>
    <t>17.8017520904541</t>
  </si>
  <si>
    <t>49.353004455566406</t>
  </si>
  <si>
    <t>-0.08314476555172234</t>
  </si>
  <si>
    <t>18.054468154907227</t>
  </si>
  <si>
    <t>172.30714416503906</t>
  </si>
  <si>
    <t>-0.10261194362732695</t>
  </si>
  <si>
    <t>34552</t>
  </si>
  <si>
    <t>18.3944149017334</t>
  </si>
  <si>
    <t>87.84635925292969</t>
  </si>
  <si>
    <t>0.32972841474960823</t>
  </si>
  <si>
    <t>17.609289169311523</t>
  </si>
  <si>
    <t>110.338623046875</t>
  </si>
  <si>
    <t>0.15266941261804412</t>
  </si>
  <si>
    <t>39781</t>
  </si>
  <si>
    <t>17.957077026367188</t>
  </si>
  <si>
    <t>179.9633026123047</t>
  </si>
  <si>
    <t>-0.011745436906146267</t>
  </si>
  <si>
    <t>44009</t>
  </si>
  <si>
    <t>17.611343383789062</t>
  </si>
  <si>
    <t>180.7419891357422</t>
  </si>
  <si>
    <t>0.10100474708593943</t>
  </si>
  <si>
    <t>17.902956008911133</t>
  </si>
  <si>
    <t>125.6812744140625</t>
  </si>
  <si>
    <t>-0.07094405040809626</t>
  </si>
  <si>
    <t>43103</t>
  </si>
  <si>
    <t>17.997840881347656</t>
  </si>
  <si>
    <t>151.4153594970703</t>
  </si>
  <si>
    <t>0.05014249220765166</t>
  </si>
  <si>
    <t>62066</t>
  </si>
  <si>
    <t>18.150983810424805</t>
  </si>
  <si>
    <t>110.95073699951172</t>
  </si>
  <si>
    <t>0.3646057347228169</t>
  </si>
  <si>
    <t>57561</t>
  </si>
  <si>
    <t>18.116554260253906</t>
  </si>
  <si>
    <t>147.3822784423828</t>
  </si>
  <si>
    <t>-0.07535307993453699</t>
  </si>
  <si>
    <t>55737</t>
  </si>
  <si>
    <t>18.471864700317383</t>
  </si>
  <si>
    <t>171.27757263183594</t>
  </si>
  <si>
    <t>-0.032201055751929886</t>
  </si>
  <si>
    <t>53405</t>
  </si>
  <si>
    <t>17.95676040649414</t>
  </si>
  <si>
    <t>198.17300415039062</t>
  </si>
  <si>
    <t>-0.04273982475048399</t>
  </si>
  <si>
    <t>54696</t>
  </si>
  <si>
    <t>17.97410011291504</t>
  </si>
  <si>
    <t>139.02586364746094</t>
  </si>
  <si>
    <t>0.02388620606983416</t>
  </si>
  <si>
    <t>56830</t>
  </si>
  <si>
    <t>18.706533432006836</t>
  </si>
  <si>
    <t>145.72918701171875</t>
  </si>
  <si>
    <t>0.03827377469753834</t>
  </si>
  <si>
    <t>58522</t>
  </si>
  <si>
    <t>18.38684844970703</t>
  </si>
  <si>
    <t>178.74169921875</t>
  </si>
  <si>
    <t>0.029338396608860506</t>
  </si>
  <si>
    <t>14.183283805847168</t>
  </si>
  <si>
    <t>169.2593994140625</t>
  </si>
  <si>
    <t>331.0178527832031</t>
  </si>
  <si>
    <t>Chahar Mahall and Bakhtiari</t>
  </si>
  <si>
    <t>13.459590911865234</t>
  </si>
  <si>
    <t>328.84979248046875</t>
  </si>
  <si>
    <t>12.622353553771973</t>
  </si>
  <si>
    <t>313.29327392578125</t>
  </si>
  <si>
    <t>0.009804000096620413</t>
  </si>
  <si>
    <t>13.727928161621094</t>
  </si>
  <si>
    <t>313.88824462890625</t>
  </si>
  <si>
    <t>-0.020279288723591193</t>
  </si>
  <si>
    <t>14.09423542022705</t>
  </si>
  <si>
    <t>237.84291076660156</t>
  </si>
  <si>
    <t>-0.019917510402745364</t>
  </si>
  <si>
    <t>13.772419929504395</t>
  </si>
  <si>
    <t>300.9051208496094</t>
  </si>
  <si>
    <t>0.011071298868348123</t>
  </si>
  <si>
    <t>5440</t>
  </si>
  <si>
    <t>14.289864540100098</t>
  </si>
  <si>
    <t>333.9637756347656</t>
  </si>
  <si>
    <t>0.04955332294808734</t>
  </si>
  <si>
    <t>13.7705078125</t>
  </si>
  <si>
    <t>271.39263916015625</t>
  </si>
  <si>
    <t>0.00036757949320254113</t>
  </si>
  <si>
    <t>5475</t>
  </si>
  <si>
    <t>15.085326194763184</t>
  </si>
  <si>
    <t>242.58331298828125</t>
  </si>
  <si>
    <t>0.006045635341509481</t>
  </si>
  <si>
    <t>14.92762279510498</t>
  </si>
  <si>
    <t>253.04925537109375</t>
  </si>
  <si>
    <t>0.004919386799818071</t>
  </si>
  <si>
    <t>5734</t>
  </si>
  <si>
    <t>14.594794273376465</t>
  </si>
  <si>
    <t>214.2587890625</t>
  </si>
  <si>
    <t>0.04130170495879604</t>
  </si>
  <si>
    <t>15.13003158569336</t>
  </si>
  <si>
    <t>294.8955993652344</t>
  </si>
  <si>
    <t>0.07474307861766505</t>
  </si>
  <si>
    <t>6508</t>
  </si>
  <si>
    <t>14.809517860412598</t>
  </si>
  <si>
    <t>229.14695739746094</t>
  </si>
  <si>
    <t>0.051875743277948416</t>
  </si>
  <si>
    <t>6960</t>
  </si>
  <si>
    <t>14.4802885055542</t>
  </si>
  <si>
    <t>338.00390625</t>
  </si>
  <si>
    <t>0.06714728498953626</t>
  </si>
  <si>
    <t>14.159427642822266</t>
  </si>
  <si>
    <t>357.4665832519531</t>
  </si>
  <si>
    <t>-0.04541225504404345</t>
  </si>
  <si>
    <t>14.351577758789062</t>
  </si>
  <si>
    <t>242.30874633789062</t>
  </si>
  <si>
    <t>0.0743012648961816</t>
  </si>
  <si>
    <t>7312</t>
  </si>
  <si>
    <t>14.372238159179688</t>
  </si>
  <si>
    <t>265.5076904296875</t>
  </si>
  <si>
    <t>0.020448349953383627</t>
  </si>
  <si>
    <t>7833</t>
  </si>
  <si>
    <t>13.921157836914062</t>
  </si>
  <si>
    <t>285.49420166015625</t>
  </si>
  <si>
    <t>0.06882874423325269</t>
  </si>
  <si>
    <t>14.724452018737793</t>
  </si>
  <si>
    <t>127.37745666503906</t>
  </si>
  <si>
    <t>0.045544643697043696</t>
  </si>
  <si>
    <t>14.795226097106934</t>
  </si>
  <si>
    <t>293.596923828125</t>
  </si>
  <si>
    <t>0.06926932347144188</t>
  </si>
  <si>
    <t>15.308784484863281</t>
  </si>
  <si>
    <t>173.7711944580078</t>
  </si>
  <si>
    <t>0.02094907110437383</t>
  </si>
  <si>
    <t>9545</t>
  </si>
  <si>
    <t>14.301498413085938</t>
  </si>
  <si>
    <t>201.61233520507812</t>
  </si>
  <si>
    <t>0.061908840519748765</t>
  </si>
  <si>
    <t>9747</t>
  </si>
  <si>
    <t>14.323009490966797</t>
  </si>
  <si>
    <t>284.1642761230469</t>
  </si>
  <si>
    <t>0.020942088177362095</t>
  </si>
  <si>
    <t>14.32142162322998</t>
  </si>
  <si>
    <t>230.12037658691406</t>
  </si>
  <si>
    <t>-0.11352158377118471</t>
  </si>
  <si>
    <t>14.993681907653809</t>
  </si>
  <si>
    <t>216.57550048828125</t>
  </si>
  <si>
    <t>0.022500949290837013</t>
  </si>
  <si>
    <t>8729</t>
  </si>
  <si>
    <t>15.176615715026855</t>
  </si>
  <si>
    <t>257.9124450683594</t>
  </si>
  <si>
    <t>-0.019288095121511972</t>
  </si>
  <si>
    <t>15.22344970703125</t>
  </si>
  <si>
    <t>269.8467102050781</t>
  </si>
  <si>
    <t>-0.012217763783025859</t>
  </si>
  <si>
    <t>15.248313903808594</t>
  </si>
  <si>
    <t>244.11904907226562</t>
  </si>
  <si>
    <t>0.022135200440372316</t>
  </si>
  <si>
    <t>8537</t>
  </si>
  <si>
    <t>15.771862030029297</t>
  </si>
  <si>
    <t>320.37274169921875</t>
  </si>
  <si>
    <t>-0.03215859438238944</t>
  </si>
  <si>
    <t>8180</t>
  </si>
  <si>
    <t>15.005476951599121</t>
  </si>
  <si>
    <t>280.0767517089844</t>
  </si>
  <si>
    <t>-0.042717507413513545</t>
  </si>
  <si>
    <t>14.996232032775879</t>
  </si>
  <si>
    <t>263.8847351074219</t>
  </si>
  <si>
    <t>0.023917071910187104</t>
  </si>
  <si>
    <t>16.128841400146484</t>
  </si>
  <si>
    <t>193.98927307128906</t>
  </si>
  <si>
    <t>0.03817346758874329</t>
  </si>
  <si>
    <t>15.498409271240234</t>
  </si>
  <si>
    <t>233.95970153808594</t>
  </si>
  <si>
    <t>0.02943386582509433</t>
  </si>
  <si>
    <t>1519</t>
  </si>
  <si>
    <t>10.599273681640625</t>
  </si>
  <si>
    <t>263.87347412109375</t>
  </si>
  <si>
    <t>1925.662109375</t>
  </si>
  <si>
    <t>East Azarbaijan</t>
  </si>
  <si>
    <t>10.212587356567383</t>
  </si>
  <si>
    <t>413.36480712890625</t>
  </si>
  <si>
    <t>0.08215225887098576</t>
  </si>
  <si>
    <t>9.1528959274292</t>
  </si>
  <si>
    <t>410.5147705078125</t>
  </si>
  <si>
    <t>0.009965204538397998</t>
  </si>
  <si>
    <t>9.692789077758789</t>
  </si>
  <si>
    <t>548.697509765625</t>
  </si>
  <si>
    <t>-0.02028365521747233</t>
  </si>
  <si>
    <t>10.415181159973145</t>
  </si>
  <si>
    <t>461.6972351074219</t>
  </si>
  <si>
    <t>-0.020058162092681187</t>
  </si>
  <si>
    <t>7836</t>
  </si>
  <si>
    <t>10.790706634521484</t>
  </si>
  <si>
    <t>333.9909973144531</t>
  </si>
  <si>
    <t>0.011164697300481308</t>
  </si>
  <si>
    <t>10.926835060119629</t>
  </si>
  <si>
    <t>343.9591369628906</t>
  </si>
  <si>
    <t>0.04954342326541905</t>
  </si>
  <si>
    <t>10.306748390197754</t>
  </si>
  <si>
    <t>334.6519470214844</t>
  </si>
  <si>
    <t>0.00024286581782995142</t>
  </si>
  <si>
    <t>11.739167213439941</t>
  </si>
  <si>
    <t>303.7489318847656</t>
  </si>
  <si>
    <t>0.006052554489667017</t>
  </si>
  <si>
    <t>11.369790077209473</t>
  </si>
  <si>
    <t>329.90625</t>
  </si>
  <si>
    <t>0.005055987657458516</t>
  </si>
  <si>
    <t>8679</t>
  </si>
  <si>
    <t>11.19515609741211</t>
  </si>
  <si>
    <t>284.0428771972656</t>
  </si>
  <si>
    <t>0.04128298334943992</t>
  </si>
  <si>
    <t>11.757092475891113</t>
  </si>
  <si>
    <t>300.4900207519531</t>
  </si>
  <si>
    <t>0.014413427286061875</t>
  </si>
  <si>
    <t>11.123103141784668</t>
  </si>
  <si>
    <t>383.4543762207031</t>
  </si>
  <si>
    <t>0.07786500075074798</t>
  </si>
  <si>
    <t>10.950111389160156</t>
  </si>
  <si>
    <t>434.8468017578125</t>
  </si>
  <si>
    <t>0.044488305934107686</t>
  </si>
  <si>
    <t>10276</t>
  </si>
  <si>
    <t>10.953070640563965</t>
  </si>
  <si>
    <t>424.9718017578125</t>
  </si>
  <si>
    <t>0.03213803061461107</t>
  </si>
  <si>
    <t>11.189738273620605</t>
  </si>
  <si>
    <t>339.038330078125</t>
  </si>
  <si>
    <t>-0.025028402710104203</t>
  </si>
  <si>
    <t>11.3164701461792</t>
  </si>
  <si>
    <t>369.1116027832031</t>
  </si>
  <si>
    <t>-0.010532220333544728</t>
  </si>
  <si>
    <t>10.558465957641602</t>
  </si>
  <si>
    <t>389.8509216308594</t>
  </si>
  <si>
    <t>0.07468401733159169</t>
  </si>
  <si>
    <t>10610</t>
  </si>
  <si>
    <t>11.46385669708252</t>
  </si>
  <si>
    <t>290.27783203125</t>
  </si>
  <si>
    <t>-0.007137520909687112</t>
  </si>
  <si>
    <t>11.4749174118042</t>
  </si>
  <si>
    <t>363.0862731933594</t>
  </si>
  <si>
    <t>0.019784146594650664</t>
  </si>
  <si>
    <t>10542</t>
  </si>
  <si>
    <t>12.359793663024902</t>
  </si>
  <si>
    <t>348.1988830566406</t>
  </si>
  <si>
    <t>-0.026213820787528874</t>
  </si>
  <si>
    <t>10.557334899902344</t>
  </si>
  <si>
    <t>435.8841857910156</t>
  </si>
  <si>
    <t>0.061171304636877366</t>
  </si>
  <si>
    <t>11.468720436096191</t>
  </si>
  <si>
    <t>411.5565185546875</t>
  </si>
  <si>
    <t>0.01952790129863402</t>
  </si>
  <si>
    <t>11.055571556091309</t>
  </si>
  <si>
    <t>362.71990966796875</t>
  </si>
  <si>
    <t>-0.05985925150386606</t>
  </si>
  <si>
    <t>11.589808464050293</t>
  </si>
  <si>
    <t>360.1424255371094</t>
  </si>
  <si>
    <t>0.009155286586954858</t>
  </si>
  <si>
    <t>11.637484550476074</t>
  </si>
  <si>
    <t>415.0210876464844</t>
  </si>
  <si>
    <t>-0.10145069172319054</t>
  </si>
  <si>
    <t>10.98742389678955</t>
  </si>
  <si>
    <t>416.8785705566406</t>
  </si>
  <si>
    <t>0.1369006466302718</t>
  </si>
  <si>
    <t>11.58541488647461</t>
  </si>
  <si>
    <t>331.4129638671875</t>
  </si>
  <si>
    <t>-0.006149477959299432</t>
  </si>
  <si>
    <t>12.255892753601074</t>
  </si>
  <si>
    <t>454.40142822265625</t>
  </si>
  <si>
    <t>-0.032158280229477754</t>
  </si>
  <si>
    <t>11.602143287658691</t>
  </si>
  <si>
    <t>412.7270812988281</t>
  </si>
  <si>
    <t>-0.0428165352243699</t>
  </si>
  <si>
    <t>10629</t>
  </si>
  <si>
    <t>11.361311912536621</t>
  </si>
  <si>
    <t>421.0036315917969</t>
  </si>
  <si>
    <t>0.023897933605896426</t>
  </si>
  <si>
    <t>11044</t>
  </si>
  <si>
    <t>12.126354217529297</t>
  </si>
  <si>
    <t>318.9216613769531</t>
  </si>
  <si>
    <t>0.038301179516462724</t>
  </si>
  <si>
    <t>11373</t>
  </si>
  <si>
    <t>11.93786334991455</t>
  </si>
  <si>
    <t>289.13983154296875</t>
  </si>
  <si>
    <t>0.029354831134400072</t>
  </si>
  <si>
    <t>16.210561752319336</t>
  </si>
  <si>
    <t>108.59251403808594</t>
  </si>
  <si>
    <t>1732.6160888671875</t>
  </si>
  <si>
    <t>Esfahan</t>
  </si>
  <si>
    <t>15.320612907409668</t>
  </si>
  <si>
    <t>210.1903533935547</t>
  </si>
  <si>
    <t>0.08213759796888809</t>
  </si>
  <si>
    <t>14.343743324279785</t>
  </si>
  <si>
    <t>205.13075256347656</t>
  </si>
  <si>
    <t>0.009820682750831367</t>
  </si>
  <si>
    <t>15.478318214416504</t>
  </si>
  <si>
    <t>187.9161834716797</t>
  </si>
  <si>
    <t>-0.02023232773191097</t>
  </si>
  <si>
    <t>15.914084434509277</t>
  </si>
  <si>
    <t>142.03858947753906</t>
  </si>
  <si>
    <t>-0.020045547794236285</t>
  </si>
  <si>
    <t>10039</t>
  </si>
  <si>
    <t>15.628729820251465</t>
  </si>
  <si>
    <t>188.96075439453125</t>
  </si>
  <si>
    <t>0.011219190101805054</t>
  </si>
  <si>
    <t>10549</t>
  </si>
  <si>
    <t>15.997947692871094</t>
  </si>
  <si>
    <t>211.8260955810547</t>
  </si>
  <si>
    <t>0.0495535609902813</t>
  </si>
  <si>
    <t>10552</t>
  </si>
  <si>
    <t>15.75003433227539</t>
  </si>
  <si>
    <t>149.41639709472656</t>
  </si>
  <si>
    <t>0.00028434671534149913</t>
  </si>
  <si>
    <t>10616</t>
  </si>
  <si>
    <t>16.907236099243164</t>
  </si>
  <si>
    <t>160.51907348632812</t>
  </si>
  <si>
    <t>0.006046881614894417</t>
  </si>
  <si>
    <t>16.71961784362793</t>
  </si>
  <si>
    <t>155.5301971435547</t>
  </si>
  <si>
    <t>0.004980043179417137</t>
  </si>
  <si>
    <t>11119</t>
  </si>
  <si>
    <t>16.466083526611328</t>
  </si>
  <si>
    <t>143.73670959472656</t>
  </si>
  <si>
    <t>0.04131301651178809</t>
  </si>
  <si>
    <t>17.12108612060547</t>
  </si>
  <si>
    <t>175.23133850097656</t>
  </si>
  <si>
    <t>-0.015133268734965455</t>
  </si>
  <si>
    <t>16.796987533569336</t>
  </si>
  <si>
    <t>153.8102569580078</t>
  </si>
  <si>
    <t>0.04586404650004461</t>
  </si>
  <si>
    <t>13339</t>
  </si>
  <si>
    <t>16.30998420715332</t>
  </si>
  <si>
    <t>209.2672119140625</t>
  </si>
  <si>
    <t>0.15130594067271552</t>
  </si>
  <si>
    <t>14303</t>
  </si>
  <si>
    <t>16.27553367614746</t>
  </si>
  <si>
    <t>230.0387420654297</t>
  </si>
  <si>
    <t>0.0697772303138553</t>
  </si>
  <si>
    <t>13926</t>
  </si>
  <si>
    <t>16.368921279907227</t>
  </si>
  <si>
    <t>148.08139038085938</t>
  </si>
  <si>
    <t>-0.02671170895240671</t>
  </si>
  <si>
    <t>13479</t>
  </si>
  <si>
    <t>16.560495376586914</t>
  </si>
  <si>
    <t>173.97930908203125</t>
  </si>
  <si>
    <t>-0.03262467776422362</t>
  </si>
  <si>
    <t>15260</t>
  </si>
  <si>
    <t>15.666619300842285</t>
  </si>
  <si>
    <t>188.31553649902344</t>
  </si>
  <si>
    <t>0.12410210710017822</t>
  </si>
  <si>
    <t>15359</t>
  </si>
  <si>
    <t>16.77715492248535</t>
  </si>
  <si>
    <t>95.41209411621094</t>
  </si>
  <si>
    <t>0.006466595577180101</t>
  </si>
  <si>
    <t>14712</t>
  </si>
  <si>
    <t>16.701566696166992</t>
  </si>
  <si>
    <t>193.3651123046875</t>
  </si>
  <si>
    <t>-0.04303813413146962</t>
  </si>
  <si>
    <t>15537</t>
  </si>
  <si>
    <t>17.28130531311035</t>
  </si>
  <si>
    <t>118.7988052368164</t>
  </si>
  <si>
    <t>0.05456078880784254</t>
  </si>
  <si>
    <t>17082</t>
  </si>
  <si>
    <t>16.181177139282227</t>
  </si>
  <si>
    <t>140.53900146484375</t>
  </si>
  <si>
    <t>0.09480100141409231</t>
  </si>
  <si>
    <t>16.073732376098633</t>
  </si>
  <si>
    <t>192.7834014892578</t>
  </si>
  <si>
    <t>-0.01903018247001853</t>
  </si>
  <si>
    <t>16.547161102294922</t>
  </si>
  <si>
    <t>151.80697631835938</t>
  </si>
  <si>
    <t>-0.011280570838781756</t>
  </si>
  <si>
    <t>15988</t>
  </si>
  <si>
    <t>16.79235076904297</t>
  </si>
  <si>
    <t>140.2625732421875</t>
  </si>
  <si>
    <t>-0.035876083366078504</t>
  </si>
  <si>
    <t>17.004913330078125</t>
  </si>
  <si>
    <t>167.16673278808594</t>
  </si>
  <si>
    <t>-0.2041236798737618</t>
  </si>
  <si>
    <t>14215</t>
  </si>
  <si>
    <t>17.069355010986328</t>
  </si>
  <si>
    <t>138.85516357421875</t>
  </si>
  <si>
    <t>0.08658298412764864</t>
  </si>
  <si>
    <t>14362</t>
  </si>
  <si>
    <t>17.039072036743164</t>
  </si>
  <si>
    <t>157.93411254882812</t>
  </si>
  <si>
    <t>0.010288084585162949</t>
  </si>
  <si>
    <t>17.595962524414062</t>
  </si>
  <si>
    <t>219.86123657226562</t>
  </si>
  <si>
    <t>-0.0321935191916527</t>
  </si>
  <si>
    <t>13325</t>
  </si>
  <si>
    <t>16.720922470092773</t>
  </si>
  <si>
    <t>199.97581481933594</t>
  </si>
  <si>
    <t>-0.04275034044456483</t>
  </si>
  <si>
    <t>16.70417594909668</t>
  </si>
  <si>
    <t>190.34852600097656</t>
  </si>
  <si>
    <t>0.0238777472040681</t>
  </si>
  <si>
    <t>14180</t>
  </si>
  <si>
    <t>17.982471466064453</t>
  </si>
  <si>
    <t>127.2276611328125</t>
  </si>
  <si>
    <t>0.038312803848004506</t>
  </si>
  <si>
    <t>17.222517013549805</t>
  </si>
  <si>
    <t>146.97393798828125</t>
  </si>
  <si>
    <t>0.029325984529911864</t>
  </si>
  <si>
    <t>17.895401000976562</t>
  </si>
  <si>
    <t>232.8336639404297</t>
  </si>
  <si>
    <t>1786.033935546875</t>
  </si>
  <si>
    <t>Fars</t>
  </si>
  <si>
    <t>7100</t>
  </si>
  <si>
    <t>17.14626121520996</t>
  </si>
  <si>
    <t>346.6294250488281</t>
  </si>
  <si>
    <t>0.08200472506819345</t>
  </si>
  <si>
    <t>16.51488494873047</t>
  </si>
  <si>
    <t>342.8875427246094</t>
  </si>
  <si>
    <t>0.009950330853168765</t>
  </si>
  <si>
    <t>17.61020278930664</t>
  </si>
  <si>
    <t>219.20484924316406</t>
  </si>
  <si>
    <t>-0.02028524269037746</t>
  </si>
  <si>
    <t>17.855426788330078</t>
  </si>
  <si>
    <t>278.5073547363281</t>
  </si>
  <si>
    <t>-0.02012429564750029</t>
  </si>
  <si>
    <t>17.286470413208008</t>
  </si>
  <si>
    <t>444.4809875488281</t>
  </si>
  <si>
    <t>0.011262030669207945</t>
  </si>
  <si>
    <t>17.913516998291016</t>
  </si>
  <si>
    <t>308.99285888671875</t>
  </si>
  <si>
    <t>0.04957609938732155</t>
  </si>
  <si>
    <t>7321</t>
  </si>
  <si>
    <t>17.4788818359375</t>
  </si>
  <si>
    <t>363.7651062011719</t>
  </si>
  <si>
    <t>0.00027322404541507694</t>
  </si>
  <si>
    <t>7365</t>
  </si>
  <si>
    <t>18.832292556762695</t>
  </si>
  <si>
    <t>208.7866668701172</t>
  </si>
  <si>
    <t>0.005992119250088024</t>
  </si>
  <si>
    <t>18.663578033447266</t>
  </si>
  <si>
    <t>316.28997802734375</t>
  </si>
  <si>
    <t>0.005011184049370954</t>
  </si>
  <si>
    <t>18.263134002685547</t>
  </si>
  <si>
    <t>185.08184814453125</t>
  </si>
  <si>
    <t>0.04141625185116027</t>
  </si>
  <si>
    <t>18.840734481811523</t>
  </si>
  <si>
    <t>292.67059326171875</t>
  </si>
  <si>
    <t>0.05128681348515052</t>
  </si>
  <si>
    <t>9088</t>
  </si>
  <si>
    <t>18.524206161499023</t>
  </si>
  <si>
    <t>234.56298828125</t>
  </si>
  <si>
    <t>0.11250156267852063</t>
  </si>
  <si>
    <t>18.6378116607666</t>
  </si>
  <si>
    <t>402.024658203125</t>
  </si>
  <si>
    <t>0.08071961827949536</t>
  </si>
  <si>
    <t>18.30783462524414</t>
  </si>
  <si>
    <t>359.2245788574219</t>
  </si>
  <si>
    <t>0.011605155727028915</t>
  </si>
  <si>
    <t>18.316505432128906</t>
  </si>
  <si>
    <t>208.65008544921875</t>
  </si>
  <si>
    <t>-0.028185210082645185</t>
  </si>
  <si>
    <t>9819</t>
  </si>
  <si>
    <t>18.289331436157227</t>
  </si>
  <si>
    <t>263.0825500488281</t>
  </si>
  <si>
    <t>0.013224858284479168</t>
  </si>
  <si>
    <t>18.243078231811523</t>
  </si>
  <si>
    <t>249.62249755859375</t>
  </si>
  <si>
    <t>0.04753330648746079</t>
  </si>
  <si>
    <t>9940</t>
  </si>
  <si>
    <t>18.620361328125</t>
  </si>
  <si>
    <t>76.21233367919922</t>
  </si>
  <si>
    <t>-0.035285570006131195</t>
  </si>
  <si>
    <t>18.89499282836914</t>
  </si>
  <si>
    <t>285.13421630859375</t>
  </si>
  <si>
    <t>0.016463330187100667</t>
  </si>
  <si>
    <t>10844</t>
  </si>
  <si>
    <t>19.316869735717773</t>
  </si>
  <si>
    <t>146.69039916992188</t>
  </si>
  <si>
    <t>0.07058158078083565</t>
  </si>
  <si>
    <t>18.3082218170166</t>
  </si>
  <si>
    <t>212.44784545898438</t>
  </si>
  <si>
    <t>0.08143208905532973</t>
  </si>
  <si>
    <t>12063</t>
  </si>
  <si>
    <t>18.61215591430664</t>
  </si>
  <si>
    <t>295.4908142089844</t>
  </si>
  <si>
    <t>0.02509889589149772</t>
  </si>
  <si>
    <t>11905</t>
  </si>
  <si>
    <t>18.325597763061523</t>
  </si>
  <si>
    <t>290.81427001953125</t>
  </si>
  <si>
    <t>-0.013184436644420927</t>
  </si>
  <si>
    <t>12483</t>
  </si>
  <si>
    <t>18.677106857299805</t>
  </si>
  <si>
    <t>207.31100463867188</t>
  </si>
  <si>
    <t>0.04740923873008818</t>
  </si>
  <si>
    <t>11562</t>
  </si>
  <si>
    <t>18.828489303588867</t>
  </si>
  <si>
    <t>251.1722412109375</t>
  </si>
  <si>
    <t>-0.07664386000863033</t>
  </si>
  <si>
    <t>12719</t>
  </si>
  <si>
    <t>19.052095413208008</t>
  </si>
  <si>
    <t>158.66213989257812</t>
  </si>
  <si>
    <t>0.09537307980906284</t>
  </si>
  <si>
    <t>18.917814254760742</t>
  </si>
  <si>
    <t>237.21116638183594</t>
  </si>
  <si>
    <t>-0.02960283182943435</t>
  </si>
  <si>
    <t>19.434865951538086</t>
  </si>
  <si>
    <t>309.6199951171875</t>
  </si>
  <si>
    <t>-0.03217722570246906</t>
  </si>
  <si>
    <t>18.6276798248291</t>
  </si>
  <si>
    <t>365.47576904296875</t>
  </si>
  <si>
    <t>-0.04280327071915302</t>
  </si>
  <si>
    <t>11733</t>
  </si>
  <si>
    <t>18.656557083129883</t>
  </si>
  <si>
    <t>258.3022766113281</t>
  </si>
  <si>
    <t>0.02389177422319655</t>
  </si>
  <si>
    <t>12191</t>
  </si>
  <si>
    <t>19.738733291625977</t>
  </si>
  <si>
    <t>175.67127990722656</t>
  </si>
  <si>
    <t>0.03829259014152164</t>
  </si>
  <si>
    <t>12554</t>
  </si>
  <si>
    <t>19.185394287109375</t>
  </si>
  <si>
    <t>226.53994750976562</t>
  </si>
  <si>
    <t>0.029341365312332002</t>
  </si>
  <si>
    <t>14.299214363098145</t>
  </si>
  <si>
    <t>921.6455688476562</t>
  </si>
  <si>
    <t>959.8626098632812</t>
  </si>
  <si>
    <t>Gilan</t>
  </si>
  <si>
    <t>13.889113426208496</t>
  </si>
  <si>
    <t>1085.83203125</t>
  </si>
  <si>
    <t>0.08203597132728113</t>
  </si>
  <si>
    <t>13.0197114944458</t>
  </si>
  <si>
    <t>1211.25146484375</t>
  </si>
  <si>
    <t>0.009962226245091799</t>
  </si>
  <si>
    <t>7414</t>
  </si>
  <si>
    <t>13.462563514709473</t>
  </si>
  <si>
    <t>1250.622802734375</t>
  </si>
  <si>
    <t>-0.020294421482297764</t>
  </si>
  <si>
    <t>13.980616569519043</t>
  </si>
  <si>
    <t>1249.834228515625</t>
  </si>
  <si>
    <t>-0.020026553094041333</t>
  </si>
  <si>
    <t>14.485918998718262</t>
  </si>
  <si>
    <t>839.547607421875</t>
  </si>
  <si>
    <t>0.011220697912234456</t>
  </si>
  <si>
    <t>14.420089721679688</t>
  </si>
  <si>
    <t>989.4306640625</t>
  </si>
  <si>
    <t>0.04950914829531072</t>
  </si>
  <si>
    <t>14.180137634277344</t>
  </si>
  <si>
    <t>1027.1925048828125</t>
  </si>
  <si>
    <t>0.0002589667242229865</t>
  </si>
  <si>
    <t>15.25342845916748</t>
  </si>
  <si>
    <t>990.7992553710938</t>
  </si>
  <si>
    <t>0.006066491660837059</t>
  </si>
  <si>
    <t>14.987129211425781</t>
  </si>
  <si>
    <t>980.9634399414062</t>
  </si>
  <si>
    <t>0.005006107624490497</t>
  </si>
  <si>
    <t>14.854626655578613</t>
  </si>
  <si>
    <t>1325.016357421875</t>
  </si>
  <si>
    <t>0.04138521616285473</t>
  </si>
  <si>
    <t>15.155590057373047</t>
  </si>
  <si>
    <t>1010.9933471679688</t>
  </si>
  <si>
    <t>8963</t>
  </si>
  <si>
    <t>14.750592231750488</t>
  </si>
  <si>
    <t>937.2596435546875</t>
  </si>
  <si>
    <t>0.06845110787384101</t>
  </si>
  <si>
    <t>9544</t>
  </si>
  <si>
    <t>14.160606384277344</t>
  </si>
  <si>
    <t>1214.901611328125</t>
  </si>
  <si>
    <t>0.06280769242038886</t>
  </si>
  <si>
    <t>9023</t>
  </si>
  <si>
    <t>14.48897933959961</t>
  </si>
  <si>
    <t>1241.02685546875</t>
  </si>
  <si>
    <t>-0.05613581178324978</t>
  </si>
  <si>
    <t>14.608006477355957</t>
  </si>
  <si>
    <t>1043.380859375</t>
  </si>
  <si>
    <t>0.009595838259501832</t>
  </si>
  <si>
    <t>14.950623512268066</t>
  </si>
  <si>
    <t>1059.3155517578125</t>
  </si>
  <si>
    <t>-0.028842264285126262</t>
  </si>
  <si>
    <t>13.965045928955078</t>
  </si>
  <si>
    <t>1080.7159423828125</t>
  </si>
  <si>
    <t>0.1110948057709642</t>
  </si>
  <si>
    <t>14.91143798828125</t>
  </si>
  <si>
    <t>982.6039428710938</t>
  </si>
  <si>
    <t>0.038088507624594925</t>
  </si>
  <si>
    <t>14.869384765625</t>
  </si>
  <si>
    <t>1226.7503662109375</t>
  </si>
  <si>
    <t>0.034342654699846875</t>
  </si>
  <si>
    <t>15.686432838439941</t>
  </si>
  <si>
    <t>834.6921997070312</t>
  </si>
  <si>
    <t>-0.07536742728021117</t>
  </si>
  <si>
    <t>10302</t>
  </si>
  <si>
    <t>14.067695617675781</t>
  </si>
  <si>
    <t>1435.5712890625</t>
  </si>
  <si>
    <t>0.04364906334145857</t>
  </si>
  <si>
    <t>14.924506187438965</t>
  </si>
  <si>
    <t>1223.34765625</t>
  </si>
  <si>
    <t>0.010620935988924884</t>
  </si>
  <si>
    <t>10619</t>
  </si>
  <si>
    <t>14.730116844177246</t>
  </si>
  <si>
    <t>1022.6963500976562</t>
  </si>
  <si>
    <t>0.019685862289390954</t>
  </si>
  <si>
    <t>10932</t>
  </si>
  <si>
    <t>15.048389434814453</t>
  </si>
  <si>
    <t>922.1618041992188</t>
  </si>
  <si>
    <t>0.029049418644111924</t>
  </si>
  <si>
    <t>15.277355194091797</t>
  </si>
  <si>
    <t>1150.152099609375</t>
  </si>
  <si>
    <t>-0.07856496119610412</t>
  </si>
  <si>
    <t>14.693488121032715</t>
  </si>
  <si>
    <t>1005.8272705078125</t>
  </si>
  <si>
    <t>0.14320638593024704</t>
  </si>
  <si>
    <t>11606</t>
  </si>
  <si>
    <t>15.129546165466309</t>
  </si>
  <si>
    <t>850.7699584960938</t>
  </si>
  <si>
    <t>-0.004813487031547936</t>
  </si>
  <si>
    <t>15.736483573913574</t>
  </si>
  <si>
    <t>1081.3270263671875</t>
  </si>
  <si>
    <t>-0.03213233323228515</t>
  </si>
  <si>
    <t>15.158318519592285</t>
  </si>
  <si>
    <t>1081.426025390625</t>
  </si>
  <si>
    <t>-0.0428110996337594</t>
  </si>
  <si>
    <t>14.838332176208496</t>
  </si>
  <si>
    <t>1197.0999755859375</t>
  </si>
  <si>
    <t>0.02394939442163846</t>
  </si>
  <si>
    <t>11459</t>
  </si>
  <si>
    <t>15.74221420288086</t>
  </si>
  <si>
    <t>855.7774047851562</t>
  </si>
  <si>
    <t>0.03824728012030043</t>
  </si>
  <si>
    <t>11800</t>
  </si>
  <si>
    <t>15.336463928222656</t>
  </si>
  <si>
    <t>801.78759765625</t>
  </si>
  <si>
    <t>0.029324084027308572</t>
  </si>
  <si>
    <t>1523</t>
  </si>
  <si>
    <t>6120</t>
  </si>
  <si>
    <t>16.558061599731445</t>
  </si>
  <si>
    <t>165.2466278076172</t>
  </si>
  <si>
    <t>850.8687133789062</t>
  </si>
  <si>
    <t>Golestan</t>
  </si>
  <si>
    <t>6643</t>
  </si>
  <si>
    <t>16.30882453918457</t>
  </si>
  <si>
    <t>261.8096923828125</t>
  </si>
  <si>
    <t>0.0820015721588696</t>
  </si>
  <si>
    <t>15.614697456359863</t>
  </si>
  <si>
    <t>263.2261657714844</t>
  </si>
  <si>
    <t>0.009886239897646476</t>
  </si>
  <si>
    <t>6575</t>
  </si>
  <si>
    <t>15.592373847961426</t>
  </si>
  <si>
    <t>240.86619567871094</t>
  </si>
  <si>
    <t>-0.02017533051692233</t>
  </si>
  <si>
    <t>16.107921600341797</t>
  </si>
  <si>
    <t>189.21788024902344</t>
  </si>
  <si>
    <t>-0.020125112749099117</t>
  </si>
  <si>
    <t>6517</t>
  </si>
  <si>
    <t>17.044567108154297</t>
  </si>
  <si>
    <t>166.51768493652344</t>
  </si>
  <si>
    <t>0.011264682035514895</t>
  </si>
  <si>
    <t>16.581575393676758</t>
  </si>
  <si>
    <t>221.1121063232422</t>
  </si>
  <si>
    <t>0.04954249148919665</t>
  </si>
  <si>
    <t>6850</t>
  </si>
  <si>
    <t>16.708168029785156</t>
  </si>
  <si>
    <t>205.89395141601562</t>
  </si>
  <si>
    <t>0.00029201343469331675</t>
  </si>
  <si>
    <t>17.290082931518555</t>
  </si>
  <si>
    <t>199.693115234375</t>
  </si>
  <si>
    <t>0.00596756010093813</t>
  </si>
  <si>
    <t>17.340545654296875</t>
  </si>
  <si>
    <t>208.50946044921875</t>
  </si>
  <si>
    <t>0.005066233605157677</t>
  </si>
  <si>
    <t>7218</t>
  </si>
  <si>
    <t>17.057958602905273</t>
  </si>
  <si>
    <t>194.10496520996094</t>
  </si>
  <si>
    <t>0.04129546024036834</t>
  </si>
  <si>
    <t>17.483644485473633</t>
  </si>
  <si>
    <t>165.16015625</t>
  </si>
  <si>
    <t>-0.02696035237696215</t>
  </si>
  <si>
    <t>17.111867904663086</t>
  </si>
  <si>
    <t>220.10975646972656</t>
  </si>
  <si>
    <t>0.06020592095533139</t>
  </si>
  <si>
    <t>16.430742263793945</t>
  </si>
  <si>
    <t>273.46600341796875</t>
  </si>
  <si>
    <t>0.10715467040959403</t>
  </si>
  <si>
    <t>16.99765968322754</t>
  </si>
  <si>
    <t>276.6211242675781</t>
  </si>
  <si>
    <t>0.0118486216520175</t>
  </si>
  <si>
    <t>16.95484733581543</t>
  </si>
  <si>
    <t>215.53173828125</t>
  </si>
  <si>
    <t>-0.03671582208007962</t>
  </si>
  <si>
    <t>17.524776458740234</t>
  </si>
  <si>
    <t>182.80313110351562</t>
  </si>
  <si>
    <t>-0.06094095177436287</t>
  </si>
  <si>
    <t>16.347471237182617</t>
  </si>
  <si>
    <t>232.67127990722656</t>
  </si>
  <si>
    <t>17.221187591552734</t>
  </si>
  <si>
    <t>136.92959594726562</t>
  </si>
  <si>
    <t>-0.009961344129672867</t>
  </si>
  <si>
    <t>17.15557289123535</t>
  </si>
  <si>
    <t>243.3952178955078</t>
  </si>
  <si>
    <t>0.04754756586048714</t>
  </si>
  <si>
    <t>17.93083381652832</t>
  </si>
  <si>
    <t>175.97531127929688</t>
  </si>
  <si>
    <t>-0.05486633573681665</t>
  </si>
  <si>
    <t>16.360347747802734</t>
  </si>
  <si>
    <t>266.18792724609375</t>
  </si>
  <si>
    <t>-0.008878942842931892</t>
  </si>
  <si>
    <t>17.46528434753418</t>
  </si>
  <si>
    <t>247.54722595214844</t>
  </si>
  <si>
    <t>0.013103076344734177</t>
  </si>
  <si>
    <t>17.422073364257812</t>
  </si>
  <si>
    <t>170.97589111328125</t>
  </si>
  <si>
    <t>0.0028474175846397998</t>
  </si>
  <si>
    <t>8456</t>
  </si>
  <si>
    <t>16.809797286987305</t>
  </si>
  <si>
    <t>191.16143798828125</t>
  </si>
  <si>
    <t>0.04437113453212049</t>
  </si>
  <si>
    <t>17.570404052734375</t>
  </si>
  <si>
    <t>239.5922088623047</t>
  </si>
  <si>
    <t>-0.11824139518091314</t>
  </si>
  <si>
    <t>8878</t>
  </si>
  <si>
    <t>17.20876121520996</t>
  </si>
  <si>
    <t>217.29335021972656</t>
  </si>
  <si>
    <t>0.16694145302482077</t>
  </si>
  <si>
    <t>8210</t>
  </si>
  <si>
    <t>17.316133499145508</t>
  </si>
  <si>
    <t>184.970703125</t>
  </si>
  <si>
    <t>-0.07822338294750608</t>
  </si>
  <si>
    <t>17.824460983276367</t>
  </si>
  <si>
    <t>220.6876220703125</t>
  </si>
  <si>
    <t>-0.03218099479809666</t>
  </si>
  <si>
    <t>17.508119583129883</t>
  </si>
  <si>
    <t>223.6888885498047</t>
  </si>
  <si>
    <t>-0.042789337275589645</t>
  </si>
  <si>
    <t>16.78043556213379</t>
  </si>
  <si>
    <t>227.82737731933594</t>
  </si>
  <si>
    <t>0.023869339215524477</t>
  </si>
  <si>
    <t>17.984088897705078</t>
  </si>
  <si>
    <t>170.0996551513672</t>
  </si>
  <si>
    <t>0.03822922458146394</t>
  </si>
  <si>
    <t>8347</t>
  </si>
  <si>
    <t>17.581777572631836</t>
  </si>
  <si>
    <t>202.62838745117188</t>
  </si>
  <si>
    <t>0.029421037680959827</t>
  </si>
  <si>
    <t>11.432211875915527</t>
  </si>
  <si>
    <t>259.70745849609375</t>
  </si>
  <si>
    <t>611.8947143554688</t>
  </si>
  <si>
    <t>Hamadan</t>
  </si>
  <si>
    <t>11.07190990447998</t>
  </si>
  <si>
    <t>357.39019775390625</t>
  </si>
  <si>
    <t>0.0822623075018587</t>
  </si>
  <si>
    <t>10.106122016906738</t>
  </si>
  <si>
    <t>440.199951171875</t>
  </si>
  <si>
    <t>10.935072898864746</t>
  </si>
  <si>
    <t>457.5361328125</t>
  </si>
  <si>
    <t>11.487030982971191</t>
  </si>
  <si>
    <t>353.8450012207031</t>
  </si>
  <si>
    <t>11.215434074401855</t>
  </si>
  <si>
    <t>316.2208251953125</t>
  </si>
  <si>
    <t>0.011118947075031471</t>
  </si>
  <si>
    <t>11.667430877685547</t>
  </si>
  <si>
    <t>426.783203125</t>
  </si>
  <si>
    <t>0.04954678048593664</t>
  </si>
  <si>
    <t>11.201624870300293</t>
  </si>
  <si>
    <t>353.7163391113281</t>
  </si>
  <si>
    <t>0.00032878514187295593</t>
  </si>
  <si>
    <t>12.50389575958252</t>
  </si>
  <si>
    <t>332.12103271484375</t>
  </si>
  <si>
    <t>12.247634887695312</t>
  </si>
  <si>
    <t>252.17491149902344</t>
  </si>
  <si>
    <t>12.105551719665527</t>
  </si>
  <si>
    <t>285.3719482421875</t>
  </si>
  <si>
    <t>6947</t>
  </si>
  <si>
    <t>12.51172161102295</t>
  </si>
  <si>
    <t>277.89013671875</t>
  </si>
  <si>
    <t>0.08029464670562447</t>
  </si>
  <si>
    <t>7411</t>
  </si>
  <si>
    <t>12.161746978759766</t>
  </si>
  <si>
    <t>345.8613586425781</t>
  </si>
  <si>
    <t>0.0646554712584777</t>
  </si>
  <si>
    <t>7679</t>
  </si>
  <si>
    <t>12.092845916748047</t>
  </si>
  <si>
    <t>411.7751159667969</t>
  </si>
  <si>
    <t>0.035523947379184406</t>
  </si>
  <si>
    <t>8200</t>
  </si>
  <si>
    <t>11.80043888092041</t>
  </si>
  <si>
    <t>350.2134094238281</t>
  </si>
  <si>
    <t>0.06564482392180082</t>
  </si>
  <si>
    <t>12.219542503356934</t>
  </si>
  <si>
    <t>323.20257568359375</t>
  </si>
  <si>
    <t>-0.018834803106210884</t>
  </si>
  <si>
    <t>11.969014167785645</t>
  </si>
  <si>
    <t>362.093994140625</t>
  </si>
  <si>
    <t>0.014802293212142104</t>
  </si>
  <si>
    <t>8905</t>
  </si>
  <si>
    <t>11.525676727294922</t>
  </si>
  <si>
    <t>385.24798583984375</t>
  </si>
  <si>
    <t>0.08651127236548639</t>
  </si>
  <si>
    <t>12.476993560791016</t>
  </si>
  <si>
    <t>183.45578002929688</t>
  </si>
  <si>
    <t>-0.036479946939255825</t>
  </si>
  <si>
    <t>12.489989280700684</t>
  </si>
  <si>
    <t>343.82635498046875</t>
  </si>
  <si>
    <t>0.10305177289654921</t>
  </si>
  <si>
    <t>13.059908866882324</t>
  </si>
  <si>
    <t>347.4780578613281</t>
  </si>
  <si>
    <t>-0.0026300577992568464</t>
  </si>
  <si>
    <t>10219</t>
  </si>
  <si>
    <t>11.741795539855957</t>
  </si>
  <si>
    <t>304.5484619140625</t>
  </si>
  <si>
    <t>0.07369404773041133</t>
  </si>
  <si>
    <t>12.056102752685547</t>
  </si>
  <si>
    <t>314.1488037109375</t>
  </si>
  <si>
    <t>-0.008155289611234906</t>
  </si>
  <si>
    <t>10261</t>
  </si>
  <si>
    <t>11.920829772949219</t>
  </si>
  <si>
    <t>287.8175354003906</t>
  </si>
  <si>
    <t>0.012256857861233428</t>
  </si>
  <si>
    <t>12.29208755493164</t>
  </si>
  <si>
    <t>259.0778503417969</t>
  </si>
  <si>
    <t>0.0873848900466303</t>
  </si>
  <si>
    <t>9077</t>
  </si>
  <si>
    <t>12.355948448181152</t>
  </si>
  <si>
    <t>290.1356201171875</t>
  </si>
  <si>
    <t>-0.20999144938221193</t>
  </si>
  <si>
    <t>9733</t>
  </si>
  <si>
    <t>12.079314231872559</t>
  </si>
  <si>
    <t>345.7548828125</t>
  </si>
  <si>
    <t>0.06977843189986643</t>
  </si>
  <si>
    <t>12.4688138961792</t>
  </si>
  <si>
    <t>299.9169006347656</t>
  </si>
  <si>
    <t>-0.02086761420786054</t>
  </si>
  <si>
    <t>13.063952445983887</t>
  </si>
  <si>
    <t>485.2929382324219</t>
  </si>
  <si>
    <t>-0.03219551072173488</t>
  </si>
  <si>
    <t>8844</t>
  </si>
  <si>
    <t>12.148582458496094</t>
  </si>
  <si>
    <t>408.74615478515625</t>
  </si>
  <si>
    <t>-0.04271978551956046</t>
  </si>
  <si>
    <t>12.077088356018066</t>
  </si>
  <si>
    <t>450.70269775390625</t>
  </si>
  <si>
    <t>0.02379867639761102</t>
  </si>
  <si>
    <t>13.19726276397705</t>
  </si>
  <si>
    <t>210.36099243164062</t>
  </si>
  <si>
    <t>0.0383412784838395</t>
  </si>
  <si>
    <t>12.69445514678955</t>
  </si>
  <si>
    <t>281.9093322753906</t>
  </si>
  <si>
    <t>0.029318401875762845</t>
  </si>
  <si>
    <t>23.572385787963867</t>
  </si>
  <si>
    <t>151.1720428466797</t>
  </si>
  <si>
    <t>647.1401977539062</t>
  </si>
  <si>
    <t>Hormozgan</t>
  </si>
  <si>
    <t>22.914443969726562</t>
  </si>
  <si>
    <t>203.33412170410156</t>
  </si>
  <si>
    <t>0.08210562743555094</t>
  </si>
  <si>
    <t>11109</t>
  </si>
  <si>
    <t>22.48102378845215</t>
  </si>
  <si>
    <t>210.75323486328125</t>
  </si>
  <si>
    <t>0.009951231024604823</t>
  </si>
  <si>
    <t>10886</t>
  </si>
  <si>
    <t>23.362030029296875</t>
  </si>
  <si>
    <t>170.05963134765625</t>
  </si>
  <si>
    <t>-0.020278030587576268</t>
  </si>
  <si>
    <t>23.494997024536133</t>
  </si>
  <si>
    <t>87.69709014892578</t>
  </si>
  <si>
    <t>-0.02004149469834715</t>
  </si>
  <si>
    <t>10790</t>
  </si>
  <si>
    <t>23.03434944152832</t>
  </si>
  <si>
    <t>269.0244445800781</t>
  </si>
  <si>
    <t>0.01118371395638107</t>
  </si>
  <si>
    <t>23.320459365844727</t>
  </si>
  <si>
    <t>221.13320922851562</t>
  </si>
  <si>
    <t>0.049540136632069576</t>
  </si>
  <si>
    <t>11341</t>
  </si>
  <si>
    <t>23.236289978027344</t>
  </si>
  <si>
    <t>265.53399658203125</t>
  </si>
  <si>
    <t>0.00026456193108082005</t>
  </si>
  <si>
    <t>11410</t>
  </si>
  <si>
    <t>24.310102462768555</t>
  </si>
  <si>
    <t>120.10823822021484</t>
  </si>
  <si>
    <t>0.006065686040791718</t>
  </si>
  <si>
    <t>24.283967971801758</t>
  </si>
  <si>
    <t>178.67262268066406</t>
  </si>
  <si>
    <t>0.004983181182183216</t>
  </si>
  <si>
    <t>11951</t>
  </si>
  <si>
    <t>23.781906127929688</t>
  </si>
  <si>
    <t>96.65657043457031</t>
  </si>
  <si>
    <t>0.04134161182857632</t>
  </si>
  <si>
    <t>12650</t>
  </si>
  <si>
    <t>24.523399353027344</t>
  </si>
  <si>
    <t>66.61540222167969</t>
  </si>
  <si>
    <t>0.05684225828878553</t>
  </si>
  <si>
    <t>12177</t>
  </si>
  <si>
    <t>24.283828735351562</t>
  </si>
  <si>
    <t>92.79227447509766</t>
  </si>
  <si>
    <t>-0.038108288648659894</t>
  </si>
  <si>
    <t>13606</t>
  </si>
  <si>
    <t>24.323820114135742</t>
  </si>
  <si>
    <t>110.84851837158203</t>
  </si>
  <si>
    <t>0.11096194539799953</t>
  </si>
  <si>
    <t>14952</t>
  </si>
  <si>
    <t>24.399839401245117</t>
  </si>
  <si>
    <t>134.57101440429688</t>
  </si>
  <si>
    <t>0.09433419823039202</t>
  </si>
  <si>
    <t>13695</t>
  </si>
  <si>
    <t>24.01735496520996</t>
  </si>
  <si>
    <t>99.23133850097656</t>
  </si>
  <si>
    <t>-0.08781426743822074</t>
  </si>
  <si>
    <t>24.39373016357422</t>
  </si>
  <si>
    <t>159.13096618652344</t>
  </si>
  <si>
    <t>-0.06914935376565268</t>
  </si>
  <si>
    <t>12588</t>
  </si>
  <si>
    <t>23.84187126159668</t>
  </si>
  <si>
    <t>114.55513763427734</t>
  </si>
  <si>
    <t>-0.015137469747227073</t>
  </si>
  <si>
    <t>13662</t>
  </si>
  <si>
    <t>24.442840576171875</t>
  </si>
  <si>
    <t>47.86532211303711</t>
  </si>
  <si>
    <t>0.08187427710749695</t>
  </si>
  <si>
    <t>24.533287048339844</t>
  </si>
  <si>
    <t>166.15969848632812</t>
  </si>
  <si>
    <t>-0.07191450779544084</t>
  </si>
  <si>
    <t>24.599220275878906</t>
  </si>
  <si>
    <t>74.8336410522461</t>
  </si>
  <si>
    <t>0.06604163817738318</t>
  </si>
  <si>
    <t>24.061485290527344</t>
  </si>
  <si>
    <t>99.34668731689453</t>
  </si>
  <si>
    <t>0.21138271781595996</t>
  </si>
  <si>
    <t>24.029006958007812</t>
  </si>
  <si>
    <t>121.82330322265625</t>
  </si>
  <si>
    <t>0.07168705562665778</t>
  </si>
  <si>
    <t>24.229637145996094</t>
  </si>
  <si>
    <t>153.8781280517578</t>
  </si>
  <si>
    <t>-0.010428088365086907</t>
  </si>
  <si>
    <t>24.163991928100586</t>
  </si>
  <si>
    <t>149.64944458007812</t>
  </si>
  <si>
    <t>0.007594831837979044</t>
  </si>
  <si>
    <t>13598</t>
  </si>
  <si>
    <t>24.539602279663086</t>
  </si>
  <si>
    <t>148.439697265625</t>
  </si>
  <si>
    <t>-0.2790591805028413</t>
  </si>
  <si>
    <t>14508</t>
  </si>
  <si>
    <t>24.707242965698242</t>
  </si>
  <si>
    <t>133.752197265625</t>
  </si>
  <si>
    <t>0.06477749831638668</t>
  </si>
  <si>
    <t>14399</t>
  </si>
  <si>
    <t>24.50408363342285</t>
  </si>
  <si>
    <t>143.674072265625</t>
  </si>
  <si>
    <t>-0.007541461694522411</t>
  </si>
  <si>
    <t>24.920198440551758</t>
  </si>
  <si>
    <t>135.27792358398438</t>
  </si>
  <si>
    <t>-0.03218116951324923</t>
  </si>
  <si>
    <t>13360</t>
  </si>
  <si>
    <t>24.101423263549805</t>
  </si>
  <si>
    <t>179.249267578125</t>
  </si>
  <si>
    <t>-0.04271242210438331</t>
  </si>
  <si>
    <t>24.007400512695312</t>
  </si>
  <si>
    <t>150.4834747314453</t>
  </si>
  <si>
    <t>0.023815932230306203</t>
  </si>
  <si>
    <t>14216</t>
  </si>
  <si>
    <t>25.112157821655273</t>
  </si>
  <si>
    <t>141.8057403564453</t>
  </si>
  <si>
    <t>0.03828699051354434</t>
  </si>
  <si>
    <t>24.654129028320312</t>
  </si>
  <si>
    <t>140.8248748779297</t>
  </si>
  <si>
    <t>0.02938941768081449</t>
  </si>
  <si>
    <t>17.99755859375</t>
  </si>
  <si>
    <t>264.3149108886719</t>
  </si>
  <si>
    <t>320.6124267578125</t>
  </si>
  <si>
    <t>Ilam</t>
  </si>
  <si>
    <t>8464</t>
  </si>
  <si>
    <t>17.613500595092773</t>
  </si>
  <si>
    <t>391.89898681640625</t>
  </si>
  <si>
    <t>0.08208283078848133</t>
  </si>
  <si>
    <t>8549</t>
  </si>
  <si>
    <t>16.67889976501465</t>
  </si>
  <si>
    <t>473.7086486816406</t>
  </si>
  <si>
    <t>0.009992441928153184</t>
  </si>
  <si>
    <t>17.6839542388916</t>
  </si>
  <si>
    <t>486.2641906738281</t>
  </si>
  <si>
    <t>-0.020324461872425204</t>
  </si>
  <si>
    <t>18.11762809753418</t>
  </si>
  <si>
    <t>414.99151611328125</t>
  </si>
  <si>
    <t>-0.02001513644501962</t>
  </si>
  <si>
    <t>17.766193389892578</t>
  </si>
  <si>
    <t>316.19854736328125</t>
  </si>
  <si>
    <t>0.011262607696879812</t>
  </si>
  <si>
    <t>18.368619918823242</t>
  </si>
  <si>
    <t>442.2168884277344</t>
  </si>
  <si>
    <t>0.0494551416649589</t>
  </si>
  <si>
    <t>17.704551696777344</t>
  </si>
  <si>
    <t>424.9139404296875</t>
  </si>
  <si>
    <t>0.0003437804422787849</t>
  </si>
  <si>
    <t>19.09465217590332</t>
  </si>
  <si>
    <t>342.3981628417969</t>
  </si>
  <si>
    <t>0.005940159116255117</t>
  </si>
  <si>
    <t>18.87312126159668</t>
  </si>
  <si>
    <t>291.1300048828125</t>
  </si>
  <si>
    <t>0.004998874304176226</t>
  </si>
  <si>
    <t>9197</t>
  </si>
  <si>
    <t>18.651216506958008</t>
  </si>
  <si>
    <t>310.04949951171875</t>
  </si>
  <si>
    <t>0.04140206196935914</t>
  </si>
  <si>
    <t>10075</t>
  </si>
  <si>
    <t>19.082284927368164</t>
  </si>
  <si>
    <t>314.0042724609375</t>
  </si>
  <si>
    <t>0.09117976391218718</t>
  </si>
  <si>
    <t>18.720897674560547</t>
  </si>
  <si>
    <t>361.0365905761719</t>
  </si>
  <si>
    <t>-0.21154850343568654</t>
  </si>
  <si>
    <t>8894</t>
  </si>
  <si>
    <t>18.796566009521484</t>
  </si>
  <si>
    <t>430.74017333984375</t>
  </si>
  <si>
    <t>0.08686828769144306</t>
  </si>
  <si>
    <t>18.380094528198242</t>
  </si>
  <si>
    <t>353.4067077636719</t>
  </si>
  <si>
    <t>0.40681342291917133</t>
  </si>
  <si>
    <t>18846</t>
  </si>
  <si>
    <t>18.837045669555664</t>
  </si>
  <si>
    <t>335.8960876464844</t>
  </si>
  <si>
    <t>0.3441103747768892</t>
  </si>
  <si>
    <t>20995</t>
  </si>
  <si>
    <t>18.592803955078125</t>
  </si>
  <si>
    <t>395.6703796386719</t>
  </si>
  <si>
    <t>0.1079836243515917</t>
  </si>
  <si>
    <t>18.307231903076172</t>
  </si>
  <si>
    <t>359.61846923828125</t>
  </si>
  <si>
    <t>0.20041519074150216</t>
  </si>
  <si>
    <t>23130</t>
  </si>
  <si>
    <t>19.1160945892334</t>
  </si>
  <si>
    <t>198.71676635742188</t>
  </si>
  <si>
    <t>-0.10356902863431117</t>
  </si>
  <si>
    <t>19.108896255493164</t>
  </si>
  <si>
    <t>337.3060302734375</t>
  </si>
  <si>
    <t>-0.14001273041301765</t>
  </si>
  <si>
    <t>19.755075454711914</t>
  </si>
  <si>
    <t>311.23773193359375</t>
  </si>
  <si>
    <t>0.12142337458735675</t>
  </si>
  <si>
    <t>23525</t>
  </si>
  <si>
    <t>18.299837112426758</t>
  </si>
  <si>
    <t>261.6412658691406</t>
  </si>
  <si>
    <t>0.03552256505375695</t>
  </si>
  <si>
    <t>15773</t>
  </si>
  <si>
    <t>18.79102325439453</t>
  </si>
  <si>
    <t>326.53814697265625</t>
  </si>
  <si>
    <t>-0.39976406796610675</t>
  </si>
  <si>
    <t>16450</t>
  </si>
  <si>
    <t>18.340768814086914</t>
  </si>
  <si>
    <t>338.314453125</t>
  </si>
  <si>
    <t>0.04202585970604389</t>
  </si>
  <si>
    <t>18.792192459106445</t>
  </si>
  <si>
    <t>308.8793029785156</t>
  </si>
  <si>
    <t>-0.01729149711005995</t>
  </si>
  <si>
    <t>19.02488136291504</t>
  </si>
  <si>
    <t>309.38470458984375</t>
  </si>
  <si>
    <t>-0.16900146110523195</t>
  </si>
  <si>
    <t>18.683149337768555</t>
  </si>
  <si>
    <t>419.8525390625</t>
  </si>
  <si>
    <t>0.46258825829124106</t>
  </si>
  <si>
    <t>19.029029846191406</t>
  </si>
  <si>
    <t>320.62493896484375</t>
  </si>
  <si>
    <t>0.18120649371581266</t>
  </si>
  <si>
    <t>19.668123245239258</t>
  </si>
  <si>
    <t>509.2934265136719</t>
  </si>
  <si>
    <t>-0.03221419248227697</t>
  </si>
  <si>
    <t>18.85577964782715</t>
  </si>
  <si>
    <t>361.2362060546875</t>
  </si>
  <si>
    <t>-0.04273755789370526</t>
  </si>
  <si>
    <t>24699</t>
  </si>
  <si>
    <t>18.85062599182129</t>
  </si>
  <si>
    <t>389.25799560546875</t>
  </si>
  <si>
    <t>0.023887236357237995</t>
  </si>
  <si>
    <t>19.904695510864258</t>
  </si>
  <si>
    <t>247.93350219726562</t>
  </si>
  <si>
    <t>0.0382485414884286</t>
  </si>
  <si>
    <t>19.569978713989258</t>
  </si>
  <si>
    <t>315.2386169433594</t>
  </si>
  <si>
    <t>0.029374916322941758</t>
  </si>
  <si>
    <t>1527</t>
  </si>
  <si>
    <t>19.182104110717773</t>
  </si>
  <si>
    <t>166.93873596191406</t>
  </si>
  <si>
    <t>1160.90234375</t>
  </si>
  <si>
    <t>Kerman</t>
  </si>
  <si>
    <t>9804</t>
  </si>
  <si>
    <t>18.543428421020508</t>
  </si>
  <si>
    <t>179.0734405517578</t>
  </si>
  <si>
    <t>0.08212736239720542</t>
  </si>
  <si>
    <t>9901</t>
  </si>
  <si>
    <t>17.958879470825195</t>
  </si>
  <si>
    <t>214.15408325195312</t>
  </si>
  <si>
    <t>0.009845296474511045</t>
  </si>
  <si>
    <t>9702</t>
  </si>
  <si>
    <t>18.821073532104492</t>
  </si>
  <si>
    <t>126.30741882324219</t>
  </si>
  <si>
    <t>-0.020303712317353728</t>
  </si>
  <si>
    <t>9510</t>
  </si>
  <si>
    <t>19.024686813354492</t>
  </si>
  <si>
    <t>124.72427368164062</t>
  </si>
  <si>
    <t>-0.019988173265724996</t>
  </si>
  <si>
    <t>18.5822811126709</t>
  </si>
  <si>
    <t>249.11181640625</t>
  </si>
  <si>
    <t>0.011188489173045824</t>
  </si>
  <si>
    <t>18.763513565063477</t>
  </si>
  <si>
    <t>198.2264862060547</t>
  </si>
  <si>
    <t>0.049596941139371964</t>
  </si>
  <si>
    <t>19.01358985900879</t>
  </si>
  <si>
    <t>174.08944702148438</t>
  </si>
  <si>
    <t>0.0001978826562307745</t>
  </si>
  <si>
    <t>19.949859619140625</t>
  </si>
  <si>
    <t>131.2694091796875</t>
  </si>
  <si>
    <t>0.006115020534521065</t>
  </si>
  <si>
    <t>10220</t>
  </si>
  <si>
    <t>19.90604591369629</t>
  </si>
  <si>
    <t>187.49612426757812</t>
  </si>
  <si>
    <t>0.004904374715088977</t>
  </si>
  <si>
    <t>10652</t>
  </si>
  <si>
    <t>19.423133850097656</t>
  </si>
  <si>
    <t>75.06507110595703</t>
  </si>
  <si>
    <t>0.041401083176127784</t>
  </si>
  <si>
    <t>20.402183532714844</t>
  </si>
  <si>
    <t>93.33748626708984</t>
  </si>
  <si>
    <t>-0.15549718616043506</t>
  </si>
  <si>
    <t>20.05797576904297</t>
  </si>
  <si>
    <t>98.20379638671875</t>
  </si>
  <si>
    <t>0.02662206783741361</t>
  </si>
  <si>
    <t>19.895301818847656</t>
  </si>
  <si>
    <t>120.91445922851562</t>
  </si>
  <si>
    <t>0.0008539710168857795</t>
  </si>
  <si>
    <t>19.980470657348633</t>
  </si>
  <si>
    <t>115.31859588623047</t>
  </si>
  <si>
    <t>-0.019610584277954146</t>
  </si>
  <si>
    <t>19.6185302734375</t>
  </si>
  <si>
    <t>141.0992889404297</t>
  </si>
  <si>
    <t>0.08366883645568102</t>
  </si>
  <si>
    <t>20.036970138549805</t>
  </si>
  <si>
    <t>135.69247436523438</t>
  </si>
  <si>
    <t>0.1069605159991589</t>
  </si>
  <si>
    <t>11563</t>
  </si>
  <si>
    <t>19.29620933532715</t>
  </si>
  <si>
    <t>110.57389068603516</t>
  </si>
  <si>
    <t>0.0390650563243895</t>
  </si>
  <si>
    <t>9776</t>
  </si>
  <si>
    <t>20.278573989868164</t>
  </si>
  <si>
    <t>59.30937957763672</t>
  </si>
  <si>
    <t>-0.167879942717585</t>
  </si>
  <si>
    <t>10392</t>
  </si>
  <si>
    <t>20.27935791015625</t>
  </si>
  <si>
    <t>137.43212890625</t>
  </si>
  <si>
    <t>0.06110587693905778</t>
  </si>
  <si>
    <t>11450</t>
  </si>
  <si>
    <t>20.30276107788086</t>
  </si>
  <si>
    <t>66.18412017822266</t>
  </si>
  <si>
    <t>0.09695345063195049</t>
  </si>
  <si>
    <t>19.667436599731445</t>
  </si>
  <si>
    <t>135.95823669433594</t>
  </si>
  <si>
    <t>-0.022075951699200402</t>
  </si>
  <si>
    <t>19.41026496887207</t>
  </si>
  <si>
    <t>140.9239044189453</t>
  </si>
  <si>
    <t>0.09490425327145324</t>
  </si>
  <si>
    <t>11802</t>
  </si>
  <si>
    <t>19.98589515686035</t>
  </si>
  <si>
    <t>184.57383728027344</t>
  </si>
  <si>
    <t>-0.04254902293752494</t>
  </si>
  <si>
    <t>13179</t>
  </si>
  <si>
    <t>19.76773452758789</t>
  </si>
  <si>
    <t>122.35104370117188</t>
  </si>
  <si>
    <t>0.1103556450267753</t>
  </si>
  <si>
    <t>20.20684242248535</t>
  </si>
  <si>
    <t>155.39283752441406</t>
  </si>
  <si>
    <t>-0.20102485686225968</t>
  </si>
  <si>
    <t>20.435346603393555</t>
  </si>
  <si>
    <t>115.85701751708984</t>
  </si>
  <si>
    <t>0.08795412447269335</t>
  </si>
  <si>
    <t>20.17296600341797</t>
  </si>
  <si>
    <t>106.35755920410156</t>
  </si>
  <si>
    <t>0.04420792951399122</t>
  </si>
  <si>
    <t>20.607837677001953</t>
  </si>
  <si>
    <t>114.96595764160156</t>
  </si>
  <si>
    <t>-0.03221555540446808</t>
  </si>
  <si>
    <t>11414</t>
  </si>
  <si>
    <t>19.5739803314209</t>
  </si>
  <si>
    <t>189.05018615722656</t>
  </si>
  <si>
    <t>-0.042705623267192294</t>
  </si>
  <si>
    <t>11690</t>
  </si>
  <si>
    <t>19.49409294128418</t>
  </si>
  <si>
    <t>169.20187377929688</t>
  </si>
  <si>
    <t>0.0238931033694616</t>
  </si>
  <si>
    <t>12146</t>
  </si>
  <si>
    <t>20.78957748413086</t>
  </si>
  <si>
    <t>114.92008972167969</t>
  </si>
  <si>
    <t>0.038266121991405555</t>
  </si>
  <si>
    <t>20.195314407348633</t>
  </si>
  <si>
    <t>113.4618911743164</t>
  </si>
  <si>
    <t>0.02936854212021167</t>
  </si>
  <si>
    <t>14.669063568115234</t>
  </si>
  <si>
    <t>275.43682861328125</t>
  </si>
  <si>
    <t>663.7581176757812</t>
  </si>
  <si>
    <t>Kermanshah</t>
  </si>
  <si>
    <t>14.329850196838379</t>
  </si>
  <si>
    <t>402.2492370605469</t>
  </si>
  <si>
    <t>0.08215184858730673</t>
  </si>
  <si>
    <t>13.33517074584961</t>
  </si>
  <si>
    <t>478.6066589355469</t>
  </si>
  <si>
    <t>0.00976350226785172</t>
  </si>
  <si>
    <t>14.265870094299316</t>
  </si>
  <si>
    <t>540.2598876953125</t>
  </si>
  <si>
    <t>-0.020195080977666535</t>
  </si>
  <si>
    <t>5141</t>
  </si>
  <si>
    <t>14.751952171325684</t>
  </si>
  <si>
    <t>458.6372375488281</t>
  </si>
  <si>
    <t>-0.020027628774892392</t>
  </si>
  <si>
    <t>14.45279598236084</t>
  </si>
  <si>
    <t>346.9762268066406</t>
  </si>
  <si>
    <t>0.01121868632820977</t>
  </si>
  <si>
    <t>5463</t>
  </si>
  <si>
    <t>15.017406463623047</t>
  </si>
  <si>
    <t>458.433837890625</t>
  </si>
  <si>
    <t>0.049531790012002475</t>
  </si>
  <si>
    <t>14.396170616149902</t>
  </si>
  <si>
    <t>435.40423583984375</t>
  </si>
  <si>
    <t>0.00018303285490794963</t>
  </si>
  <si>
    <t>5497</t>
  </si>
  <si>
    <t>15.755558013916016</t>
  </si>
  <si>
    <t>363.10540771484375</t>
  </si>
  <si>
    <t>0.0060213666100352725</t>
  </si>
  <si>
    <t>15.51672077178955</t>
  </si>
  <si>
    <t>273.9364318847656</t>
  </si>
  <si>
    <t>0.0050807585252936605</t>
  </si>
  <si>
    <t>15.351983070373535</t>
  </si>
  <si>
    <t>311.4580078125</t>
  </si>
  <si>
    <t>0.041306944786166255</t>
  </si>
  <si>
    <t>15.769309997558594</t>
  </si>
  <si>
    <t>310.1112060546875</t>
  </si>
  <si>
    <t>0.06064505353872818</t>
  </si>
  <si>
    <t>15.398895263671875</t>
  </si>
  <si>
    <t>392.9980773925781</t>
  </si>
  <si>
    <t>0.07553132707767851</t>
  </si>
  <si>
    <t>15.454917907714844</t>
  </si>
  <si>
    <t>440.2516784667969</t>
  </si>
  <si>
    <t>0.11525382190486155</t>
  </si>
  <si>
    <t>15.061209678649902</t>
  </si>
  <si>
    <t>365.8808288574219</t>
  </si>
  <si>
    <t>0.038680318652152934</t>
  </si>
  <si>
    <t>15.518269538879395</t>
  </si>
  <si>
    <t>348.1802062988281</t>
  </si>
  <si>
    <t>0.013551217242770974</t>
  </si>
  <si>
    <t>15.256011009216309</t>
  </si>
  <si>
    <t>416.9670715332031</t>
  </si>
  <si>
    <t>-0.015502183589630292</t>
  </si>
  <si>
    <t>14.942557334899902</t>
  </si>
  <si>
    <t>383.39263916015625</t>
  </si>
  <si>
    <t>0.05828610306424231</t>
  </si>
  <si>
    <t>15.793654441833496</t>
  </si>
  <si>
    <t>215.42869567871094</t>
  </si>
  <si>
    <t>0.051698518094998036</t>
  </si>
  <si>
    <t>15.7694730758667</t>
  </si>
  <si>
    <t>362.0528564453125</t>
  </si>
  <si>
    <t>0.08995199896802752</t>
  </si>
  <si>
    <t>16.411020278930664</t>
  </si>
  <si>
    <t>352.95556640625</t>
  </si>
  <si>
    <t>0.0899562601695223</t>
  </si>
  <si>
    <t>14.9685640335083</t>
  </si>
  <si>
    <t>313.0495300292969</t>
  </si>
  <si>
    <t>0.06761494154334535</t>
  </si>
  <si>
    <t>11033</t>
  </si>
  <si>
    <t>15.419829368591309</t>
  </si>
  <si>
    <t>339.10260009765625</t>
  </si>
  <si>
    <t>0.00463321292148855</t>
  </si>
  <si>
    <t>15.031380653381348</t>
  </si>
  <si>
    <t>362.49609375</t>
  </si>
  <si>
    <t>-0.09351717205232646</t>
  </si>
  <si>
    <t>11730</t>
  </si>
  <si>
    <t>15.493561744689941</t>
  </si>
  <si>
    <t>311.4333190917969</t>
  </si>
  <si>
    <t>0.15477605293954078</t>
  </si>
  <si>
    <t>9770</t>
  </si>
  <si>
    <t>15.687047004699707</t>
  </si>
  <si>
    <t>293.131103515625</t>
  </si>
  <si>
    <t>-0.18283319661069264</t>
  </si>
  <si>
    <t>15.27839183807373</t>
  </si>
  <si>
    <t>429.9287414550781</t>
  </si>
  <si>
    <t>-0.01464094613386635</t>
  </si>
  <si>
    <t>15.678698539733887</t>
  </si>
  <si>
    <t>327.4601745605469</t>
  </si>
  <si>
    <t>0.03540644285510197</t>
  </si>
  <si>
    <t>16.308395385742188</t>
  </si>
  <si>
    <t>587.205322265625</t>
  </si>
  <si>
    <t>-0.032191839578768366</t>
  </si>
  <si>
    <t>15.4442720413208</t>
  </si>
  <si>
    <t>424.2252197265625</t>
  </si>
  <si>
    <t>-0.0427261771716978</t>
  </si>
  <si>
    <t>9478</t>
  </si>
  <si>
    <t>15.41923999786377</t>
  </si>
  <si>
    <t>433.6216735839844</t>
  </si>
  <si>
    <t>0.023809377519935282</t>
  </si>
  <si>
    <t>9848</t>
  </si>
  <si>
    <t>16.50433349609375</t>
  </si>
  <si>
    <t>224.7959747314453</t>
  </si>
  <si>
    <t>0.038295065336756196</t>
  </si>
  <si>
    <t>16.17268943786621</t>
  </si>
  <si>
    <t>298.8816223144531</t>
  </si>
  <si>
    <t>0.02931822374770654</t>
  </si>
  <si>
    <t>23.880929946899414</t>
  </si>
  <si>
    <t>209.203125</t>
  </si>
  <si>
    <t>1634.6585693359375</t>
  </si>
  <si>
    <t>Khuzestan</t>
  </si>
  <si>
    <t>25293</t>
  </si>
  <si>
    <t>23.202802658081055</t>
  </si>
  <si>
    <t>328.21954345703125</t>
  </si>
  <si>
    <t>0.08207431703699442</t>
  </si>
  <si>
    <t>25545</t>
  </si>
  <si>
    <t>22.50926399230957</t>
  </si>
  <si>
    <t>330.95819091796875</t>
  </si>
  <si>
    <t>0.009913925174112492</t>
  </si>
  <si>
    <t>25032</t>
  </si>
  <si>
    <t>23.582124710083008</t>
  </si>
  <si>
    <t>290.8753967285156</t>
  </si>
  <si>
    <t>-0.020286596416179137</t>
  </si>
  <si>
    <t>23.9204158782959</t>
  </si>
  <si>
    <t>271.07342529296875</t>
  </si>
  <si>
    <t>-0.02005433682471569</t>
  </si>
  <si>
    <t>24812</t>
  </si>
  <si>
    <t>23.54938316345215</t>
  </si>
  <si>
    <t>261.3482971191406</t>
  </si>
  <si>
    <t>0.011226737569005607</t>
  </si>
  <si>
    <t>26073</t>
  </si>
  <si>
    <t>24.11412239074707</t>
  </si>
  <si>
    <t>283.2571716308594</t>
  </si>
  <si>
    <t>0.04957288901256085</t>
  </si>
  <si>
    <t>26080</t>
  </si>
  <si>
    <t>23.4555606842041</t>
  </si>
  <si>
    <t>337.9846496582031</t>
  </si>
  <si>
    <t>0.0002684409350202088</t>
  </si>
  <si>
    <t>26238</t>
  </si>
  <si>
    <t>24.920000076293945</t>
  </si>
  <si>
    <t>225.8126983642578</t>
  </si>
  <si>
    <t>0.0060400046003863395</t>
  </si>
  <si>
    <t>26369</t>
  </si>
  <si>
    <t>24.782766342163086</t>
  </si>
  <si>
    <t>285.3860168457031</t>
  </si>
  <si>
    <t>0.004980336106378047</t>
  </si>
  <si>
    <t>24.41845703125</t>
  </si>
  <si>
    <t>252.90785217285156</t>
  </si>
  <si>
    <t>0.041342167144366115</t>
  </si>
  <si>
    <t>24.948148727416992</t>
  </si>
  <si>
    <t>290.7987365722656</t>
  </si>
  <si>
    <t>-0.06859788572209347</t>
  </si>
  <si>
    <t>24.563695907592773</t>
  </si>
  <si>
    <t>256.3019714355469</t>
  </si>
  <si>
    <t>0.1907620628822322</t>
  </si>
  <si>
    <t>24.728057861328125</t>
  </si>
  <si>
    <t>354.75579833984375</t>
  </si>
  <si>
    <t>-0.0017727357948622569</t>
  </si>
  <si>
    <t>34284</t>
  </si>
  <si>
    <t>24.2913818359375</t>
  </si>
  <si>
    <t>296.9248352050781</t>
  </si>
  <si>
    <t>0.10075608676177694</t>
  </si>
  <si>
    <t>37870</t>
  </si>
  <si>
    <t>24.568750381469727</t>
  </si>
  <si>
    <t>265.5017395019531</t>
  </si>
  <si>
    <t>0.09948046887706674</t>
  </si>
  <si>
    <t>36864</t>
  </si>
  <si>
    <t>24.489465713500977</t>
  </si>
  <si>
    <t>309.81182861328125</t>
  </si>
  <si>
    <t>-0.02692377684027747</t>
  </si>
  <si>
    <t>40769</t>
  </si>
  <si>
    <t>24.3713436126709</t>
  </si>
  <si>
    <t>231.2433624267578</t>
  </si>
  <si>
    <t>0.10068652361782604</t>
  </si>
  <si>
    <t>36354</t>
  </si>
  <si>
    <t>24.895925521850586</t>
  </si>
  <si>
    <t>108.7291259765625</t>
  </si>
  <si>
    <t>-0.11461774950034531</t>
  </si>
  <si>
    <t>25.016740798950195</t>
  </si>
  <si>
    <t>254.01246643066406</t>
  </si>
  <si>
    <t>-0.19852742533167422</t>
  </si>
  <si>
    <t>33571</t>
  </si>
  <si>
    <t>25.601354598999023</t>
  </si>
  <si>
    <t>166.37197875976562</t>
  </si>
  <si>
    <t>0.11888578519068105</t>
  </si>
  <si>
    <t>24.305435180664062</t>
  </si>
  <si>
    <t>157.57461547851562</t>
  </si>
  <si>
    <t>0.08589371710382032</t>
  </si>
  <si>
    <t>26751</t>
  </si>
  <si>
    <t>24.80143165588379</t>
  </si>
  <si>
    <t>278.31597900390625</t>
  </si>
  <si>
    <t>-0.3129844603328813</t>
  </si>
  <si>
    <t>24.39692497253418</t>
  </si>
  <si>
    <t>240.05162048339844</t>
  </si>
  <si>
    <t>-0.008936677079120159</t>
  </si>
  <si>
    <t>24.82518196105957</t>
  </si>
  <si>
    <t>158.23118591308594</t>
  </si>
  <si>
    <t>-0.04944288723618229</t>
  </si>
  <si>
    <t>35638</t>
  </si>
  <si>
    <t>25.035255432128906</t>
  </si>
  <si>
    <t>228.9949951171875</t>
  </si>
  <si>
    <t>0.34522019279967253</t>
  </si>
  <si>
    <t>24.950712203979492</t>
  </si>
  <si>
    <t>265.5199279785156</t>
  </si>
  <si>
    <t>-0.04982049442946135</t>
  </si>
  <si>
    <t>39490</t>
  </si>
  <si>
    <t>25.061935424804688</t>
  </si>
  <si>
    <t>174.7913360595703</t>
  </si>
  <si>
    <t>0.15245548542279685</t>
  </si>
  <si>
    <t>38238</t>
  </si>
  <si>
    <t>25.637048721313477</t>
  </si>
  <si>
    <t>356.6628723144531</t>
  </si>
  <si>
    <t>-0.03221768973834571</t>
  </si>
  <si>
    <t>24.878372192382812</t>
  </si>
  <si>
    <t>225.50668334960938</t>
  </si>
  <si>
    <t>-0.04271653870315184</t>
  </si>
  <si>
    <t>24.90561866760254</t>
  </si>
  <si>
    <t>257.9122009277344</t>
  </si>
  <si>
    <t>0.02386748140664352</t>
  </si>
  <si>
    <t>38988</t>
  </si>
  <si>
    <t>25.959068298339844</t>
  </si>
  <si>
    <t>178.0077362060547</t>
  </si>
  <si>
    <t>0.03827317821125931</t>
  </si>
  <si>
    <t>40149</t>
  </si>
  <si>
    <t>25.451797485351562</t>
  </si>
  <si>
    <t>260.4564208984375</t>
  </si>
  <si>
    <t>0.029343627007383688</t>
  </si>
  <si>
    <t>57154</t>
  </si>
  <si>
    <t>17.928760528564453</t>
  </si>
  <si>
    <t>195.769775390625</t>
  </si>
  <si>
    <t>184.9025115966797</t>
  </si>
  <si>
    <t>Kohgiluyeh and Buyer Ahmad</t>
  </si>
  <si>
    <t>62045</t>
  </si>
  <si>
    <t>17.23508644104004</t>
  </si>
  <si>
    <t>357.9618225097656</t>
  </si>
  <si>
    <t>0.0821105491839429</t>
  </si>
  <si>
    <t>62663</t>
  </si>
  <si>
    <t>16.46455955505371</t>
  </si>
  <si>
    <t>307.6937255859375</t>
  </si>
  <si>
    <t>0.009911233585144785</t>
  </si>
  <si>
    <t>61404</t>
  </si>
  <si>
    <t>17.596284866333008</t>
  </si>
  <si>
    <t>279.2908935546875</t>
  </si>
  <si>
    <t>-0.020296182200771895</t>
  </si>
  <si>
    <t>60186</t>
  </si>
  <si>
    <t>17.877206802368164</t>
  </si>
  <si>
    <t>275.22552490234375</t>
  </si>
  <si>
    <t>-0.020035212481552378</t>
  </si>
  <si>
    <t>60866</t>
  </si>
  <si>
    <t>17.376567840576172</t>
  </si>
  <si>
    <t>319.1846008300781</t>
  </si>
  <si>
    <t>0.011234959400852063</t>
  </si>
  <si>
    <t>63957</t>
  </si>
  <si>
    <t>18.0180721282959</t>
  </si>
  <si>
    <t>298.0823669433594</t>
  </si>
  <si>
    <t>0.04953625602025902</t>
  </si>
  <si>
    <t>63974</t>
  </si>
  <si>
    <t>17.51889991760254</t>
  </si>
  <si>
    <t>317.1809387207031</t>
  </si>
  <si>
    <t>0.00026576826727087166</t>
  </si>
  <si>
    <t>64362</t>
  </si>
  <si>
    <t>18.866655349731445</t>
  </si>
  <si>
    <t>217.95556640625</t>
  </si>
  <si>
    <t>0.006046646025561486</t>
  </si>
  <si>
    <t>64684</t>
  </si>
  <si>
    <t>18.658647537231445</t>
  </si>
  <si>
    <t>280.8828430175781</t>
  </si>
  <si>
    <t>0.004990478872350934</t>
  </si>
  <si>
    <t>67414</t>
  </si>
  <si>
    <t>18.3187198638916</t>
  </si>
  <si>
    <t>217.46865844726562</t>
  </si>
  <si>
    <t>0.04133883576629316</t>
  </si>
  <si>
    <t>55288</t>
  </si>
  <si>
    <t>18.846662521362305</t>
  </si>
  <si>
    <t>331.3789978027344</t>
  </si>
  <si>
    <t>-0.198296824692898</t>
  </si>
  <si>
    <t>54957</t>
  </si>
  <si>
    <t>18.5390625</t>
  </si>
  <si>
    <t>230.8672637939453</t>
  </si>
  <si>
    <t>-0.0060048255176603504</t>
  </si>
  <si>
    <t>53751</t>
  </si>
  <si>
    <t>18.380685806274414</t>
  </si>
  <si>
    <t>373.8587951660156</t>
  </si>
  <si>
    <t>-0.02218878978556127</t>
  </si>
  <si>
    <t>62306</t>
  </si>
  <si>
    <t>17.95648765563965</t>
  </si>
  <si>
    <t>363.1169128417969</t>
  </si>
  <si>
    <t>0.14769545785639693</t>
  </si>
  <si>
    <t>66946</t>
  </si>
  <si>
    <t>18.105438232421875</t>
  </si>
  <si>
    <t>245.75994873046875</t>
  </si>
  <si>
    <t>0.07182859493088145</t>
  </si>
  <si>
    <t>61269</t>
  </si>
  <si>
    <t>18.091726303100586</t>
  </si>
  <si>
    <t>276.40185546875</t>
  </si>
  <si>
    <t>-0.08861231887001786</t>
  </si>
  <si>
    <t>52938</t>
  </si>
  <si>
    <t>17.89632225036621</t>
  </si>
  <si>
    <t>256.7452697753906</t>
  </si>
  <si>
    <t>-0.14615258793510932</t>
  </si>
  <si>
    <t>45142</t>
  </si>
  <si>
    <t>18.466001510620117</t>
  </si>
  <si>
    <t>116.37288665771484</t>
  </si>
  <si>
    <t>-0.1593083404584572</t>
  </si>
  <si>
    <t>35936</t>
  </si>
  <si>
    <t>18.66902732849121</t>
  </si>
  <si>
    <t>288.1196594238281</t>
  </si>
  <si>
    <t>-0.22807349845353286</t>
  </si>
  <si>
    <t>42713</t>
  </si>
  <si>
    <t>19.14336585998535</t>
  </si>
  <si>
    <t>159.2814178466797</t>
  </si>
  <si>
    <t>0.17276374499186886</t>
  </si>
  <si>
    <t>43641</t>
  </si>
  <si>
    <t>18.120513916015625</t>
  </si>
  <si>
    <t>206.7600555419922</t>
  </si>
  <si>
    <t>0.021493751911533465</t>
  </si>
  <si>
    <t>18.28229331970215</t>
  </si>
  <si>
    <t>295.2872009277344</t>
  </si>
  <si>
    <t>-0.5085977886503468</t>
  </si>
  <si>
    <t>27606</t>
  </si>
  <si>
    <t>18.076251983642578</t>
  </si>
  <si>
    <t>247.4150848388672</t>
  </si>
  <si>
    <t>0.05063385359229855</t>
  </si>
  <si>
    <t>23133</t>
  </si>
  <si>
    <t>18.690935134887695</t>
  </si>
  <si>
    <t>184.2174530029297</t>
  </si>
  <si>
    <t>-0.17677297088245325</t>
  </si>
  <si>
    <t>19696</t>
  </si>
  <si>
    <t>18.834041595458984</t>
  </si>
  <si>
    <t>252.93734741210938</t>
  </si>
  <si>
    <t>-0.16084460007683532</t>
  </si>
  <si>
    <t>18.998056411743164</t>
  </si>
  <si>
    <t>237.9969482421875</t>
  </si>
  <si>
    <t>0.5360728565547923</t>
  </si>
  <si>
    <t>18.9699649810791</t>
  </si>
  <si>
    <t>213.9144287109375</t>
  </si>
  <si>
    <t>0.1396353713770555</t>
  </si>
  <si>
    <t>19.475839614868164</t>
  </si>
  <si>
    <t>327.3401794433594</t>
  </si>
  <si>
    <t>-0.03220962211236866</t>
  </si>
  <si>
    <t>35916</t>
  </si>
  <si>
    <t>18.729774475097656</t>
  </si>
  <si>
    <t>287.797607421875</t>
  </si>
  <si>
    <t>-0.042731296603014</t>
  </si>
  <si>
    <t>18.748552322387695</t>
  </si>
  <si>
    <t>255.5365753173828</t>
  </si>
  <si>
    <t>0.02388008936226349</t>
  </si>
  <si>
    <t>38219</t>
  </si>
  <si>
    <t>19.833202362060547</t>
  </si>
  <si>
    <t>167.42701721191406</t>
  </si>
  <si>
    <t>0.03826980613713005</t>
  </si>
  <si>
    <t>39358</t>
  </si>
  <si>
    <t>19.2695369720459</t>
  </si>
  <si>
    <t>246.26089477539062</t>
  </si>
  <si>
    <t>0.029366483726942505</t>
  </si>
  <si>
    <t>1531</t>
  </si>
  <si>
    <t>11.455089569091797</t>
  </si>
  <si>
    <t>262.3034362792969</t>
  </si>
  <si>
    <t>552.6989135742188</t>
  </si>
  <si>
    <t>Kordestan</t>
  </si>
  <si>
    <t>4761</t>
  </si>
  <si>
    <t>11.17434024810791</t>
  </si>
  <si>
    <t>382.4643249511719</t>
  </si>
  <si>
    <t>0.08226810438823584</t>
  </si>
  <si>
    <t>10.207430839538574</t>
  </si>
  <si>
    <t>440.8112487792969</t>
  </si>
  <si>
    <t>0.00982346702052439</t>
  </si>
  <si>
    <t>10.986457824707031</t>
  </si>
  <si>
    <t>515.81787109375</t>
  </si>
  <si>
    <t>-0.02038099751500333</t>
  </si>
  <si>
    <t>11.55753231048584</t>
  </si>
  <si>
    <t>424.94476318359375</t>
  </si>
  <si>
    <t>-0.019938488785600228</t>
  </si>
  <si>
    <t>11.440224647521973</t>
  </si>
  <si>
    <t>333.7789306640625</t>
  </si>
  <si>
    <t>0.011197360748502305</t>
  </si>
  <si>
    <t>4907</t>
  </si>
  <si>
    <t>11.878281593322754</t>
  </si>
  <si>
    <t>426.033447265625</t>
  </si>
  <si>
    <t>0.04950368542696104</t>
  </si>
  <si>
    <t>11.268149375915527</t>
  </si>
  <si>
    <t>378.73101806640625</t>
  </si>
  <si>
    <t>0.0004074979681494284</t>
  </si>
  <si>
    <t>12.613665580749512</t>
  </si>
  <si>
    <t>331.8782653808594</t>
  </si>
  <si>
    <t>0.0058901358470713205</t>
  </si>
  <si>
    <t>12.341038703918457</t>
  </si>
  <si>
    <t>237.90447998046875</t>
  </si>
  <si>
    <t>0.005050005682315728</t>
  </si>
  <si>
    <t>5173</t>
  </si>
  <si>
    <t>12.172051429748535</t>
  </si>
  <si>
    <t>281.5213928222656</t>
  </si>
  <si>
    <t>0.04144239441607489</t>
  </si>
  <si>
    <t>5117</t>
  </si>
  <si>
    <t>12.54769515991211</t>
  </si>
  <si>
    <t>276.315673828125</t>
  </si>
  <si>
    <t>-0.010884461198422457</t>
  </si>
  <si>
    <t>12.109381675720215</t>
  </si>
  <si>
    <t>357.5390319824219</t>
  </si>
  <si>
    <t>0.10894992296835326</t>
  </si>
  <si>
    <t>6238</t>
  </si>
  <si>
    <t>11.906081199645996</t>
  </si>
  <si>
    <t>410.5834655761719</t>
  </si>
  <si>
    <t>0.08914136539430295</t>
  </si>
  <si>
    <t>6303</t>
  </si>
  <si>
    <t>11.665755271911621</t>
  </si>
  <si>
    <t>366.159912109375</t>
  </si>
  <si>
    <t>0.010366092345361011</t>
  </si>
  <si>
    <t>6403</t>
  </si>
  <si>
    <t>12.071980476379395</t>
  </si>
  <si>
    <t>317.4159240722656</t>
  </si>
  <si>
    <t>0.01574092000569216</t>
  </si>
  <si>
    <t>6645</t>
  </si>
  <si>
    <t>11.98538589477539</t>
  </si>
  <si>
    <t>377.4961242675781</t>
  </si>
  <si>
    <t>0.03709806162854434</t>
  </si>
  <si>
    <t>11.337657928466797</t>
  </si>
  <si>
    <t>375.8528137207031</t>
  </si>
  <si>
    <t>0.0673562181271965</t>
  </si>
  <si>
    <t>12.434185028076172</t>
  </si>
  <si>
    <t>191.6745147705078</t>
  </si>
  <si>
    <t>-0.009186694529132566</t>
  </si>
  <si>
    <t>12.389842987060547</t>
  </si>
  <si>
    <t>341.41253662109375</t>
  </si>
  <si>
    <t>0.08489118881348467</t>
  </si>
  <si>
    <t>7654</t>
  </si>
  <si>
    <t>13.047713279724121</t>
  </si>
  <si>
    <t>345.7835998535156</t>
  </si>
  <si>
    <t>-0.0016970175732478054</t>
  </si>
  <si>
    <t>8477</t>
  </si>
  <si>
    <t>11.616008758544922</t>
  </si>
  <si>
    <t>336.2182922363281</t>
  </si>
  <si>
    <t>0.10212822662275833</t>
  </si>
  <si>
    <t>12.017669677734375</t>
  </si>
  <si>
    <t>349.7980651855469</t>
  </si>
  <si>
    <t>-0.05866535333713685</t>
  </si>
  <si>
    <t>11.737875938415527</t>
  </si>
  <si>
    <t>341.0016784667969</t>
  </si>
  <si>
    <t>0.0016248988013654042</t>
  </si>
  <si>
    <t>12.507664680480957</t>
  </si>
  <si>
    <t>310.0320129394531</t>
  </si>
  <si>
    <t>0.15473927710995028</t>
  </si>
  <si>
    <t>12.647042274475098</t>
  </si>
  <si>
    <t>315.0815124511719</t>
  </si>
  <si>
    <t>-0.18285663091448612</t>
  </si>
  <si>
    <t>12.064352989196777</t>
  </si>
  <si>
    <t>393.1012268066406</t>
  </si>
  <si>
    <t>-0.014491132090432401</t>
  </si>
  <si>
    <t>7949</t>
  </si>
  <si>
    <t>12.6233549118042</t>
  </si>
  <si>
    <t>319.5497741699219</t>
  </si>
  <si>
    <t>0.035338461395447496</t>
  </si>
  <si>
    <t>13.274163246154785</t>
  </si>
  <si>
    <t>520.1867065429688</t>
  </si>
  <si>
    <t>-0.032215492038796256</t>
  </si>
  <si>
    <t>12.370884895324707</t>
  </si>
  <si>
    <t>442.6003112792969</t>
  </si>
  <si>
    <t>-0.04273474032629565</t>
  </si>
  <si>
    <t>12.28253173828125</t>
  </si>
  <si>
    <t>421.3254089355469</t>
  </si>
  <si>
    <t>0.023848933105426795</t>
  </si>
  <si>
    <t>13.349040985107422</t>
  </si>
  <si>
    <t>267.5779724121094</t>
  </si>
  <si>
    <t>0.03831388693175164</t>
  </si>
  <si>
    <t>13.00671100616455</t>
  </si>
  <si>
    <t>291.694091796875</t>
  </si>
  <si>
    <t>0.029256904988248067</t>
  </si>
  <si>
    <t>5113</t>
  </si>
  <si>
    <t>13.884273529052734</t>
  </si>
  <si>
    <t>266.48809814453125</t>
  </si>
  <si>
    <t>623.025390625</t>
  </si>
  <si>
    <t>Lorestan</t>
  </si>
  <si>
    <t>5550</t>
  </si>
  <si>
    <t>13.622611999511719</t>
  </si>
  <si>
    <t>402.3134460449219</t>
  </si>
  <si>
    <t>0.0820116116604801</t>
  </si>
  <si>
    <t>12.708271026611328</t>
  </si>
  <si>
    <t>535.3720703125</t>
  </si>
  <si>
    <t>0.009861128765781046</t>
  </si>
  <si>
    <t>13.564933776855469</t>
  </si>
  <si>
    <t>527.3109741210938</t>
  </si>
  <si>
    <t>-0.02018450216364087</t>
  </si>
  <si>
    <t>14.067252159118652</t>
  </si>
  <si>
    <t>387.2406005859375</t>
  </si>
  <si>
    <t>-0.020042962018056443</t>
  </si>
  <si>
    <t>5445</t>
  </si>
  <si>
    <t>13.765693664550781</t>
  </si>
  <si>
    <t>363.6379089355469</t>
  </si>
  <si>
    <t>0.011266164042497806</t>
  </si>
  <si>
    <t>14.251373291015625</t>
  </si>
  <si>
    <t>519.1591186523438</t>
  </si>
  <si>
    <t>0.04944585890146769</t>
  </si>
  <si>
    <t>5723</t>
  </si>
  <si>
    <t>13.75551700592041</t>
  </si>
  <si>
    <t>416.8190002441406</t>
  </si>
  <si>
    <t>0.00034952814057298554</t>
  </si>
  <si>
    <t>15.071456909179688</t>
  </si>
  <si>
    <t>376.7130126953125</t>
  </si>
  <si>
    <t>0.00592336226670831</t>
  </si>
  <si>
    <t>14.836009979248047</t>
  </si>
  <si>
    <t>308.208740234375</t>
  </si>
  <si>
    <t>0.0050247008602699594</t>
  </si>
  <si>
    <t>14.64755916595459</t>
  </si>
  <si>
    <t>332.3426208496094</t>
  </si>
  <si>
    <t>0.04130580418515173</t>
  </si>
  <si>
    <t>14.97846508026123</t>
  </si>
  <si>
    <t>329.307861328125</t>
  </si>
  <si>
    <t>0.05107768242190858</t>
  </si>
  <si>
    <t>6326</t>
  </si>
  <si>
    <t>14.572251319885254</t>
  </si>
  <si>
    <t>383.5494384765625</t>
  </si>
  <si>
    <t>-0.003156568277546512</t>
  </si>
  <si>
    <t>6799</t>
  </si>
  <si>
    <t>14.590755462646484</t>
  </si>
  <si>
    <t>463.21331787109375</t>
  </si>
  <si>
    <t>0.0721074176608667</t>
  </si>
  <si>
    <t>14.339322090148926</t>
  </si>
  <si>
    <t>419.5279541015625</t>
  </si>
  <si>
    <t>-0.02411548838053612</t>
  </si>
  <si>
    <t>6816</t>
  </si>
  <si>
    <t>14.692435264587402</t>
  </si>
  <si>
    <t>378.76422119140625</t>
  </si>
  <si>
    <t>0.026612735363228168</t>
  </si>
  <si>
    <t>14.468952178955078</t>
  </si>
  <si>
    <t>410.4338684082031</t>
  </si>
  <si>
    <t>0.040540264697289885</t>
  </si>
  <si>
    <t>14.05361270904541</t>
  </si>
  <si>
    <t>444.60296630859375</t>
  </si>
  <si>
    <t>0.004498180201899515</t>
  </si>
  <si>
    <t>14.942962646484375</t>
  </si>
  <si>
    <t>204.6617889404297</t>
  </si>
  <si>
    <t>-0.01840108537089158</t>
  </si>
  <si>
    <t>14.952690124511719</t>
  </si>
  <si>
    <t>380.7241516113281</t>
  </si>
  <si>
    <t>0.06779215091043334</t>
  </si>
  <si>
    <t>15.528766632080078</t>
  </si>
  <si>
    <t>345.52520751953125</t>
  </si>
  <si>
    <t>0.08908949032230495</t>
  </si>
  <si>
    <t>14.181214332580566</t>
  </si>
  <si>
    <t>299.37091064453125</t>
  </si>
  <si>
    <t>-0.012163059217650485</t>
  </si>
  <si>
    <t>14.569058418273926</t>
  </si>
  <si>
    <t>388.2244873046875</t>
  </si>
  <si>
    <t>0.04849581277060899</t>
  </si>
  <si>
    <t>14.390289306640625</t>
  </si>
  <si>
    <t>347.6629333496094</t>
  </si>
  <si>
    <t>-0.011845672747014646</t>
  </si>
  <si>
    <t>8913</t>
  </si>
  <si>
    <t>14.835679054260254</t>
  </si>
  <si>
    <t>284.3818664550781</t>
  </si>
  <si>
    <t>0.060232014054584226</t>
  </si>
  <si>
    <t>14.941771507263184</t>
  </si>
  <si>
    <t>309.3575439453125</t>
  </si>
  <si>
    <t>-0.12903764990494082</t>
  </si>
  <si>
    <t>14.721526145935059</t>
  </si>
  <si>
    <t>426.5973205566406</t>
  </si>
  <si>
    <t>0.09479945456339856</t>
  </si>
  <si>
    <t>8482</t>
  </si>
  <si>
    <t>15.041080474853516</t>
  </si>
  <si>
    <t>321.0549011230469</t>
  </si>
  <si>
    <t>-0.015326418754638027</t>
  </si>
  <si>
    <t>8213</t>
  </si>
  <si>
    <t>15.640236854553223</t>
  </si>
  <si>
    <t>620.2679443359375</t>
  </si>
  <si>
    <t>-0.032228006294344524</t>
  </si>
  <si>
    <t>14.803051948547363</t>
  </si>
  <si>
    <t>405.5014953613281</t>
  </si>
  <si>
    <t>-0.04266020232874368</t>
  </si>
  <si>
    <t>14.728497505187988</t>
  </si>
  <si>
    <t>442.5782775878906</t>
  </si>
  <si>
    <t>0.023855494089225715</t>
  </si>
  <si>
    <t>15.7955322265625</t>
  </si>
  <si>
    <t>211.1702880859375</t>
  </si>
  <si>
    <t>0.03821811107841455</t>
  </si>
  <si>
    <t>15.379581451416016</t>
  </si>
  <si>
    <t>299.5330810546875</t>
  </si>
  <si>
    <t>0.02941734656969075</t>
  </si>
  <si>
    <t>14.058906555175781</t>
  </si>
  <si>
    <t>215.02261352539062</t>
  </si>
  <si>
    <t>862.994384765625</t>
  </si>
  <si>
    <t>Markazi</t>
  </si>
  <si>
    <t>13.520991325378418</t>
  </si>
  <si>
    <t>329.77850341796875</t>
  </si>
  <si>
    <t>0.08211576982340674</t>
  </si>
  <si>
    <t>12.573111534118652</t>
  </si>
  <si>
    <t>398.1335144042969</t>
  </si>
  <si>
    <t>0.009858058113170642</t>
  </si>
  <si>
    <t>13.539474487304688</t>
  </si>
  <si>
    <t>389.0882568359375</t>
  </si>
  <si>
    <t>-0.020238336136486623</t>
  </si>
  <si>
    <t>11554</t>
  </si>
  <si>
    <t>14.069682121276855</t>
  </si>
  <si>
    <t>304.81427001953125</t>
  </si>
  <si>
    <t>-0.020050367516374124</t>
  </si>
  <si>
    <t>11684</t>
  </si>
  <si>
    <t>13.794543266296387</t>
  </si>
  <si>
    <t>275.6971130371094</t>
  </si>
  <si>
    <t>0.011188687166420408</t>
  </si>
  <si>
    <t>12278</t>
  </si>
  <si>
    <t>14.233878135681152</t>
  </si>
  <si>
    <t>422.169921875</t>
  </si>
  <si>
    <t>0.04958865847980931</t>
  </si>
  <si>
    <t>12281</t>
  </si>
  <si>
    <t>13.816781044006348</t>
  </si>
  <si>
    <t>278.63604736328125</t>
  </si>
  <si>
    <t>0.00024430962294275105</t>
  </si>
  <si>
    <t>15.013882637023926</t>
  </si>
  <si>
    <t>328.5611572265625</t>
  </si>
  <si>
    <t>0.0060074868123258796</t>
  </si>
  <si>
    <t>12417</t>
  </si>
  <si>
    <t>14.82726764678955</t>
  </si>
  <si>
    <t>273.00140380859375</t>
  </si>
  <si>
    <t>0.005005661994132993</t>
  </si>
  <si>
    <t>14.617560386657715</t>
  </si>
  <si>
    <t>322.3222961425781</t>
  </si>
  <si>
    <t>0.04133406440482723</t>
  </si>
  <si>
    <t>15.095210075378418</t>
  </si>
  <si>
    <t>251.68063354492188</t>
  </si>
  <si>
    <t>0.10286145247254375</t>
  </si>
  <si>
    <t>14961</t>
  </si>
  <si>
    <t>14.813132286071777</t>
  </si>
  <si>
    <t>306.78411865234375</t>
  </si>
  <si>
    <t>0.04218479692001864</t>
  </si>
  <si>
    <t>15349</t>
  </si>
  <si>
    <t>14.382859230041504</t>
  </si>
  <si>
    <t>397.7493591308594</t>
  </si>
  <si>
    <t>0.025603510099175608</t>
  </si>
  <si>
    <t>15425</t>
  </si>
  <si>
    <t>14.236815452575684</t>
  </si>
  <si>
    <t>349.5303955078125</t>
  </si>
  <si>
    <t>0.004939244460180348</t>
  </si>
  <si>
    <t>14951</t>
  </si>
  <si>
    <t>14.506974220275879</t>
  </si>
  <si>
    <t>307.8639221191406</t>
  </si>
  <si>
    <t>-0.03121138255966116</t>
  </si>
  <si>
    <t>15699</t>
  </si>
  <si>
    <t>14.72815990447998</t>
  </si>
  <si>
    <t>318.5275573730469</t>
  </si>
  <si>
    <t>0.048818828826391325</t>
  </si>
  <si>
    <t>15829</t>
  </si>
  <si>
    <t>13.712661743164062</t>
  </si>
  <si>
    <t>364.0007019042969</t>
  </si>
  <si>
    <t>0.008246684645419222</t>
  </si>
  <si>
    <t>15314</t>
  </si>
  <si>
    <t>14.926583290100098</t>
  </si>
  <si>
    <t>198.72276306152344</t>
  </si>
  <si>
    <t>-0.03307625801266845</t>
  </si>
  <si>
    <t>15441</t>
  </si>
  <si>
    <t>14.781055450439453</t>
  </si>
  <si>
    <t>336.2085266113281</t>
  </si>
  <si>
    <t>0.00825886664779496</t>
  </si>
  <si>
    <t>15831</t>
  </si>
  <si>
    <t>15.45417308807373</t>
  </si>
  <si>
    <t>298.26470947265625</t>
  </si>
  <si>
    <t>0.024943733752913033</t>
  </si>
  <si>
    <t>17689</t>
  </si>
  <si>
    <t>14.162921905517578</t>
  </si>
  <si>
    <t>303.8868408203125</t>
  </si>
  <si>
    <t>0.11097293436973032</t>
  </si>
  <si>
    <t>14.313972473144531</t>
  </si>
  <si>
    <t>324.5039978027344</t>
  </si>
  <si>
    <t>0.04666390570312906</t>
  </si>
  <si>
    <t>17012</t>
  </si>
  <si>
    <t>14.74209976196289</t>
  </si>
  <si>
    <t>252.82965087890625</t>
  </si>
  <si>
    <t>-0.0856879057731117</t>
  </si>
  <si>
    <t>14.90400218963623</t>
  </si>
  <si>
    <t>259.97857666015625</t>
  </si>
  <si>
    <t>0.1487280566139475</t>
  </si>
  <si>
    <t>17991</t>
  </si>
  <si>
    <t>15.111445426940918</t>
  </si>
  <si>
    <t>303.1570129394531</t>
  </si>
  <si>
    <t>-0.09277540115085259</t>
  </si>
  <si>
    <t>17303</t>
  </si>
  <si>
    <t>14.82464599609375</t>
  </si>
  <si>
    <t>293.762451171875</t>
  </si>
  <si>
    <t>-0.03899173597997141</t>
  </si>
  <si>
    <t>16666</t>
  </si>
  <si>
    <t>15.142566680908203</t>
  </si>
  <si>
    <t>278.310546875</t>
  </si>
  <si>
    <t>-0.03750918091449584</t>
  </si>
  <si>
    <t>15.729564666748047</t>
  </si>
  <si>
    <t>422.9802551269531</t>
  </si>
  <si>
    <t>-0.032193976533701374</t>
  </si>
  <si>
    <t>15463</t>
  </si>
  <si>
    <t>14.853527069091797</t>
  </si>
  <si>
    <t>355.561279296875</t>
  </si>
  <si>
    <t>-0.04272666593302077</t>
  </si>
  <si>
    <t>15837</t>
  </si>
  <si>
    <t>14.805676460266113</t>
  </si>
  <si>
    <t>367.27911376953125</t>
  </si>
  <si>
    <t>0.023898901016295326</t>
  </si>
  <si>
    <t>16455</t>
  </si>
  <si>
    <t>15.968040466308594</t>
  </si>
  <si>
    <t>226.86322021484375</t>
  </si>
  <si>
    <t>0.03828040788571485</t>
  </si>
  <si>
    <t>15.35109806060791</t>
  </si>
  <si>
    <t>268.8996276855469</t>
  </si>
  <si>
    <t>0.02934342266371104</t>
  </si>
  <si>
    <t>1534</t>
  </si>
  <si>
    <t>8173</t>
  </si>
  <si>
    <t>15.535212516784668</t>
  </si>
  <si>
    <t>422.37457275390625</t>
  </si>
  <si>
    <t>1509.730712890625</t>
  </si>
  <si>
    <t>Mazandaran</t>
  </si>
  <si>
    <t>8872</t>
  </si>
  <si>
    <t>14.865276336669922</t>
  </si>
  <si>
    <t>540.8230590820312</t>
  </si>
  <si>
    <t>0.08206421151407284</t>
  </si>
  <si>
    <t>8961</t>
  </si>
  <si>
    <t>13.944197654724121</t>
  </si>
  <si>
    <t>581.4052124023438</t>
  </si>
  <si>
    <t>0.009981577854016876</t>
  </si>
  <si>
    <t>8781</t>
  </si>
  <si>
    <t>14.650801658630371</t>
  </si>
  <si>
    <t>575.0823364257812</t>
  </si>
  <si>
    <t>-0.020291531524224027</t>
  </si>
  <si>
    <t>15.218214988708496</t>
  </si>
  <si>
    <t>533.5640869140625</t>
  </si>
  <si>
    <t>-0.020014470710520982</t>
  </si>
  <si>
    <t>15.345499992370605</t>
  </si>
  <si>
    <t>432.513427734375</t>
  </si>
  <si>
    <t>0.011206864446249298</t>
  </si>
  <si>
    <t>15.48597240447998</t>
  </si>
  <si>
    <t>575.0947265625</t>
  </si>
  <si>
    <t>0.04953393512227677</t>
  </si>
  <si>
    <t>15.276622772216797</t>
  </si>
  <si>
    <t>520.8192749023438</t>
  </si>
  <si>
    <t>0.00021865092467088232</t>
  </si>
  <si>
    <t>16.224645614624023</t>
  </si>
  <si>
    <t>572.0265502929688</t>
  </si>
  <si>
    <t>0.0061028960125852905</t>
  </si>
  <si>
    <t>16.105777740478516</t>
  </si>
  <si>
    <t>580.02197265625</t>
  </si>
  <si>
    <t>0.0049853793512149025</t>
  </si>
  <si>
    <t>15.86584758758545</t>
  </si>
  <si>
    <t>606.0639038085938</t>
  </si>
  <si>
    <t>0.04129755709811889</t>
  </si>
  <si>
    <t>16.5826416015625</t>
  </si>
  <si>
    <t>469.99920654296875</t>
  </si>
  <si>
    <t>0.0835475702704418</t>
  </si>
  <si>
    <t>10992</t>
  </si>
  <si>
    <t>16.285114288330078</t>
  </si>
  <si>
    <t>522.3609619140625</t>
  </si>
  <si>
    <t>0.04769905658709739</t>
  </si>
  <si>
    <t>12022</t>
  </si>
  <si>
    <t>15.640799522399902</t>
  </si>
  <si>
    <t>642.5576171875</t>
  </si>
  <si>
    <t>0.0895705691369777</t>
  </si>
  <si>
    <t>15.725326538085938</t>
  </si>
  <si>
    <t>681.2084350585938</t>
  </si>
  <si>
    <t>-0.05452944382941993</t>
  </si>
  <si>
    <t>15.777862548828125</t>
  </si>
  <si>
    <t>514.986572265625</t>
  </si>
  <si>
    <t>0.024812585510913365</t>
  </si>
  <si>
    <t>16.269548416137695</t>
  </si>
  <si>
    <t>521.2842407226562</t>
  </si>
  <si>
    <t>-0.0482761574760282</t>
  </si>
  <si>
    <t>11937</t>
  </si>
  <si>
    <t>15.017609596252441</t>
  </si>
  <si>
    <t>595.09375</t>
  </si>
  <si>
    <t>0.07089753129046628</t>
  </si>
  <si>
    <t>13181</t>
  </si>
  <si>
    <t>16.24408721923828</t>
  </si>
  <si>
    <t>447.8467102050781</t>
  </si>
  <si>
    <t>0.09913357861742611</t>
  </si>
  <si>
    <t>16.068605422973633</t>
  </si>
  <si>
    <t>630.1688232421875</t>
  </si>
  <si>
    <t>0.017447987189624925</t>
  </si>
  <si>
    <t>13238</t>
  </si>
  <si>
    <t>16.84979820251465</t>
  </si>
  <si>
    <t>462.73272705078125</t>
  </si>
  <si>
    <t>-0.013132904223221331</t>
  </si>
  <si>
    <t>13277</t>
  </si>
  <si>
    <t>15.505119323730469</t>
  </si>
  <si>
    <t>837.4205322265625</t>
  </si>
  <si>
    <t>0.0029417332170336152</t>
  </si>
  <si>
    <t>15.79071044921875</t>
  </si>
  <si>
    <t>655.76416015625</t>
  </si>
  <si>
    <t>0.005632971445768575</t>
  </si>
  <si>
    <t>13368</t>
  </si>
  <si>
    <t>16.44224739074707</t>
  </si>
  <si>
    <t>438.4261474609375</t>
  </si>
  <si>
    <t>0.0011976049335586936</t>
  </si>
  <si>
    <t>16.111793518066406</t>
  </si>
  <si>
    <t>389.4619140625</t>
  </si>
  <si>
    <t>-0.024075657524390337</t>
  </si>
  <si>
    <t>12079</t>
  </si>
  <si>
    <t>16.52054786682129</t>
  </si>
  <si>
    <t>576.624267578125</t>
  </si>
  <si>
    <t>-0.07731972614556071</t>
  </si>
  <si>
    <t>16.1412353515625</t>
  </si>
  <si>
    <t>495.57720947265625</t>
  </si>
  <si>
    <t>0.0957691732623207</t>
  </si>
  <si>
    <t>13217</t>
  </si>
  <si>
    <t>16.40132713317871</t>
  </si>
  <si>
    <t>412.26611328125</t>
  </si>
  <si>
    <t>-0.005733701109791767</t>
  </si>
  <si>
    <t>12798</t>
  </si>
  <si>
    <t>16.93394660949707</t>
  </si>
  <si>
    <t>492.998046875</t>
  </si>
  <si>
    <t>-0.03221497105840143</t>
  </si>
  <si>
    <t>16.302461624145508</t>
  </si>
  <si>
    <t>525.58740234375</t>
  </si>
  <si>
    <t>-0.04270230993737911</t>
  </si>
  <si>
    <t>16.014680862426758</t>
  </si>
  <si>
    <t>557.0861206054688</t>
  </si>
  <si>
    <t>0.0238509412561001</t>
  </si>
  <si>
    <t>13049</t>
  </si>
  <si>
    <t>17.21824836730957</t>
  </si>
  <si>
    <t>398.80523681640625</t>
  </si>
  <si>
    <t>0.03827396244411929</t>
  </si>
  <si>
    <t>13438</t>
  </si>
  <si>
    <t>16.650901794433594</t>
  </si>
  <si>
    <t>422.9881896972656</t>
  </si>
  <si>
    <t>0.029375012017849755</t>
  </si>
  <si>
    <t>1535</t>
  </si>
  <si>
    <t>12.888298034667969</t>
  </si>
  <si>
    <t>199.7659149169922</t>
  </si>
  <si>
    <t>193.17294311523438</t>
  </si>
  <si>
    <t>North Khorasan</t>
  </si>
  <si>
    <t>12.52477741241455</t>
  </si>
  <si>
    <t>332.7317199707031</t>
  </si>
  <si>
    <t>0.08207669076345603</t>
  </si>
  <si>
    <t>11.856727600097656</t>
  </si>
  <si>
    <t>342.2501525878906</t>
  </si>
  <si>
    <t>0.009912056891087317</t>
  </si>
  <si>
    <t>6657</t>
  </si>
  <si>
    <t>11.876072883605957</t>
  </si>
  <si>
    <t>345.5415954589844</t>
  </si>
  <si>
    <t>-0.02022373759059981</t>
  </si>
  <si>
    <t>6524</t>
  </si>
  <si>
    <t>12.460372924804688</t>
  </si>
  <si>
    <t>195.8061065673828</t>
  </si>
  <si>
    <t>-0.02018124785979758</t>
  </si>
  <si>
    <t>13.204258918762207</t>
  </si>
  <si>
    <t>180.02508544921875</t>
  </si>
  <si>
    <t>0.011278888047622004</t>
  </si>
  <si>
    <t>6933</t>
  </si>
  <si>
    <t>12.76657772064209</t>
  </si>
  <si>
    <t>233.9270477294922</t>
  </si>
  <si>
    <t>0.04952604715396269</t>
  </si>
  <si>
    <t>12.945182800292969</t>
  </si>
  <si>
    <t>235.74130249023438</t>
  </si>
  <si>
    <t>0.00028843380644261174</t>
  </si>
  <si>
    <t>6977</t>
  </si>
  <si>
    <t>13.374469757080078</t>
  </si>
  <si>
    <t>262.824951171875</t>
  </si>
  <si>
    <t>0.006037971190304248</t>
  </si>
  <si>
    <t>7012</t>
  </si>
  <si>
    <t>13.632102966308594</t>
  </si>
  <si>
    <t>216.28208923339844</t>
  </si>
  <si>
    <t>0.00500394210188837</t>
  </si>
  <si>
    <t>13.301918983459473</t>
  </si>
  <si>
    <t>166.4593505859375</t>
  </si>
  <si>
    <t>0.041346671456771844</t>
  </si>
  <si>
    <t>13.725399017333984</t>
  </si>
  <si>
    <t>182.1871795654297</t>
  </si>
  <si>
    <t>0.021791482859169875</t>
  </si>
  <si>
    <t>7759</t>
  </si>
  <si>
    <t>13.352551460266113</t>
  </si>
  <si>
    <t>267.7913818359375</t>
  </si>
  <si>
    <t>0.038092338536882764</t>
  </si>
  <si>
    <t>12.66838550567627</t>
  </si>
  <si>
    <t>353.2611999511719</t>
  </si>
  <si>
    <t>0.08306192902872667</t>
  </si>
  <si>
    <t>13.20309066772461</t>
  </si>
  <si>
    <t>305.09307861328125</t>
  </si>
  <si>
    <t>-0.1261203874290011</t>
  </si>
  <si>
    <t>7643</t>
  </si>
  <si>
    <t>12.975647926330566</t>
  </si>
  <si>
    <t>248.33177185058594</t>
  </si>
  <si>
    <t>0.027995194749209418</t>
  </si>
  <si>
    <t>13.626748085021973</t>
  </si>
  <si>
    <t>174.58489990234375</t>
  </si>
  <si>
    <t>0.09646327396869125</t>
  </si>
  <si>
    <t>12.226370811462402</t>
  </si>
  <si>
    <t>275.5586853027344</t>
  </si>
  <si>
    <t>-0.016289736177876435</t>
  </si>
  <si>
    <t>13.527244567871094</t>
  </si>
  <si>
    <t>136.89334106445312</t>
  </si>
  <si>
    <t>13.389883995056152</t>
  </si>
  <si>
    <t>309.76324462890625</t>
  </si>
  <si>
    <t>0.06392323347118456</t>
  </si>
  <si>
    <t>13.895130157470703</t>
  </si>
  <si>
    <t>287.6098937988281</t>
  </si>
  <si>
    <t>-0.16009792512033272</t>
  </si>
  <si>
    <t>8224</t>
  </si>
  <si>
    <t>12.56320571899414</t>
  </si>
  <si>
    <t>299.3843688964844</t>
  </si>
  <si>
    <t>0.08312787696323198</t>
  </si>
  <si>
    <t>13.333367347717285</t>
  </si>
  <si>
    <t>245.78390502929688</t>
  </si>
  <si>
    <t>-0.01853154829993109</t>
  </si>
  <si>
    <t>7911</t>
  </si>
  <si>
    <t>13.627903938293457</t>
  </si>
  <si>
    <t>234.2165069580078</t>
  </si>
  <si>
    <t>-0.020270964373619194</t>
  </si>
  <si>
    <t>9193</t>
  </si>
  <si>
    <t>12.820164680480957</t>
  </si>
  <si>
    <t>219.40684509277344</t>
  </si>
  <si>
    <t>0.150188128842359</t>
  </si>
  <si>
    <t>7713</t>
  </si>
  <si>
    <t>13.748637199401855</t>
  </si>
  <si>
    <t>258.4803771972656</t>
  </si>
  <si>
    <t>-0.1755351079297558</t>
  </si>
  <si>
    <t>13.450447082519531</t>
  </si>
  <si>
    <t>285.26910400390625</t>
  </si>
  <si>
    <t>0.020023772600984202</t>
  </si>
  <si>
    <t>13.425941467285156</t>
  </si>
  <si>
    <t>230.22264099121094</t>
  </si>
  <si>
    <t>0.011874823722461514</t>
  </si>
  <si>
    <t>13.911552429199219</t>
  </si>
  <si>
    <t>291.50360107421875</t>
  </si>
  <si>
    <t>-0.03228762570006971</t>
  </si>
  <si>
    <t>13.548630714416504</t>
  </si>
  <si>
    <t>353.78570556640625</t>
  </si>
  <si>
    <t>-0.04266112523824539</t>
  </si>
  <si>
    <t>12.834404945373535</t>
  </si>
  <si>
    <t>282.9927673339844</t>
  </si>
  <si>
    <t>0.02380746387384569</t>
  </si>
  <si>
    <t>7861</t>
  </si>
  <si>
    <t>14.299567222595215</t>
  </si>
  <si>
    <t>171.18707275390625</t>
  </si>
  <si>
    <t>0.038249298600781856</t>
  </si>
  <si>
    <t>13.819655418395996</t>
  </si>
  <si>
    <t>253.67408752441406</t>
  </si>
  <si>
    <t>0.029456287733490072</t>
  </si>
  <si>
    <t>12.117386817932129</t>
  </si>
  <si>
    <t>375.08087158203125</t>
  </si>
  <si>
    <t>372.668212890625</t>
  </si>
  <si>
    <t>Qazvin</t>
  </si>
  <si>
    <t>11.693870544433594</t>
  </si>
  <si>
    <t>505.6973876953125</t>
  </si>
  <si>
    <t>0.08208532151984649</t>
  </si>
  <si>
    <t>10.748753547668457</t>
  </si>
  <si>
    <t>563.7940673828125</t>
  </si>
  <si>
    <t>0.009895525109326897</t>
  </si>
  <si>
    <t>11.60318660736084</t>
  </si>
  <si>
    <t>584.0427856445312</t>
  </si>
  <si>
    <t>-0.02026906211665569</t>
  </si>
  <si>
    <t>12.174159049987793</t>
  </si>
  <si>
    <t>558.9169311523438</t>
  </si>
  <si>
    <t>-0.02001119961938791</t>
  </si>
  <si>
    <t>10457</t>
  </si>
  <si>
    <t>12.104159355163574</t>
  </si>
  <si>
    <t>410.5534362792969</t>
  </si>
  <si>
    <t>0.011251741536169035</t>
  </si>
  <si>
    <t>12.431082725524902</t>
  </si>
  <si>
    <t>571.5303955078125</t>
  </si>
  <si>
    <t>0.049532157616575034</t>
  </si>
  <si>
    <t>11.992424964904785</t>
  </si>
  <si>
    <t>428.6570129394531</t>
  </si>
  <si>
    <t>0.00027298785373552903</t>
  </si>
  <si>
    <t>11057</t>
  </si>
  <si>
    <t>13.180703163146973</t>
  </si>
  <si>
    <t>517.3157958984375</t>
  </si>
  <si>
    <t>0.005986955473501254</t>
  </si>
  <si>
    <t>11113</t>
  </si>
  <si>
    <t>12.983227729797363</t>
  </si>
  <si>
    <t>466.0147705078125</t>
  </si>
  <si>
    <t>0.00505188264324552</t>
  </si>
  <si>
    <t>12.79451847076416</t>
  </si>
  <si>
    <t>573.2138671875</t>
  </si>
  <si>
    <t>0.04133657460008777</t>
  </si>
  <si>
    <t>13.186692237854004</t>
  </si>
  <si>
    <t>414.0797119140625</t>
  </si>
  <si>
    <t>0.031781075618093624</t>
  </si>
  <si>
    <t>11379</t>
  </si>
  <si>
    <t>12.83465576171875</t>
  </si>
  <si>
    <t>440.8720397949219</t>
  </si>
  <si>
    <t>-0.0494636930468193</t>
  </si>
  <si>
    <t>12.319136619567871</t>
  </si>
  <si>
    <t>595.1876831054688</t>
  </si>
  <si>
    <t>0.04921274152097155</t>
  </si>
  <si>
    <t>11531</t>
  </si>
  <si>
    <t>12.243873596191406</t>
  </si>
  <si>
    <t>547.7408447265625</t>
  </si>
  <si>
    <t>-0.0359432321068649</t>
  </si>
  <si>
    <t>12.510546684265137</t>
  </si>
  <si>
    <t>468.9972229003906</t>
  </si>
  <si>
    <t>0.047670401062042345</t>
  </si>
  <si>
    <t>12260</t>
  </si>
  <si>
    <t>12.83692455291748</t>
  </si>
  <si>
    <t>505.77069091796875</t>
  </si>
  <si>
    <t>0.013632468657045038</t>
  </si>
  <si>
    <t>12399</t>
  </si>
  <si>
    <t>11.68436050415039</t>
  </si>
  <si>
    <t>550.3494873046875</t>
  </si>
  <si>
    <t>0.011273893689638825</t>
  </si>
  <si>
    <t>13800</t>
  </si>
  <si>
    <t>12.963752746582031</t>
  </si>
  <si>
    <t>398.6537780761719</t>
  </si>
  <si>
    <t>0.10705276796545427</t>
  </si>
  <si>
    <t>12.798983573913574</t>
  </si>
  <si>
    <t>602.8453369140625</t>
  </si>
  <si>
    <t>0.0057803629154999925</t>
  </si>
  <si>
    <t>13156</t>
  </si>
  <si>
    <t>13.562216758728027</t>
  </si>
  <si>
    <t>455.5558166503906</t>
  </si>
  <si>
    <t>-0.05357102675184855</t>
  </si>
  <si>
    <t>12.17568302154541</t>
  </si>
  <si>
    <t>668.4513549804688</t>
  </si>
  <si>
    <t>0.07064347970057838</t>
  </si>
  <si>
    <t>14525</t>
  </si>
  <si>
    <t>12.494110107421875</t>
  </si>
  <si>
    <t>569.6228637695312</t>
  </si>
  <si>
    <t>0.02834989471058691</t>
  </si>
  <si>
    <t>14764</t>
  </si>
  <si>
    <t>12.83236026763916</t>
  </si>
  <si>
    <t>441.8844299316406</t>
  </si>
  <si>
    <t>0.01632048242977646</t>
  </si>
  <si>
    <t>13.070664405822754</t>
  </si>
  <si>
    <t>405.67401123046875</t>
  </si>
  <si>
    <t>0.031272341986811725</t>
  </si>
  <si>
    <t>15637</t>
  </si>
  <si>
    <t>13.304520606994629</t>
  </si>
  <si>
    <t>490.1023254394531</t>
  </si>
  <si>
    <t>0.026175773706809125</t>
  </si>
  <si>
    <t>16802</t>
  </si>
  <si>
    <t>12.810970306396484</t>
  </si>
  <si>
    <t>491.4367980957031</t>
  </si>
  <si>
    <t>0.07185802608128178</t>
  </si>
  <si>
    <t>14884</t>
  </si>
  <si>
    <t>13.24625301361084</t>
  </si>
  <si>
    <t>397.96484375</t>
  </si>
  <si>
    <t>-0.12121111645827831</t>
  </si>
  <si>
    <t>14412</t>
  </si>
  <si>
    <t>13.844341278076172</t>
  </si>
  <si>
    <t>533.1680908203125</t>
  </si>
  <si>
    <t>-0.032225617598529155</t>
  </si>
  <si>
    <t>13809</t>
  </si>
  <si>
    <t>13.052337646484375</t>
  </si>
  <si>
    <t>568.6411743164062</t>
  </si>
  <si>
    <t>-0.042740639382632395</t>
  </si>
  <si>
    <t>14143</t>
  </si>
  <si>
    <t>12.895039558410645</t>
  </si>
  <si>
    <t>562.8994140625</t>
  </si>
  <si>
    <t>0.023899248535148132</t>
  </si>
  <si>
    <t>13.977386474609375</t>
  </si>
  <si>
    <t>345.2016296386719</t>
  </si>
  <si>
    <t>0.0382194451597222</t>
  </si>
  <si>
    <t>15132</t>
  </si>
  <si>
    <t>13.454826354980469</t>
  </si>
  <si>
    <t>405.07012939453125</t>
  </si>
  <si>
    <t>0.02937245957269674</t>
  </si>
  <si>
    <t>17.953750610351562</t>
  </si>
  <si>
    <t>182.90162658691406</t>
  </si>
  <si>
    <t>372.8609924316406</t>
  </si>
  <si>
    <t>Qom</t>
  </si>
  <si>
    <t>17.311126708984375</t>
  </si>
  <si>
    <t>297.4284362792969</t>
  </si>
  <si>
    <t>0.08222169686253622</t>
  </si>
  <si>
    <t>16.369298934936523</t>
  </si>
  <si>
    <t>305.0773010253906</t>
  </si>
  <si>
    <t>0.009853703434210104</t>
  </si>
  <si>
    <t>6896</t>
  </si>
  <si>
    <t>17.35365867614746</t>
  </si>
  <si>
    <t>304.8066101074219</t>
  </si>
  <si>
    <t>-0.020240409623019318</t>
  </si>
  <si>
    <t>6759</t>
  </si>
  <si>
    <t>17.90119743347168</t>
  </si>
  <si>
    <t>287.2765197753906</t>
  </si>
  <si>
    <t>-0.02006658324317634</t>
  </si>
  <si>
    <t>17.621652603149414</t>
  </si>
  <si>
    <t>208.78367614746094</t>
  </si>
  <si>
    <t>0.011181520057697014</t>
  </si>
  <si>
    <t>18.06854820251465</t>
  </si>
  <si>
    <t>342.5172424316406</t>
  </si>
  <si>
    <t>0.04952142562797768</t>
  </si>
  <si>
    <t>17.675806045532227</t>
  </si>
  <si>
    <t>218.70687866210938</t>
  </si>
  <si>
    <t>0.0002784351960070097</t>
  </si>
  <si>
    <t>18.7685604095459</t>
  </si>
  <si>
    <t>321.02099609375</t>
  </si>
  <si>
    <t>0.006106041730083334</t>
  </si>
  <si>
    <t>7264</t>
  </si>
  <si>
    <t>18.67047882080078</t>
  </si>
  <si>
    <t>294.7072448730469</t>
  </si>
  <si>
    <t>0.004968268569010448</t>
  </si>
  <si>
    <t>18.425559997558594</t>
  </si>
  <si>
    <t>361.0061340332031</t>
  </si>
  <si>
    <t>0.04126242615036624</t>
  </si>
  <si>
    <t>18.96673011779785</t>
  </si>
  <si>
    <t>212.5457763671875</t>
  </si>
  <si>
    <t>0.0757861254480261</t>
  </si>
  <si>
    <t>18.654104232788086</t>
  </si>
  <si>
    <t>244.76438903808594</t>
  </si>
  <si>
    <t>0.0747725285867773</t>
  </si>
  <si>
    <t>18.07330894470215</t>
  </si>
  <si>
    <t>339.4995422363281</t>
  </si>
  <si>
    <t>0.05869763267502215</t>
  </si>
  <si>
    <t>17.96029281616211</t>
  </si>
  <si>
    <t>303.2168273925781</t>
  </si>
  <si>
    <t>0.01910480522929703</t>
  </si>
  <si>
    <t>18.139833450317383</t>
  </si>
  <si>
    <t>260.24200439453125</t>
  </si>
  <si>
    <t>-0.032807344703439156</t>
  </si>
  <si>
    <t>18.530155181884766</t>
  </si>
  <si>
    <t>288.3371276855469</t>
  </si>
  <si>
    <t>-0.045790864288177247</t>
  </si>
  <si>
    <t>17.287885665893555</t>
  </si>
  <si>
    <t>299.59173583984375</t>
  </si>
  <si>
    <t>0.060885490510662166</t>
  </si>
  <si>
    <t>18.61933708190918</t>
  </si>
  <si>
    <t>223.1234130859375</t>
  </si>
  <si>
    <t>0.002137894988525346</t>
  </si>
  <si>
    <t>18.42684555053711</t>
  </si>
  <si>
    <t>308.85174560546875</t>
  </si>
  <si>
    <t>0.021549370901073672</t>
  </si>
  <si>
    <t>19.126325607299805</t>
  </si>
  <si>
    <t>253.64781188964844</t>
  </si>
  <si>
    <t>0.014318567932964044</t>
  </si>
  <si>
    <t>10187</t>
  </si>
  <si>
    <t>17.931228637695312</t>
  </si>
  <si>
    <t>320.9603576660156</t>
  </si>
  <si>
    <t>0.04826512287784013</t>
  </si>
  <si>
    <t>10518</t>
  </si>
  <si>
    <t>17.963407516479492</t>
  </si>
  <si>
    <t>308.3692321777344</t>
  </si>
  <si>
    <t>0.03197567755922215</t>
  </si>
  <si>
    <t>18.747007369995117</t>
  </si>
  <si>
    <t>214.91058349609375</t>
  </si>
  <si>
    <t>-0.0431302278436938</t>
  </si>
  <si>
    <t>18.711078643798828</t>
  </si>
  <si>
    <t>250.81431579589844</t>
  </si>
  <si>
    <t>-0.05163817062742737</t>
  </si>
  <si>
    <t>10190</t>
  </si>
  <si>
    <t>19.042003631591797</t>
  </si>
  <si>
    <t>265.50885009765625</t>
  </si>
  <si>
    <t>0.06308717053860313</t>
  </si>
  <si>
    <t>10119</t>
  </si>
  <si>
    <t>18.74260139465332</t>
  </si>
  <si>
    <t>244.64805603027344</t>
  </si>
  <si>
    <t>-0.006992002487011817</t>
  </si>
  <si>
    <t>19.013673782348633</t>
  </si>
  <si>
    <t>234.0034942626953</t>
  </si>
  <si>
    <t>-0.048493736125168496</t>
  </si>
  <si>
    <t>19.572126388549805</t>
  </si>
  <si>
    <t>344.6417236328125</t>
  </si>
  <si>
    <t>-0.03225746109482941</t>
  </si>
  <si>
    <t>8944</t>
  </si>
  <si>
    <t>18.70039939880371</t>
  </si>
  <si>
    <t>300.7652587890625</t>
  </si>
  <si>
    <t>-0.042680731114881354</t>
  </si>
  <si>
    <t>9160</t>
  </si>
  <si>
    <t>18.668325424194336</t>
  </si>
  <si>
    <t>295.4844665527344</t>
  </si>
  <si>
    <t>0.023863262273296826</t>
  </si>
  <si>
    <t>19.840288162231445</t>
  </si>
  <si>
    <t>214.19874572753906</t>
  </si>
  <si>
    <t>0.038233494404167345</t>
  </si>
  <si>
    <t>19.170137405395508</t>
  </si>
  <si>
    <t>244.80499267578125</t>
  </si>
  <si>
    <t>0.029404748196835584</t>
  </si>
  <si>
    <t>14.024703979492188</t>
  </si>
  <si>
    <t>208.3177947998047</t>
  </si>
  <si>
    <t>2476.139892578125</t>
  </si>
  <si>
    <t>Razavi Khorasan</t>
  </si>
  <si>
    <t>13.549800872802734</t>
  </si>
  <si>
    <t>322.9354553222656</t>
  </si>
  <si>
    <t>12.875927925109863</t>
  </si>
  <si>
    <t>333.62451171875</t>
  </si>
  <si>
    <t>13.183891296386719</t>
  </si>
  <si>
    <t>348.75787353515625</t>
  </si>
  <si>
    <t>13.807417869567871</t>
  </si>
  <si>
    <t>209.05386352539062</t>
  </si>
  <si>
    <t>14.068103790283203</t>
  </si>
  <si>
    <t>209.39292907714844</t>
  </si>
  <si>
    <t>13.775607109069824</t>
  </si>
  <si>
    <t>257.491455078125</t>
  </si>
  <si>
    <t>14.13305950164795</t>
  </si>
  <si>
    <t>280.3046569824219</t>
  </si>
  <si>
    <t>14.452345848083496</t>
  </si>
  <si>
    <t>293.04046630859375</t>
  </si>
  <si>
    <t>14.764466285705566</t>
  </si>
  <si>
    <t>200.01895141601562</t>
  </si>
  <si>
    <t>14.327136993408203</t>
  </si>
  <si>
    <t>134.86004638671875</t>
  </si>
  <si>
    <t>15.14645767211914</t>
  </si>
  <si>
    <t>170.00384521484375</t>
  </si>
  <si>
    <t>14.67584228515625</t>
  </si>
  <si>
    <t>257.36138916015625</t>
  </si>
  <si>
    <t>14.10429859161377</t>
  </si>
  <si>
    <t>337.93341064453125</t>
  </si>
  <si>
    <t>14.370062828063965</t>
  </si>
  <si>
    <t>289.4241638183594</t>
  </si>
  <si>
    <t>0.047032063595327855</t>
  </si>
  <si>
    <t>14.074031829833984</t>
  </si>
  <si>
    <t>247.86947631835938</t>
  </si>
  <si>
    <t>0.0029378552203933594</t>
  </si>
  <si>
    <t>8875</t>
  </si>
  <si>
    <t>14.742588996887207</t>
  </si>
  <si>
    <t>165.99185180664062</t>
  </si>
  <si>
    <t>0.0013530276052193813</t>
  </si>
  <si>
    <t>13.235740661621094</t>
  </si>
  <si>
    <t>269.68408203125</t>
  </si>
  <si>
    <t>0.06256474353358144</t>
  </si>
  <si>
    <t>9260</t>
  </si>
  <si>
    <t>14.721076011657715</t>
  </si>
  <si>
    <t>107.62346649169922</t>
  </si>
  <si>
    <t>-0.020099030236973903</t>
  </si>
  <si>
    <t>14.54702091217041</t>
  </si>
  <si>
    <t>310.72064208984375</t>
  </si>
  <si>
    <t>0.09373816140238134</t>
  </si>
  <si>
    <t>14.981063842773438</t>
  </si>
  <si>
    <t>211.8188018798828</t>
  </si>
  <si>
    <t>0.0315520221412644</t>
  </si>
  <si>
    <t>11107</t>
  </si>
  <si>
    <t>13.856816291809082</t>
  </si>
  <si>
    <t>236.9602813720703</t>
  </si>
  <si>
    <t>0.05658130798324912</t>
  </si>
  <si>
    <t>14.280653953552246</t>
  </si>
  <si>
    <t>248.25775146484375</t>
  </si>
  <si>
    <t>-0.05410723687636754</t>
  </si>
  <si>
    <t>10535</t>
  </si>
  <si>
    <t>14.955364227294922</t>
  </si>
  <si>
    <t>192.79885864257812</t>
  </si>
  <si>
    <t>0.0012347439475384192</t>
  </si>
  <si>
    <t>13.991904258728027</t>
  </si>
  <si>
    <t>230.6943359375</t>
  </si>
  <si>
    <t>0.025305942702695816</t>
  </si>
  <si>
    <t>14.940742492675781</t>
  </si>
  <si>
    <t>268.80419921875</t>
  </si>
  <si>
    <t>-0.10140925971531445</t>
  </si>
  <si>
    <t>14.754517555236816</t>
  </si>
  <si>
    <t>269.2655334472656</t>
  </si>
  <si>
    <t>0.045942530102554</t>
  </si>
  <si>
    <t>14.60248851776123</t>
  </si>
  <si>
    <t>202.0755157470703</t>
  </si>
  <si>
    <t>-0.014584413022630471</t>
  </si>
  <si>
    <t>15.135398864746094</t>
  </si>
  <si>
    <t>260.3396301269531</t>
  </si>
  <si>
    <t>-0.03217787324838284</t>
  </si>
  <si>
    <t>14.609148979187012</t>
  </si>
  <si>
    <t>370.1330261230469</t>
  </si>
  <si>
    <t>-0.042831529796840684</t>
  </si>
  <si>
    <t>9572</t>
  </si>
  <si>
    <t>13.952279090881348</t>
  </si>
  <si>
    <t>295.94158935546875</t>
  </si>
  <si>
    <t>0.02389372576789306</t>
  </si>
  <si>
    <t>9946</t>
  </si>
  <si>
    <t>15.584209442138672</t>
  </si>
  <si>
    <t>126.41431427001953</t>
  </si>
  <si>
    <t>0.03832829024641882</t>
  </si>
  <si>
    <t>10242</t>
  </si>
  <si>
    <t>14.94568920135498</t>
  </si>
  <si>
    <t>219.98663330078125</t>
  </si>
  <si>
    <t>0.02932645274781187</t>
  </si>
  <si>
    <t>1539</t>
  </si>
  <si>
    <t>17.0374755859375</t>
  </si>
  <si>
    <t>121.04839324951172</t>
  </si>
  <si>
    <t>298.12176513671875</t>
  </si>
  <si>
    <t>Semnan</t>
  </si>
  <si>
    <t>16.476736068725586</t>
  </si>
  <si>
    <t>217.55081176757812</t>
  </si>
  <si>
    <t>0.08214372968050476</t>
  </si>
  <si>
    <t>9784</t>
  </si>
  <si>
    <t>15.685099601745605</t>
  </si>
  <si>
    <t>213.3361358642578</t>
  </si>
  <si>
    <t>0.009860392134079632</t>
  </si>
  <si>
    <t>16.1324520111084</t>
  </si>
  <si>
    <t>194.05047607421875</t>
  </si>
  <si>
    <t>-0.020236081812733175</t>
  </si>
  <si>
    <t>9398</t>
  </si>
  <si>
    <t>16.68349266052246</t>
  </si>
  <si>
    <t>144.06825256347656</t>
  </si>
  <si>
    <t>-0.02001541589151401</t>
  </si>
  <si>
    <t>17.026758193969727</t>
  </si>
  <si>
    <t>133.46466064453125</t>
  </si>
  <si>
    <t>0.011215861939666283</t>
  </si>
  <si>
    <t>16.91680335998535</t>
  </si>
  <si>
    <t>205.32415771484375</t>
  </si>
  <si>
    <t>0.0494713494581287</t>
  </si>
  <si>
    <t>16.893903732299805</t>
  </si>
  <si>
    <t>150.82041931152344</t>
  </si>
  <si>
    <t>0.00030037547159444955</t>
  </si>
  <si>
    <t>10050</t>
  </si>
  <si>
    <t>17.62779426574707</t>
  </si>
  <si>
    <t>180.76695251464844</t>
  </si>
  <si>
    <t>0.0060881469550722045</t>
  </si>
  <si>
    <t>17.6406307220459</t>
  </si>
  <si>
    <t>162.11195373535156</t>
  </si>
  <si>
    <t>10526</t>
  </si>
  <si>
    <t>17.38286018371582</t>
  </si>
  <si>
    <t>149.4932861328125</t>
  </si>
  <si>
    <t>0.04131296308437449</t>
  </si>
  <si>
    <t>17.99802017211914</t>
  </si>
  <si>
    <t>119.9033432006836</t>
  </si>
  <si>
    <t>0.054806969789524373</t>
  </si>
  <si>
    <t>11558</t>
  </si>
  <si>
    <t>17.638795852661133</t>
  </si>
  <si>
    <t>154.99578857421875</t>
  </si>
  <si>
    <t>0.03872248117447441</t>
  </si>
  <si>
    <t>12599</t>
  </si>
  <si>
    <t>16.965017318725586</t>
  </si>
  <si>
    <t>220.44190979003906</t>
  </si>
  <si>
    <t>0.08623960783290663</t>
  </si>
  <si>
    <t>14336</t>
  </si>
  <si>
    <t>17.211938858032227</t>
  </si>
  <si>
    <t>201.6689910888672</t>
  </si>
  <si>
    <t>0.12915641050408055</t>
  </si>
  <si>
    <t>17.24049186706543</t>
  </si>
  <si>
    <t>166.1765899658203</t>
  </si>
  <si>
    <t>-0.04661966983490018</t>
  </si>
  <si>
    <t>13628</t>
  </si>
  <si>
    <t>17.742948532104492</t>
  </si>
  <si>
    <t>148.10289001464844</t>
  </si>
  <si>
    <t>-0.004027686598954361</t>
  </si>
  <si>
    <t>16.509056091308594</t>
  </si>
  <si>
    <t>195.5489959716797</t>
  </si>
  <si>
    <t>0.03716400609656745</t>
  </si>
  <si>
    <t>14850</t>
  </si>
  <si>
    <t>17.665943145751953</t>
  </si>
  <si>
    <t>99.0478744506836</t>
  </si>
  <si>
    <t>0.048709359353422244</t>
  </si>
  <si>
    <t>17.496463775634766</t>
  </si>
  <si>
    <t>181.73648071289062</t>
  </si>
  <si>
    <t>0.03883213727895374</t>
  </si>
  <si>
    <t>17255</t>
  </si>
  <si>
    <t>18.23870086669922</t>
  </si>
  <si>
    <t>146.10177612304688</t>
  </si>
  <si>
    <t>0.111269954022303</t>
  </si>
  <si>
    <t>17878</t>
  </si>
  <si>
    <t>16.897584915161133</t>
  </si>
  <si>
    <t>181.2857666015625</t>
  </si>
  <si>
    <t>0.0354689501156944</t>
  </si>
  <si>
    <t>16847</t>
  </si>
  <si>
    <t>17.392080307006836</t>
  </si>
  <si>
    <t>193.11642456054688</t>
  </si>
  <si>
    <t>-0.059398307261593786</t>
  </si>
  <si>
    <t>17.886497497558594</t>
  </si>
  <si>
    <t>130.42262268066406</t>
  </si>
  <si>
    <t>0.004619219394271568</t>
  </si>
  <si>
    <t>15834</t>
  </si>
  <si>
    <t>17.35106658935547</t>
  </si>
  <si>
    <t>146.72100830078125</t>
  </si>
  <si>
    <t>-0.06663229204909626</t>
  </si>
  <si>
    <t>17.9517822265625</t>
  </si>
  <si>
    <t>167.65237426757812</t>
  </si>
  <si>
    <t>-0.0833321843239343</t>
  </si>
  <si>
    <t>17587</t>
  </si>
  <si>
    <t>17.64930534362793</t>
  </si>
  <si>
    <t>157.316162109375</t>
  </si>
  <si>
    <t>0.18833265032892044</t>
  </si>
  <si>
    <t>17.76201629638672</t>
  </si>
  <si>
    <t>137.53443908691406</t>
  </si>
  <si>
    <t>-0.08313689288878301</t>
  </si>
  <si>
    <t>18.32651138305664</t>
  </si>
  <si>
    <t>174.5666961669922</t>
  </si>
  <si>
    <t>-0.03221122932436593</t>
  </si>
  <si>
    <t>15016</t>
  </si>
  <si>
    <t>17.78986358642578</t>
  </si>
  <si>
    <t>166.69728088378906</t>
  </si>
  <si>
    <t>-0.04269557125687129</t>
  </si>
  <si>
    <t>15378</t>
  </si>
  <si>
    <t>17.324724197387695</t>
  </si>
  <si>
    <t>174.12600708007812</t>
  </si>
  <si>
    <t>0.023821617325781475</t>
  </si>
  <si>
    <t>18.580705642700195</t>
  </si>
  <si>
    <t>129.18820190429688</t>
  </si>
  <si>
    <t>0.038274859449861864</t>
  </si>
  <si>
    <t>18.017786026000977</t>
  </si>
  <si>
    <t>138.50900268554688</t>
  </si>
  <si>
    <t>0.02935583268688724</t>
  </si>
  <si>
    <t>3525</t>
  </si>
  <si>
    <t>22.495309829711914</t>
  </si>
  <si>
    <t>133.1542510986328</t>
  </si>
  <si>
    <t>942.4464111328125</t>
  </si>
  <si>
    <t>Sistan and Baluchestan</t>
  </si>
  <si>
    <t>21.953428268432617</t>
  </si>
  <si>
    <t>106.35100555419922</t>
  </si>
  <si>
    <t>0.08220077017933214</t>
  </si>
  <si>
    <t>21.62566566467285</t>
  </si>
  <si>
    <t>122.49917602539062</t>
  </si>
  <si>
    <t>0.009880475595821281</t>
  </si>
  <si>
    <t>22.38935089111328</t>
  </si>
  <si>
    <t>64.88166809082031</t>
  </si>
  <si>
    <t>-0.020387533119727408</t>
  </si>
  <si>
    <t>22.28954315185547</t>
  </si>
  <si>
    <t>96.31444549560547</t>
  </si>
  <si>
    <t>-0.020003333995704864</t>
  </si>
  <si>
    <t>21.89776039123535</t>
  </si>
  <si>
    <t>157.21583557128906</t>
  </si>
  <si>
    <t>0.01125112324036337</t>
  </si>
  <si>
    <t>3945</t>
  </si>
  <si>
    <t>21.925186157226562</t>
  </si>
  <si>
    <t>110.61265563964844</t>
  </si>
  <si>
    <t>0.049627016133520385</t>
  </si>
  <si>
    <t>22.087907791137695</t>
  </si>
  <si>
    <t>153.51353454589844</t>
  </si>
  <si>
    <t>0.0002534533025855268</t>
  </si>
  <si>
    <t>22.936904907226562</t>
  </si>
  <si>
    <t>67.45284271240234</t>
  </si>
  <si>
    <t>0.006063687098675885</t>
  </si>
  <si>
    <t>3989</t>
  </si>
  <si>
    <t>23.037397384643555</t>
  </si>
  <si>
    <t>90.59862518310547</t>
  </si>
  <si>
    <t>0.004774478224170764</t>
  </si>
  <si>
    <t>22.541601181030273</t>
  </si>
  <si>
    <t>30.06541633605957</t>
  </si>
  <si>
    <t>0.04149361651255212</t>
  </si>
  <si>
    <t>23.5483455657959</t>
  </si>
  <si>
    <t>37.43535232543945</t>
  </si>
  <si>
    <t>0.027515967461134494</t>
  </si>
  <si>
    <t>23.329572677612305</t>
  </si>
  <si>
    <t>58.25079345703125</t>
  </si>
  <si>
    <t>-0.006337305565821794</t>
  </si>
  <si>
    <t>23.114151000976562</t>
  </si>
  <si>
    <t>62.57632064819336</t>
  </si>
  <si>
    <t>0.03834187895627572</t>
  </si>
  <si>
    <t>23.299026489257812</t>
  </si>
  <si>
    <t>62.60837936401367</t>
  </si>
  <si>
    <t>-0.031536737124611136</t>
  </si>
  <si>
    <t>4494</t>
  </si>
  <si>
    <t>22.888357162475586</t>
  </si>
  <si>
    <t>105.16839599609375</t>
  </si>
  <si>
    <t>0.0497251806003387</t>
  </si>
  <si>
    <t>23.458364486694336</t>
  </si>
  <si>
    <t>74.603515625</t>
  </si>
  <si>
    <t>-0.08567715397649245</t>
  </si>
  <si>
    <t>22.730690002441406</t>
  </si>
  <si>
    <t>89.82113647460938</t>
  </si>
  <si>
    <t>-0.000484966061881309</t>
  </si>
  <si>
    <t>23.547204971313477</t>
  </si>
  <si>
    <t>75.49114227294922</t>
  </si>
  <si>
    <t>0.052444704992591795</t>
  </si>
  <si>
    <t>4675</t>
  </si>
  <si>
    <t>23.73661994934082</t>
  </si>
  <si>
    <t>71.89715576171875</t>
  </si>
  <si>
    <t>0.07320340402329428</t>
  </si>
  <si>
    <t>23.564912796020508</t>
  </si>
  <si>
    <t>46.32763671875</t>
  </si>
  <si>
    <t>0.21752351035231854</t>
  </si>
  <si>
    <t>23.255517959594727</t>
  </si>
  <si>
    <t>102.27112579345703</t>
  </si>
  <si>
    <t>0.04508753567361623</t>
  </si>
  <si>
    <t>6278</t>
  </si>
  <si>
    <t>22.751327514648438</t>
  </si>
  <si>
    <t>68.34959411621094</t>
  </si>
  <si>
    <t>0.032211249653176566</t>
  </si>
  <si>
    <t>5777</t>
  </si>
  <si>
    <t>23.258668899536133</t>
  </si>
  <si>
    <t>134.71202087402344</t>
  </si>
  <si>
    <t>-0.08316694162063243</t>
  </si>
  <si>
    <t>22.939664840698242</t>
  </si>
  <si>
    <t>66.75276184082031</t>
  </si>
  <si>
    <t>0.09125772899403906</t>
  </si>
  <si>
    <t>23.534385681152344</t>
  </si>
  <si>
    <t>84.84342193603516</t>
  </si>
  <si>
    <t>-0.12326890402927937</t>
  </si>
  <si>
    <t>23.72882652282715</t>
  </si>
  <si>
    <t>77.52439880371094</t>
  </si>
  <si>
    <t>0.12311088870146492</t>
  </si>
  <si>
    <t>23.563514709472656</t>
  </si>
  <si>
    <t>53.52849578857422</t>
  </si>
  <si>
    <t>0.02635630143304013</t>
  </si>
  <si>
    <t>6291</t>
  </si>
  <si>
    <t>23.91730308532715</t>
  </si>
  <si>
    <t>44.299503326416016</t>
  </si>
  <si>
    <t>-0.03222049131050042</t>
  </si>
  <si>
    <t>22.840803146362305</t>
  </si>
  <si>
    <t>157.1250762939453</t>
  </si>
  <si>
    <t>-0.04270475982364452</t>
  </si>
  <si>
    <t>22.689607620239258</t>
  </si>
  <si>
    <t>77.2325210571289</t>
  </si>
  <si>
    <t>0.023931645315718342</t>
  </si>
  <si>
    <t>6414</t>
  </si>
  <si>
    <t>23.90364646911621</t>
  </si>
  <si>
    <t>79.62493896484375</t>
  </si>
  <si>
    <t>0.03813617519099566</t>
  </si>
  <si>
    <t>23.5024471282959</t>
  </si>
  <si>
    <t>84.61956787109375</t>
  </si>
  <si>
    <t>0.02949522569763552</t>
  </si>
  <si>
    <t>18.364530563354492</t>
  </si>
  <si>
    <t>152.07948303222656</t>
  </si>
  <si>
    <t>253.65684509277344</t>
  </si>
  <si>
    <t>South Khorasan</t>
  </si>
  <si>
    <t>17.890531539916992</t>
  </si>
  <si>
    <t>202.73123168945312</t>
  </si>
  <si>
    <t>17.278966903686523</t>
  </si>
  <si>
    <t>179.97430419921875</t>
  </si>
  <si>
    <t>17.959760665893555</t>
  </si>
  <si>
    <t>151.22412109375</t>
  </si>
  <si>
    <t>18.262775421142578</t>
  </si>
  <si>
    <t>128.82821655273438</t>
  </si>
  <si>
    <t>18.040342330932617</t>
  </si>
  <si>
    <t>175.99742126464844</t>
  </si>
  <si>
    <t>18.03689193725586</t>
  </si>
  <si>
    <t>177.1299591064453</t>
  </si>
  <si>
    <t>18.32674217224121</t>
  </si>
  <si>
    <t>170.89288330078125</t>
  </si>
  <si>
    <t>18.96822738647461</t>
  </si>
  <si>
    <t>145.29803466796875</t>
  </si>
  <si>
    <t>19.02847671508789</t>
  </si>
  <si>
    <t>149.76394653320312</t>
  </si>
  <si>
    <t>18.612974166870117</t>
  </si>
  <si>
    <t>62.587223052978516</t>
  </si>
  <si>
    <t>19.65057945251465</t>
  </si>
  <si>
    <t>89.53893280029297</t>
  </si>
  <si>
    <t>19.206928253173828</t>
  </si>
  <si>
    <t>118.66619110107422</t>
  </si>
  <si>
    <t>18.886690139770508</t>
  </si>
  <si>
    <t>122.64282989501953</t>
  </si>
  <si>
    <t>6705</t>
  </si>
  <si>
    <t>19.039730072021484</t>
  </si>
  <si>
    <t>135.2485809326172</t>
  </si>
  <si>
    <t>-0.22906187220689667</t>
  </si>
  <si>
    <t>18.70134925842285</t>
  </si>
  <si>
    <t>156.08609008789062</t>
  </si>
  <si>
    <t>0.11564303931875308</t>
  </si>
  <si>
    <t>19.33576774597168</t>
  </si>
  <si>
    <t>90.03411865234375</t>
  </si>
  <si>
    <t>0.048113006812062764</t>
  </si>
  <si>
    <t>8881</t>
  </si>
  <si>
    <t>18.281145095825195</t>
  </si>
  <si>
    <t>128.2908935546875</t>
  </si>
  <si>
    <t>0.11730460041190938</t>
  </si>
  <si>
    <t>19.481918334960938</t>
  </si>
  <si>
    <t>65.10798645019531</t>
  </si>
  <si>
    <t>0.003147838462139063</t>
  </si>
  <si>
    <t>19.37613296508789</t>
  </si>
  <si>
    <t>151.11614990234375</t>
  </si>
  <si>
    <t>0.09194735472683391</t>
  </si>
  <si>
    <t>19.55193519592285</t>
  </si>
  <si>
    <t>88.30680084228516</t>
  </si>
  <si>
    <t>-0.16094824382044948</t>
  </si>
  <si>
    <t>8890</t>
  </si>
  <si>
    <t>18.852924346923828</t>
  </si>
  <si>
    <t>93.3262710571289</t>
  </si>
  <si>
    <t>0.06686593688092124</t>
  </si>
  <si>
    <t>18.570341110229492</t>
  </si>
  <si>
    <t>136.6859893798828</t>
  </si>
  <si>
    <t>-0.07180898148659232</t>
  </si>
  <si>
    <t>8019</t>
  </si>
  <si>
    <t>19.443315505981445</t>
  </si>
  <si>
    <t>122.47897338867188</t>
  </si>
  <si>
    <t>-0.03130434221432843</t>
  </si>
  <si>
    <t>18.84438133239746</t>
  </si>
  <si>
    <t>127.45718383789062</t>
  </si>
  <si>
    <t>0.10547274280569141</t>
  </si>
  <si>
    <t>8364</t>
  </si>
  <si>
    <t>19.428306579589844</t>
  </si>
  <si>
    <t>134.47593688964844</t>
  </si>
  <si>
    <t>-0.0633496870641963</t>
  </si>
  <si>
    <t>8518</t>
  </si>
  <si>
    <t>19.54338264465332</t>
  </si>
  <si>
    <t>125.78729248046875</t>
  </si>
  <si>
    <t>0.018244789934634298</t>
  </si>
  <si>
    <t>19.32780647277832</t>
  </si>
  <si>
    <t>120.3421401977539</t>
  </si>
  <si>
    <t>-0.00458905317915459</t>
  </si>
  <si>
    <t>19.761343002319336</t>
  </si>
  <si>
    <t>122.81524658203125</t>
  </si>
  <si>
    <t>-0.032117799595214436</t>
  </si>
  <si>
    <t>7867</t>
  </si>
  <si>
    <t>18.849294662475586</t>
  </si>
  <si>
    <t>155.28863525390625</t>
  </si>
  <si>
    <t>-0.04279792337954724</t>
  </si>
  <si>
    <t>18.586400985717773</t>
  </si>
  <si>
    <t>144.07786560058594</t>
  </si>
  <si>
    <t>0.023864483447953333</t>
  </si>
  <si>
    <t>8371</t>
  </si>
  <si>
    <t>20.00727081298828</t>
  </si>
  <si>
    <t>116.09789276123047</t>
  </si>
  <si>
    <t>0.038232072882861345</t>
  </si>
  <si>
    <t>19.48237419128418</t>
  </si>
  <si>
    <t>120.05476379394531</t>
  </si>
  <si>
    <t>0.029427735549868217</t>
  </si>
  <si>
    <t>14.798260688781738</t>
  </si>
  <si>
    <t>181.1927032470703</t>
  </si>
  <si>
    <t>5190.3798828125</t>
  </si>
  <si>
    <t>Tehran</t>
  </si>
  <si>
    <t>14625</t>
  </si>
  <si>
    <t>13.989253997802734</t>
  </si>
  <si>
    <t>312.67535400390625</t>
  </si>
  <si>
    <t>0.08211893561794881</t>
  </si>
  <si>
    <t>13.020585060119629</t>
  </si>
  <si>
    <t>336.4297790527344</t>
  </si>
  <si>
    <t>0.009865703425369077</t>
  </si>
  <si>
    <t>14474</t>
  </si>
  <si>
    <t>13.9879732131958</t>
  </si>
  <si>
    <t>313.6758728027344</t>
  </si>
  <si>
    <t>-0.02024416009935237</t>
  </si>
  <si>
    <t>14187</t>
  </si>
  <si>
    <t>14.563569068908691</t>
  </si>
  <si>
    <t>258.4540710449219</t>
  </si>
  <si>
    <t>-0.020027884114087513</t>
  </si>
  <si>
    <t>14.395278930664062</t>
  </si>
  <si>
    <t>227.27737426757812</t>
  </si>
  <si>
    <t>0.011214808786403907</t>
  </si>
  <si>
    <t>15075</t>
  </si>
  <si>
    <t>14.695934295654297</t>
  </si>
  <si>
    <t>408.10003662109375</t>
  </si>
  <si>
    <t>0.049496881496995826</t>
  </si>
  <si>
    <t>14.377273559570312</t>
  </si>
  <si>
    <t>213.96165466308594</t>
  </si>
  <si>
    <t>0.0002653047704104239</t>
  </si>
  <si>
    <t>15171</t>
  </si>
  <si>
    <t>15.530671119689941</t>
  </si>
  <si>
    <t>304.7449035644531</t>
  </si>
  <si>
    <t>0.006082663382295905</t>
  </si>
  <si>
    <t>15.36983585357666</t>
  </si>
  <si>
    <t>253.4853057861328</t>
  </si>
  <si>
    <t>0.0049970516238140306</t>
  </si>
  <si>
    <t>15.12621021270752</t>
  </si>
  <si>
    <t>290.92449951171875</t>
  </si>
  <si>
    <t>0.041307218158856074</t>
  </si>
  <si>
    <t>16992</t>
  </si>
  <si>
    <t>15.819857597351074</t>
  </si>
  <si>
    <t>201.65139770507812</t>
  </si>
  <si>
    <t>0.06705266451090353</t>
  </si>
  <si>
    <t>15.562392234802246</t>
  </si>
  <si>
    <t>247.5348663330078</t>
  </si>
  <si>
    <t>0.04589385661821588</t>
  </si>
  <si>
    <t>19561</t>
  </si>
  <si>
    <t>14.924171447753906</t>
  </si>
  <si>
    <t>364.00836181640625</t>
  </si>
  <si>
    <t>0.09490128636647732</t>
  </si>
  <si>
    <t>14.854942321777344</t>
  </si>
  <si>
    <t>325.2890930175781</t>
  </si>
  <si>
    <t>-0.01618258361123459</t>
  </si>
  <si>
    <t>14.98013973236084</t>
  </si>
  <si>
    <t>285.3661193847656</t>
  </si>
  <si>
    <t>-0.011233431432330576</t>
  </si>
  <si>
    <t>22481</t>
  </si>
  <si>
    <t>15.449042320251465</t>
  </si>
  <si>
    <t>264.2068786621094</t>
  </si>
  <si>
    <t>0.16654873502121603</t>
  </si>
  <si>
    <t>24207</t>
  </si>
  <si>
    <t>14.1134033203125</t>
  </si>
  <si>
    <t>358.28778076171875</t>
  </si>
  <si>
    <t>0.0739713395126067</t>
  </si>
  <si>
    <t>25830</t>
  </si>
  <si>
    <t>15.522665977478027</t>
  </si>
  <si>
    <t>168.41305541992188</t>
  </si>
  <si>
    <t>0.06489475957326896</t>
  </si>
  <si>
    <t>27091</t>
  </si>
  <si>
    <t>15.282031059265137</t>
  </si>
  <si>
    <t>297.18731689453125</t>
  </si>
  <si>
    <t>0.047664962298352265</t>
  </si>
  <si>
    <t>16.041627883911133</t>
  </si>
  <si>
    <t>262.72021484375</t>
  </si>
  <si>
    <t>-0.004179850358612569</t>
  </si>
  <si>
    <t>23854</t>
  </si>
  <si>
    <t>14.736915588378906</t>
  </si>
  <si>
    <t>308.6529846191406</t>
  </si>
  <si>
    <t>-0.12306980089101138</t>
  </si>
  <si>
    <t>14.716485023498535</t>
  </si>
  <si>
    <t>324.6529541015625</t>
  </si>
  <si>
    <t>-0.01363321738273271</t>
  </si>
  <si>
    <t>21083</t>
  </si>
  <si>
    <t>15.563282012939453</t>
  </si>
  <si>
    <t>220.87376403808594</t>
  </si>
  <si>
    <t>-0.10985167223588732</t>
  </si>
  <si>
    <t>21857</t>
  </si>
  <si>
    <t>15.581950187683105</t>
  </si>
  <si>
    <t>188.67869567871094</t>
  </si>
  <si>
    <t>0.036054207830193974</t>
  </si>
  <si>
    <t>20964</t>
  </si>
  <si>
    <t>15.871479988098145</t>
  </si>
  <si>
    <t>265.4972229003906</t>
  </si>
  <si>
    <t>-0.04171455542813085</t>
  </si>
  <si>
    <t>15.504475593566895</t>
  </si>
  <si>
    <t>221.40040588378906</t>
  </si>
  <si>
    <t>0.07332741846636637</t>
  </si>
  <si>
    <t>21997</t>
  </si>
  <si>
    <t>15.874960899353027</t>
  </si>
  <si>
    <t>209.31271362304688</t>
  </si>
  <si>
    <t>-0.025228018982700107</t>
  </si>
  <si>
    <t>21300</t>
  </si>
  <si>
    <t>16.355873107910156</t>
  </si>
  <si>
    <t>273.3323669433594</t>
  </si>
  <si>
    <t>-0.03219900770820594</t>
  </si>
  <si>
    <t>20409</t>
  </si>
  <si>
    <t>15.47867202758789</t>
  </si>
  <si>
    <t>286.299072265625</t>
  </si>
  <si>
    <t>-0.04273109268434716</t>
  </si>
  <si>
    <t>20902</t>
  </si>
  <si>
    <t>15.378281593322754</t>
  </si>
  <si>
    <t>339.29150390625</t>
  </si>
  <si>
    <t>0.0238688681412782</t>
  </si>
  <si>
    <t>21717</t>
  </si>
  <si>
    <t>16.751955032348633</t>
  </si>
  <si>
    <t>171.78857421875</t>
  </si>
  <si>
    <t>0.038250515806803165</t>
  </si>
  <si>
    <t>15.997920036315918</t>
  </si>
  <si>
    <t>181.1155548095703</t>
  </si>
  <si>
    <t>0.029357159185284587</t>
  </si>
  <si>
    <t>5353</t>
  </si>
  <si>
    <t>10.065014839172363</t>
  </si>
  <si>
    <t>277.3017883300781</t>
  </si>
  <si>
    <t>946.0421752929688</t>
  </si>
  <si>
    <t>West Azarbaijan</t>
  </si>
  <si>
    <t>9.78172779083252</t>
  </si>
  <si>
    <t>437.21087646484375</t>
  </si>
  <si>
    <t>0.08209552168172429</t>
  </si>
  <si>
    <t>8.48682689666748</t>
  </si>
  <si>
    <t>407.28765869140625</t>
  </si>
  <si>
    <t>0.009931588483228282</t>
  </si>
  <si>
    <t>5751</t>
  </si>
  <si>
    <t>9.44023609161377</t>
  </si>
  <si>
    <t>551.36865234375</t>
  </si>
  <si>
    <t>-0.02031050884457919</t>
  </si>
  <si>
    <t>5637</t>
  </si>
  <si>
    <t>10.279919624328613</t>
  </si>
  <si>
    <t>466.1298522949219</t>
  </si>
  <si>
    <t>-0.020021743632179678</t>
  </si>
  <si>
    <t>5700</t>
  </si>
  <si>
    <t>10.24277114868164</t>
  </si>
  <si>
    <t>300.5540771484375</t>
  </si>
  <si>
    <t>0.011114165741066273</t>
  </si>
  <si>
    <t>5990</t>
  </si>
  <si>
    <t>10.705595970153809</t>
  </si>
  <si>
    <t>330.9554443359375</t>
  </si>
  <si>
    <t>0.049625237286853974</t>
  </si>
  <si>
    <t>9.658698081970215</t>
  </si>
  <si>
    <t>332.4935607910156</t>
  </si>
  <si>
    <t>0.00016693097443010174</t>
  </si>
  <si>
    <t>11.374847412109375</t>
  </si>
  <si>
    <t>301.84918212890625</t>
  </si>
  <si>
    <t>0.006156937662460393</t>
  </si>
  <si>
    <t>6058</t>
  </si>
  <si>
    <t>11.020270347595215</t>
  </si>
  <si>
    <t>295.4118347167969</t>
  </si>
  <si>
    <t>0.00496443184079709</t>
  </si>
  <si>
    <t>6314</t>
  </si>
  <si>
    <t>10.73214340209961</t>
  </si>
  <si>
    <t>269.68145751953125</t>
  </si>
  <si>
    <t>0.04138967753075384</t>
  </si>
  <si>
    <t>11.269749641418457</t>
  </si>
  <si>
    <t>325.2806091308594</t>
  </si>
  <si>
    <t>-0.015321078499237473</t>
  </si>
  <si>
    <t>10.606671333312988</t>
  </si>
  <si>
    <t>397.2392272949219</t>
  </si>
  <si>
    <t>0.04188929223686699</t>
  </si>
  <si>
    <t>6927</t>
  </si>
  <si>
    <t>10.604036331176758</t>
  </si>
  <si>
    <t>448.7334899902344</t>
  </si>
  <si>
    <t>0.06608921516703958</t>
  </si>
  <si>
    <t>6608</t>
  </si>
  <si>
    <t>10.27927303314209</t>
  </si>
  <si>
    <t>404.56634521484375</t>
  </si>
  <si>
    <t>-0.047145782821791826</t>
  </si>
  <si>
    <t>6908</t>
  </si>
  <si>
    <t>10.632662773132324</t>
  </si>
  <si>
    <t>335.22540283203125</t>
  </si>
  <si>
    <t>0.0443991240657553</t>
  </si>
  <si>
    <t>7011</t>
  </si>
  <si>
    <t>10.653390884399414</t>
  </si>
  <si>
    <t>387.3467712402344</t>
  </si>
  <si>
    <t>0.01480018394039817</t>
  </si>
  <si>
    <t>6943</t>
  </si>
  <si>
    <t>10.058133125305176</t>
  </si>
  <si>
    <t>362.0035400390625</t>
  </si>
  <si>
    <t>-0.009746386453693745</t>
  </si>
  <si>
    <t>11.007083892822266</t>
  </si>
  <si>
    <t>261.3487854003906</t>
  </si>
  <si>
    <t>0.017419058365353735</t>
  </si>
  <si>
    <t>11.074236869812012</t>
  </si>
  <si>
    <t>345.5081787109375</t>
  </si>
  <si>
    <t>0.1305190752939822</t>
  </si>
  <si>
    <t>12.038479804992676</t>
  </si>
  <si>
    <t>345.9407958984375</t>
  </si>
  <si>
    <t>-0.06850496923514093</t>
  </si>
  <si>
    <t>8331</t>
  </si>
  <si>
    <t>10.066469192504883</t>
  </si>
  <si>
    <t>421.0868835449219</t>
  </si>
  <si>
    <t>0.10281637479743999</t>
  </si>
  <si>
    <t>10.911216735839844</t>
  </si>
  <si>
    <t>398.15478515625</t>
  </si>
  <si>
    <t>-0.036549934043398125</t>
  </si>
  <si>
    <t>8265</t>
  </si>
  <si>
    <t>10.59959888458252</t>
  </si>
  <si>
    <t>348.0061950683594</t>
  </si>
  <si>
    <t>0.02859616832361489</t>
  </si>
  <si>
    <t>11.405102729797363</t>
  </si>
  <si>
    <t>362.265625</t>
  </si>
  <si>
    <t>0.012504671777747944</t>
  </si>
  <si>
    <t>11.240252494812012</t>
  </si>
  <si>
    <t>403.5465087890625</t>
  </si>
  <si>
    <t>-0.11847033117567562</t>
  </si>
  <si>
    <t>10.666923522949219</t>
  </si>
  <si>
    <t>408.8637390136719</t>
  </si>
  <si>
    <t>0.11163618192186497</t>
  </si>
  <si>
    <t>11.35427474975586</t>
  </si>
  <si>
    <t>332.748779296875</t>
  </si>
  <si>
    <t>-0.0523576364965912</t>
  </si>
  <si>
    <t>7638</t>
  </si>
  <si>
    <t>12.068604469299316</t>
  </si>
  <si>
    <t>501.3880310058594</t>
  </si>
  <si>
    <t>-0.032206828497010065</t>
  </si>
  <si>
    <t>7318</t>
  </si>
  <si>
    <t>11.274853706359863</t>
  </si>
  <si>
    <t>381.78350830078125</t>
  </si>
  <si>
    <t>-0.042798722206308426</t>
  </si>
  <si>
    <t>11.166839599609375</t>
  </si>
  <si>
    <t>432.7546081542969</t>
  </si>
  <si>
    <t>0.023899064957545235</t>
  </si>
  <si>
    <t>7787</t>
  </si>
  <si>
    <t>11.884804725646973</t>
  </si>
  <si>
    <t>301.4280700683594</t>
  </si>
  <si>
    <t>0.03821954504028824</t>
  </si>
  <si>
    <t>11.70971393585205</t>
  </si>
  <si>
    <t>255.6611328125</t>
  </si>
  <si>
    <t>0.029358049230042482</t>
  </si>
  <si>
    <t>1544</t>
  </si>
  <si>
    <t>18.092660903930664</t>
  </si>
  <si>
    <t>85.46427154541016</t>
  </si>
  <si>
    <t>402.37945556640625</t>
  </si>
  <si>
    <t>Yazd</t>
  </si>
  <si>
    <t>17.299528121948242</t>
  </si>
  <si>
    <t>141.60581970214844</t>
  </si>
  <si>
    <t>0.0820861004153155</t>
  </si>
  <si>
    <t>16.491453170776367</t>
  </si>
  <si>
    <t>134.3834686279297</t>
  </si>
  <si>
    <t>0.009926187158676214</t>
  </si>
  <si>
    <t>17.481027603149414</t>
  </si>
  <si>
    <t>103.8039321899414</t>
  </si>
  <si>
    <t>-0.02028781960980197</t>
  </si>
  <si>
    <t>8752</t>
  </si>
  <si>
    <t>17.835586547851562</t>
  </si>
  <si>
    <t>83.04743957519531</t>
  </si>
  <si>
    <t>-0.020022160855454274</t>
  </si>
  <si>
    <t>17.572660446166992</t>
  </si>
  <si>
    <t>149.85118103027344</t>
  </si>
  <si>
    <t>0.011248201307115124</t>
  </si>
  <si>
    <t>17.82750129699707</t>
  </si>
  <si>
    <t>128.0303497314453</t>
  </si>
  <si>
    <t>0.04948395317247112</t>
  </si>
  <si>
    <t>17.759492874145508</t>
  </si>
  <si>
    <t>99.48451232910156</t>
  </si>
  <si>
    <t>0.0003225286272101613</t>
  </si>
  <si>
    <t>9359</t>
  </si>
  <si>
    <t>18.819387435913086</t>
  </si>
  <si>
    <t>106.82991027832031</t>
  </si>
  <si>
    <t>0.006001518388698557</t>
  </si>
  <si>
    <t>18.62530517578125</t>
  </si>
  <si>
    <t>113.3258285522461</t>
  </si>
  <si>
    <t>0.005009336347736593</t>
  </si>
  <si>
    <t>18.344942092895508</t>
  </si>
  <si>
    <t>66.06234741210938</t>
  </si>
  <si>
    <t>0.04134067775673245</t>
  </si>
  <si>
    <t>10615</t>
  </si>
  <si>
    <t>19.192522048950195</t>
  </si>
  <si>
    <t>118.35089874267578</t>
  </si>
  <si>
    <t>0.07957963387563005</t>
  </si>
  <si>
    <t>11290</t>
  </si>
  <si>
    <t>18.828458786010742</t>
  </si>
  <si>
    <t>103.2831039428711</t>
  </si>
  <si>
    <t>0.06164928300635175</t>
  </si>
  <si>
    <t>18.580013275146484</t>
  </si>
  <si>
    <t>132.42083740234375</t>
  </si>
  <si>
    <t>0.040616481818492645</t>
  </si>
  <si>
    <t>18.53998374938965</t>
  </si>
  <si>
    <t>138.53590393066406</t>
  </si>
  <si>
    <t>-0.06782110426131993</t>
  </si>
  <si>
    <t>18.482585906982422</t>
  </si>
  <si>
    <t>85.7951431274414</t>
  </si>
  <si>
    <t>0.11856143068565395</t>
  </si>
  <si>
    <t>13164</t>
  </si>
  <si>
    <t>18.7580509185791</t>
  </si>
  <si>
    <t>91.0714340209961</t>
  </si>
  <si>
    <t>0.0622116446766956</t>
  </si>
  <si>
    <t>17.973430633544922</t>
  </si>
  <si>
    <t>115.07217407226562</t>
  </si>
  <si>
    <t>0.05253075388201722</t>
  </si>
  <si>
    <t>14284</t>
  </si>
  <si>
    <t>18.991621017456055</t>
  </si>
  <si>
    <t>59.464996337890625</t>
  </si>
  <si>
    <t>0.029123444769091122</t>
  </si>
  <si>
    <t>18.983980178833008</t>
  </si>
  <si>
    <t>114.49190521240234</t>
  </si>
  <si>
    <t>0.04409861437278728</t>
  </si>
  <si>
    <t>18349</t>
  </si>
  <si>
    <t>19.3129940032959</t>
  </si>
  <si>
    <t>63.19617462158203</t>
  </si>
  <si>
    <t>0.2063364329978281</t>
  </si>
  <si>
    <t>18809</t>
  </si>
  <si>
    <t>18.371166229248047</t>
  </si>
  <si>
    <t>79.9109115600586</t>
  </si>
  <si>
    <t>0.024760401585851355</t>
  </si>
  <si>
    <t>23154</t>
  </si>
  <si>
    <t>18.255189895629883</t>
  </si>
  <si>
    <t>103.35579681396484</t>
  </si>
  <si>
    <t>0.20783207309486862</t>
  </si>
  <si>
    <t>18.76728630065918</t>
  </si>
  <si>
    <t>109.90081024169922</t>
  </si>
  <si>
    <t>-0.09261019153463756</t>
  </si>
  <si>
    <t>18.709230422973633</t>
  </si>
  <si>
    <t>89.0111312866211</t>
  </si>
  <si>
    <t>0.04913755636291661</t>
  </si>
  <si>
    <t>18.9815616607666</t>
  </si>
  <si>
    <t>102.8297119140625</t>
  </si>
  <si>
    <t>-0.1827637132613802</t>
  </si>
  <si>
    <t>19.087196350097656</t>
  </si>
  <si>
    <t>82.02657318115234</t>
  </si>
  <si>
    <t>0.07639527706872329</t>
  </si>
  <si>
    <t>18.9808292388916</t>
  </si>
  <si>
    <t>94.72299194335938</t>
  </si>
  <si>
    <t>-0.009628789135627258</t>
  </si>
  <si>
    <t>19.488542556762695</t>
  </si>
  <si>
    <t>115.06903076171875</t>
  </si>
  <si>
    <t>-0.03222432413515541</t>
  </si>
  <si>
    <t>18.532625198364258</t>
  </si>
  <si>
    <t>122.21904754638672</t>
  </si>
  <si>
    <t>-0.04269837235352725</t>
  </si>
  <si>
    <t>18758</t>
  </si>
  <si>
    <t>18.527629852294922</t>
  </si>
  <si>
    <t>115.71041107177734</t>
  </si>
  <si>
    <t>0.02384533329189864</t>
  </si>
  <si>
    <t>19.83639144897461</t>
  </si>
  <si>
    <t>85.22280883789062</t>
  </si>
  <si>
    <t>0.03828118543272119</t>
  </si>
  <si>
    <t>19.03852653503418</t>
  </si>
  <si>
    <t>89.43574523925781</t>
  </si>
  <si>
    <t>0.029374473657886924</t>
  </si>
  <si>
    <t>6095</t>
  </si>
  <si>
    <t>10.335490226745605</t>
  </si>
  <si>
    <t>354.34588623046875</t>
  </si>
  <si>
    <t>342.7987060546875</t>
  </si>
  <si>
    <t>Zanjan</t>
  </si>
  <si>
    <t>9.938404083251953</t>
  </si>
  <si>
    <t>398.1827392578125</t>
  </si>
  <si>
    <t>0.08202219478815564</t>
  </si>
  <si>
    <t>6682</t>
  </si>
  <si>
    <t>8.995438575744629</t>
  </si>
  <si>
    <t>475.9578857421875</t>
  </si>
  <si>
    <t>0.00992638621317532</t>
  </si>
  <si>
    <t>9.802348136901855</t>
  </si>
  <si>
    <t>451.7192687988281</t>
  </si>
  <si>
    <t>-0.02025768442567788</t>
  </si>
  <si>
    <t>10.314895629882812</t>
  </si>
  <si>
    <t>405.1814270019531</t>
  </si>
  <si>
    <t>-0.020053116821221906</t>
  </si>
  <si>
    <t>10.432549476623535</t>
  </si>
  <si>
    <t>295.55401611328125</t>
  </si>
  <si>
    <t>0.011310059363665914</t>
  </si>
  <si>
    <t>10.628281593322754</t>
  </si>
  <si>
    <t>396.8511657714844</t>
  </si>
  <si>
    <t>0.04944286980403945</t>
  </si>
  <si>
    <t>10.208046913146973</t>
  </si>
  <si>
    <t>355.0116271972656</t>
  </si>
  <si>
    <t>0.0002932121410825772</t>
  </si>
  <si>
    <t>6863</t>
  </si>
  <si>
    <t>11.426708221435547</t>
  </si>
  <si>
    <t>338.1394348144531</t>
  </si>
  <si>
    <t>0.005991979930044522</t>
  </si>
  <si>
    <t>11.179713249206543</t>
  </si>
  <si>
    <t>325.4866027832031</t>
  </si>
  <si>
    <t>0.005086850588151393</t>
  </si>
  <si>
    <t>7189</t>
  </si>
  <si>
    <t>10.999855995178223</t>
  </si>
  <si>
    <t>329.95703125</t>
  </si>
  <si>
    <t>0.0413205654870854</t>
  </si>
  <si>
    <t>11.41530990600586</t>
  </si>
  <si>
    <t>310.5695495605469</t>
  </si>
  <si>
    <t>-0.059312713235970094</t>
  </si>
  <si>
    <t>11.027454376220703</t>
  </si>
  <si>
    <t>381.452392578125</t>
  </si>
  <si>
    <t>0.09577971061752422</t>
  </si>
  <si>
    <t>10.543620109558105</t>
  </si>
  <si>
    <t>466.80035400390625</t>
  </si>
  <si>
    <t>0.10494465666827324</t>
  </si>
  <si>
    <t>10.5477933883667</t>
  </si>
  <si>
    <t>460.8168029785156</t>
  </si>
  <si>
    <t>0.041048994475348266</t>
  </si>
  <si>
    <t>9378</t>
  </si>
  <si>
    <t>10.81551742553711</t>
  </si>
  <si>
    <t>330.0010070800781</t>
  </si>
  <si>
    <t>0.08335379214048366</t>
  </si>
  <si>
    <t>11.070281982421875</t>
  </si>
  <si>
    <t>383.2510070800781</t>
  </si>
  <si>
    <t>0.003193870488876982</t>
  </si>
  <si>
    <t>10.043079376220703</t>
  </si>
  <si>
    <t>433.394287109375</t>
  </si>
  <si>
    <t>-0.016720646787078408</t>
  </si>
  <si>
    <t>11.233177185058594</t>
  </si>
  <si>
    <t>262.7469787597656</t>
  </si>
  <si>
    <t>0.03608967335602031</t>
  </si>
  <si>
    <t>10036</t>
  </si>
  <si>
    <t>11.201793670654297</t>
  </si>
  <si>
    <t>392.8828125</t>
  </si>
  <si>
    <t>0.04524921077896238</t>
  </si>
  <si>
    <t>11.954079627990723</t>
  </si>
  <si>
    <t>339.9803771972656</t>
  </si>
  <si>
    <t>0.02129417999764982</t>
  </si>
  <si>
    <t>10473</t>
  </si>
  <si>
    <t>10.44054126739502</t>
  </si>
  <si>
    <t>416.4720458984375</t>
  </si>
  <si>
    <t>0.021327708289183178</t>
  </si>
  <si>
    <t>10833</t>
  </si>
  <si>
    <t>11.00243854522705</t>
  </si>
  <si>
    <t>410.57623291015625</t>
  </si>
  <si>
    <t>0.033796514172422576</t>
  </si>
  <si>
    <t>10.763306617736816</t>
  </si>
  <si>
    <t>322.7883605957031</t>
  </si>
  <si>
    <t>-0.02552375268531648</t>
  </si>
  <si>
    <t>11360</t>
  </si>
  <si>
    <t>11.315863609313965</t>
  </si>
  <si>
    <t>324.4156494140625</t>
  </si>
  <si>
    <t>0.07302513501489116</t>
  </si>
  <si>
    <t>12439</t>
  </si>
  <si>
    <t>11.519816398620605</t>
  </si>
  <si>
    <t>364.4915466308594</t>
  </si>
  <si>
    <t>0.09073828493482239</t>
  </si>
  <si>
    <t>12436</t>
  </si>
  <si>
    <t>10.858783721923828</t>
  </si>
  <si>
    <t>355.5570068359375</t>
  </si>
  <si>
    <t>-0.00024120603132082863</t>
  </si>
  <si>
    <t>12141</t>
  </si>
  <si>
    <t>11.409141540527344</t>
  </si>
  <si>
    <t>325.6921691894531</t>
  </si>
  <si>
    <t>-0.024007337634669668</t>
  </si>
  <si>
    <t>11757</t>
  </si>
  <si>
    <t>12.021716117858887</t>
  </si>
  <si>
    <t>469.9111633300781</t>
  </si>
  <si>
    <t>-0.032139346676233416</t>
  </si>
  <si>
    <t>11.33281421661377</t>
  </si>
  <si>
    <t>427.5882263183594</t>
  </si>
  <si>
    <t>-0.04274823400139738</t>
  </si>
  <si>
    <t>11.09667682647705</t>
  </si>
  <si>
    <t>458.200439453125</t>
  </si>
  <si>
    <t>0.02385868806094571</t>
  </si>
  <si>
    <t>11987</t>
  </si>
  <si>
    <t>12.090496063232422</t>
  </si>
  <si>
    <t>298.635009765625</t>
  </si>
  <si>
    <t>0.038263467279810115</t>
  </si>
  <si>
    <t>11.681560516357422</t>
  </si>
  <si>
    <t>306.4905090332031</t>
  </si>
  <si>
    <t>0.029347385835896134</t>
  </si>
  <si>
    <t>ITA</t>
  </si>
  <si>
    <t>202.23379516601562</t>
  </si>
  <si>
    <t>Agrigento</t>
  </si>
  <si>
    <t>Italy</t>
  </si>
  <si>
    <t>19075</t>
  </si>
  <si>
    <t>16.39166831970215</t>
  </si>
  <si>
    <t>0.014415330014161398</t>
  </si>
  <si>
    <t>16.741668701171875</t>
  </si>
  <si>
    <t>388.29998779296875</t>
  </si>
  <si>
    <t>0.007468762684554875</t>
  </si>
  <si>
    <t>458.699951171875</t>
  </si>
  <si>
    <t>-0.009357832879535621</t>
  </si>
  <si>
    <t>19442</t>
  </si>
  <si>
    <t>398.8999938964844</t>
  </si>
  <si>
    <t>0.02094616742333777</t>
  </si>
  <si>
    <t>19999</t>
  </si>
  <si>
    <t>17.350000381469727</t>
  </si>
  <si>
    <t>434.9999694824219</t>
  </si>
  <si>
    <t>0.02824659790507056</t>
  </si>
  <si>
    <t>0.012126782475490927</t>
  </si>
  <si>
    <t>0.017433476148491778</t>
  </si>
  <si>
    <t>20962</t>
  </si>
  <si>
    <t>17.024999618530273</t>
  </si>
  <si>
    <t>395.3000183105469</t>
  </si>
  <si>
    <t>0.01746874382005359</t>
  </si>
  <si>
    <t>416.5999755859375</t>
  </si>
  <si>
    <t>0.01576102862719253</t>
  </si>
  <si>
    <t>22087</t>
  </si>
  <si>
    <t>399.70001220703125</t>
  </si>
  <si>
    <t>0.03651689677615444</t>
  </si>
  <si>
    <t>22637</t>
  </si>
  <si>
    <t>17.633333206176758</t>
  </si>
  <si>
    <t>333.5999755859375</t>
  </si>
  <si>
    <t>0.024596535569656908</t>
  </si>
  <si>
    <t>23343</t>
  </si>
  <si>
    <t>17.683332443237305</t>
  </si>
  <si>
    <t>505.0000305175781</t>
  </si>
  <si>
    <t>0.03071141758191409</t>
  </si>
  <si>
    <t>500.29998779296875</t>
  </si>
  <si>
    <t>0.019094266466389342</t>
  </si>
  <si>
    <t>0.01174100018825186</t>
  </si>
  <si>
    <t>24049</t>
  </si>
  <si>
    <t>-0.0010390043118277958</t>
  </si>
  <si>
    <t>17.899999618530273</t>
  </si>
  <si>
    <t>341.8999938964844</t>
  </si>
  <si>
    <t>0.0527642067429035</t>
  </si>
  <si>
    <t>17.516666412353516</t>
  </si>
  <si>
    <t>482.5</t>
  </si>
  <si>
    <t>0.008444835041137466</t>
  </si>
  <si>
    <t>23202</t>
  </si>
  <si>
    <t>471.5999755859375</t>
  </si>
  <si>
    <t>-0.09706397557654256</t>
  </si>
  <si>
    <t>17.608335494995117</t>
  </si>
  <si>
    <t>-0.0262443287662677</t>
  </si>
  <si>
    <t>22388</t>
  </si>
  <si>
    <t>472.0</t>
  </si>
  <si>
    <t>-0.009469052057832883</t>
  </si>
  <si>
    <t>17.391664505004883</t>
  </si>
  <si>
    <t>421.10003662109375</t>
  </si>
  <si>
    <t>-0.0012067310231049788</t>
  </si>
  <si>
    <t>22226</t>
  </si>
  <si>
    <t>17.933332443237305</t>
  </si>
  <si>
    <t>429.3999938964844</t>
  </si>
  <si>
    <t>-0.006055595242553835</t>
  </si>
  <si>
    <t>21681</t>
  </si>
  <si>
    <t>17.57499885559082</t>
  </si>
  <si>
    <t>399.20001220703125</t>
  </si>
  <si>
    <t>-0.024826473794501425</t>
  </si>
  <si>
    <t>18.02500343322754</t>
  </si>
  <si>
    <t>442.29998779296875</t>
  </si>
  <si>
    <t>-0.0268789407200547</t>
  </si>
  <si>
    <t>17.966665267944336</t>
  </si>
  <si>
    <t>0.0031694248249003465</t>
  </si>
  <si>
    <t>412.3999938964844</t>
  </si>
  <si>
    <t>-0.01686075378016305</t>
  </si>
  <si>
    <t>21313</t>
  </si>
  <si>
    <t>269.0</t>
  </si>
  <si>
    <t>0.023451183885464744</t>
  </si>
  <si>
    <t>17.68333625793457</t>
  </si>
  <si>
    <t>0.0014534545541113886</t>
  </si>
  <si>
    <t>21900</t>
  </si>
  <si>
    <t>17.99166488647461</t>
  </si>
  <si>
    <t>363.0</t>
  </si>
  <si>
    <t>0.025715967089242397</t>
  </si>
  <si>
    <t>405.9000244140625</t>
  </si>
  <si>
    <t>-0.06323647723172421</t>
  </si>
  <si>
    <t>18.141666412353516</t>
  </si>
  <si>
    <t>451.20001220703125</t>
  </si>
  <si>
    <t>0.08424707729407999</t>
  </si>
  <si>
    <t>23257</t>
  </si>
  <si>
    <t>315.3999938964844</t>
  </si>
  <si>
    <t>0.03910892510330832</t>
  </si>
  <si>
    <t>12.723442077636719</t>
  </si>
  <si>
    <t>1008.4474487304688</t>
  </si>
  <si>
    <t>191.76394653320312</t>
  </si>
  <si>
    <t>Alessandria</t>
  </si>
  <si>
    <t>11.766913414001465</t>
  </si>
  <si>
    <t>897.392578125</t>
  </si>
  <si>
    <t>0.014409772148832545</t>
  </si>
  <si>
    <t>34014</t>
  </si>
  <si>
    <t>12.499043464660645</t>
  </si>
  <si>
    <t>1013.0223999023438</t>
  </si>
  <si>
    <t>0.007465914428072651</t>
  </si>
  <si>
    <t>12.123424530029297</t>
  </si>
  <si>
    <t>1160.207763671875</t>
  </si>
  <si>
    <t>-0.009333716154028338</t>
  </si>
  <si>
    <t>34410</t>
  </si>
  <si>
    <t>13.160931587219238</t>
  </si>
  <si>
    <t>1145.9638671875</t>
  </si>
  <si>
    <t>0.020908731393195268</t>
  </si>
  <si>
    <t>35397</t>
  </si>
  <si>
    <t>12.603201866149902</t>
  </si>
  <si>
    <t>1167.669677734375</t>
  </si>
  <si>
    <t>0.028279850976502985</t>
  </si>
  <si>
    <t>35829</t>
  </si>
  <si>
    <t>11.653803825378418</t>
  </si>
  <si>
    <t>1191.3909912109375</t>
  </si>
  <si>
    <t>0.01213055056850898</t>
  </si>
  <si>
    <t>36458</t>
  </si>
  <si>
    <t>13.22641372680664</t>
  </si>
  <si>
    <t>858.541015625</t>
  </si>
  <si>
    <t>0.017403291756329153</t>
  </si>
  <si>
    <t>12.746054649353027</t>
  </si>
  <si>
    <t>930.337646484375</t>
  </si>
  <si>
    <t>0.01748301031730115</t>
  </si>
  <si>
    <t>37690</t>
  </si>
  <si>
    <t>12.732978820800781</t>
  </si>
  <si>
    <t>1022.8192138671875</t>
  </si>
  <si>
    <t>0.015750883851014308</t>
  </si>
  <si>
    <t>39093</t>
  </si>
  <si>
    <t>13.240710258483887</t>
  </si>
  <si>
    <t>1378.0606689453125</t>
  </si>
  <si>
    <t>0.03654861555183331</t>
  </si>
  <si>
    <t>12.480006217956543</t>
  </si>
  <si>
    <t>760.8572387695312</t>
  </si>
  <si>
    <t>0.08287806724959168</t>
  </si>
  <si>
    <t>12.975811958312988</t>
  </si>
  <si>
    <t>1382.345703125</t>
  </si>
  <si>
    <t>0.020992581529466037</t>
  </si>
  <si>
    <t>44425</t>
  </si>
  <si>
    <t>13.264506340026855</t>
  </si>
  <si>
    <t>776.9398193359375</t>
  </si>
  <si>
    <t>0.023988302430780095</t>
  </si>
  <si>
    <t>45402</t>
  </si>
  <si>
    <t>12.62641429901123</t>
  </si>
  <si>
    <t>943.0964965820312</t>
  </si>
  <si>
    <t>0.021753782899724072</t>
  </si>
  <si>
    <t>44420</t>
  </si>
  <si>
    <t>12.331775665283203</t>
  </si>
  <si>
    <t>893.6412353515625</t>
  </si>
  <si>
    <t>-0.021866338474158198</t>
  </si>
  <si>
    <t>45529</t>
  </si>
  <si>
    <t>13.519867897033691</t>
  </si>
  <si>
    <t>822.3500366210938</t>
  </si>
  <si>
    <t>0.024659667098683613</t>
  </si>
  <si>
    <t>45586</t>
  </si>
  <si>
    <t>12.876431465148926</t>
  </si>
  <si>
    <t>763.9646606445312</t>
  </si>
  <si>
    <t>0.0012511662719809635</t>
  </si>
  <si>
    <t>42921</t>
  </si>
  <si>
    <t>12.249645233154297</t>
  </si>
  <si>
    <t>1242.098388671875</t>
  </si>
  <si>
    <t>-0.06023943518463959</t>
  </si>
  <si>
    <t>41334</t>
  </si>
  <si>
    <t>13.002015113830566</t>
  </si>
  <si>
    <t>1082.4393310546875</t>
  </si>
  <si>
    <t>-0.03767581081319271</t>
  </si>
  <si>
    <t>12.09725570678711</t>
  </si>
  <si>
    <t>1218.804443359375</t>
  </si>
  <si>
    <t>0.019478101698510386</t>
  </si>
  <si>
    <t>41265</t>
  </si>
  <si>
    <t>13.493682861328125</t>
  </si>
  <si>
    <t>868.9689331054688</t>
  </si>
  <si>
    <t>-0.02114882449297717</t>
  </si>
  <si>
    <t>39325</t>
  </si>
  <si>
    <t>12.738923072814941</t>
  </si>
  <si>
    <t>1037.1697998046875</t>
  </si>
  <si>
    <t>-0.048154234100305615</t>
  </si>
  <si>
    <t>38474</t>
  </si>
  <si>
    <t>12.52701473236084</t>
  </si>
  <si>
    <t>1277.734619140625</t>
  </si>
  <si>
    <t>-0.02187776046035239</t>
  </si>
  <si>
    <t>37942</t>
  </si>
  <si>
    <t>13.617480278015137</t>
  </si>
  <si>
    <t>1173.46435546875</t>
  </si>
  <si>
    <t>-0.013924010553635568</t>
  </si>
  <si>
    <t>13.572257041931152</t>
  </si>
  <si>
    <t>753.423583984375</t>
  </si>
  <si>
    <t>0.024164066933778372</t>
  </si>
  <si>
    <t>38709</t>
  </si>
  <si>
    <t>12.7550048828125</t>
  </si>
  <si>
    <t>874.6657104492188</t>
  </si>
  <si>
    <t>-0.0041506137263134235</t>
  </si>
  <si>
    <t>40668</t>
  </si>
  <si>
    <t>13.688321113586426</t>
  </si>
  <si>
    <t>760.0418701171875</t>
  </si>
  <si>
    <t>0.0493694112750962</t>
  </si>
  <si>
    <t>40167</t>
  </si>
  <si>
    <t>13.597256660461426</t>
  </si>
  <si>
    <t>1092.337890625</t>
  </si>
  <si>
    <t>-0.012395779429562381</t>
  </si>
  <si>
    <t>40994</t>
  </si>
  <si>
    <t>13.76213550567627</t>
  </si>
  <si>
    <t>1219.3028564453125</t>
  </si>
  <si>
    <t>0.020379951548584074</t>
  </si>
  <si>
    <t>13.683563232421875</t>
  </si>
  <si>
    <t>1039.9312744140625</t>
  </si>
  <si>
    <t>-0.1088794088837517</t>
  </si>
  <si>
    <t>39998</t>
  </si>
  <si>
    <t>12.814525604248047</t>
  </si>
  <si>
    <t>788.8547973632812</t>
  </si>
  <si>
    <t>0.08428314721570906</t>
  </si>
  <si>
    <t>41592</t>
  </si>
  <si>
    <t>14.493080139160156</t>
  </si>
  <si>
    <t>726.058837890625</t>
  </si>
  <si>
    <t>0.0390783882175203</t>
  </si>
  <si>
    <t>47640</t>
  </si>
  <si>
    <t>2.8351714611053467</t>
  </si>
  <si>
    <t>1637.0968017578125</t>
  </si>
  <si>
    <t>70.12774658203125</t>
  </si>
  <si>
    <t>Aosta Valley</t>
  </si>
  <si>
    <t>48332</t>
  </si>
  <si>
    <t>1.860419750213623</t>
  </si>
  <si>
    <t>1172.8656005859375</t>
  </si>
  <si>
    <t>0.014421122677962472</t>
  </si>
  <si>
    <t>48694</t>
  </si>
  <si>
    <t>2.699568033218384</t>
  </si>
  <si>
    <t>1509.1876220703125</t>
  </si>
  <si>
    <t>0.007461952047913556</t>
  </si>
  <si>
    <t>48241</t>
  </si>
  <si>
    <t>1.9518380165100098</t>
  </si>
  <si>
    <t>1526.6480712890625</t>
  </si>
  <si>
    <t>-0.009346537323992266</t>
  </si>
  <si>
    <t>49261</t>
  </si>
  <si>
    <t>3.249567985534668</t>
  </si>
  <si>
    <t>1626.3861083984375</t>
  </si>
  <si>
    <t>0.020923411043968443</t>
  </si>
  <si>
    <t>50674</t>
  </si>
  <si>
    <t>2.584789991378784</t>
  </si>
  <si>
    <t>1470.6055908203125</t>
  </si>
  <si>
    <t>0.02828026561395447</t>
  </si>
  <si>
    <t>51292</t>
  </si>
  <si>
    <t>1.411678671836853</t>
  </si>
  <si>
    <t>1341.588623046875</t>
  </si>
  <si>
    <t>0.012121836049963974</t>
  </si>
  <si>
    <t>52193</t>
  </si>
  <si>
    <t>3.2081501483917236</t>
  </si>
  <si>
    <t>1347.416259765625</t>
  </si>
  <si>
    <t>0.01741359168270762</t>
  </si>
  <si>
    <t>2.5008275508880615</t>
  </si>
  <si>
    <t>1313.68701171875</t>
  </si>
  <si>
    <t>0.017473333096802435</t>
  </si>
  <si>
    <t>53957</t>
  </si>
  <si>
    <t>2.5518381595611572</t>
  </si>
  <si>
    <t>1769.916748046875</t>
  </si>
  <si>
    <t>0.015765713679295246</t>
  </si>
  <si>
    <t>3.3906056880950928</t>
  </si>
  <si>
    <t>1488.0299072265625</t>
  </si>
  <si>
    <t>0.03652119381536423</t>
  </si>
  <si>
    <t>57161</t>
  </si>
  <si>
    <t>2.4341604709625244</t>
  </si>
  <si>
    <t>1540.2418212890625</t>
  </si>
  <si>
    <t>0.021163220789171433</t>
  </si>
  <si>
    <t>57078</t>
  </si>
  <si>
    <t>3.034160614013672</t>
  </si>
  <si>
    <t>1764.1182861328125</t>
  </si>
  <si>
    <t>-0.0014530942078359033</t>
  </si>
  <si>
    <t>58998</t>
  </si>
  <si>
    <t>3.11446213722229</t>
  </si>
  <si>
    <t>1177.5189208984375</t>
  </si>
  <si>
    <t>0.03308479157369959</t>
  </si>
  <si>
    <t>58565</t>
  </si>
  <si>
    <t>2.4815099239349365</t>
  </si>
  <si>
    <t>1191.2520751953125</t>
  </si>
  <si>
    <t>-0.007366296504235592</t>
  </si>
  <si>
    <t>58780</t>
  </si>
  <si>
    <t>2.2211554050445557</t>
  </si>
  <si>
    <t>1194.23193359375</t>
  </si>
  <si>
    <t>0.003664412468932454</t>
  </si>
  <si>
    <t>59280</t>
  </si>
  <si>
    <t>3.4128224849700928</t>
  </si>
  <si>
    <t>1671.6773681640625</t>
  </si>
  <si>
    <t>0.008470319997060827</t>
  </si>
  <si>
    <t>59090</t>
  </si>
  <si>
    <t>2.789462089538574</t>
  </si>
  <si>
    <t>1566.86181640625</t>
  </si>
  <si>
    <t>-0.0032102756302485602</t>
  </si>
  <si>
    <t>59231</t>
  </si>
  <si>
    <t>2.1544888019561768</t>
  </si>
  <si>
    <t>1397.6220703125</t>
  </si>
  <si>
    <t>0.0023833481249155852</t>
  </si>
  <si>
    <t>55550</t>
  </si>
  <si>
    <t>2.9664833545684814</t>
  </si>
  <si>
    <t>1306.31494140625</t>
  </si>
  <si>
    <t>-0.06416153739685981</t>
  </si>
  <si>
    <t>57723</t>
  </si>
  <si>
    <t>2.1018378734588623</t>
  </si>
  <si>
    <t>1326.908203125</t>
  </si>
  <si>
    <t>0.03837219152135063</t>
  </si>
  <si>
    <t>3.5597898960113525</t>
  </si>
  <si>
    <t>1248.0162353515625</t>
  </si>
  <si>
    <t>0.004752819586265389</t>
  </si>
  <si>
    <t>57380</t>
  </si>
  <si>
    <t>2.6780970096588135</t>
  </si>
  <si>
    <t>1556.3663330078125</t>
  </si>
  <si>
    <t>-0.010712716640036035</t>
  </si>
  <si>
    <t>54030</t>
  </si>
  <si>
    <t>2.405117988586426</t>
  </si>
  <si>
    <t>1555.5556640625</t>
  </si>
  <si>
    <t>-0.06015636269724389</t>
  </si>
  <si>
    <t>53024</t>
  </si>
  <si>
    <t>3.558150053024292</t>
  </si>
  <si>
    <t>1406.313232421875</t>
  </si>
  <si>
    <t>-0.018794806611822423</t>
  </si>
  <si>
    <t>52883</t>
  </si>
  <si>
    <t>3.62481689453125</t>
  </si>
  <si>
    <t>1281.382568359375</t>
  </si>
  <si>
    <t>-0.0026627150860303317</t>
  </si>
  <si>
    <t>52051</t>
  </si>
  <si>
    <t>2.5744354724884033</t>
  </si>
  <si>
    <t>1373.3214111328125</t>
  </si>
  <si>
    <t>-0.015857918985828334</t>
  </si>
  <si>
    <t>53746</t>
  </si>
  <si>
    <t>3.6024672985076904</t>
  </si>
  <si>
    <t>1517.4058837890625</t>
  </si>
  <si>
    <t>0.03204523846162566</t>
  </si>
  <si>
    <t>53726</t>
  </si>
  <si>
    <t>3.5514566898345947</t>
  </si>
  <si>
    <t>1076.6839599609375</t>
  </si>
  <si>
    <t>-0.0003721899700543929</t>
  </si>
  <si>
    <t>54161</t>
  </si>
  <si>
    <t>3.9108009338378906</t>
  </si>
  <si>
    <t>1372.5230712890625</t>
  </si>
  <si>
    <t>0.00806403658063104</t>
  </si>
  <si>
    <t>49057</t>
  </si>
  <si>
    <t>3.8221657276153564</t>
  </si>
  <si>
    <t>1409.855712890625</t>
  </si>
  <si>
    <t>-0.09897820489658571</t>
  </si>
  <si>
    <t>53370</t>
  </si>
  <si>
    <t>2.778097152709961</t>
  </si>
  <si>
    <t>1363.204833984375</t>
  </si>
  <si>
    <t>0.08426590299794334</t>
  </si>
  <si>
    <t>55498</t>
  </si>
  <si>
    <t>4.55549955368042</t>
  </si>
  <si>
    <t>1248.8232421875</t>
  </si>
  <si>
    <t>0.03909819372118584</t>
  </si>
  <si>
    <t>36381</t>
  </si>
  <si>
    <t>777.4999389648438</t>
  </si>
  <si>
    <t>68.44764709472656</t>
  </si>
  <si>
    <t>Arezzo</t>
  </si>
  <si>
    <t>36909</t>
  </si>
  <si>
    <t>963.9000244140625</t>
  </si>
  <si>
    <t>0.014408763403377378</t>
  </si>
  <si>
    <t>0.007476922611729719</t>
  </si>
  <si>
    <t>36840</t>
  </si>
  <si>
    <t>-0.009348134970764477</t>
  </si>
  <si>
    <t>0.020925030526951716</t>
  </si>
  <si>
    <t>960.9000244140625</t>
  </si>
  <si>
    <t>0.028278677199677915</t>
  </si>
  <si>
    <t>39169</t>
  </si>
  <si>
    <t>1214.5</t>
  </si>
  <si>
    <t>0.012097698495963982</t>
  </si>
  <si>
    <t>774.7999877929688</t>
  </si>
  <si>
    <t>0.01743752030145984</t>
  </si>
  <si>
    <t>40560</t>
  </si>
  <si>
    <t>813.8999633789062</t>
  </si>
  <si>
    <t>0.017459221371767697</t>
  </si>
  <si>
    <t>41204</t>
  </si>
  <si>
    <t>0.015752979738518746</t>
  </si>
  <si>
    <t>42737</t>
  </si>
  <si>
    <t>861.699951171875</t>
  </si>
  <si>
    <t>0.03652971654824633</t>
  </si>
  <si>
    <t>45177</t>
  </si>
  <si>
    <t>11.566665649414062</t>
  </si>
  <si>
    <t>0.05552305220309961</t>
  </si>
  <si>
    <t>45831</t>
  </si>
  <si>
    <t>964.6000366210938</t>
  </si>
  <si>
    <t>0.014372610278902798</t>
  </si>
  <si>
    <t>45762</t>
  </si>
  <si>
    <t>12.13333511352539</t>
  </si>
  <si>
    <t>-0.0015066656415392288</t>
  </si>
  <si>
    <t>976.9000244140625</t>
  </si>
  <si>
    <t>0.010347918423390112</t>
  </si>
  <si>
    <t>-0.017541247392516723</t>
  </si>
  <si>
    <t>46660</t>
  </si>
  <si>
    <t>12.258332252502441</t>
  </si>
  <si>
    <t>706.0</t>
  </si>
  <si>
    <t>0.0266265431522541</t>
  </si>
  <si>
    <t>45781</t>
  </si>
  <si>
    <t>12.083331108093262</t>
  </si>
  <si>
    <t>-0.019018108707605563</t>
  </si>
  <si>
    <t>42250</t>
  </si>
  <si>
    <t>-0.08026480408249448</t>
  </si>
  <si>
    <t>-0.06384132833552947</t>
  </si>
  <si>
    <t>40306</t>
  </si>
  <si>
    <t>966.7000732421875</t>
  </si>
  <si>
    <t>0.016737315777643147</t>
  </si>
  <si>
    <t>640.2000122070312</t>
  </si>
  <si>
    <t>0.004159451404170511</t>
  </si>
  <si>
    <t>762.0</t>
  </si>
  <si>
    <t>-0.017421218425617724</t>
  </si>
  <si>
    <t>11.841666221618652</t>
  </si>
  <si>
    <t>-0.0011823454580390802</t>
  </si>
  <si>
    <t>975.300048828125</t>
  </si>
  <si>
    <t>0.0037685646188965194</t>
  </si>
  <si>
    <t>38923</t>
  </si>
  <si>
    <t>12.62500286102295</t>
  </si>
  <si>
    <t>596.7000122070312</t>
  </si>
  <si>
    <t>-0.024239457845316892</t>
  </si>
  <si>
    <t>724.7999877929688</t>
  </si>
  <si>
    <t>-0.03049390519284856</t>
  </si>
  <si>
    <t>39645</t>
  </si>
  <si>
    <t>546.300048828125</t>
  </si>
  <si>
    <t>0.04887340637782067</t>
  </si>
  <si>
    <t>755.9999389648438</t>
  </si>
  <si>
    <t>0.01789913546103783</t>
  </si>
  <si>
    <t>949.0999755859375</t>
  </si>
  <si>
    <t>0.027588462159375382</t>
  </si>
  <si>
    <t>-0.11648236345914142</t>
  </si>
  <si>
    <t>40175</t>
  </si>
  <si>
    <t>610.9000244140625</t>
  </si>
  <si>
    <t>0.08427484073794211</t>
  </si>
  <si>
    <t>13.27500057220459</t>
  </si>
  <si>
    <t>646.5000610351562</t>
  </si>
  <si>
    <t>0.039101037235523606</t>
  </si>
  <si>
    <t>1555</t>
  </si>
  <si>
    <t>21119</t>
  </si>
  <si>
    <t>15.691665649414062</t>
  </si>
  <si>
    <t>438.0999755859375</t>
  </si>
  <si>
    <t>266.3652648925781</t>
  </si>
  <si>
    <t>Barletta-Andria-Trani</t>
  </si>
  <si>
    <t>433.79998779296875</t>
  </si>
  <si>
    <t>0.014385355251604892</t>
  </si>
  <si>
    <t>21586</t>
  </si>
  <si>
    <t>15.549999237060547</t>
  </si>
  <si>
    <t>418.0000305175781</t>
  </si>
  <si>
    <t>0.007486491919310723</t>
  </si>
  <si>
    <t>498.9000244140625</t>
  </si>
  <si>
    <t>-0.009355214724282135</t>
  </si>
  <si>
    <t>0.0209160371253585</t>
  </si>
  <si>
    <t>22464</t>
  </si>
  <si>
    <t>15.083334922790527</t>
  </si>
  <si>
    <t>0.02830824903917062</t>
  </si>
  <si>
    <t>588.5000610351562</t>
  </si>
  <si>
    <t>0.012079525654600687</t>
  </si>
  <si>
    <t>402.5999755859375</t>
  </si>
  <si>
    <t>0.01743951422754364</t>
  </si>
  <si>
    <t>478.9999694824219</t>
  </si>
  <si>
    <t>0.017480415969972185</t>
  </si>
  <si>
    <t>15.608333587646484</t>
  </si>
  <si>
    <t>380.0</t>
  </si>
  <si>
    <t>0.015759638492950145</t>
  </si>
  <si>
    <t>24809</t>
  </si>
  <si>
    <t>477.4999694824219</t>
  </si>
  <si>
    <t>0.036533368374826125</t>
  </si>
  <si>
    <t>0.011342579671202557</t>
  </si>
  <si>
    <t>16.091665267944336</t>
  </si>
  <si>
    <t>-0.029976153787348636</t>
  </si>
  <si>
    <t>15.808335304260254</t>
  </si>
  <si>
    <t>466.9000244140625</t>
  </si>
  <si>
    <t>-0.02671819355619931</t>
  </si>
  <si>
    <t>609.6000366210938</t>
  </si>
  <si>
    <t>-0.0028722300632875175</t>
  </si>
  <si>
    <t>23323</t>
  </si>
  <si>
    <t>-0.013542494679454009</t>
  </si>
  <si>
    <t>15.933333396911621</t>
  </si>
  <si>
    <t>0.022805328791681845</t>
  </si>
  <si>
    <t>24156</t>
  </si>
  <si>
    <t>0.012287469505766424</t>
  </si>
  <si>
    <t>23884</t>
  </si>
  <si>
    <t>15.941666603088379</t>
  </si>
  <si>
    <t>709.4000244140625</t>
  </si>
  <si>
    <t>-0.0113240177609093</t>
  </si>
  <si>
    <t>659.4000244140625</t>
  </si>
  <si>
    <t>-0.06321075900241091</t>
  </si>
  <si>
    <t>22861</t>
  </si>
  <si>
    <t>726.2000122070312</t>
  </si>
  <si>
    <t>0.019434382259499117</t>
  </si>
  <si>
    <t>16.16666603088379</t>
  </si>
  <si>
    <t>451.800048828125</t>
  </si>
  <si>
    <t>-0.0021895261856315074</t>
  </si>
  <si>
    <t>22372</t>
  </si>
  <si>
    <t>485.70001220703125</t>
  </si>
  <si>
    <t>-0.019432698796860493</t>
  </si>
  <si>
    <t>21808</t>
  </si>
  <si>
    <t>16.216665267944336</t>
  </si>
  <si>
    <t>-0.025533302005165126</t>
  </si>
  <si>
    <t>21661</t>
  </si>
  <si>
    <t>-0.006763466395335982</t>
  </si>
  <si>
    <t>478.0</t>
  </si>
  <si>
    <t>0.011886053520974826</t>
  </si>
  <si>
    <t>22312</t>
  </si>
  <si>
    <t>16.049997329711914</t>
  </si>
  <si>
    <t>534.9000244140625</t>
  </si>
  <si>
    <t>0.017725188245371726</t>
  </si>
  <si>
    <t>16.625</t>
  </si>
  <si>
    <t>0.025007388708459644</t>
  </si>
  <si>
    <t>22824</t>
  </si>
  <si>
    <t>16.524999618530273</t>
  </si>
  <si>
    <t>482.70001220703125</t>
  </si>
  <si>
    <t>-0.002319425122447427</t>
  </si>
  <si>
    <t>0.009766383871028239</t>
  </si>
  <si>
    <t>21236</t>
  </si>
  <si>
    <t>-0.0818811430608033</t>
  </si>
  <si>
    <t>382.3999938964844</t>
  </si>
  <si>
    <t>0.08426462450379901</t>
  </si>
  <si>
    <t>24024</t>
  </si>
  <si>
    <t>17.03333282470703</t>
  </si>
  <si>
    <t>472.29998779296875</t>
  </si>
  <si>
    <t>0.039090851455805264</t>
  </si>
  <si>
    <t>39102</t>
  </si>
  <si>
    <t>984.5999755859375</t>
  </si>
  <si>
    <t>65.99072265625</t>
  </si>
  <si>
    <t>Belluno</t>
  </si>
  <si>
    <t>868.300048828125</t>
  </si>
  <si>
    <t>0.01442161794794039</t>
  </si>
  <si>
    <t>39967</t>
  </si>
  <si>
    <t>1028.300048828125</t>
  </si>
  <si>
    <t>0.007458879087909764</t>
  </si>
  <si>
    <t>-0.009351265951773158</t>
  </si>
  <si>
    <t>40432</t>
  </si>
  <si>
    <t>7.916667938232422</t>
  </si>
  <si>
    <t>974.1000366210938</t>
  </si>
  <si>
    <t>0.020918702983463433</t>
  </si>
  <si>
    <t>949.300048828125</t>
  </si>
  <si>
    <t>0.028286290435575623</t>
  </si>
  <si>
    <t>42099</t>
  </si>
  <si>
    <t>6.508333683013916</t>
  </si>
  <si>
    <t>1172.7000732421875</t>
  </si>
  <si>
    <t>0.012116146355694468</t>
  </si>
  <si>
    <t>864.2000732421875</t>
  </si>
  <si>
    <t>0.01742491519959266</t>
  </si>
  <si>
    <t>998.7999877929688</t>
  </si>
  <si>
    <t>0.017447684369967575</t>
  </si>
  <si>
    <t>44286</t>
  </si>
  <si>
    <t>7.083334445953369</t>
  </si>
  <si>
    <t>0.0157720130093022</t>
  </si>
  <si>
    <t>1292.5</t>
  </si>
  <si>
    <t>0.036536983578251636</t>
  </si>
  <si>
    <t>45353</t>
  </si>
  <si>
    <t>804.6000366210938</t>
  </si>
  <si>
    <t>-0.012729257071089961</t>
  </si>
  <si>
    <t>44863</t>
  </si>
  <si>
    <t>1214.0</t>
  </si>
  <si>
    <t>-0.010862924945730157</t>
  </si>
  <si>
    <t>45221</t>
  </si>
  <si>
    <t>0.007948179136709754</t>
  </si>
  <si>
    <t>45370</t>
  </si>
  <si>
    <t>990.0</t>
  </si>
  <si>
    <t>0.003289512961760721</t>
  </si>
  <si>
    <t>43013</t>
  </si>
  <si>
    <t>853.2999877929688</t>
  </si>
  <si>
    <t>-0.0533486980920852</t>
  </si>
  <si>
    <t>43229</t>
  </si>
  <si>
    <t>0.005009170744001423</t>
  </si>
  <si>
    <t>0.020537611558390623</t>
  </si>
  <si>
    <t>44825</t>
  </si>
  <si>
    <t>7.608333587646484</t>
  </si>
  <si>
    <t>1136.7999267578125</t>
  </si>
  <si>
    <t>0.015716841605016185</t>
  </si>
  <si>
    <t>40061</t>
  </si>
  <si>
    <t>979.699951171875</t>
  </si>
  <si>
    <t>-0.11236272700891803</t>
  </si>
  <si>
    <t>41469</t>
  </si>
  <si>
    <t>0.03454286766805126</t>
  </si>
  <si>
    <t>43853</t>
  </si>
  <si>
    <t>0.05589697137897076</t>
  </si>
  <si>
    <t>42715</t>
  </si>
  <si>
    <t>1032.400146484375</t>
  </si>
  <si>
    <t>-0.026292984925717633</t>
  </si>
  <si>
    <t>42723</t>
  </si>
  <si>
    <t>1130.4998779296875</t>
  </si>
  <si>
    <t>0.0001872703018186428</t>
  </si>
  <si>
    <t>43863</t>
  </si>
  <si>
    <t>1245.5</t>
  </si>
  <si>
    <t>0.026333723198009196</t>
  </si>
  <si>
    <t>44023</t>
  </si>
  <si>
    <t>0.003641084513269277</t>
  </si>
  <si>
    <t>45392</t>
  </si>
  <si>
    <t>1218.9000244140625</t>
  </si>
  <si>
    <t>0.030623653449815436</t>
  </si>
  <si>
    <t>1014.5999145507812</t>
  </si>
  <si>
    <t>0.013131590254495507</t>
  </si>
  <si>
    <t>46422</t>
  </si>
  <si>
    <t>906.199951171875</t>
  </si>
  <si>
    <t>0.009306016474381451</t>
  </si>
  <si>
    <t>49474</t>
  </si>
  <si>
    <t>1159.199951171875</t>
  </si>
  <si>
    <t>0.06367379426058939</t>
  </si>
  <si>
    <t>41072</t>
  </si>
  <si>
    <t>1185.500244140625</t>
  </si>
  <si>
    <t>-0.18612065492717633</t>
  </si>
  <si>
    <t>44683</t>
  </si>
  <si>
    <t>0.08426649195422797</t>
  </si>
  <si>
    <t>46464</t>
  </si>
  <si>
    <t>830.9000244140625</t>
  </si>
  <si>
    <t>0.03908470311931822</t>
  </si>
  <si>
    <t>24009</t>
  </si>
  <si>
    <t>139.22377014160156</t>
  </si>
  <si>
    <t>Benevento</t>
  </si>
  <si>
    <t>24358</t>
  </si>
  <si>
    <t>0.014431577611899726</t>
  </si>
  <si>
    <t>24540</t>
  </si>
  <si>
    <t>0.007444101617846144</t>
  </si>
  <si>
    <t>13.800002098083496</t>
  </si>
  <si>
    <t>731.1000366210938</t>
  </si>
  <si>
    <t>-0.009334383668273105</t>
  </si>
  <si>
    <t>14.366665840148926</t>
  </si>
  <si>
    <t>0.02092143547926284</t>
  </si>
  <si>
    <t>13.699999809265137</t>
  </si>
  <si>
    <t>0.028276047908734725</t>
  </si>
  <si>
    <t>13.333335876464844</t>
  </si>
  <si>
    <t>845.0</t>
  </si>
  <si>
    <t>0.012104376484138868</t>
  </si>
  <si>
    <t>26304</t>
  </si>
  <si>
    <t>574.0</t>
  </si>
  <si>
    <t>0.017449103387139786</t>
  </si>
  <si>
    <t>26767</t>
  </si>
  <si>
    <t>0.017448766633419766</t>
  </si>
  <si>
    <t>663.5999755859375</t>
  </si>
  <si>
    <t>0.015753026886626387</t>
  </si>
  <si>
    <t>0.03654099946297862</t>
  </si>
  <si>
    <t>28077</t>
  </si>
  <si>
    <t>639.10009765625</t>
  </si>
  <si>
    <t>-0.004513076013564543</t>
  </si>
  <si>
    <t>14.40000057220459</t>
  </si>
  <si>
    <t>813.5</t>
  </si>
  <si>
    <t>0.00351981591062156</t>
  </si>
  <si>
    <t>548.9999389648438</t>
  </si>
  <si>
    <t>-0.01692984117583407</t>
  </si>
  <si>
    <t>27509</t>
  </si>
  <si>
    <t>-0.007027486720255993</t>
  </si>
  <si>
    <t>-0.00795624634972647</t>
  </si>
  <si>
    <t>14.350001335144043</t>
  </si>
  <si>
    <t>0.012851728721113176</t>
  </si>
  <si>
    <t>14.366667747497559</t>
  </si>
  <si>
    <t>635.5000610351562</t>
  </si>
  <si>
    <t>0.027860333407453197</t>
  </si>
  <si>
    <t>14.333333015441895</t>
  </si>
  <si>
    <t>25094</t>
  </si>
  <si>
    <t>798.9000244140625</t>
  </si>
  <si>
    <t>-0.05564739441214073</t>
  </si>
  <si>
    <t>14.041667938232422</t>
  </si>
  <si>
    <t>910.2999877929688</t>
  </si>
  <si>
    <t>0.010149956299684959</t>
  </si>
  <si>
    <t>25109</t>
  </si>
  <si>
    <t>-0.00955238243173362</t>
  </si>
  <si>
    <t>24940</t>
  </si>
  <si>
    <t>558.0000610351562</t>
  </si>
  <si>
    <t>-0.0067534073535693295</t>
  </si>
  <si>
    <t>25479</t>
  </si>
  <si>
    <t>619.4000854492188</t>
  </si>
  <si>
    <t>0.02138164321409164</t>
  </si>
  <si>
    <t>-0.07394193667306759</t>
  </si>
  <si>
    <t>24091</t>
  </si>
  <si>
    <t>14.608332633972168</t>
  </si>
  <si>
    <t>569.0000610351562</t>
  </si>
  <si>
    <t>0.01792567997272343</t>
  </si>
  <si>
    <t>14.258331298828125</t>
  </si>
  <si>
    <t>579.9000244140625</t>
  </si>
  <si>
    <t>-0.017376449937158256</t>
  </si>
  <si>
    <t>14.625</t>
  </si>
  <si>
    <t>383.0999755859375</t>
  </si>
  <si>
    <t>0.013341922264256567</t>
  </si>
  <si>
    <t>14.841667175292969</t>
  </si>
  <si>
    <t>0.012919434355872284</t>
  </si>
  <si>
    <t>24280</t>
  </si>
  <si>
    <t>-0.0010702672573099647</t>
  </si>
  <si>
    <t>22785</t>
  </si>
  <si>
    <t>14.72499942779541</t>
  </si>
  <si>
    <t>657.3999633789062</t>
  </si>
  <si>
    <t>-0.06355054147545225</t>
  </si>
  <si>
    <t>24789</t>
  </si>
  <si>
    <t>459.3000183105469</t>
  </si>
  <si>
    <t>0.0842975816713114</t>
  </si>
  <si>
    <t>25777</t>
  </si>
  <si>
    <t>0.03908261507394428</t>
  </si>
  <si>
    <t>1034.300048828125</t>
  </si>
  <si>
    <t>457.9884948730469</t>
  </si>
  <si>
    <t>Bergamo</t>
  </si>
  <si>
    <t>0.014432187265017049</t>
  </si>
  <si>
    <t>45703</t>
  </si>
  <si>
    <t>1199.0999755859375</t>
  </si>
  <si>
    <t>0.00744510230672546</t>
  </si>
  <si>
    <t>45279</t>
  </si>
  <si>
    <t>1231.5001220703125</t>
  </si>
  <si>
    <t>-0.009320592414407969</t>
  </si>
  <si>
    <t>1079.5999755859375</t>
  </si>
  <si>
    <t>0.0209153665866193</t>
  </si>
  <si>
    <t>1051.300048828125</t>
  </si>
  <si>
    <t>0.028275407651053186</t>
  </si>
  <si>
    <t>48142</t>
  </si>
  <si>
    <t>1266.7999267578125</t>
  </si>
  <si>
    <t>0.012120853901176787</t>
  </si>
  <si>
    <t>48987</t>
  </si>
  <si>
    <t>0.01739997980403274</t>
  </si>
  <si>
    <t>49851</t>
  </si>
  <si>
    <t>0.017483599598902444</t>
  </si>
  <si>
    <t>50643</t>
  </si>
  <si>
    <t>1252.89990234375</t>
  </si>
  <si>
    <t>0.015762461400175454</t>
  </si>
  <si>
    <t>52527</t>
  </si>
  <si>
    <t>1374.7000732421875</t>
  </si>
  <si>
    <t>0.03652630532492829</t>
  </si>
  <si>
    <t>53477</t>
  </si>
  <si>
    <t>1021.7999877929688</t>
  </si>
  <si>
    <t>0.017924331811304484</t>
  </si>
  <si>
    <t>53836</t>
  </si>
  <si>
    <t>1409.10009765625</t>
  </si>
  <si>
    <t>0.00669073344787563</t>
  </si>
  <si>
    <t>53503</t>
  </si>
  <si>
    <t>-0.0062046612752837405</t>
  </si>
  <si>
    <t>53355</t>
  </si>
  <si>
    <t>-0.002770033027656993</t>
  </si>
  <si>
    <t>53683</t>
  </si>
  <si>
    <t>862.0999755859375</t>
  </si>
  <si>
    <t>0.006128683769507148</t>
  </si>
  <si>
    <t>55137</t>
  </si>
  <si>
    <t>992.7000122070312</t>
  </si>
  <si>
    <t>0.02672461931341097</t>
  </si>
  <si>
    <t>54722</t>
  </si>
  <si>
    <t>961.3999633789062</t>
  </si>
  <si>
    <t>-0.007555174797474251</t>
  </si>
  <si>
    <t>51474</t>
  </si>
  <si>
    <t>1160.199951171875</t>
  </si>
  <si>
    <t>-0.06118899653508869</t>
  </si>
  <si>
    <t>49398</t>
  </si>
  <si>
    <t>954.4000244140625</t>
  </si>
  <si>
    <t>-0.041166888274540625</t>
  </si>
  <si>
    <t>48497</t>
  </si>
  <si>
    <t>1069.10009765625</t>
  </si>
  <si>
    <t>-0.018407997184150204</t>
  </si>
  <si>
    <t>48390</t>
  </si>
  <si>
    <t>907.5999145507812</t>
  </si>
  <si>
    <t>-0.002208759554966022</t>
  </si>
  <si>
    <t>46313</t>
  </si>
  <si>
    <t>1066.9000244140625</t>
  </si>
  <si>
    <t>-0.04387048158587703</t>
  </si>
  <si>
    <t>44871</t>
  </si>
  <si>
    <t>1258.199951171875</t>
  </si>
  <si>
    <t>-0.031630992874051245</t>
  </si>
  <si>
    <t>1367.7001953125</t>
  </si>
  <si>
    <t>-0.0011818619043406642</t>
  </si>
  <si>
    <t>45025</t>
  </si>
  <si>
    <t>897.5999755859375</t>
  </si>
  <si>
    <t>0.004608046621061845</t>
  </si>
  <si>
    <t>45827</t>
  </si>
  <si>
    <t>1114.10009765625</t>
  </si>
  <si>
    <t>0.017655546010328038</t>
  </si>
  <si>
    <t>46647</t>
  </si>
  <si>
    <t>905.300048828125</t>
  </si>
  <si>
    <t>0.017735179471440432</t>
  </si>
  <si>
    <t>751.199951171875</t>
  </si>
  <si>
    <t>0.016540899277289967</t>
  </si>
  <si>
    <t>48563</t>
  </si>
  <si>
    <t>0.023712408264080054</t>
  </si>
  <si>
    <t>11.983332633972168</t>
  </si>
  <si>
    <t>1031.0999755859375</t>
  </si>
  <si>
    <t>-0.09585807197802332</t>
  </si>
  <si>
    <t>48004</t>
  </si>
  <si>
    <t>998.2999877929688</t>
  </si>
  <si>
    <t>0.08428048866205984</t>
  </si>
  <si>
    <t>49917</t>
  </si>
  <si>
    <t>857.0001220703125</t>
  </si>
  <si>
    <t>0.03907728533228472</t>
  </si>
  <si>
    <t>50105</t>
  </si>
  <si>
    <t>13.188836097717285</t>
  </si>
  <si>
    <t>807.7916259765625</t>
  </si>
  <si>
    <t>454.4968566894531</t>
  </si>
  <si>
    <t>Bologna</t>
  </si>
  <si>
    <t>50832</t>
  </si>
  <si>
    <t>12.324889183044434</t>
  </si>
  <si>
    <t>870.6232299804688</t>
  </si>
  <si>
    <t>0.01440527401686964</t>
  </si>
  <si>
    <t>51213</t>
  </si>
  <si>
    <t>13.362870216369629</t>
  </si>
  <si>
    <t>848.9807739257812</t>
  </si>
  <si>
    <t>0.007467328539563667</t>
  </si>
  <si>
    <t>12.86594009399414</t>
  </si>
  <si>
    <t>808.1622314453125</t>
  </si>
  <si>
    <t>-0.009337978594267327</t>
  </si>
  <si>
    <t>51809</t>
  </si>
  <si>
    <t>13.723308563232422</t>
  </si>
  <si>
    <t>799.8134155273438</t>
  </si>
  <si>
    <t>0.020908451874779743</t>
  </si>
  <si>
    <t>53295</t>
  </si>
  <si>
    <t>12.844449043273926</t>
  </si>
  <si>
    <t>896.9559326171875</t>
  </si>
  <si>
    <t>0.0282786387938625</t>
  </si>
  <si>
    <t>53945</t>
  </si>
  <si>
    <t>12.16927433013916</t>
  </si>
  <si>
    <t>1115.181884765625</t>
  </si>
  <si>
    <t>0.01212249086220396</t>
  </si>
  <si>
    <t>54893</t>
  </si>
  <si>
    <t>13.425853729248047</t>
  </si>
  <si>
    <t>690.639404296875</t>
  </si>
  <si>
    <t>0.017420826829050995</t>
  </si>
  <si>
    <t>55860</t>
  </si>
  <si>
    <t>13.004711151123047</t>
  </si>
  <si>
    <t>731.1213989257812</t>
  </si>
  <si>
    <t>0.0174627246846768</t>
  </si>
  <si>
    <t>56748</t>
  </si>
  <si>
    <t>12.835151672363281</t>
  </si>
  <si>
    <t>896.5084228515625</t>
  </si>
  <si>
    <t>0.01577185293270844</t>
  </si>
  <si>
    <t>58859</t>
  </si>
  <si>
    <t>13.935325622558594</t>
  </si>
  <si>
    <t>871.459228515625</t>
  </si>
  <si>
    <t>0.03652433974473368</t>
  </si>
  <si>
    <t>58127</t>
  </si>
  <si>
    <t>13.009185791015625</t>
  </si>
  <si>
    <t>755.9722290039062</t>
  </si>
  <si>
    <t>-0.012514481276765466</t>
  </si>
  <si>
    <t>57713</t>
  </si>
  <si>
    <t>13.680500984191895</t>
  </si>
  <si>
    <t>1035.875</t>
  </si>
  <si>
    <t>-0.007147820487734435</t>
  </si>
  <si>
    <t>56955</t>
  </si>
  <si>
    <t>13.605502128601074</t>
  </si>
  <si>
    <t>704.94384765625</t>
  </si>
  <si>
    <t>-0.013220969078098221</t>
  </si>
  <si>
    <t>56941</t>
  </si>
  <si>
    <t>13.007431030273438</t>
  </si>
  <si>
    <t>939.9644165039062</t>
  </si>
  <si>
    <t>-0.00024583830987090494</t>
  </si>
  <si>
    <t>57162</t>
  </si>
  <si>
    <t>12.442519187927246</t>
  </si>
  <si>
    <t>1001.6621704101562</t>
  </si>
  <si>
    <t>0.0038736979106932523</t>
  </si>
  <si>
    <t>59211</t>
  </si>
  <si>
    <t>13.734976768493652</t>
  </si>
  <si>
    <t>694.6441040039062</t>
  </si>
  <si>
    <t>0.035217993487382415</t>
  </si>
  <si>
    <t>58734</t>
  </si>
  <si>
    <t>13.582257270812988</t>
  </si>
  <si>
    <t>712.8837890625</t>
  </si>
  <si>
    <t>-0.008088559932732053</t>
  </si>
  <si>
    <t>56855</t>
  </si>
  <si>
    <t>13.12006664276123</t>
  </si>
  <si>
    <t>996.6896362304688</t>
  </si>
  <si>
    <t>-0.03251460843066134</t>
  </si>
  <si>
    <t>53530</t>
  </si>
  <si>
    <t>13.296996116638184</t>
  </si>
  <si>
    <t>868.0863037109375</t>
  </si>
  <si>
    <t>-0.06026192267139763</t>
  </si>
  <si>
    <t>56496</t>
  </si>
  <si>
    <t>12.631117820739746</t>
  </si>
  <si>
    <t>1010.9065551757812</t>
  </si>
  <si>
    <t>0.05392759478074183</t>
  </si>
  <si>
    <t>58134</t>
  </si>
  <si>
    <t>13.962870597839355</t>
  </si>
  <si>
    <t>608.251220703125</t>
  </si>
  <si>
    <t>0.02858085144489131</t>
  </si>
  <si>
    <t>13.471203804016113</t>
  </si>
  <si>
    <t>833.2451782226562</t>
  </si>
  <si>
    <t>-0.04480132966253514</t>
  </si>
  <si>
    <t>54958</t>
  </si>
  <si>
    <t>13.364974975585938</t>
  </si>
  <si>
    <t>967.863525390625</t>
  </si>
  <si>
    <t>-0.011380103818321885</t>
  </si>
  <si>
    <t>14.080677032470703</t>
  </si>
  <si>
    <t>910.3773803710938</t>
  </si>
  <si>
    <t>0.002997794779629359</t>
  </si>
  <si>
    <t>55772</t>
  </si>
  <si>
    <t>14.106816291809082</t>
  </si>
  <si>
    <t>647.7970581054688</t>
  </si>
  <si>
    <t>0.01170489940307995</t>
  </si>
  <si>
    <t>56235</t>
  </si>
  <si>
    <t>13.445239067077637</t>
  </si>
  <si>
    <t>770.4161376953125</t>
  </si>
  <si>
    <t>0.00826738752320999</t>
  </si>
  <si>
    <t>57479</t>
  </si>
  <si>
    <t>14.072342872619629</t>
  </si>
  <si>
    <t>614.4624633789062</t>
  </si>
  <si>
    <t>0.0218803248479027</t>
  </si>
  <si>
    <t>58102</t>
  </si>
  <si>
    <t>14.18918514251709</t>
  </si>
  <si>
    <t>747.9111328125</t>
  </si>
  <si>
    <t>0.010780422969423498</t>
  </si>
  <si>
    <t>59102</t>
  </si>
  <si>
    <t>14.519623756408691</t>
  </si>
  <si>
    <t>979.6343994140625</t>
  </si>
  <si>
    <t>0.017064678113696274</t>
  </si>
  <si>
    <t>53941</t>
  </si>
  <si>
    <t>14.046379089355469</t>
  </si>
  <si>
    <t>883.6947631835938</t>
  </si>
  <si>
    <t>-0.09137390812973223</t>
  </si>
  <si>
    <t>58685</t>
  </si>
  <si>
    <t>13.602782249450684</t>
  </si>
  <si>
    <t>602.3375244140625</t>
  </si>
  <si>
    <t>0.0842933008948119</t>
  </si>
  <si>
    <t>61024</t>
  </si>
  <si>
    <t>14.732256889343262</t>
  </si>
  <si>
    <t>662.3992309570312</t>
  </si>
  <si>
    <t>0.03908307186592097</t>
  </si>
  <si>
    <t>51592</t>
  </si>
  <si>
    <t>3.9761741161346436</t>
  </si>
  <si>
    <t>991.766845703125</t>
  </si>
  <si>
    <t>162.05178833007812</t>
  </si>
  <si>
    <t>Bolzano-Bozen</t>
  </si>
  <si>
    <t>52341</t>
  </si>
  <si>
    <t>3.020907163619995</t>
  </si>
  <si>
    <t>884.482177734375</t>
  </si>
  <si>
    <t>0.014413381057797992</t>
  </si>
  <si>
    <t>52733</t>
  </si>
  <si>
    <t>4.2790751457214355</t>
  </si>
  <si>
    <t>1058.202880859375</t>
  </si>
  <si>
    <t>0.00746144276707561</t>
  </si>
  <si>
    <t>52243</t>
  </si>
  <si>
    <t>3.5215647220611572</t>
  </si>
  <si>
    <t>1009.755126953125</t>
  </si>
  <si>
    <t>-0.009335534954850289</t>
  </si>
  <si>
    <t>53347</t>
  </si>
  <si>
    <t>4.482266902923584</t>
  </si>
  <si>
    <t>993.6768188476562</t>
  </si>
  <si>
    <t>0.020911833161195048</t>
  </si>
  <si>
    <t>54877</t>
  </si>
  <si>
    <t>3.5650689601898193</t>
  </si>
  <si>
    <t>993.0043334960938</t>
  </si>
  <si>
    <t>0.02827657346113277</t>
  </si>
  <si>
    <t>55546</t>
  </si>
  <si>
    <t>2.5416934490203857</t>
  </si>
  <si>
    <t>1114.149169921875</t>
  </si>
  <si>
    <t>0.012117189091849667</t>
  </si>
  <si>
    <t>56522</t>
  </si>
  <si>
    <t>4.001674175262451</t>
  </si>
  <si>
    <t>955.3318481445312</t>
  </si>
  <si>
    <t>0.017418436602165244</t>
  </si>
  <si>
    <t>57518</t>
  </si>
  <si>
    <t>3.6749141216278076</t>
  </si>
  <si>
    <t>1055.50146484375</t>
  </si>
  <si>
    <t>0.017467999399237044</t>
  </si>
  <si>
    <t>58432</t>
  </si>
  <si>
    <t>3.449819803237915</t>
  </si>
  <si>
    <t>1148.5762939453125</t>
  </si>
  <si>
    <t>0.015765742678823358</t>
  </si>
  <si>
    <t>60606</t>
  </si>
  <si>
    <t>4.610708713531494</t>
  </si>
  <si>
    <t>1184.074462890625</t>
  </si>
  <si>
    <t>0.03653021310259952</t>
  </si>
  <si>
    <t>60508</t>
  </si>
  <si>
    <t>3.6295909881591797</t>
  </si>
  <si>
    <t>1011.5427856445312</t>
  </si>
  <si>
    <t>-0.0016183103751483685</t>
  </si>
  <si>
    <t>59122</t>
  </si>
  <si>
    <t>4.155080795288086</t>
  </si>
  <si>
    <t>1171.9100341796875</t>
  </si>
  <si>
    <t>-0.023172482132888916</t>
  </si>
  <si>
    <t>59167</t>
  </si>
  <si>
    <t>3.9161250591278076</t>
  </si>
  <si>
    <t>836.3289184570312</t>
  </si>
  <si>
    <t>0.0007608484672427807</t>
  </si>
  <si>
    <t>60851</t>
  </si>
  <si>
    <t>3.4538261890411377</t>
  </si>
  <si>
    <t>911.5028686523438</t>
  </si>
  <si>
    <t>0.028064299117932734</t>
  </si>
  <si>
    <t>60233</t>
  </si>
  <si>
    <t>2.8476226329803467</t>
  </si>
  <si>
    <t>931.0582885742188</t>
  </si>
  <si>
    <t>-0.010207878271790705</t>
  </si>
  <si>
    <t>61759</t>
  </si>
  <si>
    <t>4.410435199737549</t>
  </si>
  <si>
    <t>928.19921875</t>
  </si>
  <si>
    <t>0.02501933899513986</t>
  </si>
  <si>
    <t>62398</t>
  </si>
  <si>
    <t>4.122948169708252</t>
  </si>
  <si>
    <t>999.1466674804688</t>
  </si>
  <si>
    <t>0.010293509704087711</t>
  </si>
  <si>
    <t>62228</t>
  </si>
  <si>
    <t>3.662374258041382</t>
  </si>
  <si>
    <t>1069.350830078125</t>
  </si>
  <si>
    <t>-0.002728164354801166</t>
  </si>
  <si>
    <t>60408</t>
  </si>
  <si>
    <t>3.8443167209625244</t>
  </si>
  <si>
    <t>1024.635009765625</t>
  </si>
  <si>
    <t>-0.029683512723751804</t>
  </si>
  <si>
    <t>61784</t>
  </si>
  <si>
    <t>3.129984140396118</t>
  </si>
  <si>
    <t>1037.1492919921875</t>
  </si>
  <si>
    <t>0.02252288476583786</t>
  </si>
  <si>
    <t>62547</t>
  </si>
  <si>
    <t>4.675375461578369</t>
  </si>
  <si>
    <t>964.5651245117188</t>
  </si>
  <si>
    <t>0.012273842865067053</t>
  </si>
  <si>
    <t>63722</t>
  </si>
  <si>
    <t>4.029125690460205</t>
  </si>
  <si>
    <t>1033.506103515625</t>
  </si>
  <si>
    <t>0.018611597736770236</t>
  </si>
  <si>
    <t>63154</t>
  </si>
  <si>
    <t>3.763103485107422</t>
  </si>
  <si>
    <t>1023.2314453125</t>
  </si>
  <si>
    <t>-0.008953683827281012</t>
  </si>
  <si>
    <t>62802</t>
  </si>
  <si>
    <t>4.707808971405029</t>
  </si>
  <si>
    <t>1081.3907470703125</t>
  </si>
  <si>
    <t>-0.005589267940717235</t>
  </si>
  <si>
    <t>63220</t>
  </si>
  <si>
    <t>4.810993194580078</t>
  </si>
  <si>
    <t>898.4600830078125</t>
  </si>
  <si>
    <t>0.006633786686670362</t>
  </si>
  <si>
    <t>63425</t>
  </si>
  <si>
    <t>3.8415205478668213</t>
  </si>
  <si>
    <t>1073.5687255859375</t>
  </si>
  <si>
    <t>0.003237398697873317</t>
  </si>
  <si>
    <t>64848</t>
  </si>
  <si>
    <t>4.66798734664917</t>
  </si>
  <si>
    <t>1118.094482421875</t>
  </si>
  <si>
    <t>0.022187964400607996</t>
  </si>
  <si>
    <t>66251</t>
  </si>
  <si>
    <t>4.633247375488281</t>
  </si>
  <si>
    <t>847.9420166015625</t>
  </si>
  <si>
    <t>0.02140448920608229</t>
  </si>
  <si>
    <t>67643</t>
  </si>
  <si>
    <t>5.0423359870910645</t>
  </si>
  <si>
    <t>987.0406494140625</t>
  </si>
  <si>
    <t>0.020793316408973084</t>
  </si>
  <si>
    <t>61599</t>
  </si>
  <si>
    <t>4.650102615356445</t>
  </si>
  <si>
    <t>-0.09359823885953666</t>
  </si>
  <si>
    <t>67016</t>
  </si>
  <si>
    <t>3.9103336334228516</t>
  </si>
  <si>
    <t>950.8245849609375</t>
  </si>
  <si>
    <t>0.08428576021003664</t>
  </si>
  <si>
    <t>69687</t>
  </si>
  <si>
    <t>5.260462284088135</t>
  </si>
  <si>
    <t>845.910888671875</t>
  </si>
  <si>
    <t>0.03908238988929824</t>
  </si>
  <si>
    <t>9.137421607971191</t>
  </si>
  <si>
    <t>872.0753784179688</t>
  </si>
  <si>
    <t>343.9271240234375</t>
  </si>
  <si>
    <t>Brescia</t>
  </si>
  <si>
    <t>45591</t>
  </si>
  <si>
    <t>8.180266380310059</t>
  </si>
  <si>
    <t>772.528564453125</t>
  </si>
  <si>
    <t>0.01440431400138209</t>
  </si>
  <si>
    <t>45932</t>
  </si>
  <si>
    <t>8.973664283752441</t>
  </si>
  <si>
    <t>988.544921875</t>
  </si>
  <si>
    <t>0.007451713294365447</t>
  </si>
  <si>
    <t>45506</t>
  </si>
  <si>
    <t>8.575787544250488</t>
  </si>
  <si>
    <t>989.8446655273438</t>
  </si>
  <si>
    <t>-0.009317856519007961</t>
  </si>
  <si>
    <t>46467</t>
  </si>
  <si>
    <t>9.518816947937012</t>
  </si>
  <si>
    <t>909.65380859375</t>
  </si>
  <si>
    <t>0.020898197838794985</t>
  </si>
  <si>
    <t>47800</t>
  </si>
  <si>
    <t>8.909906387329102</t>
  </si>
  <si>
    <t>931.7477416992188</t>
  </si>
  <si>
    <t>0.028283256263680556</t>
  </si>
  <si>
    <t>48383</t>
  </si>
  <si>
    <t>8.048664093017578</t>
  </si>
  <si>
    <t>1083.4560546875</t>
  </si>
  <si>
    <t>0.012122872856652478</t>
  </si>
  <si>
    <t>49233</t>
  </si>
  <si>
    <t>9.532966613769531</t>
  </si>
  <si>
    <t>817.8179931640625</t>
  </si>
  <si>
    <t>0.017415618011536793</t>
  </si>
  <si>
    <t>50100</t>
  </si>
  <si>
    <t>9.105635643005371</t>
  </si>
  <si>
    <t>956.0487670898438</t>
  </si>
  <si>
    <t>0.01745687772521798</t>
  </si>
  <si>
    <t>50897</t>
  </si>
  <si>
    <t>9.081604957580566</t>
  </si>
  <si>
    <t>1031.640625</t>
  </si>
  <si>
    <t>0.015782974632415403</t>
  </si>
  <si>
    <t>52790</t>
  </si>
  <si>
    <t>9.594786643981934</t>
  </si>
  <si>
    <t>1109.8304443359375</t>
  </si>
  <si>
    <t>0.03651779611229067</t>
  </si>
  <si>
    <t>54658</t>
  </si>
  <si>
    <t>8.869786262512207</t>
  </si>
  <si>
    <t>895.6915893554688</t>
  </si>
  <si>
    <t>0.034773811166946444</t>
  </si>
  <si>
    <t>54800</t>
  </si>
  <si>
    <t>9.411452293395996</t>
  </si>
  <si>
    <t>1132.7830810546875</t>
  </si>
  <si>
    <t>0.0025946039514987973</t>
  </si>
  <si>
    <t>54076</t>
  </si>
  <si>
    <t>9.710875511169434</t>
  </si>
  <si>
    <t>702.53271484375</t>
  </si>
  <si>
    <t>-0.013299729451810904</t>
  </si>
  <si>
    <t>53917</t>
  </si>
  <si>
    <t>9.031027793884277</t>
  </si>
  <si>
    <t>835.1881713867188</t>
  </si>
  <si>
    <t>-0.002944637428152319</t>
  </si>
  <si>
    <t>52433</t>
  </si>
  <si>
    <t>8.763391494750977</t>
  </si>
  <si>
    <t>701.7459716796875</t>
  </si>
  <si>
    <t>-0.027909662977176453</t>
  </si>
  <si>
    <t>53010</t>
  </si>
  <si>
    <t>9.881028175354004</t>
  </si>
  <si>
    <t>852.1612548828125</t>
  </si>
  <si>
    <t>0.010944410902885338</t>
  </si>
  <si>
    <t>53788</t>
  </si>
  <si>
    <t>9.328512191772461</t>
  </si>
  <si>
    <t>852.954345703125</t>
  </si>
  <si>
    <t>0.014569818961907899</t>
  </si>
  <si>
    <t>52084</t>
  </si>
  <si>
    <t>8.696147918701172</t>
  </si>
  <si>
    <t>968.608642578125</t>
  </si>
  <si>
    <t>-0.0321925940951413</t>
  </si>
  <si>
    <t>46555</t>
  </si>
  <si>
    <t>9.388784408569336</t>
  </si>
  <si>
    <t>815.1648559570312</t>
  </si>
  <si>
    <t>-0.11222339052598862</t>
  </si>
  <si>
    <t>8.52463436126709</t>
  </si>
  <si>
    <t>925.89892578125</t>
  </si>
  <si>
    <t>0.0073832661117396725</t>
  </si>
  <si>
    <t>48001</t>
  </si>
  <si>
    <t>9.873086929321289</t>
  </si>
  <si>
    <t>777.1481323242188</t>
  </si>
  <si>
    <t>0.023204168571981043</t>
  </si>
  <si>
    <t>9.159329414367676</t>
  </si>
  <si>
    <t>893.3349609375</t>
  </si>
  <si>
    <t>-0.03954159127860635</t>
  </si>
  <si>
    <t>44832</t>
  </si>
  <si>
    <t>8.920178413391113</t>
  </si>
  <si>
    <t>1024.643310546875</t>
  </si>
  <si>
    <t>-0.028758082591011203</t>
  </si>
  <si>
    <t>44874</t>
  </si>
  <si>
    <t>9.951573371887207</t>
  </si>
  <si>
    <t>1127.3289794921875</t>
  </si>
  <si>
    <t>0.0009363922829894733</t>
  </si>
  <si>
    <t>45275</t>
  </si>
  <si>
    <t>9.97908878326416</t>
  </si>
  <si>
    <t>766.664794921875</t>
  </si>
  <si>
    <t>0.008896441331891936</t>
  </si>
  <si>
    <t>46354</t>
  </si>
  <si>
    <t>9.210875511169434</t>
  </si>
  <si>
    <t>952.76708984375</t>
  </si>
  <si>
    <t>0.02355258441088992</t>
  </si>
  <si>
    <t>47541</t>
  </si>
  <si>
    <t>10.08645248413086</t>
  </si>
  <si>
    <t>795.368896484375</t>
  </si>
  <si>
    <t>0.02528490844841258</t>
  </si>
  <si>
    <t>10.01533031463623</t>
  </si>
  <si>
    <t>646.9957885742188</t>
  </si>
  <si>
    <t>0.015797655304922387</t>
  </si>
  <si>
    <t>49147</t>
  </si>
  <si>
    <t>10.150604248046875</t>
  </si>
  <si>
    <t>894.4661865234375</t>
  </si>
  <si>
    <t>0.017425655156722897</t>
  </si>
  <si>
    <t>10.051179885864258</t>
  </si>
  <si>
    <t>851.0175170898438</t>
  </si>
  <si>
    <t>-0.09542413017905993</t>
  </si>
  <si>
    <t>48602</t>
  </si>
  <si>
    <t>9.246148109436035</t>
  </si>
  <si>
    <t>823.5670166015625</t>
  </si>
  <si>
    <t>0.08427300541172578</t>
  </si>
  <si>
    <t>50540</t>
  </si>
  <si>
    <t>10.855057716369629</t>
  </si>
  <si>
    <t>718.119140625</t>
  </si>
  <si>
    <t>0.03910041963695576</t>
  </si>
  <si>
    <t>506.1999816894531</t>
  </si>
  <si>
    <t>242.70802307128906</t>
  </si>
  <si>
    <t>Brindisi</t>
  </si>
  <si>
    <t>22854</t>
  </si>
  <si>
    <t>484.8999938964844</t>
  </si>
  <si>
    <t>0.014411566938665743</t>
  </si>
  <si>
    <t>23025</t>
  </si>
  <si>
    <t>16.191667556762695</t>
  </si>
  <si>
    <t>451.5999755859375</t>
  </si>
  <si>
    <t>0.007454425416847599</t>
  </si>
  <si>
    <t>-0.009337706385167621</t>
  </si>
  <si>
    <t>23293</t>
  </si>
  <si>
    <t>525.5999755859375</t>
  </si>
  <si>
    <t>0.020910010493015108</t>
  </si>
  <si>
    <t>23962</t>
  </si>
  <si>
    <t>0.02831635596849047</t>
  </si>
  <si>
    <t>24254</t>
  </si>
  <si>
    <t>15.758334159851074</t>
  </si>
  <si>
    <t>0.01211231001689228</t>
  </si>
  <si>
    <t>24680</t>
  </si>
  <si>
    <t>526.6000366210938</t>
  </si>
  <si>
    <t>0.017411646802587555</t>
  </si>
  <si>
    <t>25115</t>
  </si>
  <si>
    <t>16.50833511352539</t>
  </si>
  <si>
    <t>581.5000610351562</t>
  </si>
  <si>
    <t>0.017472078164820104</t>
  </si>
  <si>
    <t>25514</t>
  </si>
  <si>
    <t>488.5</t>
  </si>
  <si>
    <t>0.01576204391409064</t>
  </si>
  <si>
    <t>0.036520209828641015</t>
  </si>
  <si>
    <t>26094</t>
  </si>
  <si>
    <t>418.79998779296875</t>
  </si>
  <si>
    <t>-0.014042128101182882</t>
  </si>
  <si>
    <t>17.149999618530273</t>
  </si>
  <si>
    <t>674.2000122070312</t>
  </si>
  <si>
    <t>0.013059141254545992</t>
  </si>
  <si>
    <t>27116</t>
  </si>
  <si>
    <t>16.5916690826416</t>
  </si>
  <si>
    <t>0.025359415470616042</t>
  </si>
  <si>
    <t>26902</t>
  </si>
  <si>
    <t>16.591665267944336</t>
  </si>
  <si>
    <t>-0.007923326282329057</t>
  </si>
  <si>
    <t>26781</t>
  </si>
  <si>
    <t>-0.004507952421054284</t>
  </si>
  <si>
    <t>28151</t>
  </si>
  <si>
    <t>584.699951171875</t>
  </si>
  <si>
    <t>0.049890197068087616</t>
  </si>
  <si>
    <t>27567</t>
  </si>
  <si>
    <t>626.9999389648438</t>
  </si>
  <si>
    <t>-0.020963472746565515</t>
  </si>
  <si>
    <t>-0.08534081360161316</t>
  </si>
  <si>
    <t>24365</t>
  </si>
  <si>
    <t>-0.0381309152897753</t>
  </si>
  <si>
    <t>25405</t>
  </si>
  <si>
    <t>0.04179832875022704</t>
  </si>
  <si>
    <t>468.9000244140625</t>
  </si>
  <si>
    <t>0.03606675824233285</t>
  </si>
  <si>
    <t>585.7000122070312</t>
  </si>
  <si>
    <t>0.0018208031735564845</t>
  </si>
  <si>
    <t>17.43333625793457</t>
  </si>
  <si>
    <t>-0.049766536974916065</t>
  </si>
  <si>
    <t>17.299999237060547</t>
  </si>
  <si>
    <t>-0.00039840637977306415</t>
  </si>
  <si>
    <t>26011</t>
  </si>
  <si>
    <t>17.325000762939453</t>
  </si>
  <si>
    <t>517.9000244140625</t>
  </si>
  <si>
    <t>0.03585090236585664</t>
  </si>
  <si>
    <t>25084</t>
  </si>
  <si>
    <t>-0.03628933279197888</t>
  </si>
  <si>
    <t>17.558332443237305</t>
  </si>
  <si>
    <t>417.9000244140625</t>
  </si>
  <si>
    <t>0.01942421907676639</t>
  </si>
  <si>
    <t>0.024486605577774156</t>
  </si>
  <si>
    <t>17.83333396911621</t>
  </si>
  <si>
    <t>-0.004972280276861696</t>
  </si>
  <si>
    <t>24729</t>
  </si>
  <si>
    <t>17.583332061767578</t>
  </si>
  <si>
    <t>-0.05319209305925199</t>
  </si>
  <si>
    <t>17.166667938232422</t>
  </si>
  <si>
    <t>423.9000244140625</t>
  </si>
  <si>
    <t>0.08429833043876833</t>
  </si>
  <si>
    <t>27976</t>
  </si>
  <si>
    <t>18.058332443237305</t>
  </si>
  <si>
    <t>0.039072025323106274</t>
  </si>
  <si>
    <t>23081</t>
  </si>
  <si>
    <t>500.5999755859375</t>
  </si>
  <si>
    <t>121.75968170166016</t>
  </si>
  <si>
    <t>Caltanissetta</t>
  </si>
  <si>
    <t>458.8000183105469</t>
  </si>
  <si>
    <t>0.01440978113197211</t>
  </si>
  <si>
    <t>23591</t>
  </si>
  <si>
    <t>359.8000183105469</t>
  </si>
  <si>
    <t>0.007445733975108837</t>
  </si>
  <si>
    <t>23372</t>
  </si>
  <si>
    <t>16.616662979125977</t>
  </si>
  <si>
    <t>448.8999938964844</t>
  </si>
  <si>
    <t>-0.009326558672503538</t>
  </si>
  <si>
    <t>400.70001220703125</t>
  </si>
  <si>
    <t>0.0209161272552727</t>
  </si>
  <si>
    <t>24551</t>
  </si>
  <si>
    <t>422.5000305175781</t>
  </si>
  <si>
    <t>0.02829773466104868</t>
  </si>
  <si>
    <t>24850</t>
  </si>
  <si>
    <t>0.01210516593412514</t>
  </si>
  <si>
    <t>489.6999816894531</t>
  </si>
  <si>
    <t>0.017432677140817532</t>
  </si>
  <si>
    <t>25732</t>
  </si>
  <si>
    <t>377.6000061035156</t>
  </si>
  <si>
    <t>0.01744492386529828</t>
  </si>
  <si>
    <t>26141</t>
  </si>
  <si>
    <t>17.116666793823242</t>
  </si>
  <si>
    <t>0.0157696094626516</t>
  </si>
  <si>
    <t>27114</t>
  </si>
  <si>
    <t>378.29998779296875</t>
  </si>
  <si>
    <t>0.03654523664579301</t>
  </si>
  <si>
    <t>26331</t>
  </si>
  <si>
    <t>333.0</t>
  </si>
  <si>
    <t>-0.029303247379107944</t>
  </si>
  <si>
    <t>25971</t>
  </si>
  <si>
    <t>487.7000427246094</t>
  </si>
  <si>
    <t>-0.013766421376343985</t>
  </si>
  <si>
    <t>25968</t>
  </si>
  <si>
    <t>17.208330154418945</t>
  </si>
  <si>
    <t>472.5</t>
  </si>
  <si>
    <t>-0.00011552012951021595</t>
  </si>
  <si>
    <t>26444</t>
  </si>
  <si>
    <t>462.300048828125</t>
  </si>
  <si>
    <t>0.018164278699096315</t>
  </si>
  <si>
    <t>27110</t>
  </si>
  <si>
    <t>16.57499885559082</t>
  </si>
  <si>
    <t>482.3999938964844</t>
  </si>
  <si>
    <t>0.024873374039241725</t>
  </si>
  <si>
    <t>17.375001907348633</t>
  </si>
  <si>
    <t>331.8000183105469</t>
  </si>
  <si>
    <t>-0.006253373692398867</t>
  </si>
  <si>
    <t>27285</t>
  </si>
  <si>
    <t>457.3000183105469</t>
  </si>
  <si>
    <t>0.012687810820020573</t>
  </si>
  <si>
    <t>0.03330397532485385</t>
  </si>
  <si>
    <t>505.6000061035156</t>
  </si>
  <si>
    <t>-0.10879715531899414</t>
  </si>
  <si>
    <t>461.8999938964844</t>
  </si>
  <si>
    <t>-0.0026516291385050295</t>
  </si>
  <si>
    <t>391.79998779296875</t>
  </si>
  <si>
    <t>-0.026381245263941366</t>
  </si>
  <si>
    <t>23490</t>
  </si>
  <si>
    <t>17.49166488647461</t>
  </si>
  <si>
    <t>406.9999694824219</t>
  </si>
  <si>
    <t>-0.045236247570787924</t>
  </si>
  <si>
    <t>23543</t>
  </si>
  <si>
    <t>359.0</t>
  </si>
  <si>
    <t>0.0022537376919924412</t>
  </si>
  <si>
    <t>22052</t>
  </si>
  <si>
    <t>17.40833282470703</t>
  </si>
  <si>
    <t>418.6999816894531</t>
  </si>
  <si>
    <t>-0.0654252356353755</t>
  </si>
  <si>
    <t>21731</t>
  </si>
  <si>
    <t>444.0999755859375</t>
  </si>
  <si>
    <t>-0.014663488189839313</t>
  </si>
  <si>
    <t>395.8999938964844</t>
  </si>
  <si>
    <t>-0.01745390824416937</t>
  </si>
  <si>
    <t>21373</t>
  </si>
  <si>
    <t>258.8000183105469</t>
  </si>
  <si>
    <t>0.0008425389002439942</t>
  </si>
  <si>
    <t>-0.0032335946820420958</t>
  </si>
  <si>
    <t>17.666667938232422</t>
  </si>
  <si>
    <t>330.9000244140625</t>
  </si>
  <si>
    <t>0.03799411700209809</t>
  </si>
  <si>
    <t>21792</t>
  </si>
  <si>
    <t>378.8000183105469</t>
  </si>
  <si>
    <t>-0.015346035546627945</t>
  </si>
  <si>
    <t>17.55000114440918</t>
  </si>
  <si>
    <t>432.8000183105469</t>
  </si>
  <si>
    <t>0.0842696139584902</t>
  </si>
  <si>
    <t>24653</t>
  </si>
  <si>
    <t>319.9000244140625</t>
  </si>
  <si>
    <t>0.03908605301175072</t>
  </si>
  <si>
    <t>1565</t>
  </si>
  <si>
    <t>28320</t>
  </si>
  <si>
    <t>537.9000244140625</t>
  </si>
  <si>
    <t>79.69493865966797</t>
  </si>
  <si>
    <t>Campobasso</t>
  </si>
  <si>
    <t>492.1000061035156</t>
  </si>
  <si>
    <t>0.014408410382072745</t>
  </si>
  <si>
    <t>28946</t>
  </si>
  <si>
    <t>444.70001220703125</t>
  </si>
  <si>
    <t>0.007455346007819941</t>
  </si>
  <si>
    <t>581.3999633789062</t>
  </si>
  <si>
    <t>-0.009336617465676156</t>
  </si>
  <si>
    <t>29283</t>
  </si>
  <si>
    <t>14.591668128967285</t>
  </si>
  <si>
    <t>493.4000244140625</t>
  </si>
  <si>
    <t>0.020911735111202034</t>
  </si>
  <si>
    <t>0.028281856704470698</t>
  </si>
  <si>
    <t>705.8999633789062</t>
  </si>
  <si>
    <t>0.012109761434754063</t>
  </si>
  <si>
    <t>31026</t>
  </si>
  <si>
    <t>14.141667366027832</t>
  </si>
  <si>
    <t>502.1999816894531</t>
  </si>
  <si>
    <t>0.017426801641976297</t>
  </si>
  <si>
    <t>31573</t>
  </si>
  <si>
    <t>14.083334922790527</t>
  </si>
  <si>
    <t>0.017476762337285123</t>
  </si>
  <si>
    <t>14.141666412353516</t>
  </si>
  <si>
    <t>463.79998779296875</t>
  </si>
  <si>
    <t>0.015774585522276396</t>
  </si>
  <si>
    <t>33268</t>
  </si>
  <si>
    <t>554.9999389648438</t>
  </si>
  <si>
    <t>0.03651906350474121</t>
  </si>
  <si>
    <t>33896</t>
  </si>
  <si>
    <t>502.39996337890625</t>
  </si>
  <si>
    <t>0.018701039317816637</t>
  </si>
  <si>
    <t>14.691668510437012</t>
  </si>
  <si>
    <t>687.199951171875</t>
  </si>
  <si>
    <t>-0.008086656725136976</t>
  </si>
  <si>
    <t>33119</t>
  </si>
  <si>
    <t>14.391667366027832</t>
  </si>
  <si>
    <t>499.2999572753906</t>
  </si>
  <si>
    <t>-0.015103220774602022</t>
  </si>
  <si>
    <t>33518</t>
  </si>
  <si>
    <t>612.8999633789062</t>
  </si>
  <si>
    <t>0.011975472138162857</t>
  </si>
  <si>
    <t>33511</t>
  </si>
  <si>
    <t>13.408332824707031</t>
  </si>
  <si>
    <t>-0.0002088648204647825</t>
  </si>
  <si>
    <t>0.05954449852469068</t>
  </si>
  <si>
    <t>14.483333587646484</t>
  </si>
  <si>
    <t>0.029749590343005394</t>
  </si>
  <si>
    <t>770.0999755859375</t>
  </si>
  <si>
    <t>-0.051176951768461265</t>
  </si>
  <si>
    <t>33420</t>
  </si>
  <si>
    <t>-0.04083635707420363</t>
  </si>
  <si>
    <t>33158</t>
  </si>
  <si>
    <t>750.7999877929688</t>
  </si>
  <si>
    <t>-0.007870508349974159</t>
  </si>
  <si>
    <t>14.708333015441895</t>
  </si>
  <si>
    <t>485.4999694824219</t>
  </si>
  <si>
    <t>-0.01626645373549529</t>
  </si>
  <si>
    <t>31743</t>
  </si>
  <si>
    <t>14.833333015441895</t>
  </si>
  <si>
    <t>485.800048828125</t>
  </si>
  <si>
    <t>-0.02734533249164528</t>
  </si>
  <si>
    <t>14.741668701171875</t>
  </si>
  <si>
    <t>570.5</t>
  </si>
  <si>
    <t>-0.08405161469821287</t>
  </si>
  <si>
    <t>14.95000171661377</t>
  </si>
  <si>
    <t>693.89990234375</t>
  </si>
  <si>
    <t>-0.034688782967290166</t>
  </si>
  <si>
    <t>467.9000549316406</t>
  </si>
  <si>
    <t>0.015313695841733477</t>
  </si>
  <si>
    <t>14.541667938232422</t>
  </si>
  <si>
    <t>479.8999938964844</t>
  </si>
  <si>
    <t>0.004809544697824464</t>
  </si>
  <si>
    <t>324.20001220703125</t>
  </si>
  <si>
    <t>0.02166745700858108</t>
  </si>
  <si>
    <t>29864</t>
  </si>
  <si>
    <t>506.1000061035156</t>
  </si>
  <si>
    <t>0.01593121313951329</t>
  </si>
  <si>
    <t>31015</t>
  </si>
  <si>
    <t>15.499999046325684</t>
  </si>
  <si>
    <t>0.03781721681279748</t>
  </si>
  <si>
    <t>28792</t>
  </si>
  <si>
    <t>15.066666603088379</t>
  </si>
  <si>
    <t>590.1000366210938</t>
  </si>
  <si>
    <t>-0.07437338764835033</t>
  </si>
  <si>
    <t>31323</t>
  </si>
  <si>
    <t>14.600001335144043</t>
  </si>
  <si>
    <t>419.8000183105469</t>
  </si>
  <si>
    <t>0.08425508119935365</t>
  </si>
  <si>
    <t>32572</t>
  </si>
  <si>
    <t>15.566666603088379</t>
  </si>
  <si>
    <t>478.0000305175781</t>
  </si>
  <si>
    <t>0.03910037162880187</t>
  </si>
  <si>
    <t>22110</t>
  </si>
  <si>
    <t>14.683334350585938</t>
  </si>
  <si>
    <t>806.4000244140625</t>
  </si>
  <si>
    <t>261.0228271484375</t>
  </si>
  <si>
    <t>Caserta</t>
  </si>
  <si>
    <t>22431</t>
  </si>
  <si>
    <t>751.1000366210938</t>
  </si>
  <si>
    <t>0.014413935816532941</t>
  </si>
  <si>
    <t>22599</t>
  </si>
  <si>
    <t>14.441668510437012</t>
  </si>
  <si>
    <t>651.9000244140625</t>
  </si>
  <si>
    <t>0.00746172682577928</t>
  </si>
  <si>
    <t>22389</t>
  </si>
  <si>
    <t>14.47499942779541</t>
  </si>
  <si>
    <t>-0.00933589069430596</t>
  </si>
  <si>
    <t>15.058333396911621</t>
  </si>
  <si>
    <t>695.0</t>
  </si>
  <si>
    <t>0.020906376786225422</t>
  </si>
  <si>
    <t>965.5000610351562</t>
  </si>
  <si>
    <t>0.028289941797638107</t>
  </si>
  <si>
    <t>23805</t>
  </si>
  <si>
    <t>14.008334159851074</t>
  </si>
  <si>
    <t>0.012129557245257772</t>
  </si>
  <si>
    <t>24223</t>
  </si>
  <si>
    <t>0.017406952382613028</t>
  </si>
  <si>
    <t>0.017474305459604267</t>
  </si>
  <si>
    <t>25041</t>
  </si>
  <si>
    <t>14.699997901916504</t>
  </si>
  <si>
    <t>0.015737581048009375</t>
  </si>
  <si>
    <t>844.1000366210938</t>
  </si>
  <si>
    <t>0.03654305537154379</t>
  </si>
  <si>
    <t>14.7333345413208</t>
  </si>
  <si>
    <t>718.7999877929688</t>
  </si>
  <si>
    <t>0.0356262151046689</t>
  </si>
  <si>
    <t>968.4000244140625</t>
  </si>
  <si>
    <t>0.026688779346905278</t>
  </si>
  <si>
    <t>758.5999755859375</t>
  </si>
  <si>
    <t>-0.0007599747040902827</t>
  </si>
  <si>
    <t>0.015090829643202852</t>
  </si>
  <si>
    <t>1072.5999755859375</t>
  </si>
  <si>
    <t>0.008663596299369303</t>
  </si>
  <si>
    <t>15.058331489562988</t>
  </si>
  <si>
    <t>779.5999755859375</t>
  </si>
  <si>
    <t>0.016827151583388655</t>
  </si>
  <si>
    <t>0.004993421846558377</t>
  </si>
  <si>
    <t>-0.08995271303977681</t>
  </si>
  <si>
    <t>946.800048828125</t>
  </si>
  <si>
    <t>-0.03696915300868753</t>
  </si>
  <si>
    <t>24465</t>
  </si>
  <si>
    <t>14.691669464111328</t>
  </si>
  <si>
    <t>1094.400146484375</t>
  </si>
  <si>
    <t>-0.04002216523870494</t>
  </si>
  <si>
    <t>24015</t>
  </si>
  <si>
    <t>-0.01856488962429914</t>
  </si>
  <si>
    <t>15.208333015441895</t>
  </si>
  <si>
    <t>931.800048828125</t>
  </si>
  <si>
    <t>-0.003002629554805125</t>
  </si>
  <si>
    <t>23166</t>
  </si>
  <si>
    <t>1003.4000244140625</t>
  </si>
  <si>
    <t>-0.032990319051828365</t>
  </si>
  <si>
    <t>23040</t>
  </si>
  <si>
    <t>1071.0</t>
  </si>
  <si>
    <t>-0.005453850682462402</t>
  </si>
  <si>
    <t>23084</t>
  </si>
  <si>
    <t>15.275002479553223</t>
  </si>
  <si>
    <t>0.0019079010210294456</t>
  </si>
  <si>
    <t>23460</t>
  </si>
  <si>
    <t>945.300048828125</t>
  </si>
  <si>
    <t>0.01615710637660861</t>
  </si>
  <si>
    <t>23640</t>
  </si>
  <si>
    <t>637.5000610351562</t>
  </si>
  <si>
    <t>15.500000953674316</t>
  </si>
  <si>
    <t>903.4000244140625</t>
  </si>
  <si>
    <t>-0.003092764131938708</t>
  </si>
  <si>
    <t>24392</t>
  </si>
  <si>
    <t>971.2000122070312</t>
  </si>
  <si>
    <t>0.03440778127999522</t>
  </si>
  <si>
    <t>-0.054422592158205774</t>
  </si>
  <si>
    <t>25132</t>
  </si>
  <si>
    <t>739.2000122070312</t>
  </si>
  <si>
    <t>0.08430931701295208</t>
  </si>
  <si>
    <t>26134</t>
  </si>
  <si>
    <t>883.5999755859375</t>
  </si>
  <si>
    <t>0.039095214026254155</t>
  </si>
  <si>
    <t>1567</t>
  </si>
  <si>
    <t>24434</t>
  </si>
  <si>
    <t>15.333128929138184</t>
  </si>
  <si>
    <t>776.8255615234375</t>
  </si>
  <si>
    <t>768.6873168945312</t>
  </si>
  <si>
    <t>Catania</t>
  </si>
  <si>
    <t>24788</t>
  </si>
  <si>
    <t>14.577706336975098</t>
  </si>
  <si>
    <t>674.7229614257812</t>
  </si>
  <si>
    <t>0.014384060117993869</t>
  </si>
  <si>
    <t>24974</t>
  </si>
  <si>
    <t>15.0350923538208</t>
  </si>
  <si>
    <t>565.7568359375</t>
  </si>
  <si>
    <t>0.007475618593092648</t>
  </si>
  <si>
    <t>24742</t>
  </si>
  <si>
    <t>15.271903991699219</t>
  </si>
  <si>
    <t>656.596923828125</t>
  </si>
  <si>
    <t>-0.009333079252314747</t>
  </si>
  <si>
    <t>25265</t>
  </si>
  <si>
    <t>15.966934204101562</t>
  </si>
  <si>
    <t>590.1829833984375</t>
  </si>
  <si>
    <t>0.020917834303231686</t>
  </si>
  <si>
    <t>15.412396430969238</t>
  </si>
  <si>
    <t>639.33984375</t>
  </si>
  <si>
    <t>14.972755432128906</t>
  </si>
  <si>
    <t>787.76220703125</t>
  </si>
  <si>
    <t>0.012085201393189138</t>
  </si>
  <si>
    <t>26769</t>
  </si>
  <si>
    <t>15.482994079589844</t>
  </si>
  <si>
    <t>677.1029052734375</t>
  </si>
  <si>
    <t>0.017447451539537084</t>
  </si>
  <si>
    <t>15.333144187927246</t>
  </si>
  <si>
    <t>543.7832641601562</t>
  </si>
  <si>
    <t>0.017441979695187015</t>
  </si>
  <si>
    <t>27673</t>
  </si>
  <si>
    <t>15.757277488708496</t>
  </si>
  <si>
    <t>520.8939819335938</t>
  </si>
  <si>
    <t>0.015770727312634847</t>
  </si>
  <si>
    <t>16.113004684448242</t>
  </si>
  <si>
    <t>603.8864135742188</t>
  </si>
  <si>
    <t>0.036544438325513795</t>
  </si>
  <si>
    <t>15.875136375427246</t>
  </si>
  <si>
    <t>479.140869140625</t>
  </si>
  <si>
    <t>29086</t>
  </si>
  <si>
    <t>15.871051788330078</t>
  </si>
  <si>
    <t>711.577392578125</t>
  </si>
  <si>
    <t>0.001204052642153286</t>
  </si>
  <si>
    <t>15.965476036071777</t>
  </si>
  <si>
    <t>745.3301391601562</t>
  </si>
  <si>
    <t>0.009342184465239711</t>
  </si>
  <si>
    <t>29054</t>
  </si>
  <si>
    <t>15.45525074005127</t>
  </si>
  <si>
    <t>710.1557006835938</t>
  </si>
  <si>
    <t>-0.010442975770066809</t>
  </si>
  <si>
    <t>15.41696548461914</t>
  </si>
  <si>
    <t>751.504150390625</t>
  </si>
  <si>
    <t>0.027497574161591487</t>
  </si>
  <si>
    <t>16.315248489379883</t>
  </si>
  <si>
    <t>481.0008544921875</t>
  </si>
  <si>
    <t>0.0011043993023598375</t>
  </si>
  <si>
    <t>15.842989921569824</t>
  </si>
  <si>
    <t>648.1553344726562</t>
  </si>
  <si>
    <t>-0.004559329363754472</t>
  </si>
  <si>
    <t>15.912566184997559</t>
  </si>
  <si>
    <t>700.0643310546875</t>
  </si>
  <si>
    <t>0.01019615365475346</t>
  </si>
  <si>
    <t>15.95500659942627</t>
  </si>
  <si>
    <t>736.9281616210938</t>
  </si>
  <si>
    <t>-0.05191317578941934</t>
  </si>
  <si>
    <t>15.861376762390137</t>
  </si>
  <si>
    <t>675.6382446289062</t>
  </si>
  <si>
    <t>-0.011486279480511286</t>
  </si>
  <si>
    <t>15.8174409866333</t>
  </si>
  <si>
    <t>559.851806640625</t>
  </si>
  <si>
    <t>-0.020586803706564183</t>
  </si>
  <si>
    <t>27176</t>
  </si>
  <si>
    <t>16.23395347595215</t>
  </si>
  <si>
    <t>533.1582641601562</t>
  </si>
  <si>
    <t>-0.017074475370863595</t>
  </si>
  <si>
    <t>15.978060722351074</t>
  </si>
  <si>
    <t>484.7542724609375</t>
  </si>
  <si>
    <t>-0.03699475558004295</t>
  </si>
  <si>
    <t>16.123641967773438</t>
  </si>
  <si>
    <t>575.8846435546875</t>
  </si>
  <si>
    <t>-0.01721557605105417</t>
  </si>
  <si>
    <t>25244</t>
  </si>
  <si>
    <t>16.141630172729492</t>
  </si>
  <si>
    <t>526.2388916015625</t>
  </si>
  <si>
    <t>-0.019535395505192454</t>
  </si>
  <si>
    <t>25403</t>
  </si>
  <si>
    <t>16.02993392944336</t>
  </si>
  <si>
    <t>502.4657287597656</t>
  </si>
  <si>
    <t>0.00627877356425266</t>
  </si>
  <si>
    <t>25743</t>
  </si>
  <si>
    <t>16.195898056030273</t>
  </si>
  <si>
    <t>363.1018981933594</t>
  </si>
  <si>
    <t>0.013295468206846905</t>
  </si>
  <si>
    <t>26018</t>
  </si>
  <si>
    <t>16.037885665893555</t>
  </si>
  <si>
    <t>540.5964965820312</t>
  </si>
  <si>
    <t>0.01062586068627347</t>
  </si>
  <si>
    <t>27082</t>
  </si>
  <si>
    <t>16.33174705505371</t>
  </si>
  <si>
    <t>462.1534423828125</t>
  </si>
  <si>
    <t>0.04008069438126505</t>
  </si>
  <si>
    <t>16.209806442260742</t>
  </si>
  <si>
    <t>446.5765380859375</t>
  </si>
  <si>
    <t>-0.09251150025140298</t>
  </si>
  <si>
    <t>26860</t>
  </si>
  <si>
    <t>16.223093032836914</t>
  </si>
  <si>
    <t>526.0262451171875</t>
  </si>
  <si>
    <t>0.08428039078586202</t>
  </si>
  <si>
    <t>16.659486770629883</t>
  </si>
  <si>
    <t>500.916259765625</t>
  </si>
  <si>
    <t>0.039063188861995</t>
  </si>
  <si>
    <t>1569</t>
  </si>
  <si>
    <t>237.45533752441406</t>
  </si>
  <si>
    <t>Chieti</t>
  </si>
  <si>
    <t>33249</t>
  </si>
  <si>
    <t>0.014389173337592709</t>
  </si>
  <si>
    <t>625.7999877929688</t>
  </si>
  <si>
    <t>0.007461044094654312</t>
  </si>
  <si>
    <t>716.5</t>
  </si>
  <si>
    <t>-0.009327502580983804</t>
  </si>
  <si>
    <t>33888</t>
  </si>
  <si>
    <t>13.783333778381348</t>
  </si>
  <si>
    <t>0.02090273644370022</t>
  </si>
  <si>
    <t>12.983332633972168</t>
  </si>
  <si>
    <t>850.2000122070312</t>
  </si>
  <si>
    <t>0.02830775643470318</t>
  </si>
  <si>
    <t>12.666665077209473</t>
  </si>
  <si>
    <t>883.4000854492188</t>
  </si>
  <si>
    <t>0.012117558852175137</t>
  </si>
  <si>
    <t>35905</t>
  </si>
  <si>
    <t>0.017390276856406928</t>
  </si>
  <si>
    <t>36538</t>
  </si>
  <si>
    <t>0.017476253352096904</t>
  </si>
  <si>
    <t>13.324999809265137</t>
  </si>
  <si>
    <t>0.01577615298556978</t>
  </si>
  <si>
    <t>38500</t>
  </si>
  <si>
    <t>666.5999755859375</t>
  </si>
  <si>
    <t>0.03652927339379097</t>
  </si>
  <si>
    <t>37432</t>
  </si>
  <si>
    <t>647.89990234375</t>
  </si>
  <si>
    <t>-0.028132287729823346</t>
  </si>
  <si>
    <t>-0.01285205763095476</t>
  </si>
  <si>
    <t>36007</t>
  </si>
  <si>
    <t>13.59166431427002</t>
  </si>
  <si>
    <t>-0.025960531934277498</t>
  </si>
  <si>
    <t>13.283332824707031</t>
  </si>
  <si>
    <t>733.5000610351562</t>
  </si>
  <si>
    <t>-0.07476831818620333</t>
  </si>
  <si>
    <t>35505</t>
  </si>
  <si>
    <t>12.633334159851074</t>
  </si>
  <si>
    <t>0.06072848582157775</t>
  </si>
  <si>
    <t>13.84999942779541</t>
  </si>
  <si>
    <t>0.0525050651776251</t>
  </si>
  <si>
    <t>13.758332252502441</t>
  </si>
  <si>
    <t>-0.021065349954621837</t>
  </si>
  <si>
    <t>37612</t>
  </si>
  <si>
    <t>940.7000122070312</t>
  </si>
  <si>
    <t>0.026209901557770365</t>
  </si>
  <si>
    <t>13.624999046325684</t>
  </si>
  <si>
    <t>805.5</t>
  </si>
  <si>
    <t>-0.08370070695803378</t>
  </si>
  <si>
    <t>13.2666654586792</t>
  </si>
  <si>
    <t>0.04208853716727212</t>
  </si>
  <si>
    <t>37849</t>
  </si>
  <si>
    <t>0.04789358083111139</t>
  </si>
  <si>
    <t>-0.04038284553768534</t>
  </si>
  <si>
    <t>35550</t>
  </si>
  <si>
    <t>13.983332633972168</t>
  </si>
  <si>
    <t>720.800048828125</t>
  </si>
  <si>
    <t>-0.022281557668245355</t>
  </si>
  <si>
    <t>859.4000244140625</t>
  </si>
  <si>
    <t>-0.013251977827660966</t>
  </si>
  <si>
    <t>14.283333778381348</t>
  </si>
  <si>
    <t>546.800048828125</t>
  </si>
  <si>
    <t>0.018918033209560647</t>
  </si>
  <si>
    <t>35691</t>
  </si>
  <si>
    <t>577.4000244140625</t>
  </si>
  <si>
    <t>-0.001707655468651481</t>
  </si>
  <si>
    <t>14.408331871032715</t>
  </si>
  <si>
    <t>0.03618150549702648</t>
  </si>
  <si>
    <t>36408</t>
  </si>
  <si>
    <t>-0.016291530945183652</t>
  </si>
  <si>
    <t>0.01599423766317365</t>
  </si>
  <si>
    <t>33696</t>
  </si>
  <si>
    <t>736.7000732421875</t>
  </si>
  <si>
    <t>-0.09340363242595018</t>
  </si>
  <si>
    <t>526.300048828125</t>
  </si>
  <si>
    <t>0.08427982840109927</t>
  </si>
  <si>
    <t>14.816666603088379</t>
  </si>
  <si>
    <t>600.7999267578125</t>
  </si>
  <si>
    <t>0.0390801144333377</t>
  </si>
  <si>
    <t>21413</t>
  </si>
  <si>
    <t>14.364741325378418</t>
  </si>
  <si>
    <t>962.274658203125</t>
  </si>
  <si>
    <t>293.7231140136719</t>
  </si>
  <si>
    <t>Cosenza</t>
  </si>
  <si>
    <t>21724</t>
  </si>
  <si>
    <t>13.536015510559082</t>
  </si>
  <si>
    <t>739.9623413085938</t>
  </si>
  <si>
    <t>0.014419425948519304</t>
  </si>
  <si>
    <t>21887</t>
  </si>
  <si>
    <t>14.149128913879395</t>
  </si>
  <si>
    <t>660.1281127929688</t>
  </si>
  <si>
    <t>0.007475213089348287</t>
  </si>
  <si>
    <t>21683</t>
  </si>
  <si>
    <t>14.15308666229248</t>
  </si>
  <si>
    <t>778.2611083984375</t>
  </si>
  <si>
    <t>-0.00936430987986725</t>
  </si>
  <si>
    <t>22141</t>
  </si>
  <si>
    <t>14.78757381439209</t>
  </si>
  <si>
    <t>831.6722412109375</t>
  </si>
  <si>
    <t>0.020902549996744568</t>
  </si>
  <si>
    <t>14.06866455078125</t>
  </si>
  <si>
    <t>891.3121337890625</t>
  </si>
  <si>
    <t>0.028320161498900376</t>
  </si>
  <si>
    <t>23054</t>
  </si>
  <si>
    <t>13.628485679626465</t>
  </si>
  <si>
    <t>931.5045166015625</t>
  </si>
  <si>
    <t>0.012088035301095701</t>
  </si>
  <si>
    <t>23459</t>
  </si>
  <si>
    <t>14.030325889587402</t>
  </si>
  <si>
    <t>804.3680419921875</t>
  </si>
  <si>
    <t>0.017414926392055108</t>
  </si>
  <si>
    <t>23873</t>
  </si>
  <si>
    <t>14.274140357971191</t>
  </si>
  <si>
    <t>864.403076171875</t>
  </si>
  <si>
    <t>0.017493896653538954</t>
  </si>
  <si>
    <t>14.445488929748535</t>
  </si>
  <si>
    <t>801.805908203125</t>
  </si>
  <si>
    <t>0.015750974985069277</t>
  </si>
  <si>
    <t>25154</t>
  </si>
  <si>
    <t>15.07459545135498</t>
  </si>
  <si>
    <t>828.7777099609375</t>
  </si>
  <si>
    <t>0.036517841415479424</t>
  </si>
  <si>
    <t>25010</t>
  </si>
  <si>
    <t>14.487845420837402</t>
  </si>
  <si>
    <t>681.585693359375</t>
  </si>
  <si>
    <t>-0.005741184735436278</t>
  </si>
  <si>
    <t>14.749106407165527</t>
  </si>
  <si>
    <t>1024.5787353515625</t>
  </si>
  <si>
    <t>-0.017464698647918553</t>
  </si>
  <si>
    <t>24798</t>
  </si>
  <si>
    <t>14.559514045715332</t>
  </si>
  <si>
    <t>786.964599609375</t>
  </si>
  <si>
    <t>0.008951958516041358</t>
  </si>
  <si>
    <t>24911</t>
  </si>
  <si>
    <t>14.288016319274902</t>
  </si>
  <si>
    <t>965.2207641601562</t>
  </si>
  <si>
    <t>0.004546468230941514</t>
  </si>
  <si>
    <t>25176</t>
  </si>
  <si>
    <t>13.908546447753906</t>
  </si>
  <si>
    <t>983.3917846679688</t>
  </si>
  <si>
    <t>0.010581686773514676</t>
  </si>
  <si>
    <t>25935</t>
  </si>
  <si>
    <t>14.910080909729004</t>
  </si>
  <si>
    <t>855.8353881835938</t>
  </si>
  <si>
    <t>0.029702248041257207</t>
  </si>
  <si>
    <t>14.764392852783203</t>
  </si>
  <si>
    <t>1006.9351196289062</t>
  </si>
  <si>
    <t>0.023549327851485558</t>
  </si>
  <si>
    <t>14.837536811828613</t>
  </si>
  <si>
    <t>1114.3963623046875</t>
  </si>
  <si>
    <t>-0.03417040606537469</t>
  </si>
  <si>
    <t>14.709364891052246</t>
  </si>
  <si>
    <t>1092.9219970703125</t>
  </si>
  <si>
    <t>-0.041860099900752346</t>
  </si>
  <si>
    <t>14.507573127746582</t>
  </si>
  <si>
    <t>1123.89892578125</t>
  </si>
  <si>
    <t>-0.028731804707085473</t>
  </si>
  <si>
    <t>23889</t>
  </si>
  <si>
    <t>14.522980690002441</t>
  </si>
  <si>
    <t>769.2432861328125</t>
  </si>
  <si>
    <t>-0.0009623230382196368</t>
  </si>
  <si>
    <t>15.018437385559082</t>
  </si>
  <si>
    <t>875.4725341796875</t>
  </si>
  <si>
    <t>-0.035318587102503685</t>
  </si>
  <si>
    <t>22284</t>
  </si>
  <si>
    <t>14.847030639648438</t>
  </si>
  <si>
    <t>790.0598754882812</t>
  </si>
  <si>
    <t>-0.034230582682344135</t>
  </si>
  <si>
    <t>21509</t>
  </si>
  <si>
    <t>15.047481536865234</t>
  </si>
  <si>
    <t>992.3870239257812</t>
  </si>
  <si>
    <t>-0.03539747996427245</t>
  </si>
  <si>
    <t>15.038689613342285</t>
  </si>
  <si>
    <t>826.2596435546875</t>
  </si>
  <si>
    <t>0.01265839687192205</t>
  </si>
  <si>
    <t>14.933667182922363</t>
  </si>
  <si>
    <t>919.099365234375</t>
  </si>
  <si>
    <t>0.015804304996740015</t>
  </si>
  <si>
    <t>22279</t>
  </si>
  <si>
    <t>15.228275299072266</t>
  </si>
  <si>
    <t>587.945068359375</t>
  </si>
  <si>
    <t>0.0067103766854277325</t>
  </si>
  <si>
    <t>21946</t>
  </si>
  <si>
    <t>15.13586711883545</t>
  </si>
  <si>
    <t>833.546142578125</t>
  </si>
  <si>
    <t>-0.015059640179778455</t>
  </si>
  <si>
    <t>15.288291931152344</t>
  </si>
  <si>
    <t>766.8269653320312</t>
  </si>
  <si>
    <t>0.019448755072527746</t>
  </si>
  <si>
    <t>20794</t>
  </si>
  <si>
    <t>15.060554504394531</t>
  </si>
  <si>
    <t>880.4896240234375</t>
  </si>
  <si>
    <t>-0.07336916208535804</t>
  </si>
  <si>
    <t>22622</t>
  </si>
  <si>
    <t>14.902457237243652</t>
  </si>
  <si>
    <t>698.3367309570312</t>
  </si>
  <si>
    <t>0.08425840055341105</t>
  </si>
  <si>
    <t>23524</t>
  </si>
  <si>
    <t>15.548500061035156</t>
  </si>
  <si>
    <t>720.526611328125</t>
  </si>
  <si>
    <t>0.03909829248852148</t>
  </si>
  <si>
    <t>44641</t>
  </si>
  <si>
    <t>13.575000762939453</t>
  </si>
  <si>
    <t>233.28501892089844</t>
  </si>
  <si>
    <t>Cremona</t>
  </si>
  <si>
    <t>0.01441145813917366</t>
  </si>
  <si>
    <t>45628</t>
  </si>
  <si>
    <t>13.375</t>
  </si>
  <si>
    <t>951.5000610351562</t>
  </si>
  <si>
    <t>0.007457385770639036</t>
  </si>
  <si>
    <t>45204</t>
  </si>
  <si>
    <t>-0.00933598466774832</t>
  </si>
  <si>
    <t>46159</t>
  </si>
  <si>
    <t>13.958333015441895</t>
  </si>
  <si>
    <t>980.4000244140625</t>
  </si>
  <si>
    <t>0.02090637968911402</t>
  </si>
  <si>
    <t>47483</t>
  </si>
  <si>
    <t>1019.2000732421875</t>
  </si>
  <si>
    <t>0.028279794057128882</t>
  </si>
  <si>
    <t>48062</t>
  </si>
  <si>
    <t>1034.10009765625</t>
  </si>
  <si>
    <t>0.012120091846666625</t>
  </si>
  <si>
    <t>48907</t>
  </si>
  <si>
    <t>13.966668128967285</t>
  </si>
  <si>
    <t>837.2000122070312</t>
  </si>
  <si>
    <t>0.017428691429385523</t>
  </si>
  <si>
    <t>13.541665077209473</t>
  </si>
  <si>
    <t>816.2000122070312</t>
  </si>
  <si>
    <t>0.01745167169251971</t>
  </si>
  <si>
    <t>50559</t>
  </si>
  <si>
    <t>0.015768763949274955</t>
  </si>
  <si>
    <t>52440</t>
  </si>
  <si>
    <t>14.0</t>
  </si>
  <si>
    <t>1217.60009765625</t>
  </si>
  <si>
    <t>0.03652868773350626</t>
  </si>
  <si>
    <t>49587</t>
  </si>
  <si>
    <t>719.5</t>
  </si>
  <si>
    <t>-0.05594095629217399</t>
  </si>
  <si>
    <t>49208</t>
  </si>
  <si>
    <t>13.908333778381348</t>
  </si>
  <si>
    <t>1289.39990234375</t>
  </si>
  <si>
    <t>-0.007672490697258283</t>
  </si>
  <si>
    <t>48525</t>
  </si>
  <si>
    <t>14.158336639404297</t>
  </si>
  <si>
    <t>-0.013977082850994194</t>
  </si>
  <si>
    <t>48082</t>
  </si>
  <si>
    <t>13.466667175292969</t>
  </si>
  <si>
    <t>-0.009171242355495934</t>
  </si>
  <si>
    <t>47982</t>
  </si>
  <si>
    <t>-0.0020819461217698176</t>
  </si>
  <si>
    <t>48306</t>
  </si>
  <si>
    <t>14.333334922790527</t>
  </si>
  <si>
    <t>0.00672983596809118</t>
  </si>
  <si>
    <t>0.020084288514794935</t>
  </si>
  <si>
    <t>47309</t>
  </si>
  <si>
    <t>13.141666412353516</t>
  </si>
  <si>
    <t>-0.040939512821330126</t>
  </si>
  <si>
    <t>-0.12217874024672604</t>
  </si>
  <si>
    <t>43351</t>
  </si>
  <si>
    <t>12.96666431427002</t>
  </si>
  <si>
    <t>1191.2000732421875</t>
  </si>
  <si>
    <t>0.03480795901860034</t>
  </si>
  <si>
    <t>43048</t>
  </si>
  <si>
    <t>14.341667175292969</t>
  </si>
  <si>
    <t>722.9000244140625</t>
  </si>
  <si>
    <t>-0.0070139988241191276</t>
  </si>
  <si>
    <t>13.600001335144043</t>
  </si>
  <si>
    <t>907.0999755859375</t>
  </si>
  <si>
    <t>-0.024574727883219794</t>
  </si>
  <si>
    <t>42986</t>
  </si>
  <si>
    <t>1178.7999267578125</t>
  </si>
  <si>
    <t>0.023133436981185085</t>
  </si>
  <si>
    <t>41724</t>
  </si>
  <si>
    <t>14.425002098083496</t>
  </si>
  <si>
    <t>1030.5999755859375</t>
  </si>
  <si>
    <t>-0.029797978471359343</t>
  </si>
  <si>
    <t>41623</t>
  </si>
  <si>
    <t>-0.00242360371550987</t>
  </si>
  <si>
    <t>42775</t>
  </si>
  <si>
    <t>13.65000057220459</t>
  </si>
  <si>
    <t>820.2000122070312</t>
  </si>
  <si>
    <t>0.02730092068004275</t>
  </si>
  <si>
    <t>0.051397321705918486</t>
  </si>
  <si>
    <t>45147</t>
  </si>
  <si>
    <t>14.466668128967285</t>
  </si>
  <si>
    <t>904.8999633789062</t>
  </si>
  <si>
    <t>0.0025726909885150917</t>
  </si>
  <si>
    <t>14.625000953674316</t>
  </si>
  <si>
    <t>0.01387979389776639</t>
  </si>
  <si>
    <t>43271</t>
  </si>
  <si>
    <t>-0.05632096170045742</t>
  </si>
  <si>
    <t>47076</t>
  </si>
  <si>
    <t>0.08428065234541648</t>
  </si>
  <si>
    <t>48953</t>
  </si>
  <si>
    <t>15.325000762939453</t>
  </si>
  <si>
    <t>0.03909733711070906</t>
  </si>
  <si>
    <t>38005</t>
  </si>
  <si>
    <t>12.621739387512207</t>
  </si>
  <si>
    <t>725.23583984375</t>
  </si>
  <si>
    <t>408.4326171875</t>
  </si>
  <si>
    <t>Cuneo</t>
  </si>
  <si>
    <t>11.645684242248535</t>
  </si>
  <si>
    <t>697.5390014648438</t>
  </si>
  <si>
    <t>0.014419935867824307</t>
  </si>
  <si>
    <t>38846</t>
  </si>
  <si>
    <t>12.41887378692627</t>
  </si>
  <si>
    <t>796.4527587890625</t>
  </si>
  <si>
    <t>0.007467445524113714</t>
  </si>
  <si>
    <t>11.884140014648438</t>
  </si>
  <si>
    <t>888.10107421875</t>
  </si>
  <si>
    <t>-0.00933655642366027</t>
  </si>
  <si>
    <t>12.967280387878418</t>
  </si>
  <si>
    <t>842.0037231445312</t>
  </si>
  <si>
    <t>0.02090507200872338</t>
  </si>
  <si>
    <t>40425</t>
  </si>
  <si>
    <t>12.401787757873535</t>
  </si>
  <si>
    <t>873.0151977539062</t>
  </si>
  <si>
    <t>0.028274778468166062</t>
  </si>
  <si>
    <t>11.441912651062012</t>
  </si>
  <si>
    <t>899.83154296875</t>
  </si>
  <si>
    <t>0.012121658570464433</t>
  </si>
  <si>
    <t>13.018829345703125</t>
  </si>
  <si>
    <t>637.963623046875</t>
  </si>
  <si>
    <t>0.017419131008177047</t>
  </si>
  <si>
    <t>42371</t>
  </si>
  <si>
    <t>12.417593955993652</t>
  </si>
  <si>
    <t>745.2308959960938</t>
  </si>
  <si>
    <t>0.01747497092305217</t>
  </si>
  <si>
    <t>43044</t>
  </si>
  <si>
    <t>12.490406036376953</t>
  </si>
  <si>
    <t>771.3751220703125</t>
  </si>
  <si>
    <t>0.015758682373281374</t>
  </si>
  <si>
    <t>44645</t>
  </si>
  <si>
    <t>13.084485054016113</t>
  </si>
  <si>
    <t>1005.3375854492188</t>
  </si>
  <si>
    <t>0.03651947063103478</t>
  </si>
  <si>
    <t>45785</t>
  </si>
  <si>
    <t>12.351672172546387</t>
  </si>
  <si>
    <t>580.70458984375</t>
  </si>
  <si>
    <t>0.025214207590515514</t>
  </si>
  <si>
    <t>46856</t>
  </si>
  <si>
    <t>12.829532623291016</t>
  </si>
  <si>
    <t>1076.5849609375</t>
  </si>
  <si>
    <t>0.023122542227785203</t>
  </si>
  <si>
    <t>48523</t>
  </si>
  <si>
    <t>13.067451477050781</t>
  </si>
  <si>
    <t>557.8314819335938</t>
  </si>
  <si>
    <t>0.03495884355008627</t>
  </si>
  <si>
    <t>49990</t>
  </si>
  <si>
    <t>12.398811340332031</t>
  </si>
  <si>
    <t>673.1627807617188</t>
  </si>
  <si>
    <t>0.02978507308791123</t>
  </si>
  <si>
    <t>50700</t>
  </si>
  <si>
    <t>12.121086120605469</t>
  </si>
  <si>
    <t>645.9603881835938</t>
  </si>
  <si>
    <t>0.014102925171659564</t>
  </si>
  <si>
    <t>50419</t>
  </si>
  <si>
    <t>13.316601753234863</t>
  </si>
  <si>
    <t>594.9352416992188</t>
  </si>
  <si>
    <t>-0.005557822433493342</t>
  </si>
  <si>
    <t>51020</t>
  </si>
  <si>
    <t>12.754302024841309</t>
  </si>
  <si>
    <t>557.9932861328125</t>
  </si>
  <si>
    <t>0.011849624550020366</t>
  </si>
  <si>
    <t>49414</t>
  </si>
  <si>
    <t>12.16024112701416</t>
  </si>
  <si>
    <t>964.2656860351562</t>
  </si>
  <si>
    <t>-0.03198392786049631</t>
  </si>
  <si>
    <t>45224</t>
  </si>
  <si>
    <t>12.881366729736328</t>
  </si>
  <si>
    <t>824.2484130859375</t>
  </si>
  <si>
    <t>-0.08860586548017935</t>
  </si>
  <si>
    <t>12.010238647460938</t>
  </si>
  <si>
    <t>883.867919921875</t>
  </si>
  <si>
    <t>0.028254408277474496</t>
  </si>
  <si>
    <t>13.400798797607422</t>
  </si>
  <si>
    <t>691.875732421875</t>
  </si>
  <si>
    <t>-0.006642823029691769</t>
  </si>
  <si>
    <t>12.609115600585938</t>
  </si>
  <si>
    <t>770.0582275390625</t>
  </si>
  <si>
    <t>-0.04523895963902902</t>
  </si>
  <si>
    <t>43860</t>
  </si>
  <si>
    <t>12.371391296386719</t>
  </si>
  <si>
    <t>977.5152587890625</t>
  </si>
  <si>
    <t>-0.00699780199200184</t>
  </si>
  <si>
    <t>43585</t>
  </si>
  <si>
    <t>13.410194396972656</t>
  </si>
  <si>
    <t>902.787841796875</t>
  </si>
  <si>
    <t>-0.006289688526202042</t>
  </si>
  <si>
    <t>43940</t>
  </si>
  <si>
    <t>13.504981994628906</t>
  </si>
  <si>
    <t>649.062744140625</t>
  </si>
  <si>
    <t>0.008112012492924592</t>
  </si>
  <si>
    <t>44687</t>
  </si>
  <si>
    <t>12.635757446289062</t>
  </si>
  <si>
    <t>680.4761352539062</t>
  </si>
  <si>
    <t>0.016857564623977694</t>
  </si>
  <si>
    <t>13.531272888183594</t>
  </si>
  <si>
    <t>590.7913208007812</t>
  </si>
  <si>
    <t>0.024361256020652533</t>
  </si>
  <si>
    <t>45696</t>
  </si>
  <si>
    <t>13.457283020019531</t>
  </si>
  <si>
    <t>881.2516479492188</t>
  </si>
  <si>
    <t>-0.00203312088397567</t>
  </si>
  <si>
    <t>13.729790687561035</t>
  </si>
  <si>
    <t>878.0198974609375</t>
  </si>
  <si>
    <t>0.023765592892100784</t>
  </si>
  <si>
    <t>43931</t>
  </si>
  <si>
    <t>13.609840393066406</t>
  </si>
  <si>
    <t>808.4295654296875</t>
  </si>
  <si>
    <t>-0.06315613839324996</t>
  </si>
  <si>
    <t>47793</t>
  </si>
  <si>
    <t>12.745380401611328</t>
  </si>
  <si>
    <t>620.5677490234375</t>
  </si>
  <si>
    <t>0.08425896404289723</t>
  </si>
  <si>
    <t>49699</t>
  </si>
  <si>
    <t>14.373150825500488</t>
  </si>
  <si>
    <t>545.5780639648438</t>
  </si>
  <si>
    <t>0.03910562691694608</t>
  </si>
  <si>
    <t>14.749999046325684</t>
  </si>
  <si>
    <t>657.5</t>
  </si>
  <si>
    <t>61.802242279052734</t>
  </si>
  <si>
    <t>Enna</t>
  </si>
  <si>
    <t>14.00833511352539</t>
  </si>
  <si>
    <t>555.3999633789062</t>
  </si>
  <si>
    <t>0.014414479796970525</t>
  </si>
  <si>
    <t>19853</t>
  </si>
  <si>
    <t>14.375000953674316</t>
  </si>
  <si>
    <t>451.8999938964844</t>
  </si>
  <si>
    <t>0.007482718567974445</t>
  </si>
  <si>
    <t>14.608333587646484</t>
  </si>
  <si>
    <t>-0.009311336947185112</t>
  </si>
  <si>
    <t>15.341668128967285</t>
  </si>
  <si>
    <t>0.020879685904702683</t>
  </si>
  <si>
    <t>14.733333587646484</t>
  </si>
  <si>
    <t>485.20001220703125</t>
  </si>
  <si>
    <t>0.028275985519034208</t>
  </si>
  <si>
    <t>20912</t>
  </si>
  <si>
    <t>14.375</t>
  </si>
  <si>
    <t>649.5</t>
  </si>
  <si>
    <t>0.01212369319037343</t>
  </si>
  <si>
    <t>21280</t>
  </si>
  <si>
    <t>14.841666221618652</t>
  </si>
  <si>
    <t>569.4000244140625</t>
  </si>
  <si>
    <t>0.017444507591577008</t>
  </si>
  <si>
    <t>21655</t>
  </si>
  <si>
    <t>428.7000427246094</t>
  </si>
  <si>
    <t>0.01746871019314611</t>
  </si>
  <si>
    <t>21999</t>
  </si>
  <si>
    <t>422.3000183105469</t>
  </si>
  <si>
    <t>0.015760623113182604</t>
  </si>
  <si>
    <t>456.300048828125</t>
  </si>
  <si>
    <t>0.036508874383661905</t>
  </si>
  <si>
    <t>15.174999237060547</t>
  </si>
  <si>
    <t>0.018326029634595287</t>
  </si>
  <si>
    <t>589.2000122070312</t>
  </si>
  <si>
    <t>0.014906206340228323</t>
  </si>
  <si>
    <t>15.241668701171875</t>
  </si>
  <si>
    <t>563.1000366210938</t>
  </si>
  <si>
    <t>0.0016520177430816574</t>
  </si>
  <si>
    <t>24595</t>
  </si>
  <si>
    <t>0.04015304436596345</t>
  </si>
  <si>
    <t>24684</t>
  </si>
  <si>
    <t>587.6000366210938</t>
  </si>
  <si>
    <t>0.003612090211518648</t>
  </si>
  <si>
    <t>24647</t>
  </si>
  <si>
    <t>15.4833345413208</t>
  </si>
  <si>
    <t>404.8000183105469</t>
  </si>
  <si>
    <t>-0.0015000712305930364</t>
  </si>
  <si>
    <t>15.083333015441895</t>
  </si>
  <si>
    <t>0.07181006768933607</t>
  </si>
  <si>
    <t>24774</t>
  </si>
  <si>
    <t>15.166667938232422</t>
  </si>
  <si>
    <t>-0.06667054078555523</t>
  </si>
  <si>
    <t>24399</t>
  </si>
  <si>
    <t>-0.015252568279260359</t>
  </si>
  <si>
    <t>-0.01025776775416709</t>
  </si>
  <si>
    <t>452.8999938964844</t>
  </si>
  <si>
    <t>-0.054851978156747805</t>
  </si>
  <si>
    <t>22461</t>
  </si>
  <si>
    <t>439.50006103515625</t>
  </si>
  <si>
    <t>-0.017651930025175844</t>
  </si>
  <si>
    <t>21810</t>
  </si>
  <si>
    <t>387.5</t>
  </si>
  <si>
    <t>-0.029411891703119863</t>
  </si>
  <si>
    <t>468.1000061035156</t>
  </si>
  <si>
    <t>0.03003500014414584</t>
  </si>
  <si>
    <t>15.508332252502441</t>
  </si>
  <si>
    <t>460.20001220703125</t>
  </si>
  <si>
    <t>-0.041285579897802904</t>
  </si>
  <si>
    <t>21518</t>
  </si>
  <si>
    <t>426.60003662109375</t>
  </si>
  <si>
    <t>-0.002228206288164003</t>
  </si>
  <si>
    <t>15.449997901916504</t>
  </si>
  <si>
    <t>271.5</t>
  </si>
  <si>
    <t>0.012653135795384074</t>
  </si>
  <si>
    <t>480.8999938964844</t>
  </si>
  <si>
    <t>0.012313741580088688</t>
  </si>
  <si>
    <t>22472</t>
  </si>
  <si>
    <t>15.566668510437012</t>
  </si>
  <si>
    <t>372.4000244140625</t>
  </si>
  <si>
    <t>0.0184134182547524</t>
  </si>
  <si>
    <t>400.9000244140625</t>
  </si>
  <si>
    <t>-0.044217154668325875</t>
  </si>
  <si>
    <t>439.6999816894531</t>
  </si>
  <si>
    <t>0.08429839786195714</t>
  </si>
  <si>
    <t>24323</t>
  </si>
  <si>
    <t>362.7000427246094</t>
  </si>
  <si>
    <t>0.03907107175791502</t>
  </si>
  <si>
    <t>14.908333778381348</t>
  </si>
  <si>
    <t>682.3999633789062</t>
  </si>
  <si>
    <t>266.0744323730469</t>
  </si>
  <si>
    <t>Fermo</t>
  </si>
  <si>
    <t>14.25</t>
  </si>
  <si>
    <t>812.7000732421875</t>
  </si>
  <si>
    <t>0.014393799256733786</t>
  </si>
  <si>
    <t>15.09999942779541</t>
  </si>
  <si>
    <t>756.9000244140625</t>
  </si>
  <si>
    <t>0.007481114718329351</t>
  </si>
  <si>
    <t>762.2000122070312</t>
  </si>
  <si>
    <t>-0.00934559116592304</t>
  </si>
  <si>
    <t>15.283331871032715</t>
  </si>
  <si>
    <t>616.2000122070312</t>
  </si>
  <si>
    <t>0.020920359581975134</t>
  </si>
  <si>
    <t>36023</t>
  </si>
  <si>
    <t>847.5000610351562</t>
  </si>
  <si>
    <t>0.02826685200374257</t>
  </si>
  <si>
    <t>14.166666984558105</t>
  </si>
  <si>
    <t>986.1000366210938</t>
  </si>
  <si>
    <t>0.01214042447599084</t>
  </si>
  <si>
    <t>37103</t>
  </si>
  <si>
    <t>14.808334350585938</t>
  </si>
  <si>
    <t>0.017399781059515007</t>
  </si>
  <si>
    <t>14.758332252502441</t>
  </si>
  <si>
    <t>0.017473060090622994</t>
  </si>
  <si>
    <t>38357</t>
  </si>
  <si>
    <t>0.015766151523378014</t>
  </si>
  <si>
    <t>39784</t>
  </si>
  <si>
    <t>15.691666603088379</t>
  </si>
  <si>
    <t>0.036527780920552644</t>
  </si>
  <si>
    <t>40698</t>
  </si>
  <si>
    <t>14.800000190734863</t>
  </si>
  <si>
    <t>0.02271412977956011</t>
  </si>
  <si>
    <t>908.6998901367188</t>
  </si>
  <si>
    <t>0.029751059613214892</t>
  </si>
  <si>
    <t>42135</t>
  </si>
  <si>
    <t>15.066665649414062</t>
  </si>
  <si>
    <t>561.1000366210938</t>
  </si>
  <si>
    <t>0.004948738419104259</t>
  </si>
  <si>
    <t>42703</t>
  </si>
  <si>
    <t>0.013390426153552681</t>
  </si>
  <si>
    <t>14.058333396911621</t>
  </si>
  <si>
    <t>-0.03159234168064273</t>
  </si>
  <si>
    <t>15.483336448669434</t>
  </si>
  <si>
    <t>662.4000854492188</t>
  </si>
  <si>
    <t>-0.012280536121039631</t>
  </si>
  <si>
    <t>15.341667175292969</t>
  </si>
  <si>
    <t>0.025533713229025423</t>
  </si>
  <si>
    <t>39108</t>
  </si>
  <si>
    <t>15.249999046325684</t>
  </si>
  <si>
    <t>-0.0696029611617881</t>
  </si>
  <si>
    <t>-0.047601855452695574</t>
  </si>
  <si>
    <t>866.7000122070312</t>
  </si>
  <si>
    <t>-0.011299859990808514</t>
  </si>
  <si>
    <t>36183</t>
  </si>
  <si>
    <t>559.5000610351562</t>
  </si>
  <si>
    <t>-0.0188359389307049</t>
  </si>
  <si>
    <t>15.658333778381348</t>
  </si>
  <si>
    <t>-0.010138834924667606</t>
  </si>
  <si>
    <t>15.516667366027832</t>
  </si>
  <si>
    <t>791.0</t>
  </si>
  <si>
    <t>-0.02136115872541744</t>
  </si>
  <si>
    <t>34538</t>
  </si>
  <si>
    <t>846.199951171875</t>
  </si>
  <si>
    <t>-0.015029234456651608</t>
  </si>
  <si>
    <t>34373</t>
  </si>
  <si>
    <t>15.799999237060547</t>
  </si>
  <si>
    <t>-0.004788794686552578</t>
  </si>
  <si>
    <t>608.4000244140625</t>
  </si>
  <si>
    <t>0.023149514734207344</t>
  </si>
  <si>
    <t>0.005951892411006909</t>
  </si>
  <si>
    <t>34919</t>
  </si>
  <si>
    <t>721.6000366210938</t>
  </si>
  <si>
    <t>-0.013341685944089576</t>
  </si>
  <si>
    <t>35241</t>
  </si>
  <si>
    <t>0.009179083832808743</t>
  </si>
  <si>
    <t>15.866665840148926</t>
  </si>
  <si>
    <t>-0.1454675845122413</t>
  </si>
  <si>
    <t>0.08426995726673425</t>
  </si>
  <si>
    <t>34471</t>
  </si>
  <si>
    <t>0.03910584057759081</t>
  </si>
  <si>
    <t>35374</t>
  </si>
  <si>
    <t>14.11413288116455</t>
  </si>
  <si>
    <t>704.9480590820312</t>
  </si>
  <si>
    <t>215.85037231445312</t>
  </si>
  <si>
    <t>Ferrara</t>
  </si>
  <si>
    <t>35888</t>
  </si>
  <si>
    <t>13.118138313293457</t>
  </si>
  <si>
    <t>703.5964965820312</t>
  </si>
  <si>
    <t>0.014425890765251026</t>
  </si>
  <si>
    <t>14.227532386779785</t>
  </si>
  <si>
    <t>722.8961181640625</t>
  </si>
  <si>
    <t>0.007467589702599753</t>
  </si>
  <si>
    <t>35821</t>
  </si>
  <si>
    <t>13.773571968078613</t>
  </si>
  <si>
    <t>746.4879760742188</t>
  </si>
  <si>
    <t>-0.009336253872968214</t>
  </si>
  <si>
    <t>14.655799865722656</t>
  </si>
  <si>
    <t>672.5441284179688</t>
  </si>
  <si>
    <t>0.020912653174899987</t>
  </si>
  <si>
    <t>37627</t>
  </si>
  <si>
    <t>13.743138313293457</t>
  </si>
  <si>
    <t>886.880859375</t>
  </si>
  <si>
    <t>0.028274911020096383</t>
  </si>
  <si>
    <t>38086</t>
  </si>
  <si>
    <t>13.046405792236328</t>
  </si>
  <si>
    <t>944.2695922851562</t>
  </si>
  <si>
    <t>0.012124882734145359</t>
  </si>
  <si>
    <t>38755</t>
  </si>
  <si>
    <t>14.32536792755127</t>
  </si>
  <si>
    <t>641.4693603515625</t>
  </si>
  <si>
    <t>0.01741301919684979</t>
  </si>
  <si>
    <t>13.94350528717041</t>
  </si>
  <si>
    <t>720.8707885742188</t>
  </si>
  <si>
    <t>0.01747003877601827</t>
  </si>
  <si>
    <t>40064</t>
  </si>
  <si>
    <t>13.662707328796387</t>
  </si>
  <si>
    <t>695.9439697265625</t>
  </si>
  <si>
    <t>41555</t>
  </si>
  <si>
    <t>14.784436225891113</t>
  </si>
  <si>
    <t>774.7601928710938</t>
  </si>
  <si>
    <t>0.03653967552735615</t>
  </si>
  <si>
    <t>13.888073921203613</t>
  </si>
  <si>
    <t>609.1246337890625</t>
  </si>
  <si>
    <t>0.01521277860594239</t>
  </si>
  <si>
    <t>42028</t>
  </si>
  <si>
    <t>14.548571586608887</t>
  </si>
  <si>
    <t>860.6500244140625</t>
  </si>
  <si>
    <t>-0.0038945667844032528</t>
  </si>
  <si>
    <t>14.457274436950684</t>
  </si>
  <si>
    <t>0.003586404024618517</t>
  </si>
  <si>
    <t>43120</t>
  </si>
  <si>
    <t>13.82973861694336</t>
  </si>
  <si>
    <t>812.4699096679688</t>
  </si>
  <si>
    <t>0.022064459749595144</t>
  </si>
  <si>
    <t>42017</t>
  </si>
  <si>
    <t>13.298571586608887</t>
  </si>
  <si>
    <t>756.6885375976562</t>
  </si>
  <si>
    <t>-0.025912628306613783</t>
  </si>
  <si>
    <t>41314</t>
  </si>
  <si>
    <t>14.638440132141113</t>
  </si>
  <si>
    <t>643.3985595703125</t>
  </si>
  <si>
    <t>-0.01687287271806781</t>
  </si>
  <si>
    <t>14.504371643066406</t>
  </si>
  <si>
    <t>666.3671264648438</t>
  </si>
  <si>
    <t>0.05132960103348694</t>
  </si>
  <si>
    <t>42665</t>
  </si>
  <si>
    <t>14.044933319091797</t>
  </si>
  <si>
    <t>837.0014038085938</t>
  </si>
  <si>
    <t>-0.019152114620998972</t>
  </si>
  <si>
    <t>37752</t>
  </si>
  <si>
    <t>14.221038818359375</t>
  </si>
  <si>
    <t>732.7835083007812</t>
  </si>
  <si>
    <t>-0.12234045756446221</t>
  </si>
  <si>
    <t>36997</t>
  </si>
  <si>
    <t>13.501102447509766</t>
  </si>
  <si>
    <t>850.3640747070312</t>
  </si>
  <si>
    <t>-0.02020162614819121</t>
  </si>
  <si>
    <t>37986</t>
  </si>
  <si>
    <t>14.915973663330078</t>
  </si>
  <si>
    <t>558.8342895507812</t>
  </si>
  <si>
    <t>0.026380842514150515</t>
  </si>
  <si>
    <t>36876</t>
  </si>
  <si>
    <t>14.40543270111084</t>
  </si>
  <si>
    <t>670.5962524414062</t>
  </si>
  <si>
    <t>-0.02965673785369738</t>
  </si>
  <si>
    <t>14.325736045837402</t>
  </si>
  <si>
    <t>790.8817749023438</t>
  </si>
  <si>
    <t>-0.007266821118536271</t>
  </si>
  <si>
    <t>15.034069061279297</t>
  </si>
  <si>
    <t>775.4320068359375</t>
  </si>
  <si>
    <t>-0.00872433517199056</t>
  </si>
  <si>
    <t>37070</t>
  </si>
  <si>
    <t>15.100735664367676</t>
  </si>
  <si>
    <t>510.41217041015625</t>
  </si>
  <si>
    <t>0.021238240516819218</t>
  </si>
  <si>
    <t>14.367401123046875</t>
  </si>
  <si>
    <t>621.9714965820312</t>
  </si>
  <si>
    <t>0.016958172458789278</t>
  </si>
  <si>
    <t>536.3851928710938</t>
  </si>
  <si>
    <t>0.019254347730619514</t>
  </si>
  <si>
    <t>15.181168556213379</t>
  </si>
  <si>
    <t>677.3314819335938</t>
  </si>
  <si>
    <t>-0.0030746806232997415</t>
  </si>
  <si>
    <t>15.49820327758789</t>
  </si>
  <si>
    <t>860.2969970703125</t>
  </si>
  <si>
    <t>-0.015596344805215878</t>
  </si>
  <si>
    <t>34522</t>
  </si>
  <si>
    <t>15.000737190246582</t>
  </si>
  <si>
    <t>705.4397583007812</t>
  </si>
  <si>
    <t>-0.08875270995903506</t>
  </si>
  <si>
    <t>37558</t>
  </si>
  <si>
    <t>14.550736427307129</t>
  </si>
  <si>
    <t>532.3743286132812</t>
  </si>
  <si>
    <t>0.08428960282151543</t>
  </si>
  <si>
    <t>15.645301818847656</t>
  </si>
  <si>
    <t>530.7940063476562</t>
  </si>
  <si>
    <t>0.039084504276246435</t>
  </si>
  <si>
    <t>48033</t>
  </si>
  <si>
    <t>915.199951171875</t>
  </si>
  <si>
    <t>459.8996276855469</t>
  </si>
  <si>
    <t>Florence</t>
  </si>
  <si>
    <t>48730</t>
  </si>
  <si>
    <t>878.2999267578125</t>
  </si>
  <si>
    <t>0.014406582167387327</t>
  </si>
  <si>
    <t>14.316668510437012</t>
  </si>
  <si>
    <t>853.699951171875</t>
  </si>
  <si>
    <t>0.007462339765838877</t>
  </si>
  <si>
    <t>48639</t>
  </si>
  <si>
    <t>13.758334159851074</t>
  </si>
  <si>
    <t>832.2000122070312</t>
  </si>
  <si>
    <t>-0.009331518385211623</t>
  </si>
  <si>
    <t>49667</t>
  </si>
  <si>
    <t>0.02091505042818298</t>
  </si>
  <si>
    <t>51092</t>
  </si>
  <si>
    <t>13.783332824707031</t>
  </si>
  <si>
    <t>805.8999633789062</t>
  </si>
  <si>
    <t>0.0282872005163064</t>
  </si>
  <si>
    <t>13.133332252502441</t>
  </si>
  <si>
    <t>0.012119945649235575</t>
  </si>
  <si>
    <t>52623</t>
  </si>
  <si>
    <t>772.7999877929688</t>
  </si>
  <si>
    <t>0.017405411699986217</t>
  </si>
  <si>
    <t>53550</t>
  </si>
  <si>
    <t>842.7000732421875</t>
  </si>
  <si>
    <t>0.017462510364005368</t>
  </si>
  <si>
    <t>54401</t>
  </si>
  <si>
    <t>13.766663551330566</t>
  </si>
  <si>
    <t>826.4000244140625</t>
  </si>
  <si>
    <t>0.01576673915212723</t>
  </si>
  <si>
    <t>56425</t>
  </si>
  <si>
    <t>0.03652978665771478</t>
  </si>
  <si>
    <t>57307</t>
  </si>
  <si>
    <t>679.0</t>
  </si>
  <si>
    <t>0.015510457604539951</t>
  </si>
  <si>
    <t>56270</t>
  </si>
  <si>
    <t>14.6416654586792</t>
  </si>
  <si>
    <t>1067.0999755859375</t>
  </si>
  <si>
    <t>-0.018261246862952163</t>
  </si>
  <si>
    <t>55868</t>
  </si>
  <si>
    <t>623.5999755859375</t>
  </si>
  <si>
    <t>-0.007169768001663357</t>
  </si>
  <si>
    <t>55629</t>
  </si>
  <si>
    <t>13.941664695739746</t>
  </si>
  <si>
    <t>854.6000366210938</t>
  </si>
  <si>
    <t>-0.004287117430168408</t>
  </si>
  <si>
    <t>55390</t>
  </si>
  <si>
    <t>13.400001525878906</t>
  </si>
  <si>
    <t>910.300048828125</t>
  </si>
  <si>
    <t>-0.004305575968343689</t>
  </si>
  <si>
    <t>56796</t>
  </si>
  <si>
    <t>712.6000366210938</t>
  </si>
  <si>
    <t>0.025066828667098306</t>
  </si>
  <si>
    <t>694.5000610351562</t>
  </si>
  <si>
    <t>0.001618521869106715</t>
  </si>
  <si>
    <t>14.133334159851074</t>
  </si>
  <si>
    <t>-0.000474729457087264</t>
  </si>
  <si>
    <t>54198</t>
  </si>
  <si>
    <t>821.0</t>
  </si>
  <si>
    <t>-0.0479656857283679</t>
  </si>
  <si>
    <t>54079</t>
  </si>
  <si>
    <t>-0.0021980669562768895</t>
  </si>
  <si>
    <t>54458</t>
  </si>
  <si>
    <t>14.916666984558105</t>
  </si>
  <si>
    <t>600.5999755859375</t>
  </si>
  <si>
    <t>0.006983821930528933</t>
  </si>
  <si>
    <t>53571</t>
  </si>
  <si>
    <t>-0.01642188548691692</t>
  </si>
  <si>
    <t>919.0999145507812</t>
  </si>
  <si>
    <t>-0.03466074241099726</t>
  </si>
  <si>
    <t>898.4999389648438</t>
  </si>
  <si>
    <t>0.0072975456468657995</t>
  </si>
  <si>
    <t>52056</t>
  </si>
  <si>
    <t>498.800048828125</t>
  </si>
  <si>
    <t>-0.0013246179262829116</t>
  </si>
  <si>
    <t>52680</t>
  </si>
  <si>
    <t>0.011915814682398107</t>
  </si>
  <si>
    <t>53011</t>
  </si>
  <si>
    <t>15.0166654586792</t>
  </si>
  <si>
    <t>541.300048828125</t>
  </si>
  <si>
    <t>0.006263562311918491</t>
  </si>
  <si>
    <t>54251</t>
  </si>
  <si>
    <t>729.7000732421875</t>
  </si>
  <si>
    <t>0.023121986243403114</t>
  </si>
  <si>
    <t>59877</t>
  </si>
  <si>
    <t>926.10009765625</t>
  </si>
  <si>
    <t>0.09867103266556754</t>
  </si>
  <si>
    <t>47682</t>
  </si>
  <si>
    <t>-0.2277384899098731</t>
  </si>
  <si>
    <t>51875</t>
  </si>
  <si>
    <t>0.08428301036476604</t>
  </si>
  <si>
    <t>53943</t>
  </si>
  <si>
    <t>15.674999237060547</t>
  </si>
  <si>
    <t>0.039090954966747304</t>
  </si>
  <si>
    <t>22281</t>
  </si>
  <si>
    <t>15.442822456359863</t>
  </si>
  <si>
    <t>447.1327209472656</t>
  </si>
  <si>
    <t>368.0361022949219</t>
  </si>
  <si>
    <t>Foggia</t>
  </si>
  <si>
    <t>22605</t>
  </si>
  <si>
    <t>14.685858726501465</t>
  </si>
  <si>
    <t>427.5005187988281</t>
  </si>
  <si>
    <t>0.014436823391299924</t>
  </si>
  <si>
    <t>15.428450584411621</t>
  </si>
  <si>
    <t>393.2181701660156</t>
  </si>
  <si>
    <t>0.0074484136418444535</t>
  </si>
  <si>
    <t>22562</t>
  </si>
  <si>
    <t>15.094440460205078</t>
  </si>
  <si>
    <t>494.2965393066406</t>
  </si>
  <si>
    <t>-0.009352459205684838</t>
  </si>
  <si>
    <t>15.800505638122559</t>
  </si>
  <si>
    <t>434.4955139160156</t>
  </si>
  <si>
    <t>0.020921356925256873</t>
  </si>
  <si>
    <t>14.984719276428223</t>
  </si>
  <si>
    <t>586.8810424804688</t>
  </si>
  <si>
    <t>0.028286616033101453</t>
  </si>
  <si>
    <t>14.692984580993652</t>
  </si>
  <si>
    <t>589.4633178710938</t>
  </si>
  <si>
    <t>0.01212034380669813</t>
  </si>
  <si>
    <t>15.339824676513672</t>
  </si>
  <si>
    <t>395.8443908691406</t>
  </si>
  <si>
    <t>0.017397492457083885</t>
  </si>
  <si>
    <t>15.263862609863281</t>
  </si>
  <si>
    <t>472.4753723144531</t>
  </si>
  <si>
    <t>0.017462372660409287</t>
  </si>
  <si>
    <t>25235</t>
  </si>
  <si>
    <t>15.375431060791016</t>
  </si>
  <si>
    <t>397.5308837890625</t>
  </si>
  <si>
    <t>0.015776662726947777</t>
  </si>
  <si>
    <t>16.18760108947754</t>
  </si>
  <si>
    <t>480.2077331542969</t>
  </si>
  <si>
    <t>0.036534631841064424</t>
  </si>
  <si>
    <t>25871</t>
  </si>
  <si>
    <t>15.343802452087402</t>
  </si>
  <si>
    <t>436.3936767578125</t>
  </si>
  <si>
    <t>-0.011643901369906118</t>
  </si>
  <si>
    <t>26340</t>
  </si>
  <si>
    <t>15.829635620117188</t>
  </si>
  <si>
    <t>615.6865234375</t>
  </si>
  <si>
    <t>0.017966046051752116</t>
  </si>
  <si>
    <t>25658</t>
  </si>
  <si>
    <t>15.653429985046387</t>
  </si>
  <si>
    <t>447.636962890625</t>
  </si>
  <si>
    <t>-0.026233282487988063</t>
  </si>
  <si>
    <t>26566</t>
  </si>
  <si>
    <t>15.24539566040039</t>
  </si>
  <si>
    <t>548.6494140625</t>
  </si>
  <si>
    <t>0.034776788883164045</t>
  </si>
  <si>
    <t>14.656254768371582</t>
  </si>
  <si>
    <t>609.4105834960938</t>
  </si>
  <si>
    <t>0.014796264558560424</t>
  </si>
  <si>
    <t>15.74100399017334</t>
  </si>
  <si>
    <t>498.89105224609375</t>
  </si>
  <si>
    <t>0.007427285875502676</t>
  </si>
  <si>
    <t>27009</t>
  </si>
  <si>
    <t>15.688811302185059</t>
  </si>
  <si>
    <t>493.619873046875</t>
  </si>
  <si>
    <t>-0.005685609349924903</t>
  </si>
  <si>
    <t>25936</t>
  </si>
  <si>
    <t>15.676868438720703</t>
  </si>
  <si>
    <t>654.3895263671875</t>
  </si>
  <si>
    <t>-0.04053817880113009</t>
  </si>
  <si>
    <t>15.582648277282715</t>
  </si>
  <si>
    <t>600.9673461914062</t>
  </si>
  <si>
    <t>-0.019505786718591267</t>
  </si>
  <si>
    <t>25361</t>
  </si>
  <si>
    <t>15.279620170593262</t>
  </si>
  <si>
    <t>670.9231567382812</t>
  </si>
  <si>
    <t>-0.0029136173064756576</t>
  </si>
  <si>
    <t>25138</t>
  </si>
  <si>
    <t>15.845969200134277</t>
  </si>
  <si>
    <t>426.0526428222656</t>
  </si>
  <si>
    <t>-0.00883191546560802</t>
  </si>
  <si>
    <t>25457</t>
  </si>
  <si>
    <t>16.035852432250977</t>
  </si>
  <si>
    <t>432.7885437011719</t>
  </si>
  <si>
    <t>0.012610108790726215</t>
  </si>
  <si>
    <t>25321</t>
  </si>
  <si>
    <t>15.948135375976562</t>
  </si>
  <si>
    <t>500.24566650390625</t>
  </si>
  <si>
    <t>-0.005356663326507416</t>
  </si>
  <si>
    <t>24619</t>
  </si>
  <si>
    <t>16.120237350463867</t>
  </si>
  <si>
    <t>605.5028686523438</t>
  </si>
  <si>
    <t>-0.028115588419705517</t>
  </si>
  <si>
    <t>16.116924285888672</t>
  </si>
  <si>
    <t>434.37738037109375</t>
  </si>
  <si>
    <t>0.013154898765842304</t>
  </si>
  <si>
    <t>15.749739646911621</t>
  </si>
  <si>
    <t>456.3597717285156</t>
  </si>
  <si>
    <t>0.008939677207864705</t>
  </si>
  <si>
    <t>25177</t>
  </si>
  <si>
    <t>16.230932235717773</t>
  </si>
  <si>
    <t>307.0373229980469</t>
  </si>
  <si>
    <t>0.00031780082101207086</t>
  </si>
  <si>
    <t>25686</t>
  </si>
  <si>
    <t>16.23430061340332</t>
  </si>
  <si>
    <t>436.7068176269531</t>
  </si>
  <si>
    <t>0.020015217048987566</t>
  </si>
  <si>
    <t>16.625383377075195</t>
  </si>
  <si>
    <t>492.61309814453125</t>
  </si>
  <si>
    <t>0.017291052176089394</t>
  </si>
  <si>
    <t>16.2410945892334</t>
  </si>
  <si>
    <t>511.04254150390625</t>
  </si>
  <si>
    <t>-0.09153679219118338</t>
  </si>
  <si>
    <t>25945</t>
  </si>
  <si>
    <t>15.809321403503418</t>
  </si>
  <si>
    <t>358.187255859375</t>
  </si>
  <si>
    <t>0.08427855644393212</t>
  </si>
  <si>
    <t>16.764806747436523</t>
  </si>
  <si>
    <t>418.16845703125</t>
  </si>
  <si>
    <t>0.03907987278078551</t>
  </si>
  <si>
    <t>12.136829376220703</t>
  </si>
  <si>
    <t>996.9869995117188</t>
  </si>
  <si>
    <t>225.33050537109375</t>
  </si>
  <si>
    <t>Frosinone</t>
  </si>
  <si>
    <t>11.417388916015625</t>
  </si>
  <si>
    <t>1031.0706787109375</t>
  </si>
  <si>
    <t>0.014400418262281889</t>
  </si>
  <si>
    <t>28751</t>
  </si>
  <si>
    <t>12.217398643493652</t>
  </si>
  <si>
    <t>956.183349609375</t>
  </si>
  <si>
    <t>0.007471058350688509</t>
  </si>
  <si>
    <t>11.767387390136719</t>
  </si>
  <si>
    <t>1051.6334228515625</t>
  </si>
  <si>
    <t>-0.009365131172287988</t>
  </si>
  <si>
    <t>29085</t>
  </si>
  <si>
    <t>12.445141792297363</t>
  </si>
  <si>
    <t>909.7819213867188</t>
  </si>
  <si>
    <t>0.02091515928785803</t>
  </si>
  <si>
    <t>29920</t>
  </si>
  <si>
    <t>11.661818504333496</t>
  </si>
  <si>
    <t>1073.655517578125</t>
  </si>
  <si>
    <t>0.028304575743552718</t>
  </si>
  <si>
    <t>11.386839866638184</t>
  </si>
  <si>
    <t>1202.7271728515625</t>
  </si>
  <si>
    <t>0.01212538732663404</t>
  </si>
  <si>
    <t>30817</t>
  </si>
  <si>
    <t>12.042387962341309</t>
  </si>
  <si>
    <t>927.4871826171875</t>
  </si>
  <si>
    <t>0.017413945331265168</t>
  </si>
  <si>
    <t>11.959053993225098</t>
  </si>
  <si>
    <t>1012.1502075195312</t>
  </si>
  <si>
    <t>0.01746670971803077</t>
  </si>
  <si>
    <t>12.025711059570312</t>
  </si>
  <si>
    <t>1019.3273315429688</t>
  </si>
  <si>
    <t>0.015755332390238408</t>
  </si>
  <si>
    <t>12.886828422546387</t>
  </si>
  <si>
    <t>977.25341796875</t>
  </si>
  <si>
    <t>0.03652121568982558</t>
  </si>
  <si>
    <t>12.036808013916016</t>
  </si>
  <si>
    <t>824.7817993164062</t>
  </si>
  <si>
    <t>0.06479761960873276</t>
  </si>
  <si>
    <t>35773</t>
  </si>
  <si>
    <t>12.611827850341797</t>
  </si>
  <si>
    <t>1107.3438720703125</t>
  </si>
  <si>
    <t>0.014586055747205506</t>
  </si>
  <si>
    <t>35479</t>
  </si>
  <si>
    <t>12.245132446289062</t>
  </si>
  <si>
    <t>770.6793212890625</t>
  </si>
  <si>
    <t>-0.008252446766929822</t>
  </si>
  <si>
    <t>11.984054565429688</t>
  </si>
  <si>
    <t>841.3180541992188</t>
  </si>
  <si>
    <t>0.02664376973835303</t>
  </si>
  <si>
    <t>11.311820030212402</t>
  </si>
  <si>
    <t>1096.2071533203125</t>
  </si>
  <si>
    <t>-0.00561443610490997</t>
  </si>
  <si>
    <t>12.55905532836914</t>
  </si>
  <si>
    <t>789.9132080078125</t>
  </si>
  <si>
    <t>-0.003843659245616138</t>
  </si>
  <si>
    <t>12.453486442565918</t>
  </si>
  <si>
    <t>846.9028930664062</t>
  </si>
  <si>
    <t>0.00921106316646636</t>
  </si>
  <si>
    <t>33880</t>
  </si>
  <si>
    <t>12.389602661132812</t>
  </si>
  <si>
    <t>1278.7979736328125</t>
  </si>
  <si>
    <t>-0.07251283992171942</t>
  </si>
  <si>
    <t>12.289592742919922</t>
  </si>
  <si>
    <t>1032.150634765625</t>
  </si>
  <si>
    <t>-0.03468555798789019</t>
  </si>
  <si>
    <t>11.942378044128418</t>
  </si>
  <si>
    <t>1100.52734375</t>
  </si>
  <si>
    <t>0.0039341913230455106</t>
  </si>
  <si>
    <t>12.745173454284668</t>
  </si>
  <si>
    <t>785.7130737304688</t>
  </si>
  <si>
    <t>0.025632027803036195</t>
  </si>
  <si>
    <t>12.825721740722656</t>
  </si>
  <si>
    <t>640.6009521484375</t>
  </si>
  <si>
    <t>-0.05622868504270251</t>
  </si>
  <si>
    <t>12.65905475616455</t>
  </si>
  <si>
    <t>746.1160888671875</t>
  </si>
  <si>
    <t>-0.0516501375191325</t>
  </si>
  <si>
    <t>29875</t>
  </si>
  <si>
    <t>12.895163536071777</t>
  </si>
  <si>
    <t>896.4669189453125</t>
  </si>
  <si>
    <t>-0.012804698108535462</t>
  </si>
  <si>
    <t>12.964603424072266</t>
  </si>
  <si>
    <t>532.7348022460938</t>
  </si>
  <si>
    <t>0.014092698418698646</t>
  </si>
  <si>
    <t>12.489603996276855</t>
  </si>
  <si>
    <t>581.6824340820312</t>
  </si>
  <si>
    <t>0.014970388499561338</t>
  </si>
  <si>
    <t>31723</t>
  </si>
  <si>
    <t>13.095152854919434</t>
  </si>
  <si>
    <t>436.0878601074219</t>
  </si>
  <si>
    <t>0.030956872678132186</t>
  </si>
  <si>
    <t>31872</t>
  </si>
  <si>
    <t>12.914603233337402</t>
  </si>
  <si>
    <t>750.9967651367188</t>
  </si>
  <si>
    <t>0.004685911554121347</t>
  </si>
  <si>
    <t>13.44793701171875</t>
  </si>
  <si>
    <t>911.8914794921875</t>
  </si>
  <si>
    <t>0.033718511163074893</t>
  </si>
  <si>
    <t>13.039612770080566</t>
  </si>
  <si>
    <t>787.985595703125</t>
  </si>
  <si>
    <t>-0.11224327427538583</t>
  </si>
  <si>
    <t>32056</t>
  </si>
  <si>
    <t>12.503495216369629</t>
  </si>
  <si>
    <t>572.3265991210938</t>
  </si>
  <si>
    <t>0.08428125504396711</t>
  </si>
  <si>
    <t>13.442378044128418</t>
  </si>
  <si>
    <t>630.2438354492188</t>
  </si>
  <si>
    <t>0.03909352378614095</t>
  </si>
  <si>
    <t>40202</t>
  </si>
  <si>
    <t>1211.699951171875</t>
  </si>
  <si>
    <t>272.5299987792969</t>
  </si>
  <si>
    <t>Genoa</t>
  </si>
  <si>
    <t>968.300048828125</t>
  </si>
  <si>
    <t>0.01439762112133991</t>
  </si>
  <si>
    <t>1043.89990234375</t>
  </si>
  <si>
    <t>0.007474752668249707</t>
  </si>
  <si>
    <t>1060.89990234375</t>
  </si>
  <si>
    <t>-0.009339921196797718</t>
  </si>
  <si>
    <t>41569</t>
  </si>
  <si>
    <t>948.5</t>
  </si>
  <si>
    <t>0.02090549894172611</t>
  </si>
  <si>
    <t>1157.4000244140625</t>
  </si>
  <si>
    <t>0.028295160582066714</t>
  </si>
  <si>
    <t>43283</t>
  </si>
  <si>
    <t>1194.9000244140625</t>
  </si>
  <si>
    <t>0.012110090469519719</t>
  </si>
  <si>
    <t>12.650001525878906</t>
  </si>
  <si>
    <t>951.7000732421875</t>
  </si>
  <si>
    <t>0.01740648120812338</t>
  </si>
  <si>
    <t>908.300048828125</t>
  </si>
  <si>
    <t>0.017465727230350225</t>
  </si>
  <si>
    <t>45532</t>
  </si>
  <si>
    <t>0.01578321880718825</t>
  </si>
  <si>
    <t>1286.5999755859375</t>
  </si>
  <si>
    <t>0.03650803792460344</t>
  </si>
  <si>
    <t>49329</t>
  </si>
  <si>
    <t>818.2999877929688</t>
  </si>
  <si>
    <t>0.04358873001262431</t>
  </si>
  <si>
    <t>48616</t>
  </si>
  <si>
    <t>1377.10009765625</t>
  </si>
  <si>
    <t>-0.014559448567144528</t>
  </si>
  <si>
    <t>49219</t>
  </si>
  <si>
    <t>0.012327032979133179</t>
  </si>
  <si>
    <t>49806</t>
  </si>
  <si>
    <t>1010.0000610351562</t>
  </si>
  <si>
    <t>0.011855730888767013</t>
  </si>
  <si>
    <t>49888</t>
  </si>
  <si>
    <t>1008.7000732421875</t>
  </si>
  <si>
    <t>0.0016450341744125296</t>
  </si>
  <si>
    <t>0.0143291736879263</t>
  </si>
  <si>
    <t>51883</t>
  </si>
  <si>
    <t>0.02488151696484131</t>
  </si>
  <si>
    <t>52660</t>
  </si>
  <si>
    <t>0.014864970540029887</t>
  </si>
  <si>
    <t>50246</t>
  </si>
  <si>
    <t>1103.60009765625</t>
  </si>
  <si>
    <t>-0.046925212287435514</t>
  </si>
  <si>
    <t>1243.10009765625</t>
  </si>
  <si>
    <t>-0.003209379717000971</t>
  </si>
  <si>
    <t>49322</t>
  </si>
  <si>
    <t>857.5</t>
  </si>
  <si>
    <t>-0.015351333089368424</t>
  </si>
  <si>
    <t>47975</t>
  </si>
  <si>
    <t>-0.027690187080596118</t>
  </si>
  <si>
    <t>46342</t>
  </si>
  <si>
    <t>1283.9000244140625</t>
  </si>
  <si>
    <t>-0.03463136456320548</t>
  </si>
  <si>
    <t>47324</t>
  </si>
  <si>
    <t>13.374999046325684</t>
  </si>
  <si>
    <t>1152.2000732421875</t>
  </si>
  <si>
    <t>0.020968889060858587</t>
  </si>
  <si>
    <t>48037</t>
  </si>
  <si>
    <t>0.014953980910378917</t>
  </si>
  <si>
    <t>48817</t>
  </si>
  <si>
    <t>12.666666984558105</t>
  </si>
  <si>
    <t>871.5000610351562</t>
  </si>
  <si>
    <t>0.01610706554955854</t>
  </si>
  <si>
    <t>49933</t>
  </si>
  <si>
    <t>13.400002479553223</t>
  </si>
  <si>
    <t>0.02260349397395167</t>
  </si>
  <si>
    <t>49715</t>
  </si>
  <si>
    <t>1113.9000244140625</t>
  </si>
  <si>
    <t>-0.004375408393268998</t>
  </si>
  <si>
    <t>51376</t>
  </si>
  <si>
    <t>0.03286443891512114</t>
  </si>
  <si>
    <t>1064.5</t>
  </si>
  <si>
    <t>-0.14177365776031436</t>
  </si>
  <si>
    <t>48505</t>
  </si>
  <si>
    <t>12.883332252502441</t>
  </si>
  <si>
    <t>742.8999633789062</t>
  </si>
  <si>
    <t>0.08426940582640441</t>
  </si>
  <si>
    <t>50439</t>
  </si>
  <si>
    <t>14.308333396911621</t>
  </si>
  <si>
    <t>0.0390977999516533</t>
  </si>
  <si>
    <t>1111.10009765625</t>
  </si>
  <si>
    <t>163.3152313232422</t>
  </si>
  <si>
    <t>Gorizia</t>
  </si>
  <si>
    <t>1037.2999267578125</t>
  </si>
  <si>
    <t>0.014415024036660284</t>
  </si>
  <si>
    <t>1247.6998291015625</t>
  </si>
  <si>
    <t>0.007482000542969658</t>
  </si>
  <si>
    <t>1292.400146484375</t>
  </si>
  <si>
    <t>-0.00935418218078432</t>
  </si>
  <si>
    <t>35965</t>
  </si>
  <si>
    <t>0.020932140251259668</t>
  </si>
  <si>
    <t>36996</t>
  </si>
  <si>
    <t>1570.0999755859375</t>
  </si>
  <si>
    <t>0.028263555372694427</t>
  </si>
  <si>
    <t>13.2333345413208</t>
  </si>
  <si>
    <t>1530.39990234375</t>
  </si>
  <si>
    <t>0.012116801253414522</t>
  </si>
  <si>
    <t>14.399998664855957</t>
  </si>
  <si>
    <t>1069.9998779296875</t>
  </si>
  <si>
    <t>0.01741890717265271</t>
  </si>
  <si>
    <t>38776</t>
  </si>
  <si>
    <t>14.208333015441895</t>
  </si>
  <si>
    <t>1285.7999267578125</t>
  </si>
  <si>
    <t>0.017455991424993655</t>
  </si>
  <si>
    <t>0.01578663700190397</t>
  </si>
  <si>
    <t>40858</t>
  </si>
  <si>
    <t>1405.39990234375</t>
  </si>
  <si>
    <t>0.0365145050204827</t>
  </si>
  <si>
    <t>943.9000244140625</t>
  </si>
  <si>
    <t>0.008117145325144293</t>
  </si>
  <si>
    <t>40850</t>
  </si>
  <si>
    <t>1421.5</t>
  </si>
  <si>
    <t>-0.00831296458459363</t>
  </si>
  <si>
    <t>39849</t>
  </si>
  <si>
    <t>865.5999755859375</t>
  </si>
  <si>
    <t>-0.0248095104875361</t>
  </si>
  <si>
    <t>40107</t>
  </si>
  <si>
    <t>13.941665649414062</t>
  </si>
  <si>
    <t>1338.3001708984375</t>
  </si>
  <si>
    <t>0.0064535718506189</t>
  </si>
  <si>
    <t>13.366665840148926</t>
  </si>
  <si>
    <t>1329.800048828125</t>
  </si>
  <si>
    <t>0.038470514776017595</t>
  </si>
  <si>
    <t>41632</t>
  </si>
  <si>
    <t>1041.400146484375</t>
  </si>
  <si>
    <t>-0.0011522951150180205</t>
  </si>
  <si>
    <t>1150.8001708984375</t>
  </si>
  <si>
    <t>-0.01571175575663375</t>
  </si>
  <si>
    <t>38591</t>
  </si>
  <si>
    <t>-0.06013825791059979</t>
  </si>
  <si>
    <t>36335</t>
  </si>
  <si>
    <t>1202.9000244140625</t>
  </si>
  <si>
    <t>-0.06023762459426152</t>
  </si>
  <si>
    <t>13.616665840148926</t>
  </si>
  <si>
    <t>1430.0</t>
  </si>
  <si>
    <t>0.10582552380384769</t>
  </si>
  <si>
    <t>-0.0008916850961107059</t>
  </si>
  <si>
    <t>-0.08180984862107188</t>
  </si>
  <si>
    <t>37229</t>
  </si>
  <si>
    <t>1432.60009765625</t>
  </si>
  <si>
    <t>0.0011825733095314206</t>
  </si>
  <si>
    <t>15.22499942779541</t>
  </si>
  <si>
    <t>1510.5999755859375</t>
  </si>
  <si>
    <t>-0.0007523848265709177</t>
  </si>
  <si>
    <t>1226.5</t>
  </si>
  <si>
    <t>0.006484133966202066</t>
  </si>
  <si>
    <t>38678</t>
  </si>
  <si>
    <t>1362.699951171875</t>
  </si>
  <si>
    <t>0.03245118633567934</t>
  </si>
  <si>
    <t>1202.0</t>
  </si>
  <si>
    <t>0.0072388481536869165</t>
  </si>
  <si>
    <t>39625</t>
  </si>
  <si>
    <t>1206.2999267578125</t>
  </si>
  <si>
    <t>0.01695042110365108</t>
  </si>
  <si>
    <t>1458.0001220703125</t>
  </si>
  <si>
    <t>0.03732617516950043</t>
  </si>
  <si>
    <t>35418</t>
  </si>
  <si>
    <t>1455.300048828125</t>
  </si>
  <si>
    <t>-0.1495662418803363</t>
  </si>
  <si>
    <t>962.2000122070312</t>
  </si>
  <si>
    <t>0.08426889940876947</t>
  </si>
  <si>
    <t>40068</t>
  </si>
  <si>
    <t>15.891666412353516</t>
  </si>
  <si>
    <t>1016.2000122070312</t>
  </si>
  <si>
    <t>0.03908894585413947</t>
  </si>
  <si>
    <t>26945</t>
  </si>
  <si>
    <t>671.4000244140625</t>
  </si>
  <si>
    <t>47.08717346191406</t>
  </si>
  <si>
    <t>Grosseto</t>
  </si>
  <si>
    <t>27336</t>
  </si>
  <si>
    <t>14.533332824707031</t>
  </si>
  <si>
    <t>581.0999755859375</t>
  </si>
  <si>
    <t>0.014406763427530223</t>
  </si>
  <si>
    <t>27541</t>
  </si>
  <si>
    <t>0.007471288648920549</t>
  </si>
  <si>
    <t>14.758334159851074</t>
  </si>
  <si>
    <t>622.5999755859375</t>
  </si>
  <si>
    <t>-0.009338702823715295</t>
  </si>
  <si>
    <t>27862</t>
  </si>
  <si>
    <t>479.5999755859375</t>
  </si>
  <si>
    <t>0.02092665264583715</t>
  </si>
  <si>
    <t>15.208334922790527</t>
  </si>
  <si>
    <t>643.9000854492188</t>
  </si>
  <si>
    <t>0.028273560342597648</t>
  </si>
  <si>
    <t>0.012103284506682854</t>
  </si>
  <si>
    <t>15.59999942779541</t>
  </si>
  <si>
    <t>548.7000732421875</t>
  </si>
  <si>
    <t>0.01742740159895817</t>
  </si>
  <si>
    <t>0.017461827163662846</t>
  </si>
  <si>
    <t>30518</t>
  </si>
  <si>
    <t>0.015786846573609736</t>
  </si>
  <si>
    <t>31653</t>
  </si>
  <si>
    <t>16.058332443237305</t>
  </si>
  <si>
    <t>0.03651625735852093</t>
  </si>
  <si>
    <t>32884</t>
  </si>
  <si>
    <t>465.699951171875</t>
  </si>
  <si>
    <t>0.03815328646182259</t>
  </si>
  <si>
    <t>828.7000122070312</t>
  </si>
  <si>
    <t>0.0894209923135314</t>
  </si>
  <si>
    <t>15.875</t>
  </si>
  <si>
    <t>492.300048828125</t>
  </si>
  <si>
    <t>0.0407063037348987</t>
  </si>
  <si>
    <t>15.258332252502441</t>
  </si>
  <si>
    <t>0.03710923152581458</t>
  </si>
  <si>
    <t>-0.02179483424629325</t>
  </si>
  <si>
    <t>16.066665649414062</t>
  </si>
  <si>
    <t>0.05571267941756908</t>
  </si>
  <si>
    <t>441.0</t>
  </si>
  <si>
    <t>-0.008441186928102695</t>
  </si>
  <si>
    <t>38802</t>
  </si>
  <si>
    <t>-0.02722761141479424</t>
  </si>
  <si>
    <t>37273</t>
  </si>
  <si>
    <t>15.808333396911621</t>
  </si>
  <si>
    <t>635.5</t>
  </si>
  <si>
    <t>-0.040202587746126284</t>
  </si>
  <si>
    <t>38225</t>
  </si>
  <si>
    <t>0.025220547868741505</t>
  </si>
  <si>
    <t>36577</t>
  </si>
  <si>
    <t>-0.04407012424400847</t>
  </si>
  <si>
    <t>15.699997901916504</t>
  </si>
  <si>
    <t>-0.03718107442457885</t>
  </si>
  <si>
    <t>34445</t>
  </si>
  <si>
    <t>15.433331489562988</t>
  </si>
  <si>
    <t>671.1000366210938</t>
  </si>
  <si>
    <t>-0.022874704101379706</t>
  </si>
  <si>
    <t>33699</t>
  </si>
  <si>
    <t>588.9000244140625</t>
  </si>
  <si>
    <t>-0.021895685717616686</t>
  </si>
  <si>
    <t>34302</t>
  </si>
  <si>
    <t>390.7000427246094</t>
  </si>
  <si>
    <t>0.017735498182346987</t>
  </si>
  <si>
    <t>15.700000762939453</t>
  </si>
  <si>
    <t>455.10003662109375</t>
  </si>
  <si>
    <t>0.0066538097970259</t>
  </si>
  <si>
    <t>34791</t>
  </si>
  <si>
    <t>16.375</t>
  </si>
  <si>
    <t>356.60003662109375</t>
  </si>
  <si>
    <t>0.0075012613357614555</t>
  </si>
  <si>
    <t>34711</t>
  </si>
  <si>
    <t>-0.0023020930428163666</t>
  </si>
  <si>
    <t>16.441665649414062</t>
  </si>
  <si>
    <t>721.0</t>
  </si>
  <si>
    <t>0.0004896383974326568</t>
  </si>
  <si>
    <t>16.283334732055664</t>
  </si>
  <si>
    <t>670.7999877929688</t>
  </si>
  <si>
    <t>-0.052646068234780685</t>
  </si>
  <si>
    <t>15.733332633972168</t>
  </si>
  <si>
    <t>407.2000427246094</t>
  </si>
  <si>
    <t>0.08427597925946095</t>
  </si>
  <si>
    <t>439.0999755859375</t>
  </si>
  <si>
    <t>0.03909301492441131</t>
  </si>
  <si>
    <t>31842</t>
  </si>
  <si>
    <t>193.55862426757812</t>
  </si>
  <si>
    <t>Imperia</t>
  </si>
  <si>
    <t>32304</t>
  </si>
  <si>
    <t>12.808333396911621</t>
  </si>
  <si>
    <t>776.8999633789062</t>
  </si>
  <si>
    <t>0.014404888496668988</t>
  </si>
  <si>
    <t>0.0074634116679401785</t>
  </si>
  <si>
    <t>12.949999809265137</t>
  </si>
  <si>
    <t>988.4000854492188</t>
  </si>
  <si>
    <t>-0.009353507819893636</t>
  </si>
  <si>
    <t>32925</t>
  </si>
  <si>
    <t>14.033332824707031</t>
  </si>
  <si>
    <t>838.9000854492188</t>
  </si>
  <si>
    <t>0.020931282210815638</t>
  </si>
  <si>
    <t>891.7001342773438</t>
  </si>
  <si>
    <t>0.02826789411138897</t>
  </si>
  <si>
    <t>0.012120293344132449</t>
  </si>
  <si>
    <t>613.1000366210938</t>
  </si>
  <si>
    <t>0.017407836279872413</t>
  </si>
  <si>
    <t>35499</t>
  </si>
  <si>
    <t>681.10009765625</t>
  </si>
  <si>
    <t>0.01747625570579281</t>
  </si>
  <si>
    <t>36063</t>
  </si>
  <si>
    <t>13.658333778381348</t>
  </si>
  <si>
    <t>0.015762881919695104</t>
  </si>
  <si>
    <t>37405</t>
  </si>
  <si>
    <t>955.6000366210938</t>
  </si>
  <si>
    <t>0.036536976334142324</t>
  </si>
  <si>
    <t>13.658332824707031</t>
  </si>
  <si>
    <t>607.7000122070312</t>
  </si>
  <si>
    <t>0.031085131056412862</t>
  </si>
  <si>
    <t>38391</t>
  </si>
  <si>
    <t>965.6000366210938</t>
  </si>
  <si>
    <t>-0.005066459257212941</t>
  </si>
  <si>
    <t>39197</t>
  </si>
  <si>
    <t>14.324999809265137</t>
  </si>
  <si>
    <t>0.020777156131986274</t>
  </si>
  <si>
    <t>645.2999877929688</t>
  </si>
  <si>
    <t>-0.0032964956703249726</t>
  </si>
  <si>
    <t>38150</t>
  </si>
  <si>
    <t>-0.02377795985476361</t>
  </si>
  <si>
    <t>691.7000122070312</t>
  </si>
  <si>
    <t>0.03426845683481439</t>
  </si>
  <si>
    <t>0.09480346583351285</t>
  </si>
  <si>
    <t>41901</t>
  </si>
  <si>
    <t>-0.03528798740704886</t>
  </si>
  <si>
    <t>779.8001098632812</t>
  </si>
  <si>
    <t>-0.20063091995510796</t>
  </si>
  <si>
    <t>32764</t>
  </si>
  <si>
    <t>13.250000953674316</t>
  </si>
  <si>
    <t>-0.04534842138328088</t>
  </si>
  <si>
    <t>14.558334350585938</t>
  </si>
  <si>
    <t>0.10726932634128516</t>
  </si>
  <si>
    <t>35148</t>
  </si>
  <si>
    <t>13.891666412353516</t>
  </si>
  <si>
    <t>840.7000122070312</t>
  </si>
  <si>
    <t>-0.037031960361044725</t>
  </si>
  <si>
    <t>34179</t>
  </si>
  <si>
    <t>1076.300048828125</t>
  </si>
  <si>
    <t>-0.02795629724950821</t>
  </si>
  <si>
    <t>33671</t>
  </si>
  <si>
    <t>872.3999633789062</t>
  </si>
  <si>
    <t>-0.014974487622442467</t>
  </si>
  <si>
    <t>671.5</t>
  </si>
  <si>
    <t>-0.008320582426801337</t>
  </si>
  <si>
    <t>13.90000057220459</t>
  </si>
  <si>
    <t>0.008231481014485453</t>
  </si>
  <si>
    <t>-0.001992002918285607</t>
  </si>
  <si>
    <t>14.550002098083496</t>
  </si>
  <si>
    <t>830.60009765625</t>
  </si>
  <si>
    <t>0.009036161444717195</t>
  </si>
  <si>
    <t>34641</t>
  </si>
  <si>
    <t>875.6000366210938</t>
  </si>
  <si>
    <t>0.021445961762067256</t>
  </si>
  <si>
    <t>14.658333778381348</t>
  </si>
  <si>
    <t>772.4999389648438</t>
  </si>
  <si>
    <t>-0.09096353037490701</t>
  </si>
  <si>
    <t>0.08427279854646663</t>
  </si>
  <si>
    <t>35782</t>
  </si>
  <si>
    <t>565.699951171875</t>
  </si>
  <si>
    <t>0.03909775385824332</t>
  </si>
  <si>
    <t>45.760826110839844</t>
  </si>
  <si>
    <t>Isernia</t>
  </si>
  <si>
    <t>0.014406101992406661</t>
  </si>
  <si>
    <t>26908</t>
  </si>
  <si>
    <t>0.007460494167737863</t>
  </si>
  <si>
    <t>26658</t>
  </si>
  <si>
    <t>11.466668128967285</t>
  </si>
  <si>
    <t>799.4000854492188</t>
  </si>
  <si>
    <t>-0.009334346981534125</t>
  </si>
  <si>
    <t>27221</t>
  </si>
  <si>
    <t>12.00833511352539</t>
  </si>
  <si>
    <t>734.9000244140625</t>
  </si>
  <si>
    <t>0.0208994410595551</t>
  </si>
  <si>
    <t>28002</t>
  </si>
  <si>
    <t>0.028287201954352525</t>
  </si>
  <si>
    <t>28344</t>
  </si>
  <si>
    <t>0.012139431367437226</t>
  </si>
  <si>
    <t>28842</t>
  </si>
  <si>
    <t>619.4000244140625</t>
  </si>
  <si>
    <t>0.0174172905767076</t>
  </si>
  <si>
    <t>29350</t>
  </si>
  <si>
    <t>708.800048828125</t>
  </si>
  <si>
    <t>0.017459888134228052</t>
  </si>
  <si>
    <t>29816</t>
  </si>
  <si>
    <t>0.015752615902851375</t>
  </si>
  <si>
    <t>30925</t>
  </si>
  <si>
    <t>0.03651975610159397</t>
  </si>
  <si>
    <t>726.4000244140625</t>
  </si>
  <si>
    <t>0.039189620076152565</t>
  </si>
  <si>
    <t>32045</t>
  </si>
  <si>
    <t>940.3999633789062</t>
  </si>
  <si>
    <t>-0.003613373398513531</t>
  </si>
  <si>
    <t>12.024998664855957</t>
  </si>
  <si>
    <t>663.0999755859375</t>
  </si>
  <si>
    <t>-0.0003433262100855927</t>
  </si>
  <si>
    <t>32852</t>
  </si>
  <si>
    <t>0.025214787131840666</t>
  </si>
  <si>
    <t>33837</t>
  </si>
  <si>
    <t>905.1000366210938</t>
  </si>
  <si>
    <t>0.029542252447944506</t>
  </si>
  <si>
    <t>12.083334922790527</t>
  </si>
  <si>
    <t>0.005922669246595902</t>
  </si>
  <si>
    <t>670.8999633789062</t>
  </si>
  <si>
    <t>-0.024656624049413267</t>
  </si>
  <si>
    <t>-0.006616438282582848</t>
  </si>
  <si>
    <t>891.4000854492188</t>
  </si>
  <si>
    <t>-0.03337906378551381</t>
  </si>
  <si>
    <t>1023.4000854492188</t>
  </si>
  <si>
    <t>-0.002479015939687912</t>
  </si>
  <si>
    <t>0.002823708461706431</t>
  </si>
  <si>
    <t>-0.09329141557226706</t>
  </si>
  <si>
    <t>27258</t>
  </si>
  <si>
    <t>779.4000244140625</t>
  </si>
  <si>
    <t>-0.06453164239940712</t>
  </si>
  <si>
    <t>12.208332061767578</t>
  </si>
  <si>
    <t>895.4000244140625</t>
  </si>
  <si>
    <t>0.017636500113919595</t>
  </si>
  <si>
    <t>28059</t>
  </si>
  <si>
    <t>0.01132588000128365</t>
  </si>
  <si>
    <t>27776</t>
  </si>
  <si>
    <t>11.933331489562988</t>
  </si>
  <si>
    <t>712.9000244140625</t>
  </si>
  <si>
    <t>-0.01013709764258408</t>
  </si>
  <si>
    <t>28355</t>
  </si>
  <si>
    <t>462.79998779296875</t>
  </si>
  <si>
    <t>0.020631042988052073</t>
  </si>
  <si>
    <t>28603</t>
  </si>
  <si>
    <t>656.7000732421875</t>
  </si>
  <si>
    <t>0.008708225963603766</t>
  </si>
  <si>
    <t>28777</t>
  </si>
  <si>
    <t>12.616667747497559</t>
  </si>
  <si>
    <t>0.006064849541459694</t>
  </si>
  <si>
    <t>27115</t>
  </si>
  <si>
    <t>-0.059489376678032</t>
  </si>
  <si>
    <t>0.08430318305275186</t>
  </si>
  <si>
    <t>30676</t>
  </si>
  <si>
    <t>12.833332061767578</t>
  </si>
  <si>
    <t>633.300048828125</t>
  </si>
  <si>
    <t>0.039090326556838306</t>
  </si>
  <si>
    <t>65.1004867553711</t>
  </si>
  <si>
    <t>L'Aquila</t>
  </si>
  <si>
    <t>0.014427786252973362</t>
  </si>
  <si>
    <t>29540</t>
  </si>
  <si>
    <t>871.800048828125</t>
  </si>
  <si>
    <t>0.007441294254387998</t>
  </si>
  <si>
    <t>-0.00931884443300035</t>
  </si>
  <si>
    <t>29884</t>
  </si>
  <si>
    <t>0.020896787443321685</t>
  </si>
  <si>
    <t>0.02827404837213443</t>
  </si>
  <si>
    <t>31116</t>
  </si>
  <si>
    <t>1061.800048828125</t>
  </si>
  <si>
    <t>0.012124887858837141</t>
  </si>
  <si>
    <t>875.300048828125</t>
  </si>
  <si>
    <t>0.017426650410101274</t>
  </si>
  <si>
    <t>32221</t>
  </si>
  <si>
    <t>909.5</t>
  </si>
  <si>
    <t>0.017469607135788934</t>
  </si>
  <si>
    <t>966.2000122070312</t>
  </si>
  <si>
    <t>0.015765329450653454</t>
  </si>
  <si>
    <t>33951</t>
  </si>
  <si>
    <t>909.4000244140625</t>
  </si>
  <si>
    <t>0.03653456531084309</t>
  </si>
  <si>
    <t>35448</t>
  </si>
  <si>
    <t>11.091668128967285</t>
  </si>
  <si>
    <t>718.7000732421875</t>
  </si>
  <si>
    <t>0.04314852524527524</t>
  </si>
  <si>
    <t>1142.4000244140625</t>
  </si>
  <si>
    <t>-0.018966822311538678</t>
  </si>
  <si>
    <t>664.5</t>
  </si>
  <si>
    <t>-0.028195520558746523</t>
  </si>
  <si>
    <t>34128</t>
  </si>
  <si>
    <t>0.009213670702090226</t>
  </si>
  <si>
    <t>999.5</t>
  </si>
  <si>
    <t>0.04062506936524457</t>
  </si>
  <si>
    <t>36673</t>
  </si>
  <si>
    <t>0.03129755838715731</t>
  </si>
  <si>
    <t>787.3999633789062</t>
  </si>
  <si>
    <t>0.05818195538273585</t>
  </si>
  <si>
    <t>36830</t>
  </si>
  <si>
    <t>11.474998474121094</t>
  </si>
  <si>
    <t>-0.05391001440715826</t>
  </si>
  <si>
    <t>925.2000122070312</t>
  </si>
  <si>
    <t>-0.09300764667974981</t>
  </si>
  <si>
    <t>1049.199951171875</t>
  </si>
  <si>
    <t>0.06232168214185485</t>
  </si>
  <si>
    <t>37507</t>
  </si>
  <si>
    <t>726.6000366210938</t>
  </si>
  <si>
    <t>0.048900816303898864</t>
  </si>
  <si>
    <t>0.021287782419932455</t>
  </si>
  <si>
    <t>802.0000610351562</t>
  </si>
  <si>
    <t>-0.051109236796236246</t>
  </si>
  <si>
    <t>35452</t>
  </si>
  <si>
    <t>-0.026526458970522526</t>
  </si>
  <si>
    <t>544.1998901367188</t>
  </si>
  <si>
    <t>-0.008953422989085524</t>
  </si>
  <si>
    <t>-0.011823954297705441</t>
  </si>
  <si>
    <t>35362</t>
  </si>
  <si>
    <t>507.29998779296875</t>
  </si>
  <si>
    <t>0.018235505666536866</t>
  </si>
  <si>
    <t>12.000000953674316</t>
  </si>
  <si>
    <t>-0.000820425818703896</t>
  </si>
  <si>
    <t>922.1000366210938</t>
  </si>
  <si>
    <t>0.030877142949050196</t>
  </si>
  <si>
    <t>-0.08024625372081395</t>
  </si>
  <si>
    <t>36589</t>
  </si>
  <si>
    <t>580.7000732421875</t>
  </si>
  <si>
    <t>0.08429938812066773</t>
  </si>
  <si>
    <t>0.039074588786467856</t>
  </si>
  <si>
    <t>12.733332633972168</t>
  </si>
  <si>
    <t>876.7000122070312</t>
  </si>
  <si>
    <t>146.01513671875</t>
  </si>
  <si>
    <t>La Spezia</t>
  </si>
  <si>
    <t>38492</t>
  </si>
  <si>
    <t>917.7000122070312</t>
  </si>
  <si>
    <t>0.01439174956380107</t>
  </si>
  <si>
    <t>38781</t>
  </si>
  <si>
    <t>12.624999046325684</t>
  </si>
  <si>
    <t>937.9999389648438</t>
  </si>
  <si>
    <t>0.007480008475765132</t>
  </si>
  <si>
    <t>12.075000762939453</t>
  </si>
  <si>
    <t>1014.1000366210938</t>
  </si>
  <si>
    <t>-0.009352278629508604</t>
  </si>
  <si>
    <t>961.4000244140625</t>
  </si>
  <si>
    <t>0.020914582973334817</t>
  </si>
  <si>
    <t>40358</t>
  </si>
  <si>
    <t>1182.9000244140625</t>
  </si>
  <si>
    <t>0.02829689992994666</t>
  </si>
  <si>
    <t>1064.400146484375</t>
  </si>
  <si>
    <t>0.012092700958522329</t>
  </si>
  <si>
    <t>41567</t>
  </si>
  <si>
    <t>0.017424242029703052</t>
  </si>
  <si>
    <t>871.2000732421875</t>
  </si>
  <si>
    <t>0.017480502820314214</t>
  </si>
  <si>
    <t>42972</t>
  </si>
  <si>
    <t>839.7000122070312</t>
  </si>
  <si>
    <t>0.015761654752063592</t>
  </si>
  <si>
    <t>44570</t>
  </si>
  <si>
    <t>0.03651224615416915</t>
  </si>
  <si>
    <t>44231</t>
  </si>
  <si>
    <t>12.508332252502441</t>
  </si>
  <si>
    <t>624.7000122070312</t>
  </si>
  <si>
    <t>-0.0076350862449583445</t>
  </si>
  <si>
    <t>1123.89990234375</t>
  </si>
  <si>
    <t>-0.020857647698202086</t>
  </si>
  <si>
    <t>13.333332061767578</t>
  </si>
  <si>
    <t>-0.021066179755607095</t>
  </si>
  <si>
    <t>0.01178924509460444</t>
  </si>
  <si>
    <t>44630</t>
  </si>
  <si>
    <t>0.03911496028687722</t>
  </si>
  <si>
    <t>42702</t>
  </si>
  <si>
    <t>13.416665077209473</t>
  </si>
  <si>
    <t>826.0999145507812</t>
  </si>
  <si>
    <t>-0.044160521095991</t>
  </si>
  <si>
    <t>0.003973174647361688</t>
  </si>
  <si>
    <t>42475</t>
  </si>
  <si>
    <t>-0.009303264634553443</t>
  </si>
  <si>
    <t>40117</t>
  </si>
  <si>
    <t>-0.05711548293308333</t>
  </si>
  <si>
    <t>1215.10009765625</t>
  </si>
  <si>
    <t>0.04056970056355169</t>
  </si>
  <si>
    <t>43983</t>
  </si>
  <si>
    <t>0.051433310435772484</t>
  </si>
  <si>
    <t>43256</t>
  </si>
  <si>
    <t>12.808335304260254</t>
  </si>
  <si>
    <t>-0.01666724354453386</t>
  </si>
  <si>
    <t>12.575000762939453</t>
  </si>
  <si>
    <t>1277.4000244140625</t>
  </si>
  <si>
    <t>-0.021096695237893925</t>
  </si>
  <si>
    <t>41806</t>
  </si>
  <si>
    <t>1082.7000732421875</t>
  </si>
  <si>
    <t>-0.01299938694221936</t>
  </si>
  <si>
    <t>41867</t>
  </si>
  <si>
    <t>13.583333015441895</t>
  </si>
  <si>
    <t>0.0014580572181426277</t>
  </si>
  <si>
    <t>42230</t>
  </si>
  <si>
    <t>866.699951171875</t>
  </si>
  <si>
    <t>0.008632941828119911</t>
  </si>
  <si>
    <t>42498</t>
  </si>
  <si>
    <t>741.2999877929688</t>
  </si>
  <si>
    <t>0.006326147053687947</t>
  </si>
  <si>
    <t>929.5999755859375</t>
  </si>
  <si>
    <t>0.006426666894869371</t>
  </si>
  <si>
    <t>43345</t>
  </si>
  <si>
    <t>0.0133076734261941</t>
  </si>
  <si>
    <t>1035.2000732421875</t>
  </si>
  <si>
    <t>-0.054814735308148954</t>
  </si>
  <si>
    <t>12.866667747497559</t>
  </si>
  <si>
    <t>694.60009765625</t>
  </si>
  <si>
    <t>0.08427609824338411</t>
  </si>
  <si>
    <t>46421</t>
  </si>
  <si>
    <t>14.524998664855957</t>
  </si>
  <si>
    <t>0.039099223797020244</t>
  </si>
  <si>
    <t>15.34579086303711</t>
  </si>
  <si>
    <t>953.7863159179688</t>
  </si>
  <si>
    <t>322.83154296875</t>
  </si>
  <si>
    <t>Latina</t>
  </si>
  <si>
    <t>14.539840698242188</t>
  </si>
  <si>
    <t>927.6165161132812</t>
  </si>
  <si>
    <t>0.014416363388201958</t>
  </si>
  <si>
    <t>15.20811939239502</t>
  </si>
  <si>
    <t>880.9396362304688</t>
  </si>
  <si>
    <t>0.007462969836954159</t>
  </si>
  <si>
    <t>15.021419525146484</t>
  </si>
  <si>
    <t>980.6251831054688</t>
  </si>
  <si>
    <t>-0.009337447373258811</t>
  </si>
  <si>
    <t>30478</t>
  </si>
  <si>
    <t>15.664698600769043</t>
  </si>
  <si>
    <t>844.3048706054688</t>
  </si>
  <si>
    <t>0.020920779592335847</t>
  </si>
  <si>
    <t>14.937315940856934</t>
  </si>
  <si>
    <t>1007.9794311523438</t>
  </si>
  <si>
    <t>0.028272949029661376</t>
  </si>
  <si>
    <t>14.596491813659668</t>
  </si>
  <si>
    <t>1113.935302734375</t>
  </si>
  <si>
    <t>0.012110600414567685</t>
  </si>
  <si>
    <t>32292</t>
  </si>
  <si>
    <t>15.281292915344238</t>
  </si>
  <si>
    <t>1010.0542602539062</t>
  </si>
  <si>
    <t>0.01743086022087148</t>
  </si>
  <si>
    <t>15.09131145477295</t>
  </si>
  <si>
    <t>999.3557739257812</t>
  </si>
  <si>
    <t>0.017467022749640293</t>
  </si>
  <si>
    <t>33383</t>
  </si>
  <si>
    <t>15.263855934143066</t>
  </si>
  <si>
    <t>988.8121337890625</t>
  </si>
  <si>
    <t>0.015760244088991016</t>
  </si>
  <si>
    <t>15.9610595703125</t>
  </si>
  <si>
    <t>1045.563720703125</t>
  </si>
  <si>
    <t>0.03652917613610285</t>
  </si>
  <si>
    <t>15.310845375061035</t>
  </si>
  <si>
    <t>810.3319702148438</t>
  </si>
  <si>
    <t>0.03462812279733285</t>
  </si>
  <si>
    <t>37661</t>
  </si>
  <si>
    <t>15.735987663269043</t>
  </si>
  <si>
    <t>1134.377197265625</t>
  </si>
  <si>
    <t>0.04942098894391478</t>
  </si>
  <si>
    <t>38841</t>
  </si>
  <si>
    <t>15.572890281677246</t>
  </si>
  <si>
    <t>798.4996948242188</t>
  </si>
  <si>
    <t>0.030851313495869448</t>
  </si>
  <si>
    <t>40314</t>
  </si>
  <si>
    <t>15.18514633178711</t>
  </si>
  <si>
    <t>935.7788696289062</t>
  </si>
  <si>
    <t>0.03722241342144805</t>
  </si>
  <si>
    <t>14.67281723022461</t>
  </si>
  <si>
    <t>1070.9969482421875</t>
  </si>
  <si>
    <t>0.011076004050160293</t>
  </si>
  <si>
    <t>15.691239356994629</t>
  </si>
  <si>
    <t>821.0828247070312</t>
  </si>
  <si>
    <t>-0.02642361952308292</t>
  </si>
  <si>
    <t>39127</t>
  </si>
  <si>
    <t>15.626812934875488</t>
  </si>
  <si>
    <t>869.9823608398438</t>
  </si>
  <si>
    <t>-0.014538421928456557</t>
  </si>
  <si>
    <t>15.583605766296387</t>
  </si>
  <si>
    <t>1381.828125</t>
  </si>
  <si>
    <t>-0.07210663791801508</t>
  </si>
  <si>
    <t>15.514626502990723</t>
  </si>
  <si>
    <t>1082.784912109375</t>
  </si>
  <si>
    <t>-0.05833703295506254</t>
  </si>
  <si>
    <t>15.233532905578613</t>
  </si>
  <si>
    <t>1158.6148681640625</t>
  </si>
  <si>
    <t>0.007946908030971755</t>
  </si>
  <si>
    <t>15.725556373596191</t>
  </si>
  <si>
    <t>779.97705078125</t>
  </si>
  <si>
    <t>-0.028302946831846754</t>
  </si>
  <si>
    <t>33036</t>
  </si>
  <si>
    <t>15.920933723449707</t>
  </si>
  <si>
    <t>796.0557250976562</t>
  </si>
  <si>
    <t>-0.018415180142266507</t>
  </si>
  <si>
    <t>15.736830711364746</t>
  </si>
  <si>
    <t>808.8472290039062</t>
  </si>
  <si>
    <t>-0.04554896412887999</t>
  </si>
  <si>
    <t>30785</t>
  </si>
  <si>
    <t>15.937600135803223</t>
  </si>
  <si>
    <t>909.405517578125</t>
  </si>
  <si>
    <t>-0.02502135345641676</t>
  </si>
  <si>
    <t>16.017921447753906</t>
  </si>
  <si>
    <t>570.876708984375</t>
  </si>
  <si>
    <t>0.001136271528796584</t>
  </si>
  <si>
    <t>30958</t>
  </si>
  <si>
    <t>15.617080688476562</t>
  </si>
  <si>
    <t>692.0573120117188</t>
  </si>
  <si>
    <t>0.00446761725971534</t>
  </si>
  <si>
    <t>31229</t>
  </si>
  <si>
    <t>16.09908676147461</t>
  </si>
  <si>
    <t>505.920166015625</t>
  </si>
  <si>
    <t>0.008715703137520237</t>
  </si>
  <si>
    <t>16.09425163269043</t>
  </si>
  <si>
    <t>762.187744140625</t>
  </si>
  <si>
    <t>0.02513847140106762</t>
  </si>
  <si>
    <t>16.436201095581055</t>
  </si>
  <si>
    <t>908.9356079101562</t>
  </si>
  <si>
    <t>0.019634846889720947</t>
  </si>
  <si>
    <t>30975</t>
  </si>
  <si>
    <t>16.104267120361328</t>
  </si>
  <si>
    <t>865.2120971679688</t>
  </si>
  <si>
    <t>-0.052940041064788446</t>
  </si>
  <si>
    <t>15.780452728271484</t>
  </si>
  <si>
    <t>564.1140747070312</t>
  </si>
  <si>
    <t>0.08428773581233706</t>
  </si>
  <si>
    <t>16.549644470214844</t>
  </si>
  <si>
    <t>758.8910522460938</t>
  </si>
  <si>
    <t>0.039079178737353004</t>
  </si>
  <si>
    <t>20303</t>
  </si>
  <si>
    <t>17.058334350585938</t>
  </si>
  <si>
    <t>564.7999877929688</t>
  </si>
  <si>
    <t>316.33935546875</t>
  </si>
  <si>
    <t>Lecce</t>
  </si>
  <si>
    <t>549.699951171875</t>
  </si>
  <si>
    <t>0.014425325323506044</t>
  </si>
  <si>
    <t>20753</t>
  </si>
  <si>
    <t>487.9000549316406</t>
  </si>
  <si>
    <t>0.007496830835911794</t>
  </si>
  <si>
    <t>20560</t>
  </si>
  <si>
    <t>-0.009343373952557243</t>
  </si>
  <si>
    <t>20994</t>
  </si>
  <si>
    <t>647.7000732421875</t>
  </si>
  <si>
    <t>0.020889242026640886</t>
  </si>
  <si>
    <t>16.516666412353516</t>
  </si>
  <si>
    <t>770.9999389648438</t>
  </si>
  <si>
    <t>0.028271429742433796</t>
  </si>
  <si>
    <t>876.4000244140625</t>
  </si>
  <si>
    <t>0.012150370392353338</t>
  </si>
  <si>
    <t>22244</t>
  </si>
  <si>
    <t>614.6000366210938</t>
  </si>
  <si>
    <t>0.017413826576923697</t>
  </si>
  <si>
    <t>22636</t>
  </si>
  <si>
    <t>17.016664505004883</t>
  </si>
  <si>
    <t>688.4000854492188</t>
  </si>
  <si>
    <t>0.01746924995496002</t>
  </si>
  <si>
    <t>685.7000122070312</t>
  </si>
  <si>
    <t>0.015735241711610115</t>
  </si>
  <si>
    <t>17.96666717529297</t>
  </si>
  <si>
    <t>0.036549344184653165</t>
  </si>
  <si>
    <t>25449</t>
  </si>
  <si>
    <t>491.70001220703125</t>
  </si>
  <si>
    <t>0.06485030431716687</t>
  </si>
  <si>
    <t>25631</t>
  </si>
  <si>
    <t>767.3001098632812</t>
  </si>
  <si>
    <t>0.007126106898352802</t>
  </si>
  <si>
    <t>0.015831260948308667</t>
  </si>
  <si>
    <t>25956</t>
  </si>
  <si>
    <t>659.5</t>
  </si>
  <si>
    <t>-0.003231020581447197</t>
  </si>
  <si>
    <t>846.0999755859375</t>
  </si>
  <si>
    <t>0.010195956318288069</t>
  </si>
  <si>
    <t>17.333335876464844</t>
  </si>
  <si>
    <t>625.8999633789062</t>
  </si>
  <si>
    <t>0.013673160656065164</t>
  </si>
  <si>
    <t>26248</t>
  </si>
  <si>
    <t>-0.012682118074474502</t>
  </si>
  <si>
    <t>17.7833309173584</t>
  </si>
  <si>
    <t>839.10009765625</t>
  </si>
  <si>
    <t>-0.06435566678055693</t>
  </si>
  <si>
    <t>-0.025763802068713204</t>
  </si>
  <si>
    <t>17.524999618530273</t>
  </si>
  <si>
    <t>871.0000610351562</t>
  </si>
  <si>
    <t>-0.0017943212475479697</t>
  </si>
  <si>
    <t>17.15833282470703</t>
  </si>
  <si>
    <t>548.300048828125</t>
  </si>
  <si>
    <t>-0.004437010209390024</t>
  </si>
  <si>
    <t>23671</t>
  </si>
  <si>
    <t>17.999998092651367</t>
  </si>
  <si>
    <t>615.0999755859375</t>
  </si>
  <si>
    <t>-0.006988325148338248</t>
  </si>
  <si>
    <t>-0.038543320228516365</t>
  </si>
  <si>
    <t>22749</t>
  </si>
  <si>
    <t>17.75833511352539</t>
  </si>
  <si>
    <t>-0.0011861615888282273</t>
  </si>
  <si>
    <t>23200</t>
  </si>
  <si>
    <t>17.783334732055664</t>
  </si>
  <si>
    <t>640.0999755859375</t>
  </si>
  <si>
    <t>0.019631090285354702</t>
  </si>
  <si>
    <t>22913</t>
  </si>
  <si>
    <t>677.7000122070312</t>
  </si>
  <si>
    <t>-0.012447843595058572</t>
  </si>
  <si>
    <t>18.016664505004883</t>
  </si>
  <si>
    <t>446.0999450683594</t>
  </si>
  <si>
    <t>0.014772725169210688</t>
  </si>
  <si>
    <t>23842</t>
  </si>
  <si>
    <t>18.07499885559082</t>
  </si>
  <si>
    <t>554.800048828125</t>
  </si>
  <si>
    <t>0.024971571049393404</t>
  </si>
  <si>
    <t>616.0999755859375</t>
  </si>
  <si>
    <t>0.02579479344527691</t>
  </si>
  <si>
    <t>22725</t>
  </si>
  <si>
    <t>18.083335876464844</t>
  </si>
  <si>
    <t>657.6000366210938</t>
  </si>
  <si>
    <t>-0.07377788467754343</t>
  </si>
  <si>
    <t>24723</t>
  </si>
  <si>
    <t>539.5</t>
  </si>
  <si>
    <t>0.08426834438581388</t>
  </si>
  <si>
    <t>25709</t>
  </si>
  <si>
    <t>0.039107140700545884</t>
  </si>
  <si>
    <t>43600</t>
  </si>
  <si>
    <t>1200.9000244140625</t>
  </si>
  <si>
    <t>1248.8729248046875</t>
  </si>
  <si>
    <t>Lecco</t>
  </si>
  <si>
    <t>44233</t>
  </si>
  <si>
    <t>962.10009765625</t>
  </si>
  <si>
    <t>0.014413966491643393</t>
  </si>
  <si>
    <t>44565</t>
  </si>
  <si>
    <t>1390.800048828125</t>
  </si>
  <si>
    <t>0.0074776807360485975</t>
  </si>
  <si>
    <t>-0.009355870532711918</t>
  </si>
  <si>
    <t>45084</t>
  </si>
  <si>
    <t>1255.300048828125</t>
  </si>
  <si>
    <t>0.020934489329862416</t>
  </si>
  <si>
    <t>46377</t>
  </si>
  <si>
    <t>11.77499771118164</t>
  </si>
  <si>
    <t>1212.7999267578125</t>
  </si>
  <si>
    <t>0.028276230302475724</t>
  </si>
  <si>
    <t>1415.89990234375</t>
  </si>
  <si>
    <t>0.012109150417042969</t>
  </si>
  <si>
    <t>47767</t>
  </si>
  <si>
    <t>12.383332252502441</t>
  </si>
  <si>
    <t>0.017422227409380042</t>
  </si>
  <si>
    <t>48608</t>
  </si>
  <si>
    <t>11.875000953674316</t>
  </si>
  <si>
    <t>0.017453101904632007</t>
  </si>
  <si>
    <t>49381</t>
  </si>
  <si>
    <t>1470.400146484375</t>
  </si>
  <si>
    <t>0.015777608412431476</t>
  </si>
  <si>
    <t>51218</t>
  </si>
  <si>
    <t>1577.9000244140625</t>
  </si>
  <si>
    <t>0.03652529793605197</t>
  </si>
  <si>
    <t>1207.800048828125</t>
  </si>
  <si>
    <t>-0.012950061599852347</t>
  </si>
  <si>
    <t>50583</t>
  </si>
  <si>
    <t>0.00047458030195990375</t>
  </si>
  <si>
    <t>50145</t>
  </si>
  <si>
    <t>-0.008696742923781642</t>
  </si>
  <si>
    <t>50207</t>
  </si>
  <si>
    <t>1132.4000244140625</t>
  </si>
  <si>
    <t>0.0012356506674233714</t>
  </si>
  <si>
    <t>50019</t>
  </si>
  <si>
    <t>991.60009765625</t>
  </si>
  <si>
    <t>-0.003751525961163793</t>
  </si>
  <si>
    <t>49246</t>
  </si>
  <si>
    <t>12.574997901916504</t>
  </si>
  <si>
    <t>1209.60009765625</t>
  </si>
  <si>
    <t>-0.015574787200828055</t>
  </si>
  <si>
    <t>50049</t>
  </si>
  <si>
    <t>1202.800048828125</t>
  </si>
  <si>
    <t>0.016174379496042945</t>
  </si>
  <si>
    <t>47237</t>
  </si>
  <si>
    <t>1326.60009765625</t>
  </si>
  <si>
    <t>-0.05782504173285474</t>
  </si>
  <si>
    <t>42622</t>
  </si>
  <si>
    <t>-0.10280693191365664</t>
  </si>
  <si>
    <t>42820</t>
  </si>
  <si>
    <t>1195.400146484375</t>
  </si>
  <si>
    <t>0.0046347312664014595</t>
  </si>
  <si>
    <t>43180</t>
  </si>
  <si>
    <t>0.008372141925125476</t>
  </si>
  <si>
    <t>-0.024641085432508092</t>
  </si>
  <si>
    <t>42005</t>
  </si>
  <si>
    <t>1476.300048828125</t>
  </si>
  <si>
    <t>-0.0029476808373427588</t>
  </si>
  <si>
    <t>41630</t>
  </si>
  <si>
    <t>12.741665840148926</t>
  </si>
  <si>
    <t>1536.4002685546875</t>
  </si>
  <si>
    <t>-0.008967597609926159</t>
  </si>
  <si>
    <t>0.014167718554084274</t>
  </si>
  <si>
    <t>42562</t>
  </si>
  <si>
    <t>1282.800048828125</t>
  </si>
  <si>
    <t>0.007973056649511534</t>
  </si>
  <si>
    <t>43742</t>
  </si>
  <si>
    <t>0.027346902529879813</t>
  </si>
  <si>
    <t>12.758332252502441</t>
  </si>
  <si>
    <t>882.2001342773438</t>
  </si>
  <si>
    <t>0.012359861075610823</t>
  </si>
  <si>
    <t>44952</t>
  </si>
  <si>
    <t>1162.8001708984375</t>
  </si>
  <si>
    <t>0.014926653793926548</t>
  </si>
  <si>
    <t>1208.0999755859375</t>
  </si>
  <si>
    <t>-0.08691430845917125</t>
  </si>
  <si>
    <t>12.008332252502441</t>
  </si>
  <si>
    <t>1161.39990234375</t>
  </si>
  <si>
    <t>0.08428583480097807</t>
  </si>
  <si>
    <t>46621</t>
  </si>
  <si>
    <t>999.199951171875</t>
  </si>
  <si>
    <t>0.03908430324730894</t>
  </si>
  <si>
    <t>31313</t>
  </si>
  <si>
    <t>647.800048828125</t>
  </si>
  <si>
    <t>120.64580535888672</t>
  </si>
  <si>
    <t>Livorno</t>
  </si>
  <si>
    <t>31768</t>
  </si>
  <si>
    <t>15.649998664855957</t>
  </si>
  <si>
    <t>519.2000122070312</t>
  </si>
  <si>
    <t>0.014426147047482019</t>
  </si>
  <si>
    <t>16.3416690826416</t>
  </si>
  <si>
    <t>0.007463891394849043</t>
  </si>
  <si>
    <t>-0.00935437024888941</t>
  </si>
  <si>
    <t>16.883333206176758</t>
  </si>
  <si>
    <t>437.6000061035156</t>
  </si>
  <si>
    <t>0.020941049536409295</t>
  </si>
  <si>
    <t>583.5000610351562</t>
  </si>
  <si>
    <t>0.028257520594218377</t>
  </si>
  <si>
    <t>0.012115934544357998</t>
  </si>
  <si>
    <t>34306</t>
  </si>
  <si>
    <t>496.3999938964844</t>
  </si>
  <si>
    <t>0.017436746337738285</t>
  </si>
  <si>
    <t>494.5999755859375</t>
  </si>
  <si>
    <t>0.017453055129310613</t>
  </si>
  <si>
    <t>0.015772973537105273</t>
  </si>
  <si>
    <t>671.2999877929688</t>
  </si>
  <si>
    <t>0.03651667336677633</t>
  </si>
  <si>
    <t>413.9000244140625</t>
  </si>
  <si>
    <t>0.0038800227754425265</t>
  </si>
  <si>
    <t>37471</t>
  </si>
  <si>
    <t>0.014624309670288937</t>
  </si>
  <si>
    <t>37973</t>
  </si>
  <si>
    <t>456.6000061035156</t>
  </si>
  <si>
    <t>0.013308080400582512</t>
  </si>
  <si>
    <t>0.019919834773945766</t>
  </si>
  <si>
    <t>38306</t>
  </si>
  <si>
    <t>-0.011188673760615941</t>
  </si>
  <si>
    <t>17.191667556762695</t>
  </si>
  <si>
    <t>427.0</t>
  </si>
  <si>
    <t>0.037757731545356776</t>
  </si>
  <si>
    <t>38078</t>
  </si>
  <si>
    <t>375.9999694824219</t>
  </si>
  <si>
    <t>-0.0437275858903412</t>
  </si>
  <si>
    <t>0.05701250384281131</t>
  </si>
  <si>
    <t>39115</t>
  </si>
  <si>
    <t>16.90000343322754</t>
  </si>
  <si>
    <t>594.2999267578125</t>
  </si>
  <si>
    <t>-0.030143166241252572</t>
  </si>
  <si>
    <t>0.019243535967964576</t>
  </si>
  <si>
    <t>17.2166690826416</t>
  </si>
  <si>
    <t>0.005876118676953368</t>
  </si>
  <si>
    <t>38713</t>
  </si>
  <si>
    <t>16.64166831970215</t>
  </si>
  <si>
    <t>569.4999389648438</t>
  </si>
  <si>
    <t>-0.03545021884115407</t>
  </si>
  <si>
    <t>37247</t>
  </si>
  <si>
    <t>645.0999755859375</t>
  </si>
  <si>
    <t>-0.03860405627126262</t>
  </si>
  <si>
    <t>37227</t>
  </si>
  <si>
    <t>-0.0005371002089535892</t>
  </si>
  <si>
    <t>17.374998092651367</t>
  </si>
  <si>
    <t>346.20001220703125</t>
  </si>
  <si>
    <t>0.012997073844138285</t>
  </si>
  <si>
    <t>16.799997329711914</t>
  </si>
  <si>
    <t>430.20001220703125</t>
  </si>
  <si>
    <t>0.00410145713410337</t>
  </si>
  <si>
    <t>37679</t>
  </si>
  <si>
    <t>17.4666690826416</t>
  </si>
  <si>
    <t>356.70001220703125</t>
  </si>
  <si>
    <t>-0.0050299253609757955</t>
  </si>
  <si>
    <t>-0.0014076092889183656</t>
  </si>
  <si>
    <t>37774</t>
  </si>
  <si>
    <t>0.0039257344847154485</t>
  </si>
  <si>
    <t>34756</t>
  </si>
  <si>
    <t>17.358333587646484</t>
  </si>
  <si>
    <t>580.4000244140625</t>
  </si>
  <si>
    <t>-0.08326881629669458</t>
  </si>
  <si>
    <t>16.825002670288086</t>
  </si>
  <si>
    <t>374.1000061035156</t>
  </si>
  <si>
    <t>0.08427429358617822</t>
  </si>
  <si>
    <t>18.28333282470703</t>
  </si>
  <si>
    <t>401.60003662109375</t>
  </si>
  <si>
    <t>0.03910678271582668</t>
  </si>
  <si>
    <t>32230</t>
  </si>
  <si>
    <t>977.5</t>
  </si>
  <si>
    <t>110.46289825439453</t>
  </si>
  <si>
    <t>Lucca</t>
  </si>
  <si>
    <t>0.01441621812587357</t>
  </si>
  <si>
    <t>960.0000610351562</t>
  </si>
  <si>
    <t>0.0074648813304651895</t>
  </si>
  <si>
    <t>32636</t>
  </si>
  <si>
    <t>952.3999633789062</t>
  </si>
  <si>
    <t>-0.009362821717132874</t>
  </si>
  <si>
    <t>33326</t>
  </si>
  <si>
    <t>814.4000244140625</t>
  </si>
  <si>
    <t>0.02092189954987944</t>
  </si>
  <si>
    <t>968.1000366210938</t>
  </si>
  <si>
    <t>0.028282561968433484</t>
  </si>
  <si>
    <t>34700</t>
  </si>
  <si>
    <t>1122.7000732421875</t>
  </si>
  <si>
    <t>0.012119251867947156</t>
  </si>
  <si>
    <t>35310</t>
  </si>
  <si>
    <t>781.60009765625</t>
  </si>
  <si>
    <t>0.017426522987481263</t>
  </si>
  <si>
    <t>35932</t>
  </si>
  <si>
    <t>804.3999633789062</t>
  </si>
  <si>
    <t>0.017462053426665847</t>
  </si>
  <si>
    <t>36503</t>
  </si>
  <si>
    <t>898.7999267578125</t>
  </si>
  <si>
    <t>0.01576618562474863</t>
  </si>
  <si>
    <t>37861</t>
  </si>
  <si>
    <t>1034.0001220703125</t>
  </si>
  <si>
    <t>0.03652710954154692</t>
  </si>
  <si>
    <t>737.0000610351562</t>
  </si>
  <si>
    <t>0.013015481958628783</t>
  </si>
  <si>
    <t>1213.5999755859375</t>
  </si>
  <si>
    <t>0.013491497448036682</t>
  </si>
  <si>
    <t>39034</t>
  </si>
  <si>
    <t>691.4000854492188</t>
  </si>
  <si>
    <t>0.004004523269088622</t>
  </si>
  <si>
    <t>39497</t>
  </si>
  <si>
    <t>891.0999755859375</t>
  </si>
  <si>
    <t>0.011791658446679065</t>
  </si>
  <si>
    <t>0.0068378491366818395</t>
  </si>
  <si>
    <t>40420</t>
  </si>
  <si>
    <t>675.5000610351562</t>
  </si>
  <si>
    <t>0.016262143183103817</t>
  </si>
  <si>
    <t>43075</t>
  </si>
  <si>
    <t>0.06361807043851897</t>
  </si>
  <si>
    <t>41980</t>
  </si>
  <si>
    <t>998.1000366210938</t>
  </si>
  <si>
    <t>-0.025749468021507127</t>
  </si>
  <si>
    <t>41405</t>
  </si>
  <si>
    <t>879.6000366210938</t>
  </si>
  <si>
    <t>-0.013791667906822624</t>
  </si>
  <si>
    <t>42223</t>
  </si>
  <si>
    <t>0.01956344978151492</t>
  </si>
  <si>
    <t>41736</t>
  </si>
  <si>
    <t>724.199951171875</t>
  </si>
  <si>
    <t>-0.011601030547087277</t>
  </si>
  <si>
    <t>40293</t>
  </si>
  <si>
    <t>10.999999046325684</t>
  </si>
  <si>
    <t>-0.03518630912504328</t>
  </si>
  <si>
    <t>1111.7000732421875</t>
  </si>
  <si>
    <t>-0.04057074174468411</t>
  </si>
  <si>
    <t>38743</t>
  </si>
  <si>
    <t>1113.89990234375</t>
  </si>
  <si>
    <t>0.0013430794693984893</t>
  </si>
  <si>
    <t>-0.003879181444618851</t>
  </si>
  <si>
    <t>39099</t>
  </si>
  <si>
    <t>810.4000854492188</t>
  </si>
  <si>
    <t>0.01302597834154895</t>
  </si>
  <si>
    <t>0.019276423567955447</t>
  </si>
  <si>
    <t>840.3001098632812</t>
  </si>
  <si>
    <t>0.0074234566133331015</t>
  </si>
  <si>
    <t>0.01593432841855602</t>
  </si>
  <si>
    <t>945.699951171875</t>
  </si>
  <si>
    <t>-0.0742022404526832</t>
  </si>
  <si>
    <t>652.1000366210938</t>
  </si>
  <si>
    <t>0.08429767111803521</t>
  </si>
  <si>
    <t>42859</t>
  </si>
  <si>
    <t>652.7999877929688</t>
  </si>
  <si>
    <t>0.0390891275134706</t>
  </si>
  <si>
    <t>734.0</t>
  </si>
  <si>
    <t>106.31603240966797</t>
  </si>
  <si>
    <t>Macerata</t>
  </si>
  <si>
    <t>13.100001335144043</t>
  </si>
  <si>
    <t>804.699951171875</t>
  </si>
  <si>
    <t>0.014411286607600715</t>
  </si>
  <si>
    <t>0.007476783964380118</t>
  </si>
  <si>
    <t>13.441665649414062</t>
  </si>
  <si>
    <t>850.800048828125</t>
  </si>
  <si>
    <t>-0.009339465236408273</t>
  </si>
  <si>
    <t>33409</t>
  </si>
  <si>
    <t>14.15000057220459</t>
  </si>
  <si>
    <t>0.020899939590403704</t>
  </si>
  <si>
    <t>0.028271476866430945</t>
  </si>
  <si>
    <t>34786</t>
  </si>
  <si>
    <t>13.024998664855957</t>
  </si>
  <si>
    <t>1010.0001220703125</t>
  </si>
  <si>
    <t>0.01211820535714736</t>
  </si>
  <si>
    <t>0.0174120637999291</t>
  </si>
  <si>
    <t>0.017475030930800273</t>
  </si>
  <si>
    <t>13.683335304260254</t>
  </si>
  <si>
    <t>825.8001708984375</t>
  </si>
  <si>
    <t>0.015782190825682108</t>
  </si>
  <si>
    <t>911.7000732421875</t>
  </si>
  <si>
    <t>0.036516954926357315</t>
  </si>
  <si>
    <t>38827</t>
  </si>
  <si>
    <t>13.675000190734863</t>
  </si>
  <si>
    <t>600.9000244140625</t>
  </si>
  <si>
    <t>0.022714633439518295</t>
  </si>
  <si>
    <t>39081</t>
  </si>
  <si>
    <t>1013.0</t>
  </si>
  <si>
    <t>0.006520534475287221</t>
  </si>
  <si>
    <t>38160</t>
  </si>
  <si>
    <t>13.925000190734863</t>
  </si>
  <si>
    <t>-0.023848568803449766</t>
  </si>
  <si>
    <t>38668</t>
  </si>
  <si>
    <t>804.0999755859375</t>
  </si>
  <si>
    <t>0.01322453802227308</t>
  </si>
  <si>
    <t>40309</t>
  </si>
  <si>
    <t>12.924999237060547</t>
  </si>
  <si>
    <t>0.04156238447898275</t>
  </si>
  <si>
    <t>722.4000854492188</t>
  </si>
  <si>
    <t>0.04439890859072726</t>
  </si>
  <si>
    <t>14.20000171661377</t>
  </si>
  <si>
    <t>683.4000854492188</t>
  </si>
  <si>
    <t>-0.029232554414871714</t>
  </si>
  <si>
    <t>900.199951171875</t>
  </si>
  <si>
    <t>-0.07163183351269176</t>
  </si>
  <si>
    <t>36978</t>
  </si>
  <si>
    <t>14.050002098083496</t>
  </si>
  <si>
    <t>771.699951171875</t>
  </si>
  <si>
    <t>-0.029786148536345536</t>
  </si>
  <si>
    <t>13.583332061767578</t>
  </si>
  <si>
    <t>0.0048021243171145755</t>
  </si>
  <si>
    <t>37515</t>
  </si>
  <si>
    <t>0.00961558747241753</t>
  </si>
  <si>
    <t>-0.04013916759034508</t>
  </si>
  <si>
    <t>818.0999755859375</t>
  </si>
  <si>
    <t>-0.023157954603094666</t>
  </si>
  <si>
    <t>0.01076144775158383</t>
  </si>
  <si>
    <t>34972</t>
  </si>
  <si>
    <t>542.6000366210938</t>
  </si>
  <si>
    <t>-0.017657437237192042</t>
  </si>
  <si>
    <t>14.208334922790527</t>
  </si>
  <si>
    <t>607.699951171875</t>
  </si>
  <si>
    <t>0.013575511659491113</t>
  </si>
  <si>
    <t>489.1000061035156</t>
  </si>
  <si>
    <t>0.049099069371569826</t>
  </si>
  <si>
    <t>37771</t>
  </si>
  <si>
    <t>739.4000244140625</t>
  </si>
  <si>
    <t>0.014319290063360413</t>
  </si>
  <si>
    <t>0.0033567278343564766</t>
  </si>
  <si>
    <t>34631</t>
  </si>
  <si>
    <t>-0.0901491055535093</t>
  </si>
  <si>
    <t>14.166668891906738</t>
  </si>
  <si>
    <t>576.0999755859375</t>
  </si>
  <si>
    <t>0.0842740522666574</t>
  </si>
  <si>
    <t>39178</t>
  </si>
  <si>
    <t>15.308331489562988</t>
  </si>
  <si>
    <t>0.03909207780063717</t>
  </si>
  <si>
    <t>13.6083345413208</t>
  </si>
  <si>
    <t>279.63665771484375</t>
  </si>
  <si>
    <t>Mantua</t>
  </si>
  <si>
    <t>41813</t>
  </si>
  <si>
    <t>908.3001098632812</t>
  </si>
  <si>
    <t>0.014405028198245518</t>
  </si>
  <si>
    <t>850.5000610351562</t>
  </si>
  <si>
    <t>0.007457831299729989</t>
  </si>
  <si>
    <t>41735</t>
  </si>
  <si>
    <t>808.0999755859375</t>
  </si>
  <si>
    <t>-0.009325021960465918</t>
  </si>
  <si>
    <t>0.020913129401810338</t>
  </si>
  <si>
    <t>43839</t>
  </si>
  <si>
    <t>982.7000732421875</t>
  </si>
  <si>
    <t>0.028270597456113933</t>
  </si>
  <si>
    <t>44373</t>
  </si>
  <si>
    <t>0.012107344196717662</t>
  </si>
  <si>
    <t>13.741667747497559</t>
  </si>
  <si>
    <t>0.017425546480993148</t>
  </si>
  <si>
    <t>45949</t>
  </si>
  <si>
    <t>0.017475362940910344</t>
  </si>
  <si>
    <t>46679</t>
  </si>
  <si>
    <t>855.9000854492188</t>
  </si>
  <si>
    <t>0.015762298958916787</t>
  </si>
  <si>
    <t>48415</t>
  </si>
  <si>
    <t>0.03651529832533207</t>
  </si>
  <si>
    <t>13.483333587646484</t>
  </si>
  <si>
    <t>725.4000244140625</t>
  </si>
  <si>
    <t>-0.005903999748477773</t>
  </si>
  <si>
    <t>47792</t>
  </si>
  <si>
    <t>14.216667175292969</t>
  </si>
  <si>
    <t>-0.007047421841264168</t>
  </si>
  <si>
    <t>47074</t>
  </si>
  <si>
    <t>-0.015137429853988138</t>
  </si>
  <si>
    <t>-0.016622068004851442</t>
  </si>
  <si>
    <t>45329</t>
  </si>
  <si>
    <t>945.39990234375</t>
  </si>
  <si>
    <t>-0.021151759351111465</t>
  </si>
  <si>
    <t>0.0009040894120708742</t>
  </si>
  <si>
    <t>46032</t>
  </si>
  <si>
    <t>715.0000610351562</t>
  </si>
  <si>
    <t>0.014485713133318256</t>
  </si>
  <si>
    <t>45207</t>
  </si>
  <si>
    <t>13.533333778381348</t>
  </si>
  <si>
    <t>-0.018084864705064874</t>
  </si>
  <si>
    <t>-0.07520268351379933</t>
  </si>
  <si>
    <t>13.216667175292969</t>
  </si>
  <si>
    <t>1030.0999755859375</t>
  </si>
  <si>
    <t>0.03240356230470809</t>
  </si>
  <si>
    <t>613.7999877929688</t>
  </si>
  <si>
    <t>0.02498933070442888</t>
  </si>
  <si>
    <t>42800</t>
  </si>
  <si>
    <t>862.5</t>
  </si>
  <si>
    <t>-0.036904049011713624</t>
  </si>
  <si>
    <t>41982</t>
  </si>
  <si>
    <t>13.533332824707031</t>
  </si>
  <si>
    <t>983.0000610351562</t>
  </si>
  <si>
    <t>-0.01929714759593537</t>
  </si>
  <si>
    <t>42226</t>
  </si>
  <si>
    <t>14.500000953674316</t>
  </si>
  <si>
    <t>983.6000366210938</t>
  </si>
  <si>
    <t>0.005795190074076473</t>
  </si>
  <si>
    <t>42736</t>
  </si>
  <si>
    <t>0.012005511301714122</t>
  </si>
  <si>
    <t>816.4000244140625</t>
  </si>
  <si>
    <t>0.013572765765184513</t>
  </si>
  <si>
    <t>45130</t>
  </si>
  <si>
    <t>14.50833511352539</t>
  </si>
  <si>
    <t>0.040932791706119076</t>
  </si>
  <si>
    <t>45490</t>
  </si>
  <si>
    <t>689.300048828125</t>
  </si>
  <si>
    <t>0.007945307743003838</t>
  </si>
  <si>
    <t>45104</t>
  </si>
  <si>
    <t>902.0999755859375</t>
  </si>
  <si>
    <t>-0.008521587210156056</t>
  </si>
  <si>
    <t>41877</t>
  </si>
  <si>
    <t>-0.07423418417302585</t>
  </si>
  <si>
    <t>45559</t>
  </si>
  <si>
    <t>14.175000190734863</t>
  </si>
  <si>
    <t>0.08427143906122758</t>
  </si>
  <si>
    <t>47375</t>
  </si>
  <si>
    <t>624.7999877929688</t>
  </si>
  <si>
    <t>0.039086474142632</t>
  </si>
  <si>
    <t>26093</t>
  </si>
  <si>
    <t>15.551285743713379</t>
  </si>
  <si>
    <t>538.3460693359375</t>
  </si>
  <si>
    <t>145.14556884765625</t>
  </si>
  <si>
    <t>Matera</t>
  </si>
  <si>
    <t>26471</t>
  </si>
  <si>
    <t>14.69159984588623</t>
  </si>
  <si>
    <t>487.21783447265625</t>
  </si>
  <si>
    <t>0.014382715019632286</t>
  </si>
  <si>
    <t>15.245408058166504</t>
  </si>
  <si>
    <t>447.8360900878906</t>
  </si>
  <si>
    <t>0.007489544051205499</t>
  </si>
  <si>
    <t>26422</t>
  </si>
  <si>
    <t>15.3201265335083</t>
  </si>
  <si>
    <t>561.75390625</t>
  </si>
  <si>
    <t>-0.009342341737761828</t>
  </si>
  <si>
    <t>15.96483325958252</t>
  </si>
  <si>
    <t>525.6717529296875</t>
  </si>
  <si>
    <t>0.02089885432344829</t>
  </si>
  <si>
    <t>15.129910469055176</t>
  </si>
  <si>
    <t>695.5966796875</t>
  </si>
  <si>
    <t>0.028284123169209252</t>
  </si>
  <si>
    <t>28092</t>
  </si>
  <si>
    <t>14.805644989013672</t>
  </si>
  <si>
    <t>712.6661376953125</t>
  </si>
  <si>
    <t>0.012104864347953992</t>
  </si>
  <si>
    <t>15.059269905090332</t>
  </si>
  <si>
    <t>535.6857299804688</t>
  </si>
  <si>
    <t>0.017432249190150628</t>
  </si>
  <si>
    <t>15.440146446228027</t>
  </si>
  <si>
    <t>585.9492797851562</t>
  </si>
  <si>
    <t>0.01747738502018592</t>
  </si>
  <si>
    <t>15.620442390441895</t>
  </si>
  <si>
    <t>494.2734680175781</t>
  </si>
  <si>
    <t>0.015756950949773696</t>
  </si>
  <si>
    <t>16.332456588745117</t>
  </si>
  <si>
    <t>593.1026611328125</t>
  </si>
  <si>
    <t>0.03651386482051322</t>
  </si>
  <si>
    <t>31971</t>
  </si>
  <si>
    <t>15.640278816223145</t>
  </si>
  <si>
    <t>463.788330078125</t>
  </si>
  <si>
    <t>0.04216395362953129</t>
  </si>
  <si>
    <t>16.06959342956543</t>
  </si>
  <si>
    <t>676.6514892578125</t>
  </si>
  <si>
    <t>-0.021850326229817085</t>
  </si>
  <si>
    <t>15.705997467041016</t>
  </si>
  <si>
    <t>593.11474609375</t>
  </si>
  <si>
    <t>-0.013744925321098833</t>
  </si>
  <si>
    <t>32159</t>
  </si>
  <si>
    <t>15.544598579406738</t>
  </si>
  <si>
    <t>646.6728515625</t>
  </si>
  <si>
    <t>0.04145835894394523</t>
  </si>
  <si>
    <t>15.01799488067627</t>
  </si>
  <si>
    <t>711.4691772460938</t>
  </si>
  <si>
    <t>-0.016365027583628233</t>
  </si>
  <si>
    <t>32440</t>
  </si>
  <si>
    <t>15.967373847961426</t>
  </si>
  <si>
    <t>615.3687133789062</t>
  </si>
  <si>
    <t>0.025064907530882863</t>
  </si>
  <si>
    <t>15.944140434265137</t>
  </si>
  <si>
    <t>656.7947998046875</t>
  </si>
  <si>
    <t>0.024482070443568205</t>
  </si>
  <si>
    <t>16.178335189819336</t>
  </si>
  <si>
    <t>771.70654296875</t>
  </si>
  <si>
    <t>-0.05185706903199083</t>
  </si>
  <si>
    <t>29532</t>
  </si>
  <si>
    <t>15.96103286743164</t>
  </si>
  <si>
    <t>742.8736572265625</t>
  </si>
  <si>
    <t>-0.06654280946187008</t>
  </si>
  <si>
    <t>15.839564323425293</t>
  </si>
  <si>
    <t>826.6454467773438</t>
  </si>
  <si>
    <t>-0.08675283112400045</t>
  </si>
  <si>
    <t>15.755785942077637</t>
  </si>
  <si>
    <t>525.9511108398438</t>
  </si>
  <si>
    <t>0.01749870765803152</t>
  </si>
  <si>
    <t>26307</t>
  </si>
  <si>
    <t>16.37140464782715</t>
  </si>
  <si>
    <t>593.8731689453125</t>
  </si>
  <si>
    <t>-0.0463852342656228</t>
  </si>
  <si>
    <t>16.247041702270508</t>
  </si>
  <si>
    <t>579.7464599609375</t>
  </si>
  <si>
    <t>-0.013624918950435827</t>
  </si>
  <si>
    <t>16.30695343017578</t>
  </si>
  <si>
    <t>768.0199584960938</t>
  </si>
  <si>
    <t>-0.01980879278087322</t>
  </si>
  <si>
    <t>25931</t>
  </si>
  <si>
    <t>16.323938369750977</t>
  </si>
  <si>
    <t>616.6734008789062</t>
  </si>
  <si>
    <t>0.019037812441229818</t>
  </si>
  <si>
    <t>25812</t>
  </si>
  <si>
    <t>16.107948303222656</t>
  </si>
  <si>
    <t>680.947265625</t>
  </si>
  <si>
    <t>-0.004599664101654355</t>
  </si>
  <si>
    <t>25977</t>
  </si>
  <si>
    <t>16.469911575317383</t>
  </si>
  <si>
    <t>449.1756896972656</t>
  </si>
  <si>
    <t>0.00637203106017914</t>
  </si>
  <si>
    <t>16.426389694213867</t>
  </si>
  <si>
    <t>596.7666015625</t>
  </si>
  <si>
    <t>0.037031472754312844</t>
  </si>
  <si>
    <t>16.598129272460938</t>
  </si>
  <si>
    <t>602.6504516601562</t>
  </si>
  <si>
    <t>0.02284786847707032</t>
  </si>
  <si>
    <t>16.342065811157227</t>
  </si>
  <si>
    <t>704.3946533203125</t>
  </si>
  <si>
    <t>-0.04104107822243819</t>
  </si>
  <si>
    <t>28799</t>
  </si>
  <si>
    <t>16.1298770904541</t>
  </si>
  <si>
    <t>480.39617919921875</t>
  </si>
  <si>
    <t>0.0842908701741294</t>
  </si>
  <si>
    <t>29947</t>
  </si>
  <si>
    <t>16.875627517700195</t>
  </si>
  <si>
    <t>537.1455688476562</t>
  </si>
  <si>
    <t>0.039088488282660094</t>
  </si>
  <si>
    <t>17.266801834106445</t>
  </si>
  <si>
    <t>695.3496704101562</t>
  </si>
  <si>
    <t>268.1938781738281</t>
  </si>
  <si>
    <t>Messina</t>
  </si>
  <si>
    <t>16.5351619720459</t>
  </si>
  <si>
    <t>662.3572998046875</t>
  </si>
  <si>
    <t>0.014395759159709698</t>
  </si>
  <si>
    <t>24954</t>
  </si>
  <si>
    <t>16.96745491027832</t>
  </si>
  <si>
    <t>544.8153076171875</t>
  </si>
  <si>
    <t>0.007481632581512798</t>
  </si>
  <si>
    <t>24722</t>
  </si>
  <si>
    <t>17.118364334106445</t>
  </si>
  <si>
    <t>753.2760620117188</t>
  </si>
  <si>
    <t>-0.009340594523198575</t>
  </si>
  <si>
    <t>17.813154220581055</t>
  </si>
  <si>
    <t>724.794677734375</t>
  </si>
  <si>
    <t>0.02089496825636239</t>
  </si>
  <si>
    <t>17.196489334106445</t>
  </si>
  <si>
    <t>777.3386840820312</t>
  </si>
  <si>
    <t>0.02827650705024176</t>
  </si>
  <si>
    <t>16.822790145874023</t>
  </si>
  <si>
    <t>1018.5350952148438</t>
  </si>
  <si>
    <t>0.012133423499175677</t>
  </si>
  <si>
    <t>17.277868270874023</t>
  </si>
  <si>
    <t>788.008544921875</t>
  </si>
  <si>
    <t>0.017423883248664396</t>
  </si>
  <si>
    <t>17.175264358520508</t>
  </si>
  <si>
    <t>695.6994018554688</t>
  </si>
  <si>
    <t>0.017456201618049505</t>
  </si>
  <si>
    <t>17.572921752929688</t>
  </si>
  <si>
    <t>689.2802124023438</t>
  </si>
  <si>
    <t>0.015783374541511463</t>
  </si>
  <si>
    <t>28679</t>
  </si>
  <si>
    <t>17.986722946166992</t>
  </si>
  <si>
    <t>719.002685546875</t>
  </si>
  <si>
    <t>0.03650325394040976</t>
  </si>
  <si>
    <t>29941</t>
  </si>
  <si>
    <t>17.616018295288086</t>
  </si>
  <si>
    <t>515.55419921875</t>
  </si>
  <si>
    <t>0.043063630947264286</t>
  </si>
  <si>
    <t>17.62331199645996</t>
  </si>
  <si>
    <t>824.6289672851562</t>
  </si>
  <si>
    <t>-0.02170952425973205</t>
  </si>
  <si>
    <t>768.2152709960938</t>
  </si>
  <si>
    <t>-0.01520131070634001</t>
  </si>
  <si>
    <t>17.219926834106445</t>
  </si>
  <si>
    <t>842.3447875976562</t>
  </si>
  <si>
    <t>-0.010941256923040044</t>
  </si>
  <si>
    <t>17.104171752929688</t>
  </si>
  <si>
    <t>895.7322387695312</t>
  </si>
  <si>
    <t>0.03980402859730248</t>
  </si>
  <si>
    <t>17.96836280822754</t>
  </si>
  <si>
    <t>615.5777587890625</t>
  </si>
  <si>
    <t>0.0020180962753872933</t>
  </si>
  <si>
    <t>17.617063522338867</t>
  </si>
  <si>
    <t>820.9932861328125</t>
  </si>
  <si>
    <t>0.005862957980845351</t>
  </si>
  <si>
    <t>28074</t>
  </si>
  <si>
    <t>17.64674949645996</t>
  </si>
  <si>
    <t>859.2574462890625</t>
  </si>
  <si>
    <t>-0.0642178884196003</t>
  </si>
  <si>
    <t>26617</t>
  </si>
  <si>
    <t>17.7031307220459</t>
  </si>
  <si>
    <t>913.3494262695312</t>
  </si>
  <si>
    <t>-0.05329377171611149</t>
  </si>
  <si>
    <t>17.614194869995117</t>
  </si>
  <si>
    <t>871.9573364257812</t>
  </si>
  <si>
    <t>-0.02134042103484468</t>
  </si>
  <si>
    <t>27042</t>
  </si>
  <si>
    <t>17.52018928527832</t>
  </si>
  <si>
    <t>667.84326171875</t>
  </si>
  <si>
    <t>0.0371815245753897</t>
  </si>
  <si>
    <t>17.90651512145996</t>
  </si>
  <si>
    <t>795.9348754882812</t>
  </si>
  <si>
    <t>-0.023194216480405316</t>
  </si>
  <si>
    <t>17.713285446166992</t>
  </si>
  <si>
    <t>696.2181396484375</t>
  </si>
  <si>
    <t>-0.02471437499506024</t>
  </si>
  <si>
    <t>17.953128814697266</t>
  </si>
  <si>
    <t>832.9540405273438</t>
  </si>
  <si>
    <t>-0.005211991572958041</t>
  </si>
  <si>
    <t>25002</t>
  </si>
  <si>
    <t>17.978261947631836</t>
  </si>
  <si>
    <t>856.3485717773438</t>
  </si>
  <si>
    <t>-0.025314808219771834</t>
  </si>
  <si>
    <t>25203</t>
  </si>
  <si>
    <t>17.831645965576172</t>
  </si>
  <si>
    <t>811.095703125</t>
  </si>
  <si>
    <t>0.008007213382448697</t>
  </si>
  <si>
    <t>25574</t>
  </si>
  <si>
    <t>17.983858108520508</t>
  </si>
  <si>
    <t>494.9727783203125</t>
  </si>
  <si>
    <t>0.014613175338157092</t>
  </si>
  <si>
    <t>17.7773494720459</t>
  </si>
  <si>
    <t>909.7919311523438</t>
  </si>
  <si>
    <t>0.006741905079181265</t>
  </si>
  <si>
    <t>18.086984634399414</t>
  </si>
  <si>
    <t>579.7340087890625</t>
  </si>
  <si>
    <t>0.016066304630808048</t>
  </si>
  <si>
    <t>17.96315574645996</t>
  </si>
  <si>
    <t>753.3333129882812</t>
  </si>
  <si>
    <t>-0.06200389775996307</t>
  </si>
  <si>
    <t>26753</t>
  </si>
  <si>
    <t>17.949743270874023</t>
  </si>
  <si>
    <t>797.8126831054688</t>
  </si>
  <si>
    <t>0.08426609424743425</t>
  </si>
  <si>
    <t>18.460031509399414</t>
  </si>
  <si>
    <t>632.2713623046875</t>
  </si>
  <si>
    <t>0.03910856990885847</t>
  </si>
  <si>
    <t>923.0999755859375</t>
  </si>
  <si>
    <t>57.32810592651367</t>
  </si>
  <si>
    <t>Modena</t>
  </si>
  <si>
    <t>48515</t>
  </si>
  <si>
    <t>0.01440815491332792</t>
  </si>
  <si>
    <t>0.007474827911664761</t>
  </si>
  <si>
    <t>48424</t>
  </si>
  <si>
    <t>914.699951171875</t>
  </si>
  <si>
    <t>-0.009352297799543052</t>
  </si>
  <si>
    <t>49448</t>
  </si>
  <si>
    <t>798.1000366210938</t>
  </si>
  <si>
    <t>0.02092605376758705</t>
  </si>
  <si>
    <t>50866</t>
  </si>
  <si>
    <t>0.02827311157949275</t>
  </si>
  <si>
    <t>51486</t>
  </si>
  <si>
    <t>1117.7000732421875</t>
  </si>
  <si>
    <t>0.012115202116573798</t>
  </si>
  <si>
    <t>0.017424894797063217</t>
  </si>
  <si>
    <t>53314</t>
  </si>
  <si>
    <t>854.3999633789062</t>
  </si>
  <si>
    <t>0.017464139996608452</t>
  </si>
  <si>
    <t>0.015762131397785595</t>
  </si>
  <si>
    <t>56176</t>
  </si>
  <si>
    <t>954.300048828125</t>
  </si>
  <si>
    <t>0.03652852718158073</t>
  </si>
  <si>
    <t>56355</t>
  </si>
  <si>
    <t>0.003181348267965234</t>
  </si>
  <si>
    <t>55196</t>
  </si>
  <si>
    <t>1109.9000244140625</t>
  </si>
  <si>
    <t>-0.020780480804734935</t>
  </si>
  <si>
    <t>672.800048828125</t>
  </si>
  <si>
    <t>-0.031152759793121376</t>
  </si>
  <si>
    <t>52907</t>
  </si>
  <si>
    <t>-0.011202071844355288</t>
  </si>
  <si>
    <t>53313</t>
  </si>
  <si>
    <t>0.0076445486196288215</t>
  </si>
  <si>
    <t>0.036339508048310876</t>
  </si>
  <si>
    <t>57892</t>
  </si>
  <si>
    <t>730.7000122070312</t>
  </si>
  <si>
    <t>0.046059493855587164</t>
  </si>
  <si>
    <t>57740</t>
  </si>
  <si>
    <t>928.7000122070312</t>
  </si>
  <si>
    <t>-0.0026290315405681497</t>
  </si>
  <si>
    <t>52117</t>
  </si>
  <si>
    <t>-0.10245898311288215</t>
  </si>
  <si>
    <t>1047.5</t>
  </si>
  <si>
    <t>0.002357293846268149</t>
  </si>
  <si>
    <t>51750</t>
  </si>
  <si>
    <t>-0.009424052822696538</t>
  </si>
  <si>
    <t>50911</t>
  </si>
  <si>
    <t>898.5999755859375</t>
  </si>
  <si>
    <t>-0.016345421917762337</t>
  </si>
  <si>
    <t>50795</t>
  </si>
  <si>
    <t>1088.699951171875</t>
  </si>
  <si>
    <t>-0.0022810856842081506</t>
  </si>
  <si>
    <t>1081.5</t>
  </si>
  <si>
    <t>0.018510558851188463</t>
  </si>
  <si>
    <t>51885</t>
  </si>
  <si>
    <t>0.002721247662545778</t>
  </si>
  <si>
    <t>0.03893527794606122</t>
  </si>
  <si>
    <t>55344</t>
  </si>
  <si>
    <t>0.02560324319150986</t>
  </si>
  <si>
    <t>54637</t>
  </si>
  <si>
    <t>732.0999145507812</t>
  </si>
  <si>
    <t>-0.012856943271229326</t>
  </si>
  <si>
    <t>53282</t>
  </si>
  <si>
    <t>-0.025112745858429264</t>
  </si>
  <si>
    <t>49247</t>
  </si>
  <si>
    <t>881.2000732421875</t>
  </si>
  <si>
    <t>-0.07875011100795604</t>
  </si>
  <si>
    <t>53578</t>
  </si>
  <si>
    <t>624.8999633789062</t>
  </si>
  <si>
    <t>0.08429008400162452</t>
  </si>
  <si>
    <t>55714</t>
  </si>
  <si>
    <t>695.9999389648438</t>
  </si>
  <si>
    <t>0.03909292579127843</t>
  </si>
  <si>
    <t>41811</t>
  </si>
  <si>
    <t>823.8999633789062</t>
  </si>
  <si>
    <t>353.4770812988281</t>
  </si>
  <si>
    <t>Padua</t>
  </si>
  <si>
    <t>0.01441333764767272</t>
  </si>
  <si>
    <t>13.88333511352539</t>
  </si>
  <si>
    <t>872.60009765625</t>
  </si>
  <si>
    <t>0.0074688559144515665</t>
  </si>
  <si>
    <t>42339</t>
  </si>
  <si>
    <t>13.525001525878906</t>
  </si>
  <si>
    <t>860.8999633789062</t>
  </si>
  <si>
    <t>-0.00933300926762648</t>
  </si>
  <si>
    <t>43234</t>
  </si>
  <si>
    <t>783.4999389648438</t>
  </si>
  <si>
    <t>0.020918575635882064</t>
  </si>
  <si>
    <t>44474</t>
  </si>
  <si>
    <t>1053.4000244140625</t>
  </si>
  <si>
    <t>0.028277526021378563</t>
  </si>
  <si>
    <t>45016</t>
  </si>
  <si>
    <t>1075.900146484375</t>
  </si>
  <si>
    <t>0.012113233373737486</t>
  </si>
  <si>
    <t>45807</t>
  </si>
  <si>
    <t>14.03333568572998</t>
  </si>
  <si>
    <t>0.01741893573850639</t>
  </si>
  <si>
    <t>46614</t>
  </si>
  <si>
    <t>0.01746400732685416</t>
  </si>
  <si>
    <t>47355</t>
  </si>
  <si>
    <t>819.7999877929688</t>
  </si>
  <si>
    <t>0.0157714854817268</t>
  </si>
  <si>
    <t>49116</t>
  </si>
  <si>
    <t>14.575000762939453</t>
  </si>
  <si>
    <t>943.7000732421875</t>
  </si>
  <si>
    <t>0.03651243662020143</t>
  </si>
  <si>
    <t>48902</t>
  </si>
  <si>
    <t>13.666665077209473</t>
  </si>
  <si>
    <t>705.0000610351562</t>
  </si>
  <si>
    <t>-0.004366551858312917</t>
  </si>
  <si>
    <t>48117</t>
  </si>
  <si>
    <t>14.391666412353516</t>
  </si>
  <si>
    <t>-0.01618275041660233</t>
  </si>
  <si>
    <t>49099</t>
  </si>
  <si>
    <t>0.020203122970944065</t>
  </si>
  <si>
    <t>50322</t>
  </si>
  <si>
    <t>948.7001342773438</t>
  </si>
  <si>
    <t>0.0246036892360344</t>
  </si>
  <si>
    <t>50058</t>
  </si>
  <si>
    <t>13.108332633972168</t>
  </si>
  <si>
    <t>858.1998901367188</t>
  </si>
  <si>
    <t>-0.005260024082335946</t>
  </si>
  <si>
    <t>49645</t>
  </si>
  <si>
    <t>782.2000122070312</t>
  </si>
  <si>
    <t>-0.008284652662435832</t>
  </si>
  <si>
    <t>809.3001098632812</t>
  </si>
  <si>
    <t>0.00526359299463941</t>
  </si>
  <si>
    <t>13.749999046325684</t>
  </si>
  <si>
    <t>939.9000244140625</t>
  </si>
  <si>
    <t>-0.03341317614319017</t>
  </si>
  <si>
    <t>44511</t>
  </si>
  <si>
    <t>922.0999755859375</t>
  </si>
  <si>
    <t>-0.08101174770023967</t>
  </si>
  <si>
    <t>1052.2000732421875</t>
  </si>
  <si>
    <t>0.04824333334001629</t>
  </si>
  <si>
    <t>0.03452790311354548</t>
  </si>
  <si>
    <t>46748</t>
  </si>
  <si>
    <t>14.124999046325684</t>
  </si>
  <si>
    <t>864.5</t>
  </si>
  <si>
    <t>-0.03373611201941884</t>
  </si>
  <si>
    <t>45346</t>
  </si>
  <si>
    <t>1031.10009765625</t>
  </si>
  <si>
    <t>-0.03044950426645876</t>
  </si>
  <si>
    <t>14.750000953674316</t>
  </si>
  <si>
    <t>977.4998779296875</t>
  </si>
  <si>
    <t>0.002928711149255747</t>
  </si>
  <si>
    <t>680.0000610351562</t>
  </si>
  <si>
    <t>0.007273556001601733</t>
  </si>
  <si>
    <t>46981</t>
  </si>
  <si>
    <t>836.0999145507812</t>
  </si>
  <si>
    <t>0.025219027702391372</t>
  </si>
  <si>
    <t>0.019393116367973917</t>
  </si>
  <si>
    <t>48112</t>
  </si>
  <si>
    <t>0.0043952452204987225</t>
  </si>
  <si>
    <t>48777</t>
  </si>
  <si>
    <t>1053.2000732421875</t>
  </si>
  <si>
    <t>0.013727264035354736</t>
  </si>
  <si>
    <t>14.716666221618652</t>
  </si>
  <si>
    <t>-0.08324434767538946</t>
  </si>
  <si>
    <t>48827</t>
  </si>
  <si>
    <t>663.0</t>
  </si>
  <si>
    <t>0.08426889593926745</t>
  </si>
  <si>
    <t>50774</t>
  </si>
  <si>
    <t>15.366667747497559</t>
  </si>
  <si>
    <t>0.039100973995440214</t>
  </si>
  <si>
    <t>21572</t>
  </si>
  <si>
    <t>17.185544967651367</t>
  </si>
  <si>
    <t>638.778076171875</t>
  </si>
  <si>
    <t>303.1391296386719</t>
  </si>
  <si>
    <t>Palermo</t>
  </si>
  <si>
    <t>21886</t>
  </si>
  <si>
    <t>16.418132781982422</t>
  </si>
  <si>
    <t>636.4072265625</t>
  </si>
  <si>
    <t>0.014450985521271775</t>
  </si>
  <si>
    <t>16.777694702148438</t>
  </si>
  <si>
    <t>477.4239807128906</t>
  </si>
  <si>
    <t>0.00746543889660245</t>
  </si>
  <si>
    <t>17.03740882873535</t>
  </si>
  <si>
    <t>582.8536376953125</t>
  </si>
  <si>
    <t>-0.00934053948945568</t>
  </si>
  <si>
    <t>22306</t>
  </si>
  <si>
    <t>17.764402389526367</t>
  </si>
  <si>
    <t>449.7130432128906</t>
  </si>
  <si>
    <t>0.02088363816894656</t>
  </si>
  <si>
    <t>17.151596069335938</t>
  </si>
  <si>
    <t>513.4227905273438</t>
  </si>
  <si>
    <t>0.0282879288046054</t>
  </si>
  <si>
    <t>16.795129776000977</t>
  </si>
  <si>
    <t>676.880126953125</t>
  </si>
  <si>
    <t>0.01212871144661598</t>
  </si>
  <si>
    <t>23634</t>
  </si>
  <si>
    <t>17.265783309936523</t>
  </si>
  <si>
    <t>559.1207885742188</t>
  </si>
  <si>
    <t>0.017414012393256684</t>
  </si>
  <si>
    <t>17.080324172973633</t>
  </si>
  <si>
    <t>488.68328857421875</t>
  </si>
  <si>
    <t>0.017448643334946112</t>
  </si>
  <si>
    <t>17.532934188842773</t>
  </si>
  <si>
    <t>477.0352783203125</t>
  </si>
  <si>
    <t>0.01579968101486351</t>
  </si>
  <si>
    <t>25341</t>
  </si>
  <si>
    <t>17.87782859802246</t>
  </si>
  <si>
    <t>541.6405029296875</t>
  </si>
  <si>
    <t>0.03648895984683698</t>
  </si>
  <si>
    <t>27672</t>
  </si>
  <si>
    <t>17.579710006713867</t>
  </si>
  <si>
    <t>368.43243408203125</t>
  </si>
  <si>
    <t>0.08799743422139805</t>
  </si>
  <si>
    <t>27530</t>
  </si>
  <si>
    <t>17.56254005432129</t>
  </si>
  <si>
    <t>584.4339599609375</t>
  </si>
  <si>
    <t>-0.0051447524803514</t>
  </si>
  <si>
    <t>17.688154220581055</t>
  </si>
  <si>
    <t>621.8638305664062</t>
  </si>
  <si>
    <t>0.0013068101177307057</t>
  </si>
  <si>
    <t>17.13741111755371</t>
  </si>
  <si>
    <t>639.4610595703125</t>
  </si>
  <si>
    <t>0.013977172790466952</t>
  </si>
  <si>
    <t>17.05731964111328</t>
  </si>
  <si>
    <t>621.5913696289062</t>
  </si>
  <si>
    <t>0.03566599065538867</t>
  </si>
  <si>
    <t>17.905941009521484</t>
  </si>
  <si>
    <t>390.6314697265625</t>
  </si>
  <si>
    <t>0.018536782480627068</t>
  </si>
  <si>
    <t>29474</t>
  </si>
  <si>
    <t>17.496992111206055</t>
  </si>
  <si>
    <t>552.046875</t>
  </si>
  <si>
    <t>-0.0012545564076589244</t>
  </si>
  <si>
    <t>30392</t>
  </si>
  <si>
    <t>17.56565284729004</t>
  </si>
  <si>
    <t>565.94287109375</t>
  </si>
  <si>
    <t>0.030670897094253746</t>
  </si>
  <si>
    <t>17.609928131103516</t>
  </si>
  <si>
    <t>670.1873168945312</t>
  </si>
  <si>
    <t>-0.03168926168886621</t>
  </si>
  <si>
    <t>17.564424514770508</t>
  </si>
  <si>
    <t>558.6226196289062</t>
  </si>
  <si>
    <t>-0.005414714654712327</t>
  </si>
  <si>
    <t>17.429563522338867</t>
  </si>
  <si>
    <t>476.1015319824219</t>
  </si>
  <si>
    <t>-0.03715080635140389</t>
  </si>
  <si>
    <t>17.845613479614258</t>
  </si>
  <si>
    <t>494.7878723144531</t>
  </si>
  <si>
    <t>-0.02985618493928932</t>
  </si>
  <si>
    <t>26561</t>
  </si>
  <si>
    <t>17.651596069335938</t>
  </si>
  <si>
    <t>472.33056640625</t>
  </si>
  <si>
    <t>-0.030624473749176317</t>
  </si>
  <si>
    <t>17.92361068725586</t>
  </si>
  <si>
    <t>533.5682983398438</t>
  </si>
  <si>
    <t>-0.030116542177847094</t>
  </si>
  <si>
    <t>26273</t>
  </si>
  <si>
    <t>17.920127868652344</t>
  </si>
  <si>
    <t>476.21966552734375</t>
  </si>
  <si>
    <t>0.019214363558990755</t>
  </si>
  <si>
    <t>26010</t>
  </si>
  <si>
    <t>17.776596069335938</t>
  </si>
  <si>
    <t>450.4136962890625</t>
  </si>
  <si>
    <t>-0.010060716422460203</t>
  </si>
  <si>
    <t>17.875219345092773</t>
  </si>
  <si>
    <t>258.2469787597656</t>
  </si>
  <si>
    <t>0.019154099281172066</t>
  </si>
  <si>
    <t>17.677827835083008</t>
  </si>
  <si>
    <t>523.6646118164062</t>
  </si>
  <si>
    <t>0.002147581029989354</t>
  </si>
  <si>
    <t>27098</t>
  </si>
  <si>
    <t>17.985544204711914</t>
  </si>
  <si>
    <t>381.5498046875</t>
  </si>
  <si>
    <t>0.01967716465251712</t>
  </si>
  <si>
    <t>25272</t>
  </si>
  <si>
    <t>17.887409210205078</t>
  </si>
  <si>
    <t>399.55999755859375</t>
  </si>
  <si>
    <t>-0.06976286092445427</t>
  </si>
  <si>
    <t>17.930585861206055</t>
  </si>
  <si>
    <t>494.16680908203125</t>
  </si>
  <si>
    <t>0.08427073554944364</t>
  </si>
  <si>
    <t>28590</t>
  </si>
  <si>
    <t>18.434295654296875</t>
  </si>
  <si>
    <t>367.66448974609375</t>
  </si>
  <si>
    <t>0.039089207284991545</t>
  </si>
  <si>
    <t>46484</t>
  </si>
  <si>
    <t>12.833334922790527</t>
  </si>
  <si>
    <t>858.2000122070312</t>
  </si>
  <si>
    <t>183.60443115234375</t>
  </si>
  <si>
    <t>Parma</t>
  </si>
  <si>
    <t>47158</t>
  </si>
  <si>
    <t>0.014395498588228861</t>
  </si>
  <si>
    <t>47512</t>
  </si>
  <si>
    <t>12.724998474121094</t>
  </si>
  <si>
    <t>0.007478644764702835</t>
  </si>
  <si>
    <t>946.4000244140625</t>
  </si>
  <si>
    <t>-0.009346455300509149</t>
  </si>
  <si>
    <t>48065</t>
  </si>
  <si>
    <t>965.2999877929688</t>
  </si>
  <si>
    <t>0.020918406104728504</t>
  </si>
  <si>
    <t>49444</t>
  </si>
  <si>
    <t>1000.8999633789062</t>
  </si>
  <si>
    <t>0.028286454507798098</t>
  </si>
  <si>
    <t>50046</t>
  </si>
  <si>
    <t>1130.5999755859375</t>
  </si>
  <si>
    <t>0.012101866461952326</t>
  </si>
  <si>
    <t>50926</t>
  </si>
  <si>
    <t>12.97499942779541</t>
  </si>
  <si>
    <t>0.01743101615321052</t>
  </si>
  <si>
    <t>51823</t>
  </si>
  <si>
    <t>0.017460467523024548</t>
  </si>
  <si>
    <t>52646</t>
  </si>
  <si>
    <t>873.800048828125</t>
  </si>
  <si>
    <t>0.0157561961207886</t>
  </si>
  <si>
    <t>54605</t>
  </si>
  <si>
    <t>0.0365351913651395</t>
  </si>
  <si>
    <t>12.683334350585938</t>
  </si>
  <si>
    <t>0.02645762147755093</t>
  </si>
  <si>
    <t>1141.300048828125</t>
  </si>
  <si>
    <t>-0.004003079134452747</t>
  </si>
  <si>
    <t>55531</t>
  </si>
  <si>
    <t>748.2000732421875</t>
  </si>
  <si>
    <t>-0.005638572617611359</t>
  </si>
  <si>
    <t>55946</t>
  </si>
  <si>
    <t>936.2000122070312</t>
  </si>
  <si>
    <t>0.007445516423119969</t>
  </si>
  <si>
    <t>55033</t>
  </si>
  <si>
    <t>816.0</t>
  </si>
  <si>
    <t>-0.016453934493860345</t>
  </si>
  <si>
    <t>55628</t>
  </si>
  <si>
    <t>13.508332252502441</t>
  </si>
  <si>
    <t>0.010753666311925869</t>
  </si>
  <si>
    <t>56643</t>
  </si>
  <si>
    <t>0.01808174246814076</t>
  </si>
  <si>
    <t>55273</t>
  </si>
  <si>
    <t>12.741667747497559</t>
  </si>
  <si>
    <t>-0.024483870718356116</t>
  </si>
  <si>
    <t>52986</t>
  </si>
  <si>
    <t>-0.042256815651429136</t>
  </si>
  <si>
    <t>54693</t>
  </si>
  <si>
    <t>0.031708002774717414</t>
  </si>
  <si>
    <t>54097</t>
  </si>
  <si>
    <t>13.574999809265137</t>
  </si>
  <si>
    <t>-0.01095699903963343</t>
  </si>
  <si>
    <t>53305</t>
  </si>
  <si>
    <t>13.000000953674316</t>
  </si>
  <si>
    <t>894.599853515625</t>
  </si>
  <si>
    <t>-0.014748596047365226</t>
  </si>
  <si>
    <t>51573</t>
  </si>
  <si>
    <t>1069.7999267578125</t>
  </si>
  <si>
    <t>-0.03303185567497202</t>
  </si>
  <si>
    <t>51348</t>
  </si>
  <si>
    <t>-0.004372292504786657</t>
  </si>
  <si>
    <t>51565</t>
  </si>
  <si>
    <t>0.004217160545351817</t>
  </si>
  <si>
    <t>52115</t>
  </si>
  <si>
    <t>0.0106096674232532</t>
  </si>
  <si>
    <t>0.019044212478455336</t>
  </si>
  <si>
    <t>54133</t>
  </si>
  <si>
    <t>897.699951171875</t>
  </si>
  <si>
    <t>0.018946953735300198</t>
  </si>
  <si>
    <t>54464</t>
  </si>
  <si>
    <t>0.006095951545868061</t>
  </si>
  <si>
    <t>51102</t>
  </si>
  <si>
    <t>928.2000122070312</t>
  </si>
  <si>
    <t>-0.06371629756391073</t>
  </si>
  <si>
    <t>55595</t>
  </si>
  <si>
    <t>0.08426963376821384</t>
  </si>
  <si>
    <t>57811</t>
  </si>
  <si>
    <t>14.6083345413208</t>
  </si>
  <si>
    <t>619.5</t>
  </si>
  <si>
    <t>0.03908579983488458</t>
  </si>
  <si>
    <t>13.542716979980469</t>
  </si>
  <si>
    <t>948.7384033203125</t>
  </si>
  <si>
    <t>1105.5772705078125</t>
  </si>
  <si>
    <t>Pavia</t>
  </si>
  <si>
    <t>37438</t>
  </si>
  <si>
    <t>12.669482231140137</t>
  </si>
  <si>
    <t>866.4008178710938</t>
  </si>
  <si>
    <t>0.014420481259447726</t>
  </si>
  <si>
    <t>13.336148262023926</t>
  </si>
  <si>
    <t>1081.921630859375</t>
  </si>
  <si>
    <t>0.007451202711035165</t>
  </si>
  <si>
    <t>37368</t>
  </si>
  <si>
    <t>12.841445922851562</t>
  </si>
  <si>
    <t>1098.339111328125</t>
  </si>
  <si>
    <t>-0.009322710890366182</t>
  </si>
  <si>
    <t>38157</t>
  </si>
  <si>
    <t>13.934382438659668</t>
  </si>
  <si>
    <t>985.1307983398438</t>
  </si>
  <si>
    <t>0.02089450393765091</t>
  </si>
  <si>
    <t>39252</t>
  </si>
  <si>
    <t>13.412914276123047</t>
  </si>
  <si>
    <t>1046.3614501953125</t>
  </si>
  <si>
    <t>0.02829317120678887</t>
  </si>
  <si>
    <t>39730</t>
  </si>
  <si>
    <t>12.48134708404541</t>
  </si>
  <si>
    <t>1118.3724365234375</t>
  </si>
  <si>
    <t>0.012104171482260284</t>
  </si>
  <si>
    <t>40428</t>
  </si>
  <si>
    <t>14.021247863769531</t>
  </si>
  <si>
    <t>840.907470703125</t>
  </si>
  <si>
    <t>0.017416044385909046</t>
  </si>
  <si>
    <t>41141</t>
  </si>
  <si>
    <t>13.521248817443848</t>
  </si>
  <si>
    <t>916.0398559570312</t>
  </si>
  <si>
    <t>0.017482576960537344</t>
  </si>
  <si>
    <t>41795</t>
  </si>
  <si>
    <t>13.6129150390625</t>
  </si>
  <si>
    <t>951.1775512695312</t>
  </si>
  <si>
    <t>0.015771523978166613</t>
  </si>
  <si>
    <t>14.074283599853516</t>
  </si>
  <si>
    <t>1268.8238525390625</t>
  </si>
  <si>
    <t>0.03650691975860987</t>
  </si>
  <si>
    <t>45502</t>
  </si>
  <si>
    <t>13.386149406433105</t>
  </si>
  <si>
    <t>724.398681640625</t>
  </si>
  <si>
    <t>0.04847264612509328</t>
  </si>
  <si>
    <t>13.748013496398926</t>
  </si>
  <si>
    <t>1309.414306640625</t>
  </si>
  <si>
    <t>-0.0002857425479110276</t>
  </si>
  <si>
    <t>44920</t>
  </si>
  <si>
    <t>14.046248435974121</t>
  </si>
  <si>
    <t>681.2158203125</t>
  </si>
  <si>
    <t>-0.012587408616669293</t>
  </si>
  <si>
    <t>44626</t>
  </si>
  <si>
    <t>13.40584945678711</t>
  </si>
  <si>
    <t>833.2740478515625</t>
  </si>
  <si>
    <t>-0.006566481057930673</t>
  </si>
  <si>
    <t>42483</t>
  </si>
  <si>
    <t>13.151049613952637</t>
  </si>
  <si>
    <t>832.2933959960938</t>
  </si>
  <si>
    <t>-0.049212652903280585</t>
  </si>
  <si>
    <t>14.304581642150879</t>
  </si>
  <si>
    <t>789.5880737304688</t>
  </si>
  <si>
    <t>0.0056334209963697646</t>
  </si>
  <si>
    <t>13.766446113586426</t>
  </si>
  <si>
    <t>731.3273315429688</t>
  </si>
  <si>
    <t>0.006160327497173768</t>
  </si>
  <si>
    <t>39380</t>
  </si>
  <si>
    <t>13.121247291564941</t>
  </si>
  <si>
    <t>1229.096923828125</t>
  </si>
  <si>
    <t>-0.08763967119159588</t>
  </si>
  <si>
    <t>13.827816009521484</t>
  </si>
  <si>
    <t>1035.4404296875</t>
  </si>
  <si>
    <t>-0.10713964943503562</t>
  </si>
  <si>
    <t>35806</t>
  </si>
  <si>
    <t>12.929580688476562</t>
  </si>
  <si>
    <t>1075.7916259765625</t>
  </si>
  <si>
    <t>0.011997053353137943</t>
  </si>
  <si>
    <t>36847</t>
  </si>
  <si>
    <t>14.308113098144531</t>
  </si>
  <si>
    <t>896.6427612304688</t>
  </si>
  <si>
    <t>0.028658727066011025</t>
  </si>
  <si>
    <t>34803</t>
  </si>
  <si>
    <t>13.571247100830078</t>
  </si>
  <si>
    <t>1013.2783203125</t>
  </si>
  <si>
    <t>-0.05707061423371229</t>
  </si>
  <si>
    <t>13.339680671691895</t>
  </si>
  <si>
    <t>1245.5802001953125</t>
  </si>
  <si>
    <t>-0.022167286256205898</t>
  </si>
  <si>
    <t>35072</t>
  </si>
  <si>
    <t>14.387913703918457</t>
  </si>
  <si>
    <t>1079.824462890625</t>
  </si>
  <si>
    <t>0.0298667876203762</t>
  </si>
  <si>
    <t>14.412915229797363</t>
  </si>
  <si>
    <t>826.5559692382812</t>
  </si>
  <si>
    <t>-0.0022836273911384097</t>
  </si>
  <si>
    <t>13.626545906066895</t>
  </si>
  <si>
    <t>885.1067504882812</t>
  </si>
  <si>
    <t>-0.030083345368657533</t>
  </si>
  <si>
    <t>14.489680290222168</t>
  </si>
  <si>
    <t>776.8009033203125</t>
  </si>
  <si>
    <t>0.02730743390335988</t>
  </si>
  <si>
    <t>35271</t>
  </si>
  <si>
    <t>14.444483757019043</t>
  </si>
  <si>
    <t>982.7852172851562</t>
  </si>
  <si>
    <t>0.01071754408459924</t>
  </si>
  <si>
    <t>14.598013877868652</t>
  </si>
  <si>
    <t>1090.5343017578125</t>
  </si>
  <si>
    <t>0.01575234394666758</t>
  </si>
  <si>
    <t>14.50634765625</t>
  </si>
  <si>
    <t>1039.6300048828125</t>
  </si>
  <si>
    <t>-0.0958517570355859</t>
  </si>
  <si>
    <t>13.659878730773926</t>
  </si>
  <si>
    <t>799.0446166992188</t>
  </si>
  <si>
    <t>0.08425848202181285</t>
  </si>
  <si>
    <t>15.287915229797363</t>
  </si>
  <si>
    <t>746.61962890625</t>
  </si>
  <si>
    <t>0.03909256497036573</t>
  </si>
  <si>
    <t>1609</t>
  </si>
  <si>
    <t>36489</t>
  </si>
  <si>
    <t>12.909527778625488</t>
  </si>
  <si>
    <t>813.33251953125</t>
  </si>
  <si>
    <t>326.55224609375</t>
  </si>
  <si>
    <t>Perugia</t>
  </si>
  <si>
    <t>37019</t>
  </si>
  <si>
    <t>12.001263618469238</t>
  </si>
  <si>
    <t>1008.9625854492188</t>
  </si>
  <si>
    <t>0.014420449050385642</t>
  </si>
  <si>
    <t>13.068938255310059</t>
  </si>
  <si>
    <t>916.5691528320312</t>
  </si>
  <si>
    <t>0.007454787938607765</t>
  </si>
  <si>
    <t>12.522995948791504</t>
  </si>
  <si>
    <t>833.0558471679688</t>
  </si>
  <si>
    <t>-0.009320434899191099</t>
  </si>
  <si>
    <t>37731</t>
  </si>
  <si>
    <t>13.407771110534668</t>
  </si>
  <si>
    <t>731.46044921875</t>
  </si>
  <si>
    <t>0.020916390338918234</t>
  </si>
  <si>
    <t>38813</t>
  </si>
  <si>
    <t>12.516578674316406</t>
  </si>
  <si>
    <t>919.2249145507812</t>
  </si>
  <si>
    <t>0.02827320432525582</t>
  </si>
  <si>
    <t>11.829564094543457</t>
  </si>
  <si>
    <t>1137.497802734375</t>
  </si>
  <si>
    <t>0.012112979253700473</t>
  </si>
  <si>
    <t>13.135161399841309</t>
  </si>
  <si>
    <t>799.805419921875</t>
  </si>
  <si>
    <t>0.01741105272981791</t>
  </si>
  <si>
    <t>12.727665901184082</t>
  </si>
  <si>
    <t>934.299072265625</t>
  </si>
  <si>
    <t>0.017481878940548867</t>
  </si>
  <si>
    <t>41327</t>
  </si>
  <si>
    <t>12.484642028808594</t>
  </si>
  <si>
    <t>898.0052490234375</t>
  </si>
  <si>
    <t>0.015754886407750135</t>
  </si>
  <si>
    <t>42865</t>
  </si>
  <si>
    <t>13.59002685546875</t>
  </si>
  <si>
    <t>906.7093505859375</t>
  </si>
  <si>
    <t>0.036539602740516486</t>
  </si>
  <si>
    <t>43446</t>
  </si>
  <si>
    <t>12.716060638427734</t>
  </si>
  <si>
    <t>691.9827270507812</t>
  </si>
  <si>
    <t>0.01346314550401928</t>
  </si>
  <si>
    <t>43127</t>
  </si>
  <si>
    <t>13.363109588623047</t>
  </si>
  <si>
    <t>1006.9114379882812</t>
  </si>
  <si>
    <t>-0.007369536546990574</t>
  </si>
  <si>
    <t>42904</t>
  </si>
  <si>
    <t>13.26952838897705</t>
  </si>
  <si>
    <t>667.073974609375</t>
  </si>
  <si>
    <t>-0.00518418940712273</t>
  </si>
  <si>
    <t>43029</t>
  </si>
  <si>
    <t>12.655993461608887</t>
  </si>
  <si>
    <t>849.5186157226562</t>
  </si>
  <si>
    <t>0.0029092452995609364</t>
  </si>
  <si>
    <t>43063</t>
  </si>
  <si>
    <t>12.138279914855957</t>
  </si>
  <si>
    <t>1011.1122436523438</t>
  </si>
  <si>
    <t>0.0007898527567640201</t>
  </si>
  <si>
    <t>13.490883827209473</t>
  </si>
  <si>
    <t>715.9965209960938</t>
  </si>
  <si>
    <t>0.012232427269719182</t>
  </si>
  <si>
    <t>13.30318546295166</t>
  </si>
  <si>
    <t>738.3209838867188</t>
  </si>
  <si>
    <t>-0.001469204368870436</t>
  </si>
  <si>
    <t>12.814299583435059</t>
  </si>
  <si>
    <t>971.0593872070312</t>
  </si>
  <si>
    <t>-0.013670167890424523</t>
  </si>
  <si>
    <t>39071</t>
  </si>
  <si>
    <t>13.086699485778809</t>
  </si>
  <si>
    <t>834.4843139648438</t>
  </si>
  <si>
    <t>-0.09437671092219979</t>
  </si>
  <si>
    <t>39309</t>
  </si>
  <si>
    <t>12.33408260345459</t>
  </si>
  <si>
    <t>1035.842529296875</t>
  </si>
  <si>
    <t>0.006072996465384506</t>
  </si>
  <si>
    <t>39270</t>
  </si>
  <si>
    <t>13.707186698913574</t>
  </si>
  <si>
    <t>614.1719360351562</t>
  </si>
  <si>
    <t>-0.0009926317006403451</t>
  </si>
  <si>
    <t>37852</t>
  </si>
  <si>
    <t>13.149718284606934</t>
  </si>
  <si>
    <t>711.8135986328125</t>
  </si>
  <si>
    <t>-0.03677704994393238</t>
  </si>
  <si>
    <t>36636</t>
  </si>
  <si>
    <t>13.020216941833496</t>
  </si>
  <si>
    <t>840.902099609375</t>
  </si>
  <si>
    <t>-0.032652455105244726</t>
  </si>
  <si>
    <t>35480</t>
  </si>
  <si>
    <t>13.86849594116211</t>
  </si>
  <si>
    <t>910.0516357421875</t>
  </si>
  <si>
    <t>-0.032062206099363166</t>
  </si>
  <si>
    <t>13.840714454650879</t>
  </si>
  <si>
    <t>534.863037109375</t>
  </si>
  <si>
    <t>0.019150293521409623</t>
  </si>
  <si>
    <t>13.198528289794922</t>
  </si>
  <si>
    <t>625.3932495117188</t>
  </si>
  <si>
    <t>-0.006519018329308679</t>
  </si>
  <si>
    <t>13.787426948547363</t>
  </si>
  <si>
    <t>499.6695251464844</t>
  </si>
  <si>
    <t>0.012226308528697771</t>
  </si>
  <si>
    <t>37267</t>
  </si>
  <si>
    <t>13.922982215881348</t>
  </si>
  <si>
    <t>787.1145629882812</t>
  </si>
  <si>
    <t>0.024281475394538177</t>
  </si>
  <si>
    <t>37850</t>
  </si>
  <si>
    <t>14.275420188903809</t>
  </si>
  <si>
    <t>960.3330078125</t>
  </si>
  <si>
    <t>0.015522763326742961</t>
  </si>
  <si>
    <t>13.767765998840332</t>
  </si>
  <si>
    <t>842.6110229492188</t>
  </si>
  <si>
    <t>-0.09325153408796538</t>
  </si>
  <si>
    <t>37511</t>
  </si>
  <si>
    <t>13.365670204162598</t>
  </si>
  <si>
    <t>593.9166259765625</t>
  </si>
  <si>
    <t>0.08425477750039434</t>
  </si>
  <si>
    <t>39007</t>
  </si>
  <si>
    <t>14.42821216583252</t>
  </si>
  <si>
    <t>611.5714721679688</t>
  </si>
  <si>
    <t>0.039106893907350226</t>
  </si>
  <si>
    <t>32077</t>
  </si>
  <si>
    <t>163.4469451904297</t>
  </si>
  <si>
    <t>Pesaro e Urbino</t>
  </si>
  <si>
    <t>0.01439230030120342</t>
  </si>
  <si>
    <t>32786</t>
  </si>
  <si>
    <t>883.0</t>
  </si>
  <si>
    <t>0.0074700322871361635</t>
  </si>
  <si>
    <t>32481</t>
  </si>
  <si>
    <t>866.2000122070312</t>
  </si>
  <si>
    <t>-0.009346292007393231</t>
  </si>
  <si>
    <t>33168</t>
  </si>
  <si>
    <t>14.483332633972168</t>
  </si>
  <si>
    <t>0.020930252696553353</t>
  </si>
  <si>
    <t>34119</t>
  </si>
  <si>
    <t>13.59999942779541</t>
  </si>
  <si>
    <t>1041.199951171875</t>
  </si>
  <si>
    <t>0.028268858176993206</t>
  </si>
  <si>
    <t>12.899998664855957</t>
  </si>
  <si>
    <t>0.012118888670519468</t>
  </si>
  <si>
    <t>35142</t>
  </si>
  <si>
    <t>14.158333778381348</t>
  </si>
  <si>
    <t>729.7000122070312</t>
  </si>
  <si>
    <t>0.01742369379476294</t>
  </si>
  <si>
    <t>0.01746091778443848</t>
  </si>
  <si>
    <t>837.7999877929688</t>
  </si>
  <si>
    <t>0.015785932112972745</t>
  </si>
  <si>
    <t>936.5999755859375</t>
  </si>
  <si>
    <t>0.03651214240102263</t>
  </si>
  <si>
    <t>40100</t>
  </si>
  <si>
    <t>0.06222034567839074</t>
  </si>
  <si>
    <t>40828</t>
  </si>
  <si>
    <t>0.017991786228728657</t>
  </si>
  <si>
    <t>39763</t>
  </si>
  <si>
    <t>-0.026431288882994508</t>
  </si>
  <si>
    <t>0.0008547009067321198</t>
  </si>
  <si>
    <t>875.9999389648438</t>
  </si>
  <si>
    <t>0.023050621923118797</t>
  </si>
  <si>
    <t>42301</t>
  </si>
  <si>
    <t>14.566668510437012</t>
  </si>
  <si>
    <t>0.037968571946626284</t>
  </si>
  <si>
    <t>41830</t>
  </si>
  <si>
    <t>728.4000244140625</t>
  </si>
  <si>
    <t>-0.011196940980628511</t>
  </si>
  <si>
    <t>40478</t>
  </si>
  <si>
    <t>-0.03285516881009265</t>
  </si>
  <si>
    <t>38345</t>
  </si>
  <si>
    <t>818.2001342773438</t>
  </si>
  <si>
    <t>-0.054134475427192186</t>
  </si>
  <si>
    <t>38670</t>
  </si>
  <si>
    <t>1101.10009765625</t>
  </si>
  <si>
    <t>0.008439964402382927</t>
  </si>
  <si>
    <t>0.008241097375300654</t>
  </si>
  <si>
    <t>-0.047722511692040115</t>
  </si>
  <si>
    <t>-0.032591669947848345</t>
  </si>
  <si>
    <t>835.4000854492188</t>
  </si>
  <si>
    <t>0.011330469968825696</t>
  </si>
  <si>
    <t>36957</t>
  </si>
  <si>
    <t>0.015433583324503175</t>
  </si>
  <si>
    <t>0.01860443967020231</t>
  </si>
  <si>
    <t>37828</t>
  </si>
  <si>
    <t>522.0999755859375</t>
  </si>
  <si>
    <t>0.004690054835117863</t>
  </si>
  <si>
    <t>38582</t>
  </si>
  <si>
    <t>14.974998474121094</t>
  </si>
  <si>
    <t>0.019736277312430772</t>
  </si>
  <si>
    <t>39301</t>
  </si>
  <si>
    <t>971.7000732421875</t>
  </si>
  <si>
    <t>0.01846411737841258</t>
  </si>
  <si>
    <t>749.7000122070312</t>
  </si>
  <si>
    <t>-0.08534498535800239</t>
  </si>
  <si>
    <t>588.3999633789062</t>
  </si>
  <si>
    <t>0.0842757388202866</t>
  </si>
  <si>
    <t>0.03908942645527702</t>
  </si>
  <si>
    <t>41048</t>
  </si>
  <si>
    <t>949.1000366210938</t>
  </si>
  <si>
    <t>56.263710021972656</t>
  </si>
  <si>
    <t>Piacenza</t>
  </si>
  <si>
    <t>920.1000366210938</t>
  </si>
  <si>
    <t>0.014415186972842164</t>
  </si>
  <si>
    <t>41956</t>
  </si>
  <si>
    <t>0.007464149486851923</t>
  </si>
  <si>
    <t>41566</t>
  </si>
  <si>
    <t>896.2999267578125</t>
  </si>
  <si>
    <t>-0.009338924702475992</t>
  </si>
  <si>
    <t>42444</t>
  </si>
  <si>
    <t>903.7000732421875</t>
  </si>
  <si>
    <t>0.02090303461446119</t>
  </si>
  <si>
    <t>43662</t>
  </si>
  <si>
    <t>942.5</t>
  </si>
  <si>
    <t>0.02829259858166111</t>
  </si>
  <si>
    <t>1244.5</t>
  </si>
  <si>
    <t>0.012110874669909677</t>
  </si>
  <si>
    <t>44970</t>
  </si>
  <si>
    <t>829.8999633789062</t>
  </si>
  <si>
    <t>0.01740656751970171</t>
  </si>
  <si>
    <t>45763</t>
  </si>
  <si>
    <t>0.01748030358056063</t>
  </si>
  <si>
    <t>46490</t>
  </si>
  <si>
    <t>1008.0999755859375</t>
  </si>
  <si>
    <t>0.015761331339316342</t>
  </si>
  <si>
    <t>48220</t>
  </si>
  <si>
    <t>972.4000244140625</t>
  </si>
  <si>
    <t>0.036536637050533116</t>
  </si>
  <si>
    <t>49366</t>
  </si>
  <si>
    <t>828.5000610351562</t>
  </si>
  <si>
    <t>0.023488055372506977</t>
  </si>
  <si>
    <t>49971</t>
  </si>
  <si>
    <t>0.012180909037548204</t>
  </si>
  <si>
    <t>802.1000366210938</t>
  </si>
  <si>
    <t>-0.0012815636828840127</t>
  </si>
  <si>
    <t>50365</t>
  </si>
  <si>
    <t>0.00913521591444777</t>
  </si>
  <si>
    <t>49862</t>
  </si>
  <si>
    <t>11.166665077209473</t>
  </si>
  <si>
    <t>1115.5999755859375</t>
  </si>
  <si>
    <t>-0.010037299789230403</t>
  </si>
  <si>
    <t>52649</t>
  </si>
  <si>
    <t>0.05438805544186742</t>
  </si>
  <si>
    <t>54552</t>
  </si>
  <si>
    <t>0.035507130171069434</t>
  </si>
  <si>
    <t>50187</t>
  </si>
  <si>
    <t>1119.300048828125</t>
  </si>
  <si>
    <t>-0.08339834620109698</t>
  </si>
  <si>
    <t>998.5000610351562</t>
  </si>
  <si>
    <t>-0.10178696406449639</t>
  </si>
  <si>
    <t>-0.054724348178258</t>
  </si>
  <si>
    <t>778.800048828125</t>
  </si>
  <si>
    <t>0.06772136411328589</t>
  </si>
  <si>
    <t>44937</t>
  </si>
  <si>
    <t>971.7999267578125</t>
  </si>
  <si>
    <t>-0.021704572033094394</t>
  </si>
  <si>
    <t>44318</t>
  </si>
  <si>
    <t>1043.300048828125</t>
  </si>
  <si>
    <t>-0.013870593787677521</t>
  </si>
  <si>
    <t>44737</t>
  </si>
  <si>
    <t>12.441668510437012</t>
  </si>
  <si>
    <t>1028.9000244140625</t>
  </si>
  <si>
    <t>0.009409984656445047</t>
  </si>
  <si>
    <t>44669</t>
  </si>
  <si>
    <t>12.475001335144043</t>
  </si>
  <si>
    <t>673.2999877929688</t>
  </si>
  <si>
    <t>-0.0015211509990855632</t>
  </si>
  <si>
    <t>0.002973032557246569</t>
  </si>
  <si>
    <t>45571</t>
  </si>
  <si>
    <t>605.9000244140625</t>
  </si>
  <si>
    <t>0.017018768014974484</t>
  </si>
  <si>
    <t>46750</t>
  </si>
  <si>
    <t>0.025542706438102414</t>
  </si>
  <si>
    <t>47439</t>
  </si>
  <si>
    <t>1013.8999633789062</t>
  </si>
  <si>
    <t>0.014630419474592316</t>
  </si>
  <si>
    <t>44814</t>
  </si>
  <si>
    <t>933.7000122070312</t>
  </si>
  <si>
    <t>-0.056924084606304604</t>
  </si>
  <si>
    <t>0.08428716568409733</t>
  </si>
  <si>
    <t>50698</t>
  </si>
  <si>
    <t>642.5</t>
  </si>
  <si>
    <t>0.039078705800218216</t>
  </si>
  <si>
    <t>1613</t>
  </si>
  <si>
    <t>38928</t>
  </si>
  <si>
    <t>14.979422569274902</t>
  </si>
  <si>
    <t>952.822265625</t>
  </si>
  <si>
    <t>825.9183349609375</t>
  </si>
  <si>
    <t>Pisa</t>
  </si>
  <si>
    <t>14.124068260192871</t>
  </si>
  <si>
    <t>827.6482543945312</t>
  </si>
  <si>
    <t>0.014409654971569097</t>
  </si>
  <si>
    <t>39789</t>
  </si>
  <si>
    <t>15.16763973236084</t>
  </si>
  <si>
    <t>891.968994140625</t>
  </si>
  <si>
    <t>0.007467051167589389</t>
  </si>
  <si>
    <t>39419</t>
  </si>
  <si>
    <t>14.585371971130371</t>
  </si>
  <si>
    <t>904.3441772460938</t>
  </si>
  <si>
    <t>-0.009342558611107776</t>
  </si>
  <si>
    <t>40252</t>
  </si>
  <si>
    <t>15.491681098937988</t>
  </si>
  <si>
    <t>737.6134643554688</t>
  </si>
  <si>
    <t>0.020911758501869215</t>
  </si>
  <si>
    <t>14.582874298095703</t>
  </si>
  <si>
    <t>940.1022338867188</t>
  </si>
  <si>
    <t>0.028290256593013652</t>
  </si>
  <si>
    <t>13.960982322692871</t>
  </si>
  <si>
    <t>1081.5328369140625</t>
  </si>
  <si>
    <t>0.012122233441818508</t>
  </si>
  <si>
    <t>42648</t>
  </si>
  <si>
    <t>15.210379600524902</t>
  </si>
  <si>
    <t>770.3997192382812</t>
  </si>
  <si>
    <t>0.01740819741454125</t>
  </si>
  <si>
    <t>14.772034645080566</t>
  </si>
  <si>
    <t>777.3025512695312</t>
  </si>
  <si>
    <t>0.017456019845786486</t>
  </si>
  <si>
    <t>44089</t>
  </si>
  <si>
    <t>14.612284660339355</t>
  </si>
  <si>
    <t>880.8685913085938</t>
  </si>
  <si>
    <t>0.015773918866367254</t>
  </si>
  <si>
    <t>45729</t>
  </si>
  <si>
    <t>15.658951759338379</t>
  </si>
  <si>
    <t>1028.6334228515625</t>
  </si>
  <si>
    <t>0.036522351715200685</t>
  </si>
  <si>
    <t>46580</t>
  </si>
  <si>
    <t>14.794659614562988</t>
  </si>
  <si>
    <t>681.613037109375</t>
  </si>
  <si>
    <t>0.018438594508380035</t>
  </si>
  <si>
    <t>15.472638130187988</t>
  </si>
  <si>
    <t>1141.3485107421875</t>
  </si>
  <si>
    <t>-0.027334570937874503</t>
  </si>
  <si>
    <t>44695</t>
  </si>
  <si>
    <t>15.363358497619629</t>
  </si>
  <si>
    <t>689.168701171875</t>
  </si>
  <si>
    <t>-0.01397505497850382</t>
  </si>
  <si>
    <t>44746</t>
  </si>
  <si>
    <t>14.779423713684082</t>
  </si>
  <si>
    <t>918.9972534179688</t>
  </si>
  <si>
    <t>0.0011404167110686814</t>
  </si>
  <si>
    <t>14.228466987609863</t>
  </si>
  <si>
    <t>870.0912475585938</t>
  </si>
  <si>
    <t>0.022801571119572372</t>
  </si>
  <si>
    <t>15.58417797088623</t>
  </si>
  <si>
    <t>672.6829833984375</t>
  </si>
  <si>
    <t>0.014874192831873856</t>
  </si>
  <si>
    <t>15.401447296142578</t>
  </si>
  <si>
    <t>602.2269287109375</t>
  </si>
  <si>
    <t>0.036681201854223744</t>
  </si>
  <si>
    <t>47681</t>
  </si>
  <si>
    <t>14.9794340133667</t>
  </si>
  <si>
    <t>1080.134521484375</t>
  </si>
  <si>
    <t>-0.010826025365032521</t>
  </si>
  <si>
    <t>44837</t>
  </si>
  <si>
    <t>15.111801147460938</t>
  </si>
  <si>
    <t>904.5032958984375</t>
  </si>
  <si>
    <t>-0.06149930427528183</t>
  </si>
  <si>
    <t>44321</t>
  </si>
  <si>
    <t>14.474197387695312</t>
  </si>
  <si>
    <t>1005.4909057617188</t>
  </si>
  <si>
    <t>-0.011575086054861572</t>
  </si>
  <si>
    <t>45761</t>
  </si>
  <si>
    <t>15.760250091552734</t>
  </si>
  <si>
    <t>683.6842651367188</t>
  </si>
  <si>
    <t>0.03197359461823979</t>
  </si>
  <si>
    <t>15.266681671142578</t>
  </si>
  <si>
    <t>846.2669067382812</t>
  </si>
  <si>
    <t>-0.041631781601447315</t>
  </si>
  <si>
    <t>42807</t>
  </si>
  <si>
    <t>15.078608512878418</t>
  </si>
  <si>
    <t>1013.1007690429688</t>
  </si>
  <si>
    <t>-0.025098777761623836</t>
  </si>
  <si>
    <t>15.820454597473145</t>
  </si>
  <si>
    <t>883.1137084960938</t>
  </si>
  <si>
    <t>-0.014352512148992247</t>
  </si>
  <si>
    <t>42654</t>
  </si>
  <si>
    <t>15.81356143951416</t>
  </si>
  <si>
    <t>543.3843994140625</t>
  </si>
  <si>
    <t>0.010771927707844853</t>
  </si>
  <si>
    <t>43437</t>
  </si>
  <si>
    <t>15.244190216064453</t>
  </si>
  <si>
    <t>668.0285034179688</t>
  </si>
  <si>
    <t>0.018190556291994397</t>
  </si>
  <si>
    <t>44437</t>
  </si>
  <si>
    <t>15.805229187011719</t>
  </si>
  <si>
    <t>578.7994995117188</t>
  </si>
  <si>
    <t>0.022760843274676645</t>
  </si>
  <si>
    <t>45280</t>
  </si>
  <si>
    <t>15.89356517791748</t>
  </si>
  <si>
    <t>900.1155395507812</t>
  </si>
  <si>
    <t>0.018792978152855966</t>
  </si>
  <si>
    <t>16.24703598022461</t>
  </si>
  <si>
    <t>994.418701171875</t>
  </si>
  <si>
    <t>0.013839305875880115</t>
  </si>
  <si>
    <t>42489</t>
  </si>
  <si>
    <t>15.805370330810547</t>
  </si>
  <si>
    <t>895.998291015625</t>
  </si>
  <si>
    <t>-0.07745952087043761</t>
  </si>
  <si>
    <t>46225</t>
  </si>
  <si>
    <t>15.360856056213379</t>
  </si>
  <si>
    <t>590.8809814453125</t>
  </si>
  <si>
    <t>0.08427555837281808</t>
  </si>
  <si>
    <t>48068</t>
  </si>
  <si>
    <t>16.506467819213867</t>
  </si>
  <si>
    <t>600.1530151367188</t>
  </si>
  <si>
    <t>0.03909589777586575</t>
  </si>
  <si>
    <t>40589</t>
  </si>
  <si>
    <t>49.107872009277344</t>
  </si>
  <si>
    <t>Pordenone</t>
  </si>
  <si>
    <t>41178</t>
  </si>
  <si>
    <t>1141.199951171875</t>
  </si>
  <si>
    <t>0.014407039217235962</t>
  </si>
  <si>
    <t>41486</t>
  </si>
  <si>
    <t>1365.699951171875</t>
  </si>
  <si>
    <t>0.007451887769400756</t>
  </si>
  <si>
    <t>1165.699951171875</t>
  </si>
  <si>
    <t>-0.009323568817512395</t>
  </si>
  <si>
    <t>41969</t>
  </si>
  <si>
    <t>1163.7000732421875</t>
  </si>
  <si>
    <t>0.020898798412433806</t>
  </si>
  <si>
    <t>1212.7000732421875</t>
  </si>
  <si>
    <t>0.028284049337271355</t>
  </si>
  <si>
    <t>43700</t>
  </si>
  <si>
    <t>8.658332824707031</t>
  </si>
  <si>
    <t>1428.6002197265625</t>
  </si>
  <si>
    <t>0.012132802245398366</t>
  </si>
  <si>
    <t>1322.0</t>
  </si>
  <si>
    <t>0.017399238935645656</t>
  </si>
  <si>
    <t>1321.4000244140625</t>
  </si>
  <si>
    <t>0.017477428312069776</t>
  </si>
  <si>
    <t>45970</t>
  </si>
  <si>
    <t>1409.9000244140625</t>
  </si>
  <si>
    <t>0.015764240468875812</t>
  </si>
  <si>
    <t>1523.5999755859375</t>
  </si>
  <si>
    <t>0.0365230129389591</t>
  </si>
  <si>
    <t>48707</t>
  </si>
  <si>
    <t>0.021310734168576317</t>
  </si>
  <si>
    <t>47813</t>
  </si>
  <si>
    <t>1479.10009765625</t>
  </si>
  <si>
    <t>-0.018525187877255433</t>
  </si>
  <si>
    <t>45617</t>
  </si>
  <si>
    <t>1216.2000732421875</t>
  </si>
  <si>
    <t>-0.047017114985800745</t>
  </si>
  <si>
    <t>46054</t>
  </si>
  <si>
    <t>0.009534166972812841</t>
  </si>
  <si>
    <t>46841</t>
  </si>
  <si>
    <t>1179.199951171875</t>
  </si>
  <si>
    <t>0.016944266740321012</t>
  </si>
  <si>
    <t>47743</t>
  </si>
  <si>
    <t>0.019073571545980883</t>
  </si>
  <si>
    <t>47042</t>
  </si>
  <si>
    <t>1385.400146484375</t>
  </si>
  <si>
    <t>-0.014791639628377595</t>
  </si>
  <si>
    <t>-0.05129105674799206</t>
  </si>
  <si>
    <t>39961</t>
  </si>
  <si>
    <t>1309.2999267578125</t>
  </si>
  <si>
    <t>-0.111845784453104</t>
  </si>
  <si>
    <t>1229.5</t>
  </si>
  <si>
    <t>0.08563826350038894</t>
  </si>
  <si>
    <t>1311.800048828125</t>
  </si>
  <si>
    <t>0.02631939654717108</t>
  </si>
  <si>
    <t>42229</t>
  </si>
  <si>
    <t>1368.5999755859375</t>
  </si>
  <si>
    <t>-0.05675444972278498</t>
  </si>
  <si>
    <t>42198</t>
  </si>
  <si>
    <t>10.016668319702148</t>
  </si>
  <si>
    <t>1340.5</t>
  </si>
  <si>
    <t>-0.0007343622630955338</t>
  </si>
  <si>
    <t>1314.800048828125</t>
  </si>
  <si>
    <t>-0.026218730305119564</t>
  </si>
  <si>
    <t>1298.300048828125</t>
  </si>
  <si>
    <t>0.03586446277640576</t>
  </si>
  <si>
    <t>1432.2999267578125</t>
  </si>
  <si>
    <t>0.006899885868689282</t>
  </si>
  <si>
    <t>43189</t>
  </si>
  <si>
    <t>1634.7000732421875</t>
  </si>
  <si>
    <t>0.006667388302895816</t>
  </si>
  <si>
    <t>44008</t>
  </si>
  <si>
    <t>0.018785602376349075</t>
  </si>
  <si>
    <t>44762</t>
  </si>
  <si>
    <t>1350.2000732421875</t>
  </si>
  <si>
    <t>0.01698812962478158</t>
  </si>
  <si>
    <t>-0.07047481693897062</t>
  </si>
  <si>
    <t>45384</t>
  </si>
  <si>
    <t>1241.800048828125</t>
  </si>
  <si>
    <t>0.0842748717652988</t>
  </si>
  <si>
    <t>47194</t>
  </si>
  <si>
    <t>1172.0</t>
  </si>
  <si>
    <t>0.03910714584291597</t>
  </si>
  <si>
    <t>1616</t>
  </si>
  <si>
    <t>555.5</t>
  </si>
  <si>
    <t>91.80615234375</t>
  </si>
  <si>
    <t>Potenza</t>
  </si>
  <si>
    <t>530.1000366210938</t>
  </si>
  <si>
    <t>0.014399669938528703</t>
  </si>
  <si>
    <t>503.5</t>
  </si>
  <si>
    <t>0.007479412898012683</t>
  </si>
  <si>
    <t>27787</t>
  </si>
  <si>
    <t>12.808334350585938</t>
  </si>
  <si>
    <t>-0.0093490427526568</t>
  </si>
  <si>
    <t>0.0209049474635723</t>
  </si>
  <si>
    <t>0.028284433013579857</t>
  </si>
  <si>
    <t>706.4000854492188</t>
  </si>
  <si>
    <t>0.012123011646886894</t>
  </si>
  <si>
    <t>0.017414502194039727</t>
  </si>
  <si>
    <t>0.01747604487495913</t>
  </si>
  <si>
    <t>0.015761125330383763</t>
  </si>
  <si>
    <t>32235</t>
  </si>
  <si>
    <t>0.03652046881293991</t>
  </si>
  <si>
    <t>566.9000244140625</t>
  </si>
  <si>
    <t>-0.013366427414414517</t>
  </si>
  <si>
    <t>13.483330726623535</t>
  </si>
  <si>
    <t>0.010166026963396746</t>
  </si>
  <si>
    <t>-0.03447907818227236</t>
  </si>
  <si>
    <t>12.966666221618652</t>
  </si>
  <si>
    <t>-0.008345781766120552</t>
  </si>
  <si>
    <t>688.5000610351562</t>
  </si>
  <si>
    <t>0.004440346317229782</t>
  </si>
  <si>
    <t>32471</t>
  </si>
  <si>
    <t>13.566665649414062</t>
  </si>
  <si>
    <t>0.048879478619491934</t>
  </si>
  <si>
    <t>653.5</t>
  </si>
  <si>
    <t>0.016947746740902048</t>
  </si>
  <si>
    <t>-0.006439876448105508</t>
  </si>
  <si>
    <t>738.0999755859375</t>
  </si>
  <si>
    <t>-0.0707706962120529</t>
  </si>
  <si>
    <t>31208</t>
  </si>
  <si>
    <t>841.5</t>
  </si>
  <si>
    <t>0.020589914823716526</t>
  </si>
  <si>
    <t>499.7999572753906</t>
  </si>
  <si>
    <t>0.01976618549843856</t>
  </si>
  <si>
    <t>-0.0041870702925592695</t>
  </si>
  <si>
    <t>32576</t>
  </si>
  <si>
    <t>590.0000610351562</t>
  </si>
  <si>
    <t>0.02732223351782359</t>
  </si>
  <si>
    <t>-0.05645081725598722</t>
  </si>
  <si>
    <t>0.1015856982890444</t>
  </si>
  <si>
    <t>33656</t>
  </si>
  <si>
    <t>-0.01251935567289486</t>
  </si>
  <si>
    <t>476.5</t>
  </si>
  <si>
    <t>0.009168677994358276</t>
  </si>
  <si>
    <t>35589</t>
  </si>
  <si>
    <t>0.04667657706449724</t>
  </si>
  <si>
    <t>34973</t>
  </si>
  <si>
    <t>601.1000366210938</t>
  </si>
  <si>
    <t>-0.017460266133225488</t>
  </si>
  <si>
    <t>756.7999267578125</t>
  </si>
  <si>
    <t>-0.13629242982819534</t>
  </si>
  <si>
    <t>511.5</t>
  </si>
  <si>
    <t>0.08429609056510401</t>
  </si>
  <si>
    <t>0.03907473840665254</t>
  </si>
  <si>
    <t>1618</t>
  </si>
  <si>
    <t>17.474998474121094</t>
  </si>
  <si>
    <t>412.79998779296875</t>
  </si>
  <si>
    <t>214.6017303466797</t>
  </si>
  <si>
    <t>Ragusa</t>
  </si>
  <si>
    <t>465.1000061035156</t>
  </si>
  <si>
    <t>0.014398282177136679</t>
  </si>
  <si>
    <t>26007</t>
  </si>
  <si>
    <t>339.9000244140625</t>
  </si>
  <si>
    <t>0.007487491560919324</t>
  </si>
  <si>
    <t>25765</t>
  </si>
  <si>
    <t>451.8000183105469</t>
  </si>
  <si>
    <t>-0.009348750774426762</t>
  </si>
  <si>
    <t>26310</t>
  </si>
  <si>
    <t>17.97500228881836</t>
  </si>
  <si>
    <t>434.8000183105469</t>
  </si>
  <si>
    <t>0.020932113272014163</t>
  </si>
  <si>
    <t>27064</t>
  </si>
  <si>
    <t>17.55833625793457</t>
  </si>
  <si>
    <t>524.800048828125</t>
  </si>
  <si>
    <t>0.0282553364262057</t>
  </si>
  <si>
    <t>595.2999877929688</t>
  </si>
  <si>
    <t>0.012119579834223515</t>
  </si>
  <si>
    <t>17.71666717529297</t>
  </si>
  <si>
    <t>506.9000244140625</t>
  </si>
  <si>
    <t>0.017406218467652224</t>
  </si>
  <si>
    <t>379.6000061035156</t>
  </si>
  <si>
    <t>0.01749626794321202</t>
  </si>
  <si>
    <t>28817</t>
  </si>
  <si>
    <t>17.825000762939453</t>
  </si>
  <si>
    <t>398.5000305175781</t>
  </si>
  <si>
    <t>0.015738993050781858</t>
  </si>
  <si>
    <t>29890</t>
  </si>
  <si>
    <t>18.033334732055664</t>
  </si>
  <si>
    <t>387.9000244140625</t>
  </si>
  <si>
    <t>0.036558485521570816</t>
  </si>
  <si>
    <t>29220</t>
  </si>
  <si>
    <t>316.8999938964844</t>
  </si>
  <si>
    <t>-0.022670569973293198</t>
  </si>
  <si>
    <t>30706</t>
  </si>
  <si>
    <t>495.60003662109375</t>
  </si>
  <si>
    <t>0.04960466891415294</t>
  </si>
  <si>
    <t>32472</t>
  </si>
  <si>
    <t>18.041667938232422</t>
  </si>
  <si>
    <t>483.5000305175781</t>
  </si>
  <si>
    <t>0.05592010429989003</t>
  </si>
  <si>
    <t>33489</t>
  </si>
  <si>
    <t>453.3999938964844</t>
  </si>
  <si>
    <t>0.030838847164108785</t>
  </si>
  <si>
    <t>499.5000305175781</t>
  </si>
  <si>
    <t>-0.037947076246899414</t>
  </si>
  <si>
    <t>32973</t>
  </si>
  <si>
    <t>340.1999816894531</t>
  </si>
  <si>
    <t>0.022419094301067588</t>
  </si>
  <si>
    <t>31535</t>
  </si>
  <si>
    <t>17.758333206176758</t>
  </si>
  <si>
    <t>481.6000061035156</t>
  </si>
  <si>
    <t>-0.044591004639260134</t>
  </si>
  <si>
    <t>29683</t>
  </si>
  <si>
    <t>-0.06052354875737187</t>
  </si>
  <si>
    <t>29748</t>
  </si>
  <si>
    <t>17.825002670288086</t>
  </si>
  <si>
    <t>0.002187411482811541</t>
  </si>
  <si>
    <t>30602</t>
  </si>
  <si>
    <t>17.883333206176758</t>
  </si>
  <si>
    <t>519.0</t>
  </si>
  <si>
    <t>0.0283034634585686</t>
  </si>
  <si>
    <t>416.7999572753906</t>
  </si>
  <si>
    <t>-0.010412825866710662</t>
  </si>
  <si>
    <t>30846</t>
  </si>
  <si>
    <t>18.158334732055664</t>
  </si>
  <si>
    <t>447.9000549316406</t>
  </si>
  <si>
    <t>0.018354541868511376</t>
  </si>
  <si>
    <t>376.0</t>
  </si>
  <si>
    <t>-0.15481008584526101</t>
  </si>
  <si>
    <t>18.233335494995117</t>
  </si>
  <si>
    <t>444.1999816894531</t>
  </si>
  <si>
    <t>-0.022234618600171174</t>
  </si>
  <si>
    <t>24918</t>
  </si>
  <si>
    <t>18.191667556762695</t>
  </si>
  <si>
    <t>-0.036371943979318644</t>
  </si>
  <si>
    <t>24604</t>
  </si>
  <si>
    <t>417.8000183105469</t>
  </si>
  <si>
    <t>-0.012681402530549946</t>
  </si>
  <si>
    <t>25284</t>
  </si>
  <si>
    <t>18.166664123535156</t>
  </si>
  <si>
    <t>293.29998779296875</t>
  </si>
  <si>
    <t>0.027262753263929795</t>
  </si>
  <si>
    <t>17.88333511352539</t>
  </si>
  <si>
    <t>545.7999877929688</t>
  </si>
  <si>
    <t>0.011365322801228928</t>
  </si>
  <si>
    <t>18.2166690826416</t>
  </si>
  <si>
    <t>344.0</t>
  </si>
  <si>
    <t>0.005148418096187157</t>
  </si>
  <si>
    <t>18.174997329711914</t>
  </si>
  <si>
    <t>409.5</t>
  </si>
  <si>
    <t>-0.06863169515952272</t>
  </si>
  <si>
    <t>26111</t>
  </si>
  <si>
    <t>18.383331298828125</t>
  </si>
  <si>
    <t>499.5</t>
  </si>
  <si>
    <t>0.08430285113179181</t>
  </si>
  <si>
    <t>342.6000061035156</t>
  </si>
  <si>
    <t>0.03905719663443463</t>
  </si>
  <si>
    <t>38392</t>
  </si>
  <si>
    <t>13.74893856048584</t>
  </si>
  <si>
    <t>682.4052124023438</t>
  </si>
  <si>
    <t>435.2189636230469</t>
  </si>
  <si>
    <t>Ravenna</t>
  </si>
  <si>
    <t>38949</t>
  </si>
  <si>
    <t>12.775169372558594</t>
  </si>
  <si>
    <t>773.2867431640625</t>
  </si>
  <si>
    <t>0.014403993490281763</t>
  </si>
  <si>
    <t>39241</t>
  </si>
  <si>
    <t>13.88930892944336</t>
  </si>
  <si>
    <t>722.0910034179688</t>
  </si>
  <si>
    <t>0.007469020526015058</t>
  </si>
  <si>
    <t>13.37393856048584</t>
  </si>
  <si>
    <t>698.0552368164062</t>
  </si>
  <si>
    <t>-0.009345024931016965</t>
  </si>
  <si>
    <t>14.277149200439453</t>
  </si>
  <si>
    <t>655.5150146484375</t>
  </si>
  <si>
    <t>0.02089852444597895</t>
  </si>
  <si>
    <t>40836</t>
  </si>
  <si>
    <t>13.348292350769043</t>
  </si>
  <si>
    <t>835.5094604492188</t>
  </si>
  <si>
    <t>0.028288427219564483</t>
  </si>
  <si>
    <t>12.663010597229004</t>
  </si>
  <si>
    <t>932.4170532226562</t>
  </si>
  <si>
    <t>0.012121360532345804</t>
  </si>
  <si>
    <t>42060</t>
  </si>
  <si>
    <t>13.964957237243652</t>
  </si>
  <si>
    <t>581.0818481445312</t>
  </si>
  <si>
    <t>0.017411764435440347</t>
  </si>
  <si>
    <t>42801</t>
  </si>
  <si>
    <t>13.540607452392578</t>
  </si>
  <si>
    <t>650.0237426757812</t>
  </si>
  <si>
    <t>0.01746429652623327</t>
  </si>
  <si>
    <t>13.312361717224121</t>
  </si>
  <si>
    <t>739.8316650390625</t>
  </si>
  <si>
    <t>0.01578559255441192</t>
  </si>
  <si>
    <t>45099</t>
  </si>
  <si>
    <t>14.414307594299316</t>
  </si>
  <si>
    <t>716.0231323242188</t>
  </si>
  <si>
    <t>0.03651301395860784</t>
  </si>
  <si>
    <t>13.510449409484863</t>
  </si>
  <si>
    <t>628.3058471679688</t>
  </si>
  <si>
    <t>0.039264206264107315</t>
  </si>
  <si>
    <t>47292</t>
  </si>
  <si>
    <t>14.175202369689941</t>
  </si>
  <si>
    <t>868.9170532226562</t>
  </si>
  <si>
    <t>0.008216868422952217</t>
  </si>
  <si>
    <t>47684</t>
  </si>
  <si>
    <t>14.093783378601074</t>
  </si>
  <si>
    <t>560.3965454101562</t>
  </si>
  <si>
    <t>0.00825476385488777</t>
  </si>
  <si>
    <t>48419</t>
  </si>
  <si>
    <t>13.459152221679688</t>
  </si>
  <si>
    <t>764.6173706054688</t>
  </si>
  <si>
    <t>0.015296386818006269</t>
  </si>
  <si>
    <t>48204</t>
  </si>
  <si>
    <t>12.936097145080566</t>
  </si>
  <si>
    <t>814.2826538085938</t>
  </si>
  <si>
    <t>-0.004450293508615033</t>
  </si>
  <si>
    <t>49047</t>
  </si>
  <si>
    <t>14.329745292663574</t>
  </si>
  <si>
    <t>597.4319458007812</t>
  </si>
  <si>
    <t>0.017337016896238566</t>
  </si>
  <si>
    <t>48702</t>
  </si>
  <si>
    <t>14.13999080657959</t>
  </si>
  <si>
    <t>607.9334716796875</t>
  </si>
  <si>
    <t>-0.00705892505429162</t>
  </si>
  <si>
    <t>48864</t>
  </si>
  <si>
    <t>13.62007999420166</t>
  </si>
  <si>
    <t>709.091064453125</t>
  </si>
  <si>
    <t>0.0033208320291286952</t>
  </si>
  <si>
    <t>44840</t>
  </si>
  <si>
    <t>13.895112037658691</t>
  </si>
  <si>
    <t>736.2371826171875</t>
  </si>
  <si>
    <t>-0.08594033083226194</t>
  </si>
  <si>
    <t>45046</t>
  </si>
  <si>
    <t>13.145079612731934</t>
  </si>
  <si>
    <t>913.1357421875</t>
  </si>
  <si>
    <t>0.004583591675226373</t>
  </si>
  <si>
    <t>47872</t>
  </si>
  <si>
    <t>14.541289329528809</t>
  </si>
  <si>
    <t>508.3440246582031</t>
  </si>
  <si>
    <t>0.06084659247282609</t>
  </si>
  <si>
    <t>45303</t>
  </si>
  <si>
    <t>13.964341163635254</t>
  </si>
  <si>
    <t>679.8358764648438</t>
  </si>
  <si>
    <t>-0.05515752689025</t>
  </si>
  <si>
    <t>44642</t>
  </si>
  <si>
    <t>13.849589347839355</t>
  </si>
  <si>
    <t>835.5750732421875</t>
  </si>
  <si>
    <t>-0.014698135524941591</t>
  </si>
  <si>
    <t>44659</t>
  </si>
  <si>
    <t>14.688044548034668</t>
  </si>
  <si>
    <t>791.4894409179688</t>
  </si>
  <si>
    <t>0.0003807348227979901</t>
  </si>
  <si>
    <t>44627</t>
  </si>
  <si>
    <t>14.689343452453613</t>
  </si>
  <si>
    <t>575.705810546875</t>
  </si>
  <si>
    <t>-0.000716797736938446</t>
  </si>
  <si>
    <t>45264</t>
  </si>
  <si>
    <t>14.035483360290527</t>
  </si>
  <si>
    <t>620.8848876953125</t>
  </si>
  <si>
    <t>0.014172957536532138</t>
  </si>
  <si>
    <t>45371</t>
  </si>
  <si>
    <t>14.641254425048828</t>
  </si>
  <si>
    <t>511.931396484375</t>
  </si>
  <si>
    <t>0.0023611198700148606</t>
  </si>
  <si>
    <t>14.755359649658203</t>
  </si>
  <si>
    <t>664.912841796875</t>
  </si>
  <si>
    <t>0.0013875890118022483</t>
  </si>
  <si>
    <t>45174</t>
  </si>
  <si>
    <t>15.078448295593262</t>
  </si>
  <si>
    <t>872.5531616210938</t>
  </si>
  <si>
    <t>-0.0057390233449883254</t>
  </si>
  <si>
    <t>14.602798461914062</t>
  </si>
  <si>
    <t>717.6226196289062</t>
  </si>
  <si>
    <t>-0.07178122681117927</t>
  </si>
  <si>
    <t>14.168816566467285</t>
  </si>
  <si>
    <t>525.3554077148438</t>
  </si>
  <si>
    <t>0.08427643975830534</t>
  </si>
  <si>
    <t>15.271991729736328</t>
  </si>
  <si>
    <t>536.3829956054688</t>
  </si>
  <si>
    <t>0.0391013072563382</t>
  </si>
  <si>
    <t>22595</t>
  </si>
  <si>
    <t>922.39990234375</t>
  </si>
  <si>
    <t>129.3829803466797</t>
  </si>
  <si>
    <t>Reggio di Calabria</t>
  </si>
  <si>
    <t>0.014412130470295992</t>
  </si>
  <si>
    <t>23095</t>
  </si>
  <si>
    <t>0.007475370549029137</t>
  </si>
  <si>
    <t>984.5</t>
  </si>
  <si>
    <t>-0.00930927203235754</t>
  </si>
  <si>
    <t>0.020889504327852748</t>
  </si>
  <si>
    <t>1032.10009765625</t>
  </si>
  <si>
    <t>0.028273118311044954</t>
  </si>
  <si>
    <t>1229.7000732421875</t>
  </si>
  <si>
    <t>0.012117350141421568</t>
  </si>
  <si>
    <t>933.9000244140625</t>
  </si>
  <si>
    <t>0.017440644182856957</t>
  </si>
  <si>
    <t>880.699951171875</t>
  </si>
  <si>
    <t>0.01745929905614929</t>
  </si>
  <si>
    <t>16.466665267944336</t>
  </si>
  <si>
    <t>0.015753939303397857</t>
  </si>
  <si>
    <t>932.4000244140625</t>
  </si>
  <si>
    <t>0.03652533226833121</t>
  </si>
  <si>
    <t>0.033527246114884335</t>
  </si>
  <si>
    <t>16.59166717529297</t>
  </si>
  <si>
    <t>1019.6000366210938</t>
  </si>
  <si>
    <t>-0.0030650246573973305</t>
  </si>
  <si>
    <t>16.683334350585938</t>
  </si>
  <si>
    <t>-0.004468380873602129</t>
  </si>
  <si>
    <t>16.125</t>
  </si>
  <si>
    <t>1015.7999267578125</t>
  </si>
  <si>
    <t>0.025764628341958584</t>
  </si>
  <si>
    <t>0.027104034148253575</t>
  </si>
  <si>
    <t>28644</t>
  </si>
  <si>
    <t>775.699951171875</t>
  </si>
  <si>
    <t>-0.0026845653706679684</t>
  </si>
  <si>
    <t>1022.5999755859375</t>
  </si>
  <si>
    <t>-0.004338401598598551</t>
  </si>
  <si>
    <t>28263</t>
  </si>
  <si>
    <t>16.583335876464844</t>
  </si>
  <si>
    <t>1103.9000244140625</t>
  </si>
  <si>
    <t>-0.009052066811454651</t>
  </si>
  <si>
    <t>1068.900146484375</t>
  </si>
  <si>
    <t>-0.037454591536036475</t>
  </si>
  <si>
    <t>16.625001907348633</t>
  </si>
  <si>
    <t>1080.60009765625</t>
  </si>
  <si>
    <t>-0.009077218151116284</t>
  </si>
  <si>
    <t>25746</t>
  </si>
  <si>
    <t>16.40833282470703</t>
  </si>
  <si>
    <t>-0.046742443810044776</t>
  </si>
  <si>
    <t>812.1000366210938</t>
  </si>
  <si>
    <t>-0.0217924873679074</t>
  </si>
  <si>
    <t>754.5</t>
  </si>
  <si>
    <t>-0.03284672306959635</t>
  </si>
  <si>
    <t>24003</t>
  </si>
  <si>
    <t>957.9000854492188</t>
  </si>
  <si>
    <t>-0.015461242263842934</t>
  </si>
  <si>
    <t>24411</t>
  </si>
  <si>
    <t>0.016855027846533588</t>
  </si>
  <si>
    <t>23877</t>
  </si>
  <si>
    <t>841.9000244140625</t>
  </si>
  <si>
    <t>-0.02211819789080849</t>
  </si>
  <si>
    <t>504.79998779296875</t>
  </si>
  <si>
    <t>0.021175555553748282</t>
  </si>
  <si>
    <t>24572</t>
  </si>
  <si>
    <t>781.2000122070312</t>
  </si>
  <si>
    <t>0.007516375256111374</t>
  </si>
  <si>
    <t>693.2000732421875</t>
  </si>
  <si>
    <t>0.028801477380191898</t>
  </si>
  <si>
    <t>-0.07835703287292795</t>
  </si>
  <si>
    <t>16.983333587646484</t>
  </si>
  <si>
    <t>0.08427071066297565</t>
  </si>
  <si>
    <t>26454</t>
  </si>
  <si>
    <t>686.3999633789062</t>
  </si>
  <si>
    <t>0.039084637131933775</t>
  </si>
  <si>
    <t>47717</t>
  </si>
  <si>
    <t>373.8374328613281</t>
  </si>
  <si>
    <t>Reggio nell'Emilia</t>
  </si>
  <si>
    <t>48410</t>
  </si>
  <si>
    <t>0.014418675420630578</t>
  </si>
  <si>
    <t>48772</t>
  </si>
  <si>
    <t>13.883334159851074</t>
  </si>
  <si>
    <t>877.5</t>
  </si>
  <si>
    <t>0.007449973746414429</t>
  </si>
  <si>
    <t>48319</t>
  </si>
  <si>
    <t>853.2000122070312</t>
  </si>
  <si>
    <t>-0.009331519649848019</t>
  </si>
  <si>
    <t>49340</t>
  </si>
  <si>
    <t>822.4000244140625</t>
  </si>
  <si>
    <t>0.020910253053040506</t>
  </si>
  <si>
    <t>50756</t>
  </si>
  <si>
    <t>977.1000366210938</t>
  </si>
  <si>
    <t>0.028294726433458095</t>
  </si>
  <si>
    <t>12.641666412353516</t>
  </si>
  <si>
    <t>1126.7000732421875</t>
  </si>
  <si>
    <t>0.01210237037209616</t>
  </si>
  <si>
    <t>52277</t>
  </si>
  <si>
    <t>682.9000244140625</t>
  </si>
  <si>
    <t>0.017424295882189966</t>
  </si>
  <si>
    <t>53198</t>
  </si>
  <si>
    <t>0.017464297867009648</t>
  </si>
  <si>
    <t>54043</t>
  </si>
  <si>
    <t>901.5</t>
  </si>
  <si>
    <t>0.0157592243289173</t>
  </si>
  <si>
    <t>56054</t>
  </si>
  <si>
    <t>0.03653548583974775</t>
  </si>
  <si>
    <t>56594</t>
  </si>
  <si>
    <t>762.5000610351562</t>
  </si>
  <si>
    <t>0.009587460698224248</t>
  </si>
  <si>
    <t>55524</t>
  </si>
  <si>
    <t>1073.5999755859375</t>
  </si>
  <si>
    <t>-0.019087612809990162</t>
  </si>
  <si>
    <t>679.7000122070312</t>
  </si>
  <si>
    <t>-0.026424895210704236</t>
  </si>
  <si>
    <t>53793</t>
  </si>
  <si>
    <t>983.7000732421875</t>
  </si>
  <si>
    <t>-0.005247117323822437</t>
  </si>
  <si>
    <t>55242</t>
  </si>
  <si>
    <t>1012.2000122070312</t>
  </si>
  <si>
    <t>0.026580186355428026</t>
  </si>
  <si>
    <t>730.300048828125</t>
  </si>
  <si>
    <t>0.014930879718386691</t>
  </si>
  <si>
    <t>56372</t>
  </si>
  <si>
    <t>0.005318168077113938</t>
  </si>
  <si>
    <t>56530</t>
  </si>
  <si>
    <t>947.7999877929688</t>
  </si>
  <si>
    <t>0.0027988893579351526</t>
  </si>
  <si>
    <t>50796</t>
  </si>
  <si>
    <t>13.866665840148926</t>
  </si>
  <si>
    <t>-0.1069538593604129</t>
  </si>
  <si>
    <t>49894</t>
  </si>
  <si>
    <t>987.89990234375</t>
  </si>
  <si>
    <t>-0.017916856279741822</t>
  </si>
  <si>
    <t>50629</t>
  </si>
  <si>
    <t>593.1000366210938</t>
  </si>
  <si>
    <t>0.014623779604026055</t>
  </si>
  <si>
    <t>809.300048828125</t>
  </si>
  <si>
    <t>-0.04692735623794242</t>
  </si>
  <si>
    <t>47501</t>
  </si>
  <si>
    <t>-0.016846414962557787</t>
  </si>
  <si>
    <t>47211</t>
  </si>
  <si>
    <t>975.7999877929688</t>
  </si>
  <si>
    <t>-0.006123847163733487</t>
  </si>
  <si>
    <t>48543</t>
  </si>
  <si>
    <t>0.027823086798942853</t>
  </si>
  <si>
    <t>49530</t>
  </si>
  <si>
    <t>0.02012854351436566</t>
  </si>
  <si>
    <t>50869</t>
  </si>
  <si>
    <t>579.0999755859375</t>
  </si>
  <si>
    <t>0.026675154089666364</t>
  </si>
  <si>
    <t>51166</t>
  </si>
  <si>
    <t>14.766667366027832</t>
  </si>
  <si>
    <t>0.005821548268485799</t>
  </si>
  <si>
    <t>51998</t>
  </si>
  <si>
    <t>929.9000244140625</t>
  </si>
  <si>
    <t>0.01613000734500325</t>
  </si>
  <si>
    <t>48140</t>
  </si>
  <si>
    <t>-0.07709182394837555</t>
  </si>
  <si>
    <t>52373</t>
  </si>
  <si>
    <t>0.08427775900074863</t>
  </si>
  <si>
    <t>54461</t>
  </si>
  <si>
    <t>0.039093657821981154</t>
  </si>
  <si>
    <t>12.135123252868652</t>
  </si>
  <si>
    <t>853.6466064453125</t>
  </si>
  <si>
    <t>207.44593811035156</t>
  </si>
  <si>
    <t>Rieti</t>
  </si>
  <si>
    <t>11.2891845703125</t>
  </si>
  <si>
    <t>993.1613159179688</t>
  </si>
  <si>
    <t>0.014413325298328061</t>
  </si>
  <si>
    <t>11.956355094909668</t>
  </si>
  <si>
    <t>933.1212158203125</t>
  </si>
  <si>
    <t>0.007459019352618057</t>
  </si>
  <si>
    <t>11.928532600402832</t>
  </si>
  <si>
    <t>886.17041015625</t>
  </si>
  <si>
    <t>-0.009341737667204697</t>
  </si>
  <si>
    <t>12.512683868408203</t>
  </si>
  <si>
    <t>786.545654296875</t>
  </si>
  <si>
    <t>0.02091560394261549</t>
  </si>
  <si>
    <t>28428</t>
  </si>
  <si>
    <t>11.826998710632324</t>
  </si>
  <si>
    <t>974.4887084960938</t>
  </si>
  <si>
    <t>0.028291489679421744</t>
  </si>
  <si>
    <t>28774</t>
  </si>
  <si>
    <t>11.432272911071777</t>
  </si>
  <si>
    <t>1165.104248046875</t>
  </si>
  <si>
    <t>0.01209762665019376</t>
  </si>
  <si>
    <t>29280</t>
  </si>
  <si>
    <t>12.171833038330078</t>
  </si>
  <si>
    <t>842.6594848632812</t>
  </si>
  <si>
    <t>0.017432487478268754</t>
  </si>
  <si>
    <t>11.897454261779785</t>
  </si>
  <si>
    <t>941.9893798828125</t>
  </si>
  <si>
    <t>0.017469467220918133</t>
  </si>
  <si>
    <t>12.136608123779297</t>
  </si>
  <si>
    <t>960.3670654296875</t>
  </si>
  <si>
    <t>0.015749930164647097</t>
  </si>
  <si>
    <t>31395</t>
  </si>
  <si>
    <t>12.73136043548584</t>
  </si>
  <si>
    <t>909.2185668945312</t>
  </si>
  <si>
    <t>0.03652455808739674</t>
  </si>
  <si>
    <t>29530</t>
  </si>
  <si>
    <t>12.162373542785645</t>
  </si>
  <si>
    <t>736.9060668945312</t>
  </si>
  <si>
    <t>-0.06124194881024181</t>
  </si>
  <si>
    <t>12.553690910339355</t>
  </si>
  <si>
    <t>1051.912841796875</t>
  </si>
  <si>
    <t>0.043308571943063257</t>
  </si>
  <si>
    <t>12.515899658203125</t>
  </si>
  <si>
    <t>663.3441162109375</t>
  </si>
  <si>
    <t>0.036958133147626526</t>
  </si>
  <si>
    <t>33614</t>
  </si>
  <si>
    <t>12.019539833068848</t>
  </si>
  <si>
    <t>796.0673217773438</t>
  </si>
  <si>
    <t>0.04926924600785476</t>
  </si>
  <si>
    <t>11.616355895996094</t>
  </si>
  <si>
    <t>1008.51318359375</t>
  </si>
  <si>
    <t>-0.00713553013396151</t>
  </si>
  <si>
    <t>12.56295394897461</t>
  </si>
  <si>
    <t>710.6035766601562</t>
  </si>
  <si>
    <t>0.027046649754414176</t>
  </si>
  <si>
    <t>12.523838996887207</t>
  </si>
  <si>
    <t>747.3035278320312</t>
  </si>
  <si>
    <t>0.010039837110726424</t>
  </si>
  <si>
    <t>32183</t>
  </si>
  <si>
    <t>12.467906951904297</t>
  </si>
  <si>
    <t>1048.885986328125</t>
  </si>
  <si>
    <t>-0.07345524076058751</t>
  </si>
  <si>
    <t>30322</t>
  </si>
  <si>
    <t>12.444538116455078</t>
  </si>
  <si>
    <t>868.3944702148438</t>
  </si>
  <si>
    <t>-0.05956484116557803</t>
  </si>
  <si>
    <t>12.10875415802002</t>
  </si>
  <si>
    <t>997.6285400390625</t>
  </si>
  <si>
    <t>-0.01391471184775206</t>
  </si>
  <si>
    <t>12.455761909484863</t>
  </si>
  <si>
    <t>656.8431396484375</t>
  </si>
  <si>
    <t>-0.028011326154439686</t>
  </si>
  <si>
    <t>28834</t>
  </si>
  <si>
    <t>12.662757873535156</t>
  </si>
  <si>
    <t>644.0904541015625</t>
  </si>
  <si>
    <t>-0.008392237267484504</t>
  </si>
  <si>
    <t>12.504727363586426</t>
  </si>
  <si>
    <t>716.776611328125</t>
  </si>
  <si>
    <t>-0.03954538262457774</t>
  </si>
  <si>
    <t>27132</t>
  </si>
  <si>
    <t>12.730395317077637</t>
  </si>
  <si>
    <t>867.9380493164062</t>
  </si>
  <si>
    <t>-0.021296020681301542</t>
  </si>
  <si>
    <t>12.776558876037598</t>
  </si>
  <si>
    <t>469.3140563964844</t>
  </si>
  <si>
    <t>-0.0361765528477509</t>
  </si>
  <si>
    <t>12.410552978515625</t>
  </si>
  <si>
    <t>539.3744506835938</t>
  </si>
  <si>
    <t>-0.019603931048592926</t>
  </si>
  <si>
    <t>12.808365821838379</t>
  </si>
  <si>
    <t>420.615234375</t>
  </si>
  <si>
    <t>0.023836781954553743</t>
  </si>
  <si>
    <t>27363</t>
  </si>
  <si>
    <t>13.013507843017578</t>
  </si>
  <si>
    <t>739.6118774414062</t>
  </si>
  <si>
    <t>0.04042159472408713</t>
  </si>
  <si>
    <t>13.19906234741211</t>
  </si>
  <si>
    <t>874.4136352539062</t>
  </si>
  <si>
    <t>0.031441438821243395</t>
  </si>
  <si>
    <t>27668</t>
  </si>
  <si>
    <t>12.893322944641113</t>
  </si>
  <si>
    <t>739.433837890625</t>
  </si>
  <si>
    <t>-0.02035666394903579</t>
  </si>
  <si>
    <t>12.745353698730469</t>
  </si>
  <si>
    <t>536.7486572265625</t>
  </si>
  <si>
    <t>0.08428188305599527</t>
  </si>
  <si>
    <t>13.44128131866455</t>
  </si>
  <si>
    <t>520.9031372070312</t>
  </si>
  <si>
    <t>0.039091652123207865</t>
  </si>
  <si>
    <t>56.30421447753906</t>
  </si>
  <si>
    <t>Rimini</t>
  </si>
  <si>
    <t>977.9000854492188</t>
  </si>
  <si>
    <t>0.014421108252147263</t>
  </si>
  <si>
    <t>35184</t>
  </si>
  <si>
    <t>885.5</t>
  </si>
  <si>
    <t>0.0074744307124685605</t>
  </si>
  <si>
    <t>-0.009337455943571271</t>
  </si>
  <si>
    <t>35593</t>
  </si>
  <si>
    <t>0.020895011441609768</t>
  </si>
  <si>
    <t>36614</t>
  </si>
  <si>
    <t>0.028281691618380123</t>
  </si>
  <si>
    <t>37061</t>
  </si>
  <si>
    <t>1091.10009765625</t>
  </si>
  <si>
    <t>0.01213452283472094</t>
  </si>
  <si>
    <t>792.4000244140625</t>
  </si>
  <si>
    <t>0.01741314243023062</t>
  </si>
  <si>
    <t>38376</t>
  </si>
  <si>
    <t>782.0</t>
  </si>
  <si>
    <t>0.01745391800598739</t>
  </si>
  <si>
    <t>38986</t>
  </si>
  <si>
    <t>12.050002098083496</t>
  </si>
  <si>
    <t>994.5999755859375</t>
  </si>
  <si>
    <t>0.015770343124190234</t>
  </si>
  <si>
    <t>40437</t>
  </si>
  <si>
    <t>855.5000610351562</t>
  </si>
  <si>
    <t>0.0365426001002902</t>
  </si>
  <si>
    <t>754.8001098632812</t>
  </si>
  <si>
    <t>0.031523013181480763</t>
  </si>
  <si>
    <t>0.006234717120545241</t>
  </si>
  <si>
    <t>0.0169301471271055</t>
  </si>
  <si>
    <t>43918</t>
  </si>
  <si>
    <t>0.027891173970425953</t>
  </si>
  <si>
    <t>1040.9998779296875</t>
  </si>
  <si>
    <t>0.008863557863916682</t>
  </si>
  <si>
    <t>45576</t>
  </si>
  <si>
    <t>728.0999755859375</t>
  </si>
  <si>
    <t>0.028193445490376945</t>
  </si>
  <si>
    <t>46069</t>
  </si>
  <si>
    <t>0.010759010434737704</t>
  </si>
  <si>
    <t>1071.2999267578125</t>
  </si>
  <si>
    <t>-0.012669734125919874</t>
  </si>
  <si>
    <t>42714</t>
  </si>
  <si>
    <t>-0.06294380313712011</t>
  </si>
  <si>
    <t>947.4000244140625</t>
  </si>
  <si>
    <t>-0.021367272544310367</t>
  </si>
  <si>
    <t>44708</t>
  </si>
  <si>
    <t>13.1416654586792</t>
  </si>
  <si>
    <t>0.06699299371788392</t>
  </si>
  <si>
    <t>43262</t>
  </si>
  <si>
    <t>-0.03287780498205528</t>
  </si>
  <si>
    <t>41539</t>
  </si>
  <si>
    <t>791.7000122070312</t>
  </si>
  <si>
    <t>-0.04064190656558253</t>
  </si>
  <si>
    <t>41139</t>
  </si>
  <si>
    <t>13.408333778381348</t>
  </si>
  <si>
    <t>-0.009676168289900033</t>
  </si>
  <si>
    <t>13.316665649414062</t>
  </si>
  <si>
    <t>601.7000732421875</t>
  </si>
  <si>
    <t>-0.010581074955140934</t>
  </si>
  <si>
    <t>41671</t>
  </si>
  <si>
    <t>12.700000762939453</t>
  </si>
  <si>
    <t>0.023429941495880513</t>
  </si>
  <si>
    <t>42416</t>
  </si>
  <si>
    <t>0.01772020632010296</t>
  </si>
  <si>
    <t>42652</t>
  </si>
  <si>
    <t>936.60009765625</t>
  </si>
  <si>
    <t>0.005548516609263032</t>
  </si>
  <si>
    <t>43322</t>
  </si>
  <si>
    <t>986.3001098632812</t>
  </si>
  <si>
    <t>0.015586422962853064</t>
  </si>
  <si>
    <t>795.7999877929688</t>
  </si>
  <si>
    <t>-0.1413640283167883</t>
  </si>
  <si>
    <t>0.08427350323163729</t>
  </si>
  <si>
    <t>639.2999267578125</t>
  </si>
  <si>
    <t>0.03908628894694566</t>
  </si>
  <si>
    <t>50479</t>
  </si>
  <si>
    <t>15.78290843963623</t>
  </si>
  <si>
    <t>850.9078979492188</t>
  </si>
  <si>
    <t>2264.12060546875</t>
  </si>
  <si>
    <t>Rome</t>
  </si>
  <si>
    <t>51212</t>
  </si>
  <si>
    <t>14.88608169555664</t>
  </si>
  <si>
    <t>958.7623901367188</t>
  </si>
  <si>
    <t>0.014416471372866724</t>
  </si>
  <si>
    <t>51595</t>
  </si>
  <si>
    <t>15.547592163085938</t>
  </si>
  <si>
    <t>826.8178100585938</t>
  </si>
  <si>
    <t>0.0074508889837439085</t>
  </si>
  <si>
    <t>51116</t>
  </si>
  <si>
    <t>15.550765037536621</t>
  </si>
  <si>
    <t>760.250732421875</t>
  </si>
  <si>
    <t>-0.009327208821220623</t>
  </si>
  <si>
    <t>52196</t>
  </si>
  <si>
    <t>16.149574279785156</t>
  </si>
  <si>
    <t>594.9403686523438</t>
  </si>
  <si>
    <t>0.020908303853543586</t>
  </si>
  <si>
    <t>53693</t>
  </si>
  <si>
    <t>15.479732513427734</t>
  </si>
  <si>
    <t>806.0366821289062</t>
  </si>
  <si>
    <t>0.028276775600517112</t>
  </si>
  <si>
    <t>54348</t>
  </si>
  <si>
    <t>15.052749633789062</t>
  </si>
  <si>
    <t>1110.6998291015625</t>
  </si>
  <si>
    <t>0.012125175161559199</t>
  </si>
  <si>
    <t>55303</t>
  </si>
  <si>
    <t>15.82774829864502</t>
  </si>
  <si>
    <t>704.0419921875</t>
  </si>
  <si>
    <t>0.017419342242678937</t>
  </si>
  <si>
    <t>56277</t>
  </si>
  <si>
    <t>15.51425838470459</t>
  </si>
  <si>
    <t>843.3926391601562</t>
  </si>
  <si>
    <t>0.017458769316624156</t>
  </si>
  <si>
    <t>15.772590637207031</t>
  </si>
  <si>
    <t>825.4414672851562</t>
  </si>
  <si>
    <t>0.015778342125489786</t>
  </si>
  <si>
    <t>59299</t>
  </si>
  <si>
    <t>16.34758949279785</t>
  </si>
  <si>
    <t>895.6375732421875</t>
  </si>
  <si>
    <t>0.03652817440821288</t>
  </si>
  <si>
    <t>61256</t>
  </si>
  <si>
    <t>15.819416046142578</t>
  </si>
  <si>
    <t>686.0321655273438</t>
  </si>
  <si>
    <t>0.032469361355740745</t>
  </si>
  <si>
    <t>62100</t>
  </si>
  <si>
    <t>16.18171501159668</t>
  </si>
  <si>
    <t>929.8062744140625</t>
  </si>
  <si>
    <t>0.013684185128610693</t>
  </si>
  <si>
    <t>61368</t>
  </si>
  <si>
    <t>16.169416427612305</t>
  </si>
  <si>
    <t>687.5133056640625</t>
  </si>
  <si>
    <t>-0.011857462282439002</t>
  </si>
  <si>
    <t>63101</t>
  </si>
  <si>
    <t>15.657906532287598</t>
  </si>
  <si>
    <t>829.9535522460938</t>
  </si>
  <si>
    <t>0.02784809062513638</t>
  </si>
  <si>
    <t>63355</t>
  </si>
  <si>
    <t>15.28290843963623</t>
  </si>
  <si>
    <t>972.9903564453125</t>
  </si>
  <si>
    <t>0.00401721296874058</t>
  </si>
  <si>
    <t>64151</t>
  </si>
  <si>
    <t>16.17140007019043</t>
  </si>
  <si>
    <t>641.1898803710938</t>
  </si>
  <si>
    <t>0.012485849153812012</t>
  </si>
  <si>
    <t>64721</t>
  </si>
  <si>
    <t>16.139257431030273</t>
  </si>
  <si>
    <t>614.0029907226562</t>
  </si>
  <si>
    <t>0.00884604440047454</t>
  </si>
  <si>
    <t>63243</t>
  </si>
  <si>
    <t>16.086082458496094</t>
  </si>
  <si>
    <t>929.5469970703125</t>
  </si>
  <si>
    <t>-0.023101274258877424</t>
  </si>
  <si>
    <t>60904</t>
  </si>
  <si>
    <t>16.044414520263672</t>
  </si>
  <si>
    <t>825.3980102539062</t>
  </si>
  <si>
    <t>-0.037685595542368944</t>
  </si>
  <si>
    <t>60557</t>
  </si>
  <si>
    <t>15.7527494430542</t>
  </si>
  <si>
    <t>909.2039184570312</t>
  </si>
  <si>
    <t>-0.00571378375036069</t>
  </si>
  <si>
    <t>60580</t>
  </si>
  <si>
    <t>16.044416427612305</t>
  </si>
  <si>
    <t>579.1843872070312</t>
  </si>
  <si>
    <t>0.0003797353455397001</t>
  </si>
  <si>
    <t>16.268224716186523</t>
  </si>
  <si>
    <t>630.5452880859375</t>
  </si>
  <si>
    <t>-0.05158872819949245</t>
  </si>
  <si>
    <t>54078</t>
  </si>
  <si>
    <t>16.08409881591797</t>
  </si>
  <si>
    <t>690.9097900390625</t>
  </si>
  <si>
    <t>-0.06194862859727124</t>
  </si>
  <si>
    <t>51900</t>
  </si>
  <si>
    <t>16.319416046142578</t>
  </si>
  <si>
    <t>725.0751953125</t>
  </si>
  <si>
    <t>-0.04110865863048474</t>
  </si>
  <si>
    <t>51393</t>
  </si>
  <si>
    <t>16.38290786743164</t>
  </si>
  <si>
    <t>359.7153625488281</t>
  </si>
  <si>
    <t>-0.009816813755410436</t>
  </si>
  <si>
    <t>53149</t>
  </si>
  <si>
    <t>16.036081314086914</t>
  </si>
  <si>
    <t>492.39703369140625</t>
  </si>
  <si>
    <t>0.033597313519079464</t>
  </si>
  <si>
    <t>53346</t>
  </si>
  <si>
    <t>16.379732131958008</t>
  </si>
  <si>
    <t>412.72027587890625</t>
  </si>
  <si>
    <t>0.0036997084315455453</t>
  </si>
  <si>
    <t>16.60274887084961</t>
  </si>
  <si>
    <t>586.73486328125</t>
  </si>
  <si>
    <t>0.00923626034819236</t>
  </si>
  <si>
    <t>16.738065719604492</t>
  </si>
  <si>
    <t>712.8740234375</t>
  </si>
  <si>
    <t>0.02106153494257157</t>
  </si>
  <si>
    <t>49744</t>
  </si>
  <si>
    <t>16.47774887084961</t>
  </si>
  <si>
    <t>668.2373657226562</t>
  </si>
  <si>
    <t>-0.10020694034142252</t>
  </si>
  <si>
    <t>54118</t>
  </si>
  <si>
    <t>498.6112365722656</t>
  </si>
  <si>
    <t>0.08427699438833613</t>
  </si>
  <si>
    <t>56276</t>
  </si>
  <si>
    <t>17.021398544311523</t>
  </si>
  <si>
    <t>515.3103637695312</t>
  </si>
  <si>
    <t>0.03910130881023299</t>
  </si>
  <si>
    <t>1626</t>
  </si>
  <si>
    <t>14.59146499633789</t>
  </si>
  <si>
    <t>722.7634887695312</t>
  </si>
  <si>
    <t>879.4389038085938</t>
  </si>
  <si>
    <t>Salerno</t>
  </si>
  <si>
    <t>24361</t>
  </si>
  <si>
    <t>13.733914375305176</t>
  </si>
  <si>
    <t>677.3162841796875</t>
  </si>
  <si>
    <t>0.014429787512654002</t>
  </si>
  <si>
    <t>24543</t>
  </si>
  <si>
    <t>14.319836616516113</t>
  </si>
  <si>
    <t>589.2803344726562</t>
  </si>
  <si>
    <t>0.007443188297420633</t>
  </si>
  <si>
    <t>24315</t>
  </si>
  <si>
    <t>14.386351585388184</t>
  </si>
  <si>
    <t>789.0389404296875</t>
  </si>
  <si>
    <t>-0.009333237343922107</t>
  </si>
  <si>
    <t>14.964682579040527</t>
  </si>
  <si>
    <t>670.976318359375</t>
  </si>
  <si>
    <t>0.020918880991048994</t>
  </si>
  <si>
    <t>25541</t>
  </si>
  <si>
    <t>14.27695369720459</t>
  </si>
  <si>
    <t>897.5109252929688</t>
  </si>
  <si>
    <t>0.028272679258902755</t>
  </si>
  <si>
    <t>13.898919105529785</t>
  </si>
  <si>
    <t>879.5274658203125</t>
  </si>
  <si>
    <t>0.01210296329494831</t>
  </si>
  <si>
    <t>14.555438995361328</t>
  </si>
  <si>
    <t>675.817626953125</t>
  </si>
  <si>
    <t>0.017447096064678647</t>
  </si>
  <si>
    <t>26770</t>
  </si>
  <si>
    <t>14.335765838623047</t>
  </si>
  <si>
    <t>733.8992919921875</t>
  </si>
  <si>
    <t>0.0174467940669345</t>
  </si>
  <si>
    <t>14.618645668029785</t>
  </si>
  <si>
    <t>517.1810302734375</t>
  </si>
  <si>
    <t>0.015788046131950395</t>
  </si>
  <si>
    <t>15.179543495178223</t>
  </si>
  <si>
    <t>731.9061889648438</t>
  </si>
  <si>
    <t>0.03650027042699833</t>
  </si>
  <si>
    <t>14.649479866027832</t>
  </si>
  <si>
    <t>627.9483032226562</t>
  </si>
  <si>
    <t>-0.012485892801054277</t>
  </si>
  <si>
    <t>28158</t>
  </si>
  <si>
    <t>14.952031135559082</t>
  </si>
  <si>
    <t>912.8574829101562</t>
  </si>
  <si>
    <t>0.01074722475017964</t>
  </si>
  <si>
    <t>27811</t>
  </si>
  <si>
    <t>14.935582160949707</t>
  </si>
  <si>
    <t>699.625</t>
  </si>
  <si>
    <t>-0.012399880152560883</t>
  </si>
  <si>
    <t>27540</t>
  </si>
  <si>
    <t>14.459789276123047</t>
  </si>
  <si>
    <t>875.1561889648438</t>
  </si>
  <si>
    <t>-0.009792132587266522</t>
  </si>
  <si>
    <t>27832</t>
  </si>
  <si>
    <t>14.081576347351074</t>
  </si>
  <si>
    <t>944.4135131835938</t>
  </si>
  <si>
    <t>0.010546944549131965</t>
  </si>
  <si>
    <t>14.941169738769531</t>
  </si>
  <si>
    <t>745.9075317382812</t>
  </si>
  <si>
    <t>0.03907283700688602</t>
  </si>
  <si>
    <t>14.912976264953613</t>
  </si>
  <si>
    <t>815.4306030273438</t>
  </si>
  <si>
    <t>0.014816610183517653</t>
  </si>
  <si>
    <t>27685</t>
  </si>
  <si>
    <t>14.9024019241333</t>
  </si>
  <si>
    <t>1049.1812744140625</t>
  </si>
  <si>
    <t>-0.059185134765114</t>
  </si>
  <si>
    <t>26595</t>
  </si>
  <si>
    <t>14.841503143310547</t>
  </si>
  <si>
    <t>921.85595703125</t>
  </si>
  <si>
    <t>-0.04016752208064922</t>
  </si>
  <si>
    <t>26288</t>
  </si>
  <si>
    <t>14.597064018249512</t>
  </si>
  <si>
    <t>1007.33935546875</t>
  </si>
  <si>
    <t>-0.011610666899368738</t>
  </si>
  <si>
    <t>26540</t>
  </si>
  <si>
    <t>14.808915138244629</t>
  </si>
  <si>
    <t>656.2178955078125</t>
  </si>
  <si>
    <t>0.009540467609149061</t>
  </si>
  <si>
    <t>15.125292778015137</t>
  </si>
  <si>
    <t>665.0082397460938</t>
  </si>
  <si>
    <t>0.0038734230404156023</t>
  </si>
  <si>
    <t>25902</t>
  </si>
  <si>
    <t>14.980286598205566</t>
  </si>
  <si>
    <t>680.9158935546875</t>
  </si>
  <si>
    <t>-0.02820626614308175</t>
  </si>
  <si>
    <t>25409</t>
  </si>
  <si>
    <t>15.084461212158203</t>
  </si>
  <si>
    <t>836.46826171875</t>
  </si>
  <si>
    <t>-0.01921674382854377</t>
  </si>
  <si>
    <t>25905</t>
  </si>
  <si>
    <t>667.9049072265625</t>
  </si>
  <si>
    <t>0.019332558293900348</t>
  </si>
  <si>
    <t>14.865578651428223</t>
  </si>
  <si>
    <t>675.180419921875</t>
  </si>
  <si>
    <t>-0.004604291278106132</t>
  </si>
  <si>
    <t>26156</t>
  </si>
  <si>
    <t>15.202244758605957</t>
  </si>
  <si>
    <t>438.9920654296875</t>
  </si>
  <si>
    <t>0.01424690071038448</t>
  </si>
  <si>
    <t>26457</t>
  </si>
  <si>
    <t>15.32979679107666</t>
  </si>
  <si>
    <t>618.9329833984375</t>
  </si>
  <si>
    <t>0.011442163875123867</t>
  </si>
  <si>
    <t>15.524055480957031</t>
  </si>
  <si>
    <t>719.8319702148438</t>
  </si>
  <si>
    <t>0.020316092430174848</t>
  </si>
  <si>
    <t>25091</t>
  </si>
  <si>
    <t>15.250535011291504</t>
  </si>
  <si>
    <t>762.0735473632812</t>
  </si>
  <si>
    <t>-0.07332764990370677</t>
  </si>
  <si>
    <t>27297</t>
  </si>
  <si>
    <t>15.151148796081543</t>
  </si>
  <si>
    <t>522.8930053710938</t>
  </si>
  <si>
    <t>0.08426758994204064</t>
  </si>
  <si>
    <t>15.751099586486816</t>
  </si>
  <si>
    <t>622.5726928710938</t>
  </si>
  <si>
    <t>0.03908403058002641</t>
  </si>
  <si>
    <t>25201</t>
  </si>
  <si>
    <t>16.28248405456543</t>
  </si>
  <si>
    <t>733.1768188476562</t>
  </si>
  <si>
    <t>189.110595703125</t>
  </si>
  <si>
    <t>Sardinia</t>
  </si>
  <si>
    <t>15.485123634338379</t>
  </si>
  <si>
    <t>773.597412109375</t>
  </si>
  <si>
    <t>0.01441878116002826</t>
  </si>
  <si>
    <t>16.157072067260742</t>
  </si>
  <si>
    <t>653.9432983398438</t>
  </si>
  <si>
    <t>0.0074428010407210365</t>
  </si>
  <si>
    <t>15.765140533447266</t>
  </si>
  <si>
    <t>798.549560546875</t>
  </si>
  <si>
    <t>-0.009321985714617398</t>
  </si>
  <si>
    <t>26058</t>
  </si>
  <si>
    <t>16.653961181640625</t>
  </si>
  <si>
    <t>474.1524353027344</t>
  </si>
  <si>
    <t>0.020901550024879256</t>
  </si>
  <si>
    <t>16.284652709960938</t>
  </si>
  <si>
    <t>552.9362182617188</t>
  </si>
  <si>
    <t>0.028300920275565744</t>
  </si>
  <si>
    <t>15.505928039550781</t>
  </si>
  <si>
    <t>873.2299194335938</t>
  </si>
  <si>
    <t>0.012088100027527915</t>
  </si>
  <si>
    <t>16.662704467773438</t>
  </si>
  <si>
    <t>671.6412353515625</t>
  </si>
  <si>
    <t>0.017427963440995953</t>
  </si>
  <si>
    <t>16.029373168945312</t>
  </si>
  <si>
    <t>578.9274291992188</t>
  </si>
  <si>
    <t>0.017449818039331433</t>
  </si>
  <si>
    <t>16.21141242980957</t>
  </si>
  <si>
    <t>563.8468017578125</t>
  </si>
  <si>
    <t>0.01578506211403763</t>
  </si>
  <si>
    <t>29604</t>
  </si>
  <si>
    <t>16.914522171020508</t>
  </si>
  <si>
    <t>778.096435546875</t>
  </si>
  <si>
    <t>0.036532800657020914</t>
  </si>
  <si>
    <t>16.210329055786133</t>
  </si>
  <si>
    <t>485.8200378417969</t>
  </si>
  <si>
    <t>0.03106232242610041</t>
  </si>
  <si>
    <t>16.72719955444336</t>
  </si>
  <si>
    <t>771.6964721679688</t>
  </si>
  <si>
    <t>-0.01036858583857203</t>
  </si>
  <si>
    <t>30653</t>
  </si>
  <si>
    <t>16.804166793823242</t>
  </si>
  <si>
    <t>689.6842041015625</t>
  </si>
  <si>
    <t>0.014127312951826454</t>
  </si>
  <si>
    <t>16.192106246948242</t>
  </si>
  <si>
    <t>796.3267822265625</t>
  </si>
  <si>
    <t>0.020408212575752316</t>
  </si>
  <si>
    <t>15.827404022216797</t>
  </si>
  <si>
    <t>699.1102294921875</t>
  </si>
  <si>
    <t>0.001341596061443795</t>
  </si>
  <si>
    <t>31970</t>
  </si>
  <si>
    <t>17.030925750732422</t>
  </si>
  <si>
    <t>424.0873107910156</t>
  </si>
  <si>
    <t>0.020317617559980405</t>
  </si>
  <si>
    <t>16.523061752319336</t>
  </si>
  <si>
    <t>550.1626586914062</t>
  </si>
  <si>
    <t>0.005178933985229506</t>
  </si>
  <si>
    <t>891.5408325195312</t>
  </si>
  <si>
    <t>0.0034791287578848085</t>
  </si>
  <si>
    <t>16.701318740844727</t>
  </si>
  <si>
    <t>714.261962890625</t>
  </si>
  <si>
    <t>-0.04334730065829007</t>
  </si>
  <si>
    <t>15.889525413513184</t>
  </si>
  <si>
    <t>799.9573974609375</t>
  </si>
  <si>
    <t>-0.0011664831858606561</t>
  </si>
  <si>
    <t>17.068660736083984</t>
  </si>
  <si>
    <t>715.7225341796875</t>
  </si>
  <si>
    <t>0.0008749899286275564</t>
  </si>
  <si>
    <t>30453</t>
  </si>
  <si>
    <t>16.486207962036133</t>
  </si>
  <si>
    <t>623.8067016601562</t>
  </si>
  <si>
    <t>-0.013632720428939038</t>
  </si>
  <si>
    <t>16.30924415588379</t>
  </si>
  <si>
    <t>787.7590942382812</t>
  </si>
  <si>
    <t>-0.045893172504131385</t>
  </si>
  <si>
    <t>28673</t>
  </si>
  <si>
    <t>17.190610885620117</t>
  </si>
  <si>
    <t>623.7601928710938</t>
  </si>
  <si>
    <t>-0.014335425549806047</t>
  </si>
  <si>
    <t>29518</t>
  </si>
  <si>
    <t>17.228078842163086</t>
  </si>
  <si>
    <t>603.9764404296875</t>
  </si>
  <si>
    <t>0.029044333343119177</t>
  </si>
  <si>
    <t>29036</t>
  </si>
  <si>
    <t>16.62787437438965</t>
  </si>
  <si>
    <t>658.6337890625</t>
  </si>
  <si>
    <t>-0.016463807336990044</t>
  </si>
  <si>
    <t>17.30856704711914</t>
  </si>
  <si>
    <t>426.81439208984375</t>
  </si>
  <si>
    <t>17.175233840942383</t>
  </si>
  <si>
    <t>875.4640502929688</t>
  </si>
  <si>
    <t>0.010841221363987685</t>
  </si>
  <si>
    <t>17.38444709777832</t>
  </si>
  <si>
    <t>680.693603515625</t>
  </si>
  <si>
    <t>0.027433472317502705</t>
  </si>
  <si>
    <t>27879</t>
  </si>
  <si>
    <t>17.22171401977539</t>
  </si>
  <si>
    <t>606.6007080078125</t>
  </si>
  <si>
    <t>-0.09306093010187588</t>
  </si>
  <si>
    <t>30330</t>
  </si>
  <si>
    <t>16.611413955688477</t>
  </si>
  <si>
    <t>570.4767456054688</t>
  </si>
  <si>
    <t>0.08426360445717762</t>
  </si>
  <si>
    <t>18.043867111206055</t>
  </si>
  <si>
    <t>477.2845458984375</t>
  </si>
  <si>
    <t>0.03911925983440234</t>
  </si>
  <si>
    <t>1628</t>
  </si>
  <si>
    <t>14.78092098236084</t>
  </si>
  <si>
    <t>899.197265625</t>
  </si>
  <si>
    <t>80.86410522460938</t>
  </si>
  <si>
    <t>13.91934871673584</t>
  </si>
  <si>
    <t>944.060302734375</t>
  </si>
  <si>
    <t>14.571581840515137</t>
  </si>
  <si>
    <t>805.658203125</t>
  </si>
  <si>
    <t>14.41041088104248</t>
  </si>
  <si>
    <t>955.3868408203125</t>
  </si>
  <si>
    <t>15.124329566955566</t>
  </si>
  <si>
    <t>555.0048217773438</t>
  </si>
  <si>
    <t>14.640862464904785</t>
  </si>
  <si>
    <t>692.41357421875</t>
  </si>
  <si>
    <t>14.034405708312988</t>
  </si>
  <si>
    <t>1104.8734130859375</t>
  </si>
  <si>
    <t>14.979668617248535</t>
  </si>
  <si>
    <t>849.83935546875</t>
  </si>
  <si>
    <t>14.46773910522461</t>
  </si>
  <si>
    <t>705.3661499023438</t>
  </si>
  <si>
    <t>14.789633750915527</t>
  </si>
  <si>
    <t>667.5308227539062</t>
  </si>
  <si>
    <t>15.433780670166016</t>
  </si>
  <si>
    <t>1004.7863159179688</t>
  </si>
  <si>
    <t>14.792248725891113</t>
  </si>
  <si>
    <t>677.896484375</t>
  </si>
  <si>
    <t>15.170599937438965</t>
  </si>
  <si>
    <t>949.10400390625</t>
  </si>
  <si>
    <t>15.280919075012207</t>
  </si>
  <si>
    <t>882.38037109375</t>
  </si>
  <si>
    <t>14.6769437789917</t>
  </si>
  <si>
    <t>1012.1988525390625</t>
  </si>
  <si>
    <t>14.326698303222656</t>
  </si>
  <si>
    <t>939.287109375</t>
  </si>
  <si>
    <t>15.438382148742676</t>
  </si>
  <si>
    <t>575.9586791992188</t>
  </si>
  <si>
    <t>15.085030555725098</t>
  </si>
  <si>
    <t>727.1571044921875</t>
  </si>
  <si>
    <t>14.9066801071167</t>
  </si>
  <si>
    <t>1108.727294921875</t>
  </si>
  <si>
    <t>15.116242408752441</t>
  </si>
  <si>
    <t>862.7179565429688</t>
  </si>
  <si>
    <t>14.609539985656738</t>
  </si>
  <si>
    <t>1020.650634765625</t>
  </si>
  <si>
    <t>15.315483093261719</t>
  </si>
  <si>
    <t>935.9434204101562</t>
  </si>
  <si>
    <t>15.139142036437988</t>
  </si>
  <si>
    <t>725.4520263671875</t>
  </si>
  <si>
    <t>14.961527824401855</t>
  </si>
  <si>
    <t>868.2276611328125</t>
  </si>
  <si>
    <t>15.579668998718262</t>
  </si>
  <si>
    <t>722.986572265625</t>
  </si>
  <si>
    <t>15.57855224609375</t>
  </si>
  <si>
    <t>720.604248046875</t>
  </si>
  <si>
    <t>15.15194320678711</t>
  </si>
  <si>
    <t>779.7181396484375</t>
  </si>
  <si>
    <t>15.640862464904785</t>
  </si>
  <si>
    <t>494.9579162597656</t>
  </si>
  <si>
    <t>15.573704719543457</t>
  </si>
  <si>
    <t>1088.702880859375</t>
  </si>
  <si>
    <t>15.79497241973877</t>
  </si>
  <si>
    <t>770.3214111328125</t>
  </si>
  <si>
    <t>15.553553581237793</t>
  </si>
  <si>
    <t>691.27294921875</t>
  </si>
  <si>
    <t>15.23080825805664</t>
  </si>
  <si>
    <t>734.0055541992188</t>
  </si>
  <si>
    <t>16.21175193786621</t>
  </si>
  <si>
    <t>533.4489135742188</t>
  </si>
  <si>
    <t>16.212841033935547</t>
  </si>
  <si>
    <t>604.5178833007812</t>
  </si>
  <si>
    <t>384.99627685546875</t>
  </si>
  <si>
    <t>15.32092571258545</t>
  </si>
  <si>
    <t>644.81201171875</t>
  </si>
  <si>
    <t>15.626376152038574</t>
  </si>
  <si>
    <t>563.6914672851562</t>
  </si>
  <si>
    <t>15.961602210998535</t>
  </si>
  <si>
    <t>621.057373046875</t>
  </si>
  <si>
    <t>16.74097442626953</t>
  </si>
  <si>
    <t>370.6307067871094</t>
  </si>
  <si>
    <t>16.410966873168945</t>
  </si>
  <si>
    <t>438.04119873046875</t>
  </si>
  <si>
    <t>15.831939697265625</t>
  </si>
  <si>
    <t>768.6248168945312</t>
  </si>
  <si>
    <t>16.571277618408203</t>
  </si>
  <si>
    <t>610.67529296875</t>
  </si>
  <si>
    <t>16.03433609008789</t>
  </si>
  <si>
    <t>497.4925231933594</t>
  </si>
  <si>
    <t>16.554216384887695</t>
  </si>
  <si>
    <t>446.6058349609375</t>
  </si>
  <si>
    <t>16.869098663330078</t>
  </si>
  <si>
    <t>612.8469848632812</t>
  </si>
  <si>
    <t>16.581645965576172</t>
  </si>
  <si>
    <t>469.1670227050781</t>
  </si>
  <si>
    <t>16.589384078979492</t>
  </si>
  <si>
    <t>656.3204956054688</t>
  </si>
  <si>
    <t>16.870840072631836</t>
  </si>
  <si>
    <t>662.2732543945312</t>
  </si>
  <si>
    <t>16.081693649291992</t>
  </si>
  <si>
    <t>747.7061767578125</t>
  </si>
  <si>
    <t>15.998866081237793</t>
  </si>
  <si>
    <t>662.85107421875</t>
  </si>
  <si>
    <t>16.99256706237793</t>
  </si>
  <si>
    <t>449.4741516113281</t>
  </si>
  <si>
    <t>16.488840103149414</t>
  </si>
  <si>
    <t>528.6718139648438</t>
  </si>
  <si>
    <t>16.4873046875</t>
  </si>
  <si>
    <t>629.8511962890625</t>
  </si>
  <si>
    <t>16.58085060119629</t>
  </si>
  <si>
    <t>615.13525390625</t>
  </si>
  <si>
    <t>16.470932006835938</t>
  </si>
  <si>
    <t>673.8340454101562</t>
  </si>
  <si>
    <t>16.48442840576172</t>
  </si>
  <si>
    <t>677.765869140625</t>
  </si>
  <si>
    <t>16.86726951599121</t>
  </si>
  <si>
    <t>548.3820190429688</t>
  </si>
  <si>
    <t>16.494140625</t>
  </si>
  <si>
    <t>626.9039916992188</t>
  </si>
  <si>
    <t>16.979902267456055</t>
  </si>
  <si>
    <t>527.2462158203125</t>
  </si>
  <si>
    <t>16.922607421875</t>
  </si>
  <si>
    <t>563.3436889648438</t>
  </si>
  <si>
    <t>16.801189422607422</t>
  </si>
  <si>
    <t>556.43994140625</t>
  </si>
  <si>
    <t>16.90679168701172</t>
  </si>
  <si>
    <t>362.3478088378906</t>
  </si>
  <si>
    <t>16.555042266845703</t>
  </si>
  <si>
    <t>723.7999267578125</t>
  </si>
  <si>
    <t>16.842443466186523</t>
  </si>
  <si>
    <t>550.74365234375</t>
  </si>
  <si>
    <t>16.82379722595215</t>
  </si>
  <si>
    <t>535.141357421875</t>
  </si>
  <si>
    <t>17.07307243347168</t>
  </si>
  <si>
    <t>528.5276489257812</t>
  </si>
  <si>
    <t>17.548948287963867</t>
  </si>
  <si>
    <t>403.1315002441406</t>
  </si>
  <si>
    <t>75.87458801269531</t>
  </si>
  <si>
    <t>729.7999877929688</t>
  </si>
  <si>
    <t>620.5999755859375</t>
  </si>
  <si>
    <t>16.424999237060547</t>
  </si>
  <si>
    <t>707.7000732421875</t>
  </si>
  <si>
    <t>427.1000061035156</t>
  </si>
  <si>
    <t>16.825000762939453</t>
  </si>
  <si>
    <t>466.4000244140625</t>
  </si>
  <si>
    <t>847.0</t>
  </si>
  <si>
    <t>686.4000244140625</t>
  </si>
  <si>
    <t>560.300048828125</t>
  </si>
  <si>
    <t>684.0999755859375</t>
  </si>
  <si>
    <t>16.366668701171875</t>
  </si>
  <si>
    <t>575.2000732421875</t>
  </si>
  <si>
    <t>16.92500114440918</t>
  </si>
  <si>
    <t>16.90833282470703</t>
  </si>
  <si>
    <t>655.7000122070312</t>
  </si>
  <si>
    <t>17.42500114440918</t>
  </si>
  <si>
    <t>611.7000122070312</t>
  </si>
  <si>
    <t>579.4999389648438</t>
  </si>
  <si>
    <t>17.3416690826416</t>
  </si>
  <si>
    <t>528.300048828125</t>
  </si>
  <si>
    <t>14.958334922790527</t>
  </si>
  <si>
    <t>38.62128448486328</t>
  </si>
  <si>
    <t>14.183334350585938</t>
  </si>
  <si>
    <t>871.0999755859375</t>
  </si>
  <si>
    <t>14.899998664855957</t>
  </si>
  <si>
    <t>930.7000732421875</t>
  </si>
  <si>
    <t>14.908332824707031</t>
  </si>
  <si>
    <t>1047.699951171875</t>
  </si>
  <si>
    <t>15.233333587646484</t>
  </si>
  <si>
    <t>765.7000122070312</t>
  </si>
  <si>
    <t>683.9000244140625</t>
  </si>
  <si>
    <t>14.866665840148926</t>
  </si>
  <si>
    <t>690.5</t>
  </si>
  <si>
    <t>998.0</t>
  </si>
  <si>
    <t>556.7999877929688</t>
  </si>
  <si>
    <t>15.375</t>
  </si>
  <si>
    <t>869.1998901367188</t>
  </si>
  <si>
    <t>14.433334350585938</t>
  </si>
  <si>
    <t>886.699951171875</t>
  </si>
  <si>
    <t>553.800048828125</t>
  </si>
  <si>
    <t>603.5</t>
  </si>
  <si>
    <t>1047.800048828125</t>
  </si>
  <si>
    <t>15.333333015441895</t>
  </si>
  <si>
    <t>15.724998474121094</t>
  </si>
  <si>
    <t>15.15833568572998</t>
  </si>
  <si>
    <t>821.60009765625</t>
  </si>
  <si>
    <t>741.300048828125</t>
  </si>
  <si>
    <t>15.8583345413208</t>
  </si>
  <si>
    <t>607.800048828125</t>
  </si>
  <si>
    <t>15.308333396911621</t>
  </si>
  <si>
    <t>15.974998474121094</t>
  </si>
  <si>
    <t>501.79998779296875</t>
  </si>
  <si>
    <t>1007.7000732421875</t>
  </si>
  <si>
    <t>756.9000854492188</t>
  </si>
  <si>
    <t>613.4999389648438</t>
  </si>
  <si>
    <t>16.666669845581055</t>
  </si>
  <si>
    <t>1634</t>
  </si>
  <si>
    <t>86.99897766113281</t>
  </si>
  <si>
    <t>725.5000610351562</t>
  </si>
  <si>
    <t>592.4999389648438</t>
  </si>
  <si>
    <t>16.400001525878906</t>
  </si>
  <si>
    <t>731.5999755859375</t>
  </si>
  <si>
    <t>400.6999816894531</t>
  </si>
  <si>
    <t>16.94999885559082</t>
  </si>
  <si>
    <t>481.9000244140625</t>
  </si>
  <si>
    <t>17.25833511352539</t>
  </si>
  <si>
    <t>697.6000366210938</t>
  </si>
  <si>
    <t>552.2999877929688</t>
  </si>
  <si>
    <t>475.4000244140625</t>
  </si>
  <si>
    <t>523.1000366210938</t>
  </si>
  <si>
    <t>799.199951171875</t>
  </si>
  <si>
    <t>17.44999885559082</t>
  </si>
  <si>
    <t>709.199951171875</t>
  </si>
  <si>
    <t>16.76666831970215</t>
  </si>
  <si>
    <t>779.2000732421875</t>
  </si>
  <si>
    <t>625.4000244140625</t>
  </si>
  <si>
    <t>416.0000305175781</t>
  </si>
  <si>
    <t>640.4000244140625</t>
  </si>
  <si>
    <t>17.025001525878906</t>
  </si>
  <si>
    <t>582.0000610351562</t>
  </si>
  <si>
    <t>16.89999771118164</t>
  </si>
  <si>
    <t>725.0000610351562</t>
  </si>
  <si>
    <t>17.658334732055664</t>
  </si>
  <si>
    <t>606.0999755859375</t>
  </si>
  <si>
    <t>630.5000610351562</t>
  </si>
  <si>
    <t>17.750001907348633</t>
  </si>
  <si>
    <t>623.4000854492188</t>
  </si>
  <si>
    <t>18.450002670288086</t>
  </si>
  <si>
    <t>142.16641235351562</t>
  </si>
  <si>
    <t>Savona</t>
  </si>
  <si>
    <t>0.014418035367159021</t>
  </si>
  <si>
    <t>0.007457237290623198</t>
  </si>
  <si>
    <t>36537</t>
  </si>
  <si>
    <t>888.199951171875</t>
  </si>
  <si>
    <t>-0.009343952915310538</t>
  </si>
  <si>
    <t>37310</t>
  </si>
  <si>
    <t>842.0000610351562</t>
  </si>
  <si>
    <t>0.020935941459983454</t>
  </si>
  <si>
    <t>13.341668128967285</t>
  </si>
  <si>
    <t>982.0999145507812</t>
  </si>
  <si>
    <t>0.02827510334648764</t>
  </si>
  <si>
    <t>38848</t>
  </si>
  <si>
    <t>0.012120104857478609</t>
  </si>
  <si>
    <t>39530</t>
  </si>
  <si>
    <t>0.017403281871560594</t>
  </si>
  <si>
    <t>765.0000610351562</t>
  </si>
  <si>
    <t>0.017478534657021427</t>
  </si>
  <si>
    <t>40866</t>
  </si>
  <si>
    <t>0.015760009521621043</t>
  </si>
  <si>
    <t>1040.7000732421875</t>
  </si>
  <si>
    <t>0.03651969754714557</t>
  </si>
  <si>
    <t>44427</t>
  </si>
  <si>
    <t>545.0</t>
  </si>
  <si>
    <t>0.04702927368909471</t>
  </si>
  <si>
    <t>43144</t>
  </si>
  <si>
    <t>13.858333587646484</t>
  </si>
  <si>
    <t>1018.5000610351562</t>
  </si>
  <si>
    <t>-0.029304034688550473</t>
  </si>
  <si>
    <t>44117</t>
  </si>
  <si>
    <t>14.058331489562988</t>
  </si>
  <si>
    <t>557.2000732421875</t>
  </si>
  <si>
    <t>0.022301837664990387</t>
  </si>
  <si>
    <t>44378</t>
  </si>
  <si>
    <t>0.005898655444308787</t>
  </si>
  <si>
    <t>661.0</t>
  </si>
  <si>
    <t>0.02878535706517482</t>
  </si>
  <si>
    <t>46747</t>
  </si>
  <si>
    <t>0.023220874343246933</t>
  </si>
  <si>
    <t>594.199951171875</t>
  </si>
  <si>
    <t>0.030027856845586953</t>
  </si>
  <si>
    <t>946.5999755859375</t>
  </si>
  <si>
    <t>-0.03264106143425316</t>
  </si>
  <si>
    <t>13.850001335144043</t>
  </si>
  <si>
    <t>-0.05499705468252536</t>
  </si>
  <si>
    <t>946.5000610351562</t>
  </si>
  <si>
    <t>-0.042352737229222726</t>
  </si>
  <si>
    <t>14.299999237060547</t>
  </si>
  <si>
    <t>667.0</t>
  </si>
  <si>
    <t>0.002384860813220868</t>
  </si>
  <si>
    <t>40584</t>
  </si>
  <si>
    <t>797.5001220703125</t>
  </si>
  <si>
    <t>-0.04379804660106501</t>
  </si>
  <si>
    <t>39542</t>
  </si>
  <si>
    <t>-0.026010502111699196</t>
  </si>
  <si>
    <t>38017</t>
  </si>
  <si>
    <t>916.7000122070312</t>
  </si>
  <si>
    <t>-0.039329970044667206</t>
  </si>
  <si>
    <t>38430</t>
  </si>
  <si>
    <t>0.010804976468730132</t>
  </si>
  <si>
    <t>38589</t>
  </si>
  <si>
    <t>0.004128857187936319</t>
  </si>
  <si>
    <t>14.516669273376465</t>
  </si>
  <si>
    <t>614.5</t>
  </si>
  <si>
    <t>0.028484676520450947</t>
  </si>
  <si>
    <t>39563</t>
  </si>
  <si>
    <t>14.441665649414062</t>
  </si>
  <si>
    <t>895.300048828125</t>
  </si>
  <si>
    <t>-0.0035576002299588794</t>
  </si>
  <si>
    <t>39214</t>
  </si>
  <si>
    <t>-0.008860512161950496</t>
  </si>
  <si>
    <t>36754</t>
  </si>
  <si>
    <t>-0.06478676261999716</t>
  </si>
  <si>
    <t>13.700000762939453</t>
  </si>
  <si>
    <t>636.699951171875</t>
  </si>
  <si>
    <t>0.0842823295764088</t>
  </si>
  <si>
    <t>41580</t>
  </si>
  <si>
    <t>15.300000190734863</t>
  </si>
  <si>
    <t>0.03908988958022519</t>
  </si>
  <si>
    <t>39519</t>
  </si>
  <si>
    <t>14.02003002166748</t>
  </si>
  <si>
    <t>769.570556640625</t>
  </si>
  <si>
    <t>174.90457153320312</t>
  </si>
  <si>
    <t>Siena</t>
  </si>
  <si>
    <t>13.098297119140625</t>
  </si>
  <si>
    <t>778.1656494140625</t>
  </si>
  <si>
    <t>0.014420186567704718</t>
  </si>
  <si>
    <t>40393</t>
  </si>
  <si>
    <t>14.154595375061035</t>
  </si>
  <si>
    <t>745.032958984375</t>
  </si>
  <si>
    <t>0.0074547471443491276</t>
  </si>
  <si>
    <t>40018</t>
  </si>
  <si>
    <t>13.633240699768066</t>
  </si>
  <si>
    <t>737.119384765625</t>
  </si>
  <si>
    <t>-0.009327149733552531</t>
  </si>
  <si>
    <t>14.535277366638184</t>
  </si>
  <si>
    <t>611.4857788085938</t>
  </si>
  <si>
    <t>0.020920126955827456</t>
  </si>
  <si>
    <t>13.621451377868652</t>
  </si>
  <si>
    <t>845.8367919921875</t>
  </si>
  <si>
    <t>0.02827691415322242</t>
  </si>
  <si>
    <t>42548</t>
  </si>
  <si>
    <t>12.997871398925781</t>
  </si>
  <si>
    <t>919.3295288085938</t>
  </si>
  <si>
    <t>0.012106456386067777</t>
  </si>
  <si>
    <t>43296</t>
  </si>
  <si>
    <t>14.201138496398926</t>
  </si>
  <si>
    <t>630.6222534179688</t>
  </si>
  <si>
    <t>44059</t>
  </si>
  <si>
    <t>13.821450233459473</t>
  </si>
  <si>
    <t>681.20166015625</t>
  </si>
  <si>
    <t>0.01746939280505977</t>
  </si>
  <si>
    <t>44759</t>
  </si>
  <si>
    <t>13.646450996398926</t>
  </si>
  <si>
    <t>715.7432250976562</t>
  </si>
  <si>
    <t>0.015762897024487188</t>
  </si>
  <si>
    <t>46424</t>
  </si>
  <si>
    <t>14.721450805664062</t>
  </si>
  <si>
    <t>822.4529418945312</t>
  </si>
  <si>
    <t>0.036524025070383104</t>
  </si>
  <si>
    <t>13.854783058166504</t>
  </si>
  <si>
    <t>-0.03822345080529388</t>
  </si>
  <si>
    <t>45102</t>
  </si>
  <si>
    <t>14.511696815490723</t>
  </si>
  <si>
    <t>903.3292236328125</t>
  </si>
  <si>
    <t>0.009333475340373099</t>
  </si>
  <si>
    <t>45578</t>
  </si>
  <si>
    <t>14.38873291015625</t>
  </si>
  <si>
    <t>563.3125610351562</t>
  </si>
  <si>
    <t>0.010498552537193007</t>
  </si>
  <si>
    <t>13.82003116607666</t>
  </si>
  <si>
    <t>754.8330688476562</t>
  </si>
  <si>
    <t>-0.006670140191101126</t>
  </si>
  <si>
    <t>45020</t>
  </si>
  <si>
    <t>13.261698722839355</t>
  </si>
  <si>
    <t>722.1261596679688</t>
  </si>
  <si>
    <t>-0.00564816829089132</t>
  </si>
  <si>
    <t>45615</t>
  </si>
  <si>
    <t>14.567806243896484</t>
  </si>
  <si>
    <t>590.7272338867188</t>
  </si>
  <si>
    <t>0.013129774318851872</t>
  </si>
  <si>
    <t>45995</t>
  </si>
  <si>
    <t>14.385893821716309</t>
  </si>
  <si>
    <t>584.9896240234375</t>
  </si>
  <si>
    <t>0.008296085131682673</t>
  </si>
  <si>
    <t>45341</t>
  </si>
  <si>
    <t>13.936508178710938</t>
  </si>
  <si>
    <t>777.1401977539062</t>
  </si>
  <si>
    <t>-0.01432099451289659</t>
  </si>
  <si>
    <t>43578</t>
  </si>
  <si>
    <t>14.127558708190918</t>
  </si>
  <si>
    <t>732.9921264648438</t>
  </si>
  <si>
    <t>-0.03965926456413804</t>
  </si>
  <si>
    <t>13.45947265625</t>
  </si>
  <si>
    <t>919.18212890625</t>
  </si>
  <si>
    <t>0.017740639950931225</t>
  </si>
  <si>
    <t>14.775524139404297</t>
  </si>
  <si>
    <t>556.1973876953125</t>
  </si>
  <si>
    <t>0.023483311499269632</t>
  </si>
  <si>
    <t>14.243420600891113</t>
  </si>
  <si>
    <t>696.3121337890625</t>
  </si>
  <si>
    <t>-0.004435967240173255</t>
  </si>
  <si>
    <t>14.11657428741455</t>
  </si>
  <si>
    <t>842.08349609375</t>
  </si>
  <si>
    <t>-0.04201064905087648</t>
  </si>
  <si>
    <t>14.974906921386719</t>
  </si>
  <si>
    <t>767.75439453125</t>
  </si>
  <si>
    <t>0.015632291779743568</t>
  </si>
  <si>
    <t>14.911697387695312</t>
  </si>
  <si>
    <t>418.0643005371094</t>
  </si>
  <si>
    <t>-0.00316164441280975</t>
  </si>
  <si>
    <t>45011</t>
  </si>
  <si>
    <t>14.296451568603516</t>
  </si>
  <si>
    <t>567.709716796875</t>
  </si>
  <si>
    <t>0.02510648596491727</t>
  </si>
  <si>
    <t>14.878364562988281</t>
  </si>
  <si>
    <t>463.7489013671875</t>
  </si>
  <si>
    <t>-0.007022892186240526</t>
  </si>
  <si>
    <t>15.020031929016113</t>
  </si>
  <si>
    <t>663.4447021484375</t>
  </si>
  <si>
    <t>0.005644501572268368</t>
  </si>
  <si>
    <t>15.323487281799316</t>
  </si>
  <si>
    <t>822.6746215820312</t>
  </si>
  <si>
    <t>-0.007189456706436559</t>
  </si>
  <si>
    <t>14.846451759338379</t>
  </si>
  <si>
    <t>708.41162109375</t>
  </si>
  <si>
    <t>-0.09851966287040881</t>
  </si>
  <si>
    <t>43996</t>
  </si>
  <si>
    <t>14.421451568603516</t>
  </si>
  <si>
    <t>482.7540588378906</t>
  </si>
  <si>
    <t>0.08427932654259962</t>
  </si>
  <si>
    <t>15.514537811279297</t>
  </si>
  <si>
    <t>534.9028930664062</t>
  </si>
  <si>
    <t>0.03909307102665949</t>
  </si>
  <si>
    <t>17.891664505004883</t>
  </si>
  <si>
    <t>369.10302734375</t>
  </si>
  <si>
    <t>Siracusa</t>
  </si>
  <si>
    <t>24423</t>
  </si>
  <si>
    <t>562.9999389648438</t>
  </si>
  <si>
    <t>0.014392891302406952</t>
  </si>
  <si>
    <t>17.5916690826416</t>
  </si>
  <si>
    <t>412.2000427246094</t>
  </si>
  <si>
    <t>0.007465004378026663</t>
  </si>
  <si>
    <t>24378</t>
  </si>
  <si>
    <t>585.800048828125</t>
  </si>
  <si>
    <t>-0.009309229404331987</t>
  </si>
  <si>
    <t>24893</t>
  </si>
  <si>
    <t>18.508331298828125</t>
  </si>
  <si>
    <t>523.6000366210938</t>
  </si>
  <si>
    <t>0.020905553216126194</t>
  </si>
  <si>
    <t>17.983335494995117</t>
  </si>
  <si>
    <t>550.8999633789062</t>
  </si>
  <si>
    <t>0.02827911215852552</t>
  </si>
  <si>
    <t>0.012110538884625655</t>
  </si>
  <si>
    <t>0.01740238589258425</t>
  </si>
  <si>
    <t>17.916667938232422</t>
  </si>
  <si>
    <t>455.0999755859375</t>
  </si>
  <si>
    <t>0.017477377199741184</t>
  </si>
  <si>
    <t>18.33333396911621</t>
  </si>
  <si>
    <t>446.1999816894531</t>
  </si>
  <si>
    <t>0.015784451178689096</t>
  </si>
  <si>
    <t>18.67500114440918</t>
  </si>
  <si>
    <t>467.5000305175781</t>
  </si>
  <si>
    <t>0.03651433626443534</t>
  </si>
  <si>
    <t>27571</t>
  </si>
  <si>
    <t>18.450000762939453</t>
  </si>
  <si>
    <t>369.70001220703125</t>
  </si>
  <si>
    <t>-0.02539034534106044</t>
  </si>
  <si>
    <t>18.45833396911621</t>
  </si>
  <si>
    <t>578.1000366210938</t>
  </si>
  <si>
    <t>-0.011784371766980328</t>
  </si>
  <si>
    <t>18.549999237060547</t>
  </si>
  <si>
    <t>-0.004524312059707825</t>
  </si>
  <si>
    <t>26578</t>
  </si>
  <si>
    <t>18.049999237060547</t>
  </si>
  <si>
    <t>-0.020372005951308836</t>
  </si>
  <si>
    <t>18.000001907348633</t>
  </si>
  <si>
    <t>0.06146972282532559</t>
  </si>
  <si>
    <t>18.916667938232422</t>
  </si>
  <si>
    <t>411.8999938964844</t>
  </si>
  <si>
    <t>0.06539395601919651</t>
  </si>
  <si>
    <t>29138</t>
  </si>
  <si>
    <t>18.416667938232422</t>
  </si>
  <si>
    <t>-0.03490432052203296</t>
  </si>
  <si>
    <t>29255</t>
  </si>
  <si>
    <t>18.508333206176758</t>
  </si>
  <si>
    <t>594.7000122070312</t>
  </si>
  <si>
    <t>0.004007335008395785</t>
  </si>
  <si>
    <t>18.51666831970215</t>
  </si>
  <si>
    <t>-0.0506188733524251</t>
  </si>
  <si>
    <t>28139</t>
  </si>
  <si>
    <t>0.011724888564327074</t>
  </si>
  <si>
    <t>27880</t>
  </si>
  <si>
    <t>18.39166831970215</t>
  </si>
  <si>
    <t>484.8000183105469</t>
  </si>
  <si>
    <t>-0.009246928559779377</t>
  </si>
  <si>
    <t>27981</t>
  </si>
  <si>
    <t>18.858333587646484</t>
  </si>
  <si>
    <t>509.5000305175781</t>
  </si>
  <si>
    <t>0.003616122520513798</t>
  </si>
  <si>
    <t>18.583335876464844</t>
  </si>
  <si>
    <t>415.0000305175781</t>
  </si>
  <si>
    <t>-0.031106763591241204</t>
  </si>
  <si>
    <t>21840</t>
  </si>
  <si>
    <t>18.69999885559082</t>
  </si>
  <si>
    <t>516.5</t>
  </si>
  <si>
    <t>-0.21667579394489067</t>
  </si>
  <si>
    <t>18.70833396911621</t>
  </si>
  <si>
    <t>551.199951171875</t>
  </si>
  <si>
    <t>0.17880500244768172</t>
  </si>
  <si>
    <t>18.616666793823242</t>
  </si>
  <si>
    <t>471.4000244140625</t>
  </si>
  <si>
    <t>0.009640924440830645</t>
  </si>
  <si>
    <t>302.3000183105469</t>
  </si>
  <si>
    <t>0.02775047182271173</t>
  </si>
  <si>
    <t>25873</t>
  </si>
  <si>
    <t>18.624998092651367</t>
  </si>
  <si>
    <t>-0.046739595675774126</t>
  </si>
  <si>
    <t>18.924999237060547</t>
  </si>
  <si>
    <t>381.9000244140625</t>
  </si>
  <si>
    <t>-0.010021836520989424</t>
  </si>
  <si>
    <t>23403</t>
  </si>
  <si>
    <t>18.80000114440918</t>
  </si>
  <si>
    <t>450.9000244140625</t>
  </si>
  <si>
    <t>-0.09031389811687873</t>
  </si>
  <si>
    <t>552.0999755859375</t>
  </si>
  <si>
    <t>0.08428365038136221</t>
  </si>
  <si>
    <t>19.241666793823242</t>
  </si>
  <si>
    <t>0.03909079260102821</t>
  </si>
  <si>
    <t>34624</t>
  </si>
  <si>
    <t>3.708333730697632</t>
  </si>
  <si>
    <t>1092.0001220703125</t>
  </si>
  <si>
    <t>49.611412048339844</t>
  </si>
  <si>
    <t>Sondrio</t>
  </si>
  <si>
    <t>35126</t>
  </si>
  <si>
    <t>3.0250003337860107</t>
  </si>
  <si>
    <t>987.2000732421875</t>
  </si>
  <si>
    <t>0.01439451377552814</t>
  </si>
  <si>
    <t>35390</t>
  </si>
  <si>
    <t>3.983332872390747</t>
  </si>
  <si>
    <t>1294.800048828125</t>
  </si>
  <si>
    <t>0.007487697357827727</t>
  </si>
  <si>
    <t>3.183333396911621</t>
  </si>
  <si>
    <t>1342.900146484375</t>
  </si>
  <si>
    <t>-0.009339892738241318</t>
  </si>
  <si>
    <t>1204.900146484375</t>
  </si>
  <si>
    <t>0.020914356148869828</t>
  </si>
  <si>
    <t>3.3499996662139893</t>
  </si>
  <si>
    <t>1219.800048828125</t>
  </si>
  <si>
    <t>37277</t>
  </si>
  <si>
    <t>2.5166666507720947</t>
  </si>
  <si>
    <t>1416.7999267578125</t>
  </si>
  <si>
    <t>0.0120909361664161</t>
  </si>
  <si>
    <t>37932</t>
  </si>
  <si>
    <t>3.7250003814697266</t>
  </si>
  <si>
    <t>0.017418568545148005</t>
  </si>
  <si>
    <t>38601</t>
  </si>
  <si>
    <t>3.483332872390747</t>
  </si>
  <si>
    <t>0.01748309984948193</t>
  </si>
  <si>
    <t>3.3249995708465576</t>
  </si>
  <si>
    <t>1298.39990234375</t>
  </si>
  <si>
    <t>0.015755643022266952</t>
  </si>
  <si>
    <t>40673</t>
  </si>
  <si>
    <t>4.275000095367432</t>
  </si>
  <si>
    <t>1539.400146484375</t>
  </si>
  <si>
    <t>0.036530655750977914</t>
  </si>
  <si>
    <t>41229</t>
  </si>
  <si>
    <t>3.4250001907348633</t>
  </si>
  <si>
    <t>0.01357741059661599</t>
  </si>
  <si>
    <t>43116</t>
  </si>
  <si>
    <t>4.1166672706604</t>
  </si>
  <si>
    <t>1569.5001220703125</t>
  </si>
  <si>
    <t>0.044752265678559056</t>
  </si>
  <si>
    <t>3.958333969116211</t>
  </si>
  <si>
    <t>833.300048828125</t>
  </si>
  <si>
    <t>0.023902598865520375</t>
  </si>
  <si>
    <t>44537</t>
  </si>
  <si>
    <t>3.4250004291534424</t>
  </si>
  <si>
    <t>1063.5999755859375</t>
  </si>
  <si>
    <t>0.008523547589506464</t>
  </si>
  <si>
    <t>43781</t>
  </si>
  <si>
    <t>2.9499998092651367</t>
  </si>
  <si>
    <t>877.300048828125</t>
  </si>
  <si>
    <t>-0.017120371060427075</t>
  </si>
  <si>
    <t>4.341665744781494</t>
  </si>
  <si>
    <t>1019.0000610351562</t>
  </si>
  <si>
    <t>0.0018028096757589651</t>
  </si>
  <si>
    <t>44361</t>
  </si>
  <si>
    <t>977.7999267578125</t>
  </si>
  <si>
    <t>0.011357962069718397</t>
  </si>
  <si>
    <t>1524.0999755859375</t>
  </si>
  <si>
    <t>-0.02222389663858948</t>
  </si>
  <si>
    <t>42264</t>
  </si>
  <si>
    <t>3.66666579246521</t>
  </si>
  <si>
    <t>1202.39990234375</t>
  </si>
  <si>
    <t>-0.026201148558856246</t>
  </si>
  <si>
    <t>2.9916670322418213</t>
  </si>
  <si>
    <t>1314.5999755859375</t>
  </si>
  <si>
    <t>0.05238464451239544</t>
  </si>
  <si>
    <t>4.599999904632568</t>
  </si>
  <si>
    <t>0.022797626663255244</t>
  </si>
  <si>
    <t>4.033333778381348</t>
  </si>
  <si>
    <t>1166.2999267578125</t>
  </si>
  <si>
    <t>-0.034337562546525646</t>
  </si>
  <si>
    <t>42088</t>
  </si>
  <si>
    <t>3.691666841506958</t>
  </si>
  <si>
    <t>-0.04501770406263361</t>
  </si>
  <si>
    <t>1380.0</t>
  </si>
  <si>
    <t>0.01651839578088854</t>
  </si>
  <si>
    <t>4.658334255218506</t>
  </si>
  <si>
    <t>913.7000122070312</t>
  </si>
  <si>
    <t>-0.034595654370280116</t>
  </si>
  <si>
    <t>41614</t>
  </si>
  <si>
    <t>3.866666555404663</t>
  </si>
  <si>
    <t>1131.300048828125</t>
  </si>
  <si>
    <t>0.006751243273276586</t>
  </si>
  <si>
    <t>4.583333492279053</t>
  </si>
  <si>
    <t>957.699951171875</t>
  </si>
  <si>
    <t>-0.00489010309015292</t>
  </si>
  <si>
    <t>41656</t>
  </si>
  <si>
    <t>0.005898869838359744</t>
  </si>
  <si>
    <t>43587</t>
  </si>
  <si>
    <t>4.983333110809326</t>
  </si>
  <si>
    <t>1334.300048828125</t>
  </si>
  <si>
    <t>0.045313524896714696</t>
  </si>
  <si>
    <t>39205</t>
  </si>
  <si>
    <t>1211.9000244140625</t>
  </si>
  <si>
    <t>-0.10595465107442692</t>
  </si>
  <si>
    <t>3.825000047683716</t>
  </si>
  <si>
    <t>960.2999877929688</t>
  </si>
  <si>
    <t>0.08426987647304784</t>
  </si>
  <si>
    <t>783.3999633789062</t>
  </si>
  <si>
    <t>0.03908363741150467</t>
  </si>
  <si>
    <t>1639</t>
  </si>
  <si>
    <t>23074</t>
  </si>
  <si>
    <t>483.6999816894531</t>
  </si>
  <si>
    <t>177.42405700683594</t>
  </si>
  <si>
    <t>Taranto</t>
  </si>
  <si>
    <t>23409</t>
  </si>
  <si>
    <t>481.79998779296875</t>
  </si>
  <si>
    <t>0.014414121297635418</t>
  </si>
  <si>
    <t>23584</t>
  </si>
  <si>
    <t>445.0</t>
  </si>
  <si>
    <t>0.007447952204191921</t>
  </si>
  <si>
    <t>628.0999755859375</t>
  </si>
  <si>
    <t>-0.009329339854536656</t>
  </si>
  <si>
    <t>17.399999618530273</t>
  </si>
  <si>
    <t>447.20001220703125</t>
  </si>
  <si>
    <t>0.02092232849071962</t>
  </si>
  <si>
    <t>16.433332443237305</t>
  </si>
  <si>
    <t>687.9000244140625</t>
  </si>
  <si>
    <t>0.028265176556562466</t>
  </si>
  <si>
    <t>24842</t>
  </si>
  <si>
    <t>747.0000610351562</t>
  </si>
  <si>
    <t>0.01210908792233134</t>
  </si>
  <si>
    <t>16.333332061767578</t>
  </si>
  <si>
    <t>520.5</t>
  </si>
  <si>
    <t>0.01743824241223102</t>
  </si>
  <si>
    <t>25724</t>
  </si>
  <si>
    <t>0.01745039673838278</t>
  </si>
  <si>
    <t>17.099998474121094</t>
  </si>
  <si>
    <t>490.3999938964844</t>
  </si>
  <si>
    <t>0.01577447523224862</t>
  </si>
  <si>
    <t>17.90833282470703</t>
  </si>
  <si>
    <t>0.03651932920743661</t>
  </si>
  <si>
    <t>344.29998779296875</t>
  </si>
  <si>
    <t>-0.017529617632348504</t>
  </si>
  <si>
    <t>17.558334350585938</t>
  </si>
  <si>
    <t>-0.0059499328232757165</t>
  </si>
  <si>
    <t>16.991668701171875</t>
  </si>
  <si>
    <t>0.025175215857494493</t>
  </si>
  <si>
    <t>27977</t>
  </si>
  <si>
    <t>0.029968865932289646</t>
  </si>
  <si>
    <t>0.0088607949453543</t>
  </si>
  <si>
    <t>28248</t>
  </si>
  <si>
    <t>0.0007791196342701312</t>
  </si>
  <si>
    <t>28097</t>
  </si>
  <si>
    <t>585.0999755859375</t>
  </si>
  <si>
    <t>-0.005359849551643592</t>
  </si>
  <si>
    <t>-0.012967655567244663</t>
  </si>
  <si>
    <t>26032</t>
  </si>
  <si>
    <t>-0.06336860303051495</t>
  </si>
  <si>
    <t>17.466665267944336</t>
  </si>
  <si>
    <t>0.025711476645186693</t>
  </si>
  <si>
    <t>441.7000427246094</t>
  </si>
  <si>
    <t>0.027000218220468497</t>
  </si>
  <si>
    <t>525.2000122070312</t>
  </si>
  <si>
    <t>-0.018314721985415616</t>
  </si>
  <si>
    <t>24724</t>
  </si>
  <si>
    <t>17.858335494995117</t>
  </si>
  <si>
    <t>-0.08594909155989505</t>
  </si>
  <si>
    <t>0.02524095662489323</t>
  </si>
  <si>
    <t>419.3999938964844</t>
  </si>
  <si>
    <t>-0.03892418037635004</t>
  </si>
  <si>
    <t>17.44166374206543</t>
  </si>
  <si>
    <t>0.04289954624780101</t>
  </si>
  <si>
    <t>25969</t>
  </si>
  <si>
    <t>17.941665649414062</t>
  </si>
  <si>
    <t>374.39996337890625</t>
  </si>
  <si>
    <t>0.019912764671486727</t>
  </si>
  <si>
    <t>25667</t>
  </si>
  <si>
    <t>18.01666831970215</t>
  </si>
  <si>
    <t>432.1000061035156</t>
  </si>
  <si>
    <t>-0.011697398850627039</t>
  </si>
  <si>
    <t>25985</t>
  </si>
  <si>
    <t>18.20833396911621</t>
  </si>
  <si>
    <t>0.012313328346174046</t>
  </si>
  <si>
    <t>24623</t>
  </si>
  <si>
    <t>17.98333168029785</t>
  </si>
  <si>
    <t>-0.05383848297474714</t>
  </si>
  <si>
    <t>17.575000762939453</t>
  </si>
  <si>
    <t>379.29998779296875</t>
  </si>
  <si>
    <t>0.0842730605621469</t>
  </si>
  <si>
    <t>27856</t>
  </si>
  <si>
    <t>0.03909435697802799</t>
  </si>
  <si>
    <t>714.5999755859375</t>
  </si>
  <si>
    <t>198.25796508789062</t>
  </si>
  <si>
    <t>Teramo</t>
  </si>
  <si>
    <t>0.0143946945886686</t>
  </si>
  <si>
    <t>827.5001220703125</t>
  </si>
  <si>
    <t>0.00746565972457347</t>
  </si>
  <si>
    <t>764.699951171875</t>
  </si>
  <si>
    <t>-0.00933289659908354</t>
  </si>
  <si>
    <t>0.020908869482324732</t>
  </si>
  <si>
    <t>0.028291511504511035</t>
  </si>
  <si>
    <t>33564</t>
  </si>
  <si>
    <t>0.012109733740727435</t>
  </si>
  <si>
    <t>714.7000122070312</t>
  </si>
  <si>
    <t>0.017425645457224803</t>
  </si>
  <si>
    <t>0.01747250951191326</t>
  </si>
  <si>
    <t>35308</t>
  </si>
  <si>
    <t>0.015757348181026032</t>
  </si>
  <si>
    <t>36622</t>
  </si>
  <si>
    <t>14.650001525878906</t>
  </si>
  <si>
    <t>822.0000610351562</t>
  </si>
  <si>
    <t>0.03653958556153647</t>
  </si>
  <si>
    <t>705.7000732421875</t>
  </si>
  <si>
    <t>0.03938138549913184</t>
  </si>
  <si>
    <t>37198</t>
  </si>
  <si>
    <t>-0.02377554182571906</t>
  </si>
  <si>
    <t>36286</t>
  </si>
  <si>
    <t>14.041665077209473</t>
  </si>
  <si>
    <t>-0.02482300444496488</t>
  </si>
  <si>
    <t>822.7000732421875</t>
  </si>
  <si>
    <t>-0.01782310737837811</t>
  </si>
  <si>
    <t>935.8999633789062</t>
  </si>
  <si>
    <t>0.0037242947994311493</t>
  </si>
  <si>
    <t>0.01299585101563494</t>
  </si>
  <si>
    <t>35939</t>
  </si>
  <si>
    <t>664.2999877929688</t>
  </si>
  <si>
    <t>-0.00850597356770777</t>
  </si>
  <si>
    <t>856.9000244140625</t>
  </si>
  <si>
    <t>-0.0008907942576072969</t>
  </si>
  <si>
    <t>35302</t>
  </si>
  <si>
    <t>792.2000732421875</t>
  </si>
  <si>
    <t>-0.016992643001255914</t>
  </si>
  <si>
    <t>929.7999877929688</t>
  </si>
  <si>
    <t>0.025064249128591953</t>
  </si>
  <si>
    <t>-0.010720835914769467</t>
  </si>
  <si>
    <t>34287</t>
  </si>
  <si>
    <t>14.624999046325684</t>
  </si>
  <si>
    <t>762.0999755859375</t>
  </si>
  <si>
    <t>-0.043516759188339194</t>
  </si>
  <si>
    <t>-0.040503654357740615</t>
  </si>
  <si>
    <t>898.800048828125</t>
  </si>
  <si>
    <t>-9.111755689872325e-05</t>
  </si>
  <si>
    <t>32810</t>
  </si>
  <si>
    <t>594.5</t>
  </si>
  <si>
    <t>-0.003438154695921014</t>
  </si>
  <si>
    <t>14.308335304260254</t>
  </si>
  <si>
    <t>0.004106157392772758</t>
  </si>
  <si>
    <t>33567</t>
  </si>
  <si>
    <t>0.018703937127909853</t>
  </si>
  <si>
    <t>0.0005360972251349239</t>
  </si>
  <si>
    <t>865.2001342773438</t>
  </si>
  <si>
    <t>0.009807340722927549</t>
  </si>
  <si>
    <t>31077</t>
  </si>
  <si>
    <t>14.825000762939453</t>
  </si>
  <si>
    <t>750.0999755859375</t>
  </si>
  <si>
    <t>-0.08741888369768169</t>
  </si>
  <si>
    <t>0.08428862097572143</t>
  </si>
  <si>
    <t>15.333331108093262</t>
  </si>
  <si>
    <t>0.039067128224779424</t>
  </si>
  <si>
    <t>674.199951171875</t>
  </si>
  <si>
    <t>65.20269012451172</t>
  </si>
  <si>
    <t>Terni</t>
  </si>
  <si>
    <t>0.014413956170129083</t>
  </si>
  <si>
    <t>13.999999046325684</t>
  </si>
  <si>
    <t>797.199951171875</t>
  </si>
  <si>
    <t>0.007442534316762561</t>
  </si>
  <si>
    <t>33269</t>
  </si>
  <si>
    <t>829.4000854492188</t>
  </si>
  <si>
    <t>-0.009334398366567243</t>
  </si>
  <si>
    <t>33972</t>
  </si>
  <si>
    <t>14.250000953674316</t>
  </si>
  <si>
    <t>0.02091062344760708</t>
  </si>
  <si>
    <t>832.0000610351562</t>
  </si>
  <si>
    <t>0.02829597216798696</t>
  </si>
  <si>
    <t>12.691665649414062</t>
  </si>
  <si>
    <t>932.2000122070312</t>
  </si>
  <si>
    <t>0.012116189176895276</t>
  </si>
  <si>
    <t>35994</t>
  </si>
  <si>
    <t>800.199951171875</t>
  </si>
  <si>
    <t>0.01740344063636634</t>
  </si>
  <si>
    <t>0.017460717346473587</t>
  </si>
  <si>
    <t>37211</t>
  </si>
  <si>
    <t>0.015791441248035554</t>
  </si>
  <si>
    <t>38595</t>
  </si>
  <si>
    <t>14.458334922790527</t>
  </si>
  <si>
    <t>845.6000366210938</t>
  </si>
  <si>
    <t>0.03651831790829618</t>
  </si>
  <si>
    <t>13.566666603088379</t>
  </si>
  <si>
    <t>618.7999877929688</t>
  </si>
  <si>
    <t>0.03623160693533123</t>
  </si>
  <si>
    <t>38832</t>
  </si>
  <si>
    <t>1008.1000366210938</t>
  </si>
  <si>
    <t>-0.030109692352903394</t>
  </si>
  <si>
    <t>38543</t>
  </si>
  <si>
    <t>-0.007470147823550377</t>
  </si>
  <si>
    <t>39002</t>
  </si>
  <si>
    <t>742.5000610351562</t>
  </si>
  <si>
    <t>0.011838425705354538</t>
  </si>
  <si>
    <t>872.6000366210938</t>
  </si>
  <si>
    <t>-0.03252149651950731</t>
  </si>
  <si>
    <t>0.05553548871410108</t>
  </si>
  <si>
    <t>40939</t>
  </si>
  <si>
    <t>14.233332633972168</t>
  </si>
  <si>
    <t>0.02545623488492943</t>
  </si>
  <si>
    <t>39129</t>
  </si>
  <si>
    <t>13.691665649414062</t>
  </si>
  <si>
    <t>1040.5</t>
  </si>
  <si>
    <t>-0.045219273889316014</t>
  </si>
  <si>
    <t>782.0999755859375</t>
  </si>
  <si>
    <t>-0.057081747301023</t>
  </si>
  <si>
    <t>930.7999267578125</t>
  </si>
  <si>
    <t>0.012556797550459464</t>
  </si>
  <si>
    <t>-0.026260307047298426</t>
  </si>
  <si>
    <t>34108</t>
  </si>
  <si>
    <t>14.066668510437012</t>
  </si>
  <si>
    <t>-0.06654666237859175</t>
  </si>
  <si>
    <t>32692</t>
  </si>
  <si>
    <t>787.5999755859375</t>
  </si>
  <si>
    <t>-0.04240156122591898</t>
  </si>
  <si>
    <t>31617</t>
  </si>
  <si>
    <t>806.1000366210938</t>
  </si>
  <si>
    <t>-0.03343544903397344</t>
  </si>
  <si>
    <t>0.02443260750453291</t>
  </si>
  <si>
    <t>0.004158138219818142</t>
  </si>
  <si>
    <t>33948</t>
  </si>
  <si>
    <t>431.1000061035156</t>
  </si>
  <si>
    <t>0.042544245763169286</t>
  </si>
  <si>
    <t>826.9000244140625</t>
  </si>
  <si>
    <t>0.020438923083162308</t>
  </si>
  <si>
    <t>34452</t>
  </si>
  <si>
    <t>-0.005701814263666449</t>
  </si>
  <si>
    <t>822.6000366210938</t>
  </si>
  <si>
    <t>-0.10845494331656802</t>
  </si>
  <si>
    <t>0.08427668234437746</t>
  </si>
  <si>
    <t>15.308334350585938</t>
  </si>
  <si>
    <t>0.03907316477230083</t>
  </si>
  <si>
    <t>17.868263244628906</t>
  </si>
  <si>
    <t>678.2620849609375</t>
  </si>
  <si>
    <t>461.67523193359375</t>
  </si>
  <si>
    <t>Trapani</t>
  </si>
  <si>
    <t>24011</t>
  </si>
  <si>
    <t>17.02997398376465</t>
  </si>
  <si>
    <t>634.84619140625</t>
  </si>
  <si>
    <t>0.014388133864192909</t>
  </si>
  <si>
    <t>24191</t>
  </si>
  <si>
    <t>17.36945915222168</t>
  </si>
  <si>
    <t>526.1492309570312</t>
  </si>
  <si>
    <t>0.007468604485291408</t>
  </si>
  <si>
    <t>17.628190994262695</t>
  </si>
  <si>
    <t>507.7796630859375</t>
  </si>
  <si>
    <t>-0.009344503903607304</t>
  </si>
  <si>
    <t>24473</t>
  </si>
  <si>
    <t>18.351408004760742</t>
  </si>
  <si>
    <t>447.4118347167969</t>
  </si>
  <si>
    <t>0.020934309780541227</t>
  </si>
  <si>
    <t>17.929765701293945</t>
  </si>
  <si>
    <t>501.3564453125</t>
  </si>
  <si>
    <t>0.02828096956376136</t>
  </si>
  <si>
    <t>17.465091705322266</t>
  </si>
  <si>
    <t>738.305419921875</t>
  </si>
  <si>
    <t>0.01212088195456218</t>
  </si>
  <si>
    <t>18.114084243774414</t>
  </si>
  <si>
    <t>655.219482421875</t>
  </si>
  <si>
    <t>0.017389712879422703</t>
  </si>
  <si>
    <t>17.630773544311523</t>
  </si>
  <si>
    <t>477.9917297363281</t>
  </si>
  <si>
    <t>0.017471533022973773</t>
  </si>
  <si>
    <t>18.17342758178711</t>
  </si>
  <si>
    <t>474.960205078125</t>
  </si>
  <si>
    <t>0.01579217659472043</t>
  </si>
  <si>
    <t>18.451007843017578</t>
  </si>
  <si>
    <t>502.6510009765625</t>
  </si>
  <si>
    <t>0.03651818548708974</t>
  </si>
  <si>
    <t>18.248027801513672</t>
  </si>
  <si>
    <t>406.8942565917969</t>
  </si>
  <si>
    <t>-0.0020882847655308012</t>
  </si>
  <si>
    <t>27537</t>
  </si>
  <si>
    <t>18.270444869995117</t>
  </si>
  <si>
    <t>616.4176635742188</t>
  </si>
  <si>
    <t>-0.007525088872801788</t>
  </si>
  <si>
    <t>27413</t>
  </si>
  <si>
    <t>18.438098907470703</t>
  </si>
  <si>
    <t>654.1209716796875</t>
  </si>
  <si>
    <t>-0.004513201473319128</t>
  </si>
  <si>
    <t>17.766878128051758</t>
  </si>
  <si>
    <t>687.0609130859375</t>
  </si>
  <si>
    <t>-0.006037229511411724</t>
  </si>
  <si>
    <t>17.65934181213379</t>
  </si>
  <si>
    <t>610.2405395507812</t>
  </si>
  <si>
    <t>0.008842178256822208</t>
  </si>
  <si>
    <t>18.568662643432617</t>
  </si>
  <si>
    <t>403.84259033203125</t>
  </si>
  <si>
    <t>0.02368952779886868</t>
  </si>
  <si>
    <t>18.150209426879883</t>
  </si>
  <si>
    <t>614.2584838867188</t>
  </si>
  <si>
    <t>-0.01846493134154592</t>
  </si>
  <si>
    <t>18.20854377746582</t>
  </si>
  <si>
    <t>583.7822265625</t>
  </si>
  <si>
    <t>-0.03960292413260014</t>
  </si>
  <si>
    <t>18.23394203186035</t>
  </si>
  <si>
    <t>678.718994140625</t>
  </si>
  <si>
    <t>-0.0791802858456574</t>
  </si>
  <si>
    <t>25049</t>
  </si>
  <si>
    <t>18.235727310180664</t>
  </si>
  <si>
    <t>565.9071655273438</t>
  </si>
  <si>
    <t>0.020570217918143285</t>
  </si>
  <si>
    <t>24292</t>
  </si>
  <si>
    <t>18.074811935424805</t>
  </si>
  <si>
    <t>532.3882446289062</t>
  </si>
  <si>
    <t>-0.03068682853903404</t>
  </si>
  <si>
    <t>18.524812698364258</t>
  </si>
  <si>
    <t>437.763427734375</t>
  </si>
  <si>
    <t>-0.027883933593706445</t>
  </si>
  <si>
    <t>23375</t>
  </si>
  <si>
    <t>18.236921310424805</t>
  </si>
  <si>
    <t>468.733642578125</t>
  </si>
  <si>
    <t>-0.010596069266870956</t>
  </si>
  <si>
    <t>22294</t>
  </si>
  <si>
    <t>18.641080856323242</t>
  </si>
  <si>
    <t>470.63720703125</t>
  </si>
  <si>
    <t>-0.047349491207318906</t>
  </si>
  <si>
    <t>22526</t>
  </si>
  <si>
    <t>18.612112045288086</t>
  </si>
  <si>
    <t>431.5659484863281</t>
  </si>
  <si>
    <t>0.01035261365807294</t>
  </si>
  <si>
    <t>22505</t>
  </si>
  <si>
    <t>18.462112426757812</t>
  </si>
  <si>
    <t>435.875732421875</t>
  </si>
  <si>
    <t>-0.0009326908806084333</t>
  </si>
  <si>
    <t>22654</t>
  </si>
  <si>
    <t>18.580564498901367</t>
  </si>
  <si>
    <t>265.1012268066406</t>
  </si>
  <si>
    <t>0.00659893003362555</t>
  </si>
  <si>
    <t>22933</t>
  </si>
  <si>
    <t>18.330961227416992</t>
  </si>
  <si>
    <t>572.3059692382812</t>
  </si>
  <si>
    <t>0.012240484503312388</t>
  </si>
  <si>
    <t>18.62739372253418</t>
  </si>
  <si>
    <t>427.8755187988281</t>
  </si>
  <si>
    <t>0.007342272584653031</t>
  </si>
  <si>
    <t>18.59544563293457</t>
  </si>
  <si>
    <t>440.15411376953125</t>
  </si>
  <si>
    <t>-0.0746608576638863</t>
  </si>
  <si>
    <t>18.709131240844727</t>
  </si>
  <si>
    <t>506.9118347167969</t>
  </si>
  <si>
    <t>0.0843102820662569</t>
  </si>
  <si>
    <t>19.20039939880371</t>
  </si>
  <si>
    <t>341.32421875</t>
  </si>
  <si>
    <t>0.03909539119110228</t>
  </si>
  <si>
    <t>48435</t>
  </si>
  <si>
    <t>7.613548278808594</t>
  </si>
  <si>
    <t>806.1619262695312</t>
  </si>
  <si>
    <t>244.55532836914062</t>
  </si>
  <si>
    <t>Trento</t>
  </si>
  <si>
    <t>49138</t>
  </si>
  <si>
    <t>6.560291767120361</t>
  </si>
  <si>
    <t>716.8875122070312</t>
  </si>
  <si>
    <t>0.014409973345715699</t>
  </si>
  <si>
    <t>49506</t>
  </si>
  <si>
    <t>7.950120449066162</t>
  </si>
  <si>
    <t>874.3197021484375</t>
  </si>
  <si>
    <t>0.0074612081261982155</t>
  </si>
  <si>
    <t>49046</t>
  </si>
  <si>
    <t>7.281316757202148</t>
  </si>
  <si>
    <t>864.1911010742188</t>
  </si>
  <si>
    <t>-0.009335241103574532</t>
  </si>
  <si>
    <t>50082</t>
  </si>
  <si>
    <t>8.191039085388184</t>
  </si>
  <si>
    <t>806.0437622070312</t>
  </si>
  <si>
    <t>0.020903028849966532</t>
  </si>
  <si>
    <t>51519</t>
  </si>
  <si>
    <t>7.205549240112305</t>
  </si>
  <si>
    <t>805.0993041992188</t>
  </si>
  <si>
    <t>0.02828900957318048</t>
  </si>
  <si>
    <t>52147</t>
  </si>
  <si>
    <t>6.224709987640381</t>
  </si>
  <si>
    <t>936.2581787109375</t>
  </si>
  <si>
    <t>0.012115981755991712</t>
  </si>
  <si>
    <t>53063</t>
  </si>
  <si>
    <t>7.619082927703857</t>
  </si>
  <si>
    <t>745.0338134765625</t>
  </si>
  <si>
    <t>0.017413233451756938</t>
  </si>
  <si>
    <t>53998</t>
  </si>
  <si>
    <t>7.4446282386779785</t>
  </si>
  <si>
    <t>840.2879028320312</t>
  </si>
  <si>
    <t>0.017467121963766985</t>
  </si>
  <si>
    <t>7.119840145111084</t>
  </si>
  <si>
    <t>874.3490600585938</t>
  </si>
  <si>
    <t>0.01576456114071334</t>
  </si>
  <si>
    <t>56897</t>
  </si>
  <si>
    <t>8.294818878173828</t>
  </si>
  <si>
    <t>899.80224609375</t>
  </si>
  <si>
    <t>0.03653104568292953</t>
  </si>
  <si>
    <t>57700</t>
  </si>
  <si>
    <t>7.2788004875183105</t>
  </si>
  <si>
    <t>775.778564453125</t>
  </si>
  <si>
    <t>0.014014557849060694</t>
  </si>
  <si>
    <t>56981</t>
  </si>
  <si>
    <t>8.03498649597168</t>
  </si>
  <si>
    <t>985.3230590820312</t>
  </si>
  <si>
    <t>-0.012539294580740545</t>
  </si>
  <si>
    <t>56528</t>
  </si>
  <si>
    <t>7.780666828155518</t>
  </si>
  <si>
    <t>634.1218872070312</t>
  </si>
  <si>
    <t>-0.007981788316524074</t>
  </si>
  <si>
    <t>56198</t>
  </si>
  <si>
    <t>7.323083400726318</t>
  </si>
  <si>
    <t>739.4966430664062</t>
  </si>
  <si>
    <t>-0.005854921538995583</t>
  </si>
  <si>
    <t>55851</t>
  </si>
  <si>
    <t>6.684229373931885</t>
  </si>
  <si>
    <t>734.04150390625</t>
  </si>
  <si>
    <t>-0.006193738619924005</t>
  </si>
  <si>
    <t>56292</t>
  </si>
  <si>
    <t>8.231307029724121</t>
  </si>
  <si>
    <t>763.1094970703125</t>
  </si>
  <si>
    <t>0.007864998676451407</t>
  </si>
  <si>
    <t>57156</t>
  </si>
  <si>
    <t>7.94115686416626</t>
  </si>
  <si>
    <t>812.973876953125</t>
  </si>
  <si>
    <t>0.015231942472402338</t>
  </si>
  <si>
    <t>7.459877014160156</t>
  </si>
  <si>
    <t>788.1455688476562</t>
  </si>
  <si>
    <t>-0.0199506542079515</t>
  </si>
  <si>
    <t>53859</t>
  </si>
  <si>
    <t>7.701653957366943</t>
  </si>
  <si>
    <t>798.8724365234375</t>
  </si>
  <si>
    <t>-0.03946419684197089</t>
  </si>
  <si>
    <t>54508</t>
  </si>
  <si>
    <t>7.017562389373779</t>
  </si>
  <si>
    <t>838.2002563476562</t>
  </si>
  <si>
    <t>0.011977959330772947</t>
  </si>
  <si>
    <t>54686</t>
  </si>
  <si>
    <t>8.459229469299316</t>
  </si>
  <si>
    <t>762.0352783203125</t>
  </si>
  <si>
    <t>0.0032602552826599407</t>
  </si>
  <si>
    <t>7.850895404815674</t>
  </si>
  <si>
    <t>817.8740844726562</t>
  </si>
  <si>
    <t>-0.020879899735101404</t>
  </si>
  <si>
    <t>53779</t>
  </si>
  <si>
    <t>7.5244903564453125</t>
  </si>
  <si>
    <t>859.6304321289062</t>
  </si>
  <si>
    <t>0.004155220959747297</t>
  </si>
  <si>
    <t>52959</t>
  </si>
  <si>
    <t>8.417562484741211</t>
  </si>
  <si>
    <t>873.6865234375</t>
  </si>
  <si>
    <t>-0.015365027119623065</t>
  </si>
  <si>
    <t>52214</t>
  </si>
  <si>
    <t>8.536393165588379</t>
  </si>
  <si>
    <t>745.7391357421875</t>
  </si>
  <si>
    <t>-0.01416737111193278</t>
  </si>
  <si>
    <t>52390</t>
  </si>
  <si>
    <t>7.66680383682251</t>
  </si>
  <si>
    <t>884.3145751953125</t>
  </si>
  <si>
    <t>0.003365075256803962</t>
  </si>
  <si>
    <t>52980</t>
  </si>
  <si>
    <t>8.477412223815918</t>
  </si>
  <si>
    <t>901.1705322265625</t>
  </si>
  <si>
    <t>0.011198750423796255</t>
  </si>
  <si>
    <t>54064</t>
  </si>
  <si>
    <t>8.271133422851562</t>
  </si>
  <si>
    <t>651.3800048828125</t>
  </si>
  <si>
    <t>0.020254046128009406</t>
  </si>
  <si>
    <t>55043</t>
  </si>
  <si>
    <t>8.849379539489746</t>
  </si>
  <si>
    <t>864.414794921875</t>
  </si>
  <si>
    <t>0.017946167981721217</t>
  </si>
  <si>
    <t>50912</t>
  </si>
  <si>
    <t>8.441267013549805</t>
  </si>
  <si>
    <t>866.3663940429688</t>
  </si>
  <si>
    <t>-0.07801604579827881</t>
  </si>
  <si>
    <t>55389</t>
  </si>
  <si>
    <t>7.668320178985596</t>
  </si>
  <si>
    <t>784.8558959960938</t>
  </si>
  <si>
    <t>0.08428236592633986</t>
  </si>
  <si>
    <t>57597</t>
  </si>
  <si>
    <t>9.125895500183105</t>
  </si>
  <si>
    <t>731.84716796875</t>
  </si>
  <si>
    <t>0.03908946493041299</t>
  </si>
  <si>
    <t>1644</t>
  </si>
  <si>
    <t>992.199951171875</t>
  </si>
  <si>
    <t>383.2101745605469</t>
  </si>
  <si>
    <t>Treviso</t>
  </si>
  <si>
    <t>42837</t>
  </si>
  <si>
    <t>0.014413435355299598</t>
  </si>
  <si>
    <t>1101.0</t>
  </si>
  <si>
    <t>0.007465584997005337</t>
  </si>
  <si>
    <t>42757</t>
  </si>
  <si>
    <t>-0.009334875444817925</t>
  </si>
  <si>
    <t>897.2999267578125</t>
  </si>
  <si>
    <t>0.020899426453341974</t>
  </si>
  <si>
    <t>44913</t>
  </si>
  <si>
    <t>13.125000953674316</t>
  </si>
  <si>
    <t>1141.800048828125</t>
  </si>
  <si>
    <t>0.02829493401401173</t>
  </si>
  <si>
    <t>45460</t>
  </si>
  <si>
    <t>12.416665077209473</t>
  </si>
  <si>
    <t>1312.5</t>
  </si>
  <si>
    <t>0.012105533288588433</t>
  </si>
  <si>
    <t>46259</t>
  </si>
  <si>
    <t>825.6000366210938</t>
  </si>
  <si>
    <t>0.017423221197558902</t>
  </si>
  <si>
    <t>13.308334350585938</t>
  </si>
  <si>
    <t>0.01746479199780815</t>
  </si>
  <si>
    <t>985.5999755859375</t>
  </si>
  <si>
    <t>0.015764953040644514</t>
  </si>
  <si>
    <t>14.22499942779541</t>
  </si>
  <si>
    <t>1209.5999755859375</t>
  </si>
  <si>
    <t>0.03652521015755816</t>
  </si>
  <si>
    <t>50568</t>
  </si>
  <si>
    <t>0.019307970352029358</t>
  </si>
  <si>
    <t>49905</t>
  </si>
  <si>
    <t>1181.0</t>
  </si>
  <si>
    <t>-0.013197767031448038</t>
  </si>
  <si>
    <t>798.3999633789062</t>
  </si>
  <si>
    <t>-0.007300403475202444</t>
  </si>
  <si>
    <t>13.291665077209473</t>
  </si>
  <si>
    <t>1071.900146484375</t>
  </si>
  <si>
    <t>0.0007263922837559278</t>
  </si>
  <si>
    <t>0.03694665045673773</t>
  </si>
  <si>
    <t>51395</t>
  </si>
  <si>
    <t>-0.0009529459389554518</t>
  </si>
  <si>
    <t>52216</t>
  </si>
  <si>
    <t>886.300048828125</t>
  </si>
  <si>
    <t>0.015848069868031445</t>
  </si>
  <si>
    <t>51867</t>
  </si>
  <si>
    <t>992.9999389648438</t>
  </si>
  <si>
    <t>-0.006706211542168106</t>
  </si>
  <si>
    <t>45897</t>
  </si>
  <si>
    <t>13.549999237060547</t>
  </si>
  <si>
    <t>1004.5999755859375</t>
  </si>
  <si>
    <t>-0.12228299433739664</t>
  </si>
  <si>
    <t>1109.4998779296875</t>
  </si>
  <si>
    <t>-0.004432757201060511</t>
  </si>
  <si>
    <t>14.266667366027832</t>
  </si>
  <si>
    <t>0.008824259541068358</t>
  </si>
  <si>
    <t>-0.05161416569864308</t>
  </si>
  <si>
    <t>42759</t>
  </si>
  <si>
    <t>13.641667366027832</t>
  </si>
  <si>
    <t>1135.2000732421875</t>
  </si>
  <si>
    <t>-0.023597392553712737</t>
  </si>
  <si>
    <t>43553</t>
  </si>
  <si>
    <t>1261.89990234375</t>
  </si>
  <si>
    <t>0.01839888772249587</t>
  </si>
  <si>
    <t>875.0000610351562</t>
  </si>
  <si>
    <t>0.0059291651980011295</t>
  </si>
  <si>
    <t>45268</t>
  </si>
  <si>
    <t>13.733333587646484</t>
  </si>
  <si>
    <t>1091.4000244140625</t>
  </si>
  <si>
    <t>0.03269262864219513</t>
  </si>
  <si>
    <t>904.0999755859375</t>
  </si>
  <si>
    <t>0.012534876056111699</t>
  </si>
  <si>
    <t>46644</t>
  </si>
  <si>
    <t>14.508332252502441</t>
  </si>
  <si>
    <t>850.7000122070312</t>
  </si>
  <si>
    <t>0.017409044498279513</t>
  </si>
  <si>
    <t>47121</t>
  </si>
  <si>
    <t>1169.0</t>
  </si>
  <si>
    <t>0.010174459870917474</t>
  </si>
  <si>
    <t>43588</t>
  </si>
  <si>
    <t>1162.7000732421875</t>
  </si>
  <si>
    <t>-0.07793687841436459</t>
  </si>
  <si>
    <t>47421</t>
  </si>
  <si>
    <t>806.0999755859375</t>
  </si>
  <si>
    <t>0.08428328544872876</t>
  </si>
  <si>
    <t>0.039102290574335896</t>
  </si>
  <si>
    <t>11.552197456359863</t>
  </si>
  <si>
    <t>803.167724609375</t>
  </si>
  <si>
    <t>924.9241333007812</t>
  </si>
  <si>
    <t>Turin</t>
  </si>
  <si>
    <t>10.560282707214355</t>
  </si>
  <si>
    <t>722.7430419921875</t>
  </si>
  <si>
    <t>0.014393864014099478</t>
  </si>
  <si>
    <t>11.411857604980469</t>
  </si>
  <si>
    <t>935.2297973632812</t>
  </si>
  <si>
    <t>0.007471137091737745</t>
  </si>
  <si>
    <t>42326</t>
  </si>
  <si>
    <t>10.771575927734375</t>
  </si>
  <si>
    <t>987.7133178710938</t>
  </si>
  <si>
    <t>-0.009335862467139577</t>
  </si>
  <si>
    <t>12.010418891906738</t>
  </si>
  <si>
    <t>941.8855590820312</t>
  </si>
  <si>
    <t>0.02090179664047831</t>
  </si>
  <si>
    <t>44460</t>
  </si>
  <si>
    <t>11.323256492614746</t>
  </si>
  <si>
    <t>961.20068359375</t>
  </si>
  <si>
    <t>0.028286557457310124</t>
  </si>
  <si>
    <t>45002</t>
  </si>
  <si>
    <t>10.190117835998535</t>
  </si>
  <si>
    <t>1059.2203369140625</t>
  </si>
  <si>
    <t>0.012117024691089995</t>
  </si>
  <si>
    <t>45793</t>
  </si>
  <si>
    <t>12.02514934539795</t>
  </si>
  <si>
    <t>754.3384399414062</t>
  </si>
  <si>
    <t>0.01742430778406856</t>
  </si>
  <si>
    <t>46600</t>
  </si>
  <si>
    <t>11.335494995117188</t>
  </si>
  <si>
    <t>857.6403198242188</t>
  </si>
  <si>
    <t>0.01746930012039094</t>
  </si>
  <si>
    <t>47340</t>
  </si>
  <si>
    <t>11.367171287536621</t>
  </si>
  <si>
    <t>904.1292114257812</t>
  </si>
  <si>
    <t>0.015755062954237786</t>
  </si>
  <si>
    <t>49101</t>
  </si>
  <si>
    <t>12.161018371582031</t>
  </si>
  <si>
    <t>1107.2015380859375</t>
  </si>
  <si>
    <t>0.03652379710601927</t>
  </si>
  <si>
    <t>49136</t>
  </si>
  <si>
    <t>11.209553718566895</t>
  </si>
  <si>
    <t>707.36572265625</t>
  </si>
  <si>
    <t>0.0007125625066102259</t>
  </si>
  <si>
    <t>48737</t>
  </si>
  <si>
    <t>11.768260955810547</t>
  </si>
  <si>
    <t>1236.47412109375</t>
  </si>
  <si>
    <t>-0.008153468483154569</t>
  </si>
  <si>
    <t>11.884319305419922</t>
  </si>
  <si>
    <t>629.2846069335938</t>
  </si>
  <si>
    <t>-0.010664622462286388</t>
  </si>
  <si>
    <t>48338</t>
  </si>
  <si>
    <t>11.218978881835938</t>
  </si>
  <si>
    <t>698.1890258789062</t>
  </si>
  <si>
    <t>0.0024441280627591766</t>
  </si>
  <si>
    <t>48875</t>
  </si>
  <si>
    <t>11.002184867858887</t>
  </si>
  <si>
    <t>722.4133911132812</t>
  </si>
  <si>
    <t>0.011048017489745376</t>
  </si>
  <si>
    <t>49554</t>
  </si>
  <si>
    <t>12.196696281433105</t>
  </si>
  <si>
    <t>671.9592895507812</t>
  </si>
  <si>
    <t>0.013796965751105006</t>
  </si>
  <si>
    <t>11.577392578125</t>
  </si>
  <si>
    <t>619.9450073242188</t>
  </si>
  <si>
    <t>0.00010089493818554729</t>
  </si>
  <si>
    <t>10.928839683532715</t>
  </si>
  <si>
    <t>1079.8079833984375</t>
  </si>
  <si>
    <t>-0.007331232965402279</t>
  </si>
  <si>
    <t>44798</t>
  </si>
  <si>
    <t>11.72158145904541</t>
  </si>
  <si>
    <t>927.3796997070312</t>
  </si>
  <si>
    <t>-0.0936691504621443</t>
  </si>
  <si>
    <t>46310</t>
  </si>
  <si>
    <t>10.86777400970459</t>
  </si>
  <si>
    <t>1006.1939697265625</t>
  </si>
  <si>
    <t>0.03319442492538549</t>
  </si>
  <si>
    <t>12.355731964111328</t>
  </si>
  <si>
    <t>803.95263671875</t>
  </si>
  <si>
    <t>0.017530602309962617</t>
  </si>
  <si>
    <t>44431</t>
  </si>
  <si>
    <t>11.465132713317871</t>
  </si>
  <si>
    <t>851.28271484375</t>
  </si>
  <si>
    <t>-0.05895109879321403</t>
  </si>
  <si>
    <t>11.205601692199707</t>
  </si>
  <si>
    <t>1064.6324462890625</t>
  </si>
  <si>
    <t>-0.008044695725473616</t>
  </si>
  <si>
    <t>43098</t>
  </si>
  <si>
    <t>12.294068336486816</t>
  </si>
  <si>
    <t>989.234619140625</t>
  </si>
  <si>
    <t>-0.022416135963215567</t>
  </si>
  <si>
    <t>43739</t>
  </si>
  <si>
    <t>12.435970306396484</t>
  </si>
  <si>
    <t>707.0328979492188</t>
  </si>
  <si>
    <t>0.014763560298012735</t>
  </si>
  <si>
    <t>44731</t>
  </si>
  <si>
    <t>11.34787368774414</t>
  </si>
  <si>
    <t>771.1600952148438</t>
  </si>
  <si>
    <t>0.02242662093651049</t>
  </si>
  <si>
    <t>46114</t>
  </si>
  <si>
    <t>12.4190673828125</t>
  </si>
  <si>
    <t>698.942138671875</t>
  </si>
  <si>
    <t>0.03044981797917856</t>
  </si>
  <si>
    <t>47080</t>
  </si>
  <si>
    <t>12.321098327636719</t>
  </si>
  <si>
    <t>900.0337524414062</t>
  </si>
  <si>
    <t>0.02073169085765514</t>
  </si>
  <si>
    <t>12.71359634399414</t>
  </si>
  <si>
    <t>936.5072021484375</t>
  </si>
  <si>
    <t>-0.0024882247560125137</t>
  </si>
  <si>
    <t>12.6242036819458</t>
  </si>
  <si>
    <t>894.5136108398438</t>
  </si>
  <si>
    <t>-0.10369864942314422</t>
  </si>
  <si>
    <t>46060</t>
  </si>
  <si>
    <t>11.535377502441406</t>
  </si>
  <si>
    <t>739.7902221679688</t>
  </si>
  <si>
    <t>0.08428348617962023</t>
  </si>
  <si>
    <t>47896</t>
  </si>
  <si>
    <t>13.35086727142334</t>
  </si>
  <si>
    <t>596.0281982421875</t>
  </si>
  <si>
    <t>0.03908709923051212</t>
  </si>
  <si>
    <t>40408</t>
  </si>
  <si>
    <t>10.391668319702148</t>
  </si>
  <si>
    <t>1567.10009765625</t>
  </si>
  <si>
    <t>142.22396850585938</t>
  </si>
  <si>
    <t>Udine</t>
  </si>
  <si>
    <t>1513.400146484375</t>
  </si>
  <si>
    <t>0.014422322882388983</t>
  </si>
  <si>
    <t>1582.0999755859375</t>
  </si>
  <si>
    <t>0.007460816896459832</t>
  </si>
  <si>
    <t>1642.89990234375</t>
  </si>
  <si>
    <t>-0.009340860910965532</t>
  </si>
  <si>
    <t>1461.2000732421875</t>
  </si>
  <si>
    <t>0.020919494208191836</t>
  </si>
  <si>
    <t>1818.300048828125</t>
  </si>
  <si>
    <t>0.02826859933751713</t>
  </si>
  <si>
    <t>43505</t>
  </si>
  <si>
    <t>1963.199951171875</t>
  </si>
  <si>
    <t>0.012117716438643455</t>
  </si>
  <si>
    <t>0.017431372726061767</t>
  </si>
  <si>
    <t>45050</t>
  </si>
  <si>
    <t>1619.800048828125</t>
  </si>
  <si>
    <t>0.01746573731029777</t>
  </si>
  <si>
    <t>1553.89990234375</t>
  </si>
  <si>
    <t>0.015768473302985697</t>
  </si>
  <si>
    <t>47468</t>
  </si>
  <si>
    <t>1795.0</t>
  </si>
  <si>
    <t>0.03651434244556029</t>
  </si>
  <si>
    <t>47958</t>
  </si>
  <si>
    <t>1224.5001220703125</t>
  </si>
  <si>
    <t>0.01026982806904364</t>
  </si>
  <si>
    <t>1961.5</t>
  </si>
  <si>
    <t>0.003455385299341529</t>
  </si>
  <si>
    <t>46633</t>
  </si>
  <si>
    <t>1230.60009765625</t>
  </si>
  <si>
    <t>-0.03147256815632993</t>
  </si>
  <si>
    <t>46551</t>
  </si>
  <si>
    <t>1643.800048828125</t>
  </si>
  <si>
    <t>-0.0017599592454917712</t>
  </si>
  <si>
    <t>46991</t>
  </si>
  <si>
    <t>1760.60009765625</t>
  </si>
  <si>
    <t>0.009407608242471</t>
  </si>
  <si>
    <t>48599</t>
  </si>
  <si>
    <t>1445.699951171875</t>
  </si>
  <si>
    <t>0.03364686055114241</t>
  </si>
  <si>
    <t>50586</t>
  </si>
  <si>
    <t>1489.0</t>
  </si>
  <si>
    <t>0.04007190360552393</t>
  </si>
  <si>
    <t>48195</t>
  </si>
  <si>
    <t>1823.5</t>
  </si>
  <si>
    <t>-0.04841957693266252</t>
  </si>
  <si>
    <t>45125</t>
  </si>
  <si>
    <t>1698.300048828125</t>
  </si>
  <si>
    <t>-0.06581886458288544</t>
  </si>
  <si>
    <t>44463</t>
  </si>
  <si>
    <t>1694.7000732421875</t>
  </si>
  <si>
    <t>-0.014779034010159009</t>
  </si>
  <si>
    <t>44096</t>
  </si>
  <si>
    <t>1220.2999267578125</t>
  </si>
  <si>
    <t>-0.008288307251692828</t>
  </si>
  <si>
    <t>42010</t>
  </si>
  <si>
    <t>-0.048461390209903144</t>
  </si>
  <si>
    <t>1906.5</t>
  </si>
  <si>
    <t>0.005199503635740399</t>
  </si>
  <si>
    <t>41909</t>
  </si>
  <si>
    <t>-0.0076065878185023195</t>
  </si>
  <si>
    <t>42673</t>
  </si>
  <si>
    <t>1650.800048828125</t>
  </si>
  <si>
    <t>0.018065800737222304</t>
  </si>
  <si>
    <t>1770.6002197265625</t>
  </si>
  <si>
    <t>-0.0015947844558326096</t>
  </si>
  <si>
    <t>43129</t>
  </si>
  <si>
    <t>1800.9000244140625</t>
  </si>
  <si>
    <t>0.012224007393442093</t>
  </si>
  <si>
    <t>43927</t>
  </si>
  <si>
    <t>1557.10009765625</t>
  </si>
  <si>
    <t>0.018333540520329095</t>
  </si>
  <si>
    <t>45003</t>
  </si>
  <si>
    <t>1683.0</t>
  </si>
  <si>
    <t>0.024199989021173707</t>
  </si>
  <si>
    <t>41255</t>
  </si>
  <si>
    <t>1930.099853515625</t>
  </si>
  <si>
    <t>-0.08695683665855647</t>
  </si>
  <si>
    <t>44883</t>
  </si>
  <si>
    <t>1470.0</t>
  </si>
  <si>
    <t>0.08428678634389719</t>
  </si>
  <si>
    <t>46672</t>
  </si>
  <si>
    <t>1386.300048828125</t>
  </si>
  <si>
    <t>0.03908530922516107</t>
  </si>
  <si>
    <t>12.125</t>
  </si>
  <si>
    <t>649.8154296875</t>
  </si>
  <si>
    <t>Varese</t>
  </si>
  <si>
    <t>1056.5</t>
  </si>
  <si>
    <t>0.014407490749910323</t>
  </si>
  <si>
    <t>12.466666221618652</t>
  </si>
  <si>
    <t>1340.699951171875</t>
  </si>
  <si>
    <t>0.007476977021758202</t>
  </si>
  <si>
    <t>1366.800048828125</t>
  </si>
  <si>
    <t>-0.009360881970790658</t>
  </si>
  <si>
    <t>1210.4000244140625</t>
  </si>
  <si>
    <t>0.0209227779984964</t>
  </si>
  <si>
    <t>1226.4000244140625</t>
  </si>
  <si>
    <t>0.028288208463894904</t>
  </si>
  <si>
    <t>45108</t>
  </si>
  <si>
    <t>0.012110816787361145</t>
  </si>
  <si>
    <t>45901</t>
  </si>
  <si>
    <t>1051.4000244140625</t>
  </si>
  <si>
    <t>0.017427288951509468</t>
  </si>
  <si>
    <t>46709</t>
  </si>
  <si>
    <t>1164.199951171875</t>
  </si>
  <si>
    <t>0.017449962271367525</t>
  </si>
  <si>
    <t>47452</t>
  </si>
  <si>
    <t>1209.7999267578125</t>
  </si>
  <si>
    <t>0.01578180820593822</t>
  </si>
  <si>
    <t>12.7333345413208</t>
  </si>
  <si>
    <t>1547.9000244140625</t>
  </si>
  <si>
    <t>0.03652041847348109</t>
  </si>
  <si>
    <t>48366</t>
  </si>
  <si>
    <t>965.10009765625</t>
  </si>
  <si>
    <t>-0.017442004742820316</t>
  </si>
  <si>
    <t>48963</t>
  </si>
  <si>
    <t>12.541666984558105</t>
  </si>
  <si>
    <t>1573.39990234375</t>
  </si>
  <si>
    <t>0.012267823307150039</t>
  </si>
  <si>
    <t>853.0999145507812</t>
  </si>
  <si>
    <t>0.001999510990179587</t>
  </si>
  <si>
    <t>1013.5</t>
  </si>
  <si>
    <t>0.004129169355296725</t>
  </si>
  <si>
    <t>47867</t>
  </si>
  <si>
    <t>969.2000122070312</t>
  </si>
  <si>
    <t>-0.028767259472076034</t>
  </si>
  <si>
    <t>49234</t>
  </si>
  <si>
    <t>12.783333778381348</t>
  </si>
  <si>
    <t>987.8999633789062</t>
  </si>
  <si>
    <t>0.028158110028886796</t>
  </si>
  <si>
    <t>48933</t>
  </si>
  <si>
    <t>-0.006132426238952604</t>
  </si>
  <si>
    <t>1549.5999755859375</t>
  </si>
  <si>
    <t>-0.025352916783580426</t>
  </si>
  <si>
    <t>42995</t>
  </si>
  <si>
    <t>1239.2000732421875</t>
  </si>
  <si>
    <t>-0.10401526885356205</t>
  </si>
  <si>
    <t>1305.800048828125</t>
  </si>
  <si>
    <t>0.05913085708109733</t>
  </si>
  <si>
    <t>44588</t>
  </si>
  <si>
    <t>1113.5</t>
  </si>
  <si>
    <t>-0.022749922416579693</t>
  </si>
  <si>
    <t>43824</t>
  </si>
  <si>
    <t>-0.0172831520066552</t>
  </si>
  <si>
    <t>41681</t>
  </si>
  <si>
    <t>1553.0</t>
  </si>
  <si>
    <t>-0.05013622304096543</t>
  </si>
  <si>
    <t>41705</t>
  </si>
  <si>
    <t>1388.5999755859375</t>
  </si>
  <si>
    <t>0.0005756362138171767</t>
  </si>
  <si>
    <t>42487</t>
  </si>
  <si>
    <t>13.058334350585938</t>
  </si>
  <si>
    <t>976.2000122070312</t>
  </si>
  <si>
    <t>0.01857712109230647</t>
  </si>
  <si>
    <t>41628</t>
  </si>
  <si>
    <t>1123.199951171875</t>
  </si>
  <si>
    <t>-0.020425129010268606</t>
  </si>
  <si>
    <t>41898</t>
  </si>
  <si>
    <t>991.8001098632812</t>
  </si>
  <si>
    <t>0.006465075316340219</t>
  </si>
  <si>
    <t>42476</t>
  </si>
  <si>
    <t>1143.3001708984375</t>
  </si>
  <si>
    <t>0.013701117449647526</t>
  </si>
  <si>
    <t>1297.7000732421875</t>
  </si>
  <si>
    <t>0.008766434502188503</t>
  </si>
  <si>
    <t>13.066666603088379</t>
  </si>
  <si>
    <t>1270.5999755859375</t>
  </si>
  <si>
    <t>-0.10686560209515328</t>
  </si>
  <si>
    <t>41894</t>
  </si>
  <si>
    <t>1028.0001220703125</t>
  </si>
  <si>
    <t>0.08430257563493981</t>
  </si>
  <si>
    <t>43564</t>
  </si>
  <si>
    <t>831.60009765625</t>
  </si>
  <si>
    <t>0.03908850262986441</t>
  </si>
  <si>
    <t>14.013678550720215</t>
  </si>
  <si>
    <t>884.355712890625</t>
  </si>
  <si>
    <t>700.74755859375</t>
  </si>
  <si>
    <t>Venice</t>
  </si>
  <si>
    <t>39574</t>
  </si>
  <si>
    <t>13.090668678283691</t>
  </si>
  <si>
    <t>831.6079711914062</t>
  </si>
  <si>
    <t>0.014431219767011783</t>
  </si>
  <si>
    <t>39870</t>
  </si>
  <si>
    <t>14.190669059753418</t>
  </si>
  <si>
    <t>940.9066162109375</t>
  </si>
  <si>
    <t>0.007451824423014841</t>
  </si>
  <si>
    <t>13.57998275756836</t>
  </si>
  <si>
    <t>923.9671630859375</t>
  </si>
  <si>
    <t>-0.009348806262350351</t>
  </si>
  <si>
    <t>40334</t>
  </si>
  <si>
    <t>14.494158744812012</t>
  </si>
  <si>
    <t>813.6870727539062</t>
  </si>
  <si>
    <t>0.020919430586737064</t>
  </si>
  <si>
    <t>41491</t>
  </si>
  <si>
    <t>13.61875057220459</t>
  </si>
  <si>
    <t>1121.330810546875</t>
  </si>
  <si>
    <t>0.02828175052997217</t>
  </si>
  <si>
    <t>41997</t>
  </si>
  <si>
    <t>12.868794441223145</t>
  </si>
  <si>
    <t>1177.74853515625</t>
  </si>
  <si>
    <t>0.01212165091317452</t>
  </si>
  <si>
    <t>42735</t>
  </si>
  <si>
    <t>14.18310832977295</t>
  </si>
  <si>
    <t>765.5496826171875</t>
  </si>
  <si>
    <t>0.01742006945718444</t>
  </si>
  <si>
    <t>43488</t>
  </si>
  <si>
    <t>13.838271141052246</t>
  </si>
  <si>
    <t>901.7888793945312</t>
  </si>
  <si>
    <t>0.01746678135075186</t>
  </si>
  <si>
    <t>44179</t>
  </si>
  <si>
    <t>13.579891204833984</t>
  </si>
  <si>
    <t>872.129150390625</t>
  </si>
  <si>
    <t>0.015764525090744996</t>
  </si>
  <si>
    <t>45823</t>
  </si>
  <si>
    <t>14.674546241760254</t>
  </si>
  <si>
    <t>1035.400390625</t>
  </si>
  <si>
    <t>0.03653658541488625</t>
  </si>
  <si>
    <t>45886</t>
  </si>
  <si>
    <t>13.743976593017578</t>
  </si>
  <si>
    <t>752.9489135742188</t>
  </si>
  <si>
    <t>0.0013739111736050802</t>
  </si>
  <si>
    <t>14.385960578918457</t>
  </si>
  <si>
    <t>1067.485107421875</t>
  </si>
  <si>
    <t>-0.01632483056441636</t>
  </si>
  <si>
    <t>46031</t>
  </si>
  <si>
    <t>14.291485786437988</t>
  </si>
  <si>
    <t>685.0554809570312</t>
  </si>
  <si>
    <t>0.01947985347159431</t>
  </si>
  <si>
    <t>46778</t>
  </si>
  <si>
    <t>13.677445411682129</t>
  </si>
  <si>
    <t>1001.4847412109375</t>
  </si>
  <si>
    <t>0.01609792437355395</t>
  </si>
  <si>
    <t>46943</t>
  </si>
  <si>
    <t>13.149864196777344</t>
  </si>
  <si>
    <t>949.0827026367188</t>
  </si>
  <si>
    <t>0.003521092828155048</t>
  </si>
  <si>
    <t>48773</t>
  </si>
  <si>
    <t>14.538314819335938</t>
  </si>
  <si>
    <t>785.1365966796875</t>
  </si>
  <si>
    <t>0.03824278129858705</t>
  </si>
  <si>
    <t>48700</t>
  </si>
  <si>
    <t>14.363633155822754</t>
  </si>
  <si>
    <t>808.7572021484375</t>
  </si>
  <si>
    <t>-0.0014978509668992501</t>
  </si>
  <si>
    <t>13.9246826171875</t>
  </si>
  <si>
    <t>972.94580078125</t>
  </si>
  <si>
    <t>-0.05592955209640493</t>
  </si>
  <si>
    <t>14.060870170593262</t>
  </si>
  <si>
    <t>929.7390747070312</t>
  </si>
  <si>
    <t>-0.03412546644821468</t>
  </si>
  <si>
    <t>44854</t>
  </si>
  <si>
    <t>13.363633155822754</t>
  </si>
  <si>
    <t>1010.2714233398438</t>
  </si>
  <si>
    <t>0.007788759160172631</t>
  </si>
  <si>
    <t>45205</t>
  </si>
  <si>
    <t>14.835552215576172</t>
  </si>
  <si>
    <t>638.9517211914062</t>
  </si>
  <si>
    <t>0.007794929485232416</t>
  </si>
  <si>
    <t>43206</t>
  </si>
  <si>
    <t>14.307971954345703</t>
  </si>
  <si>
    <t>872.5411987304688</t>
  </si>
  <si>
    <t>-0.045228325694544935</t>
  </si>
  <si>
    <t>42555</t>
  </si>
  <si>
    <t>14.14433765411377</t>
  </si>
  <si>
    <t>1032.142333984375</t>
  </si>
  <si>
    <t>-0.015182017565861017</t>
  </si>
  <si>
    <t>42448</t>
  </si>
  <si>
    <t>14.9301176071167</t>
  </si>
  <si>
    <t>1081.4857177734375</t>
  </si>
  <si>
    <t>-0.002517559533540492</t>
  </si>
  <si>
    <t>43066</t>
  </si>
  <si>
    <t>14.969158172607422</t>
  </si>
  <si>
    <t>737.0426025390625</t>
  </si>
  <si>
    <t>0.014454025289033723</t>
  </si>
  <si>
    <t>43736</t>
  </si>
  <si>
    <t>14.230299949645996</t>
  </si>
  <si>
    <t>914.3021240234375</t>
  </si>
  <si>
    <t>0.015437738908280707</t>
  </si>
  <si>
    <t>44432</t>
  </si>
  <si>
    <t>14.902491569519043</t>
  </si>
  <si>
    <t>773.3289794921875</t>
  </si>
  <si>
    <t>0.01578836897174618</t>
  </si>
  <si>
    <t>44631</t>
  </si>
  <si>
    <t>14.961322784423828</t>
  </si>
  <si>
    <t>809.5128784179688</t>
  </si>
  <si>
    <t>0.004468754278772025</t>
  </si>
  <si>
    <t>45857</t>
  </si>
  <si>
    <t>15.338497161865234</t>
  </si>
  <si>
    <t>1069.94970703125</t>
  </si>
  <si>
    <t>0.027099173961836698</t>
  </si>
  <si>
    <t>14.894021034240723</t>
  </si>
  <si>
    <t>968.8192138671875</t>
  </si>
  <si>
    <t>-0.1742204775988725</t>
  </si>
  <si>
    <t>14.435733795166016</t>
  </si>
  <si>
    <t>694.8141479492188</t>
  </si>
  <si>
    <t>0.08426480089973865</t>
  </si>
  <si>
    <t>43583</t>
  </si>
  <si>
    <t>15.535689353942871</t>
  </si>
  <si>
    <t>715.1666259765625</t>
  </si>
  <si>
    <t>0.03909498395820066</t>
  </si>
  <si>
    <t>1650</t>
  </si>
  <si>
    <t>4.149999618530273</t>
  </si>
  <si>
    <t>1543.2001953125</t>
  </si>
  <si>
    <t>36.04902648925781</t>
  </si>
  <si>
    <t>Verbano-Cusio-Ossola</t>
  </si>
  <si>
    <t>3.2333335876464844</t>
  </si>
  <si>
    <t>1217.7999267578125</t>
  </si>
  <si>
    <t>0.014428304127189762</t>
  </si>
  <si>
    <t>31368</t>
  </si>
  <si>
    <t>4.241666793823242</t>
  </si>
  <si>
    <t>0.007455676665614419</t>
  </si>
  <si>
    <t>3.4750001430511475</t>
  </si>
  <si>
    <t>1624.7000732421875</t>
  </si>
  <si>
    <t>-0.00932026924595597</t>
  </si>
  <si>
    <t>4.666666507720947</t>
  </si>
  <si>
    <t>1595.900146484375</t>
  </si>
  <si>
    <t>0.020889153128285542</t>
  </si>
  <si>
    <t>32644</t>
  </si>
  <si>
    <t>1533.2999267578125</t>
  </si>
  <si>
    <t>0.028303922734636444</t>
  </si>
  <si>
    <t>33041</t>
  </si>
  <si>
    <t>2.6666667461395264</t>
  </si>
  <si>
    <t>1462.89990234375</t>
  </si>
  <si>
    <t>0.01208814293159044</t>
  </si>
  <si>
    <t>33622</t>
  </si>
  <si>
    <t>4.299999713897705</t>
  </si>
  <si>
    <t>1357.0001220703125</t>
  </si>
  <si>
    <t>0.017431400072281278</t>
  </si>
  <si>
    <t>1408.099853515625</t>
  </si>
  <si>
    <t>0.017454302419231738</t>
  </si>
  <si>
    <t>4.008333683013916</t>
  </si>
  <si>
    <t>1776.099853515625</t>
  </si>
  <si>
    <t>0.015774844312442582</t>
  </si>
  <si>
    <t>36051</t>
  </si>
  <si>
    <t>4.8416666984558105</t>
  </si>
  <si>
    <t>1702.7000732421875</t>
  </si>
  <si>
    <t>0.03652484125472988</t>
  </si>
  <si>
    <t>3.875</t>
  </si>
  <si>
    <t>1587.2000732421875</t>
  </si>
  <si>
    <t>0.021568172249214257</t>
  </si>
  <si>
    <t>37164</t>
  </si>
  <si>
    <t>4.541666507720947</t>
  </si>
  <si>
    <t>1824.10009765625</t>
  </si>
  <si>
    <t>0.008837775932580172</t>
  </si>
  <si>
    <t>37328</t>
  </si>
  <si>
    <t>4.433333396911621</t>
  </si>
  <si>
    <t>1205.89990234375</t>
  </si>
  <si>
    <t>0.0044031645000082165</t>
  </si>
  <si>
    <t>3.9750001430511475</t>
  </si>
  <si>
    <t>1317.7000732421875</t>
  </si>
  <si>
    <t>-0.006935698116434352</t>
  </si>
  <si>
    <t>3.7083332538604736</t>
  </si>
  <si>
    <t>1211.10009765625</t>
  </si>
  <si>
    <t>0.022617916217205547</t>
  </si>
  <si>
    <t>39538</t>
  </si>
  <si>
    <t>4.816667079925537</t>
  </si>
  <si>
    <t>1687.9000244140625</t>
  </si>
  <si>
    <t>0.041836301393900044</t>
  </si>
  <si>
    <t>4.450000286102295</t>
  </si>
  <si>
    <t>1528.5</t>
  </si>
  <si>
    <t>-0.01444445498766811</t>
  </si>
  <si>
    <t>3.6750001907348633</t>
  </si>
  <si>
    <t>1594.7999267578125</t>
  </si>
  <si>
    <t>-0.08587597891300547</t>
  </si>
  <si>
    <t>33645</t>
  </si>
  <si>
    <t>4.308333396911621</t>
  </si>
  <si>
    <t>1391.800048828125</t>
  </si>
  <si>
    <t>-0.061077344232790765</t>
  </si>
  <si>
    <t>34920</t>
  </si>
  <si>
    <t>3.458333730697632</t>
  </si>
  <si>
    <t>1452.5</t>
  </si>
  <si>
    <t>0.03719527433112013</t>
  </si>
  <si>
    <t>35416</t>
  </si>
  <si>
    <t>4.866666793823242</t>
  </si>
  <si>
    <t>1266.9998779296875</t>
  </si>
  <si>
    <t>0.014103964458438867</t>
  </si>
  <si>
    <t>34832</t>
  </si>
  <si>
    <t>4.116666316986084</t>
  </si>
  <si>
    <t>-0.016627190937649416</t>
  </si>
  <si>
    <t>34502</t>
  </si>
  <si>
    <t>3.8500001430511475</t>
  </si>
  <si>
    <t>1664.2000732421875</t>
  </si>
  <si>
    <t>-0.00951921112063836</t>
  </si>
  <si>
    <t>33733</t>
  </si>
  <si>
    <t>4.999999523162842</t>
  </si>
  <si>
    <t>-0.02254070665804342</t>
  </si>
  <si>
    <t>33577</t>
  </si>
  <si>
    <t>5.008333206176758</t>
  </si>
  <si>
    <t>-0.004635277947269145</t>
  </si>
  <si>
    <t>4.000000476837158</t>
  </si>
  <si>
    <t>1479.0001220703125</t>
  </si>
  <si>
    <t>0.0040718725918758025</t>
  </si>
  <si>
    <t>5.024999618530273</t>
  </si>
  <si>
    <t>1584.300048828125</t>
  </si>
  <si>
    <t>0.030208835039557513</t>
  </si>
  <si>
    <t>5.008333683013916</t>
  </si>
  <si>
    <t>1133.2999267578125</t>
  </si>
  <si>
    <t>-0.00916469503103201</t>
  </si>
  <si>
    <t>5.2166666984558105</t>
  </si>
  <si>
    <t>1496.0001220703125</t>
  </si>
  <si>
    <t>0.027245894879779797</t>
  </si>
  <si>
    <t>31084</t>
  </si>
  <si>
    <t>5.133334159851074</t>
  </si>
  <si>
    <t>1486.7000732421875</t>
  </si>
  <si>
    <t>-0.12950999889942594</t>
  </si>
  <si>
    <t>1433.699951171875</t>
  </si>
  <si>
    <t>0.08429998776924208</t>
  </si>
  <si>
    <t>35166</t>
  </si>
  <si>
    <t>5.8000006675720215</t>
  </si>
  <si>
    <t>1272.4000244140625</t>
  </si>
  <si>
    <t>0.0390865016061106</t>
  </si>
  <si>
    <t>11.235661506652832</t>
  </si>
  <si>
    <t>1038.8916015625</t>
  </si>
  <si>
    <t>266.3098449707031</t>
  </si>
  <si>
    <t>Vercelli</t>
  </si>
  <si>
    <t>35930</t>
  </si>
  <si>
    <t>10.312470436096191</t>
  </si>
  <si>
    <t>854.696533203125</t>
  </si>
  <si>
    <t>0.014408905695587393</t>
  </si>
  <si>
    <t>11.251229286193848</t>
  </si>
  <si>
    <t>1096.05029296875</t>
  </si>
  <si>
    <t>0.007486517706297491</t>
  </si>
  <si>
    <t>35863</t>
  </si>
  <si>
    <t>10.550925254821777</t>
  </si>
  <si>
    <t>1118.788818359375</t>
  </si>
  <si>
    <t>-0.009352995481314963</t>
  </si>
  <si>
    <t>36621</t>
  </si>
  <si>
    <t>11.752429962158203</t>
  </si>
  <si>
    <t>1084.9559326171875</t>
  </si>
  <si>
    <t>0.020915723005362707</t>
  </si>
  <si>
    <t>37672</t>
  </si>
  <si>
    <t>10.975418090820312</t>
  </si>
  <si>
    <t>1055.566162109375</t>
  </si>
  <si>
    <t>0.02829526658548076</t>
  </si>
  <si>
    <t>38131</t>
  </si>
  <si>
    <t>9.801922798156738</t>
  </si>
  <si>
    <t>1056.9736328125</t>
  </si>
  <si>
    <t>0.012110486653034158</t>
  </si>
  <si>
    <t>11.56155776977539</t>
  </si>
  <si>
    <t>901.0632934570312</t>
  </si>
  <si>
    <t>0.01741841989869286</t>
  </si>
  <si>
    <t>11.074015617370605</t>
  </si>
  <si>
    <t>984.7047119140625</t>
  </si>
  <si>
    <t>0.01744950706266124</t>
  </si>
  <si>
    <t>11.102431297302246</t>
  </si>
  <si>
    <t>1149.526123046875</t>
  </si>
  <si>
    <t>0.015780014860295566</t>
  </si>
  <si>
    <t>41604</t>
  </si>
  <si>
    <t>11.877327919006348</t>
  </si>
  <si>
    <t>1184.492431640625</t>
  </si>
  <si>
    <t>0.03652077507494944</t>
  </si>
  <si>
    <t>43178</t>
  </si>
  <si>
    <t>10.979340553283691</t>
  </si>
  <si>
    <t>983.4727172851562</t>
  </si>
  <si>
    <t>0.03713478978338003</t>
  </si>
  <si>
    <t>44524</t>
  </si>
  <si>
    <t>11.57100772857666</t>
  </si>
  <si>
    <t>1291.0396728515625</t>
  </si>
  <si>
    <t>0.030697263356712412</t>
  </si>
  <si>
    <t>45485</t>
  </si>
  <si>
    <t>11.550518989562988</t>
  </si>
  <si>
    <t>804.722412109375</t>
  </si>
  <si>
    <t>0.02135423164304484</t>
  </si>
  <si>
    <t>46522</t>
  </si>
  <si>
    <t>11.017693519592285</t>
  </si>
  <si>
    <t>886.7492065429688</t>
  </si>
  <si>
    <t>0.022542717713690763</t>
  </si>
  <si>
    <t>44201</t>
  </si>
  <si>
    <t>10.75423812866211</t>
  </si>
  <si>
    <t>825.469482421875</t>
  </si>
  <si>
    <t>-0.0511779057256021</t>
  </si>
  <si>
    <t>47446</t>
  </si>
  <si>
    <t>11.904036521911621</t>
  </si>
  <si>
    <t>1055.71484375</t>
  </si>
  <si>
    <t>0.07084480897806067</t>
  </si>
  <si>
    <t>11.436371803283691</t>
  </si>
  <si>
    <t>964.630615234375</t>
  </si>
  <si>
    <t>-0.00012646755070377935</t>
  </si>
  <si>
    <t>42852</t>
  </si>
  <si>
    <t>10.714381217956543</t>
  </si>
  <si>
    <t>1166.8885498046875</t>
  </si>
  <si>
    <t>-0.10171343628915785</t>
  </si>
  <si>
    <t>38620</t>
  </si>
  <si>
    <t>11.418994903564453</t>
  </si>
  <si>
    <t>996.1270141601562</t>
  </si>
  <si>
    <t>-0.10398204139994327</t>
  </si>
  <si>
    <t>10.555642127990723</t>
  </si>
  <si>
    <t>1011.3855590820312</t>
  </si>
  <si>
    <t>0.03450899704153443</t>
  </si>
  <si>
    <t>12.002127647399902</t>
  </si>
  <si>
    <t>882.1653442382812</t>
  </si>
  <si>
    <t>0.018489212907773833</t>
  </si>
  <si>
    <t>39190</t>
  </si>
  <si>
    <t>11.195804595947266</t>
  </si>
  <si>
    <t>1071.7518310546875</t>
  </si>
  <si>
    <t>-0.038346874738136805</t>
  </si>
  <si>
    <t>10.924118041992188</t>
  </si>
  <si>
    <t>1225.9605712890625</t>
  </si>
  <si>
    <t>-0.004424163621685295</t>
  </si>
  <si>
    <t>37982</t>
  </si>
  <si>
    <t>12.059260368347168</t>
  </si>
  <si>
    <t>1101.4769287109375</t>
  </si>
  <si>
    <t>-0.02688508529780087</t>
  </si>
  <si>
    <t>38346</t>
  </si>
  <si>
    <t>12.11889362335205</t>
  </si>
  <si>
    <t>843.5804443359375</t>
  </si>
  <si>
    <t>0.009537856604145745</t>
  </si>
  <si>
    <t>38213</t>
  </si>
  <si>
    <t>11.074116706848145</t>
  </si>
  <si>
    <t>998.984619140625</t>
  </si>
  <si>
    <t>-0.003474448041265177</t>
  </si>
  <si>
    <t>39118</t>
  </si>
  <si>
    <t>12.132349967956543</t>
  </si>
  <si>
    <t>936.2562866210938</t>
  </si>
  <si>
    <t>0.02340694726039061</t>
  </si>
  <si>
    <t>39282</t>
  </si>
  <si>
    <t>12.072510719299316</t>
  </si>
  <si>
    <t>881.98095703125</t>
  </si>
  <si>
    <t>0.004183679571683641</t>
  </si>
  <si>
    <t>39441</t>
  </si>
  <si>
    <t>12.363773345947266</t>
  </si>
  <si>
    <t>1018.6636352539062</t>
  </si>
  <si>
    <t>0.00403948569556789</t>
  </si>
  <si>
    <t>38258</t>
  </si>
  <si>
    <t>12.288772583007812</t>
  </si>
  <si>
    <t>999.0735473632812</t>
  </si>
  <si>
    <t>-0.030453195652114573</t>
  </si>
  <si>
    <t>41622</t>
  </si>
  <si>
    <t>11.212268829345703</t>
  </si>
  <si>
    <t>883.5213623046875</t>
  </si>
  <si>
    <t>0.08427618490075695</t>
  </si>
  <si>
    <t>12.965277671813965</t>
  </si>
  <si>
    <t>803.78466796875</t>
  </si>
  <si>
    <t>0.03908486600052541</t>
  </si>
  <si>
    <t>41961</t>
  </si>
  <si>
    <t>12.537501335144043</t>
  </si>
  <si>
    <t>830.7681274414062</t>
  </si>
  <si>
    <t>349.99420166015625</t>
  </si>
  <si>
    <t>Verona</t>
  </si>
  <si>
    <t>42570</t>
  </si>
  <si>
    <t>11.634785652160645</t>
  </si>
  <si>
    <t>842.540771484375</t>
  </si>
  <si>
    <t>0.014409164374784567</t>
  </si>
  <si>
    <t>12.704167366027832</t>
  </si>
  <si>
    <t>915.7317504882812</t>
  </si>
  <si>
    <t>0.007465602958770745</t>
  </si>
  <si>
    <t>42490</t>
  </si>
  <si>
    <t>12.257023811340332</t>
  </si>
  <si>
    <t>874.14013671875</t>
  </si>
  <si>
    <t>-0.009346628672110668</t>
  </si>
  <si>
    <t>43388</t>
  </si>
  <si>
    <t>13.140357971191406</t>
  </si>
  <si>
    <t>847.7240600585938</t>
  </si>
  <si>
    <t>0.02091415105125094</t>
  </si>
  <si>
    <t>44633</t>
  </si>
  <si>
    <t>12.215357780456543</t>
  </si>
  <si>
    <t>961.35009765625</t>
  </si>
  <si>
    <t>0.02829059056326244</t>
  </si>
  <si>
    <t>11.490357398986816</t>
  </si>
  <si>
    <t>1106.110107421875</t>
  </si>
  <si>
    <t>0.01211461203155828</t>
  </si>
  <si>
    <t>12.779168128967285</t>
  </si>
  <si>
    <t>741.689453125</t>
  </si>
  <si>
    <t>0.017400902045343614</t>
  </si>
  <si>
    <t>46780</t>
  </si>
  <si>
    <t>12.415356636047363</t>
  </si>
  <si>
    <t>816.2785034179688</t>
  </si>
  <si>
    <t>0.017466751337897435</t>
  </si>
  <si>
    <t>47524</t>
  </si>
  <si>
    <t>12.176453590393066</t>
  </si>
  <si>
    <t>898.2666625976562</t>
  </si>
  <si>
    <t>0.01577908544000728</t>
  </si>
  <si>
    <t>49292</t>
  </si>
  <si>
    <t>13.270928382873535</t>
  </si>
  <si>
    <t>930.7471923828125</t>
  </si>
  <si>
    <t>0.03652694947983548</t>
  </si>
  <si>
    <t>12.37649917602539</t>
  </si>
  <si>
    <t>814.7158203125</t>
  </si>
  <si>
    <t>-0.00038553239456895483</t>
  </si>
  <si>
    <t>47690</t>
  </si>
  <si>
    <t>13.090404510498047</t>
  </si>
  <si>
    <t>1052.2254638671875</t>
  </si>
  <si>
    <t>-0.03265453137117369</t>
  </si>
  <si>
    <t>48030</t>
  </si>
  <si>
    <t>12.976452827453613</t>
  </si>
  <si>
    <t>650.9679565429688</t>
  </si>
  <si>
    <t>0.007104083366598957</t>
  </si>
  <si>
    <t>48967</t>
  </si>
  <si>
    <t>12.34583568572998</t>
  </si>
  <si>
    <t>905.5460815429688</t>
  </si>
  <si>
    <t>0.019320786163760317</t>
  </si>
  <si>
    <t>48840</t>
  </si>
  <si>
    <t>11.815262794494629</t>
  </si>
  <si>
    <t>833.9163818359375</t>
  </si>
  <si>
    <t>-0.0025969525979885333</t>
  </si>
  <si>
    <t>50148</t>
  </si>
  <si>
    <t>13.098408699035645</t>
  </si>
  <si>
    <t>749.6567993164062</t>
  </si>
  <si>
    <t>0.026428984011275247</t>
  </si>
  <si>
    <t>50500</t>
  </si>
  <si>
    <t>12.965027809143066</t>
  </si>
  <si>
    <t>756.1881713867188</t>
  </si>
  <si>
    <t>0.006994703027535465</t>
  </si>
  <si>
    <t>48846</t>
  </si>
  <si>
    <t>12.462311744689941</t>
  </si>
  <si>
    <t>938.9346923828125</t>
  </si>
  <si>
    <t>-0.03330084446141868</t>
  </si>
  <si>
    <t>49369</t>
  </si>
  <si>
    <t>12.648502349853516</t>
  </si>
  <si>
    <t>824.5077514648438</t>
  </si>
  <si>
    <t>0.0106502050300179</t>
  </si>
  <si>
    <t>48149</t>
  </si>
  <si>
    <t>11.937358856201172</t>
  </si>
  <si>
    <t>923.5919189453125</t>
  </si>
  <si>
    <t>-0.025022327253429566</t>
  </si>
  <si>
    <t>47754</t>
  </si>
  <si>
    <t>13.35398006439209</t>
  </si>
  <si>
    <t>683.2261352539062</t>
  </si>
  <si>
    <t>-0.008237536544717372</t>
  </si>
  <si>
    <t>46929</t>
  </si>
  <si>
    <t>12.845597267150879</t>
  </si>
  <si>
    <t>845.5828247070312</t>
  </si>
  <si>
    <t>-0.017427011804024062</t>
  </si>
  <si>
    <t>46043</t>
  </si>
  <si>
    <t>12.729262351989746</t>
  </si>
  <si>
    <t>976.801513671875</t>
  </si>
  <si>
    <t>-0.019060078787129342</t>
  </si>
  <si>
    <t>45443</t>
  </si>
  <si>
    <t>13.448691368103027</t>
  </si>
  <si>
    <t>1031.017578125</t>
  </si>
  <si>
    <t>-0.013116949100256292</t>
  </si>
  <si>
    <t>46041</t>
  </si>
  <si>
    <t>13.51530933380127</t>
  </si>
  <si>
    <t>728.2531127929688</t>
  </si>
  <si>
    <t>0.013073510500710483</t>
  </si>
  <si>
    <t>47303</t>
  </si>
  <si>
    <t>12.779213905334473</t>
  </si>
  <si>
    <t>872.7085571289062</t>
  </si>
  <si>
    <t>0.027041414572687827</t>
  </si>
  <si>
    <t>13.462501525878906</t>
  </si>
  <si>
    <t>692.12158203125</t>
  </si>
  <si>
    <t>0.02521685791722561</t>
  </si>
  <si>
    <t>13.604214668273926</t>
  </si>
  <si>
    <t>708.4827270507812</t>
  </si>
  <si>
    <t>-0.008238165485426663</t>
  </si>
  <si>
    <t>13.89326000213623</t>
  </si>
  <si>
    <t>925.620361328125</t>
  </si>
  <si>
    <t>0.009309513219603716</t>
  </si>
  <si>
    <t>44398</t>
  </si>
  <si>
    <t>13.407023429870605</t>
  </si>
  <si>
    <t>858.3576049804688</t>
  </si>
  <si>
    <t>-0.08966750070658236</t>
  </si>
  <si>
    <t>12.948738098144531</t>
  </si>
  <si>
    <t>678.5592041015625</t>
  </si>
  <si>
    <t>0.08427854429016435</t>
  </si>
  <si>
    <t>50228</t>
  </si>
  <si>
    <t>14.090216636657715</t>
  </si>
  <si>
    <t>670.2113037109375</t>
  </si>
  <si>
    <t>0.03909967245797752</t>
  </si>
  <si>
    <t>146.6726531982422</t>
  </si>
  <si>
    <t>Vibo Valentia</t>
  </si>
  <si>
    <t>0.014386330420679272</t>
  </si>
  <si>
    <t>18199</t>
  </si>
  <si>
    <t>15.7333345413208</t>
  </si>
  <si>
    <t>0.0075010003678492865</t>
  </si>
  <si>
    <t>921.800048828125</t>
  </si>
  <si>
    <t>-0.00938507495820673</t>
  </si>
  <si>
    <t>18410</t>
  </si>
  <si>
    <t>16.583332061767578</t>
  </si>
  <si>
    <t>0.020912422684924437</t>
  </si>
  <si>
    <t>0.028276490316320846</t>
  </si>
  <si>
    <t>19169</t>
  </si>
  <si>
    <t>0.012123905294714632</t>
  </si>
  <si>
    <t>893.699951171875</t>
  </si>
  <si>
    <t>0.01742771969380108</t>
  </si>
  <si>
    <t>19850</t>
  </si>
  <si>
    <t>16.008333206176758</t>
  </si>
  <si>
    <t>0.01748189658337651</t>
  </si>
  <si>
    <t>20165</t>
  </si>
  <si>
    <t>787.4000854492188</t>
  </si>
  <si>
    <t>0.015744421192131597</t>
  </si>
  <si>
    <t>942.199951171875</t>
  </si>
  <si>
    <t>0.03651817656882983</t>
  </si>
  <si>
    <t>655.6000366210938</t>
  </si>
  <si>
    <t>0.05646754916879715</t>
  </si>
  <si>
    <t>22720</t>
  </si>
  <si>
    <t>1054.4000244140625</t>
  </si>
  <si>
    <t>0.02631143978999262</t>
  </si>
  <si>
    <t>869.1000366210938</t>
  </si>
  <si>
    <t>0.0016711380818659194</t>
  </si>
  <si>
    <t>23315</t>
  </si>
  <si>
    <t>1085.89990234375</t>
  </si>
  <si>
    <t>0.024180198325467472</t>
  </si>
  <si>
    <t>23395</t>
  </si>
  <si>
    <t>1094.7999267578125</t>
  </si>
  <si>
    <t>0.0034253940578956588</t>
  </si>
  <si>
    <t>0.039598763241201596</t>
  </si>
  <si>
    <t>-0.02685703213983004</t>
  </si>
  <si>
    <t>1184.7999267578125</t>
  </si>
  <si>
    <t>0.0013917299760244362</t>
  </si>
  <si>
    <t>22528</t>
  </si>
  <si>
    <t>1133.300048828125</t>
  </si>
  <si>
    <t>-0.051896805419945125</t>
  </si>
  <si>
    <t>0.0366085851098088</t>
  </si>
  <si>
    <t>23230</t>
  </si>
  <si>
    <t>820.5999755859375</t>
  </si>
  <si>
    <t>-0.0059230183031218075</t>
  </si>
  <si>
    <t>22154</t>
  </si>
  <si>
    <t>897.300048828125</t>
  </si>
  <si>
    <t>-0.04742647968757652</t>
  </si>
  <si>
    <t>21551</t>
  </si>
  <si>
    <t>-0.027595847909307025</t>
  </si>
  <si>
    <t>21263</t>
  </si>
  <si>
    <t>16.533334732055664</t>
  </si>
  <si>
    <t>-0.01345374616087014</t>
  </si>
  <si>
    <t>21769</t>
  </si>
  <si>
    <t>0.023518466394234494</t>
  </si>
  <si>
    <t>21800</t>
  </si>
  <si>
    <t>0.0014230303762445828</t>
  </si>
  <si>
    <t>21911</t>
  </si>
  <si>
    <t>16.600000381469727</t>
  </si>
  <si>
    <t>0.005078824030499973</t>
  </si>
  <si>
    <t>0.01885270240847703</t>
  </si>
  <si>
    <t>23001</t>
  </si>
  <si>
    <t>780.0999755859375</t>
  </si>
  <si>
    <t>0.029696197010846248</t>
  </si>
  <si>
    <t>843.699951171875</t>
  </si>
  <si>
    <t>-0.0825275685394029</t>
  </si>
  <si>
    <t>23041</t>
  </si>
  <si>
    <t>16.641666412353516</t>
  </si>
  <si>
    <t>738.800048828125</t>
  </si>
  <si>
    <t>0.08426511295813022</t>
  </si>
  <si>
    <t>23960</t>
  </si>
  <si>
    <t>757.0000610351562</t>
  </si>
  <si>
    <t>0.03911053558365474</t>
  </si>
  <si>
    <t>11.032160758972168</t>
  </si>
  <si>
    <t>871.9827270507812</t>
  </si>
  <si>
    <t>498.70355224609375</t>
  </si>
  <si>
    <t>Vicenza</t>
  </si>
  <si>
    <t>42836</t>
  </si>
  <si>
    <t>10.147733688354492</t>
  </si>
  <si>
    <t>778.6323852539062</t>
  </si>
  <si>
    <t>0.014413774271449853</t>
  </si>
  <si>
    <t>43157</t>
  </si>
  <si>
    <t>11.157294273376465</t>
  </si>
  <si>
    <t>941.1495361328125</t>
  </si>
  <si>
    <t>0.007465758631008512</t>
  </si>
  <si>
    <t>42756</t>
  </si>
  <si>
    <t>10.772734642028809</t>
  </si>
  <si>
    <t>988.0205688476562</t>
  </si>
  <si>
    <t>-0.009335092757938313</t>
  </si>
  <si>
    <t>43659</t>
  </si>
  <si>
    <t>11.579154014587402</t>
  </si>
  <si>
    <t>901.3935546875</t>
  </si>
  <si>
    <t>44912</t>
  </si>
  <si>
    <t>10.709209442138672</t>
  </si>
  <si>
    <t>966.3141479492188</t>
  </si>
  <si>
    <t>0.02829557302022856</t>
  </si>
  <si>
    <t>45459</t>
  </si>
  <si>
    <t>10.02888298034668</t>
  </si>
  <si>
    <t>1101.385986328125</t>
  </si>
  <si>
    <t>0.01210580120260829</t>
  </si>
  <si>
    <t>46258</t>
  </si>
  <si>
    <t>11.271777153015137</t>
  </si>
  <si>
    <t>787.9705200195312</t>
  </si>
  <si>
    <t>0.017423601151172363</t>
  </si>
  <si>
    <t>10.94035816192627</t>
  </si>
  <si>
    <t>920.20654296875</t>
  </si>
  <si>
    <t>0.01746516627173378</t>
  </si>
  <si>
    <t>10.686259269714355</t>
  </si>
  <si>
    <t>964.8768920898438</t>
  </si>
  <si>
    <t>0.015765285318893874</t>
  </si>
  <si>
    <t>49600</t>
  </si>
  <si>
    <t>11.79459285736084</t>
  </si>
  <si>
    <t>1212.892333984375</t>
  </si>
  <si>
    <t>0.03652596016694609</t>
  </si>
  <si>
    <t>50036</t>
  </si>
  <si>
    <t>10.890358924865723</t>
  </si>
  <si>
    <t>779.3316650390625</t>
  </si>
  <si>
    <t>0.00875191262161401</t>
  </si>
  <si>
    <t>49451</t>
  </si>
  <si>
    <t>11.59445858001709</t>
  </si>
  <si>
    <t>1138.8104248046875</t>
  </si>
  <si>
    <t>-0.011760466041328854</t>
  </si>
  <si>
    <t>49388</t>
  </si>
  <si>
    <t>11.499783515930176</t>
  </si>
  <si>
    <t>676.762939453125</t>
  </si>
  <si>
    <t>-0.0012748006056693129</t>
  </si>
  <si>
    <t>49588</t>
  </si>
  <si>
    <t>10.865492820739746</t>
  </si>
  <si>
    <t>903.2586669921875</t>
  </si>
  <si>
    <t>0.004041389270403428</t>
  </si>
  <si>
    <t>48726</t>
  </si>
  <si>
    <t>10.32683277130127</t>
  </si>
  <si>
    <t>840.9943237304688</t>
  </si>
  <si>
    <t>-0.017536100447571812</t>
  </si>
  <si>
    <t>48568</t>
  </si>
  <si>
    <t>11.561259269714355</t>
  </si>
  <si>
    <t>766.7042236328125</t>
  </si>
  <si>
    <t>-0.0032478907001962654</t>
  </si>
  <si>
    <t>49529</t>
  </si>
  <si>
    <t>11.436260223388672</t>
  </si>
  <si>
    <t>847.3154907226562</t>
  </si>
  <si>
    <t>0.019593478784226903</t>
  </si>
  <si>
    <t>10.95183277130127</t>
  </si>
  <si>
    <t>1057.0167236328125</t>
  </si>
  <si>
    <t>-0.03570009513860661</t>
  </si>
  <si>
    <t>44831</t>
  </si>
  <si>
    <t>11.141451835632324</t>
  </si>
  <si>
    <t>901.8937377929688</t>
  </si>
  <si>
    <t>-0.06395839706400253</t>
  </si>
  <si>
    <t>10.416449546813965</t>
  </si>
  <si>
    <t>1053.1300048828125</t>
  </si>
  <si>
    <t>0.021144023191343564</t>
  </si>
  <si>
    <t>47055</t>
  </si>
  <si>
    <t>11.836257934570312</t>
  </si>
  <si>
    <t>750.9736938476562</t>
  </si>
  <si>
    <t>0.02727324270965603</t>
  </si>
  <si>
    <t>11.328883171081543</t>
  </si>
  <si>
    <t>912.8692626953125</t>
  </si>
  <si>
    <t>-0.031233990581469584</t>
  </si>
  <si>
    <t>11.229018211364746</t>
  </si>
  <si>
    <t>1074.94091796875</t>
  </si>
  <si>
    <t>-0.004725231591736545</t>
  </si>
  <si>
    <t>45188</t>
  </si>
  <si>
    <t>11.961258888244629</t>
  </si>
  <si>
    <t>1122.04052734375</t>
  </si>
  <si>
    <t>-0.004526343272861055</t>
  </si>
  <si>
    <t>46181</t>
  </si>
  <si>
    <t>12.034209251403809</t>
  </si>
  <si>
    <t>762.2513427734375</t>
  </si>
  <si>
    <t>0.021736893223055276</t>
  </si>
  <si>
    <t>46797</t>
  </si>
  <si>
    <t>11.308117866516113</t>
  </si>
  <si>
    <t>962.4746704101562</t>
  </si>
  <si>
    <t>0.013250640217103538</t>
  </si>
  <si>
    <t>48148</t>
  </si>
  <si>
    <t>12.002925872802734</t>
  </si>
  <si>
    <t>734.7420043945312</t>
  </si>
  <si>
    <t>0.028460502212645622</t>
  </si>
  <si>
    <t>12.13311767578125</t>
  </si>
  <si>
    <t>703.5276489257812</t>
  </si>
  <si>
    <t>0.009055823046404399</t>
  </si>
  <si>
    <t>49386</t>
  </si>
  <si>
    <t>12.377925872802734</t>
  </si>
  <si>
    <t>1013.2462768554688</t>
  </si>
  <si>
    <t>0.016331559654670258</t>
  </si>
  <si>
    <t>45680</t>
  </si>
  <si>
    <t>11.914401054382324</t>
  </si>
  <si>
    <t>927.3946533203125</t>
  </si>
  <si>
    <t>-0.07800641787080664</t>
  </si>
  <si>
    <t>49696</t>
  </si>
  <si>
    <t>11.458115577697754</t>
  </si>
  <si>
    <t>728.4804077148438</t>
  </si>
  <si>
    <t>0.08426388161852039</t>
  </si>
  <si>
    <t>12.652926445007324</t>
  </si>
  <si>
    <t>693.56201171875</t>
  </si>
  <si>
    <t>0.039107712068815914</t>
  </si>
  <si>
    <t>14.814098358154297</t>
  </si>
  <si>
    <t>745.1071166992188</t>
  </si>
  <si>
    <t>259.7579345703125</t>
  </si>
  <si>
    <t>Viterbo</t>
  </si>
  <si>
    <t>30611</t>
  </si>
  <si>
    <t>13.887068748474121</t>
  </si>
  <si>
    <t>818.5010375976562</t>
  </si>
  <si>
    <t>0.014411936732258823</t>
  </si>
  <si>
    <t>14.628825187683105</t>
  </si>
  <si>
    <t>731.0623779296875</t>
  </si>
  <si>
    <t>0.007453127209032573</t>
  </si>
  <si>
    <t>14.527229309082031</t>
  </si>
  <si>
    <t>740.2876586914062</t>
  </si>
  <si>
    <t>-0.009349668226128927</t>
  </si>
  <si>
    <t>15.169158935546875</t>
  </si>
  <si>
    <t>651.3028564453125</t>
  </si>
  <si>
    <t>0.02092316255073179</t>
  </si>
  <si>
    <t>32094</t>
  </si>
  <si>
    <t>14.46781063079834</t>
  </si>
  <si>
    <t>735.5781860351562</t>
  </si>
  <si>
    <t>0.028283053757435894</t>
  </si>
  <si>
    <t>32485</t>
  </si>
  <si>
    <t>13.991705894470215</t>
  </si>
  <si>
    <t>994.8233032226562</t>
  </si>
  <si>
    <t>0.012109347555327332</t>
  </si>
  <si>
    <t>14.869843482971191</t>
  </si>
  <si>
    <t>767.0269775390625</t>
  </si>
  <si>
    <t>0.017424648604732695</t>
  </si>
  <si>
    <t>14.537190437316895</t>
  </si>
  <si>
    <t>766.7900390625</t>
  </si>
  <si>
    <t>0.01748301520962592</t>
  </si>
  <si>
    <t>34173</t>
  </si>
  <si>
    <t>14.718369483947754</t>
  </si>
  <si>
    <t>822.1561889648438</t>
  </si>
  <si>
    <t>0.015749750439031374</t>
  </si>
  <si>
    <t>15.362191200256348</t>
  </si>
  <si>
    <t>804.6749877929688</t>
  </si>
  <si>
    <t>0.03651812759917128</t>
  </si>
  <si>
    <t>34610</t>
  </si>
  <si>
    <t>14.776144981384277</t>
  </si>
  <si>
    <t>572.44873046875</t>
  </si>
  <si>
    <t>-0.023811328537803433</t>
  </si>
  <si>
    <t>35770</t>
  </si>
  <si>
    <t>15.20592212677002</t>
  </si>
  <si>
    <t>903.7601928710938</t>
  </si>
  <si>
    <t>0.032966895623673054</t>
  </si>
  <si>
    <t>15.18118667602539</t>
  </si>
  <si>
    <t>594.8187255859375</t>
  </si>
  <si>
    <t>0.024003693586134744</t>
  </si>
  <si>
    <t>38292</t>
  </si>
  <si>
    <t>14.63748550415039</t>
  </si>
  <si>
    <t>673.05859375</t>
  </si>
  <si>
    <t>0.04412775022704629</t>
  </si>
  <si>
    <t>14.232165336608887</t>
  </si>
  <si>
    <t>855.5233154296875</t>
  </si>
  <si>
    <t>-0.051881744827582565</t>
  </si>
  <si>
    <t>15.213433265686035</t>
  </si>
  <si>
    <t>534.5448608398438</t>
  </si>
  <si>
    <t>-0.03898309148106627</t>
  </si>
  <si>
    <t>15.164238929748535</t>
  </si>
  <si>
    <t>672.9761352539062</t>
  </si>
  <si>
    <t>0.030225524631889655</t>
  </si>
  <si>
    <t>15.023846626281738</t>
  </si>
  <si>
    <t>1072.287109375</t>
  </si>
  <si>
    <t>-0.06668850404923177</t>
  </si>
  <si>
    <t>31389</t>
  </si>
  <si>
    <t>15.053330421447754</t>
  </si>
  <si>
    <t>793.4155883789062</t>
  </si>
  <si>
    <t>-0.07145566829109562</t>
  </si>
  <si>
    <t>14.645153999328613</t>
  </si>
  <si>
    <t>896.5547485351562</t>
  </si>
  <si>
    <t>0.04850339840729845</t>
  </si>
  <si>
    <t>32606</t>
  </si>
  <si>
    <t>15.145230293273926</t>
  </si>
  <si>
    <t>649.0504760742188</t>
  </si>
  <si>
    <t>-0.010464590956855702</t>
  </si>
  <si>
    <t>15.2265625</t>
  </si>
  <si>
    <t>689.270263671875</t>
  </si>
  <si>
    <t>-0.0423489525263534</t>
  </si>
  <si>
    <t>15.065742492675781</t>
  </si>
  <si>
    <t>740.4019165039062</t>
  </si>
  <si>
    <t>-0.03573029929479432</t>
  </si>
  <si>
    <t>15.389225006103516</t>
  </si>
  <si>
    <t>748.0773315429688</t>
  </si>
  <si>
    <t>0.0032774432197868464</t>
  </si>
  <si>
    <t>15.448519706726074</t>
  </si>
  <si>
    <t>521.8308715820312</t>
  </si>
  <si>
    <t>-0.017739711620880172</t>
  </si>
  <si>
    <t>29521</t>
  </si>
  <si>
    <t>15.038715362548828</t>
  </si>
  <si>
    <t>586.8004150390625</t>
  </si>
  <si>
    <t>-0.0068529257979523805</t>
  </si>
  <si>
    <t>30046</t>
  </si>
  <si>
    <t>15.4354248046875</t>
  </si>
  <si>
    <t>431.0701904296875</t>
  </si>
  <si>
    <t>0.017627666142962184</t>
  </si>
  <si>
    <t>15.669437408447266</t>
  </si>
  <si>
    <t>816.9446411132812</t>
  </si>
  <si>
    <t>0.00039930787167108406</t>
  </si>
  <si>
    <t>15.858201026916504</t>
  </si>
  <si>
    <t>817.7179565429688</t>
  </si>
  <si>
    <t>0.006466504601295497</t>
  </si>
  <si>
    <t>28200</t>
  </si>
  <si>
    <t>15.530486106872559</t>
  </si>
  <si>
    <t>800.7685546875</t>
  </si>
  <si>
    <t>-0.07027337516912979</t>
  </si>
  <si>
    <t>30679</t>
  </si>
  <si>
    <t>15.374935150146484</t>
  </si>
  <si>
    <t>506.3204345703125</t>
  </si>
  <si>
    <t>0.08425640349965313</t>
  </si>
  <si>
    <t>31902</t>
  </si>
  <si>
    <t>16.10727310180664</t>
  </si>
  <si>
    <t>586.273681640625</t>
  </si>
  <si>
    <t>0.039090322306535086</t>
  </si>
  <si>
    <t>JOR</t>
  </si>
  <si>
    <t>303.1000061035156</t>
  </si>
  <si>
    <t>418.3906555175781</t>
  </si>
  <si>
    <t>Ajloun</t>
  </si>
  <si>
    <t>Jordan</t>
  </si>
  <si>
    <t>547.300048828125</t>
  </si>
  <si>
    <t>-0.03415545230281758</t>
  </si>
  <si>
    <t>5845</t>
  </si>
  <si>
    <t>0.08252654261931802</t>
  </si>
  <si>
    <t>5803</t>
  </si>
  <si>
    <t>296.6000061035156</t>
  </si>
  <si>
    <t>-0.007211569715561694</t>
  </si>
  <si>
    <t>19.141664505004883</t>
  </si>
  <si>
    <t>422.1999816894531</t>
  </si>
  <si>
    <t>0.001549720499566476</t>
  </si>
  <si>
    <t>18.850000381469727</t>
  </si>
  <si>
    <t>295.20001220703125</t>
  </si>
  <si>
    <t>0.02009946730159662</t>
  </si>
  <si>
    <t>285.3000183105469</t>
  </si>
  <si>
    <t>-0.012215964604092022</t>
  </si>
  <si>
    <t>5893</t>
  </si>
  <si>
    <t>18.499998092651367</t>
  </si>
  <si>
    <t>436.4000244140625</t>
  </si>
  <si>
    <t>0.005956957450234057</t>
  </si>
  <si>
    <t>19.84166717529297</t>
  </si>
  <si>
    <t>248.40000915527344</t>
  </si>
  <si>
    <t>0.03975575515379148</t>
  </si>
  <si>
    <t>0.04387018164731771</t>
  </si>
  <si>
    <t>274.29998779296875</t>
  </si>
  <si>
    <t>0.051855022026837005</t>
  </si>
  <si>
    <t>7168</t>
  </si>
  <si>
    <t>19.566667556762695</t>
  </si>
  <si>
    <t>381.9999694824219</t>
  </si>
  <si>
    <t>0.06038051098890662</t>
  </si>
  <si>
    <t>7642</t>
  </si>
  <si>
    <t>19.875</t>
  </si>
  <si>
    <t>351.5000305175781</t>
  </si>
  <si>
    <t>0.06403267335207907</t>
  </si>
  <si>
    <t>19.47500228881836</t>
  </si>
  <si>
    <t>0.05362634667817723</t>
  </si>
  <si>
    <t>19.400001525878906</t>
  </si>
  <si>
    <t>263.20001220703125</t>
  </si>
  <si>
    <t>0.0915485898549857</t>
  </si>
  <si>
    <t>311.29998779296875</t>
  </si>
  <si>
    <t>0.08552959461597709</t>
  </si>
  <si>
    <t>276.8999938964844</t>
  </si>
  <si>
    <t>0.04191438465781516</t>
  </si>
  <si>
    <t>10508</t>
  </si>
  <si>
    <t>19.18333625793457</t>
  </si>
  <si>
    <t>308.8999938964844</t>
  </si>
  <si>
    <t>0.045858606991631135</t>
  </si>
  <si>
    <t>19.83333396911621</t>
  </si>
  <si>
    <t>144.6999969482422</t>
  </si>
  <si>
    <t>0.07522893806805797</t>
  </si>
  <si>
    <t>11983</t>
  </si>
  <si>
    <t>19.733333587646484</t>
  </si>
  <si>
    <t>351.10003662109375</t>
  </si>
  <si>
    <t>0.056123168809028456</t>
  </si>
  <si>
    <t>12337</t>
  </si>
  <si>
    <t>239.20001220703125</t>
  </si>
  <si>
    <t>0.029113898388947845</t>
  </si>
  <si>
    <t>12367</t>
  </si>
  <si>
    <t>18.866666793823242</t>
  </si>
  <si>
    <t>414.1000061035156</t>
  </si>
  <si>
    <t>0.002428757670591253</t>
  </si>
  <si>
    <t>12498</t>
  </si>
  <si>
    <t>19.891664505004883</t>
  </si>
  <si>
    <t>446.8000183105469</t>
  </si>
  <si>
    <t>0.010536996746971283</t>
  </si>
  <si>
    <t>12027</t>
  </si>
  <si>
    <t>19.491666793823242</t>
  </si>
  <si>
    <t>261.3000183105469</t>
  </si>
  <si>
    <t>-0.03841450917841094</t>
  </si>
  <si>
    <t>11058</t>
  </si>
  <si>
    <t>19.616666793823242</t>
  </si>
  <si>
    <t>-0.08399997441273932</t>
  </si>
  <si>
    <t>19.58333396911621</t>
  </si>
  <si>
    <t>298.5999755859375</t>
  </si>
  <si>
    <t>-0.06703757171290192</t>
  </si>
  <si>
    <t>19.991666793823242</t>
  </si>
  <si>
    <t>305.10003662109375</t>
  </si>
  <si>
    <t>-0.03283172809451962</t>
  </si>
  <si>
    <t>9964</t>
  </si>
  <si>
    <t>19.7833309173584</t>
  </si>
  <si>
    <t>221.60000610351562</t>
  </si>
  <si>
    <t>-0.004306250708385306</t>
  </si>
  <si>
    <t>20.208332061767578</t>
  </si>
  <si>
    <t>358.8999938964844</t>
  </si>
  <si>
    <t>-0.008364876187107129</t>
  </si>
  <si>
    <t>9796</t>
  </si>
  <si>
    <t>19.66666603088379</t>
  </si>
  <si>
    <t>423.5</t>
  </si>
  <si>
    <t>-0.008639582122905054</t>
  </si>
  <si>
    <t>394.70001220703125</t>
  </si>
  <si>
    <t>-0.03564198764667381</t>
  </si>
  <si>
    <t>19.82499885559082</t>
  </si>
  <si>
    <t>375.6000061035156</t>
  </si>
  <si>
    <t>0.015847526915759858</t>
  </si>
  <si>
    <t>19.674999237060547</t>
  </si>
  <si>
    <t>411.6999816894531</t>
  </si>
  <si>
    <t>0.011594332780918037</t>
  </si>
  <si>
    <t>11025</t>
  </si>
  <si>
    <t>17.60039520263672</t>
  </si>
  <si>
    <t>170.62071228027344</t>
  </si>
  <si>
    <t>166.54388427734375</t>
  </si>
  <si>
    <t>Amman</t>
  </si>
  <si>
    <t>10655</t>
  </si>
  <si>
    <t>17.3265380859375</t>
  </si>
  <si>
    <t>285.4559326171875</t>
  </si>
  <si>
    <t>-0.034136155782329425</t>
  </si>
  <si>
    <t>11572</t>
  </si>
  <si>
    <t>16.608442306518555</t>
  </si>
  <si>
    <t>262.2940979003906</t>
  </si>
  <si>
    <t>0.08255912156330858</t>
  </si>
  <si>
    <t>17.73287010192871</t>
  </si>
  <si>
    <t>159.6917266845703</t>
  </si>
  <si>
    <t>-0.007198331242660672</t>
  </si>
  <si>
    <t>17.923391342163086</t>
  </si>
  <si>
    <t>217.28012084960938</t>
  </si>
  <si>
    <t>0.0014785825698737654</t>
  </si>
  <si>
    <t>11741</t>
  </si>
  <si>
    <t>17.676538467407227</t>
  </si>
  <si>
    <t>158.72604370117188</t>
  </si>
  <si>
    <t>0.020218351206972685</t>
  </si>
  <si>
    <t>11597</t>
  </si>
  <si>
    <t>18.17711067199707</t>
  </si>
  <si>
    <t>156.55300903320312</t>
  </si>
  <si>
    <t>-0.012340545673508174</t>
  </si>
  <si>
    <t>17.34177589416504</t>
  </si>
  <si>
    <t>240.6802520751953</t>
  </si>
  <si>
    <t>0.006017899867154952</t>
  </si>
  <si>
    <t>18.632583618164062</t>
  </si>
  <si>
    <t>140.10243225097656</t>
  </si>
  <si>
    <t>0.003166319876102719</t>
  </si>
  <si>
    <t>18.225679397583008</t>
  </si>
  <si>
    <t>160.52069091796875</t>
  </si>
  <si>
    <t>0.008168867753795439</t>
  </si>
  <si>
    <t>12002</t>
  </si>
  <si>
    <t>17.977109909057617</t>
  </si>
  <si>
    <t>141.13775634765625</t>
  </si>
  <si>
    <t>0.016973771095702972</t>
  </si>
  <si>
    <t>12328</t>
  </si>
  <si>
    <t>18.38401222229004</t>
  </si>
  <si>
    <t>198.74330139160156</t>
  </si>
  <si>
    <t>0.02679979545049349</t>
  </si>
  <si>
    <t>18.709299087524414</t>
  </si>
  <si>
    <t>190.99920654296875</t>
  </si>
  <si>
    <t>0.030987945030741315</t>
  </si>
  <si>
    <t>12869</t>
  </si>
  <si>
    <t>18.291776657104492</t>
  </si>
  <si>
    <t>301.59771728515625</t>
  </si>
  <si>
    <t>0.011960275462971737</t>
  </si>
  <si>
    <t>13542</t>
  </si>
  <si>
    <t>18.22539520263672</t>
  </si>
  <si>
    <t>136.75491333007812</t>
  </si>
  <si>
    <t>0.05097464855192513</t>
  </si>
  <si>
    <t>14178</t>
  </si>
  <si>
    <t>17.983728408813477</t>
  </si>
  <si>
    <t>164.69515991210938</t>
  </si>
  <si>
    <t>0.0458955003693724</t>
  </si>
  <si>
    <t>17.89291763305664</t>
  </si>
  <si>
    <t>151.39659118652344</t>
  </si>
  <si>
    <t>0.003450100236204179</t>
  </si>
  <si>
    <t>14346</t>
  </si>
  <si>
    <t>18.016489028930664</t>
  </si>
  <si>
    <t>167.92453002929688</t>
  </si>
  <si>
    <t>0.00832959003521161</t>
  </si>
  <si>
    <t>14910</t>
  </si>
  <si>
    <t>18.6495361328125</t>
  </si>
  <si>
    <t>74.72624206542969</t>
  </si>
  <si>
    <t>0.03856097107240508</t>
  </si>
  <si>
    <t>15214</t>
  </si>
  <si>
    <t>18.55986976623535</t>
  </si>
  <si>
    <t>188.4065704345703</t>
  </si>
  <si>
    <t>0.02018392779846323</t>
  </si>
  <si>
    <t>15125</t>
  </si>
  <si>
    <t>19.825679779052734</t>
  </si>
  <si>
    <t>129.40333557128906</t>
  </si>
  <si>
    <t>-0.005867052658205196</t>
  </si>
  <si>
    <t>15161</t>
  </si>
  <si>
    <t>17.684587478637695</t>
  </si>
  <si>
    <t>223.9963836669922</t>
  </si>
  <si>
    <t>0.0023773371825388523</t>
  </si>
  <si>
    <t>18.709871292114258</t>
  </si>
  <si>
    <t>238.0131378173828</t>
  </si>
  <si>
    <t>0.010563362995185344</t>
  </si>
  <si>
    <t>18.334585189819336</t>
  </si>
  <si>
    <t>143.6652069091797</t>
  </si>
  <si>
    <t>-0.03838566182738923</t>
  </si>
  <si>
    <t>18.435728073120117</t>
  </si>
  <si>
    <t>187.0452117919922</t>
  </si>
  <si>
    <t>-0.08407478852243422</t>
  </si>
  <si>
    <t>12678</t>
  </si>
  <si>
    <t>18.469633102416992</t>
  </si>
  <si>
    <t>156.5970916748047</t>
  </si>
  <si>
    <t>-0.06696104588283092</t>
  </si>
  <si>
    <t>12268</t>
  </si>
  <si>
    <t>18.8176326751709</t>
  </si>
  <si>
    <t>166.59173583984375</t>
  </si>
  <si>
    <t>-0.032873961609968916</t>
  </si>
  <si>
    <t>12215</t>
  </si>
  <si>
    <t>18.627111434936523</t>
  </si>
  <si>
    <t>117.92442321777344</t>
  </si>
  <si>
    <t>-0.004329541542302806</t>
  </si>
  <si>
    <t>12114</t>
  </si>
  <si>
    <t>19.05068016052246</t>
  </si>
  <si>
    <t>194.13250732421875</t>
  </si>
  <si>
    <t>-0.008302896150947703</t>
  </si>
  <si>
    <t>18.510156631469727</t>
  </si>
  <si>
    <t>215.41354370117188</t>
  </si>
  <si>
    <t>-0.008705439880209553</t>
  </si>
  <si>
    <t>11589</t>
  </si>
  <si>
    <t>18.802967071533203</t>
  </si>
  <si>
    <t>208.1727752685547</t>
  </si>
  <si>
    <t>-0.03559999632629207</t>
  </si>
  <si>
    <t>11774</t>
  </si>
  <si>
    <t>18.652109146118164</t>
  </si>
  <si>
    <t>195.90072631835938</t>
  </si>
  <si>
    <t>0.015837338253815503</t>
  </si>
  <si>
    <t>18.51991844177246</t>
  </si>
  <si>
    <t>236.45230102539062</t>
  </si>
  <si>
    <t>0.011568632292695114</t>
  </si>
  <si>
    <t>19.923742294311523</t>
  </si>
  <si>
    <t>77.73716735839844</t>
  </si>
  <si>
    <t>31.91088104248047</t>
  </si>
  <si>
    <t>Aqaba</t>
  </si>
  <si>
    <t>19.633039474487305</t>
  </si>
  <si>
    <t>80.75762939453125</t>
  </si>
  <si>
    <t>-0.03418193861148566</t>
  </si>
  <si>
    <t>7746</t>
  </si>
  <si>
    <t>18.922168731689453</t>
  </si>
  <si>
    <t>57.824214935302734</t>
  </si>
  <si>
    <t>0.08258488109166606</t>
  </si>
  <si>
    <t>20.013835906982422</t>
  </si>
  <si>
    <t>57.48649215698242</t>
  </si>
  <si>
    <t>-0.0071257670176443355</t>
  </si>
  <si>
    <t>7702</t>
  </si>
  <si>
    <t>20.195236206054688</t>
  </si>
  <si>
    <t>58.43205261230469</t>
  </si>
  <si>
    <t>0.0014292213178013213</t>
  </si>
  <si>
    <t>19.998741149902344</t>
  </si>
  <si>
    <t>46.06330871582031</t>
  </si>
  <si>
    <t>0.020179336491320754</t>
  </si>
  <si>
    <t>20.508039474487305</t>
  </si>
  <si>
    <t>48.76115417480469</t>
  </si>
  <si>
    <t>-0.012290514460495672</t>
  </si>
  <si>
    <t>7809</t>
  </si>
  <si>
    <t>19.594270706176758</t>
  </si>
  <si>
    <t>62.23477554321289</t>
  </si>
  <si>
    <t>0.0059080572569953915</t>
  </si>
  <si>
    <t>7770</t>
  </si>
  <si>
    <t>20.897775650024414</t>
  </si>
  <si>
    <t>40.26602554321289</t>
  </si>
  <si>
    <t>-0.005006750300982077</t>
  </si>
  <si>
    <t>20.624706268310547</t>
  </si>
  <si>
    <t>37.295127868652344</t>
  </si>
  <si>
    <t>7837</t>
  </si>
  <si>
    <t>20.215408325195312</t>
  </si>
  <si>
    <t>41.22046661376953</t>
  </si>
  <si>
    <t>0.008585943691171494</t>
  </si>
  <si>
    <t>20.623741149902344</t>
  </si>
  <si>
    <t>43.832855224609375</t>
  </si>
  <si>
    <t>0.018207608823143318</t>
  </si>
  <si>
    <t>8162</t>
  </si>
  <si>
    <t>21.006288528442383</t>
  </si>
  <si>
    <t>46.569786071777344</t>
  </si>
  <si>
    <t>0.02242552008974208</t>
  </si>
  <si>
    <t>8353</t>
  </si>
  <si>
    <t>20.561723709106445</t>
  </si>
  <si>
    <t>46.36842727661133</t>
  </si>
  <si>
    <t>0.023131518790156846</t>
  </si>
  <si>
    <t>8888</t>
  </si>
  <si>
    <t>20.50900650024414</t>
  </si>
  <si>
    <t>46.7697868347168</t>
  </si>
  <si>
    <t>0.06208129656355865</t>
  </si>
  <si>
    <t>20.339441299438477</t>
  </si>
  <si>
    <t>29.574100494384766</t>
  </si>
  <si>
    <t>0.05717716553932206</t>
  </si>
  <si>
    <t>9550</t>
  </si>
  <si>
    <t>20.199705123901367</t>
  </si>
  <si>
    <t>40.008872985839844</t>
  </si>
  <si>
    <t>0.01466193661598858</t>
  </si>
  <si>
    <t>20.318910598754883</t>
  </si>
  <si>
    <t>38.63932800292969</t>
  </si>
  <si>
    <t>0.01959728848642328</t>
  </si>
  <si>
    <t>20.987510681152344</t>
  </si>
  <si>
    <t>17.72829818725586</t>
  </si>
  <si>
    <t>0.0497724753184805</t>
  </si>
  <si>
    <t>10564</t>
  </si>
  <si>
    <t>20.849706649780273</t>
  </si>
  <si>
    <t>45.81694793701172</t>
  </si>
  <si>
    <t>0.03154107613734247</t>
  </si>
  <si>
    <t>22.099525451660156</t>
  </si>
  <si>
    <t>27.869783401489258</t>
  </si>
  <si>
    <t>0.005381178904517725</t>
  </si>
  <si>
    <t>10647</t>
  </si>
  <si>
    <t>20.051639556884766</t>
  </si>
  <si>
    <t>40.59296417236328</t>
  </si>
  <si>
    <t>0.0024449889930657775</t>
  </si>
  <si>
    <t>10760</t>
  </si>
  <si>
    <t>21.06637191772461</t>
  </si>
  <si>
    <t>51.65387725830078</t>
  </si>
  <si>
    <t>0.010557392401169707</t>
  </si>
  <si>
    <t>20.750492095947266</t>
  </si>
  <si>
    <t>45.650917053222656</t>
  </si>
  <si>
    <t>-0.03846263625392865</t>
  </si>
  <si>
    <t>20.857074737548828</t>
  </si>
  <si>
    <t>77.85875701904297</t>
  </si>
  <si>
    <t>-0.0840831172105414</t>
  </si>
  <si>
    <t>8903</t>
  </si>
  <si>
    <t>20.865407943725586</t>
  </si>
  <si>
    <t>39.39863967895508</t>
  </si>
  <si>
    <t>-0.06690150267763428</t>
  </si>
  <si>
    <t>8615</t>
  </si>
  <si>
    <t>21.21812629699707</t>
  </si>
  <si>
    <t>52.28193283081055</t>
  </si>
  <si>
    <t>-0.032883428611642174</t>
  </si>
  <si>
    <t>8578</t>
  </si>
  <si>
    <t>20.968124389648438</t>
  </si>
  <si>
    <t>41.60319900512695</t>
  </si>
  <si>
    <t>-0.00430408388520398</t>
  </si>
  <si>
    <t>21.45979118347168</t>
  </si>
  <si>
    <t>66.39512634277344</t>
  </si>
  <si>
    <t>-0.008311432100940763</t>
  </si>
  <si>
    <t>20.92180824279785</t>
  </si>
  <si>
    <t>53.09376525878906</t>
  </si>
  <si>
    <t>-0.00873677340124246</t>
  </si>
  <si>
    <t>8138</t>
  </si>
  <si>
    <t>21.163475036621094</t>
  </si>
  <si>
    <t>61.3654670715332</t>
  </si>
  <si>
    <t>-0.03560813101300653</t>
  </si>
  <si>
    <t>8268</t>
  </si>
  <si>
    <t>21.076457977294922</t>
  </si>
  <si>
    <t>60.70319747924805</t>
  </si>
  <si>
    <t>0.015848192240023096</t>
  </si>
  <si>
    <t>20.943910598754883</t>
  </si>
  <si>
    <t>50.02773666381836</t>
  </si>
  <si>
    <t>0.011663692619265476</t>
  </si>
  <si>
    <t>7789</t>
  </si>
  <si>
    <t>257.6000061035156</t>
  </si>
  <si>
    <t>538.9873046875</t>
  </si>
  <si>
    <t>Balqa</t>
  </si>
  <si>
    <t>427.5</t>
  </si>
  <si>
    <t>-0.034215925885416</t>
  </si>
  <si>
    <t>8175</t>
  </si>
  <si>
    <t>378.60003662109375</t>
  </si>
  <si>
    <t>0.08258416073092079</t>
  </si>
  <si>
    <t>18.875001907348633</t>
  </si>
  <si>
    <t>234.60000610351562</t>
  </si>
  <si>
    <t>-0.007120089004278185</t>
  </si>
  <si>
    <t>8128</t>
  </si>
  <si>
    <t>19.066667556762695</t>
  </si>
  <si>
    <t>0.0013542630570881897</t>
  </si>
  <si>
    <t>234.5</t>
  </si>
  <si>
    <t>0.020338032806280992</t>
  </si>
  <si>
    <t>8193</t>
  </si>
  <si>
    <t>19.316667556762695</t>
  </si>
  <si>
    <t>226.5</t>
  </si>
  <si>
    <t>-0.012372792482729267</t>
  </si>
  <si>
    <t>8242</t>
  </si>
  <si>
    <t>332.8000183105469</t>
  </si>
  <si>
    <t>0.0059629017569466924</t>
  </si>
  <si>
    <t>19.774999618530273</t>
  </si>
  <si>
    <t>202.80001831054688</t>
  </si>
  <si>
    <t>0.010380298396043486</t>
  </si>
  <si>
    <t>19.36666488647461</t>
  </si>
  <si>
    <t>227.70001220703125</t>
  </si>
  <si>
    <t>0.015371169487416125</t>
  </si>
  <si>
    <t>19.108335494995117</t>
  </si>
  <si>
    <t>207.40000915527344</t>
  </si>
  <si>
    <t>0.024182008898604224</t>
  </si>
  <si>
    <t>320.1000061035156</t>
  </si>
  <si>
    <t>0.033928482676536476</t>
  </si>
  <si>
    <t>9312</t>
  </si>
  <si>
    <t>274.70001220703125</t>
  </si>
  <si>
    <t>0.03819889861385661</t>
  </si>
  <si>
    <t>19.433334350585938</t>
  </si>
  <si>
    <t>450.4999694824219</t>
  </si>
  <si>
    <t>0.007702220362093115</t>
  </si>
  <si>
    <t>9833</t>
  </si>
  <si>
    <t>19.366666793823242</t>
  </si>
  <si>
    <t>203.0</t>
  </si>
  <si>
    <t>0.046737964446844416</t>
  </si>
  <si>
    <t>19.125001907348633</t>
  </si>
  <si>
    <t>254.99996948242188</t>
  </si>
  <si>
    <t>0.04153362978639841</t>
  </si>
  <si>
    <t>10239</t>
  </si>
  <si>
    <t>19.033334732055664</t>
  </si>
  <si>
    <t>199.29998779296875</t>
  </si>
  <si>
    <t>-0.0010737469917376785</t>
  </si>
  <si>
    <t>237.3000030517578</t>
  </si>
  <si>
    <t>0.0038017299773578372</t>
  </si>
  <si>
    <t>19.80000114440918</t>
  </si>
  <si>
    <t>115.30000305175781</t>
  </si>
  <si>
    <t>0.03395668409891073</t>
  </si>
  <si>
    <t>19.700000762939453</t>
  </si>
  <si>
    <t>285.0</t>
  </si>
  <si>
    <t>0.015583761461225976</t>
  </si>
  <si>
    <t>10685</t>
  </si>
  <si>
    <t>20.941667556762695</t>
  </si>
  <si>
    <t>188.10000610351562</t>
  </si>
  <si>
    <t>-0.010705245359064364</t>
  </si>
  <si>
    <t>18.833332061767578</t>
  </si>
  <si>
    <t>292.8999938964844</t>
  </si>
  <si>
    <t>0.002430362011383025</t>
  </si>
  <si>
    <t>323.4000244140625</t>
  </si>
  <si>
    <t>0.010494640085994433</t>
  </si>
  <si>
    <t>213.50001525878906</t>
  </si>
  <si>
    <t>-0.03832680386617682</t>
  </si>
  <si>
    <t>19.59166717529297</t>
  </si>
  <si>
    <t>292.70001220703125</t>
  </si>
  <si>
    <t>-0.08407469646282806</t>
  </si>
  <si>
    <t>8956</t>
  </si>
  <si>
    <t>226.70001220703125</t>
  </si>
  <si>
    <t>-0.06704069180297445</t>
  </si>
  <si>
    <t>19.958332061767578</t>
  </si>
  <si>
    <t>233.90000915527344</t>
  </si>
  <si>
    <t>-0.03280098858430058</t>
  </si>
  <si>
    <t>8630</t>
  </si>
  <si>
    <t>180.20001220703125</t>
  </si>
  <si>
    <t>-0.004278205056872153</t>
  </si>
  <si>
    <t>8558</t>
  </si>
  <si>
    <t>284.3999938964844</t>
  </si>
  <si>
    <t>-0.008377987100709916</t>
  </si>
  <si>
    <t>8484</t>
  </si>
  <si>
    <t>19.650001525878906</t>
  </si>
  <si>
    <t>325.6000061035156</t>
  </si>
  <si>
    <t>-0.008684481292188906</t>
  </si>
  <si>
    <t>19.941665649414062</t>
  </si>
  <si>
    <t>311.0</t>
  </si>
  <si>
    <t>-0.035634506308126035</t>
  </si>
  <si>
    <t>8318</t>
  </si>
  <si>
    <t>19.79166603088379</t>
  </si>
  <si>
    <t>302.70001220703125</t>
  </si>
  <si>
    <t>0.01587431092640834</t>
  </si>
  <si>
    <t>8415</t>
  </si>
  <si>
    <t>19.649999618530273</t>
  </si>
  <si>
    <t>352.60003662109375</t>
  </si>
  <si>
    <t>0.011593986322049332</t>
  </si>
  <si>
    <t>217.6999969482422</t>
  </si>
  <si>
    <t>63.97420883178711</t>
  </si>
  <si>
    <t>Karak</t>
  </si>
  <si>
    <t>8849</t>
  </si>
  <si>
    <t>378.8999938964844</t>
  </si>
  <si>
    <t>-0.0341049438051062</t>
  </si>
  <si>
    <t>17.400001525878906</t>
  </si>
  <si>
    <t>317.29998779296875</t>
  </si>
  <si>
    <t>0.08249976469698694</t>
  </si>
  <si>
    <t>189.8000030517578</t>
  </si>
  <si>
    <t>-0.0071011158882861025</t>
  </si>
  <si>
    <t>9556</t>
  </si>
  <si>
    <t>18.749998092651367</t>
  </si>
  <si>
    <t>279.9999694824219</t>
  </si>
  <si>
    <t>0.0014661223696492698</t>
  </si>
  <si>
    <t>18.483335494995117</t>
  </si>
  <si>
    <t>195.3000030517578</t>
  </si>
  <si>
    <t>0.020200614389418448</t>
  </si>
  <si>
    <t>18.92500114440918</t>
  </si>
  <si>
    <t>-0.01238278127425474</t>
  </si>
  <si>
    <t>9689</t>
  </si>
  <si>
    <t>293.2000427246094</t>
  </si>
  <si>
    <t>0.006004158824140404</t>
  </si>
  <si>
    <t>9587</t>
  </si>
  <si>
    <t>19.375001907348633</t>
  </si>
  <si>
    <t>172.89999389648438</t>
  </si>
  <si>
    <t>-0.010583207308007658</t>
  </si>
  <si>
    <t>19.09166717529297</t>
  </si>
  <si>
    <t>204.09999084472656</t>
  </si>
  <si>
    <t>-0.005963296428749487</t>
  </si>
  <si>
    <t>189.3000030517578</t>
  </si>
  <si>
    <t>0.002724511797453033</t>
  </si>
  <si>
    <t>9672</t>
  </si>
  <si>
    <t>19.124998092651367</t>
  </si>
  <si>
    <t>267.5</t>
  </si>
  <si>
    <t>0.012065883848928038</t>
  </si>
  <si>
    <t>238.30001831054688</t>
  </si>
  <si>
    <t>0.016000341346440905</t>
  </si>
  <si>
    <t>373.4000244140625</t>
  </si>
  <si>
    <t>0.02621026676730942</t>
  </si>
  <si>
    <t>10769</t>
  </si>
  <si>
    <t>176.70001220703125</t>
  </si>
  <si>
    <t>0.06522591492050189</t>
  </si>
  <si>
    <t>18.80833625793457</t>
  </si>
  <si>
    <t>195.6999969482422</t>
  </si>
  <si>
    <t>0.06018207745233539</t>
  </si>
  <si>
    <t>193.70001220703125</t>
  </si>
  <si>
    <t>0.017679635467024113</t>
  </si>
  <si>
    <t>11906</t>
  </si>
  <si>
    <t>219.30001831054688</t>
  </si>
  <si>
    <t>0.022509125465095536</t>
  </si>
  <si>
    <t>12552</t>
  </si>
  <si>
    <t>99.69999694824219</t>
  </si>
  <si>
    <t>0.052837540699531615</t>
  </si>
  <si>
    <t>19.3416690826416</t>
  </si>
  <si>
    <t>228.10000610351562</t>
  </si>
  <si>
    <t>0.034376794582865244</t>
  </si>
  <si>
    <t>13099</t>
  </si>
  <si>
    <t>20.541667938232422</t>
  </si>
  <si>
    <t>154.60000610351562</t>
  </si>
  <si>
    <t>0.008279081401916244</t>
  </si>
  <si>
    <t>13131</t>
  </si>
  <si>
    <t>245.50003051757812</t>
  </si>
  <si>
    <t>0.0024399554613552255</t>
  </si>
  <si>
    <t>275.8999938964844</t>
  </si>
  <si>
    <t>0.010530001467248695</t>
  </si>
  <si>
    <t>19.17500114440918</t>
  </si>
  <si>
    <t>163.0</t>
  </si>
  <si>
    <t>-0.03840717829966778</t>
  </si>
  <si>
    <t>11740</t>
  </si>
  <si>
    <t>19.274999618530273</t>
  </si>
  <si>
    <t>249.10000610351562</t>
  </si>
  <si>
    <t>-0.08409685564449809</t>
  </si>
  <si>
    <t>188.50001525878906</t>
  </si>
  <si>
    <t>-0.06692637831856629</t>
  </si>
  <si>
    <t>19.67500114440918</t>
  </si>
  <si>
    <t>191.10000610351562</t>
  </si>
  <si>
    <t>-0.03286572127090359</t>
  </si>
  <si>
    <t>19.44166374206543</t>
  </si>
  <si>
    <t>160.1999969482422</t>
  </si>
  <si>
    <t>-0.004338810805842641</t>
  </si>
  <si>
    <t>10491</t>
  </si>
  <si>
    <t>19.91666603088379</t>
  </si>
  <si>
    <t>256.1000061035156</t>
  </si>
  <si>
    <t>-0.00835315725528929</t>
  </si>
  <si>
    <t>271.79998779296875</t>
  </si>
  <si>
    <t>-0.008615791378352</t>
  </si>
  <si>
    <t>19.625</t>
  </si>
  <si>
    <t>261.1999816894531</t>
  </si>
  <si>
    <t>-0.03572332686682067</t>
  </si>
  <si>
    <t>10197</t>
  </si>
  <si>
    <t>19.525001525878906</t>
  </si>
  <si>
    <t>258.3999938964844</t>
  </si>
  <si>
    <t>0.015914930877913847</t>
  </si>
  <si>
    <t>10316</t>
  </si>
  <si>
    <t>19.374998092651367</t>
  </si>
  <si>
    <t>300.8999938964844</t>
  </si>
  <si>
    <t>0.011602528637009613</t>
  </si>
  <si>
    <t>17.574960708618164</t>
  </si>
  <si>
    <t>180.3186492919922</t>
  </si>
  <si>
    <t>367.2442932128906</t>
  </si>
  <si>
    <t>Mafraq</t>
  </si>
  <si>
    <t>4184</t>
  </si>
  <si>
    <t>17.271455764770508</t>
  </si>
  <si>
    <t>285.6985778808594</t>
  </si>
  <si>
    <t>-0.03429981525177617</t>
  </si>
  <si>
    <t>16.52523422241211</t>
  </si>
  <si>
    <t>267.43524169921875</t>
  </si>
  <si>
    <t>0.0827600008668199</t>
  </si>
  <si>
    <t>4512</t>
  </si>
  <si>
    <t>17.652658462524414</t>
  </si>
  <si>
    <t>149.53721618652344</t>
  </si>
  <si>
    <t>-0.007287213433682993</t>
  </si>
  <si>
    <t>17.905929565429688</t>
  </si>
  <si>
    <t>233.15228271484375</t>
  </si>
  <si>
    <t>0.0015502162333849157</t>
  </si>
  <si>
    <t>4611</t>
  </si>
  <si>
    <t>17.59404182434082</t>
  </si>
  <si>
    <t>168.09498596191406</t>
  </si>
  <si>
    <t>0.020154022795425774</t>
  </si>
  <si>
    <t>4554</t>
  </si>
  <si>
    <t>18.147035598754883</t>
  </si>
  <si>
    <t>171.71170043945312</t>
  </si>
  <si>
    <t>-0.012438785583020362</t>
  </si>
  <si>
    <t>4582</t>
  </si>
  <si>
    <t>17.24013900756836</t>
  </si>
  <si>
    <t>226.81509399414062</t>
  </si>
  <si>
    <t>0.006129616389754844</t>
  </si>
  <si>
    <t>18.608537673950195</t>
  </si>
  <si>
    <t>132.76577758789062</t>
  </si>
  <si>
    <t>0.012794276227735324</t>
  </si>
  <si>
    <t>18.192216873168945</t>
  </si>
  <si>
    <t>159.22743225097656</t>
  </si>
  <si>
    <t>0.01772603807607709</t>
  </si>
  <si>
    <t>17.917905807495117</t>
  </si>
  <si>
    <t>154.81277465820312</t>
  </si>
  <si>
    <t>0.026528970927962803</t>
  </si>
  <si>
    <t>18.340103149414062</t>
  </si>
  <si>
    <t>220.98158264160156</t>
  </si>
  <si>
    <t>0.036433902246102434</t>
  </si>
  <si>
    <t>18.649658203125</t>
  </si>
  <si>
    <t>190.3288116455078</t>
  </si>
  <si>
    <t>0.040511868916901506</t>
  </si>
  <si>
    <t>18.227731704711914</t>
  </si>
  <si>
    <t>279.0250244140625</t>
  </si>
  <si>
    <t>0.053695446039286665</t>
  </si>
  <si>
    <t>18.164350509643555</t>
  </si>
  <si>
    <t>132.00054931640625</t>
  </si>
  <si>
    <t>0.09155362613967633</t>
  </si>
  <si>
    <t>17.936861038208008</t>
  </si>
  <si>
    <t>168.07046508789062</t>
  </si>
  <si>
    <t>0.08553840979623928</t>
  </si>
  <si>
    <t>17.83370590209961</t>
  </si>
  <si>
    <t>155.90191650390625</t>
  </si>
  <si>
    <t>0.04184586781905786</t>
  </si>
  <si>
    <t>17.972970962524414</t>
  </si>
  <si>
    <t>205.0074005126953</t>
  </si>
  <si>
    <t>0.04587243709336697</t>
  </si>
  <si>
    <t>7767</t>
  </si>
  <si>
    <t>18.607337951660156</t>
  </si>
  <si>
    <t>67.99613189697266</t>
  </si>
  <si>
    <t>0.0752475621238009</t>
  </si>
  <si>
    <t>18.494112014770508</t>
  </si>
  <si>
    <t>161.69580078125</t>
  </si>
  <si>
    <t>0.056077762051721436</t>
  </si>
  <si>
    <t>8458</t>
  </si>
  <si>
    <t>19.77373695373535</t>
  </si>
  <si>
    <t>172.27008056640625</t>
  </si>
  <si>
    <t>0.029150987561065378</t>
  </si>
  <si>
    <t>17.636775970458984</t>
  </si>
  <si>
    <t>198.4037322998047</t>
  </si>
  <si>
    <t>0.0024797792715691713</t>
  </si>
  <si>
    <t>18.6628475189209</t>
  </si>
  <si>
    <t>212.25096130371094</t>
  </si>
  <si>
    <t>0.01055852136511426</t>
  </si>
  <si>
    <t>18.25859260559082</t>
  </si>
  <si>
    <t>138.67282104492188</t>
  </si>
  <si>
    <t>-0.0384228054022735</t>
  </si>
  <si>
    <t>18.381147384643555</t>
  </si>
  <si>
    <t>204.92262268066406</t>
  </si>
  <si>
    <t>18.381755828857422</t>
  </si>
  <si>
    <t>161.6573944091797</t>
  </si>
  <si>
    <t>-0.06695977653012974</t>
  </si>
  <si>
    <t>6861</t>
  </si>
  <si>
    <t>18.757930755615234</t>
  </si>
  <si>
    <t>174.34085083007812</t>
  </si>
  <si>
    <t>-0.032832136835281744</t>
  </si>
  <si>
    <t>18.57675552368164</t>
  </si>
  <si>
    <t>114.97695922851562</t>
  </si>
  <si>
    <t>-0.004382127959042137</t>
  </si>
  <si>
    <t>19.000043869018555</t>
  </si>
  <si>
    <t>192.84576416015625</t>
  </si>
  <si>
    <t>-0.008231708983947428</t>
  </si>
  <si>
    <t>6716</t>
  </si>
  <si>
    <t>18.462812423706055</t>
  </si>
  <si>
    <t>221.5413055419922</t>
  </si>
  <si>
    <t>-0.00874662755047062</t>
  </si>
  <si>
    <t>18.752120971679688</t>
  </si>
  <si>
    <t>213.43592834472656</t>
  </si>
  <si>
    <t>-0.035617919769714845</t>
  </si>
  <si>
    <t>6585</t>
  </si>
  <si>
    <t>18.5895938873291</t>
  </si>
  <si>
    <t>194.78343200683594</t>
  </si>
  <si>
    <t>0.015919515749665436</t>
  </si>
  <si>
    <t>6661</t>
  </si>
  <si>
    <t>18.480188369750977</t>
  </si>
  <si>
    <t>232.5115509033203</t>
  </si>
  <si>
    <t>0.01147528823579691</t>
  </si>
  <si>
    <t>18.32054901123047</t>
  </si>
  <si>
    <t>97.1669921875</t>
  </si>
  <si>
    <t>31.106077194213867</t>
  </si>
  <si>
    <t>Maían</t>
  </si>
  <si>
    <t>5350</t>
  </si>
  <si>
    <t>18.040813446044922</t>
  </si>
  <si>
    <t>112.11564636230469</t>
  </si>
  <si>
    <t>-0.03399500525268451</t>
  </si>
  <si>
    <t>5810</t>
  </si>
  <si>
    <t>17.274757385253906</t>
  </si>
  <si>
    <t>83.33976745605469</t>
  </si>
  <si>
    <t>0.08248400995590366</t>
  </si>
  <si>
    <t>5768</t>
  </si>
  <si>
    <t>18.399072647094727</t>
  </si>
  <si>
    <t>91.02767944335938</t>
  </si>
  <si>
    <t>-0.0072551708811712246</t>
  </si>
  <si>
    <t>18.566579818725586</t>
  </si>
  <si>
    <t>92.41328430175781</t>
  </si>
  <si>
    <t>0.0015591168164803548</t>
  </si>
  <si>
    <t>18.41685676574707</t>
  </si>
  <si>
    <t>76.13491821289062</t>
  </si>
  <si>
    <t>0.020220017190204942</t>
  </si>
  <si>
    <t>5823</t>
  </si>
  <si>
    <t>18.91839599609375</t>
  </si>
  <si>
    <t>75.55840301513672</t>
  </si>
  <si>
    <t>-0.01228894113435075</t>
  </si>
  <si>
    <t>5857</t>
  </si>
  <si>
    <t>17.993860244750977</t>
  </si>
  <si>
    <t>89.54281616210938</t>
  </si>
  <si>
    <t>0.0058219342526619755</t>
  </si>
  <si>
    <t>19.335445404052734</t>
  </si>
  <si>
    <t>57.292171478271484</t>
  </si>
  <si>
    <t>0.0020467344685517475</t>
  </si>
  <si>
    <t>19.014453887939453</t>
  </si>
  <si>
    <t>59.1613883972168</t>
  </si>
  <si>
    <t>0.006961569841809734</t>
  </si>
  <si>
    <t>6005</t>
  </si>
  <si>
    <t>18.65247917175293</t>
  </si>
  <si>
    <t>50.86991500854492</t>
  </si>
  <si>
    <t>0.015946624113940544</t>
  </si>
  <si>
    <t>19.036867141723633</t>
  </si>
  <si>
    <t>76.9455337524414</t>
  </si>
  <si>
    <t>0.025484322013481275</t>
  </si>
  <si>
    <t>19.38393211364746</t>
  </si>
  <si>
    <t>73.01673126220703</t>
  </si>
  <si>
    <t>0.029747915615574883</t>
  </si>
  <si>
    <t>18.96012306213379</t>
  </si>
  <si>
    <t>81.90633392333984</t>
  </si>
  <si>
    <t>0.05845322950964338</t>
  </si>
  <si>
    <t>18.909975051879883</t>
  </si>
  <si>
    <t>58.37362289428711</t>
  </si>
  <si>
    <t>0.09601255982077461</t>
  </si>
  <si>
    <t>18.719823837280273</t>
  </si>
  <si>
    <t>51.82923126220703</t>
  </si>
  <si>
    <t>0.08945011477543119</t>
  </si>
  <si>
    <t>8478</t>
  </si>
  <si>
    <t>18.592777252197266</t>
  </si>
  <si>
    <t>59.24134826660156</t>
  </si>
  <si>
    <t>0.04573397566359283</t>
  </si>
  <si>
    <t>8908</t>
  </si>
  <si>
    <t>18.70545196533203</t>
  </si>
  <si>
    <t>73.35419464111328</t>
  </si>
  <si>
    <t>0.04947517646467681</t>
  </si>
  <si>
    <t>9636</t>
  </si>
  <si>
    <t>19.36979103088379</t>
  </si>
  <si>
    <t>20.997591018676758</t>
  </si>
  <si>
    <t>0.0785563353575025</t>
  </si>
  <si>
    <t>10224</t>
  </si>
  <si>
    <t>19.257347106933594</t>
  </si>
  <si>
    <t>72.59953308105469</t>
  </si>
  <si>
    <t>0.059231812882554635</t>
  </si>
  <si>
    <t>10558</t>
  </si>
  <si>
    <t>20.549758911132812</t>
  </si>
  <si>
    <t>56.27535629272461</t>
  </si>
  <si>
    <t>0.03214596876624576</t>
  </si>
  <si>
    <t>18.415491104125977</t>
  </si>
  <si>
    <t>66.81319427490234</t>
  </si>
  <si>
    <t>0.0023650737101625907</t>
  </si>
  <si>
    <t>19.43235206604004</t>
  </si>
  <si>
    <t>81.8879623413086</t>
  </si>
  <si>
    <t>0.010527402422781051</t>
  </si>
  <si>
    <t>19.13996124267578</t>
  </si>
  <si>
    <t>65.89460754394531</t>
  </si>
  <si>
    <t>-0.03831228998994618</t>
  </si>
  <si>
    <t>19.225318908691406</t>
  </si>
  <si>
    <t>98.73291015625</t>
  </si>
  <si>
    <t>-0.08407459501832726</t>
  </si>
  <si>
    <t>19.250959396362305</t>
  </si>
  <si>
    <t>65.45708465576172</t>
  </si>
  <si>
    <t>-0.06708499924088152</t>
  </si>
  <si>
    <t>8564</t>
  </si>
  <si>
    <t>19.615320205688477</t>
  </si>
  <si>
    <t>70.6579818725586</t>
  </si>
  <si>
    <t>-0.032737087557777045</t>
  </si>
  <si>
    <t>19.386932373046875</t>
  </si>
  <si>
    <t>49.57470703125</t>
  </si>
  <si>
    <t>-0.0043297709675247376</t>
  </si>
  <si>
    <t>19.823984146118164</t>
  </si>
  <si>
    <t>94.09837341308594</t>
  </si>
  <si>
    <t>-0.008361351191975785</t>
  </si>
  <si>
    <t>8383</t>
  </si>
  <si>
    <t>19.309396743774414</t>
  </si>
  <si>
    <t>80.408447265625</t>
  </si>
  <si>
    <t>-0.008670402912215991</t>
  </si>
  <si>
    <t>19.548124313354492</t>
  </si>
  <si>
    <t>88.1764144897461</t>
  </si>
  <si>
    <t>-0.0357007316199045</t>
  </si>
  <si>
    <t>8219</t>
  </si>
  <si>
    <t>19.45062828063965</t>
  </si>
  <si>
    <t>77.45344543457031</t>
  </si>
  <si>
    <t>0.01594343313054658</t>
  </si>
  <si>
    <t>19.341381072998047</t>
  </si>
  <si>
    <t>96.76287841796875</t>
  </si>
  <si>
    <t>0.011612565478529291</t>
  </si>
  <si>
    <t>205.49998474121094</t>
  </si>
  <si>
    <t>30.088726043701172</t>
  </si>
  <si>
    <t>Tafeila</t>
  </si>
  <si>
    <t>226.39999389648438</t>
  </si>
  <si>
    <t>-0.034179117425850336</t>
  </si>
  <si>
    <t>5216</t>
  </si>
  <si>
    <t>176.20001220703125</t>
  </si>
  <si>
    <t>0.08249010194166395</t>
  </si>
  <si>
    <t>229.70001220703125</t>
  </si>
  <si>
    <t>-0.007118837182597204</t>
  </si>
  <si>
    <t>5186</t>
  </si>
  <si>
    <t>149.0</t>
  </si>
  <si>
    <t>0.0013506996747185696</t>
  </si>
  <si>
    <t>5292</t>
  </si>
  <si>
    <t>17.30833625793457</t>
  </si>
  <si>
    <t>191.8000030517578</t>
  </si>
  <si>
    <t>0.020233559136237034</t>
  </si>
  <si>
    <t>168.3000030517578</t>
  </si>
  <si>
    <t>-0.012358746521924147</t>
  </si>
  <si>
    <t>128.3000030517578</t>
  </si>
  <si>
    <t>0.0061033948764208645</t>
  </si>
  <si>
    <t>114.20000457763672</t>
  </si>
  <si>
    <t>0.05942707719908924</t>
  </si>
  <si>
    <t>0.061835983482243506</t>
  </si>
  <si>
    <t>17.575002670288086</t>
  </si>
  <si>
    <t>126.10000610351562</t>
  </si>
  <si>
    <t>0.06835261266573234</t>
  </si>
  <si>
    <t>160.8000030517578</t>
  </si>
  <si>
    <t>0.07585928608645709</t>
  </si>
  <si>
    <t>7416</t>
  </si>
  <si>
    <t>18.32499885559082</t>
  </si>
  <si>
    <t>146.39999389648438</t>
  </si>
  <si>
    <t>0.07822397422282457</t>
  </si>
  <si>
    <t>7734</t>
  </si>
  <si>
    <t>17.908334732055664</t>
  </si>
  <si>
    <t>179.8000030517578</t>
  </si>
  <si>
    <t>0.041986364921552166</t>
  </si>
  <si>
    <t>17.841665267944336</t>
  </si>
  <si>
    <t>159.8000030517578</t>
  </si>
  <si>
    <t>0.0805796524706146</t>
  </si>
  <si>
    <t>9036</t>
  </si>
  <si>
    <t>110.89999389648438</t>
  </si>
  <si>
    <t>0.07501075295003723</t>
  </si>
  <si>
    <t>113.59999084472656</t>
  </si>
  <si>
    <t>0.032018416253494664</t>
  </si>
  <si>
    <t>9677</t>
  </si>
  <si>
    <t>134.5</t>
  </si>
  <si>
    <t>0.03651692103955284</t>
  </si>
  <si>
    <t>45.30000305175781</t>
  </si>
  <si>
    <t>0.06636464030403388</t>
  </si>
  <si>
    <t>158.39999389648438</t>
  </si>
  <si>
    <t>0.04758756807599873</t>
  </si>
  <si>
    <t>11076</t>
  </si>
  <si>
    <t>19.341665267944336</t>
  </si>
  <si>
    <t>118.29999542236328</t>
  </si>
  <si>
    <t>0.021076461029878146</t>
  </si>
  <si>
    <t>17.34166717529297</t>
  </si>
  <si>
    <t>137.30001831054688</t>
  </si>
  <si>
    <t>0.0024347367634138806</t>
  </si>
  <si>
    <t>147.39999389648438</t>
  </si>
  <si>
    <t>0.010482558022420818</t>
  </si>
  <si>
    <t>156.29998779296875</t>
  </si>
  <si>
    <t>-0.03833696829845579</t>
  </si>
  <si>
    <t>18.08333396911621</t>
  </si>
  <si>
    <t>200.5</t>
  </si>
  <si>
    <t>-0.0841026141885095</t>
  </si>
  <si>
    <t>18.125</t>
  </si>
  <si>
    <t>90.5999984741211</t>
  </si>
  <si>
    <t>-0.06696582919539473</t>
  </si>
  <si>
    <t>8984</t>
  </si>
  <si>
    <t>18.483333587646484</t>
  </si>
  <si>
    <t>133.40000915527344</t>
  </si>
  <si>
    <t>-0.03284727097604723</t>
  </si>
  <si>
    <t>18.258333206176758</t>
  </si>
  <si>
    <t>139.8000030517578</t>
  </si>
  <si>
    <t>-0.004350500475460706</t>
  </si>
  <si>
    <t>8871</t>
  </si>
  <si>
    <t>18.733333587646484</t>
  </si>
  <si>
    <t>183.89999389648438</t>
  </si>
  <si>
    <t>-0.008307187422232687</t>
  </si>
  <si>
    <t>8794</t>
  </si>
  <si>
    <t>18.174999237060547</t>
  </si>
  <si>
    <t>171.8000030517578</t>
  </si>
  <si>
    <t>-0.008717858779832</t>
  </si>
  <si>
    <t>18.441667556762695</t>
  </si>
  <si>
    <t>197.40000915527344</t>
  </si>
  <si>
    <t>-0.03565192397848449</t>
  </si>
  <si>
    <t>189.5</t>
  </si>
  <si>
    <t>0.015899329544810215</t>
  </si>
  <si>
    <t>8723</t>
  </si>
  <si>
    <t>18.191665649414062</t>
  </si>
  <si>
    <t>201.5</t>
  </si>
  <si>
    <t>0.011646139126138877</t>
  </si>
  <si>
    <t>19.473417282104492</t>
  </si>
  <si>
    <t>78.35424041748047</t>
  </si>
  <si>
    <t>9.228347778320312</t>
  </si>
  <si>
    <t>Zarqa</t>
  </si>
  <si>
    <t>19.18414306640625</t>
  </si>
  <si>
    <t>129.22509765625</t>
  </si>
  <si>
    <t>-0.0341258741342525</t>
  </si>
  <si>
    <t>18.438352584838867</t>
  </si>
  <si>
    <t>122.250732421875</t>
  </si>
  <si>
    <t>0.08257363117827055</t>
  </si>
  <si>
    <t>19.5722599029541</t>
  </si>
  <si>
    <t>70.07778930664062</t>
  </si>
  <si>
    <t>-0.007201340450182059</t>
  </si>
  <si>
    <t>19.790658950805664</t>
  </si>
  <si>
    <t>106.80784606933594</t>
  </si>
  <si>
    <t>0.0014772263662941043</t>
  </si>
  <si>
    <t>19.523414611816406</t>
  </si>
  <si>
    <t>73.08781433105469</t>
  </si>
  <si>
    <t>0.02013381860720287</t>
  </si>
  <si>
    <t>20.055509567260742</t>
  </si>
  <si>
    <t>72.58574676513672</t>
  </si>
  <si>
    <t>-0.012291922514883424</t>
  </si>
  <si>
    <t>6182</t>
  </si>
  <si>
    <t>19.168718338012695</t>
  </si>
  <si>
    <t>112.51374053955078</t>
  </si>
  <si>
    <t>0.006003100691925667</t>
  </si>
  <si>
    <t>20.522178649902344</t>
  </si>
  <si>
    <t>67.55496215820312</t>
  </si>
  <si>
    <t>-0.011715070526420845</t>
  </si>
  <si>
    <t>20.116811752319336</t>
  </si>
  <si>
    <t>67.42344665527344</t>
  </si>
  <si>
    <t>-0.007062524223343303</t>
  </si>
  <si>
    <t>19.828779220581055</t>
  </si>
  <si>
    <t>69.85599517822266</t>
  </si>
  <si>
    <t>0.0014823357733657616</t>
  </si>
  <si>
    <t>20.242475509643555</t>
  </si>
  <si>
    <t>100.07604217529297</t>
  </si>
  <si>
    <t>0.010803837285104478</t>
  </si>
  <si>
    <t>20.56863021850586</t>
  </si>
  <si>
    <t>89.467041015625</t>
  </si>
  <si>
    <t>0.014707335808083144</t>
  </si>
  <si>
    <t>6409</t>
  </si>
  <si>
    <t>20.13950538635254</t>
  </si>
  <si>
    <t>139.84896850585938</t>
  </si>
  <si>
    <t>0.02784549469537545</t>
  </si>
  <si>
    <t>6852</t>
  </si>
  <si>
    <t>20.076387405395508</t>
  </si>
  <si>
    <t>63.22138214111328</t>
  </si>
  <si>
    <t>0.06683732793978514</t>
  </si>
  <si>
    <t>19.8489933013916</t>
  </si>
  <si>
    <t>90.06807708740234</t>
  </si>
  <si>
    <t>0.0616885794957831</t>
  </si>
  <si>
    <t>7429</t>
  </si>
  <si>
    <t>19.76565933227539</t>
  </si>
  <si>
    <t>72.5767593383789</t>
  </si>
  <si>
    <t>0.01916210021201259</t>
  </si>
  <si>
    <t>19.873416900634766</t>
  </si>
  <si>
    <t>83.18192291259766</t>
  </si>
  <si>
    <t>0.024071911703924087</t>
  </si>
  <si>
    <t>8034</t>
  </si>
  <si>
    <t>20.497838973999023</t>
  </si>
  <si>
    <t>34.4200439453125</t>
  </si>
  <si>
    <t>0.05421936406349559</t>
  </si>
  <si>
    <t>8327</t>
  </si>
  <si>
    <t>20.409719467163086</t>
  </si>
  <si>
    <t>85.58192443847656</t>
  </si>
  <si>
    <t>0.03582071131659248</t>
  </si>
  <si>
    <t>21.69659996032715</t>
  </si>
  <si>
    <t>55.54214859008789</t>
  </si>
  <si>
    <t>0.009680386320967571</t>
  </si>
  <si>
    <t>8428</t>
  </si>
  <si>
    <t>19.56268882751465</t>
  </si>
  <si>
    <t>105.18605041503906</t>
  </si>
  <si>
    <t>0.0023758623672929247</t>
  </si>
  <si>
    <t>20.571022033691406</t>
  </si>
  <si>
    <t>105.5901870727539</t>
  </si>
  <si>
    <t>0.01062207555907868</t>
  </si>
  <si>
    <t>8197</t>
  </si>
  <si>
    <t>20.19066047668457</t>
  </si>
  <si>
    <t>68.72624206542969</t>
  </si>
  <si>
    <t>-0.03841333783012679</t>
  </si>
  <si>
    <t>7536</t>
  </si>
  <si>
    <t>20.3102970123291</t>
  </si>
  <si>
    <t>88.25909423828125</t>
  </si>
  <si>
    <t>-0.08407669639683313</t>
  </si>
  <si>
    <t>7047</t>
  </si>
  <si>
    <t>20.335296630859375</t>
  </si>
  <si>
    <t>77.2629165649414</t>
  </si>
  <si>
    <t>-0.06708954292917646</t>
  </si>
  <si>
    <t>20.69363021850586</t>
  </si>
  <si>
    <t>80.62242126464844</t>
  </si>
  <si>
    <t>-0.032742522489513703</t>
  </si>
  <si>
    <t>6791</t>
  </si>
  <si>
    <t>20.51805305480957</t>
  </si>
  <si>
    <t>51.41239547729492</t>
  </si>
  <si>
    <t>-0.004261265723716434</t>
  </si>
  <si>
    <t>20.921024322509766</t>
  </si>
  <si>
    <t>91.43140411376953</t>
  </si>
  <si>
    <t>-0.008428885392772756</t>
  </si>
  <si>
    <t>6676</t>
  </si>
  <si>
    <t>20.388267517089844</t>
  </si>
  <si>
    <t>93.27220916748047</t>
  </si>
  <si>
    <t>-0.00865031493929358</t>
  </si>
  <si>
    <t>6442</t>
  </si>
  <si>
    <t>20.679935455322266</t>
  </si>
  <si>
    <t>98.44039154052734</t>
  </si>
  <si>
    <t>-0.035679954890580845</t>
  </si>
  <si>
    <t>20.529935836791992</t>
  </si>
  <si>
    <t>82.9275894165039</t>
  </si>
  <si>
    <t>0.015862348452856168</t>
  </si>
  <si>
    <t>20.390661239624023</t>
  </si>
  <si>
    <t>108.2663345336914</t>
  </si>
  <si>
    <t>0.011696039763190669</t>
  </si>
  <si>
    <t>JPN</t>
  </si>
  <si>
    <t>40800</t>
  </si>
  <si>
    <t>16.56390953063965</t>
  </si>
  <si>
    <t>1870.7926025390625</t>
  </si>
  <si>
    <t>3230.451904296875</t>
  </si>
  <si>
    <t>Aichi</t>
  </si>
  <si>
    <t>Japan</t>
  </si>
  <si>
    <t>42440</t>
  </si>
  <si>
    <t>16.025959014892578</t>
  </si>
  <si>
    <t>2088.874267578125</t>
  </si>
  <si>
    <t>0.03940923233566629</t>
  </si>
  <si>
    <t>41733</t>
  </si>
  <si>
    <t>15.720101356506348</t>
  </si>
  <si>
    <t>1686.244384765625</t>
  </si>
  <si>
    <t>-0.016799131000238887</t>
  </si>
  <si>
    <t>40436</t>
  </si>
  <si>
    <t>15.044468879699707</t>
  </si>
  <si>
    <t>2113.216796875</t>
  </si>
  <si>
    <t>-0.031571705453732335</t>
  </si>
  <si>
    <t>40480</t>
  </si>
  <si>
    <t>16.466407775878906</t>
  </si>
  <si>
    <t>1210.2939453125</t>
  </si>
  <si>
    <t>0.0010875476873994927</t>
  </si>
  <si>
    <t>41707</t>
  </si>
  <si>
    <t>15.502220153808594</t>
  </si>
  <si>
    <t>1445.63525390625</t>
  </si>
  <si>
    <t>0.029860955445109028</t>
  </si>
  <si>
    <t>43829</t>
  </si>
  <si>
    <t>15.263447761535645</t>
  </si>
  <si>
    <t>1404.0594482421875</t>
  </si>
  <si>
    <t>0.049626718322896224</t>
  </si>
  <si>
    <t>42779</t>
  </si>
  <si>
    <t>15.877739906311035</t>
  </si>
  <si>
    <t>1609.93701171875</t>
  </si>
  <si>
    <t>-0.024248370775234562</t>
  </si>
  <si>
    <t>16.7685489654541</t>
  </si>
  <si>
    <t>2040.5069580078125</t>
  </si>
  <si>
    <t>-0.008568831555107792</t>
  </si>
  <si>
    <t>16.29121971130371</t>
  </si>
  <si>
    <t>1818.5867919921875</t>
  </si>
  <si>
    <t>-0.012741746218141614</t>
  </si>
  <si>
    <t>42574</t>
  </si>
  <si>
    <t>15.955178260803223</t>
  </si>
  <si>
    <t>1656.0106201171875</t>
  </si>
  <si>
    <t>0.01650698811175566</t>
  </si>
  <si>
    <t>16.11380386352539</t>
  </si>
  <si>
    <t>1543.3472900390625</t>
  </si>
  <si>
    <t>0.018570333299448905</t>
  </si>
  <si>
    <t>16.03660011291504</t>
  </si>
  <si>
    <t>1543.712158203125</t>
  </si>
  <si>
    <t>0.011986346768235734</t>
  </si>
  <si>
    <t>44181</t>
  </si>
  <si>
    <t>15.858829498291016</t>
  </si>
  <si>
    <t>1897.3736572265625</t>
  </si>
  <si>
    <t>0.00649441403396267</t>
  </si>
  <si>
    <t>45032</t>
  </si>
  <si>
    <t>16.82391929626465</t>
  </si>
  <si>
    <t>1783.4677734375</t>
  </si>
  <si>
    <t>0.019078515749590963</t>
  </si>
  <si>
    <t>15.7529935836792</t>
  </si>
  <si>
    <t>1285.3582763671875</t>
  </si>
  <si>
    <t>0.03158421840903891</t>
  </si>
  <si>
    <t>47329</t>
  </si>
  <si>
    <t>16.132444381713867</t>
  </si>
  <si>
    <t>1950.6865234375</t>
  </si>
  <si>
    <t>0.018165648875719143</t>
  </si>
  <si>
    <t>48437</t>
  </si>
  <si>
    <t>16.3946590423584</t>
  </si>
  <si>
    <t>1484.447998046875</t>
  </si>
  <si>
    <t>0.023140769033158648</t>
  </si>
  <si>
    <t>16.133243560791016</t>
  </si>
  <si>
    <t>1749.0517578125</t>
  </si>
  <si>
    <t>-0.07560349737999594</t>
  </si>
  <si>
    <t>41669</t>
  </si>
  <si>
    <t>16.156980514526367</t>
  </si>
  <si>
    <t>1755.222412109375</t>
  </si>
  <si>
    <t>-0.0749030400333961</t>
  </si>
  <si>
    <t>16.233829498291016</t>
  </si>
  <si>
    <t>1906.856689453125</t>
  </si>
  <si>
    <t>0.03871846131882961</t>
  </si>
  <si>
    <t>16.037250518798828</t>
  </si>
  <si>
    <t>1921.0762939453125</t>
  </si>
  <si>
    <t>0.022328165450781867</t>
  </si>
  <si>
    <t>47097</t>
  </si>
  <si>
    <t>15.755934715270996</t>
  </si>
  <si>
    <t>1833.633544921875</t>
  </si>
  <si>
    <t>0.06140523089042915</t>
  </si>
  <si>
    <t>16.253557205200195</t>
  </si>
  <si>
    <t>1646.0992431640625</t>
  </si>
  <si>
    <t>0.03024069835949028</t>
  </si>
  <si>
    <t>48885</t>
  </si>
  <si>
    <t>15.861205101013184</t>
  </si>
  <si>
    <t>1766.2767333984375</t>
  </si>
  <si>
    <t>0.007020597871854051</t>
  </si>
  <si>
    <t>16.41010856628418</t>
  </si>
  <si>
    <t>2049.287841796875</t>
  </si>
  <si>
    <t>0.012582873433020225</t>
  </si>
  <si>
    <t>49199</t>
  </si>
  <si>
    <t>16.77320671081543</t>
  </si>
  <si>
    <t>1826.199462890625</t>
  </si>
  <si>
    <t>-0.006180176302203577</t>
  </si>
  <si>
    <t>50204</t>
  </si>
  <si>
    <t>15.856709480285645</t>
  </si>
  <si>
    <t>1466.4906005859375</t>
  </si>
  <si>
    <t>0.020221406709747924</t>
  </si>
  <si>
    <t>50684</t>
  </si>
  <si>
    <t>16.76978302001953</t>
  </si>
  <si>
    <t>1873.9688720703125</t>
  </si>
  <si>
    <t>0.009515574138463379</t>
  </si>
  <si>
    <t>49111</t>
  </si>
  <si>
    <t>16.97591209411621</t>
  </si>
  <si>
    <t>1907.557373046875</t>
  </si>
  <si>
    <t>-0.031527236641181844</t>
  </si>
  <si>
    <t>47191</t>
  </si>
  <si>
    <t>16.669031143188477</t>
  </si>
  <si>
    <t>1855.111328125</t>
  </si>
  <si>
    <t>-0.03987984585142712</t>
  </si>
  <si>
    <t>48613</t>
  </si>
  <si>
    <t>16.682336807250977</t>
  </si>
  <si>
    <t>1881.75830078125</t>
  </si>
  <si>
    <t>0.029687788405334814</t>
  </si>
  <si>
    <t>16.770244598388672</t>
  </si>
  <si>
    <t>1738.7998046875</t>
  </si>
  <si>
    <t>0.013769369742920645</t>
  </si>
  <si>
    <t>1669</t>
  </si>
  <si>
    <t>10.900580406188965</t>
  </si>
  <si>
    <t>1755.35595703125</t>
  </si>
  <si>
    <t>592.184326171875</t>
  </si>
  <si>
    <t>Akita</t>
  </si>
  <si>
    <t>24690</t>
  </si>
  <si>
    <t>10.08669376373291</t>
  </si>
  <si>
    <t>1757.7442626953125</t>
  </si>
  <si>
    <t>0.0416408121764924</t>
  </si>
  <si>
    <t>24898</t>
  </si>
  <si>
    <t>9.776473045349121</t>
  </si>
  <si>
    <t>1380.928955078125</t>
  </si>
  <si>
    <t>0.008389175602506072</t>
  </si>
  <si>
    <t>25769</t>
  </si>
  <si>
    <t>9.164441108703613</t>
  </si>
  <si>
    <t>1648.6832275390625</t>
  </si>
  <si>
    <t>0.03438474013995574</t>
  </si>
  <si>
    <t>26899</t>
  </si>
  <si>
    <t>10.5256986618042</t>
  </si>
  <si>
    <t>1207.12939453125</t>
  </si>
  <si>
    <t>0.04291689209605565</t>
  </si>
  <si>
    <t>27586</t>
  </si>
  <si>
    <t>9.901711463928223</t>
  </si>
  <si>
    <t>1487.1998291015625</t>
  </si>
  <si>
    <t>0.025219286457721424</t>
  </si>
  <si>
    <t>9.47645092010498</t>
  </si>
  <si>
    <t>1327.3873291015625</t>
  </si>
  <si>
    <t>0.04570240262358638</t>
  </si>
  <si>
    <t>10.067675590515137</t>
  </si>
  <si>
    <t>1535.056640625</t>
  </si>
  <si>
    <t>0.002801170714445078</t>
  </si>
  <si>
    <t>10.658093452453613</t>
  </si>
  <si>
    <t>1859.45947265625</t>
  </si>
  <si>
    <t>-0.0014514793811777338</t>
  </si>
  <si>
    <t>28954</t>
  </si>
  <si>
    <t>10.654300689697266</t>
  </si>
  <si>
    <t>1783.5098876953125</t>
  </si>
  <si>
    <t>0.0013478721216699796</t>
  </si>
  <si>
    <t>10.170254707336426</t>
  </si>
  <si>
    <t>1556.0355224609375</t>
  </si>
  <si>
    <t>0.009213486518040881</t>
  </si>
  <si>
    <t>10.197047233581543</t>
  </si>
  <si>
    <t>1514.5859375</t>
  </si>
  <si>
    <t>0.021731891362390954</t>
  </si>
  <si>
    <t>29561</t>
  </si>
  <si>
    <t>10.138330459594727</t>
  </si>
  <si>
    <t>1695.6343994140625</t>
  </si>
  <si>
    <t>-0.010197816605163723</t>
  </si>
  <si>
    <t>9.903471946716309</t>
  </si>
  <si>
    <t>1510.334228515625</t>
  </si>
  <si>
    <t>0.011970955692367724</t>
  </si>
  <si>
    <t>29933</t>
  </si>
  <si>
    <t>10.866734504699707</t>
  </si>
  <si>
    <t>1737.1837158203125</t>
  </si>
  <si>
    <t>0.0005346700210928645</t>
  </si>
  <si>
    <t>30364</t>
  </si>
  <si>
    <t>9.803703308105469</t>
  </si>
  <si>
    <t>1476.71435546875</t>
  </si>
  <si>
    <t>0.014296145433942087</t>
  </si>
  <si>
    <t>32055</t>
  </si>
  <si>
    <t>10.260458946228027</t>
  </si>
  <si>
    <t>1741.9337158203125</t>
  </si>
  <si>
    <t>0.0541954812846992</t>
  </si>
  <si>
    <t>32832</t>
  </si>
  <si>
    <t>10.420442581176758</t>
  </si>
  <si>
    <t>1443.0567626953125</t>
  </si>
  <si>
    <t>0.02395047210908352</t>
  </si>
  <si>
    <t>32195</t>
  </si>
  <si>
    <t>10.510113716125488</t>
  </si>
  <si>
    <t>1437.36328125</t>
  </si>
  <si>
    <t>-0.01959248855815865</t>
  </si>
  <si>
    <t>10.394991874694824</t>
  </si>
  <si>
    <t>1726.4412841796875</t>
  </si>
  <si>
    <t>0.008505425124608834</t>
  </si>
  <si>
    <t>10.54570198059082</t>
  </si>
  <si>
    <t>1684.7607421875</t>
  </si>
  <si>
    <t>-0.1219571184626993</t>
  </si>
  <si>
    <t>29074</t>
  </si>
  <si>
    <t>10.278724670410156</t>
  </si>
  <si>
    <t>1629.4107666015625</t>
  </si>
  <si>
    <t>0.011484836352076755</t>
  </si>
  <si>
    <t>10.115891456604004</t>
  </si>
  <si>
    <t>1580.8836669921875</t>
  </si>
  <si>
    <t>0.023791225450732867</t>
  </si>
  <si>
    <t>10.462223052978516</t>
  </si>
  <si>
    <t>1861.690185546875</t>
  </si>
  <si>
    <t>0.019951449853213177</t>
  </si>
  <si>
    <t>30802</t>
  </si>
  <si>
    <t>10.304888725280762</t>
  </si>
  <si>
    <t>1646.7763671875</t>
  </si>
  <si>
    <t>0.013992643628196078</t>
  </si>
  <si>
    <t>31113</t>
  </si>
  <si>
    <t>10.793749809265137</t>
  </si>
  <si>
    <t>1543.4710693359375</t>
  </si>
  <si>
    <t>0.010046115339433115</t>
  </si>
  <si>
    <t>10.755924224853516</t>
  </si>
  <si>
    <t>1570.5390625</t>
  </si>
  <si>
    <t>0.028891109507091173</t>
  </si>
  <si>
    <t>10.077168464660645</t>
  </si>
  <si>
    <t>1625.7379150390625</t>
  </si>
  <si>
    <t>0.03047544466748242</t>
  </si>
  <si>
    <t>10.894901275634766</t>
  </si>
  <si>
    <t>1698.00634765625</t>
  </si>
  <si>
    <t>-0.010076035385587545</t>
  </si>
  <si>
    <t>11.067740440368652</t>
  </si>
  <si>
    <t>1348.2100830078125</t>
  </si>
  <si>
    <t>0.03446128485356681</t>
  </si>
  <si>
    <t>10.84521198272705</t>
  </si>
  <si>
    <t>1640.8885498046875</t>
  </si>
  <si>
    <t>-0.03989132902730219</t>
  </si>
  <si>
    <t>10.966819763183594</t>
  </si>
  <si>
    <t>1680.9495849609375</t>
  </si>
  <si>
    <t>0.0297009528126857</t>
  </si>
  <si>
    <t>10.939301490783691</t>
  </si>
  <si>
    <t>1649.3551025390625</t>
  </si>
  <si>
    <t>0.013731142948270048</t>
  </si>
  <si>
    <t>10.431023597717285</t>
  </si>
  <si>
    <t>1539.30224609375</t>
  </si>
  <si>
    <t>631.4707641601562</t>
  </si>
  <si>
    <t>Aomori</t>
  </si>
  <si>
    <t>9.552183151245117</t>
  </si>
  <si>
    <t>1423.772705078125</t>
  </si>
  <si>
    <t>0.02058062611704692</t>
  </si>
  <si>
    <t>9.253613471984863</t>
  </si>
  <si>
    <t>1222.435302734375</t>
  </si>
  <si>
    <t>0.04340981322418891</t>
  </si>
  <si>
    <t>24242</t>
  </si>
  <si>
    <t>8.621755599975586</t>
  </si>
  <si>
    <t>1366.2723388671875</t>
  </si>
  <si>
    <t>0.0017753560535194168</t>
  </si>
  <si>
    <t>9.99443531036377</t>
  </si>
  <si>
    <t>1168.6591796875</t>
  </si>
  <si>
    <t>0.06093031573186636</t>
  </si>
  <si>
    <t>9.403353691101074</t>
  </si>
  <si>
    <t>1314.921875</t>
  </si>
  <si>
    <t>0.028995299311590728</t>
  </si>
  <si>
    <t>8.941533088684082</t>
  </si>
  <si>
    <t>1160.14697265625</t>
  </si>
  <si>
    <t>0.024947306148046522</t>
  </si>
  <si>
    <t>9.542811393737793</t>
  </si>
  <si>
    <t>1335.13623046875</t>
  </si>
  <si>
    <t>0.006780183933496886</t>
  </si>
  <si>
    <t>10.050931930541992</t>
  </si>
  <si>
    <t>1594.8114013671875</t>
  </si>
  <si>
    <t>0.0023349153256617683</t>
  </si>
  <si>
    <t>27640</t>
  </si>
  <si>
    <t>10.128396987915039</t>
  </si>
  <si>
    <t>1509.5615234375</t>
  </si>
  <si>
    <t>0.0071893124004862585</t>
  </si>
  <si>
    <t>9.61158275604248</t>
  </si>
  <si>
    <t>1378.604248046875</t>
  </si>
  <si>
    <t>0.006203583337303087</t>
  </si>
  <si>
    <t>9.590473175048828</t>
  </si>
  <si>
    <t>1351.833740234375</t>
  </si>
  <si>
    <t>0.0001797623546515581</t>
  </si>
  <si>
    <t>27312</t>
  </si>
  <si>
    <t>9.5596284866333</t>
  </si>
  <si>
    <t>1450.9066162109375</t>
  </si>
  <si>
    <t>-0.018321178539338234</t>
  </si>
  <si>
    <t>27500</t>
  </si>
  <si>
    <t>9.31457805633545</t>
  </si>
  <si>
    <t>1259.4718017578125</t>
  </si>
  <si>
    <t>0.006859838620441039</t>
  </si>
  <si>
    <t>27969</t>
  </si>
  <si>
    <t>10.316532135009766</t>
  </si>
  <si>
    <t>1471.94384765625</t>
  </si>
  <si>
    <t>0.01691074931014036</t>
  </si>
  <si>
    <t>9.242949485778809</t>
  </si>
  <si>
    <t>1265.4488525390625</t>
  </si>
  <si>
    <t>0.0014648352893509298</t>
  </si>
  <si>
    <t>31105</t>
  </si>
  <si>
    <t>9.691269874572754</t>
  </si>
  <si>
    <t>1454.2037353515625</t>
  </si>
  <si>
    <t>0.10480698869496585</t>
  </si>
  <si>
    <t>9.8451566696167</t>
  </si>
  <si>
    <t>1202.67626953125</t>
  </si>
  <si>
    <t>-0.000611020906276849</t>
  </si>
  <si>
    <t>31277</t>
  </si>
  <si>
    <t>10.054266929626465</t>
  </si>
  <si>
    <t>1166.6939697265625</t>
  </si>
  <si>
    <t>0.006125446088555364</t>
  </si>
  <si>
    <t>9.883371353149414</t>
  </si>
  <si>
    <t>1506.663330078125</t>
  </si>
  <si>
    <t>-0.01770871210565872</t>
  </si>
  <si>
    <t>10.090388298034668</t>
  </si>
  <si>
    <t>1473.5654296875</t>
  </si>
  <si>
    <t>-0.027583404975560555</t>
  </si>
  <si>
    <t>9.784147262573242</t>
  </si>
  <si>
    <t>1433.6602783203125</t>
  </si>
  <si>
    <t>0.00046824309360893324</t>
  </si>
  <si>
    <t>9.60962963104248</t>
  </si>
  <si>
    <t>1399.681640625</t>
  </si>
  <si>
    <t>0.03224387763915715</t>
  </si>
  <si>
    <t>9.898802757263184</t>
  </si>
  <si>
    <t>1628.1405029296875</t>
  </si>
  <si>
    <t>-0.005096172678301869</t>
  </si>
  <si>
    <t>9.8504056930542</t>
  </si>
  <si>
    <t>1388.5025634765625</t>
  </si>
  <si>
    <t>0.01610829413553816</t>
  </si>
  <si>
    <t>10.322683334350586</t>
  </si>
  <si>
    <t>1308.372314453125</t>
  </si>
  <si>
    <t>0.04192296374031912</t>
  </si>
  <si>
    <t>33198</t>
  </si>
  <si>
    <t>10.136252403259277</t>
  </si>
  <si>
    <t>1427.5076904296875</t>
  </si>
  <si>
    <t>0.019251541145663964</t>
  </si>
  <si>
    <t>9.600379943847656</t>
  </si>
  <si>
    <t>1430.2650146484375</t>
  </si>
  <si>
    <t>-0.031517463549056046</t>
  </si>
  <si>
    <t>10.294184684753418</t>
  </si>
  <si>
    <t>1529.6729736328125</t>
  </si>
  <si>
    <t>-0.007551444752685654</t>
  </si>
  <si>
    <t>32821</t>
  </si>
  <si>
    <t>10.520066261291504</t>
  </si>
  <si>
    <t>1138.626220703125</t>
  </si>
  <si>
    <t>0.027647829581562533</t>
  </si>
  <si>
    <t>10.330342292785645</t>
  </si>
  <si>
    <t>1386.304931640625</t>
  </si>
  <si>
    <t>-0.0398753864404533</t>
  </si>
  <si>
    <t>32488</t>
  </si>
  <si>
    <t>10.510931968688965</t>
  </si>
  <si>
    <t>1463.4429931640625</t>
  </si>
  <si>
    <t>0.029677622400601678</t>
  </si>
  <si>
    <t>32938</t>
  </si>
  <si>
    <t>10.446035385131836</t>
  </si>
  <si>
    <t>1434.61279296875</t>
  </si>
  <si>
    <t>0.013756216068019356</t>
  </si>
  <si>
    <t>1671</t>
  </si>
  <si>
    <t>16.234195709228516</t>
  </si>
  <si>
    <t>1588.6650390625</t>
  </si>
  <si>
    <t>2355.760986328125</t>
  </si>
  <si>
    <t>Chiba</t>
  </si>
  <si>
    <t>26950</t>
  </si>
  <si>
    <t>15.612594604492188</t>
  </si>
  <si>
    <t>1853.181640625</t>
  </si>
  <si>
    <t>0.040706045769473675</t>
  </si>
  <si>
    <t>15.278542518615723</t>
  </si>
  <si>
    <t>1682.89892578125</t>
  </si>
  <si>
    <t>0.004184183987604229</t>
  </si>
  <si>
    <t>14.61563491821289</t>
  </si>
  <si>
    <t>1628.0994873046875</t>
  </si>
  <si>
    <t>-0.01537833073075845</t>
  </si>
  <si>
    <t>27449</t>
  </si>
  <si>
    <t>16.017160415649414</t>
  </si>
  <si>
    <t>1140.96533203125</t>
  </si>
  <si>
    <t>0.029540586807607738</t>
  </si>
  <si>
    <t>15.220322608947754</t>
  </si>
  <si>
    <t>1243.9569091796875</t>
  </si>
  <si>
    <t>-0.0036863373679132394</t>
  </si>
  <si>
    <t>14.849801063537598</t>
  </si>
  <si>
    <t>1244.3345947265625</t>
  </si>
  <si>
    <t>0.021594892670114163</t>
  </si>
  <si>
    <t>15.551411628723145</t>
  </si>
  <si>
    <t>1308.8006591796875</t>
  </si>
  <si>
    <t>0.009331881369549322</t>
  </si>
  <si>
    <t>16.159318923950195</t>
  </si>
  <si>
    <t>1651.7991943359375</t>
  </si>
  <si>
    <t>16.124055862426758</t>
  </si>
  <si>
    <t>1456.02783203125</t>
  </si>
  <si>
    <t>0.0020798974721678576</t>
  </si>
  <si>
    <t>15.536297798156738</t>
  </si>
  <si>
    <t>1467.6795654296875</t>
  </si>
  <si>
    <t>0.05823849187764196</t>
  </si>
  <si>
    <t>28869</t>
  </si>
  <si>
    <t>15.655632972717285</t>
  </si>
  <si>
    <t>1476.337158203125</t>
  </si>
  <si>
    <t>-0.024634315597593215</t>
  </si>
  <si>
    <t>15.552605628967285</t>
  </si>
  <si>
    <t>1463.205078125</t>
  </si>
  <si>
    <t>0.015637938318967315</t>
  </si>
  <si>
    <t>15.228824615478516</t>
  </si>
  <si>
    <t>1597.9404296875</t>
  </si>
  <si>
    <t>0.02282442107860483</t>
  </si>
  <si>
    <t>30438</t>
  </si>
  <si>
    <t>16.224363327026367</t>
  </si>
  <si>
    <t>1491.0361328125</t>
  </si>
  <si>
    <t>0.014461113372663092</t>
  </si>
  <si>
    <t>15.10252857208252</t>
  </si>
  <si>
    <t>1276.681640625</t>
  </si>
  <si>
    <t>0.016907316989078325</t>
  </si>
  <si>
    <t>15.657530784606934</t>
  </si>
  <si>
    <t>1730.523681640625</t>
  </si>
  <si>
    <t>-0.029869604161454788</t>
  </si>
  <si>
    <t>15.853182792663574</t>
  </si>
  <si>
    <t>1426.8309326171875</t>
  </si>
  <si>
    <t>0.0383614046836005</t>
  </si>
  <si>
    <t>15.679953575134277</t>
  </si>
  <si>
    <t>1733.6107177734375</t>
  </si>
  <si>
    <t>0.0020478041264944125</t>
  </si>
  <si>
    <t>29949</t>
  </si>
  <si>
    <t>15.667860984802246</t>
  </si>
  <si>
    <t>1524.8140869140625</t>
  </si>
  <si>
    <t>-0.04364281442792972</t>
  </si>
  <si>
    <t>29196</t>
  </si>
  <si>
    <t>15.805644035339355</t>
  </si>
  <si>
    <t>1757.6353759765625</t>
  </si>
  <si>
    <t>-0.025464221433011858</t>
  </si>
  <si>
    <t>28932</t>
  </si>
  <si>
    <t>15.55987548828125</t>
  </si>
  <si>
    <t>1505.8905029296875</t>
  </si>
  <si>
    <t>-0.009083464602351654</t>
  </si>
  <si>
    <t>29218</t>
  </si>
  <si>
    <t>15.42735767364502</t>
  </si>
  <si>
    <t>1568.0609130859375</t>
  </si>
  <si>
    <t>0.009836708723288012</t>
  </si>
  <si>
    <t>15.83910083770752</t>
  </si>
  <si>
    <t>1395.1287841796875</t>
  </si>
  <si>
    <t>0.05221011677297405</t>
  </si>
  <si>
    <t>15.542614936828613</t>
  </si>
  <si>
    <t>1696.6588134765625</t>
  </si>
  <si>
    <t>-0.009399547011504694</t>
  </si>
  <si>
    <t>16.01106071472168</t>
  </si>
  <si>
    <t>1690.189453125</t>
  </si>
  <si>
    <t>0.0041231774111132324</t>
  </si>
  <si>
    <t>16.21516227722168</t>
  </si>
  <si>
    <t>1588.6195068359375</t>
  </si>
  <si>
    <t>0.0007508120547914388</t>
  </si>
  <si>
    <t>30828</t>
  </si>
  <si>
    <t>15.39074993133545</t>
  </si>
  <si>
    <t>1346.250244140625</t>
  </si>
  <si>
    <t>0.005953850978050568</t>
  </si>
  <si>
    <t>16.330045700073242</t>
  </si>
  <si>
    <t>1395.944091796875</t>
  </si>
  <si>
    <t>0.004143473492467464</t>
  </si>
  <si>
    <t>16.455305099487305</t>
  </si>
  <si>
    <t>1771.806396484375</t>
  </si>
  <si>
    <t>-0.00749018595611517</t>
  </si>
  <si>
    <t>16.182065963745117</t>
  </si>
  <si>
    <t>1570.36083984375</t>
  </si>
  <si>
    <t>-0.03987316354429282</t>
  </si>
  <si>
    <t>16.270315170288086</t>
  </si>
  <si>
    <t>1664.451904296875</t>
  </si>
  <si>
    <t>0.02969953681046178</t>
  </si>
  <si>
    <t>30835</t>
  </si>
  <si>
    <t>16.24321937561035</t>
  </si>
  <si>
    <t>1542.5802001953125</t>
  </si>
  <si>
    <t>0.01374737972518858</t>
  </si>
  <si>
    <t>24538</t>
  </si>
  <si>
    <t>14.71106243133545</t>
  </si>
  <si>
    <t>2027.422119140625</t>
  </si>
  <si>
    <t>606.542724609375</t>
  </si>
  <si>
    <t>Ehime</t>
  </si>
  <si>
    <t>25055</t>
  </si>
  <si>
    <t>14.208052635192871</t>
  </si>
  <si>
    <t>1935.61181640625</t>
  </si>
  <si>
    <t>0.020850472042697632</t>
  </si>
  <si>
    <t>14.093498229980469</t>
  </si>
  <si>
    <t>1682.912109375</t>
  </si>
  <si>
    <t>0.029766091661905136</t>
  </si>
  <si>
    <t>26671</t>
  </si>
  <si>
    <t>13.457552909851074</t>
  </si>
  <si>
    <t>2304.365234375</t>
  </si>
  <si>
    <t>0.03273733273048407</t>
  </si>
  <si>
    <t>27783</t>
  </si>
  <si>
    <t>14.77150821685791</t>
  </si>
  <si>
    <t>1095.483154296875</t>
  </si>
  <si>
    <t>0.04084749005216359</t>
  </si>
  <si>
    <t>13.776930809020996</t>
  </si>
  <si>
    <t>1620.5616455078125</t>
  </si>
  <si>
    <t>0.022598424359642877</t>
  </si>
  <si>
    <t>13.765686988830566</t>
  </si>
  <si>
    <t>1450.8519287109375</t>
  </si>
  <si>
    <t>0.04600804511320966</t>
  </si>
  <si>
    <t>14.326831817626953</t>
  </si>
  <si>
    <t>2082.620849609375</t>
  </si>
  <si>
    <t>-0.016980293088893816</t>
  </si>
  <si>
    <t>15.382353782653809</t>
  </si>
  <si>
    <t>2020.56787109375</t>
  </si>
  <si>
    <t>0.002696753584363165</t>
  </si>
  <si>
    <t>28656</t>
  </si>
  <si>
    <t>14.565688133239746</t>
  </si>
  <si>
    <t>2039.615966796875</t>
  </si>
  <si>
    <t>-0.023384407506206628</t>
  </si>
  <si>
    <t>29515</t>
  </si>
  <si>
    <t>14.282752990722656</t>
  </si>
  <si>
    <t>1535.9727783203125</t>
  </si>
  <si>
    <t>0.02953576337429631</t>
  </si>
  <si>
    <t>14.507752418518066</t>
  </si>
  <si>
    <t>1672.4068603515625</t>
  </si>
  <si>
    <t>0.012692277375389693</t>
  </si>
  <si>
    <t>29301</t>
  </si>
  <si>
    <t>14.35193157196045</t>
  </si>
  <si>
    <t>1508.1402587890625</t>
  </si>
  <si>
    <t>-0.019969240934592847</t>
  </si>
  <si>
    <t>29762</t>
  </si>
  <si>
    <t>14.340987205505371</t>
  </si>
  <si>
    <t>1974.857177734375</t>
  </si>
  <si>
    <t>0.0156107668744081</t>
  </si>
  <si>
    <t>15.049320220947266</t>
  </si>
  <si>
    <t>2050.56005859375</t>
  </si>
  <si>
    <t>0.0322997946690915</t>
  </si>
  <si>
    <t>14.14700698852539</t>
  </si>
  <si>
    <t>1312.1612548828125</t>
  </si>
  <si>
    <t>-0.006756892740725107</t>
  </si>
  <si>
    <t>14.568897247314453</t>
  </si>
  <si>
    <t>2098.274169921875</t>
  </si>
  <si>
    <t>0.07709568132861122</t>
  </si>
  <si>
    <t>32878</t>
  </si>
  <si>
    <t>14.924518585205078</t>
  </si>
  <si>
    <t>1436.9600830078125</t>
  </si>
  <si>
    <t>-0.003067254177517853</t>
  </si>
  <si>
    <t>14.404742240905762</t>
  </si>
  <si>
    <t>1710.5301513671875</t>
  </si>
  <si>
    <t>-0.03841320424990968</t>
  </si>
  <si>
    <t>14.524319648742676</t>
  </si>
  <si>
    <t>1657.11328125</t>
  </si>
  <si>
    <t>-0.019049410608415585</t>
  </si>
  <si>
    <t>14.46297550201416</t>
  </si>
  <si>
    <t>1940.4093017578125</t>
  </si>
  <si>
    <t>0.011434919044326364</t>
  </si>
  <si>
    <t>32690</t>
  </si>
  <si>
    <t>14.354842185974121</t>
  </si>
  <si>
    <t>2077.110595703125</t>
  </si>
  <si>
    <t>0.04029317546279998</t>
  </si>
  <si>
    <t>14.032353401184082</t>
  </si>
  <si>
    <t>1964.2452392578125</t>
  </si>
  <si>
    <t>-0.051889179576498634</t>
  </si>
  <si>
    <t>14.72140884399414</t>
  </si>
  <si>
    <t>1789.9388427734375</t>
  </si>
  <si>
    <t>0.03186750106490166</t>
  </si>
  <si>
    <t>14.199318885803223</t>
  </si>
  <si>
    <t>1906.967529296875</t>
  </si>
  <si>
    <t>0.004639368151977408</t>
  </si>
  <si>
    <t>33212</t>
  </si>
  <si>
    <t>14.593499183654785</t>
  </si>
  <si>
    <t>2118.358154296875</t>
  </si>
  <si>
    <t>0.03122434602328461</t>
  </si>
  <si>
    <t>15.204742431640625</t>
  </si>
  <si>
    <t>2147.002685546875</t>
  </si>
  <si>
    <t>0.04047989096554616</t>
  </si>
  <si>
    <t>34556</t>
  </si>
  <si>
    <t>14.235363960266113</t>
  </si>
  <si>
    <t>1616.9881591796875</t>
  </si>
  <si>
    <t>-0.0008099508686925105</t>
  </si>
  <si>
    <t>15.010066032409668</t>
  </si>
  <si>
    <t>2035.967041015625</t>
  </si>
  <si>
    <t>-0.011145337910752673</t>
  </si>
  <si>
    <t>15.27683162689209</t>
  </si>
  <si>
    <t>1826.4554443359375</t>
  </si>
  <si>
    <t>0.015275009507865533</t>
  </si>
  <si>
    <t>14.851731300354004</t>
  </si>
  <si>
    <t>2167.25634765625</t>
  </si>
  <si>
    <t>-0.03989300456791156</t>
  </si>
  <si>
    <t>34347</t>
  </si>
  <si>
    <t>15.079643249511719</t>
  </si>
  <si>
    <t>2037.0946044921875</t>
  </si>
  <si>
    <t>0.029696815083946504</t>
  </si>
  <si>
    <t>15.068497657775879</t>
  </si>
  <si>
    <t>1526.31005859375</t>
  </si>
  <si>
    <t>0.013763409399739857</t>
  </si>
  <si>
    <t>14.403361320495605</t>
  </si>
  <si>
    <t>2560.0830078125</t>
  </si>
  <si>
    <t>529.5372314453125</t>
  </si>
  <si>
    <t>Fukui</t>
  </si>
  <si>
    <t>31396</t>
  </si>
  <si>
    <t>13.839585304260254</t>
  </si>
  <si>
    <t>2560.89697265625</t>
  </si>
  <si>
    <t>0.038838571883744066</t>
  </si>
  <si>
    <t>13.578360557556152</t>
  </si>
  <si>
    <t>2400.83740234375</t>
  </si>
  <si>
    <t>0.03271173298264429</t>
  </si>
  <si>
    <t>32691</t>
  </si>
  <si>
    <t>12.919943809509277</t>
  </si>
  <si>
    <t>2661.989013671875</t>
  </si>
  <si>
    <t>0.007707581415646203</t>
  </si>
  <si>
    <t>33576</t>
  </si>
  <si>
    <t>14.320029258728027</t>
  </si>
  <si>
    <t>1625.955078125</t>
  </si>
  <si>
    <t>0.026711715368431754</t>
  </si>
  <si>
    <t>13.3422212600708</t>
  </si>
  <si>
    <t>1847.4742431640625</t>
  </si>
  <si>
    <t>-0.003729844537691207</t>
  </si>
  <si>
    <t>34337</t>
  </si>
  <si>
    <t>13.11994457244873</t>
  </si>
  <si>
    <t>2151.216552734375</t>
  </si>
  <si>
    <t>0.026141808482133655</t>
  </si>
  <si>
    <t>13.74213695526123</t>
  </si>
  <si>
    <t>2669.59619140625</t>
  </si>
  <si>
    <t>0.03082725577307066</t>
  </si>
  <si>
    <t>14.653277397155762</t>
  </si>
  <si>
    <t>2420.686279296875</t>
  </si>
  <si>
    <t>-0.007767579805941338</t>
  </si>
  <si>
    <t>14.158804893493652</t>
  </si>
  <si>
    <t>2234.127685546875</t>
  </si>
  <si>
    <t>-0.017976076296061905</t>
  </si>
  <si>
    <t>13.847664833068848</t>
  </si>
  <si>
    <t>2428.226318359375</t>
  </si>
  <si>
    <t>0.057675008862675625</t>
  </si>
  <si>
    <t>14.017138481140137</t>
  </si>
  <si>
    <t>2096.3349609375</t>
  </si>
  <si>
    <t>0.012449195845318783</t>
  </si>
  <si>
    <t>13.914417266845703</t>
  </si>
  <si>
    <t>2404.3076171875</t>
  </si>
  <si>
    <t>0.0006481056639042748</t>
  </si>
  <si>
    <t>37493</t>
  </si>
  <si>
    <t>13.780915260314941</t>
  </si>
  <si>
    <t>2293.883056640625</t>
  </si>
  <si>
    <t>0.012074848866609145</t>
  </si>
  <si>
    <t>37208</t>
  </si>
  <si>
    <t>14.717137336730957</t>
  </si>
  <si>
    <t>2602.895263671875</t>
  </si>
  <si>
    <t>-0.0076304569635112784</t>
  </si>
  <si>
    <t>38473</t>
  </si>
  <si>
    <t>13.680914878845215</t>
  </si>
  <si>
    <t>1793.973876953125</t>
  </si>
  <si>
    <t>0.03343290464567872</t>
  </si>
  <si>
    <t>37956</t>
  </si>
  <si>
    <t>14.050387382507324</t>
  </si>
  <si>
    <t>2780.71533203125</t>
  </si>
  <si>
    <t>-0.013529102455962061</t>
  </si>
  <si>
    <t>38467</t>
  </si>
  <si>
    <t>14.289332389831543</t>
  </si>
  <si>
    <t>2024.29248046875</t>
  </si>
  <si>
    <t>0.013373136768096927</t>
  </si>
  <si>
    <t>38192</t>
  </si>
  <si>
    <t>13.983887672424316</t>
  </si>
  <si>
    <t>2481.210205078125</t>
  </si>
  <si>
    <t>-0.007174661283135819</t>
  </si>
  <si>
    <t>14.028361320495605</t>
  </si>
  <si>
    <t>2376.30419921875</t>
  </si>
  <si>
    <t>-0.029359565701689405</t>
  </si>
  <si>
    <t>14.100639343261719</t>
  </si>
  <si>
    <t>2733.747314453125</t>
  </si>
  <si>
    <t>0.07985394447640637</t>
  </si>
  <si>
    <t>13.919943809509277</t>
  </si>
  <si>
    <t>2468.1796875</t>
  </si>
  <si>
    <t>-0.01833991863675699</t>
  </si>
  <si>
    <t>13.64222240447998</t>
  </si>
  <si>
    <t>2814.163818359375</t>
  </si>
  <si>
    <t>-0.051213229267876414</t>
  </si>
  <si>
    <t>14.142139434814453</t>
  </si>
  <si>
    <t>2415.499267578125</t>
  </si>
  <si>
    <t>0.015833002180700717</t>
  </si>
  <si>
    <t>13.720027923583984</t>
  </si>
  <si>
    <t>2741.036376953125</t>
  </si>
  <si>
    <t>-0.03240900800600599</t>
  </si>
  <si>
    <t>14.283889770507812</t>
  </si>
  <si>
    <t>2839.9931640625</t>
  </si>
  <si>
    <t>0.05263955911356</t>
  </si>
  <si>
    <t>14.68941593170166</t>
  </si>
  <si>
    <t>2567.4443359375</t>
  </si>
  <si>
    <t>-0.009414268418268534</t>
  </si>
  <si>
    <t>40433</t>
  </si>
  <si>
    <t>13.753276824951172</t>
  </si>
  <si>
    <t>1981.2528076171875</t>
  </si>
  <si>
    <t>0.04942969788828577</t>
  </si>
  <si>
    <t>14.628360748291016</t>
  </si>
  <si>
    <t>2353.404296875</t>
  </si>
  <si>
    <t>0.056424420429429745</t>
  </si>
  <si>
    <t>43472</t>
  </si>
  <si>
    <t>14.850555419921875</t>
  </si>
  <si>
    <t>2574.70947265625</t>
  </si>
  <si>
    <t>0.016046349029732454</t>
  </si>
  <si>
    <t>41772</t>
  </si>
  <si>
    <t>14.525639533996582</t>
  </si>
  <si>
    <t>2417.744384765625</t>
  </si>
  <si>
    <t>-0.039890794066689494</t>
  </si>
  <si>
    <t>43031</t>
  </si>
  <si>
    <t>14.586525917053223</t>
  </si>
  <si>
    <t>2762.886962890625</t>
  </si>
  <si>
    <t>0.029694527563449924</t>
  </si>
  <si>
    <t>14.64222240447998</t>
  </si>
  <si>
    <t>2107.89453125</t>
  </si>
  <si>
    <t>0.01375543856318373</t>
  </si>
  <si>
    <t>27838</t>
  </si>
  <si>
    <t>17.09569549560547</t>
  </si>
  <si>
    <t>1780.3836669921875</t>
  </si>
  <si>
    <t>3934.47021484375</t>
  </si>
  <si>
    <t>Fukuoka</t>
  </si>
  <si>
    <t>16.52397346496582</t>
  </si>
  <si>
    <t>2146.85986328125</t>
  </si>
  <si>
    <t>0.02717953391528205</t>
  </si>
  <si>
    <t>16.3901424407959</t>
  </si>
  <si>
    <t>1613.173828125</t>
  </si>
  <si>
    <t>0.020963822944237265</t>
  </si>
  <si>
    <t>29419</t>
  </si>
  <si>
    <t>15.841313362121582</t>
  </si>
  <si>
    <t>2179.744873046875</t>
  </si>
  <si>
    <t>0.007095373448208875</t>
  </si>
  <si>
    <t>30054</t>
  </si>
  <si>
    <t>17.10268211364746</t>
  </si>
  <si>
    <t>1173.154296875</t>
  </si>
  <si>
    <t>0.02135503949059725</t>
  </si>
  <si>
    <t>16.08306884765625</t>
  </si>
  <si>
    <t>1496.24951171875</t>
  </si>
  <si>
    <t>0.0006652474965935795</t>
  </si>
  <si>
    <t>16.055212020874023</t>
  </si>
  <si>
    <t>1490.5538330078125</t>
  </si>
  <si>
    <t>0.02699808071164611</t>
  </si>
  <si>
    <t>31804</t>
  </si>
  <si>
    <t>16.634075164794922</t>
  </si>
  <si>
    <t>2184.385009765625</t>
  </si>
  <si>
    <t>0.028932976227462603</t>
  </si>
  <si>
    <t>31489</t>
  </si>
  <si>
    <t>17.64038848876953</t>
  </si>
  <si>
    <t>2003.26416015625</t>
  </si>
  <si>
    <t>-0.00995378954359083</t>
  </si>
  <si>
    <t>16.7800350189209</t>
  </si>
  <si>
    <t>2163.80810546875</t>
  </si>
  <si>
    <t>-0.008067002695216985</t>
  </si>
  <si>
    <t>16.608652114868164</t>
  </si>
  <si>
    <t>1532.210693359375</t>
  </si>
  <si>
    <t>0.018429462337703484</t>
  </si>
  <si>
    <t>16.9962158203125</t>
  </si>
  <si>
    <t>1816.358154296875</t>
  </si>
  <si>
    <t>0.008481390329619032</t>
  </si>
  <si>
    <t>31914</t>
  </si>
  <si>
    <t>16.840673446655273</t>
  </si>
  <si>
    <t>1600.3277587890625</t>
  </si>
  <si>
    <t>-0.005437343479515633</t>
  </si>
  <si>
    <t>16.773996353149414</t>
  </si>
  <si>
    <t>2182.02978515625</t>
  </si>
  <si>
    <t>0.02083796329252685</t>
  </si>
  <si>
    <t>17.373146057128906</t>
  </si>
  <si>
    <t>1901.791259765625</t>
  </si>
  <si>
    <t>0.0068505986922478</t>
  </si>
  <si>
    <t>16.588468551635742</t>
  </si>
  <si>
    <t>1418.893310546875</t>
  </si>
  <si>
    <t>0.027031517045053022</t>
  </si>
  <si>
    <t>16.978445053100586</t>
  </si>
  <si>
    <t>2077.148193359375</t>
  </si>
  <si>
    <t>0.012529090978501856</t>
  </si>
  <si>
    <t>17.258745193481445</t>
  </si>
  <si>
    <t>1641.775634765625</t>
  </si>
  <si>
    <t>0.02256529769025839</t>
  </si>
  <si>
    <t>34792</t>
  </si>
  <si>
    <t>16.684507369995117</t>
  </si>
  <si>
    <t>1573.097412109375</t>
  </si>
  <si>
    <t>-0.0034717773914874073</t>
  </si>
  <si>
    <t>16.90806770324707</t>
  </si>
  <si>
    <t>1692.4471435546875</t>
  </si>
  <si>
    <t>-0.04020303037347439</t>
  </si>
  <si>
    <t>34064</t>
  </si>
  <si>
    <t>16.71000099182129</t>
  </si>
  <si>
    <t>1872.7059326171875</t>
  </si>
  <si>
    <t>0.019056663229260806</t>
  </si>
  <si>
    <t>33524</t>
  </si>
  <si>
    <t>16.72540855407715</t>
  </si>
  <si>
    <t>1936.5294189453125</t>
  </si>
  <si>
    <t>-0.01597950791446401</t>
  </si>
  <si>
    <t>16.321699142456055</t>
  </si>
  <si>
    <t>2050.49853515625</t>
  </si>
  <si>
    <t>0.0016988306000644826</t>
  </si>
  <si>
    <t>17.037199020385742</t>
  </si>
  <si>
    <t>1638.6337890625</t>
  </si>
  <si>
    <t>0.01192939478275079</t>
  </si>
  <si>
    <t>16.634416580200195</t>
  </si>
  <si>
    <t>1973.066650390625</t>
  </si>
  <si>
    <t>0.006248095303277523</t>
  </si>
  <si>
    <t>34820</t>
  </si>
  <si>
    <t>16.950927734375</t>
  </si>
  <si>
    <t>1952.503173828125</t>
  </si>
  <si>
    <t>0.018054013417291515</t>
  </si>
  <si>
    <t>17.590145111083984</t>
  </si>
  <si>
    <t>2167.62548828125</t>
  </si>
  <si>
    <t>0.009461133014085021</t>
  </si>
  <si>
    <t>16.690143585205078</t>
  </si>
  <si>
    <t>1468.580810546875</t>
  </si>
  <si>
    <t>-0.000512207626018224</t>
  </si>
  <si>
    <t>17.311437606811523</t>
  </si>
  <si>
    <t>2048.537109375</t>
  </si>
  <si>
    <t>0.004430440918303802</t>
  </si>
  <si>
    <t>35238</t>
  </si>
  <si>
    <t>17.642662048339844</t>
  </si>
  <si>
    <t>1907.60791015625</t>
  </si>
  <si>
    <t>-0.0014462548779761164</t>
  </si>
  <si>
    <t>17.121028900146484</t>
  </si>
  <si>
    <t>2213.145263671875</t>
  </si>
  <si>
    <t>-0.03986113612683795</t>
  </si>
  <si>
    <t>34881</t>
  </si>
  <si>
    <t>17.473134994506836</t>
  </si>
  <si>
    <t>1826.8885498046875</t>
  </si>
  <si>
    <t>0.029678358712981634</t>
  </si>
  <si>
    <t>17.322616577148438</t>
  </si>
  <si>
    <t>1478.4930419921875</t>
  </si>
  <si>
    <t>0.013752085188976082</t>
  </si>
  <si>
    <t>1675</t>
  </si>
  <si>
    <t>11.808381080627441</t>
  </si>
  <si>
    <t>1405.412109375</t>
  </si>
  <si>
    <t>1016.2985229492188</t>
  </si>
  <si>
    <t>Fukushima</t>
  </si>
  <si>
    <t>11.048694610595703</t>
  </si>
  <si>
    <t>1664.619384765625</t>
  </si>
  <si>
    <t>0.050319143396059474</t>
  </si>
  <si>
    <t>10.7495756149292</t>
  </si>
  <si>
    <t>1181.623291015625</t>
  </si>
  <si>
    <t>0.013649892706490974</t>
  </si>
  <si>
    <t>10.085925102233887</t>
  </si>
  <si>
    <t>1545.499267578125</t>
  </si>
  <si>
    <t>-0.01511739463359163</t>
  </si>
  <si>
    <t>11.489727973937988</t>
  </si>
  <si>
    <t>983.5133666992188</t>
  </si>
  <si>
    <t>0.029777622799613823</t>
  </si>
  <si>
    <t>10.735371589660645</t>
  </si>
  <si>
    <t>1183.291259765625</t>
  </si>
  <si>
    <t>0.04123960994230025</t>
  </si>
  <si>
    <t>32695</t>
  </si>
  <si>
    <t>10.350939750671387</t>
  </si>
  <si>
    <t>1140.2371826171875</t>
  </si>
  <si>
    <t>0.039300239178214014</t>
  </si>
  <si>
    <t>33260</t>
  </si>
  <si>
    <t>10.926380157470703</t>
  </si>
  <si>
    <t>1308.9111328125</t>
  </si>
  <si>
    <t>0.017133312751543173</t>
  </si>
  <si>
    <t>33127</t>
  </si>
  <si>
    <t>11.60802936553955</t>
  </si>
  <si>
    <t>1610.2266845703125</t>
  </si>
  <si>
    <t>-0.004006813922543984</t>
  </si>
  <si>
    <t>33281</t>
  </si>
  <si>
    <t>11.52164363861084</t>
  </si>
  <si>
    <t>1597.1729736328125</t>
  </si>
  <si>
    <t>0.0046380037362574456</t>
  </si>
  <si>
    <t>34194</t>
  </si>
  <si>
    <t>11.052773475646973</t>
  </si>
  <si>
    <t>1307.4766845703125</t>
  </si>
  <si>
    <t>0.027063526502422164</t>
  </si>
  <si>
    <t>33840</t>
  </si>
  <si>
    <t>11.073393821716309</t>
  </si>
  <si>
    <t>1245.695068359375</t>
  </si>
  <si>
    <t>-0.010406655342896087</t>
  </si>
  <si>
    <t>11.031765937805176</t>
  </si>
  <si>
    <t>1429.760986328125</t>
  </si>
  <si>
    <t>-0.005600761406824972</t>
  </si>
  <si>
    <t>10.767531394958496</t>
  </si>
  <si>
    <t>1336.0399169921875</t>
  </si>
  <si>
    <t>-0.006050779276932872</t>
  </si>
  <si>
    <t>11.776447296142578</t>
  </si>
  <si>
    <t>1409.1275634765625</t>
  </si>
  <si>
    <t>0.0353923079203895</t>
  </si>
  <si>
    <t>10.680095672607422</t>
  </si>
  <si>
    <t>1160.283935546875</t>
  </si>
  <si>
    <t>0.016882626003411616</t>
  </si>
  <si>
    <t>11.112439155578613</t>
  </si>
  <si>
    <t>1577.5286865234375</t>
  </si>
  <si>
    <t>0.02433060008764265</t>
  </si>
  <si>
    <t>11.31705379486084</t>
  </si>
  <si>
    <t>1285.5948486328125</t>
  </si>
  <si>
    <t>0.012329865848567323</t>
  </si>
  <si>
    <t>36491</t>
  </si>
  <si>
    <t>11.229676246643066</t>
  </si>
  <si>
    <t>1431.711669921875</t>
  </si>
  <si>
    <t>-0.0018617390729929184</t>
  </si>
  <si>
    <t>34138</t>
  </si>
  <si>
    <t>11.187808990478516</t>
  </si>
  <si>
    <t>1340.395751953125</t>
  </si>
  <si>
    <t>-0.06665452149914053</t>
  </si>
  <si>
    <t>33539</t>
  </si>
  <si>
    <t>11.325894355773926</t>
  </si>
  <si>
    <t>1433.2381591796875</t>
  </si>
  <si>
    <t>-0.01770219253765326</t>
  </si>
  <si>
    <t>31078</t>
  </si>
  <si>
    <t>11.089126586914062</t>
  </si>
  <si>
    <t>1384.8673095703125</t>
  </si>
  <si>
    <t>-0.07620876743994565</t>
  </si>
  <si>
    <t>34278</t>
  </si>
  <si>
    <t>10.870536804199219</t>
  </si>
  <si>
    <t>1305.443359375</t>
  </si>
  <si>
    <t>0.09800357560583706</t>
  </si>
  <si>
    <t>36853</t>
  </si>
  <si>
    <t>11.270628929138184</t>
  </si>
  <si>
    <t>1426.1514892578125</t>
  </si>
  <si>
    <t>0.07243327747744743</t>
  </si>
  <si>
    <t>37977</t>
  </si>
  <si>
    <t>11.008984565734863</t>
  </si>
  <si>
    <t>1490.47509765625</t>
  </si>
  <si>
    <t>0.03004368687497383</t>
  </si>
  <si>
    <t>38263</t>
  </si>
  <si>
    <t>11.515616416931152</t>
  </si>
  <si>
    <t>1436.5445556640625</t>
  </si>
  <si>
    <t>0.0075026584883080005</t>
  </si>
  <si>
    <t>11.629847526550293</t>
  </si>
  <si>
    <t>1379.96044921875</t>
  </si>
  <si>
    <t>0.019949689397900983</t>
  </si>
  <si>
    <t>38658</t>
  </si>
  <si>
    <t>10.813153266906738</t>
  </si>
  <si>
    <t>1348.593505859375</t>
  </si>
  <si>
    <t>-0.009679321824449971</t>
  </si>
  <si>
    <t>11.7186861038208</t>
  </si>
  <si>
    <t>1366.444091796875</t>
  </si>
  <si>
    <t>0.010447587374798672</t>
  </si>
  <si>
    <t>11.872977256774902</t>
  </si>
  <si>
    <t>1370.983154296875</t>
  </si>
  <si>
    <t>0.0015347626688875238</t>
  </si>
  <si>
    <t>11.61218547821045</t>
  </si>
  <si>
    <t>1418.2608642578125</t>
  </si>
  <si>
    <t>-0.03989162623384246</t>
  </si>
  <si>
    <t>38727</t>
  </si>
  <si>
    <t>11.678970336914062</t>
  </si>
  <si>
    <t>1502.7861328125</t>
  </si>
  <si>
    <t>0.029692567998278463</t>
  </si>
  <si>
    <t>39263</t>
  </si>
  <si>
    <t>11.689837455749512</t>
  </si>
  <si>
    <t>1386.001708984375</t>
  </si>
  <si>
    <t>0.01374556838883123</t>
  </si>
  <si>
    <t>1676</t>
  </si>
  <si>
    <t>27664</t>
  </si>
  <si>
    <t>14.36248779296875</t>
  </si>
  <si>
    <t>1766.9635009765625</t>
  </si>
  <si>
    <t>997.7281494140625</t>
  </si>
  <si>
    <t>Gifu</t>
  </si>
  <si>
    <t>28421</t>
  </si>
  <si>
    <t>13.81182861328125</t>
  </si>
  <si>
    <t>2017.073974609375</t>
  </si>
  <si>
    <t>0.026996379597377995</t>
  </si>
  <si>
    <t>28972</t>
  </si>
  <si>
    <t>13.504244804382324</t>
  </si>
  <si>
    <t>1537.6470947265625</t>
  </si>
  <si>
    <t>0.01920153779476763</t>
  </si>
  <si>
    <t>29241</t>
  </si>
  <si>
    <t>12.836688995361328</t>
  </si>
  <si>
    <t>1975.9840087890625</t>
  </si>
  <si>
    <t>0.009241987690103315</t>
  </si>
  <si>
    <t>14.263667106628418</t>
  </si>
  <si>
    <t>1121.578125</t>
  </si>
  <si>
    <t>-0.005521181357865501</t>
  </si>
  <si>
    <t>13.29595947265625</t>
  </si>
  <si>
    <t>1523.267578125</t>
  </si>
  <si>
    <t>0.02345052236236711</t>
  </si>
  <si>
    <t>30884</t>
  </si>
  <si>
    <t>13.060711860656738</t>
  </si>
  <si>
    <t>1431.0240478515625</t>
  </si>
  <si>
    <t>0.036737075418884046</t>
  </si>
  <si>
    <t>30973</t>
  </si>
  <si>
    <t>13.689005851745605</t>
  </si>
  <si>
    <t>1702.36328125</t>
  </si>
  <si>
    <t>0.002877606783860287</t>
  </si>
  <si>
    <t>14.553616523742676</t>
  </si>
  <si>
    <t>1951.1444091796875</t>
  </si>
  <si>
    <t>-0.0007428580998247725</t>
  </si>
  <si>
    <t>14.088948249816895</t>
  </si>
  <si>
    <t>1786.0430908203125</t>
  </si>
  <si>
    <t>-0.0012932429865788464</t>
  </si>
  <si>
    <t>13.754334449768066</t>
  </si>
  <si>
    <t>1578.4039306640625</t>
  </si>
  <si>
    <t>0.008248000879396145</t>
  </si>
  <si>
    <t>13.918327331542969</t>
  </si>
  <si>
    <t>1442.168212890625</t>
  </si>
  <si>
    <t>0.008053220054325294</t>
  </si>
  <si>
    <t>13.82650089263916</t>
  </si>
  <si>
    <t>1546.631103515625</t>
  </si>
  <si>
    <t>-0.0021667099988178506</t>
  </si>
  <si>
    <t>31847</t>
  </si>
  <si>
    <t>13.655593872070312</t>
  </si>
  <si>
    <t>1806.443359375</t>
  </si>
  <si>
    <t>0.01572891898018014</t>
  </si>
  <si>
    <t>14.639325141906738</t>
  </si>
  <si>
    <t>1732.39697265625</t>
  </si>
  <si>
    <t>-0.008672534212953664</t>
  </si>
  <si>
    <t>32377</t>
  </si>
  <si>
    <t>13.553908348083496</t>
  </si>
  <si>
    <t>1349.0264892578125</t>
  </si>
  <si>
    <t>0.025177642327259164</t>
  </si>
  <si>
    <t>33692</t>
  </si>
  <si>
    <t>13.936492919921875</t>
  </si>
  <si>
    <t>1909.7786865234375</t>
  </si>
  <si>
    <t>0.03981212627970265</t>
  </si>
  <si>
    <t>14.179047584533691</t>
  </si>
  <si>
    <t>1437.08447265625</t>
  </si>
  <si>
    <t>-0.000801698455873634</t>
  </si>
  <si>
    <t>13.920821189880371</t>
  </si>
  <si>
    <t>1703.298095703125</t>
  </si>
  <si>
    <t>0.008842418139872521</t>
  </si>
  <si>
    <t>13.949775695800781</t>
  </si>
  <si>
    <t>1685.150390625</t>
  </si>
  <si>
    <t>-0.0620370397254284</t>
  </si>
  <si>
    <t>32872</t>
  </si>
  <si>
    <t>14.02906322479248</t>
  </si>
  <si>
    <t>1900.5838623046875</t>
  </si>
  <si>
    <t>0.02935713116942118</t>
  </si>
  <si>
    <t>32803</t>
  </si>
  <si>
    <t>13.84110164642334</t>
  </si>
  <si>
    <t>1831.2547607421875</t>
  </si>
  <si>
    <t>-0.0021012569589000663</t>
  </si>
  <si>
    <t>33529</t>
  </si>
  <si>
    <t>13.55189037322998</t>
  </si>
  <si>
    <t>1815.897705078125</t>
  </si>
  <si>
    <t>0.02189076137300816</t>
  </si>
  <si>
    <t>14.061354637145996</t>
  </si>
  <si>
    <t>1731.682861328125</t>
  </si>
  <si>
    <t>-0.002747664721821863</t>
  </si>
  <si>
    <t>34096</t>
  </si>
  <si>
    <t>13.66812801361084</t>
  </si>
  <si>
    <t>1763.80029296875</t>
  </si>
  <si>
    <t>0.019517004082866052</t>
  </si>
  <si>
    <t>14.215691566467285</t>
  </si>
  <si>
    <t>1977.600830078125</t>
  </si>
  <si>
    <t>0.021442553125821107</t>
  </si>
  <si>
    <t>35326</t>
  </si>
  <si>
    <t>14.558097839355469</t>
  </si>
  <si>
    <t>1789.548095703125</t>
  </si>
  <si>
    <t>0.013996608251169107</t>
  </si>
  <si>
    <t>35196</t>
  </si>
  <si>
    <t>13.655844688415527</t>
  </si>
  <si>
    <t>1474.7291259765625</t>
  </si>
  <si>
    <t>-0.003686796949937232</t>
  </si>
  <si>
    <t>14.583446502685547</t>
  </si>
  <si>
    <t>1845.06298828125</t>
  </si>
  <si>
    <t>0.02704875022552855</t>
  </si>
  <si>
    <t>14.791301727294922</t>
  </si>
  <si>
    <t>1841.1243896484375</t>
  </si>
  <si>
    <t>-0.0004425635565823427</t>
  </si>
  <si>
    <t>14.474913597106934</t>
  </si>
  <si>
    <t>1858.814453125</t>
  </si>
  <si>
    <t>-0.039877174253861725</t>
  </si>
  <si>
    <t>35779</t>
  </si>
  <si>
    <t>14.495872497558594</t>
  </si>
  <si>
    <t>2027.3480224609375</t>
  </si>
  <si>
    <t>0.029699676916981943</t>
  </si>
  <si>
    <t>14.573317527770996</t>
  </si>
  <si>
    <t>1733.01611328125</t>
  </si>
  <si>
    <t>0.013740102079850658</t>
  </si>
  <si>
    <t>10.451815605163574</t>
  </si>
  <si>
    <t>1520.449462890625</t>
  </si>
  <si>
    <t>362.9987487792969</t>
  </si>
  <si>
    <t>Gumma</t>
  </si>
  <si>
    <t>9.77674674987793</t>
  </si>
  <si>
    <t>1716.801025390625</t>
  </si>
  <si>
    <t>0.05497187261956782</t>
  </si>
  <si>
    <t>9.448992729187012</t>
  </si>
  <si>
    <t>1353.6187744140625</t>
  </si>
  <si>
    <t>-0.004700830532204492</t>
  </si>
  <si>
    <t>8.799027442932129</t>
  </si>
  <si>
    <t>1757.9927978515625</t>
  </si>
  <si>
    <t>-0.008660472923395446</t>
  </si>
  <si>
    <t>33014</t>
  </si>
  <si>
    <t>10.218413352966309</t>
  </si>
  <si>
    <t>1046.5289306640625</t>
  </si>
  <si>
    <t>0.025244803548849504</t>
  </si>
  <si>
    <t>9.490693092346191</t>
  </si>
  <si>
    <t>1271.7205810546875</t>
  </si>
  <si>
    <t>0.02373616771297371</t>
  </si>
  <si>
    <t>9.112937927246094</t>
  </si>
  <si>
    <t>1205.7808837890625</t>
  </si>
  <si>
    <t>0.018057063975682297</t>
  </si>
  <si>
    <t>35307</t>
  </si>
  <si>
    <t>9.710148811340332</t>
  </si>
  <si>
    <t>1323.3648681640625</t>
  </si>
  <si>
    <t>0.025356298949629874</t>
  </si>
  <si>
    <t>10.410080909729004</t>
  </si>
  <si>
    <t>1661.1910400390625</t>
  </si>
  <si>
    <t>-0.015355059383107772</t>
  </si>
  <si>
    <t>35180</t>
  </si>
  <si>
    <t>10.274025917053223</t>
  </si>
  <si>
    <t>1465.8472900390625</t>
  </si>
  <si>
    <t>0.011751554128885289</t>
  </si>
  <si>
    <t>34749</t>
  </si>
  <si>
    <t>9.835148811340332</t>
  </si>
  <si>
    <t>1407.403564453125</t>
  </si>
  <si>
    <t>-0.012326944691093189</t>
  </si>
  <si>
    <t>9.90732479095459</t>
  </si>
  <si>
    <t>1321.2237548828125</t>
  </si>
  <si>
    <t>-0.006264364245042842</t>
  </si>
  <si>
    <t>9.81844711303711</t>
  </si>
  <si>
    <t>1367.9395751953125</t>
  </si>
  <si>
    <t>-0.004935127733501687</t>
  </si>
  <si>
    <t>9.576815605163574</t>
  </si>
  <si>
    <t>1582.277099609375</t>
  </si>
  <si>
    <t>0.02247414926966229</t>
  </si>
  <si>
    <t>10.604537010192871</t>
  </si>
  <si>
    <t>1375.96826171875</t>
  </si>
  <si>
    <t>-0.008573195710280146</t>
  </si>
  <si>
    <t>9.518447875976562</t>
  </si>
  <si>
    <t>1322.9388427734375</t>
  </si>
  <si>
    <t>0.007719176072859213</t>
  </si>
  <si>
    <t>9.921236991882324</t>
  </si>
  <si>
    <t>1555.397216796875</t>
  </si>
  <si>
    <t>0.014560413297607155</t>
  </si>
  <si>
    <t>35832</t>
  </si>
  <si>
    <t>10.112869262695312</t>
  </si>
  <si>
    <t>1381.264404296875</t>
  </si>
  <si>
    <t>0.0057095033353764535</t>
  </si>
  <si>
    <t>10.101883888244629</t>
  </si>
  <si>
    <t>1616.569580078125</t>
  </si>
  <si>
    <t>-0.022294006840104075</t>
  </si>
  <si>
    <t>33763</t>
  </si>
  <si>
    <t>10.012904167175293</t>
  </si>
  <si>
    <t>1394.2362060546875</t>
  </si>
  <si>
    <t>-0.037181813725940316</t>
  </si>
  <si>
    <t>36379</t>
  </si>
  <si>
    <t>10.149026870727539</t>
  </si>
  <si>
    <t>1544.1707763671875</t>
  </si>
  <si>
    <t>0.0746261567426636</t>
  </si>
  <si>
    <t>9.90735912322998</t>
  </si>
  <si>
    <t>1499.052001953125</t>
  </si>
  <si>
    <t>-0.003386800236022225</t>
  </si>
  <si>
    <t>37263</t>
  </si>
  <si>
    <t>9.735182762145996</t>
  </si>
  <si>
    <t>1413.256103515625</t>
  </si>
  <si>
    <t>0.027395992384569468</t>
  </si>
  <si>
    <t>39037</t>
  </si>
  <si>
    <t>10.168447494506836</t>
  </si>
  <si>
    <t>1424.5947265625</t>
  </si>
  <si>
    <t>0.04650903709975829</t>
  </si>
  <si>
    <t>39627</t>
  </si>
  <si>
    <t>9.907394409179688</t>
  </si>
  <si>
    <t>1548.29833984375</t>
  </si>
  <si>
    <t>0.015000789779911372</t>
  </si>
  <si>
    <t>40454</t>
  </si>
  <si>
    <t>10.362937927246094</t>
  </si>
  <si>
    <t>1671.615966796875</t>
  </si>
  <si>
    <t>0.020654822021068497</t>
  </si>
  <si>
    <t>40633</t>
  </si>
  <si>
    <t>10.423992156982422</t>
  </si>
  <si>
    <t>1588.7091064453125</t>
  </si>
  <si>
    <t>0.0044150182091158285</t>
  </si>
  <si>
    <t>42862</t>
  </si>
  <si>
    <t>9.682360649108887</t>
  </si>
  <si>
    <t>1309.034423828125</t>
  </si>
  <si>
    <t>0.053405108172464466</t>
  </si>
  <si>
    <t>42843</t>
  </si>
  <si>
    <t>10.573957443237305</t>
  </si>
  <si>
    <t>1443.6636962890625</t>
  </si>
  <si>
    <t>-0.00044338137357868845</t>
  </si>
  <si>
    <t>10.715693473815918</t>
  </si>
  <si>
    <t>1596.5352783203125</t>
  </si>
  <si>
    <t>0.011233726120899235</t>
  </si>
  <si>
    <t>10.471272468566895</t>
  </si>
  <si>
    <t>1537.7835693359375</t>
  </si>
  <si>
    <t>-0.039882875233558934</t>
  </si>
  <si>
    <t>10.557394981384277</t>
  </si>
  <si>
    <t>1789.0054931640625</t>
  </si>
  <si>
    <t>0.02967562768173515</t>
  </si>
  <si>
    <t>43481</t>
  </si>
  <si>
    <t>10.560149192810059</t>
  </si>
  <si>
    <t>1522.282470703125</t>
  </si>
  <si>
    <t>0.013755311360590383</t>
  </si>
  <si>
    <t>15.123536109924316</t>
  </si>
  <si>
    <t>1782.8973388671875</t>
  </si>
  <si>
    <t>1529.39404296875</t>
  </si>
  <si>
    <t>Hiroshima</t>
  </si>
  <si>
    <t>14.623883247375488</t>
  </si>
  <si>
    <t>1823.098388671875</t>
  </si>
  <si>
    <t>0.036156964016942794</t>
  </si>
  <si>
    <t>33773</t>
  </si>
  <si>
    <t>14.444130897521973</t>
  </si>
  <si>
    <t>1452.3719482421875</t>
  </si>
  <si>
    <t>0.011165648746716883</t>
  </si>
  <si>
    <t>13.786383628845215</t>
  </si>
  <si>
    <t>2046.5653076171875</t>
  </si>
  <si>
    <t>-0.025065020776253277</t>
  </si>
  <si>
    <t>15.09900188446045</t>
  </si>
  <si>
    <t>1051.380126953125</t>
  </si>
  <si>
    <t>-0.003863298947694105</t>
  </si>
  <si>
    <t>14.118464469909668</t>
  </si>
  <si>
    <t>1440.2562255859375</t>
  </si>
  <si>
    <t>0.024358036365210722</t>
  </si>
  <si>
    <t>34594</t>
  </si>
  <si>
    <t>14.09191608428955</t>
  </si>
  <si>
    <t>1315.078369140625</t>
  </si>
  <si>
    <t>0.028588873283510452</t>
  </si>
  <si>
    <t>34839</t>
  </si>
  <si>
    <t>14.657439231872559</t>
  </si>
  <si>
    <t>1866.11767578125</t>
  </si>
  <si>
    <t>0.007057192309998683</t>
  </si>
  <si>
    <t>15.72015380859375</t>
  </si>
  <si>
    <t>1740.031494140625</t>
  </si>
  <si>
    <t>-0.013524263352131527</t>
  </si>
  <si>
    <t>14.90328598022461</t>
  </si>
  <si>
    <t>1791.5814208984375</t>
  </si>
  <si>
    <t>-0.013709679533475239</t>
  </si>
  <si>
    <t>35176</t>
  </si>
  <si>
    <t>14.626269340515137</t>
  </si>
  <si>
    <t>1374.3861083984375</t>
  </si>
  <si>
    <t>0.03686052583238464</t>
  </si>
  <si>
    <t>14.842842102050781</t>
  </si>
  <si>
    <t>1564.9375</t>
  </si>
  <si>
    <t>-0.005787696664658171</t>
  </si>
  <si>
    <t>34901</t>
  </si>
  <si>
    <t>14.683686256408691</t>
  </si>
  <si>
    <t>1296.2396240234375</t>
  </si>
  <si>
    <t>-0.0020608531208381464</t>
  </si>
  <si>
    <t>14.652965545654297</t>
  </si>
  <si>
    <t>1747.765380859375</t>
  </si>
  <si>
    <t>0.025711701917328966</t>
  </si>
  <si>
    <t>38233</t>
  </si>
  <si>
    <t>15.383781433105469</t>
  </si>
  <si>
    <t>1805.848388671875</t>
  </si>
  <si>
    <t>0.0654718330230537</t>
  </si>
  <si>
    <t>39264</t>
  </si>
  <si>
    <t>14.457959175109863</t>
  </si>
  <si>
    <t>1205.36181640625</t>
  </si>
  <si>
    <t>0.026609051495105618</t>
  </si>
  <si>
    <t>14.866729736328125</t>
  </si>
  <si>
    <t>1841.451416015625</t>
  </si>
  <si>
    <t>-0.03227464042047856</t>
  </si>
  <si>
    <t>39532</t>
  </si>
  <si>
    <t>15.24179744720459</t>
  </si>
  <si>
    <t>1351.91015625</t>
  </si>
  <si>
    <t>0.03907704240591592</t>
  </si>
  <si>
    <t>39265</t>
  </si>
  <si>
    <t>14.692854881286621</t>
  </si>
  <si>
    <t>1465.7496337890625</t>
  </si>
  <si>
    <t>-0.006776933687099529</t>
  </si>
  <si>
    <t>36411</t>
  </si>
  <si>
    <t>14.834273338317871</t>
  </si>
  <si>
    <t>1473.7462158203125</t>
  </si>
  <si>
    <t>-0.0754626100345046</t>
  </si>
  <si>
    <t>14.7407865524292</t>
  </si>
  <si>
    <t>1742.0443115234375</t>
  </si>
  <si>
    <t>-0.027820181043530567</t>
  </si>
  <si>
    <t>14.6554594039917</t>
  </si>
  <si>
    <t>1828.5823974609375</t>
  </si>
  <si>
    <t>0.020321868860898817</t>
  </si>
  <si>
    <t>35358</t>
  </si>
  <si>
    <t>14.354964256286621</t>
  </si>
  <si>
    <t>1756.3946533203125</t>
  </si>
  <si>
    <t>-0.02184793952586972</t>
  </si>
  <si>
    <t>15.050589561462402</t>
  </si>
  <si>
    <t>1645.9749755859375</t>
  </si>
  <si>
    <t>0.025300838554716876</t>
  </si>
  <si>
    <t>37862</t>
  </si>
  <si>
    <t>14.524443626403809</t>
  </si>
  <si>
    <t>1699.8544921875</t>
  </si>
  <si>
    <t>0.04312245694916861</t>
  </si>
  <si>
    <t>14.895099639892578</t>
  </si>
  <si>
    <t>1861.2008056640625</t>
  </si>
  <si>
    <t>0.027277615744381478</t>
  </si>
  <si>
    <t>39458</t>
  </si>
  <si>
    <t>15.521015167236328</t>
  </si>
  <si>
    <t>1925.5899658203125</t>
  </si>
  <si>
    <t>0.01401122874067795</t>
  </si>
  <si>
    <t>14.557482719421387</t>
  </si>
  <si>
    <t>1475.70654296875</t>
  </si>
  <si>
    <t>0.007398182943830989</t>
  </si>
  <si>
    <t>39184</t>
  </si>
  <si>
    <t>15.30771255493164</t>
  </si>
  <si>
    <t>1925.782958984375</t>
  </si>
  <si>
    <t>-0.014366497806795664</t>
  </si>
  <si>
    <t>38600</t>
  </si>
  <si>
    <t>15.602946281433105</t>
  </si>
  <si>
    <t>1629.1732177734375</t>
  </si>
  <si>
    <t>-0.015016223739026557</t>
  </si>
  <si>
    <t>37091</t>
  </si>
  <si>
    <t>15.161620140075684</t>
  </si>
  <si>
    <t>1962.5040283203125</t>
  </si>
  <si>
    <t>-0.03987792388760525</t>
  </si>
  <si>
    <t>15.406733512878418</t>
  </si>
  <si>
    <t>1750.1529541015625</t>
  </si>
  <si>
    <t>0.02969673737377576</t>
  </si>
  <si>
    <t>15.392003059387207</t>
  </si>
  <si>
    <t>1326.4949951171875</t>
  </si>
  <si>
    <t>0.013749940463091193</t>
  </si>
  <si>
    <t>7.519899845123291</t>
  </si>
  <si>
    <t>1311.9537353515625</t>
  </si>
  <si>
    <t>2233.09033203125</t>
  </si>
  <si>
    <t>Hokkaido</t>
  </si>
  <si>
    <t>6.494223117828369</t>
  </si>
  <si>
    <t>1072.047119140625</t>
  </si>
  <si>
    <t>0.045221050564890675</t>
  </si>
  <si>
    <t>28674</t>
  </si>
  <si>
    <t>6.0773138999938965</t>
  </si>
  <si>
    <t>1213.6962890625</t>
  </si>
  <si>
    <t>0.018940893652395374</t>
  </si>
  <si>
    <t>5.529048919677734</t>
  </si>
  <si>
    <t>1114.98486328125</t>
  </si>
  <si>
    <t>0.020845591925143125</t>
  </si>
  <si>
    <t>29846</t>
  </si>
  <si>
    <t>6.801441669464111</t>
  </si>
  <si>
    <t>1142.9365234375</t>
  </si>
  <si>
    <t>0.019214446760056347</t>
  </si>
  <si>
    <t>30584</t>
  </si>
  <si>
    <t>6.4227471351623535</t>
  </si>
  <si>
    <t>1244.1563720703125</t>
  </si>
  <si>
    <t>0.024426168884835064</t>
  </si>
  <si>
    <t>31202</t>
  </si>
  <si>
    <t>5.701375961303711</t>
  </si>
  <si>
    <t>1093.0238037109375</t>
  </si>
  <si>
    <t>0.020005198930947543</t>
  </si>
  <si>
    <t>31331</t>
  </si>
  <si>
    <t>6.068874835968018</t>
  </si>
  <si>
    <t>1181.46044921875</t>
  </si>
  <si>
    <t>0.0041258274188447075</t>
  </si>
  <si>
    <t>31218</t>
  </si>
  <si>
    <t>6.422494411468506</t>
  </si>
  <si>
    <t>1374.781982421875</t>
  </si>
  <si>
    <t>-0.003613171207682342</t>
  </si>
  <si>
    <t>6.8001933097839355</t>
  </si>
  <si>
    <t>1207.1925048828125</t>
  </si>
  <si>
    <t>0.0005764242642083417</t>
  </si>
  <si>
    <t>32062</t>
  </si>
  <si>
    <t>6.122627258300781</t>
  </si>
  <si>
    <t>1255.85009765625</t>
  </si>
  <si>
    <t>0.026100252467053053</t>
  </si>
  <si>
    <t>5.839784145355225</t>
  </si>
  <si>
    <t>1189.420654296875</t>
  </si>
  <si>
    <t>0.019244728797211508</t>
  </si>
  <si>
    <t>6.162050724029541</t>
  </si>
  <si>
    <t>1189.6966552734375</t>
  </si>
  <si>
    <t>-0.012468413662945821</t>
  </si>
  <si>
    <t>32455</t>
  </si>
  <si>
    <t>6.039109706878662</t>
  </si>
  <si>
    <t>1053.365966796875</t>
  </si>
  <si>
    <t>0.005406671083683534</t>
  </si>
  <si>
    <t>7.021678924560547</t>
  </si>
  <si>
    <t>1167.279052734375</t>
  </si>
  <si>
    <t>0.00984202575913784</t>
  </si>
  <si>
    <t>6.118230819702148</t>
  </si>
  <si>
    <t>1122.312744140625</t>
  </si>
  <si>
    <t>0.007447182464794366</t>
  </si>
  <si>
    <t>32237</t>
  </si>
  <si>
    <t>6.515418529510498</t>
  </si>
  <si>
    <t>1191.9659423828125</t>
  </si>
  <si>
    <t>-0.02402886150973238</t>
  </si>
  <si>
    <t>6.448274612426758</t>
  </si>
  <si>
    <t>982.4452514648438</t>
  </si>
  <si>
    <t>-0.0066916946197679295</t>
  </si>
  <si>
    <t>6.798879146575928</t>
  </si>
  <si>
    <t>929.290771484375</t>
  </si>
  <si>
    <t>0.008953613256544202</t>
  </si>
  <si>
    <t>31473</t>
  </si>
  <si>
    <t>6.477933406829834</t>
  </si>
  <si>
    <t>1380.5899658203125</t>
  </si>
  <si>
    <t>-0.02624674441895003</t>
  </si>
  <si>
    <t>6.848186016082764</t>
  </si>
  <si>
    <t>1299.56787109375</t>
  </si>
  <si>
    <t>-0.011761457450473856</t>
  </si>
  <si>
    <t>6.582414150238037</t>
  </si>
  <si>
    <t>1279.84228515625</t>
  </si>
  <si>
    <t>-0.009626641082716603</t>
  </si>
  <si>
    <t>31258</t>
  </si>
  <si>
    <t>6.288972854614258</t>
  </si>
  <si>
    <t>1274.140380859375</t>
  </si>
  <si>
    <t>0.014533406535734983</t>
  </si>
  <si>
    <t>31997</t>
  </si>
  <si>
    <t>6.568902969360352</t>
  </si>
  <si>
    <t>1413.7293701171875</t>
  </si>
  <si>
    <t>0.023366804984918943</t>
  </si>
  <si>
    <t>6.638498783111572</t>
  </si>
  <si>
    <t>1283.8077392578125</t>
  </si>
  <si>
    <t>0.014920788637974525</t>
  </si>
  <si>
    <t>7.081871032714844</t>
  </si>
  <si>
    <t>1187.3487548828125</t>
  </si>
  <si>
    <t>0.02087185957831572</t>
  </si>
  <si>
    <t>6.578287124633789</t>
  </si>
  <si>
    <t>1371.63525390625</t>
  </si>
  <si>
    <t>0.004182658621713742</t>
  </si>
  <si>
    <t>33930</t>
  </si>
  <si>
    <t>6.361581802368164</t>
  </si>
  <si>
    <t>1208.9324951171875</t>
  </si>
  <si>
    <t>0.01868212355321397</t>
  </si>
  <si>
    <t>34071</t>
  </si>
  <si>
    <t>6.756797790527344</t>
  </si>
  <si>
    <t>1379.3509521484375</t>
  </si>
  <si>
    <t>0.004147003781479697</t>
  </si>
  <si>
    <t>34372</t>
  </si>
  <si>
    <t>7.109256744384766</t>
  </si>
  <si>
    <t>988.0748901367188</t>
  </si>
  <si>
    <t>0.008795696873358239</t>
  </si>
  <si>
    <t>6.9391961097717285</t>
  </si>
  <si>
    <t>1135.218994140625</t>
  </si>
  <si>
    <t>-0.03988659289579388</t>
  </si>
  <si>
    <t>7.296536922454834</t>
  </si>
  <si>
    <t>1244.06787109375</t>
  </si>
  <si>
    <t>0.029681079946120903</t>
  </si>
  <si>
    <t>7.215893268585205</t>
  </si>
  <si>
    <t>1329.0286865234375</t>
  </si>
  <si>
    <t>0.013748629367904996</t>
  </si>
  <si>
    <t>30326</t>
  </si>
  <si>
    <t>16.477815628051758</t>
  </si>
  <si>
    <t>1710.220947265625</t>
  </si>
  <si>
    <t>4796.3037109375</t>
  </si>
  <si>
    <t>Hyogo</t>
  </si>
  <si>
    <t>15.980770111083984</t>
  </si>
  <si>
    <t>1601.44384765625</t>
  </si>
  <si>
    <t>0.038553380821131356</t>
  </si>
  <si>
    <t>15.680886268615723</t>
  </si>
  <si>
    <t>1358.029052734375</t>
  </si>
  <si>
    <t>0.01245463908673905</t>
  </si>
  <si>
    <t>15.003783226013184</t>
  </si>
  <si>
    <t>1754.5865478515625</t>
  </si>
  <si>
    <t>0.013229559031003646</t>
  </si>
  <si>
    <t>16.383766174316406</t>
  </si>
  <si>
    <t>975.9200439453125</t>
  </si>
  <si>
    <t>-0.033967665897620236</t>
  </si>
  <si>
    <t>15.451949119567871</t>
  </si>
  <si>
    <t>1209.7738037109375</t>
  </si>
  <si>
    <t>0.07703094672214661</t>
  </si>
  <si>
    <t>15.312488555908203</t>
  </si>
  <si>
    <t>1142.798095703125</t>
  </si>
  <si>
    <t>0.03320919195086347</t>
  </si>
  <si>
    <t>15.890800476074219</t>
  </si>
  <si>
    <t>1448.33154296875</t>
  </si>
  <si>
    <t>-0.01742843865905641</t>
  </si>
  <si>
    <t>32661</t>
  </si>
  <si>
    <t>16.859636306762695</t>
  </si>
  <si>
    <t>1664.2144775390625</t>
  </si>
  <si>
    <t>-0.04890533786680251</t>
  </si>
  <si>
    <t>16.283735275268555</t>
  </si>
  <si>
    <t>1536.501708984375</t>
  </si>
  <si>
    <t>-0.022635698840462126</t>
  </si>
  <si>
    <t>31604</t>
  </si>
  <si>
    <t>15.949904441833496</t>
  </si>
  <si>
    <t>1318.2789306640625</t>
  </si>
  <si>
    <t>-0.010262311866204854</t>
  </si>
  <si>
    <t>16.131620407104492</t>
  </si>
  <si>
    <t>1260.95458984375</t>
  </si>
  <si>
    <t>-0.027718956750035773</t>
  </si>
  <si>
    <t>15.988842010498047</t>
  </si>
  <si>
    <t>1164.0687255859375</t>
  </si>
  <si>
    <t>-0.003846033227546286</t>
  </si>
  <si>
    <t>15.872535705566406</t>
  </si>
  <si>
    <t>1526.066650390625</t>
  </si>
  <si>
    <t>0.00039179835945901687</t>
  </si>
  <si>
    <t>31446</t>
  </si>
  <si>
    <t>16.714984893798828</t>
  </si>
  <si>
    <t>1647.637451171875</t>
  </si>
  <si>
    <t>0.026161285805720524</t>
  </si>
  <si>
    <t>31750</t>
  </si>
  <si>
    <t>15.751971244812012</t>
  </si>
  <si>
    <t>1035.060791015625</t>
  </si>
  <si>
    <t>0.009620936290616555</t>
  </si>
  <si>
    <t>16.154590606689453</t>
  </si>
  <si>
    <t>1572.4091796875</t>
  </si>
  <si>
    <t>0.0373109561425764</t>
  </si>
  <si>
    <t>16.43650245666504</t>
  </si>
  <si>
    <t>1147.5751953125</t>
  </si>
  <si>
    <t>-0.00727829630929655</t>
  </si>
  <si>
    <t>16.049245834350586</t>
  </si>
  <si>
    <t>1360.8302001953125</t>
  </si>
  <si>
    <t>16.145689010620117</t>
  </si>
  <si>
    <t>1344.8758544921875</t>
  </si>
  <si>
    <t>-0.08256319576909554</t>
  </si>
  <si>
    <t>16.145492553710938</t>
  </si>
  <si>
    <t>1555.687744140625</t>
  </si>
  <si>
    <t>0.0804953146096512</t>
  </si>
  <si>
    <t>32664</t>
  </si>
  <si>
    <t>15.96550464630127</t>
  </si>
  <si>
    <t>1666.837890625</t>
  </si>
  <si>
    <t>-0.020274343252706828</t>
  </si>
  <si>
    <t>33487</t>
  </si>
  <si>
    <t>15.676837921142578</t>
  </si>
  <si>
    <t>1545.4383544921875</t>
  </si>
  <si>
    <t>0.02488374979760266</t>
  </si>
  <si>
    <t>16.25651741027832</t>
  </si>
  <si>
    <t>1463.629638671875</t>
  </si>
  <si>
    <t>0.017494710978169792</t>
  </si>
  <si>
    <t>34714</t>
  </si>
  <si>
    <t>15.815940856933594</t>
  </si>
  <si>
    <t>1447.817626953125</t>
  </si>
  <si>
    <t>0.018491049005643134</t>
  </si>
  <si>
    <t>35258</t>
  </si>
  <si>
    <t>16.329191207885742</t>
  </si>
  <si>
    <t>1622.3203125</t>
  </si>
  <si>
    <t>0.015549390064860447</t>
  </si>
  <si>
    <t>35547</t>
  </si>
  <si>
    <t>16.77271842956543</t>
  </si>
  <si>
    <t>1605.0484619140625</t>
  </si>
  <si>
    <t>0.008163310639162091</t>
  </si>
  <si>
    <t>36218</t>
  </si>
  <si>
    <t>15.799823760986328</t>
  </si>
  <si>
    <t>1258.3135986328125</t>
  </si>
  <si>
    <t>0.018700468316437124</t>
  </si>
  <si>
    <t>16.6408748626709</t>
  </si>
  <si>
    <t>1658.7001953125</t>
  </si>
  <si>
    <t>0.004133034291037063</t>
  </si>
  <si>
    <t>36689</t>
  </si>
  <si>
    <t>16.88620948791504</t>
  </si>
  <si>
    <t>1458.1864013671875</t>
  </si>
  <si>
    <t>0.008787715502631244</t>
  </si>
  <si>
    <t>16.51130485534668</t>
  </si>
  <si>
    <t>1562.5040283203125</t>
  </si>
  <si>
    <t>-0.03986961944181466</t>
  </si>
  <si>
    <t>36317</t>
  </si>
  <si>
    <t>16.642168045043945</t>
  </si>
  <si>
    <t>1582.136474609375</t>
  </si>
  <si>
    <t>0.029678588031650577</t>
  </si>
  <si>
    <t>36820</t>
  </si>
  <si>
    <t>16.688005447387695</t>
  </si>
  <si>
    <t>1247.6295166015625</t>
  </si>
  <si>
    <t>0.013755224602277849</t>
  </si>
  <si>
    <t>31063</t>
  </si>
  <si>
    <t>14.165141105651855</t>
  </si>
  <si>
    <t>1397.3878173828125</t>
  </si>
  <si>
    <t>974.42431640625</t>
  </si>
  <si>
    <t>Ibaraki</t>
  </si>
  <si>
    <t>13.548473358154297</t>
  </si>
  <si>
    <t>1650.968505859375</t>
  </si>
  <si>
    <t>0.030780438439329316</t>
  </si>
  <si>
    <t>31530</t>
  </si>
  <si>
    <t>13.27744197845459</t>
  </si>
  <si>
    <t>1375.8341064453125</t>
  </si>
  <si>
    <t>-0.015858365189135526</t>
  </si>
  <si>
    <t>31404</t>
  </si>
  <si>
    <t>12.565140724182129</t>
  </si>
  <si>
    <t>1513.3929443359375</t>
  </si>
  <si>
    <t>-0.00400420022095993</t>
  </si>
  <si>
    <t>13.971290588378906</t>
  </si>
  <si>
    <t>1037.29638671875</t>
  </si>
  <si>
    <t>0.043188317520547415</t>
  </si>
  <si>
    <t>13.139460563659668</t>
  </si>
  <si>
    <t>1163.1312255859375</t>
  </si>
  <si>
    <t>-0.0068854988581925625</t>
  </si>
  <si>
    <t>12.79315185546875</t>
  </si>
  <si>
    <t>1111.55322265625</t>
  </si>
  <si>
    <t>0.029083165210721518</t>
  </si>
  <si>
    <t>13.487133026123047</t>
  </si>
  <si>
    <t>1204.0281982421875</t>
  </si>
  <si>
    <t>0.025037389263607324</t>
  </si>
  <si>
    <t>14.160643577575684</t>
  </si>
  <si>
    <t>1548.7921142578125</t>
  </si>
  <si>
    <t>-0.025395384494160567</t>
  </si>
  <si>
    <t>33660</t>
  </si>
  <si>
    <t>14.0501127243042</t>
  </si>
  <si>
    <t>1446.2894287109375</t>
  </si>
  <si>
    <t>0.004346926784126737</t>
  </si>
  <si>
    <t>13.517601013183594</t>
  </si>
  <si>
    <t>1337.7730712890625</t>
  </si>
  <si>
    <t>0.018426918822630256</t>
  </si>
  <si>
    <t>33643</t>
  </si>
  <si>
    <t>13.65954303741455</t>
  </si>
  <si>
    <t>1300.53759765625</t>
  </si>
  <si>
    <t>-0.01893209690864417</t>
  </si>
  <si>
    <t>34484</t>
  </si>
  <si>
    <t>13.510494232177734</t>
  </si>
  <si>
    <t>1343.910888671875</t>
  </si>
  <si>
    <t>0.024690437671033294</t>
  </si>
  <si>
    <t>35185</t>
  </si>
  <si>
    <t>13.211193084716797</t>
  </si>
  <si>
    <t>1405.54052734375</t>
  </si>
  <si>
    <t>0.020124407070833072</t>
  </si>
  <si>
    <t>34505</t>
  </si>
  <si>
    <t>14.205042839050293</t>
  </si>
  <si>
    <t>1356.3804931640625</t>
  </si>
  <si>
    <t>-0.01951561434594673</t>
  </si>
  <si>
    <t>34664</t>
  </si>
  <si>
    <t>13.118422508239746</t>
  </si>
  <si>
    <t>1168.2445068359375</t>
  </si>
  <si>
    <t>0.004597443365042864</t>
  </si>
  <si>
    <t>13.640140533447266</t>
  </si>
  <si>
    <t>1614.3524169921875</t>
  </si>
  <si>
    <t>0.02616631127764002</t>
  </si>
  <si>
    <t>13.819527626037598</t>
  </si>
  <si>
    <t>1362.02880859375</t>
  </si>
  <si>
    <t>0.049588782081254834</t>
  </si>
  <si>
    <t>13.671951293945312</t>
  </si>
  <si>
    <t>1588.9659423828125</t>
  </si>
  <si>
    <t>0.012966490521375107</t>
  </si>
  <si>
    <t>13.606255531311035</t>
  </si>
  <si>
    <t>1361.8204345703125</t>
  </si>
  <si>
    <t>-0.12380363104322534</t>
  </si>
  <si>
    <t>13.753669738769531</t>
  </si>
  <si>
    <t>1509.2108154296875</t>
  </si>
  <si>
    <t>0.13449077570657764</t>
  </si>
  <si>
    <t>39541</t>
  </si>
  <si>
    <t>13.50121021270752</t>
  </si>
  <si>
    <t>1365.075927734375</t>
  </si>
  <si>
    <t>0.03222769528614755</t>
  </si>
  <si>
    <t>13.361854553222656</t>
  </si>
  <si>
    <t>1372.6412353515625</t>
  </si>
  <si>
    <t>0.0042397539850362875</t>
  </si>
  <si>
    <t>39581</t>
  </si>
  <si>
    <t>13.746162414550781</t>
  </si>
  <si>
    <t>1256.3294677734375</t>
  </si>
  <si>
    <t>-0.0032286571116593166</t>
  </si>
  <si>
    <t>40394</t>
  </si>
  <si>
    <t>13.468960762023926</t>
  </si>
  <si>
    <t>1523.55419921875</t>
  </si>
  <si>
    <t>0.020332053945441686</t>
  </si>
  <si>
    <t>41743</t>
  </si>
  <si>
    <t>13.912659645080566</t>
  </si>
  <si>
    <t>1532.1983642578125</t>
  </si>
  <si>
    <t>0.0328505134827175</t>
  </si>
  <si>
    <t>42122</t>
  </si>
  <si>
    <t>14.110774040222168</t>
  </si>
  <si>
    <t>1414.199951171875</t>
  </si>
  <si>
    <t>0.009038396950376892</t>
  </si>
  <si>
    <t>13.254348754882812</t>
  </si>
  <si>
    <t>1255.419189453125</t>
  </si>
  <si>
    <t>0.053974753749427506</t>
  </si>
  <si>
    <t>14.181278228759766</t>
  </si>
  <si>
    <t>1262.911376953125</t>
  </si>
  <si>
    <t>0.009491900232665884</t>
  </si>
  <si>
    <t>44405</t>
  </si>
  <si>
    <t>14.328524589538574</t>
  </si>
  <si>
    <t>1473.4556884765625</t>
  </si>
  <si>
    <t>-0.01068474779091666</t>
  </si>
  <si>
    <t>14.051486015319824</t>
  </si>
  <si>
    <t>1387.6746826171875</t>
  </si>
  <si>
    <t>-0.03987941445426735</t>
  </si>
  <si>
    <t>43955</t>
  </si>
  <si>
    <t>14.128670692443848</t>
  </si>
  <si>
    <t>1505.7972412109375</t>
  </si>
  <si>
    <t>0.029693722046941318</t>
  </si>
  <si>
    <t>44564</t>
  </si>
  <si>
    <t>14.12033462524414</t>
  </si>
  <si>
    <t>1392.8648681640625</t>
  </si>
  <si>
    <t>0.013759974893929439</t>
  </si>
  <si>
    <t>30732</t>
  </si>
  <si>
    <t>13.845348358154297</t>
  </si>
  <si>
    <t>2417.496826171875</t>
  </si>
  <si>
    <t>751.99658203125</t>
  </si>
  <si>
    <t>Ishikawa</t>
  </si>
  <si>
    <t>13.233180046081543</t>
  </si>
  <si>
    <t>2565.960205078125</t>
  </si>
  <si>
    <t>0.028074158043111197</t>
  </si>
  <si>
    <t>31428</t>
  </si>
  <si>
    <t>12.984719276428223</t>
  </si>
  <si>
    <t>2215.581787109375</t>
  </si>
  <si>
    <t>-0.005679399734924928</t>
  </si>
  <si>
    <t>12.334720611572266</t>
  </si>
  <si>
    <t>2584.2470703125</t>
  </si>
  <si>
    <t>0.009815485827076031</t>
  </si>
  <si>
    <t>13.732682228088379</t>
  </si>
  <si>
    <t>1677.643310546875</t>
  </si>
  <si>
    <t>0.005530083847585132</t>
  </si>
  <si>
    <t>12.800105094909668</t>
  </si>
  <si>
    <t>2011.729736328125</t>
  </si>
  <si>
    <t>0.03860106797072582</t>
  </si>
  <si>
    <t>12.550019264221191</t>
  </si>
  <si>
    <t>2102.350341796875</t>
  </si>
  <si>
    <t>0.03495616570939575</t>
  </si>
  <si>
    <t>13.183959007263184</t>
  </si>
  <si>
    <t>2719.192626953125</t>
  </si>
  <si>
    <t>0.011001848087625277</t>
  </si>
  <si>
    <t>14.04645824432373</t>
  </si>
  <si>
    <t>2366.3740234375</t>
  </si>
  <si>
    <t>-0.010536163231430251</t>
  </si>
  <si>
    <t>34824</t>
  </si>
  <si>
    <t>13.596614837646484</t>
  </si>
  <si>
    <t>2378.41943359375</t>
  </si>
  <si>
    <t>0.01323910072544443</t>
  </si>
  <si>
    <t>13.260563850402832</t>
  </si>
  <si>
    <t>2281.10400390625</t>
  </si>
  <si>
    <t>0.01809849639606398</t>
  </si>
  <si>
    <t>13.424175262451172</t>
  </si>
  <si>
    <t>2138.864501953125</t>
  </si>
  <si>
    <t>0.006941447350042651</t>
  </si>
  <si>
    <t>13.31949234008789</t>
  </si>
  <si>
    <t>2452.685302734375</t>
  </si>
  <si>
    <t>-0.0104444737018774</t>
  </si>
  <si>
    <t>13.191256523132324</t>
  </si>
  <si>
    <t>2259.19775390625</t>
  </si>
  <si>
    <t>0.00828570532351769</t>
  </si>
  <si>
    <t>14.123406410217285</t>
  </si>
  <si>
    <t>2559.9345703125</t>
  </si>
  <si>
    <t>0.01194077350226408</t>
  </si>
  <si>
    <t>13.062862396240234</t>
  </si>
  <si>
    <t>1965.5869140625</t>
  </si>
  <si>
    <t>0.025410709542676102</t>
  </si>
  <si>
    <t>38076</t>
  </si>
  <si>
    <t>13.439726829528809</t>
  </si>
  <si>
    <t>2646.001708984375</t>
  </si>
  <si>
    <t>0.029044699726375356</t>
  </si>
  <si>
    <t>13.674761772155762</t>
  </si>
  <si>
    <t>1990.0361328125</t>
  </si>
  <si>
    <t>0.019531718519189667</t>
  </si>
  <si>
    <t>13.41456127166748</t>
  </si>
  <si>
    <t>2142.962890625</t>
  </si>
  <si>
    <t>-0.009029231513467906</t>
  </si>
  <si>
    <t>13.43445873260498</t>
  </si>
  <si>
    <t>2252.5849609375</t>
  </si>
  <si>
    <t>-0.09459574096561951</t>
  </si>
  <si>
    <t>13.530718803405762</t>
  </si>
  <si>
    <t>2556.963134765625</t>
  </si>
  <si>
    <t>-0.0371922049061606</t>
  </si>
  <si>
    <t>13.328173637390137</t>
  </si>
  <si>
    <t>2483.0869140625</t>
  </si>
  <si>
    <t>-0.016411697852918294</t>
  </si>
  <si>
    <t>34308</t>
  </si>
  <si>
    <t>13.086246490478516</t>
  </si>
  <si>
    <t>2454.638916015625</t>
  </si>
  <si>
    <t>0.03349155745809185</t>
  </si>
  <si>
    <t>35636</t>
  </si>
  <si>
    <t>13.55835247039795</t>
  </si>
  <si>
    <t>2740.383544921875</t>
  </si>
  <si>
    <t>0.03797779973022308</t>
  </si>
  <si>
    <t>36397</t>
  </si>
  <si>
    <t>13.18250560760498</t>
  </si>
  <si>
    <t>2649.08837890625</t>
  </si>
  <si>
    <t>0.021129990805363263</t>
  </si>
  <si>
    <t>13.732159614562988</t>
  </si>
  <si>
    <t>2394.599365234375</t>
  </si>
  <si>
    <t>0.026435407266948374</t>
  </si>
  <si>
    <t>37641</t>
  </si>
  <si>
    <t>14.066266059875488</t>
  </si>
  <si>
    <t>2338.89306640625</t>
  </si>
  <si>
    <t>0.007172120914962221</t>
  </si>
  <si>
    <t>13.16226577758789</t>
  </si>
  <si>
    <t>2283.950439453125</t>
  </si>
  <si>
    <t>0.015395869969454523</t>
  </si>
  <si>
    <t>38905</t>
  </si>
  <si>
    <t>14.054875373840332</t>
  </si>
  <si>
    <t>2473.45947265625</t>
  </si>
  <si>
    <t>0.017633025253767087</t>
  </si>
  <si>
    <t>14.241168022155762</t>
  </si>
  <si>
    <t>2065.21875</t>
  </si>
  <si>
    <t>-0.021748742858795467</t>
  </si>
  <si>
    <t>36579</t>
  </si>
  <si>
    <t>13.950018882751465</t>
  </si>
  <si>
    <t>2418.7373046875</t>
  </si>
  <si>
    <t>-0.03989972896386007</t>
  </si>
  <si>
    <t>13.994830131530762</t>
  </si>
  <si>
    <t>2505.78857421875</t>
  </si>
  <si>
    <t>0.029708221609570984</t>
  </si>
  <si>
    <t>38204</t>
  </si>
  <si>
    <t>14.046531677246094</t>
  </si>
  <si>
    <t>2210.797607421875</t>
  </si>
  <si>
    <t>0.013757695316682472</t>
  </si>
  <si>
    <t>23936</t>
  </si>
  <si>
    <t>10.623616218566895</t>
  </si>
  <si>
    <t>1483.460693359375</t>
  </si>
  <si>
    <t>796.4673461914062</t>
  </si>
  <si>
    <t>Iwate</t>
  </si>
  <si>
    <t>24709</t>
  </si>
  <si>
    <t>9.808524131774902</t>
  </si>
  <si>
    <t>1520.339111328125</t>
  </si>
  <si>
    <t>0.03178394794397299</t>
  </si>
  <si>
    <t>9.481709480285645</t>
  </si>
  <si>
    <t>1126.326171875</t>
  </si>
  <si>
    <t>0.03990692949084007</t>
  </si>
  <si>
    <t>8.831724166870117</t>
  </si>
  <si>
    <t>1352.460693359375</t>
  </si>
  <si>
    <t>0.009212730639466926</t>
  </si>
  <si>
    <t>10.226208686828613</t>
  </si>
  <si>
    <t>1052.0833740234375</t>
  </si>
  <si>
    <t>0.054474757657661854</t>
  </si>
  <si>
    <t>9.600839614868164</t>
  </si>
  <si>
    <t>1246.4451904296875</t>
  </si>
  <si>
    <t>0.028701844332784887</t>
  </si>
  <si>
    <t>9.129281997680664</t>
  </si>
  <si>
    <t>1084.4610595703125</t>
  </si>
  <si>
    <t>0.042414825418962465</t>
  </si>
  <si>
    <t>29807</t>
  </si>
  <si>
    <t>9.720019340515137</t>
  </si>
  <si>
    <t>1257.748046875</t>
  </si>
  <si>
    <t>0.012864627979933374</t>
  </si>
  <si>
    <t>10.195412635803223</t>
  </si>
  <si>
    <t>1660.8587646484375</t>
  </si>
  <si>
    <t>-0.003023992627644745</t>
  </si>
  <si>
    <t>10.313684463500977</t>
  </si>
  <si>
    <t>1582.1739501953125</t>
  </si>
  <si>
    <t>0.0072088695900678346</t>
  </si>
  <si>
    <t>9.782795906066895</t>
  </si>
  <si>
    <t>1316.1082763671875</t>
  </si>
  <si>
    <t>0.04743379139841686</t>
  </si>
  <si>
    <t>9.696816444396973</t>
  </si>
  <si>
    <t>1268.35595703125</t>
  </si>
  <si>
    <t>-0.03842067642102798</t>
  </si>
  <si>
    <t>9.72864055633545</t>
  </si>
  <si>
    <t>1465.0419921875</t>
  </si>
  <si>
    <t>0.0045916341303993136</t>
  </si>
  <si>
    <t>9.473302841186523</t>
  </si>
  <si>
    <t>1254.4906005859375</t>
  </si>
  <si>
    <t>0.008924529343614651</t>
  </si>
  <si>
    <t>31260</t>
  </si>
  <si>
    <t>10.491108894348145</t>
  </si>
  <si>
    <t>1392.08056640625</t>
  </si>
  <si>
    <t>0.020881904323815093</t>
  </si>
  <si>
    <t>9.408596992492676</t>
  </si>
  <si>
    <t>1172.83154296875</t>
  </si>
  <si>
    <t>-0.0009921747041250484</t>
  </si>
  <si>
    <t>31529</t>
  </si>
  <si>
    <t>9.832917213439941</t>
  </si>
  <si>
    <t>1419.1102294921875</t>
  </si>
  <si>
    <t>0.00956060693861005</t>
  </si>
  <si>
    <t>31929</t>
  </si>
  <si>
    <t>10.024651527404785</t>
  </si>
  <si>
    <t>1220.828125</t>
  </si>
  <si>
    <t>0.012606930499201141</t>
  </si>
  <si>
    <t>10.18344783782959</t>
  </si>
  <si>
    <t>1158.1712646484375</t>
  </si>
  <si>
    <t>-0.00549598607169699</t>
  </si>
  <si>
    <t>10.079559326171875</t>
  </si>
  <si>
    <t>1440.9468994140625</t>
  </si>
  <si>
    <t>-0.037378234448556924</t>
  </si>
  <si>
    <t>28519</t>
  </si>
  <si>
    <t>10.272092819213867</t>
  </si>
  <si>
    <t>1431.8665771484375</t>
  </si>
  <si>
    <t>-0.07006993538899664</t>
  </si>
  <si>
    <t>29045</t>
  </si>
  <si>
    <t>9.976252555847168</t>
  </si>
  <si>
    <t>1408.3836669921875</t>
  </si>
  <si>
    <t>0.018275819626730083</t>
  </si>
  <si>
    <t>9.804021835327148</t>
  </si>
  <si>
    <t>1287.9571533203125</t>
  </si>
  <si>
    <t>0.07333301193927966</t>
  </si>
  <si>
    <t>10.138382911682129</t>
  </si>
  <si>
    <t>1552.302001953125</t>
  </si>
  <si>
    <t>0.05350968137109824</t>
  </si>
  <si>
    <t>33942</t>
  </si>
  <si>
    <t>9.992544174194336</t>
  </si>
  <si>
    <t>1353.8148193359375</t>
  </si>
  <si>
    <t>0.028964140834199625</t>
  </si>
  <si>
    <t>10.481072425842285</t>
  </si>
  <si>
    <t>1236.65478515625</t>
  </si>
  <si>
    <t>0.008478480665939259</t>
  </si>
  <si>
    <t>10.395623207092285</t>
  </si>
  <si>
    <t>1354.0911865234375</t>
  </si>
  <si>
    <t>0.009189049508490754</t>
  </si>
  <si>
    <t>9.761530876159668</t>
  </si>
  <si>
    <t>1366.277099609375</t>
  </si>
  <si>
    <t>0.014626067089606565</t>
  </si>
  <si>
    <t>10.527522087097168</t>
  </si>
  <si>
    <t>1494.1414794921875</t>
  </si>
  <si>
    <t>0.020498190814521422</t>
  </si>
  <si>
    <t>35871</t>
  </si>
  <si>
    <t>10.68496036529541</t>
  </si>
  <si>
    <t>1118.6610107421875</t>
  </si>
  <si>
    <t>0.00248419593792093</t>
  </si>
  <si>
    <t>10.521622657775879</t>
  </si>
  <si>
    <t>1408.2325439453125</t>
  </si>
  <si>
    <t>-0.03989781222803224</t>
  </si>
  <si>
    <t>10.649453163146973</t>
  </si>
  <si>
    <t>1371.1185302734375</t>
  </si>
  <si>
    <t>0.02969850276440944</t>
  </si>
  <si>
    <t>35999</t>
  </si>
  <si>
    <t>10.609291076660156</t>
  </si>
  <si>
    <t>1391.5440673828125</t>
  </si>
  <si>
    <t>0.013761300150592959</t>
  </si>
  <si>
    <t>16.22077751159668</t>
  </si>
  <si>
    <t>1640.1287841796875</t>
  </si>
  <si>
    <t>950.4398803710938</t>
  </si>
  <si>
    <t>Kagawa</t>
  </si>
  <si>
    <t>15.76677417755127</t>
  </si>
  <si>
    <t>1502.3287353515625</t>
  </si>
  <si>
    <t>0.051938858612032845</t>
  </si>
  <si>
    <t>15.454972267150879</t>
  </si>
  <si>
    <t>1291.8536376953125</t>
  </si>
  <si>
    <t>0.01691595774390464</t>
  </si>
  <si>
    <t>14.825965881347656</t>
  </si>
  <si>
    <t>1801.6944580078125</t>
  </si>
  <si>
    <t>0.005162903995195478</t>
  </si>
  <si>
    <t>16.1420955657959</t>
  </si>
  <si>
    <t>934.21240234375</t>
  </si>
  <si>
    <t>0.012115863004071414</t>
  </si>
  <si>
    <t>32036</t>
  </si>
  <si>
    <t>15.19177532196045</t>
  </si>
  <si>
    <t>1182.505859375</t>
  </si>
  <si>
    <t>0.03106824403478292</t>
  </si>
  <si>
    <t>32626</t>
  </si>
  <si>
    <t>15.104758262634277</t>
  </si>
  <si>
    <t>1089.12744140625</t>
  </si>
  <si>
    <t>0.018249246052674195</t>
  </si>
  <si>
    <t>33632</t>
  </si>
  <si>
    <t>15.692095756530762</t>
  </si>
  <si>
    <t>1466.9012451171875</t>
  </si>
  <si>
    <t>0.030368478180429648</t>
  </si>
  <si>
    <t>16.74295425415039</t>
  </si>
  <si>
    <t>1631.6939697265625</t>
  </si>
  <si>
    <t>-0.002202709627034949</t>
  </si>
  <si>
    <t>16.028575897216797</t>
  </si>
  <si>
    <t>1547.5150146484375</t>
  </si>
  <si>
    <t>-0.04093623113420719</t>
  </si>
  <si>
    <t>15.716560363769531</t>
  </si>
  <si>
    <t>1247.7696533203125</t>
  </si>
  <si>
    <t>0.017357486311270875</t>
  </si>
  <si>
    <t>15.92099380493164</t>
  </si>
  <si>
    <t>1270.668701171875</t>
  </si>
  <si>
    <t>0.026762181752674863</t>
  </si>
  <si>
    <t>15.804219245910645</t>
  </si>
  <si>
    <t>1074.017578125</t>
  </si>
  <si>
    <t>0.003350980998485298</t>
  </si>
  <si>
    <t>33664</t>
  </si>
  <si>
    <t>15.750751495361328</t>
  </si>
  <si>
    <t>1516.5364990234375</t>
  </si>
  <si>
    <t>-0.0033806858804847906</t>
  </si>
  <si>
    <t>34121</t>
  </si>
  <si>
    <t>16.52911376953125</t>
  </si>
  <si>
    <t>1677.673828125</t>
  </si>
  <si>
    <t>0.01348401340231753</t>
  </si>
  <si>
    <t>34039</t>
  </si>
  <si>
    <t>15.554327964782715</t>
  </si>
  <si>
    <t>986.678955078125</t>
  </si>
  <si>
    <t>-0.002406104447198132</t>
  </si>
  <si>
    <t>35384</t>
  </si>
  <si>
    <t>16.01698875427246</t>
  </si>
  <si>
    <t>1505.1717529296875</t>
  </si>
  <si>
    <t>0.038752814495660814</t>
  </si>
  <si>
    <t>35254</t>
  </si>
  <si>
    <t>16.284086227416992</t>
  </si>
  <si>
    <t>1077.3712158203125</t>
  </si>
  <si>
    <t>-0.003680742568263895</t>
  </si>
  <si>
    <t>35223</t>
  </si>
  <si>
    <t>15.883870124816895</t>
  </si>
  <si>
    <t>1315.8837890625</t>
  </si>
  <si>
    <t>-0.0008797196815759634</t>
  </si>
  <si>
    <t>16.01319694519043</t>
  </si>
  <si>
    <t>1254.4998779296875</t>
  </si>
  <si>
    <t>-0.01723884394773556</t>
  </si>
  <si>
    <t>34247</t>
  </si>
  <si>
    <t>15.958762168884277</t>
  </si>
  <si>
    <t>1485.53271484375</t>
  </si>
  <si>
    <t>-0.01086146473742744</t>
  </si>
  <si>
    <t>15.842310905456543</t>
  </si>
  <si>
    <t>1688.8245849609375</t>
  </si>
  <si>
    <t>0.033903498316314895</t>
  </si>
  <si>
    <t>35921</t>
  </si>
  <si>
    <t>15.52553653717041</t>
  </si>
  <si>
    <t>1482.292724609375</t>
  </si>
  <si>
    <t>0.013819614742798692</t>
  </si>
  <si>
    <t>35404</t>
  </si>
  <si>
    <t>16.13873291015625</t>
  </si>
  <si>
    <t>1457.579833984375</t>
  </si>
  <si>
    <t>-0.014497274583504804</t>
  </si>
  <si>
    <t>15.667202949523926</t>
  </si>
  <si>
    <t>1398.6190185546875</t>
  </si>
  <si>
    <t>0.001636892528166456</t>
  </si>
  <si>
    <t>16.137447357177734</t>
  </si>
  <si>
    <t>1566.9781494140625</t>
  </si>
  <si>
    <t>0.01247056192454643</t>
  </si>
  <si>
    <t>36660</t>
  </si>
  <si>
    <t>16.667524337768555</t>
  </si>
  <si>
    <t>1608.28076171875</t>
  </si>
  <si>
    <t>0.0207539798522145</t>
  </si>
  <si>
    <t>15.655078887939453</t>
  </si>
  <si>
    <t>1302.2957763671875</t>
  </si>
  <si>
    <t>0.006769181334583152</t>
  </si>
  <si>
    <t>16.475858688354492</t>
  </si>
  <si>
    <t>1674.8387451171875</t>
  </si>
  <si>
    <t>0.0048110801486433985</t>
  </si>
  <si>
    <t>37961</t>
  </si>
  <si>
    <t>16.734405517578125</t>
  </si>
  <si>
    <t>1383.533935546875</t>
  </si>
  <si>
    <t>0.023292813019452296</t>
  </si>
  <si>
    <t>36476</t>
  </si>
  <si>
    <t>16.37553596496582</t>
  </si>
  <si>
    <t>1561.4656982421875</t>
  </si>
  <si>
    <t>-0.039904806842818275</t>
  </si>
  <si>
    <t>37576</t>
  </si>
  <si>
    <t>16.50118064880371</t>
  </si>
  <si>
    <t>1559.9000244140625</t>
  </si>
  <si>
    <t>16.534299850463867</t>
  </si>
  <si>
    <t>1157.2314453125</t>
  </si>
  <si>
    <t>0.013743741019812461</t>
  </si>
  <si>
    <t>17.9641056060791</t>
  </si>
  <si>
    <t>2466.65283203125</t>
  </si>
  <si>
    <t>895.3892822265625</t>
  </si>
  <si>
    <t>Kagoshima</t>
  </si>
  <si>
    <t>17.49711036682129</t>
  </si>
  <si>
    <t>2665.15576171875</t>
  </si>
  <si>
    <t>0.029895334438355903</t>
  </si>
  <si>
    <t>17.235280990600586</t>
  </si>
  <si>
    <t>2367.113525390625</t>
  </si>
  <si>
    <t>0.019209024476873893</t>
  </si>
  <si>
    <t>22876</t>
  </si>
  <si>
    <t>16.724637985229492</t>
  </si>
  <si>
    <t>3382.871337890625</t>
  </si>
  <si>
    <t>0.012094172966122585</t>
  </si>
  <si>
    <t>23875</t>
  </si>
  <si>
    <t>17.926607131958008</t>
  </si>
  <si>
    <t>1590.8509521484375</t>
  </si>
  <si>
    <t>0.04274356031372406</t>
  </si>
  <si>
    <t>16.934492111206055</t>
  </si>
  <si>
    <t>2353.387939453125</t>
  </si>
  <si>
    <t>0.023798329554088227</t>
  </si>
  <si>
    <t>16.987260818481445</t>
  </si>
  <si>
    <t>2035.94921875</t>
  </si>
  <si>
    <t>0.023524790445700106</t>
  </si>
  <si>
    <t>25527</t>
  </si>
  <si>
    <t>17.558124542236328</t>
  </si>
  <si>
    <t>2570.244873046875</t>
  </si>
  <si>
    <t>0.01958170916894808</t>
  </si>
  <si>
    <t>25727</t>
  </si>
  <si>
    <t>18.61144256591797</t>
  </si>
  <si>
    <t>2616.63720703125</t>
  </si>
  <si>
    <t>0.007804308546434768</t>
  </si>
  <si>
    <t>17.71750831604004</t>
  </si>
  <si>
    <t>2709.9931640625</t>
  </si>
  <si>
    <t>0.01890517369365341</t>
  </si>
  <si>
    <t>27451</t>
  </si>
  <si>
    <t>17.506731033325195</t>
  </si>
  <si>
    <t>2458.863525390625</t>
  </si>
  <si>
    <t>0.04595639938886542</t>
  </si>
  <si>
    <t>17.779966354370117</t>
  </si>
  <si>
    <t>2303.69921875</t>
  </si>
  <si>
    <t>0.0070784548776821055</t>
  </si>
  <si>
    <t>17.56884002685547</t>
  </si>
  <si>
    <t>2203.006103515625</t>
  </si>
  <si>
    <t>-0.008646110460402312</t>
  </si>
  <si>
    <t>27882</t>
  </si>
  <si>
    <t>17.67144203186035</t>
  </si>
  <si>
    <t>2465.35302734375</t>
  </si>
  <si>
    <t>0.017146377749133634</t>
  </si>
  <si>
    <t>28311</t>
  </si>
  <si>
    <t>18.21868324279785</t>
  </si>
  <si>
    <t>2560.1865234375</t>
  </si>
  <si>
    <t>0.015269102376409549</t>
  </si>
  <si>
    <t>17.420156478881836</t>
  </si>
  <si>
    <t>1980.37744140625</t>
  </si>
  <si>
    <t>0.016013236581903456</t>
  </si>
  <si>
    <t>17.854936599731445</t>
  </si>
  <si>
    <t>2699.9072265625</t>
  </si>
  <si>
    <t>0.02009702876377162</t>
  </si>
  <si>
    <t>29978</t>
  </si>
  <si>
    <t>18.136751174926758</t>
  </si>
  <si>
    <t>2340.868408203125</t>
  </si>
  <si>
    <t>0.02110309225542295</t>
  </si>
  <si>
    <t>17.53362464904785</t>
  </si>
  <si>
    <t>2401.37841796875</t>
  </si>
  <si>
    <t>0.005488944437610499</t>
  </si>
  <si>
    <t>28849</t>
  </si>
  <si>
    <t>17.75355339050293</t>
  </si>
  <si>
    <t>1974.616455078125</t>
  </si>
  <si>
    <t>-0.043877393437709244</t>
  </si>
  <si>
    <t>17.568180084228516</t>
  </si>
  <si>
    <t>2690.76025390625</t>
  </si>
  <si>
    <t>-0.015017394746799084</t>
  </si>
  <si>
    <t>17.529848098754883</t>
  </si>
  <si>
    <t>2523.0634765625</t>
  </si>
  <si>
    <t>-0.018180382145990492</t>
  </si>
  <si>
    <t>17.169355392456055</t>
  </si>
  <si>
    <t>3008.604736328125</t>
  </si>
  <si>
    <t>0.005610062774255908</t>
  </si>
  <si>
    <t>28892</t>
  </si>
  <si>
    <t>17.906816482543945</t>
  </si>
  <si>
    <t>2058.012451171875</t>
  </si>
  <si>
    <t>0.029077123998828114</t>
  </si>
  <si>
    <t>29191</t>
  </si>
  <si>
    <t>17.398757934570312</t>
  </si>
  <si>
    <t>2773.0263671875</t>
  </si>
  <si>
    <t>0.01029570239825972</t>
  </si>
  <si>
    <t>30093</t>
  </si>
  <si>
    <t>17.72989845275879</t>
  </si>
  <si>
    <t>2892.30712890625</t>
  </si>
  <si>
    <t>0.030432143982597637</t>
  </si>
  <si>
    <t>30810</t>
  </si>
  <si>
    <t>18.427892684936523</t>
  </si>
  <si>
    <t>3026.353515625</t>
  </si>
  <si>
    <t>0.023546726039118226</t>
  </si>
  <si>
    <t>17.44672966003418</t>
  </si>
  <si>
    <t>2241.931640625</t>
  </si>
  <si>
    <t>0.05170703546455613</t>
  </si>
  <si>
    <t>18.11879539489746</t>
  </si>
  <si>
    <t>2593.153564453125</t>
  </si>
  <si>
    <t>-0.004850703901933429</t>
  </si>
  <si>
    <t>18.441919326782227</t>
  </si>
  <si>
    <t>2573.052978515625</t>
  </si>
  <si>
    <t>0.012404166491659652</t>
  </si>
  <si>
    <t>31413</t>
  </si>
  <si>
    <t>17.969419479370117</t>
  </si>
  <si>
    <t>2953.2021484375</t>
  </si>
  <si>
    <t>-0.03987799068942266</t>
  </si>
  <si>
    <t>32360</t>
  </si>
  <si>
    <t>18.288888931274414</t>
  </si>
  <si>
    <t>2448.749755859375</t>
  </si>
  <si>
    <t>0.029701272216856367</t>
  </si>
  <si>
    <t>32808</t>
  </si>
  <si>
    <t>18.218873977661133</t>
  </si>
  <si>
    <t>2361.5</t>
  </si>
  <si>
    <t>0.013749295899465608</t>
  </si>
  <si>
    <t>17.07499885559082</t>
  </si>
  <si>
    <t>1784.2999267578125</t>
  </si>
  <si>
    <t>2675.10693359375</t>
  </si>
  <si>
    <t>Kanagawa</t>
  </si>
  <si>
    <t>2108.39990234375</t>
  </si>
  <si>
    <t>0.013653053283480432</t>
  </si>
  <si>
    <t>1898.5999755859375</t>
  </si>
  <si>
    <t>-0.012389788840597049</t>
  </si>
  <si>
    <t>1838.400146484375</t>
  </si>
  <si>
    <t>-0.013920453612321637</t>
  </si>
  <si>
    <t>1280.9000244140625</t>
  </si>
  <si>
    <t>0.003131493212473302</t>
  </si>
  <si>
    <t>15.958333015441895</t>
  </si>
  <si>
    <t>1428.8001708984375</t>
  </si>
  <si>
    <t>0.017112818565049537</t>
  </si>
  <si>
    <t>15.666666984558105</t>
  </si>
  <si>
    <t>1404.900146484375</t>
  </si>
  <si>
    <t>0.033523036683746454</t>
  </si>
  <si>
    <t>32666</t>
  </si>
  <si>
    <t>-0.00932393482003313</t>
  </si>
  <si>
    <t>17.075000762939453</t>
  </si>
  <si>
    <t>-0.02216260080740362</t>
  </si>
  <si>
    <t>1653.6998291015625</t>
  </si>
  <si>
    <t>-0.014057658926773797</t>
  </si>
  <si>
    <t>33610</t>
  </si>
  <si>
    <t>16.38333511352539</t>
  </si>
  <si>
    <t>1657.2000732421875</t>
  </si>
  <si>
    <t>0.06470911984024497</t>
  </si>
  <si>
    <t>1662.2000732421875</t>
  </si>
  <si>
    <t>-0.01254488690192268</t>
  </si>
  <si>
    <t>16.349998474121094</t>
  </si>
  <si>
    <t>-0.008745308637863047</t>
  </si>
  <si>
    <t>1801.0</t>
  </si>
  <si>
    <t>0.01364425900215771</t>
  </si>
  <si>
    <t>1691.2000732421875</t>
  </si>
  <si>
    <t>-0.006527222343871486</t>
  </si>
  <si>
    <t>33389</t>
  </si>
  <si>
    <t>1381.5</t>
  </si>
  <si>
    <t>0.007576021565011359</t>
  </si>
  <si>
    <t>1955.2001953125</t>
  </si>
  <si>
    <t>0.01601412775176314</t>
  </si>
  <si>
    <t>1630.10009765625</t>
  </si>
  <si>
    <t>0.0018257315357352866</t>
  </si>
  <si>
    <t>1873.099853515625</t>
  </si>
  <si>
    <t>-0.006611984653023484</t>
  </si>
  <si>
    <t>1707.1002197265625</t>
  </si>
  <si>
    <t>-0.057475525132987926</t>
  </si>
  <si>
    <t>34328</t>
  </si>
  <si>
    <t>1973.8997802734375</t>
  </si>
  <si>
    <t>0.07398249376720933</t>
  </si>
  <si>
    <t>16.341665267944336</t>
  </si>
  <si>
    <t>1705.800048828125</t>
  </si>
  <si>
    <t>-0.0012825746525866322</t>
  </si>
  <si>
    <t>1767.9000244140625</t>
  </si>
  <si>
    <t>-0.003125869827355743</t>
  </si>
  <si>
    <t>16.55833625793457</t>
  </si>
  <si>
    <t>1503.300048828125</t>
  </si>
  <si>
    <t>0.005252879268418553</t>
  </si>
  <si>
    <t>33923</t>
  </si>
  <si>
    <t>16.291667938232422</t>
  </si>
  <si>
    <t>1841.2998046875</t>
  </si>
  <si>
    <t>-0.012712532068658078</t>
  </si>
  <si>
    <t>35008</t>
  </si>
  <si>
    <t>1945.300048828125</t>
  </si>
  <si>
    <t>0.03148335639047417</t>
  </si>
  <si>
    <t>35467</t>
  </si>
  <si>
    <t>1776.699951171875</t>
  </si>
  <si>
    <t>0.013026079891993447</t>
  </si>
  <si>
    <t>34790</t>
  </si>
  <si>
    <t>-0.01927269752765781</t>
  </si>
  <si>
    <t>16.941669464111328</t>
  </si>
  <si>
    <t>1592.800048828125</t>
  </si>
  <si>
    <t>0.0027269482273482026</t>
  </si>
  <si>
    <t>1995.30029296875</t>
  </si>
  <si>
    <t>-0.007480972883696424</t>
  </si>
  <si>
    <t>1863.10009765625</t>
  </si>
  <si>
    <t>-0.039889817820316864</t>
  </si>
  <si>
    <t>34274</t>
  </si>
  <si>
    <t>1794.300048828125</t>
  </si>
  <si>
    <t>0.02970090255147184</t>
  </si>
  <si>
    <t>16.9666690826416</t>
  </si>
  <si>
    <t>1753.300048828125</t>
  </si>
  <si>
    <t>0.013763745379661074</t>
  </si>
  <si>
    <t>21944</t>
  </si>
  <si>
    <t>15.252135276794434</t>
  </si>
  <si>
    <t>2423.57958984375</t>
  </si>
  <si>
    <t>342.87896728515625</t>
  </si>
  <si>
    <t>Kochi</t>
  </si>
  <si>
    <t>14.813057899475098</t>
  </si>
  <si>
    <t>2305.386474609375</t>
  </si>
  <si>
    <t>0.04133225439938748</t>
  </si>
  <si>
    <t>14.552443504333496</t>
  </si>
  <si>
    <t>2024.127197265625</t>
  </si>
  <si>
    <t>0.03395985051555073</t>
  </si>
  <si>
    <t>24303</t>
  </si>
  <si>
    <t>13.939900398254395</t>
  </si>
  <si>
    <t>2654.642822265625</t>
  </si>
  <si>
    <t>0.026813940966222916</t>
  </si>
  <si>
    <t>15.21261978149414</t>
  </si>
  <si>
    <t>1345.2452392578125</t>
  </si>
  <si>
    <t>0.03178984465153256</t>
  </si>
  <si>
    <t>25401</t>
  </si>
  <si>
    <t>14.229722023010254</t>
  </si>
  <si>
    <t>1819.8214111328125</t>
  </si>
  <si>
    <t>0.012398899160253052</t>
  </si>
  <si>
    <t>14.209334373474121</t>
  </si>
  <si>
    <t>1677.4403076171875</t>
  </si>
  <si>
    <t>0.005653059454511222</t>
  </si>
  <si>
    <t>14.77779769897461</t>
  </si>
  <si>
    <t>2282.022705078125</t>
  </si>
  <si>
    <t>0.006671763496679972</t>
  </si>
  <si>
    <t>26057</t>
  </si>
  <si>
    <t>15.880516052246094</t>
  </si>
  <si>
    <t>2413.295166015625</t>
  </si>
  <si>
    <t>0.013173079834308155</t>
  </si>
  <si>
    <t>26278</t>
  </si>
  <si>
    <t>15.021697044372559</t>
  </si>
  <si>
    <t>2421.788330078125</t>
  </si>
  <si>
    <t>0.008445641105881307</t>
  </si>
  <si>
    <t>14.733235359191895</t>
  </si>
  <si>
    <t>1860.3175048828125</t>
  </si>
  <si>
    <t>0.06778454096819253</t>
  </si>
  <si>
    <t>14.986001014709473</t>
  </si>
  <si>
    <t>1964.9840087890625</t>
  </si>
  <si>
    <t>0.0008886203865525744</t>
  </si>
  <si>
    <t>14.828364372253418</t>
  </si>
  <si>
    <t>1689.54150390625</t>
  </si>
  <si>
    <t>-0.023619323923188773</t>
  </si>
  <si>
    <t>14.8512601852417</t>
  </si>
  <si>
    <t>2349.421875</t>
  </si>
  <si>
    <t>0.011573784659786313</t>
  </si>
  <si>
    <t>27417</t>
  </si>
  <si>
    <t>15.546649932861328</t>
  </si>
  <si>
    <t>2445.74267578125</t>
  </si>
  <si>
    <t>-0.014196450352798706</t>
  </si>
  <si>
    <t>27733</t>
  </si>
  <si>
    <t>14.618721008300781</t>
  </si>
  <si>
    <t>1499.4544677734375</t>
  </si>
  <si>
    <t>0.011459780897878247</t>
  </si>
  <si>
    <t>27326</t>
  </si>
  <si>
    <t>15.090873718261719</t>
  </si>
  <si>
    <t>2352.9833984375</t>
  </si>
  <si>
    <t>-0.014784409939755605</t>
  </si>
  <si>
    <t>15.390385627746582</t>
  </si>
  <si>
    <t>1674.387451171875</t>
  </si>
  <si>
    <t>-0.00032941090648108684</t>
  </si>
  <si>
    <t>14.9248046875</t>
  </si>
  <si>
    <t>2004.0982666015625</t>
  </si>
  <si>
    <t>0.01971864245216537</t>
  </si>
  <si>
    <t>26778</t>
  </si>
  <si>
    <t>15.07331371307373</t>
  </si>
  <si>
    <t>1893.704833984375</t>
  </si>
  <si>
    <t>-0.03964720658679255</t>
  </si>
  <si>
    <t>14.979804039001465</t>
  </si>
  <si>
    <t>2282.666015625</t>
  </si>
  <si>
    <t>0.04183425369126681</t>
  </si>
  <si>
    <t>14.881648063659668</t>
  </si>
  <si>
    <t>2470.676513671875</t>
  </si>
  <si>
    <t>-0.001684678786173066</t>
  </si>
  <si>
    <t>14.553315162658691</t>
  </si>
  <si>
    <t>2300.911865234375</t>
  </si>
  <si>
    <t>0.019292517435602008</t>
  </si>
  <si>
    <t>29512</t>
  </si>
  <si>
    <t>15.233929634094238</t>
  </si>
  <si>
    <t>2061.8408203125</t>
  </si>
  <si>
    <t>0.037774213078490604</t>
  </si>
  <si>
    <t>14.719414710998535</t>
  </si>
  <si>
    <t>2236.33349609375</t>
  </si>
  <si>
    <t>0.01829861865086002</t>
  </si>
  <si>
    <t>15.130855560302734</t>
  </si>
  <si>
    <t>2457.739013671875</t>
  </si>
  <si>
    <t>0.023867010602947047</t>
  </si>
  <si>
    <t>15.741954803466797</t>
  </si>
  <si>
    <t>2456.947509765625</t>
  </si>
  <si>
    <t>0.021372798571377416</t>
  </si>
  <si>
    <t>14.740159034729004</t>
  </si>
  <si>
    <t>1918.5235595703125</t>
  </si>
  <si>
    <t>-0.0003498449586452068</t>
  </si>
  <si>
    <t>31575</t>
  </si>
  <si>
    <t>15.510985374450684</t>
  </si>
  <si>
    <t>2401.114013671875</t>
  </si>
  <si>
    <t>0.004380125075639896</t>
  </si>
  <si>
    <t>15.804802894592285</t>
  </si>
  <si>
    <t>2135.05615234375</t>
  </si>
  <si>
    <t>0.012932638832124255</t>
  </si>
  <si>
    <t>15.38247299194336</t>
  </si>
  <si>
    <t>2414.343994140625</t>
  </si>
  <si>
    <t>-0.03986370104247783</t>
  </si>
  <si>
    <t>31662</t>
  </si>
  <si>
    <t>15.588184356689453</t>
  </si>
  <si>
    <t>2465.135986328125</t>
  </si>
  <si>
    <t>0.029682617625384822</t>
  </si>
  <si>
    <t>15.583751678466797</t>
  </si>
  <si>
    <t>1777.5546875</t>
  </si>
  <si>
    <t>0.01373880648438508</t>
  </si>
  <si>
    <t>24734</t>
  </si>
  <si>
    <t>16.377506256103516</t>
  </si>
  <si>
    <t>2269.13330078125</t>
  </si>
  <si>
    <t>649.275634765625</t>
  </si>
  <si>
    <t>Kumamoto</t>
  </si>
  <si>
    <t>25355</t>
  </si>
  <si>
    <t>16.04200553894043</t>
  </si>
  <si>
    <t>2645.0341796875</t>
  </si>
  <si>
    <t>0.024797133927117798</t>
  </si>
  <si>
    <t>25682</t>
  </si>
  <si>
    <t>15.718171119689941</t>
  </si>
  <si>
    <t>1989.9322509765625</t>
  </si>
  <si>
    <t>0.012814408162100221</t>
  </si>
  <si>
    <t>25642</t>
  </si>
  <si>
    <t>15.190505027770996</t>
  </si>
  <si>
    <t>3281.3291015625</t>
  </si>
  <si>
    <t>-0.0015587252785742578</t>
  </si>
  <si>
    <t>16.37533950805664</t>
  </si>
  <si>
    <t>1341.1644287109375</t>
  </si>
  <si>
    <t>0.02678113115752012</t>
  </si>
  <si>
    <t>15.409839630126953</t>
  </si>
  <si>
    <t>1950.2208251953125</t>
  </si>
  <si>
    <t>0.01675459459922024</t>
  </si>
  <si>
    <t>15.458839416503906</t>
  </si>
  <si>
    <t>1767.826416015625</t>
  </si>
  <si>
    <t>0.04721899366250959</t>
  </si>
  <si>
    <t>16.0100040435791</t>
  </si>
  <si>
    <t>2755.372802734375</t>
  </si>
  <si>
    <t>0.007628072680098796</t>
  </si>
  <si>
    <t>17.10417366027832</t>
  </si>
  <si>
    <t>2301.812744140625</t>
  </si>
  <si>
    <t>-0.025523551864701233</t>
  </si>
  <si>
    <t>16.187339782714844</t>
  </si>
  <si>
    <t>2649.855712890625</t>
  </si>
  <si>
    <t>-0.006073518933412458</t>
  </si>
  <si>
    <t>15.902671813964844</t>
  </si>
  <si>
    <t>1830.6859130859375</t>
  </si>
  <si>
    <t>0.0367440891410844</t>
  </si>
  <si>
    <t>16.13484001159668</t>
  </si>
  <si>
    <t>2067.6025390625</t>
  </si>
  <si>
    <t>0.025893436082926158</t>
  </si>
  <si>
    <t>15.993171691894531</t>
  </si>
  <si>
    <t>1904.65673828125</t>
  </si>
  <si>
    <t>-0.02248843059916439</t>
  </si>
  <si>
    <t>29247</t>
  </si>
  <si>
    <t>16.077672958374023</t>
  </si>
  <si>
    <t>2458.220703125</t>
  </si>
  <si>
    <t>0.02461055625865427</t>
  </si>
  <si>
    <t>16.644338607788086</t>
  </si>
  <si>
    <t>2292.916259765625</t>
  </si>
  <si>
    <t>-0.023209799621156435</t>
  </si>
  <si>
    <t>29171</t>
  </si>
  <si>
    <t>15.781004905700684</t>
  </si>
  <si>
    <t>1768.8001708984375</t>
  </si>
  <si>
    <t>0.020607860394301625</t>
  </si>
  <si>
    <t>29259</t>
  </si>
  <si>
    <t>16.283838272094727</t>
  </si>
  <si>
    <t>2848.984619140625</t>
  </si>
  <si>
    <t>0.0030121535695979418</t>
  </si>
  <si>
    <t>16.558671951293945</t>
  </si>
  <si>
    <t>2080.663818359375</t>
  </si>
  <si>
    <t>0.026242736406713263</t>
  </si>
  <si>
    <t>15.955004692077637</t>
  </si>
  <si>
    <t>2002.1119384765625</t>
  </si>
  <si>
    <t>-0.0017326984442274096</t>
  </si>
  <si>
    <t>28392</t>
  </si>
  <si>
    <t>16.1610050201416</t>
  </si>
  <si>
    <t>2079.22314453125</t>
  </si>
  <si>
    <t>-0.054589841276277085</t>
  </si>
  <si>
    <t>27984</t>
  </si>
  <si>
    <t>15.988338470458984</t>
  </si>
  <si>
    <t>2369.468505859375</t>
  </si>
  <si>
    <t>-0.014474497067949343</t>
  </si>
  <si>
    <t>15.93233871459961</t>
  </si>
  <si>
    <t>2485.25390625</t>
  </si>
  <si>
    <t>0.013769825063594254</t>
  </si>
  <si>
    <t>28887</t>
  </si>
  <si>
    <t>15.64917278289795</t>
  </si>
  <si>
    <t>2667.2138671875</t>
  </si>
  <si>
    <t>0.01798892358641524</t>
  </si>
  <si>
    <t>16.336172103881836</t>
  </si>
  <si>
    <t>2085.355224609375</t>
  </si>
  <si>
    <t>0.011667057126205194</t>
  </si>
  <si>
    <t>15.808672904968262</t>
  </si>
  <si>
    <t>2448.887939453125</t>
  </si>
  <si>
    <t>0.0009575924124352042</t>
  </si>
  <si>
    <t>16.134672164916992</t>
  </si>
  <si>
    <t>2641.84326171875</t>
  </si>
  <si>
    <t>0.016073046166530602</t>
  </si>
  <si>
    <t>31314</t>
  </si>
  <si>
    <t>16.842004776000977</t>
  </si>
  <si>
    <t>2676.86376953125</t>
  </si>
  <si>
    <t>0.051975919257904124</t>
  </si>
  <si>
    <t>15.872838020324707</t>
  </si>
  <si>
    <t>1939.8861083984375</t>
  </si>
  <si>
    <t>0.03100194833927894</t>
  </si>
  <si>
    <t>32331</t>
  </si>
  <si>
    <t>16.518007278442383</t>
  </si>
  <si>
    <t>2562.396240234375</t>
  </si>
  <si>
    <t>0.0009592920541940941</t>
  </si>
  <si>
    <t>16.863506317138672</t>
  </si>
  <si>
    <t>2541.53369140625</t>
  </si>
  <si>
    <t>16.406171798706055</t>
  </si>
  <si>
    <t>3005.77685546875</t>
  </si>
  <si>
    <t>-0.03986807771122436</t>
  </si>
  <si>
    <t>16.689504623413086</t>
  </si>
  <si>
    <t>2365.555908203125</t>
  </si>
  <si>
    <t>0.029666548855894703</t>
  </si>
  <si>
    <t>33124</t>
  </si>
  <si>
    <t>16.658672332763672</t>
  </si>
  <si>
    <t>2037.0953369140625</t>
  </si>
  <si>
    <t>0.013770260905406673</t>
  </si>
  <si>
    <t>14.474173545837402</t>
  </si>
  <si>
    <t>1826.6868896484375</t>
  </si>
  <si>
    <t>1000.8544921875</t>
  </si>
  <si>
    <t>Kyoto</t>
  </si>
  <si>
    <t>13.920502662658691</t>
  </si>
  <si>
    <t>1975.103271484375</t>
  </si>
  <si>
    <t>0.05746271977119122</t>
  </si>
  <si>
    <t>13.657483100891113</t>
  </si>
  <si>
    <t>1598.712890625</t>
  </si>
  <si>
    <t>3.192797050033391e-05</t>
  </si>
  <si>
    <t>12.995675086975098</t>
  </si>
  <si>
    <t>1980.94482421875</t>
  </si>
  <si>
    <t>0.0030603485901963268</t>
  </si>
  <si>
    <t>14.382508277893066</t>
  </si>
  <si>
    <t>1270.2012939453125</t>
  </si>
  <si>
    <t>0.002320887429634766</t>
  </si>
  <si>
    <t>13.421690940856934</t>
  </si>
  <si>
    <t>1447.958984375</t>
  </si>
  <si>
    <t>0.00894683741670832</t>
  </si>
  <si>
    <t>32044</t>
  </si>
  <si>
    <t>13.218018531799316</t>
  </si>
  <si>
    <t>1436.44287109375</t>
  </si>
  <si>
    <t>0.008493085823227275</t>
  </si>
  <si>
    <t>13.834728240966797</t>
  </si>
  <si>
    <t>2029.8465576171875</t>
  </si>
  <si>
    <t>0.0015591384242981121</t>
  </si>
  <si>
    <t>14.770524024963379</t>
  </si>
  <si>
    <t>1744.2349853515625</t>
  </si>
  <si>
    <t>-0.010839365548537927</t>
  </si>
  <si>
    <t>31744</t>
  </si>
  <si>
    <t>14.252671241760254</t>
  </si>
  <si>
    <t>1776.8905029296875</t>
  </si>
  <si>
    <t>-0.00012600012616736933</t>
  </si>
  <si>
    <t>34046</t>
  </si>
  <si>
    <t>13.949302673339844</t>
  </si>
  <si>
    <t>1618.89892578125</t>
  </si>
  <si>
    <t>0.07000882028991562</t>
  </si>
  <si>
    <t>14.115970611572266</t>
  </si>
  <si>
    <t>1594.356689453125</t>
  </si>
  <si>
    <t>-0.02956996367374387</t>
  </si>
  <si>
    <t>14.001697540283203</t>
  </si>
  <si>
    <t>1570.0694580078125</t>
  </si>
  <si>
    <t>0.014864468995526181</t>
  </si>
  <si>
    <t>13.906706809997559</t>
  </si>
  <si>
    <t>1822.88623046875</t>
  </si>
  <si>
    <t>0.0219633550424998</t>
  </si>
  <si>
    <t>14.779354095458984</t>
  </si>
  <si>
    <t>1918.8284912109375</t>
  </si>
  <si>
    <t>0.022689261612406142</t>
  </si>
  <si>
    <t>35659</t>
  </si>
  <si>
    <t>13.780388832092285</t>
  </si>
  <si>
    <t>1305.753662109375</t>
  </si>
  <si>
    <t>0.0163418960479369</t>
  </si>
  <si>
    <t>14.163701057434082</t>
  </si>
  <si>
    <t>1930.91259765625</t>
  </si>
  <si>
    <t>0.0051467205437720764</t>
  </si>
  <si>
    <t>36599</t>
  </si>
  <si>
    <t>14.405216217041016</t>
  </si>
  <si>
    <t>1440.02099609375</t>
  </si>
  <si>
    <t>0.020872627668909516</t>
  </si>
  <si>
    <t>14.073047637939453</t>
  </si>
  <si>
    <t>1580.8958740234375</t>
  </si>
  <si>
    <t>0.0036001675323404925</t>
  </si>
  <si>
    <t>14.136198997497559</t>
  </si>
  <si>
    <t>1602.9149169921875</t>
  </si>
  <si>
    <t>-0.05073319025943768</t>
  </si>
  <si>
    <t>14.157700538635254</t>
  </si>
  <si>
    <t>1797.827880859375</t>
  </si>
  <si>
    <t>-0.009699173760818525</t>
  </si>
  <si>
    <t>34589</t>
  </si>
  <si>
    <t>13.979180335998535</t>
  </si>
  <si>
    <t>1928.7860107421875</t>
  </si>
  <si>
    <t>0.00034699129978221777</t>
  </si>
  <si>
    <t>34444</t>
  </si>
  <si>
    <t>13.714888572692871</t>
  </si>
  <si>
    <t>1731.0516357421875</t>
  </si>
  <si>
    <t>-0.004200895607631594</t>
  </si>
  <si>
    <t>34530</t>
  </si>
  <si>
    <t>14.238658905029297</t>
  </si>
  <si>
    <t>1947.37109375</t>
  </si>
  <si>
    <t>0.0024936945679812084</t>
  </si>
  <si>
    <t>35653</t>
  </si>
  <si>
    <t>13.813658714294434</t>
  </si>
  <si>
    <t>1827.178955078125</t>
  </si>
  <si>
    <t>0.032004783390519265</t>
  </si>
  <si>
    <t>36920</t>
  </si>
  <si>
    <t>14.33852767944336</t>
  </si>
  <si>
    <t>1806.7249755859375</t>
  </si>
  <si>
    <t>0.03492011484223134</t>
  </si>
  <si>
    <t>14.780345916748047</t>
  </si>
  <si>
    <t>1831.42041015625</t>
  </si>
  <si>
    <t>13.820868492126465</t>
  </si>
  <si>
    <t>1565.9337158203125</t>
  </si>
  <si>
    <t>-0.02278613528782536</t>
  </si>
  <si>
    <t>37178</t>
  </si>
  <si>
    <t>14.68518352508545</t>
  </si>
  <si>
    <t>1959.1693115234375</t>
  </si>
  <si>
    <t>0.008047789796558291</t>
  </si>
  <si>
    <t>14.935294151306152</t>
  </si>
  <si>
    <t>1583.929443359375</t>
  </si>
  <si>
    <t>0.013438800149181418</t>
  </si>
  <si>
    <t>14.57450008392334</t>
  </si>
  <si>
    <t>1825.895751953125</t>
  </si>
  <si>
    <t>-0.03987589974295247</t>
  </si>
  <si>
    <t>37299</t>
  </si>
  <si>
    <t>14.661347389221191</t>
  </si>
  <si>
    <t>1898.81005859375</t>
  </si>
  <si>
    <t>0.029686427747728672</t>
  </si>
  <si>
    <t>37815</t>
  </si>
  <si>
    <t>14.7101411819458</t>
  </si>
  <si>
    <t>1445.269775390625</t>
  </si>
  <si>
    <t>0.013739332669082671</t>
  </si>
  <si>
    <t>29157</t>
  </si>
  <si>
    <t>15.508261680603027</t>
  </si>
  <si>
    <t>2367.499755859375</t>
  </si>
  <si>
    <t>Mie</t>
  </si>
  <si>
    <t>14.99887466430664</t>
  </si>
  <si>
    <t>2409.49755859375</t>
  </si>
  <si>
    <t>0.0276353180333615</t>
  </si>
  <si>
    <t>14.698665618896484</t>
  </si>
  <si>
    <t>1987.1878662109375</t>
  </si>
  <si>
    <t>-0.005050431324686855</t>
  </si>
  <si>
    <t>14.007119178771973</t>
  </si>
  <si>
    <t>2554.43408203125</t>
  </si>
  <si>
    <t>-0.015476418923634938</t>
  </si>
  <si>
    <t>15.432121276855469</t>
  </si>
  <si>
    <t>1410.67626953125</t>
  </si>
  <si>
    <t>0.005941788128751568</t>
  </si>
  <si>
    <t>30010</t>
  </si>
  <si>
    <t>14.474806785583496</t>
  </si>
  <si>
    <t>1692.755859375</t>
  </si>
  <si>
    <t>0.01578538234904059</t>
  </si>
  <si>
    <t>14.273842811584473</t>
  </si>
  <si>
    <t>1625.888671875</t>
  </si>
  <si>
    <t>0.03923993732960618</t>
  </si>
  <si>
    <t>14.882298469543457</t>
  </si>
  <si>
    <t>1938.2833251953125</t>
  </si>
  <si>
    <t>-0.003948704146797155</t>
  </si>
  <si>
    <t>30471</t>
  </si>
  <si>
    <t>15.797699928283691</t>
  </si>
  <si>
    <t>2475.750732421875</t>
  </si>
  <si>
    <t>-0.020046481009609707</t>
  </si>
  <si>
    <t>30406</t>
  </si>
  <si>
    <t>15.293639183044434</t>
  </si>
  <si>
    <t>2234.764404296875</t>
  </si>
  <si>
    <t>-0.002135454266829484</t>
  </si>
  <si>
    <t>14.93313980102539</t>
  </si>
  <si>
    <t>1933.6563720703125</t>
  </si>
  <si>
    <t>0.14663337215014494</t>
  </si>
  <si>
    <t>34596</t>
  </si>
  <si>
    <t>15.097823143005371</t>
  </si>
  <si>
    <t>1878.87158203125</t>
  </si>
  <si>
    <t>-0.01753526106452341</t>
  </si>
  <si>
    <t>35058</t>
  </si>
  <si>
    <t>14.9863920211792</t>
  </si>
  <si>
    <t>1728.6956787109375</t>
  </si>
  <si>
    <t>0.013265764356088283</t>
  </si>
  <si>
    <t>35938</t>
  </si>
  <si>
    <t>14.83639144897461</t>
  </si>
  <si>
    <t>2330.251220703125</t>
  </si>
  <si>
    <t>0.024791398703907674</t>
  </si>
  <si>
    <t>37866</t>
  </si>
  <si>
    <t>15.736422538757324</t>
  </si>
  <si>
    <t>2285.923828125</t>
  </si>
  <si>
    <t>0.05225838032589536</t>
  </si>
  <si>
    <t>38823</t>
  </si>
  <si>
    <t>14.7216215133667</t>
  </si>
  <si>
    <t>1473.4971923828125</t>
  </si>
  <si>
    <t>0.024959242677484283</t>
  </si>
  <si>
    <t>40505</t>
  </si>
  <si>
    <t>15.134196281433105</t>
  </si>
  <si>
    <t>2265.262451171875</t>
  </si>
  <si>
    <t>0.0424125687748127</t>
  </si>
  <si>
    <t>15.40179443359375</t>
  </si>
  <si>
    <t>1670.7537841796875</t>
  </si>
  <si>
    <t>0.02366541279405432</t>
  </si>
  <si>
    <t>15.093280792236328</t>
  </si>
  <si>
    <t>2011.23046875</t>
  </si>
  <si>
    <t>-0.0741209550357933</t>
  </si>
  <si>
    <t>37149</t>
  </si>
  <si>
    <t>15.144603729248047</t>
  </si>
  <si>
    <t>2053.25439453125</t>
  </si>
  <si>
    <t>-0.03603302813964504</t>
  </si>
  <si>
    <t>38837</t>
  </si>
  <si>
    <t>15.16443157196045</t>
  </si>
  <si>
    <t>2252.134521484375</t>
  </si>
  <si>
    <t>0.04443654758008897</t>
  </si>
  <si>
    <t>14.976104736328125</t>
  </si>
  <si>
    <t>2377.6123046875</t>
  </si>
  <si>
    <t>-0.03912081341340112</t>
  </si>
  <si>
    <t>14.688377380371094</t>
  </si>
  <si>
    <t>2180.702392578125</t>
  </si>
  <si>
    <t>0.04834762618779642</t>
  </si>
  <si>
    <t>41333</t>
  </si>
  <si>
    <t>15.222942352294922</t>
  </si>
  <si>
    <t>2004.872314453125</t>
  </si>
  <si>
    <t>0.05306099913272533</t>
  </si>
  <si>
    <t>40976</t>
  </si>
  <si>
    <t>14.812324523925781</t>
  </si>
  <si>
    <t>2079.072021484375</t>
  </si>
  <si>
    <t>-0.008674682931109956</t>
  </si>
  <si>
    <t>15.3571195602417</t>
  </si>
  <si>
    <t>2450.00341796875</t>
  </si>
  <si>
    <t>0.0013900915552849114</t>
  </si>
  <si>
    <t>42613</t>
  </si>
  <si>
    <t>15.75534439086914</t>
  </si>
  <si>
    <t>2171.89111328125</t>
  </si>
  <si>
    <t>0.037782750028958034</t>
  </si>
  <si>
    <t>14.804110527038574</t>
  </si>
  <si>
    <t>1788.1849365234375</t>
  </si>
  <si>
    <t>0.004542269575134483</t>
  </si>
  <si>
    <t>15.683207511901855</t>
  </si>
  <si>
    <t>2301.956787109375</t>
  </si>
  <si>
    <t>0.011012099015196952</t>
  </si>
  <si>
    <t>41144</t>
  </si>
  <si>
    <t>15.907151222229004</t>
  </si>
  <si>
    <t>2247.375</t>
  </si>
  <si>
    <t>-0.05063563115913006</t>
  </si>
  <si>
    <t>39535</t>
  </si>
  <si>
    <t>15.54581069946289</t>
  </si>
  <si>
    <t>2201.989013671875</t>
  </si>
  <si>
    <t>-0.03989175294972469</t>
  </si>
  <si>
    <t>40726</t>
  </si>
  <si>
    <t>15.634315490722656</t>
  </si>
  <si>
    <t>2291.634765625</t>
  </si>
  <si>
    <t>0.02968035360543375</t>
  </si>
  <si>
    <t>41290</t>
  </si>
  <si>
    <t>15.707242012023926</t>
  </si>
  <si>
    <t>2013.20458984375</t>
  </si>
  <si>
    <t>0.01375363076967595</t>
  </si>
  <si>
    <t>1691</t>
  </si>
  <si>
    <t>12.349910736083984</t>
  </si>
  <si>
    <t>1326.2994384765625</t>
  </si>
  <si>
    <t>746.7696533203125</t>
  </si>
  <si>
    <t>Miyagi</t>
  </si>
  <si>
    <t>11.555659294128418</t>
  </si>
  <si>
    <t>1510.8563232421875</t>
  </si>
  <si>
    <t>0.04956924221089487</t>
  </si>
  <si>
    <t>11.228074073791504</t>
  </si>
  <si>
    <t>1038.102294921875</t>
  </si>
  <si>
    <t>0.017653351006401863</t>
  </si>
  <si>
    <t>30435</t>
  </si>
  <si>
    <t>10.623416900634766</t>
  </si>
  <si>
    <t>1344.6932373046875</t>
  </si>
  <si>
    <t>-0.00269064343976666</t>
  </si>
  <si>
    <t>11.97629165649414</t>
  </si>
  <si>
    <t>917.1220703125</t>
  </si>
  <si>
    <t>0.026905999073372655</t>
  </si>
  <si>
    <t>31613</t>
  </si>
  <si>
    <t>11.33174991607666</t>
  </si>
  <si>
    <t>1116.5584716796875</t>
  </si>
  <si>
    <t>0.011069167380014733</t>
  </si>
  <si>
    <t>10.907441139221191</t>
  </si>
  <si>
    <t>1028.625244140625</t>
  </si>
  <si>
    <t>0.04236320967940621</t>
  </si>
  <si>
    <t>11.465373039245605</t>
  </si>
  <si>
    <t>1192.0579833984375</t>
  </si>
  <si>
    <t>0.014747754200470808</t>
  </si>
  <si>
    <t>12.102962493896484</t>
  </si>
  <si>
    <t>1541.4720458984375</t>
  </si>
  <si>
    <t>-0.015172331146255047</t>
  </si>
  <si>
    <t>12.094740867614746</t>
  </si>
  <si>
    <t>1498.6737060546875</t>
  </si>
  <si>
    <t>-0.0015481993894308488</t>
  </si>
  <si>
    <t>11.605948448181152</t>
  </si>
  <si>
    <t>1191.860107421875</t>
  </si>
  <si>
    <t>0.015225583178395397</t>
  </si>
  <si>
    <t>33617</t>
  </si>
  <si>
    <t>11.597904205322266</t>
  </si>
  <si>
    <t>1148.748046875</t>
  </si>
  <si>
    <t>0.005847446477499574</t>
  </si>
  <si>
    <t>11.573707580566406</t>
  </si>
  <si>
    <t>1379.435546875</t>
  </si>
  <si>
    <t>-0.009384408380741505</t>
  </si>
  <si>
    <t>11.34146499633789</t>
  </si>
  <si>
    <t>1191.126953125</t>
  </si>
  <si>
    <t>0.007001823937677898</t>
  </si>
  <si>
    <t>12.28313159942627</t>
  </si>
  <si>
    <t>1322.5137939453125</t>
  </si>
  <si>
    <t>-0.0028666148807019454</t>
  </si>
  <si>
    <t>34004</t>
  </si>
  <si>
    <t>11.244739532470703</t>
  </si>
  <si>
    <t>1079.4910888671875</t>
  </si>
  <si>
    <t>0.016695472679515433</t>
  </si>
  <si>
    <t>34229</t>
  </si>
  <si>
    <t>11.672325134277344</t>
  </si>
  <si>
    <t>1387.7330322265625</t>
  </si>
  <si>
    <t>0.00659507322059838</t>
  </si>
  <si>
    <t>11.855256080627441</t>
  </si>
  <si>
    <t>1147.0389404296875</t>
  </si>
  <si>
    <t>-0.0012862866099521142</t>
  </si>
  <si>
    <t>11.853877067565918</t>
  </si>
  <si>
    <t>1163.22705078125</t>
  </si>
  <si>
    <t>-0.004280025295393841</t>
  </si>
  <si>
    <t>11.810717582702637</t>
  </si>
  <si>
    <t>1278.8470458984375</t>
  </si>
  <si>
    <t>-0.03576829364873291</t>
  </si>
  <si>
    <t>31777</t>
  </si>
  <si>
    <t>11.953875541687012</t>
  </si>
  <si>
    <t>1313.5660400390625</t>
  </si>
  <si>
    <t>-0.03299587476200472</t>
  </si>
  <si>
    <t>31338</t>
  </si>
  <si>
    <t>11.719050407409668</t>
  </si>
  <si>
    <t>1283.7696533203125</t>
  </si>
  <si>
    <t>-0.013911338977409926</t>
  </si>
  <si>
    <t>11.534623146057129</t>
  </si>
  <si>
    <t>1184.7552490234375</t>
  </si>
  <si>
    <t>0.10751213378689783</t>
  </si>
  <si>
    <t>36140</t>
  </si>
  <si>
    <t>11.89474105834961</t>
  </si>
  <si>
    <t>1425.330078125</t>
  </si>
  <si>
    <t>0.03505673269496867</t>
  </si>
  <si>
    <t>11.704566955566406</t>
  </si>
  <si>
    <t>1313.283935546875</t>
  </si>
  <si>
    <t>0.03651389009749373</t>
  </si>
  <si>
    <t>38091</t>
  </si>
  <si>
    <t>12.248016357421875</t>
  </si>
  <si>
    <t>1200.2803955078125</t>
  </si>
  <si>
    <t>0.01606385849418679</t>
  </si>
  <si>
    <t>12.290663719177246</t>
  </si>
  <si>
    <t>1260.3184814453125</t>
  </si>
  <si>
    <t>0.0005511594171263567</t>
  </si>
  <si>
    <t>38741</t>
  </si>
  <si>
    <t>11.530258178710938</t>
  </si>
  <si>
    <t>1308.3695068359375</t>
  </si>
  <si>
    <t>0.016369277585868147</t>
  </si>
  <si>
    <t>39060</t>
  </si>
  <si>
    <t>12.403363227844238</t>
  </si>
  <si>
    <t>1353.954345703125</t>
  </si>
  <si>
    <t>0.008200454689774261</t>
  </si>
  <si>
    <t>12.53887939453125</t>
  </si>
  <si>
    <t>1183.7042236328125</t>
  </si>
  <si>
    <t>-0.012650080450685053</t>
  </si>
  <si>
    <t>12.288590431213379</t>
  </si>
  <si>
    <t>1350.016845703125</t>
  </si>
  <si>
    <t>-0.03988364123430266</t>
  </si>
  <si>
    <t>12.385716438293457</t>
  </si>
  <si>
    <t>1343.3399658203125</t>
  </si>
  <si>
    <t>0.02969422971516522</t>
  </si>
  <si>
    <t>12.373016357421875</t>
  </si>
  <si>
    <t>1241.2769775390625</t>
  </si>
  <si>
    <t>0.013761028753444648</t>
  </si>
  <si>
    <t>16.624895095825195</t>
  </si>
  <si>
    <t>2485.223876953125</t>
  </si>
  <si>
    <t>522.700927734375</t>
  </si>
  <si>
    <t>Miyazaki</t>
  </si>
  <si>
    <t>16.14626121520996</t>
  </si>
  <si>
    <t>2946.347412109375</t>
  </si>
  <si>
    <t>0.022539561986546275</t>
  </si>
  <si>
    <t>22772</t>
  </si>
  <si>
    <t>15.955304145812988</t>
  </si>
  <si>
    <t>2405.49365234375</t>
  </si>
  <si>
    <t>0.04334654980464592</t>
  </si>
  <si>
    <t>23073</t>
  </si>
  <si>
    <t>15.302569389343262</t>
  </si>
  <si>
    <t>3619.735595703125</t>
  </si>
  <si>
    <t>0.013131391654189528</t>
  </si>
  <si>
    <t>23930</t>
  </si>
  <si>
    <t>16.60445213317871</t>
  </si>
  <si>
    <t>1664.5572509765625</t>
  </si>
  <si>
    <t>0.036469799177256235</t>
  </si>
  <si>
    <t>24217</t>
  </si>
  <si>
    <t>15.605114936828613</t>
  </si>
  <si>
    <t>2189.453369140625</t>
  </si>
  <si>
    <t>0.011921963958082316</t>
  </si>
  <si>
    <t>15.562389373779297</t>
  </si>
  <si>
    <t>2056.11767578125</t>
  </si>
  <si>
    <t>0.032820459322920215</t>
  </si>
  <si>
    <t>25504</t>
  </si>
  <si>
    <t>16.146800994873047</t>
  </si>
  <si>
    <t>2775.8466796875</t>
  </si>
  <si>
    <t>0.018959977406520778</t>
  </si>
  <si>
    <t>25795</t>
  </si>
  <si>
    <t>17.193422317504883</t>
  </si>
  <si>
    <t>2702.586181640625</t>
  </si>
  <si>
    <t>0.011345372088808148</t>
  </si>
  <si>
    <t>25829</t>
  </si>
  <si>
    <t>16.347707748413086</t>
  </si>
  <si>
    <t>2984.47900390625</t>
  </si>
  <si>
    <t>0.0013172169888431284</t>
  </si>
  <si>
    <t>27810</t>
  </si>
  <si>
    <t>16.1191463470459</t>
  </si>
  <si>
    <t>2338.450439453125</t>
  </si>
  <si>
    <t>0.07389777656041652</t>
  </si>
  <si>
    <t>16.33618927001953</t>
  </si>
  <si>
    <t>2601.865234375</t>
  </si>
  <si>
    <t>0.002334561534409474</t>
  </si>
  <si>
    <t>28164</t>
  </si>
  <si>
    <t>16.155908584594727</t>
  </si>
  <si>
    <t>2086.12451171875</t>
  </si>
  <si>
    <t>0.010314336876604102</t>
  </si>
  <si>
    <t>16.158668518066406</t>
  </si>
  <si>
    <t>2807.662841796875</t>
  </si>
  <si>
    <t>0.020210518677439282</t>
  </si>
  <si>
    <t>29048</t>
  </si>
  <si>
    <t>16.848968505859375</t>
  </si>
  <si>
    <t>2926.275146484375</t>
  </si>
  <si>
    <t>0.01069454877770859</t>
  </si>
  <si>
    <t>29071</t>
  </si>
  <si>
    <t>15.984087944030762</t>
  </si>
  <si>
    <t>1980.5101318359375</t>
  </si>
  <si>
    <t>0.0007914795918946282</t>
  </si>
  <si>
    <t>29603</t>
  </si>
  <si>
    <t>16.342336654663086</t>
  </si>
  <si>
    <t>2912.94873046875</t>
  </si>
  <si>
    <t>0.018134593841736546</t>
  </si>
  <si>
    <t>16.701452255249023</t>
  </si>
  <si>
    <t>2277.39306640625</t>
  </si>
  <si>
    <t>0.02009865839551317</t>
  </si>
  <si>
    <t>30388</t>
  </si>
  <si>
    <t>16.11552619934082</t>
  </si>
  <si>
    <t>2595.74267578125</t>
  </si>
  <si>
    <t>0.006073427699796241</t>
  </si>
  <si>
    <t>16.285173416137695</t>
  </si>
  <si>
    <t>2093.196044921875</t>
  </si>
  <si>
    <t>-0.03373362289524451</t>
  </si>
  <si>
    <t>27978</t>
  </si>
  <si>
    <t>16.158445358276367</t>
  </si>
  <si>
    <t>2742.261962890625</t>
  </si>
  <si>
    <t>-0.04889568369149089</t>
  </si>
  <si>
    <t>16.092510223388672</t>
  </si>
  <si>
    <t>2752.48779296875</t>
  </si>
  <si>
    <t>0.011195937175617843</t>
  </si>
  <si>
    <t>28940</t>
  </si>
  <si>
    <t>15.770641326904297</t>
  </si>
  <si>
    <t>3018.89697265625</t>
  </si>
  <si>
    <t>0.022610296973480715</t>
  </si>
  <si>
    <t>29861</t>
  </si>
  <si>
    <t>16.448755264282227</t>
  </si>
  <si>
    <t>2246.523681640625</t>
  </si>
  <si>
    <t>0.03132855996515893</t>
  </si>
  <si>
    <t>15.961769104003906</t>
  </si>
  <si>
    <t>2962.434814453125</t>
  </si>
  <si>
    <t>0.0039104981399074035</t>
  </si>
  <si>
    <t>30721</t>
  </si>
  <si>
    <t>16.32232093811035</t>
  </si>
  <si>
    <t>3029.31640625</t>
  </si>
  <si>
    <t>0.024482680524592126</t>
  </si>
  <si>
    <t>16.963605880737305</t>
  </si>
  <si>
    <t>3245.837890625</t>
  </si>
  <si>
    <t>0.02507283152644213</t>
  </si>
  <si>
    <t>16.00887107849121</t>
  </si>
  <si>
    <t>2471.49267578125</t>
  </si>
  <si>
    <t>-0.004039766925389543</t>
  </si>
  <si>
    <t>16.677824020385742</t>
  </si>
  <si>
    <t>2776.177734375</t>
  </si>
  <si>
    <t>0.00426195740702795</t>
  </si>
  <si>
    <t>16.978008270263672</t>
  </si>
  <si>
    <t>2627.920166015625</t>
  </si>
  <si>
    <t>-0.00985543882134543</t>
  </si>
  <si>
    <t>16.55718231201172</t>
  </si>
  <si>
    <t>3008.211669921875</t>
  </si>
  <si>
    <t>-0.03985555034527977</t>
  </si>
  <si>
    <t>16.803680419921875</t>
  </si>
  <si>
    <t>2812.870361328125</t>
  </si>
  <si>
    <t>0.029675378022410825</t>
  </si>
  <si>
    <t>31311</t>
  </si>
  <si>
    <t>16.7894344329834</t>
  </si>
  <si>
    <t>2469.48046875</t>
  </si>
  <si>
    <t>0.013763602809161668</t>
  </si>
  <si>
    <t>1693</t>
  </si>
  <si>
    <t>9.364996910095215</t>
  </si>
  <si>
    <t>1553.9444580078125</t>
  </si>
  <si>
    <t>1039.01806640625</t>
  </si>
  <si>
    <t>Nagano</t>
  </si>
  <si>
    <t>8.745296478271484</t>
  </si>
  <si>
    <t>1781.273193359375</t>
  </si>
  <si>
    <t>0.025786755749253487</t>
  </si>
  <si>
    <t>8.410090446472168</t>
  </si>
  <si>
    <t>1450.0618896484375</t>
  </si>
  <si>
    <t>0.007347423723640389</t>
  </si>
  <si>
    <t>7.7546515464782715</t>
  </si>
  <si>
    <t>1815.32861328125</t>
  </si>
  <si>
    <t>-0.009302392662313252</t>
  </si>
  <si>
    <t>30404</t>
  </si>
  <si>
    <t>9.155679702758789</t>
  </si>
  <si>
    <t>1062.5755615234375</t>
  </si>
  <si>
    <t>0.025483117036687375</t>
  </si>
  <si>
    <t>8.28087043762207</t>
  </si>
  <si>
    <t>1334.560302734375</t>
  </si>
  <si>
    <t>0.054344154787230536</t>
  </si>
  <si>
    <t>7.975392818450928</t>
  </si>
  <si>
    <t>1317.7275390625</t>
  </si>
  <si>
    <t>0.03570769897913095</t>
  </si>
  <si>
    <t>33633</t>
  </si>
  <si>
    <t>8.633827209472656</t>
  </si>
  <si>
    <t>1502.7933349609375</t>
  </si>
  <si>
    <t>0.010881695369409528</t>
  </si>
  <si>
    <t>9.370246887207031</t>
  </si>
  <si>
    <t>1698.5440673828125</t>
  </si>
  <si>
    <t>-0.03636213812992217</t>
  </si>
  <si>
    <t>9.16175651550293</t>
  </si>
  <si>
    <t>1621.874755859375</t>
  </si>
  <si>
    <t>0.024909177392219206</t>
  </si>
  <si>
    <t>35040</t>
  </si>
  <si>
    <t>8.685446739196777</t>
  </si>
  <si>
    <t>1496.8887939453125</t>
  </si>
  <si>
    <t>0.05243549896632871</t>
  </si>
  <si>
    <t>34190</t>
  </si>
  <si>
    <t>8.802901268005371</t>
  </si>
  <si>
    <t>1365.6175537109375</t>
  </si>
  <si>
    <t>-0.024557062416981523</t>
  </si>
  <si>
    <t>8.713343620300293</t>
  </si>
  <si>
    <t>1459.2000732421875</t>
  </si>
  <si>
    <t>-0.025385306381227934</t>
  </si>
  <si>
    <t>8.483230590820312</t>
  </si>
  <si>
    <t>1624.158447265625</t>
  </si>
  <si>
    <t>0.01592271851004945</t>
  </si>
  <si>
    <t>9.463663101196289</t>
  </si>
  <si>
    <t>1543.554443359375</t>
  </si>
  <si>
    <t>0.007002706110691648</t>
  </si>
  <si>
    <t>8.408621788024902</t>
  </si>
  <si>
    <t>1263.376953125</t>
  </si>
  <si>
    <t>0.029952130018713774</t>
  </si>
  <si>
    <t>35513</t>
  </si>
  <si>
    <t>8.834850311279297</t>
  </si>
  <si>
    <t>1728.309814453125</t>
  </si>
  <si>
    <t>0.010473374721208017</t>
  </si>
  <si>
    <t>36378</t>
  </si>
  <si>
    <t>9.037476539611816</t>
  </si>
  <si>
    <t>1392.027099609375</t>
  </si>
  <si>
    <t>0.024065369687003013</t>
  </si>
  <si>
    <t>8.929553031921387</t>
  </si>
  <si>
    <t>1569.775634765625</t>
  </si>
  <si>
    <t>-0.004932702176873249</t>
  </si>
  <si>
    <t>8.868990898132324</t>
  </si>
  <si>
    <t>1460.095703125</t>
  </si>
  <si>
    <t>-0.024355643486144274</t>
  </si>
  <si>
    <t>9.013947486877441</t>
  </si>
  <si>
    <t>1651.8006591796875</t>
  </si>
  <si>
    <t>-0.024093409222846418</t>
  </si>
  <si>
    <t>34509</t>
  </si>
  <si>
    <t>8.775842666625977</t>
  </si>
  <si>
    <t>1646.7757568359375</t>
  </si>
  <si>
    <t>0.0006377181501981966</t>
  </si>
  <si>
    <t>8.560332298278809</t>
  </si>
  <si>
    <t>1537.147705078125</t>
  </si>
  <si>
    <t>-0.004414377104282607</t>
  </si>
  <si>
    <t>8.963908195495605</t>
  </si>
  <si>
    <t>1549.815185546875</t>
  </si>
  <si>
    <t>0.017827738073846078</t>
  </si>
  <si>
    <t>8.70043659210205</t>
  </si>
  <si>
    <t>1624.9005126953125</t>
  </si>
  <si>
    <t>0.01720637146103776</t>
  </si>
  <si>
    <t>36809</t>
  </si>
  <si>
    <t>9.259078979492188</t>
  </si>
  <si>
    <t>1702.5916748046875</t>
  </si>
  <si>
    <t>0.033902488478496196</t>
  </si>
  <si>
    <t>37129</t>
  </si>
  <si>
    <t>9.454742431640625</t>
  </si>
  <si>
    <t>1563.1785888671875</t>
  </si>
  <si>
    <t>0.008655954935548493</t>
  </si>
  <si>
    <t>8.615771293640137</t>
  </si>
  <si>
    <t>1360.2939453125</t>
  </si>
  <si>
    <t>-0.0016172946192138937</t>
  </si>
  <si>
    <t>37550</t>
  </si>
  <si>
    <t>9.522098541259766</t>
  </si>
  <si>
    <t>1568.7535400390625</t>
  </si>
  <si>
    <t>0.01289233740272877</t>
  </si>
  <si>
    <t>37214</t>
  </si>
  <si>
    <t>9.70598316192627</t>
  </si>
  <si>
    <t>1592.8746337890625</t>
  </si>
  <si>
    <t>-0.008988343644693586</t>
  </si>
  <si>
    <t>35759</t>
  </si>
  <si>
    <t>9.405214309692383</t>
  </si>
  <si>
    <t>1640.891845703125</t>
  </si>
  <si>
    <t>-0.039883048856959036</t>
  </si>
  <si>
    <t>36836</t>
  </si>
  <si>
    <t>9.484310150146484</t>
  </si>
  <si>
    <t>1793.90234375</t>
  </si>
  <si>
    <t>0.029673642150630286</t>
  </si>
  <si>
    <t>9.503907203674316</t>
  </si>
  <si>
    <t>1561.2445068359375</t>
  </si>
  <si>
    <t>0.013750182937767974</t>
  </si>
  <si>
    <t>1694</t>
  </si>
  <si>
    <t>22266</t>
  </si>
  <si>
    <t>17.3437442779541</t>
  </si>
  <si>
    <t>2080.10986328125</t>
  </si>
  <si>
    <t>2011.015869140625</t>
  </si>
  <si>
    <t>Nagasaki</t>
  </si>
  <si>
    <t>22580</t>
  </si>
  <si>
    <t>16.805612564086914</t>
  </si>
  <si>
    <t>2429.20458984375</t>
  </si>
  <si>
    <t>0.014003707415000122</t>
  </si>
  <si>
    <t>16.614219665527344</t>
  </si>
  <si>
    <t>1858.4766845703125</t>
  </si>
  <si>
    <t>0.06373549729445571</t>
  </si>
  <si>
    <t>24298</t>
  </si>
  <si>
    <t>16.081764221191406</t>
  </si>
  <si>
    <t>2608.1630859375</t>
  </si>
  <si>
    <t>0.00959398641657927</t>
  </si>
  <si>
    <t>24750</t>
  </si>
  <si>
    <t>17.314163208007812</t>
  </si>
  <si>
    <t>1312.41162109375</t>
  </si>
  <si>
    <t>0.01843144658214868</t>
  </si>
  <si>
    <t>16.324831008911133</t>
  </si>
  <si>
    <t>1661.24365234375</t>
  </si>
  <si>
    <t>0.03012743528267947</t>
  </si>
  <si>
    <t>16.32490348815918</t>
  </si>
  <si>
    <t>1637.259033203125</t>
  </si>
  <si>
    <t>0.036983531852433416</t>
  </si>
  <si>
    <t>16.89809799194336</t>
  </si>
  <si>
    <t>2490.887939453125</t>
  </si>
  <si>
    <t>-0.00041568257565849365</t>
  </si>
  <si>
    <t>26344</t>
  </si>
  <si>
    <t>17.912717819213867</t>
  </si>
  <si>
    <t>2293.809814453125</t>
  </si>
  <si>
    <t>-0.004280228500091354</t>
  </si>
  <si>
    <t>26179</t>
  </si>
  <si>
    <t>17.040464401245117</t>
  </si>
  <si>
    <t>2574.280517578125</t>
  </si>
  <si>
    <t>-0.006282982418857941</t>
  </si>
  <si>
    <t>25789</t>
  </si>
  <si>
    <t>16.84263801574707</t>
  </si>
  <si>
    <t>1734.087158203125</t>
  </si>
  <si>
    <t>-0.015009518232593777</t>
  </si>
  <si>
    <t>17.162466049194336</t>
  </si>
  <si>
    <t>1902.7496337890625</t>
  </si>
  <si>
    <t>0.021216579154243576</t>
  </si>
  <si>
    <t>26478</t>
  </si>
  <si>
    <t>16.959217071533203</t>
  </si>
  <si>
    <t>1961.851806640625</t>
  </si>
  <si>
    <t>0.005149575938609985</t>
  </si>
  <si>
    <t>26738</t>
  </si>
  <si>
    <t>16.975088119506836</t>
  </si>
  <si>
    <t>2414.99951171875</t>
  </si>
  <si>
    <t>0.009771575045466108</t>
  </si>
  <si>
    <t>17.579429626464844</t>
  </si>
  <si>
    <t>2067.265625</t>
  </si>
  <si>
    <t>0.02164306377626879</t>
  </si>
  <si>
    <t>16.803787231445312</t>
  </si>
  <si>
    <t>1641.948974609375</t>
  </si>
  <si>
    <t>0.020324209286952666</t>
  </si>
  <si>
    <t>17.178050994873047</t>
  </si>
  <si>
    <t>2472.9248046875</t>
  </si>
  <si>
    <t>0.008854670821619948</t>
  </si>
  <si>
    <t>28561</t>
  </si>
  <si>
    <t>17.482906341552734</t>
  </si>
  <si>
    <t>1888.525390625</t>
  </si>
  <si>
    <t>0.015134432418237864</t>
  </si>
  <si>
    <t>16.88814353942871</t>
  </si>
  <si>
    <t>1875.890869140625</t>
  </si>
  <si>
    <t>0.019177007278459612</t>
  </si>
  <si>
    <t>17.102088928222656</t>
  </si>
  <si>
    <t>1930.908203125</t>
  </si>
  <si>
    <t>-0.004475204549693856</t>
  </si>
  <si>
    <t>28678</t>
  </si>
  <si>
    <t>16.906816482543945</t>
  </si>
  <si>
    <t>2157.9990234375</t>
  </si>
  <si>
    <t>-0.01061367529992907</t>
  </si>
  <si>
    <t>16.909151077270508</t>
  </si>
  <si>
    <t>2239.270263671875</t>
  </si>
  <si>
    <t>-0.005314326191616203</t>
  </si>
  <si>
    <t>16.543275833129883</t>
  </si>
  <si>
    <t>2507.8369140625</t>
  </si>
  <si>
    <t>0.006220533775154635</t>
  </si>
  <si>
    <t>28982</t>
  </si>
  <si>
    <t>17.25003433227539</t>
  </si>
  <si>
    <t>1791.01220703125</t>
  </si>
  <si>
    <t>0.009638461747346838</t>
  </si>
  <si>
    <t>16.79886245727539</t>
  </si>
  <si>
    <t>2330.802001953125</t>
  </si>
  <si>
    <t>-0.01803481670025242</t>
  </si>
  <si>
    <t>30344</t>
  </si>
  <si>
    <t>17.121431350708008</t>
  </si>
  <si>
    <t>2374.09326171875</t>
  </si>
  <si>
    <t>0.06395867346311768</t>
  </si>
  <si>
    <t>31304</t>
  </si>
  <si>
    <t>17.782716751098633</t>
  </si>
  <si>
    <t>2517.964599609375</t>
  </si>
  <si>
    <t>0.031147080521513715</t>
  </si>
  <si>
    <t>16.87466049194336</t>
  </si>
  <si>
    <t>1724.646728515625</t>
  </si>
  <si>
    <t>0.012349951401482429</t>
  </si>
  <si>
    <t>17.488134384155273</t>
  </si>
  <si>
    <t>2235.2080078125</t>
  </si>
  <si>
    <t>0.023542971659125556</t>
  </si>
  <si>
    <t>32744</t>
  </si>
  <si>
    <t>17.805559158325195</t>
  </si>
  <si>
    <t>2245.049560546875</t>
  </si>
  <si>
    <t>0.009080931221383537</t>
  </si>
  <si>
    <t>17.325294494628906</t>
  </si>
  <si>
    <t>2636.517333984375</t>
  </si>
  <si>
    <t>-0.039875704060593264</t>
  </si>
  <si>
    <t>17.67008399963379</t>
  </si>
  <si>
    <t>2029.7197265625</t>
  </si>
  <si>
    <t>0.029684689468970404</t>
  </si>
  <si>
    <t>17.565631866455078</t>
  </si>
  <si>
    <t>1800.5682373046875</t>
  </si>
  <si>
    <t>0.01375781968392964</t>
  </si>
  <si>
    <t>1695</t>
  </si>
  <si>
    <t>16.015544891357422</t>
  </si>
  <si>
    <t>1782.6400146484375</t>
  </si>
  <si>
    <t>3269.013671875</t>
  </si>
  <si>
    <t>Nara</t>
  </si>
  <si>
    <t>21171</t>
  </si>
  <si>
    <t>15.47153091430664</t>
  </si>
  <si>
    <t>1812.39990234375</t>
  </si>
  <si>
    <t>0.001796520906786725</t>
  </si>
  <si>
    <t>15.215545654296875</t>
  </si>
  <si>
    <t>1519.331787109375</t>
  </si>
  <si>
    <t>-0.008109882963379889</t>
  </si>
  <si>
    <t>21151</t>
  </si>
  <si>
    <t>14.547382354736328</t>
  </si>
  <si>
    <t>1965.072265625</t>
  </si>
  <si>
    <t>0.0071647479750147625</t>
  </si>
  <si>
    <t>21805</t>
  </si>
  <si>
    <t>1093.2557373046875</t>
  </si>
  <si>
    <t>0.030452115596292018</t>
  </si>
  <si>
    <t>22074</t>
  </si>
  <si>
    <t>14.976122856140137</t>
  </si>
  <si>
    <t>1325.9068603515625</t>
  </si>
  <si>
    <t>0.012261144055962347</t>
  </si>
  <si>
    <t>22978</t>
  </si>
  <si>
    <t>14.773024559020996</t>
  </si>
  <si>
    <t>1252.8731689453125</t>
  </si>
  <si>
    <t>0.040136791080481515</t>
  </si>
  <si>
    <t>23279</t>
  </si>
  <si>
    <t>15.379862785339355</t>
  </si>
  <si>
    <t>1528.510986328125</t>
  </si>
  <si>
    <t>0.013014430182996861</t>
  </si>
  <si>
    <t>22901</t>
  </si>
  <si>
    <t>16.297277450561523</t>
  </si>
  <si>
    <t>1849.005126953125</t>
  </si>
  <si>
    <t>-0.016371088885129836</t>
  </si>
  <si>
    <t>15.779862403869629</t>
  </si>
  <si>
    <t>1695.69482421875</t>
  </si>
  <si>
    <t>0.009949898514307165</t>
  </si>
  <si>
    <t>15.474628448486328</t>
  </si>
  <si>
    <t>1460.1781005859375</t>
  </si>
  <si>
    <t>0.03621476978468152</t>
  </si>
  <si>
    <t>15.672383308410645</t>
  </si>
  <si>
    <t>1428.6446533203125</t>
  </si>
  <si>
    <t>0.008139241810445341</t>
  </si>
  <si>
    <t>15.537552833557129</t>
  </si>
  <si>
    <t>1322.6138916015625</t>
  </si>
  <si>
    <t>0.014208517612953386</t>
  </si>
  <si>
    <t>24489</t>
  </si>
  <si>
    <t>15.425479888916016</t>
  </si>
  <si>
    <t>1734.615234375</t>
  </si>
  <si>
    <t>-0.0014689683140982623</t>
  </si>
  <si>
    <t>16.3300724029541</t>
  </si>
  <si>
    <t>1728.4610595703125</t>
  </si>
  <si>
    <t>0.01431173198467306</t>
  </si>
  <si>
    <t>15.307316780090332</t>
  </si>
  <si>
    <t>1160.1993408203125</t>
  </si>
  <si>
    <t>0.0053395554126147715</t>
  </si>
  <si>
    <t>25122</t>
  </si>
  <si>
    <t>15.657958984375</t>
  </si>
  <si>
    <t>1736.690185546875</t>
  </si>
  <si>
    <t>0.0058686317304434965</t>
  </si>
  <si>
    <t>25369</t>
  </si>
  <si>
    <t>15.939048767089844</t>
  </si>
  <si>
    <t>1315.5267333984375</t>
  </si>
  <si>
    <t>0.00978399993545409</t>
  </si>
  <si>
    <t>25082</t>
  </si>
  <si>
    <t>15.604968070983887</t>
  </si>
  <si>
    <t>1484.9678955078125</t>
  </si>
  <si>
    <t>-0.011377498798657015</t>
  </si>
  <si>
    <t>15.644286155700684</t>
  </si>
  <si>
    <t>1512.3480224609375</t>
  </si>
  <si>
    <t>-0.06098849472413015</t>
  </si>
  <si>
    <t>24137</t>
  </si>
  <si>
    <t>15.67313003540039</t>
  </si>
  <si>
    <t>1709.687744140625</t>
  </si>
  <si>
    <t>0.022583970206735415</t>
  </si>
  <si>
    <t>15.534560203552246</t>
  </si>
  <si>
    <t>1775.0430908203125</t>
  </si>
  <si>
    <t>-0.03452033837336366</t>
  </si>
  <si>
    <t>23651</t>
  </si>
  <si>
    <t>15.244391441345215</t>
  </si>
  <si>
    <t>1635.177001953125</t>
  </si>
  <si>
    <t>0.014179802831026933</t>
  </si>
  <si>
    <t>15.788302421569824</t>
  </si>
  <si>
    <t>1563.029541015625</t>
  </si>
  <si>
    <t>0.021003198643827048</t>
  </si>
  <si>
    <t>24276</t>
  </si>
  <si>
    <t>15.348130226135254</t>
  </si>
  <si>
    <t>1573.9212646484375</t>
  </si>
  <si>
    <t>0.005079611987655497</t>
  </si>
  <si>
    <t>24442</t>
  </si>
  <si>
    <t>15.87313175201416</t>
  </si>
  <si>
    <t>1781.0836181640625</t>
  </si>
  <si>
    <t>0.006814756042199832</t>
  </si>
  <si>
    <t>16.298131942749023</t>
  </si>
  <si>
    <t>1676.2010498046875</t>
  </si>
  <si>
    <t>0.031770433206434134</t>
  </si>
  <si>
    <t>26068</t>
  </si>
  <si>
    <t>15.414155006408691</t>
  </si>
  <si>
    <t>1368.5479736328125</t>
  </si>
  <si>
    <t>0.03263511124789176</t>
  </si>
  <si>
    <t>16.218645095825195</t>
  </si>
  <si>
    <t>1767.0477294921875</t>
  </si>
  <si>
    <t>0.01643622452204241</t>
  </si>
  <si>
    <t>16.467145919799805</t>
  </si>
  <si>
    <t>1643.448974609375</t>
  </si>
  <si>
    <t>0.008005605306644625</t>
  </si>
  <si>
    <t>25669</t>
  </si>
  <si>
    <t>16.13007164001465</t>
  </si>
  <si>
    <t>1716.5780029296875</t>
  </si>
  <si>
    <t>-0.039866300154319134</t>
  </si>
  <si>
    <t>16.201974868774414</t>
  </si>
  <si>
    <t>1715.2298583984375</t>
  </si>
  <si>
    <t>0.0296696169434032</t>
  </si>
  <si>
    <t>16.25806427001953</t>
  </si>
  <si>
    <t>1451.3922119140625</t>
  </si>
  <si>
    <t>0.01374669534710371</t>
  </si>
  <si>
    <t>13.464252471923828</t>
  </si>
  <si>
    <t>1840.30859375</t>
  </si>
  <si>
    <t>846.9568481445312</t>
  </si>
  <si>
    <t>Niigata</t>
  </si>
  <si>
    <t>12.77619457244873</t>
  </si>
  <si>
    <t>2044.7255859375</t>
  </si>
  <si>
    <t>0.053049738652307</t>
  </si>
  <si>
    <t>31076</t>
  </si>
  <si>
    <t>12.450139045715332</t>
  </si>
  <si>
    <t>1705.9200439453125</t>
  </si>
  <si>
    <t>0.016711130812135266</t>
  </si>
  <si>
    <t>11.778800010681152</t>
  </si>
  <si>
    <t>2039.36669921875</t>
  </si>
  <si>
    <t>0.01665801036248382</t>
  </si>
  <si>
    <t>13.190972328186035</t>
  </si>
  <si>
    <t>1345.2325439453125</t>
  </si>
  <si>
    <t>0.02222105012939224</t>
  </si>
  <si>
    <t>12.41579818725586</t>
  </si>
  <si>
    <t>1549.5665283203125</t>
  </si>
  <si>
    <t>0.025938978148024816</t>
  </si>
  <si>
    <t>34787</t>
  </si>
  <si>
    <t>12.06767749786377</t>
  </si>
  <si>
    <t>1600.4451904296875</t>
  </si>
  <si>
    <t>0.04798989804184295</t>
  </si>
  <si>
    <t>12.656547546386719</t>
  </si>
  <si>
    <t>1987.2198486328125</t>
  </si>
  <si>
    <t>0.0052467973053662575</t>
  </si>
  <si>
    <t>34986</t>
  </si>
  <si>
    <t>1852.27490234375</t>
  </si>
  <si>
    <t>0.0004574303927888934</t>
  </si>
  <si>
    <t>13.202397346496582</t>
  </si>
  <si>
    <t>1919.9737548828125</t>
  </si>
  <si>
    <t>-0.00915975565642313</t>
  </si>
  <si>
    <t>34291</t>
  </si>
  <si>
    <t>12.768111228942871</t>
  </si>
  <si>
    <t>1797.6005859375</t>
  </si>
  <si>
    <t>-0.01090529674076457</t>
  </si>
  <si>
    <t>12.846404075622559</t>
  </si>
  <si>
    <t>1832.4927978515625</t>
  </si>
  <si>
    <t>0.006626968010952083</t>
  </si>
  <si>
    <t>34189</t>
  </si>
  <si>
    <t>12.772205352783203</t>
  </si>
  <si>
    <t>1964.7677001953125</t>
  </si>
  <si>
    <t>-0.009605942176589721</t>
  </si>
  <si>
    <t>34583</t>
  </si>
  <si>
    <t>12.55017375946045</t>
  </si>
  <si>
    <t>1775.5791015625</t>
  </si>
  <si>
    <t>0.011458276936782141</t>
  </si>
  <si>
    <t>35347</t>
  </si>
  <si>
    <t>13.540943145751953</t>
  </si>
  <si>
    <t>1953.7398681640625</t>
  </si>
  <si>
    <t>0.02185129126984009</t>
  </si>
  <si>
    <t>36287</t>
  </si>
  <si>
    <t>12.4356107711792</t>
  </si>
  <si>
    <t>1631.2637939453125</t>
  </si>
  <si>
    <t>0.026246027294483554</t>
  </si>
  <si>
    <t>12.850440979003906</t>
  </si>
  <si>
    <t>2235.570556640625</t>
  </si>
  <si>
    <t>-0.020322507773974152</t>
  </si>
  <si>
    <t>13.037606239318848</t>
  </si>
  <si>
    <t>1686.72607421875</t>
  </si>
  <si>
    <t>-0.0013226956773824128</t>
  </si>
  <si>
    <t>35470</t>
  </si>
  <si>
    <t>12.994196891784668</t>
  </si>
  <si>
    <t>1868.59228515625</t>
  </si>
  <si>
    <t>-0.0011270781694658893</t>
  </si>
  <si>
    <t>12.896446228027344</t>
  </si>
  <si>
    <t>1815.57861328125</t>
  </si>
  <si>
    <t>-0.04112158830856849</t>
  </si>
  <si>
    <t>13.039772987365723</t>
  </si>
  <si>
    <t>1962.00341796875</t>
  </si>
  <si>
    <t>-0.0018818553585049358</t>
  </si>
  <si>
    <t>33889</t>
  </si>
  <si>
    <t>12.802830696105957</t>
  </si>
  <si>
    <t>1832.7904052734375</t>
  </si>
  <si>
    <t>-0.0025933471641153005</t>
  </si>
  <si>
    <t>12.632308006286621</t>
  </si>
  <si>
    <t>1875.8984375</t>
  </si>
  <si>
    <t>0.0207343019575692</t>
  </si>
  <si>
    <t>35610</t>
  </si>
  <si>
    <t>13.031311988830566</t>
  </si>
  <si>
    <t>1987.408203125</t>
  </si>
  <si>
    <t>0.028801717377774594</t>
  </si>
  <si>
    <t>35459</t>
  </si>
  <si>
    <t>12.746636390686035</t>
  </si>
  <si>
    <t>2116.127685546875</t>
  </si>
  <si>
    <t>-0.004249397830896839</t>
  </si>
  <si>
    <t>35865</t>
  </si>
  <si>
    <t>13.228625297546387</t>
  </si>
  <si>
    <t>1945.6981201171875</t>
  </si>
  <si>
    <t>0.011384790119608468</t>
  </si>
  <si>
    <t>13.353014945983887</t>
  </si>
  <si>
    <t>1700.0419921875</t>
  </si>
  <si>
    <t>0.015356184721063926</t>
  </si>
  <si>
    <t>36994</t>
  </si>
  <si>
    <t>12.537707328796387</t>
  </si>
  <si>
    <t>1777.86328125</t>
  </si>
  <si>
    <t>0.015637663032896043</t>
  </si>
  <si>
    <t>37583</t>
  </si>
  <si>
    <t>13.448684692382812</t>
  </si>
  <si>
    <t>1698.8779296875</t>
  </si>
  <si>
    <t>0.01579608316338721</t>
  </si>
  <si>
    <t>37467</t>
  </si>
  <si>
    <t>13.60891342163086</t>
  </si>
  <si>
    <t>1745.6748046875</t>
  </si>
  <si>
    <t>-0.0030912749466871503</t>
  </si>
  <si>
    <t>36002</t>
  </si>
  <si>
    <t>13.354911804199219</t>
  </si>
  <si>
    <t>1795.3355712890625</t>
  </si>
  <si>
    <t>-0.03988605308054538</t>
  </si>
  <si>
    <t>13.420706748962402</t>
  </si>
  <si>
    <t>1917.9820556640625</t>
  </si>
  <si>
    <t>0.029692011426272202</t>
  </si>
  <si>
    <t>13.442092895507812</t>
  </si>
  <si>
    <t>1822.7977294921875</t>
  </si>
  <si>
    <t>0.013737546501063846</t>
  </si>
  <si>
    <t>26377</t>
  </si>
  <si>
    <t>2283.200439453125</t>
  </si>
  <si>
    <t>155.7977752685547</t>
  </si>
  <si>
    <t>Oita</t>
  </si>
  <si>
    <t>13.808331489562988</t>
  </si>
  <si>
    <t>2616.600341796875</t>
  </si>
  <si>
    <t>0.048795580128638605</t>
  </si>
  <si>
    <t>28242</t>
  </si>
  <si>
    <t>2004.7000732421875</t>
  </si>
  <si>
    <t>0.01952223321320723</t>
  </si>
  <si>
    <t>28657</t>
  </si>
  <si>
    <t>12.983333587646484</t>
  </si>
  <si>
    <t>3266.600341796875</t>
  </si>
  <si>
    <t>0.014587509768171358</t>
  </si>
  <si>
    <t>29357</t>
  </si>
  <si>
    <t>1319.5</t>
  </si>
  <si>
    <t>0.02413327727385628</t>
  </si>
  <si>
    <t>2014.199951171875</t>
  </si>
  <si>
    <t>0.027582163402371407</t>
  </si>
  <si>
    <t>30172</t>
  </si>
  <si>
    <t>1760.8001708984375</t>
  </si>
  <si>
    <t>-0.00019884010007409358</t>
  </si>
  <si>
    <t>2830.599853515625</t>
  </si>
  <si>
    <t>0.044088561206276466</t>
  </si>
  <si>
    <t>31506</t>
  </si>
  <si>
    <t>2265.10009765625</t>
  </si>
  <si>
    <t>-0.0008248993138835203</t>
  </si>
  <si>
    <t>2548.60009765625</t>
  </si>
  <si>
    <t>-0.004517265515101343</t>
  </si>
  <si>
    <t>33821</t>
  </si>
  <si>
    <t>1780.300048828125</t>
  </si>
  <si>
    <t>0.07542117296740436</t>
  </si>
  <si>
    <t>32997</t>
  </si>
  <si>
    <t>14.100001335144043</t>
  </si>
  <si>
    <t>2133.39990234375</t>
  </si>
  <si>
    <t>-0.02466526309299155</t>
  </si>
  <si>
    <t>1867.0999755859375</t>
  </si>
  <si>
    <t>-0.00416053563396801</t>
  </si>
  <si>
    <t>13.866667747497559</t>
  </si>
  <si>
    <t>2522.300048828125</t>
  </si>
  <si>
    <t>0.04131365695765865</t>
  </si>
  <si>
    <t>35189</t>
  </si>
  <si>
    <t>14.599998474121094</t>
  </si>
  <si>
    <t>2347.10009765625</t>
  </si>
  <si>
    <t>0.027163764198972373</t>
  </si>
  <si>
    <t>1769.0001220703125</t>
  </si>
  <si>
    <t>-0.010828831942404804</t>
  </si>
  <si>
    <t>35074</t>
  </si>
  <si>
    <t>14.074999809265137</t>
  </si>
  <si>
    <t>2791.300048828125</t>
  </si>
  <si>
    <t>0.007555413423753876</t>
  </si>
  <si>
    <t>35331</t>
  </si>
  <si>
    <t>2024.699951171875</t>
  </si>
  <si>
    <t>0.007300650280420484</t>
  </si>
  <si>
    <t>1961.400146484375</t>
  </si>
  <si>
    <t>0.029203430790126106</t>
  </si>
  <si>
    <t>2091.7001953125</t>
  </si>
  <si>
    <t>-0.11220116681592529</t>
  </si>
  <si>
    <t>33502</t>
  </si>
  <si>
    <t>2248.000244140625</t>
  </si>
  <si>
    <t>0.029842109039773135</t>
  </si>
  <si>
    <t>2479.900390625</t>
  </si>
  <si>
    <t>-0.014491700049513057</t>
  </si>
  <si>
    <t>13.499999046325684</t>
  </si>
  <si>
    <t>2544.39990234375</t>
  </si>
  <si>
    <t>0.019226458682616965</t>
  </si>
  <si>
    <t>34127</t>
  </si>
  <si>
    <t>14.191665649414062</t>
  </si>
  <si>
    <t>0.013748962671746412</t>
  </si>
  <si>
    <t>2423.200439453125</t>
  </si>
  <si>
    <t>0.014544864725863249</t>
  </si>
  <si>
    <t>2556.099853515625</t>
  </si>
  <si>
    <t>0.018030366531643693</t>
  </si>
  <si>
    <t>35171</t>
  </si>
  <si>
    <t>14.708332061767578</t>
  </si>
  <si>
    <t>2652.30029296875</t>
  </si>
  <si>
    <t>-0.0024422116983249254</t>
  </si>
  <si>
    <t>13.791666984558105</t>
  </si>
  <si>
    <t>2005.2000732421875</t>
  </si>
  <si>
    <t>0.007788532227419154</t>
  </si>
  <si>
    <t>36617</t>
  </si>
  <si>
    <t>2550.0</t>
  </si>
  <si>
    <t>0.03250220181084096</t>
  </si>
  <si>
    <t>-0.011453494612062798</t>
  </si>
  <si>
    <t>2979.2001953125</t>
  </si>
  <si>
    <t>-0.03987285945612129</t>
  </si>
  <si>
    <t>35833</t>
  </si>
  <si>
    <t>2418.400146484375</t>
  </si>
  <si>
    <t>0.029682997155155988</t>
  </si>
  <si>
    <t>1934.7999267578125</t>
  </si>
  <si>
    <t>0.013774589702350681</t>
  </si>
  <si>
    <t>1698</t>
  </si>
  <si>
    <t>15.300957679748535</t>
  </si>
  <si>
    <t>1624.7845458984375</t>
  </si>
  <si>
    <t>848.7933349609375</t>
  </si>
  <si>
    <t>Okayama</t>
  </si>
  <si>
    <t>14.730469703674316</t>
  </si>
  <si>
    <t>1531.0035400390625</t>
  </si>
  <si>
    <t>0.042628315582904364</t>
  </si>
  <si>
    <t>14.55074691772461</t>
  </si>
  <si>
    <t>1263.7996826171875</t>
  </si>
  <si>
    <t>0.013387080782457872</t>
  </si>
  <si>
    <t>32141</t>
  </si>
  <si>
    <t>13.918709754943848</t>
  </si>
  <si>
    <t>1828.552001953125</t>
  </si>
  <si>
    <t>-0.017609509360211106</t>
  </si>
  <si>
    <t>15.284111022949219</t>
  </si>
  <si>
    <t>938.6639404296875</t>
  </si>
  <si>
    <t>0.005151451312723765</t>
  </si>
  <si>
    <t>14.220513343811035</t>
  </si>
  <si>
    <t>1275.7998046875</t>
  </si>
  <si>
    <t>0.03132397105517093</t>
  </si>
  <si>
    <t>33822</t>
  </si>
  <si>
    <t>14.137687683105469</t>
  </si>
  <si>
    <t>1145.8927001953125</t>
  </si>
  <si>
    <t>0.014503582257468395</t>
  </si>
  <si>
    <t>33325</t>
  </si>
  <si>
    <t>14.743168830871582</t>
  </si>
  <si>
    <t>1609.5394287109375</t>
  </si>
  <si>
    <t>-0.014803612262719312</t>
  </si>
  <si>
    <t>33144</t>
  </si>
  <si>
    <t>15.78404712677002</t>
  </si>
  <si>
    <t>1568.427978515625</t>
  </si>
  <si>
    <t>-0.005446161289672347</t>
  </si>
  <si>
    <t>15.027731895446777</t>
  </si>
  <si>
    <t>1527.0758056640625</t>
  </si>
  <si>
    <t>-0.0002414001218724593</t>
  </si>
  <si>
    <t>32911</t>
  </si>
  <si>
    <t>14.81362247467041</t>
  </si>
  <si>
    <t>1239.182861328125</t>
  </si>
  <si>
    <t>-0.006813356258680514</t>
  </si>
  <si>
    <t>15.066723823547363</t>
  </si>
  <si>
    <t>1288.5421142578125</t>
  </si>
  <si>
    <t>0.035431783148490936</t>
  </si>
  <si>
    <t>14.873942375183105</t>
  </si>
  <si>
    <t>1090.8883056640625</t>
  </si>
  <si>
    <t>-0.0033489059235645158</t>
  </si>
  <si>
    <t>14.832097053527832</t>
  </si>
  <si>
    <t>1539.2655029296875</t>
  </si>
  <si>
    <t>0.00047069899668805704</t>
  </si>
  <si>
    <t>15.571560859680176</t>
  </si>
  <si>
    <t>1623.183349609375</t>
  </si>
  <si>
    <t>-0.00047069899668805704</t>
  </si>
  <si>
    <t>14.716362953186035</t>
  </si>
  <si>
    <t>1010.9431762695312</t>
  </si>
  <si>
    <t>0.034047688203747484</t>
  </si>
  <si>
    <t>37124</t>
  </si>
  <si>
    <t>15.073433876037598</t>
  </si>
  <si>
    <t>1533.74365234375</t>
  </si>
  <si>
    <t>0.05432614690992388</t>
  </si>
  <si>
    <t>15.44753360748291</t>
  </si>
  <si>
    <t>1163.865478515625</t>
  </si>
  <si>
    <t>0.0043274402626121145</t>
  </si>
  <si>
    <t>36209</t>
  </si>
  <si>
    <t>14.921234130859375</t>
  </si>
  <si>
    <t>1323.176513671875</t>
  </si>
  <si>
    <t>-0.02928339428003035</t>
  </si>
  <si>
    <t>34301</t>
  </si>
  <si>
    <t>15.035555839538574</t>
  </si>
  <si>
    <t>1274.954345703125</t>
  </si>
  <si>
    <t>-0.054133198449866526</t>
  </si>
  <si>
    <t>14.893824577331543</t>
  </si>
  <si>
    <t>1520.697509765625</t>
  </si>
  <si>
    <t>0.012803604604489038</t>
  </si>
  <si>
    <t>14.870333671569824</t>
  </si>
  <si>
    <t>1704.433837890625</t>
  </si>
  <si>
    <t>0.027424644983502944</t>
  </si>
  <si>
    <t>14.465575218200684</t>
  </si>
  <si>
    <t>1545.9344482421875</t>
  </si>
  <si>
    <t>-0.012228260114975242</t>
  </si>
  <si>
    <t>15.17535400390625</t>
  </si>
  <si>
    <t>1453.55322265625</t>
  </si>
  <si>
    <t>0.039820217217888754</t>
  </si>
  <si>
    <t>14.758389472961426</t>
  </si>
  <si>
    <t>1431.978759765625</t>
  </si>
  <si>
    <t>-0.009058008158740805</t>
  </si>
  <si>
    <t>37943</t>
  </si>
  <si>
    <t>15.109654426574707</t>
  </si>
  <si>
    <t>1608.2694091796875</t>
  </si>
  <si>
    <t>0.042148326802093905</t>
  </si>
  <si>
    <t>37590</t>
  </si>
  <si>
    <t>15.699844360351562</t>
  </si>
  <si>
    <t>1611.071533203125</t>
  </si>
  <si>
    <t>-0.009346976024032116</t>
  </si>
  <si>
    <t>37802</t>
  </si>
  <si>
    <t>14.777436256408691</t>
  </si>
  <si>
    <t>1281.6304931640625</t>
  </si>
  <si>
    <t>0.005623953702677653</t>
  </si>
  <si>
    <t>37618</t>
  </si>
  <si>
    <t>15.457064628601074</t>
  </si>
  <si>
    <t>1720.26220703125</t>
  </si>
  <si>
    <t>-0.004879352030151551</t>
  </si>
  <si>
    <t>15.749632835388184</t>
  </si>
  <si>
    <t>1406.6522216796875</t>
  </si>
  <si>
    <t>-0.0030084018270137847</t>
  </si>
  <si>
    <t>15.31810474395752</t>
  </si>
  <si>
    <t>1619.191162109375</t>
  </si>
  <si>
    <t>-0.03990032011697764</t>
  </si>
  <si>
    <t>15.600418090820312</t>
  </si>
  <si>
    <t>1593.507568359375</t>
  </si>
  <si>
    <t>0.029689723428523607</t>
  </si>
  <si>
    <t>15.549450874328613</t>
  </si>
  <si>
    <t>1187.96533203125</t>
  </si>
  <si>
    <t>0.01377708614970885</t>
  </si>
  <si>
    <t>21267</t>
  </si>
  <si>
    <t>22.52448272705078</t>
  </si>
  <si>
    <t>2221.830322265625</t>
  </si>
  <si>
    <t>2331.25634765625</t>
  </si>
  <si>
    <t>Okinawa</t>
  </si>
  <si>
    <t>22.63334846496582</t>
  </si>
  <si>
    <t>1916.0218505859375</t>
  </si>
  <si>
    <t>0.0017382729706412192</t>
  </si>
  <si>
    <t>22.28843116760254</t>
  </si>
  <si>
    <t>2432.93310546875</t>
  </si>
  <si>
    <t>-0.008059048731615448</t>
  </si>
  <si>
    <t>21285</t>
  </si>
  <si>
    <t>22.499496459960938</t>
  </si>
  <si>
    <t>1652.9439697265625</t>
  </si>
  <si>
    <t>0.007166799500099685</t>
  </si>
  <si>
    <t>22.66785430908203</t>
  </si>
  <si>
    <t>1668.8033447265625</t>
  </si>
  <si>
    <t>0.030445582773618085</t>
  </si>
  <si>
    <t>22.11911964416504</t>
  </si>
  <si>
    <t>1772.718994140625</t>
  </si>
  <si>
    <t>0.012229521021751566</t>
  </si>
  <si>
    <t>23123</t>
  </si>
  <si>
    <t>22.20457649230957</t>
  </si>
  <si>
    <t>2030.0489501953125</t>
  </si>
  <si>
    <t>0.04015009009634518</t>
  </si>
  <si>
    <t>23425</t>
  </si>
  <si>
    <t>22.483657836914062</t>
  </si>
  <si>
    <t>1970.157470703125</t>
  </si>
  <si>
    <t>0.01297603495265598</t>
  </si>
  <si>
    <t>23.472047805786133</t>
  </si>
  <si>
    <t>2413.765625</t>
  </si>
  <si>
    <t>-0.016355001952014447</t>
  </si>
  <si>
    <t>22.656272888183594</t>
  </si>
  <si>
    <t>2108.19873046875</t>
  </si>
  <si>
    <t>0.009973960621952216</t>
  </si>
  <si>
    <t>24135</t>
  </si>
  <si>
    <t>22.66691017150879</t>
  </si>
  <si>
    <t>2250.42919921875</t>
  </si>
  <si>
    <t>0.03624028231803322</t>
  </si>
  <si>
    <t>24638</t>
  </si>
  <si>
    <t>22.88182830810547</t>
  </si>
  <si>
    <t>2110.366455078125</t>
  </si>
  <si>
    <t>0.020626897427325375</t>
  </si>
  <si>
    <t>24633</t>
  </si>
  <si>
    <t>22.639999389648438</t>
  </si>
  <si>
    <t>1978.6142578125</t>
  </si>
  <si>
    <t>-0.00020295914502099777</t>
  </si>
  <si>
    <t>25006</t>
  </si>
  <si>
    <t>22.94548225402832</t>
  </si>
  <si>
    <t>1838.1417236328125</t>
  </si>
  <si>
    <t>0.015028788678046467</t>
  </si>
  <si>
    <t>22.94512176513672</t>
  </si>
  <si>
    <t>2039.8511962890625</t>
  </si>
  <si>
    <t>-0.01154361737599885</t>
  </si>
  <si>
    <t>22.622718811035156</t>
  </si>
  <si>
    <t>2051.8134765625</t>
  </si>
  <si>
    <t>0.00874036376822751</t>
  </si>
  <si>
    <t>25119</t>
  </si>
  <si>
    <t>23.037500381469727</t>
  </si>
  <si>
    <t>2016.1766357421875</t>
  </si>
  <si>
    <t>0.007311989425367926</t>
  </si>
  <si>
    <t>23.111257553100586</t>
  </si>
  <si>
    <t>1997.2972412109375</t>
  </si>
  <si>
    <t>0.008522835171035581</t>
  </si>
  <si>
    <t>26183</t>
  </si>
  <si>
    <t>22.651670455932617</t>
  </si>
  <si>
    <t>1971.6973876953125</t>
  </si>
  <si>
    <t>0.032962978146295896</t>
  </si>
  <si>
    <t>22.896440505981445</t>
  </si>
  <si>
    <t>1920.816162109375</t>
  </si>
  <si>
    <t>-0.011794447025996746</t>
  </si>
  <si>
    <t>22.638999938964844</t>
  </si>
  <si>
    <t>-0.038568583897317765</t>
  </si>
  <si>
    <t>22.67914581298828</t>
  </si>
  <si>
    <t>2085.583251953125</t>
  </si>
  <si>
    <t>-0.0033796049065415446</t>
  </si>
  <si>
    <t>22.51014518737793</t>
  </si>
  <si>
    <t>2263.81201171875</t>
  </si>
  <si>
    <t>0.01646785686179264</t>
  </si>
  <si>
    <t>22.93353271484375</t>
  </si>
  <si>
    <t>1825.4918212890625</t>
  </si>
  <si>
    <t>0.031836652821096934</t>
  </si>
  <si>
    <t>26204</t>
  </si>
  <si>
    <t>22.65895652770996</t>
  </si>
  <si>
    <t>2092.09912109375</t>
  </si>
  <si>
    <t>0.006239851808860664</t>
  </si>
  <si>
    <t>23.118316650390625</t>
  </si>
  <si>
    <t>2023.5074462890625</t>
  </si>
  <si>
    <t>0.024875029465555087</t>
  </si>
  <si>
    <t>27886</t>
  </si>
  <si>
    <t>23.672204971313477</t>
  </si>
  <si>
    <t>2098.384765625</t>
  </si>
  <si>
    <t>0.03733767043764402</t>
  </si>
  <si>
    <t>22.90216827392578</t>
  </si>
  <si>
    <t>2012.627197265625</t>
  </si>
  <si>
    <t>0.012543817814504976</t>
  </si>
  <si>
    <t>28369</t>
  </si>
  <si>
    <t>23.06036949157715</t>
  </si>
  <si>
    <t>2205.933837890625</t>
  </si>
  <si>
    <t>0.004628411110244812</t>
  </si>
  <si>
    <t>28750</t>
  </si>
  <si>
    <t>23.456436157226562</t>
  </si>
  <si>
    <t>2307.610595703125</t>
  </si>
  <si>
    <t>0.013340767545781063</t>
  </si>
  <si>
    <t>23.106294631958008</t>
  </si>
  <si>
    <t>2346.193603515625</t>
  </si>
  <si>
    <t>-0.039880408965592196</t>
  </si>
  <si>
    <t>28458</t>
  </si>
  <si>
    <t>23.26824951171875</t>
  </si>
  <si>
    <t>2015.7510986328125</t>
  </si>
  <si>
    <t>0.029671957845732067</t>
  </si>
  <si>
    <t>23.229520797729492</t>
  </si>
  <si>
    <t>2300.919677734375</t>
  </si>
  <si>
    <t>0.013784657559607894</t>
  </si>
  <si>
    <t>16.791667938232422</t>
  </si>
  <si>
    <t>1905.8001708984375</t>
  </si>
  <si>
    <t>640.5772705078125</t>
  </si>
  <si>
    <t>Saga</t>
  </si>
  <si>
    <t>24090</t>
  </si>
  <si>
    <t>2378.700439453125</t>
  </si>
  <si>
    <t>0.03527665395072077</t>
  </si>
  <si>
    <t>1755.60009765625</t>
  </si>
  <si>
    <t>0.06628823482540724</t>
  </si>
  <si>
    <t>26284</t>
  </si>
  <si>
    <t>2727.400146484375</t>
  </si>
  <si>
    <t>0.020875337583433407</t>
  </si>
  <si>
    <t>0.016900960613202898</t>
  </si>
  <si>
    <t>27925</t>
  </si>
  <si>
    <t>15.75833511352539</t>
  </si>
  <si>
    <t>1818.3001708984375</t>
  </si>
  <si>
    <t>0.04366099530644085</t>
  </si>
  <si>
    <t>28806</t>
  </si>
  <si>
    <t>1525.0999755859375</t>
  </si>
  <si>
    <t>0.031061353821593585</t>
  </si>
  <si>
    <t>28862</t>
  </si>
  <si>
    <t>16.408334732055664</t>
  </si>
  <si>
    <t>2523.599853515625</t>
  </si>
  <si>
    <t>0.0019421522370279831</t>
  </si>
  <si>
    <t>2035.5</t>
  </si>
  <si>
    <t>0.0056661290342852055</t>
  </si>
  <si>
    <t>2309.39990234375</t>
  </si>
  <si>
    <t>0.012632611806045801</t>
  </si>
  <si>
    <t>29872</t>
  </si>
  <si>
    <t>0.01609699494514949</t>
  </si>
  <si>
    <t>29655</t>
  </si>
  <si>
    <t>1946.800048828125</t>
  </si>
  <si>
    <t>-0.007290841508677204</t>
  </si>
  <si>
    <t>1726.3001708984375</t>
  </si>
  <si>
    <t>0.00255952721149022</t>
  </si>
  <si>
    <t>2160.900146484375</t>
  </si>
  <si>
    <t>0.02494607296147855</t>
  </si>
  <si>
    <t>31209</t>
  </si>
  <si>
    <t>2020.8001708984375</t>
  </si>
  <si>
    <t>0.023570169293209986</t>
  </si>
  <si>
    <t>31900</t>
  </si>
  <si>
    <t>1501.0</t>
  </si>
  <si>
    <t>0.02189949503392974</t>
  </si>
  <si>
    <t>16.599998474121094</t>
  </si>
  <si>
    <t>2510.599853515625</t>
  </si>
  <si>
    <t>-0.0033598700220682787</t>
  </si>
  <si>
    <t>33412</t>
  </si>
  <si>
    <t>1751.5</t>
  </si>
  <si>
    <t>0.049668977124929015</t>
  </si>
  <si>
    <t>33376</t>
  </si>
  <si>
    <t>1847.2000732421875</t>
  </si>
  <si>
    <t>-0.0010780380752972718</t>
  </si>
  <si>
    <t>30782</t>
  </si>
  <si>
    <t>1871.7999267578125</t>
  </si>
  <si>
    <t>-0.08090697526059998</t>
  </si>
  <si>
    <t>16.291669845581055</t>
  </si>
  <si>
    <t>2017.5</t>
  </si>
  <si>
    <t>0.012461823902363278</t>
  </si>
  <si>
    <t>2210.699951171875</t>
  </si>
  <si>
    <t>-0.029862685678432754</t>
  </si>
  <si>
    <t>16.01666831970215</t>
  </si>
  <si>
    <t>2356.900146484375</t>
  </si>
  <si>
    <t>-0.004074269866896074</t>
  </si>
  <si>
    <t>30940</t>
  </si>
  <si>
    <t>16.758331298828125</t>
  </si>
  <si>
    <t>1805.0999755859375</t>
  </si>
  <si>
    <t>0.026594873230123994</t>
  </si>
  <si>
    <t>31259</t>
  </si>
  <si>
    <t>16.275001525878906</t>
  </si>
  <si>
    <t>2186.900146484375</t>
  </si>
  <si>
    <t>0.010257489573451295</t>
  </si>
  <si>
    <t>16.60833168029785</t>
  </si>
  <si>
    <t>2290.999755859375</t>
  </si>
  <si>
    <t>0.02508344801189999</t>
  </si>
  <si>
    <t>2373.800048828125</t>
  </si>
  <si>
    <t>0.007026081257293981</t>
  </si>
  <si>
    <t>16.375001907348633</t>
  </si>
  <si>
    <t>1718.599853515625</t>
  </si>
  <si>
    <t>0.0270480862664062</t>
  </si>
  <si>
    <t>2111.199951171875</t>
  </si>
  <si>
    <t>0.07009386128342143</t>
  </si>
  <si>
    <t>35750</t>
  </si>
  <si>
    <t>17.266666412353516</t>
  </si>
  <si>
    <t>2067.89990234375</t>
  </si>
  <si>
    <t>0.004991457602622873</t>
  </si>
  <si>
    <t>2637.699951171875</t>
  </si>
  <si>
    <t>-0.039890028003590317</t>
  </si>
  <si>
    <t>1984.2998046875</t>
  </si>
  <si>
    <t>0.029712538484714557</t>
  </si>
  <si>
    <t>1728.599853515625</t>
  </si>
  <si>
    <t>0.013751514655758967</t>
  </si>
  <si>
    <t>1290.800048828125</t>
  </si>
  <si>
    <t>833.171630859375</t>
  </si>
  <si>
    <t>Saitama</t>
  </si>
  <si>
    <t>1506.4000244140625</t>
  </si>
  <si>
    <t>0.03066584468026079</t>
  </si>
  <si>
    <t>14.46666431427002</t>
  </si>
  <si>
    <t>0.020730976625904063</t>
  </si>
  <si>
    <t>25329</t>
  </si>
  <si>
    <t>13.799999237060547</t>
  </si>
  <si>
    <t>1550.199951171875</t>
  </si>
  <si>
    <t>-0.023412049083139763</t>
  </si>
  <si>
    <t>15.216668128967285</t>
  </si>
  <si>
    <t>921.0000610351562</t>
  </si>
  <si>
    <t>-0.0025299456116005814</t>
  </si>
  <si>
    <t>1015.10009765625</t>
  </si>
  <si>
    <t>0.0038713803586389872</t>
  </si>
  <si>
    <t>0.021916335013081323</t>
  </si>
  <si>
    <t>1116.8001708984375</t>
  </si>
  <si>
    <t>0.01951896349261517</t>
  </si>
  <si>
    <t>26287</t>
  </si>
  <si>
    <t>1449.5999755859375</t>
  </si>
  <si>
    <t>-0.005652197207259846</t>
  </si>
  <si>
    <t>26352</t>
  </si>
  <si>
    <t>15.266667366027832</t>
  </si>
  <si>
    <t>1356.199951171875</t>
  </si>
  <si>
    <t>0.002469653034337327</t>
  </si>
  <si>
    <t>1307.5999755859375</t>
  </si>
  <si>
    <t>0.026623307907327032</t>
  </si>
  <si>
    <t>1242.4000244140625</t>
  </si>
  <si>
    <t>-0.005632356387520687</t>
  </si>
  <si>
    <t>26712</t>
  </si>
  <si>
    <t>1191.9000244140625</t>
  </si>
  <si>
    <t>-0.007422222313737237</t>
  </si>
  <si>
    <t>26937</t>
  </si>
  <si>
    <t>14.38333511352539</t>
  </si>
  <si>
    <t>1384.0001220703125</t>
  </si>
  <si>
    <t>0.008387903565427735</t>
  </si>
  <si>
    <t>27166</t>
  </si>
  <si>
    <t>1168.89990234375</t>
  </si>
  <si>
    <t>0.00846538519351725</t>
  </si>
  <si>
    <t>14.2666654586792</t>
  </si>
  <si>
    <t>1064.60009765625</t>
  </si>
  <si>
    <t>0.01425410633065205</t>
  </si>
  <si>
    <t>14.82500171661377</t>
  </si>
  <si>
    <t>1415.7000732421875</t>
  </si>
  <si>
    <t>0.025686987905638503</t>
  </si>
  <si>
    <t>28758</t>
  </si>
  <si>
    <t>1172.0001220703125</t>
  </si>
  <si>
    <t>0.01700870376896013</t>
  </si>
  <si>
    <t>28479</t>
  </si>
  <si>
    <t>1392.9000244140625</t>
  </si>
  <si>
    <t>-0.00974901583777843</t>
  </si>
  <si>
    <t>-0.03538104891658378</t>
  </si>
  <si>
    <t>27740</t>
  </si>
  <si>
    <t>1360.7001953125</t>
  </si>
  <si>
    <t>0.009089490235499653</t>
  </si>
  <si>
    <t>1325.5</t>
  </si>
  <si>
    <t>0.016978336534416272</t>
  </si>
  <si>
    <t>-0.004582519875114599</t>
  </si>
  <si>
    <t>14.933333396911621</t>
  </si>
  <si>
    <t>1199.60009765625</t>
  </si>
  <si>
    <t>14.716667175292969</t>
  </si>
  <si>
    <t>1360.4000244140625</t>
  </si>
  <si>
    <t>-0.002306161265281048</t>
  </si>
  <si>
    <t>15.275001525878906</t>
  </si>
  <si>
    <t>0.018302070655545677</t>
  </si>
  <si>
    <t>1316.9000244140625</t>
  </si>
  <si>
    <t>0.001990186979517361</t>
  </si>
  <si>
    <t>29200</t>
  </si>
  <si>
    <t>1054.800048828125</t>
  </si>
  <si>
    <t>0.0009593641522496199</t>
  </si>
  <si>
    <t>15.541665077209473</t>
  </si>
  <si>
    <t>0.0016424859975021633</t>
  </si>
  <si>
    <t>1309.60009765625</t>
  </si>
  <si>
    <t>-0.0011631488431191883</t>
  </si>
  <si>
    <t>28071</t>
  </si>
  <si>
    <t>15.408331871032715</t>
  </si>
  <si>
    <t>1276.5</t>
  </si>
  <si>
    <t>-0.03991103146673325</t>
  </si>
  <si>
    <t>1440.900146484375</t>
  </si>
  <si>
    <t>0.02969264250805459</t>
  </si>
  <si>
    <t>0.013772004397898385</t>
  </si>
  <si>
    <t>1917.7000732421875</t>
  </si>
  <si>
    <t>359.0892333984375</t>
  </si>
  <si>
    <t>Shiga</t>
  </si>
  <si>
    <t>2019.5</t>
  </si>
  <si>
    <t>0.0701923393669528</t>
  </si>
  <si>
    <t>37703</t>
  </si>
  <si>
    <t>1695.300048828125</t>
  </si>
  <si>
    <t>-0.011392828731390026</t>
  </si>
  <si>
    <t>36816</t>
  </si>
  <si>
    <t>13.399998664855957</t>
  </si>
  <si>
    <t>2026.800048828125</t>
  </si>
  <si>
    <t>-0.0238071335918022</t>
  </si>
  <si>
    <t>14.824997901916504</t>
  </si>
  <si>
    <t>1163.5</t>
  </si>
  <si>
    <t>0.008007834156432025</t>
  </si>
  <si>
    <t>1437.3001708984375</t>
  </si>
  <si>
    <t>0.02771644329215306</t>
  </si>
  <si>
    <t>40600</t>
  </si>
  <si>
    <t>13.63333511352539</t>
  </si>
  <si>
    <t>1469.89990234375</t>
  </si>
  <si>
    <t>0.062111255866090787</t>
  </si>
  <si>
    <t>14.2333345413208</t>
  </si>
  <si>
    <t>1869.2000732421875</t>
  </si>
  <si>
    <t>-0.0020711087831362107</t>
  </si>
  <si>
    <t>38174</t>
  </si>
  <si>
    <t>1978.2001953125</t>
  </si>
  <si>
    <t>-0.05954230221684931</t>
  </si>
  <si>
    <t>1823.9000244140625</t>
  </si>
  <si>
    <t>0.0029818755583157497</t>
  </si>
  <si>
    <t>14.308331489562988</t>
  </si>
  <si>
    <t>1691.599853515625</t>
  </si>
  <si>
    <t>0.02448364800910774</t>
  </si>
  <si>
    <t>38415</t>
  </si>
  <si>
    <t>1507.900146484375</t>
  </si>
  <si>
    <t>-0.021172170855525252</t>
  </si>
  <si>
    <t>1587.5001220703125</t>
  </si>
  <si>
    <t>0.009301910597416807</t>
  </si>
  <si>
    <t>1817.5</t>
  </si>
  <si>
    <t>0.010493060346478345</t>
  </si>
  <si>
    <t>40237</t>
  </si>
  <si>
    <t>15.20000171661377</t>
  </si>
  <si>
    <t>1890.300048828125</t>
  </si>
  <si>
    <t>0.02654399106490324</t>
  </si>
  <si>
    <t>0.004141819638540767</t>
  </si>
  <si>
    <t>41962</t>
  </si>
  <si>
    <t>0.03783565686757129</t>
  </si>
  <si>
    <t>14.783332824707031</t>
  </si>
  <si>
    <t>1431.5</t>
  </si>
  <si>
    <t>-0.01215594526632735</t>
  </si>
  <si>
    <t>1680.2000732421875</t>
  </si>
  <si>
    <t>-0.02699232401186258</t>
  </si>
  <si>
    <t>39136</t>
  </si>
  <si>
    <t>14.533333778381348</t>
  </si>
  <si>
    <t>1718.400146484375</t>
  </si>
  <si>
    <t>-0.03057341805155822</t>
  </si>
  <si>
    <t>40424</t>
  </si>
  <si>
    <t>1987.4000244140625</t>
  </si>
  <si>
    <t>0.032380908484846316</t>
  </si>
  <si>
    <t>39120</t>
  </si>
  <si>
    <t>1860.800048828125</t>
  </si>
  <si>
    <t>-0.032789822822991255</t>
  </si>
  <si>
    <t>38693</t>
  </si>
  <si>
    <t>1927.900146484375</t>
  </si>
  <si>
    <t>-0.01097514004434963</t>
  </si>
  <si>
    <t>39621</t>
  </si>
  <si>
    <t>1776.800048828125</t>
  </si>
  <si>
    <t>0.023700575607509933</t>
  </si>
  <si>
    <t>39771</t>
  </si>
  <si>
    <t>1828.2999267578125</t>
  </si>
  <si>
    <t>0.0037787227550456493</t>
  </si>
  <si>
    <t>1941.60009765625</t>
  </si>
  <si>
    <t>0.030385281541873255</t>
  </si>
  <si>
    <t>1849.0999755859375</t>
  </si>
  <si>
    <t>0.031901895272435254</t>
  </si>
  <si>
    <t>43730</t>
  </si>
  <si>
    <t>14.233333587646484</t>
  </si>
  <si>
    <t>1537.4000244140625</t>
  </si>
  <si>
    <t>0.03260918512569866</t>
  </si>
  <si>
    <t>44163</t>
  </si>
  <si>
    <t>1877.199951171875</t>
  </si>
  <si>
    <t>0.009852969019156887</t>
  </si>
  <si>
    <t>44351</t>
  </si>
  <si>
    <t>15.333334922790527</t>
  </si>
  <si>
    <t>1812.900146484375</t>
  </si>
  <si>
    <t>0.004247921971719748</t>
  </si>
  <si>
    <t>1908.0001220703125</t>
  </si>
  <si>
    <t>-0.03988202171119504</t>
  </si>
  <si>
    <t>43901</t>
  </si>
  <si>
    <t>2018.199951171875</t>
  </si>
  <si>
    <t>0.029683864160455542</t>
  </si>
  <si>
    <t>44509</t>
  </si>
  <si>
    <t>1593.89990234375</t>
  </si>
  <si>
    <t>0.01375431704903285</t>
  </si>
  <si>
    <t>14.933582305908203</t>
  </si>
  <si>
    <t>1948.3387451171875</t>
  </si>
  <si>
    <t>277.8011169433594</t>
  </si>
  <si>
    <t>Shimane</t>
  </si>
  <si>
    <t>14.39914321899414</t>
  </si>
  <si>
    <t>1976.6912841796875</t>
  </si>
  <si>
    <t>0.04012781923086095</t>
  </si>
  <si>
    <t>25126</t>
  </si>
  <si>
    <t>14.20076847076416</t>
  </si>
  <si>
    <t>1642.281982421875</t>
  </si>
  <si>
    <t>0.01868011816781312</t>
  </si>
  <si>
    <t>13.525660514831543</t>
  </si>
  <si>
    <t>2242.456787109375</t>
  </si>
  <si>
    <t>-0.0013939504816047332</t>
  </si>
  <si>
    <t>14.881797790527344</t>
  </si>
  <si>
    <t>1268.8270263671875</t>
  </si>
  <si>
    <t>0.030690737811532642</t>
  </si>
  <si>
    <t>26252</t>
  </si>
  <si>
    <t>13.889344215393066</t>
  </si>
  <si>
    <t>1547.7451171875</t>
  </si>
  <si>
    <t>0.014542222699320817</t>
  </si>
  <si>
    <t>27181</t>
  </si>
  <si>
    <t>13.818846702575684</t>
  </si>
  <si>
    <t>1494.9722900390625</t>
  </si>
  <si>
    <t>0.03477602319336803</t>
  </si>
  <si>
    <t>27730</t>
  </si>
  <si>
    <t>14.399456024169922</t>
  </si>
  <si>
    <t>2215.85693359375</t>
  </si>
  <si>
    <t>0.01999665982284249</t>
  </si>
  <si>
    <t>15.42440128326416</t>
  </si>
  <si>
    <t>1832.6807861328125</t>
  </si>
  <si>
    <t>0.020770883415476504</t>
  </si>
  <si>
    <t>14.677498817443848</t>
  </si>
  <si>
    <t>1909.9232177734375</t>
  </si>
  <si>
    <t>0.006477983504142415</t>
  </si>
  <si>
    <t>14.41827392578125</t>
  </si>
  <si>
    <t>1576.65234375</t>
  </si>
  <si>
    <t>0.06809409600795746</t>
  </si>
  <si>
    <t>14.628859519958496</t>
  </si>
  <si>
    <t>1774.0653076171875</t>
  </si>
  <si>
    <t>0.020121403199421906</t>
  </si>
  <si>
    <t>30576</t>
  </si>
  <si>
    <t>14.438506126403809</t>
  </si>
  <si>
    <t>1495.201171875</t>
  </si>
  <si>
    <t>-0.017763838256767528</t>
  </si>
  <si>
    <t>30445</t>
  </si>
  <si>
    <t>14.412613868713379</t>
  </si>
  <si>
    <t>1985.29052734375</t>
  </si>
  <si>
    <t>-0.004293610437379414</t>
  </si>
  <si>
    <t>31519</t>
  </si>
  <si>
    <t>15.165496826171875</t>
  </si>
  <si>
    <t>1993.760009765625</t>
  </si>
  <si>
    <t>0.03466876153753873</t>
  </si>
  <si>
    <t>14.259833335876465</t>
  </si>
  <si>
    <t>1364.2333984375</t>
  </si>
  <si>
    <t>0.004716168711111024</t>
  </si>
  <si>
    <t>14.65066146850586</t>
  </si>
  <si>
    <t>1969.3865966796875</t>
  </si>
  <si>
    <t>-0.010092440230257793</t>
  </si>
  <si>
    <t>14.960511207580566</t>
  </si>
  <si>
    <t>1589.6595458984375</t>
  </si>
  <si>
    <t>0.04164079796518472</t>
  </si>
  <si>
    <t>14.484261512756348</t>
  </si>
  <si>
    <t>1650.8253173828125</t>
  </si>
  <si>
    <t>-0.023559637783748144</t>
  </si>
  <si>
    <t>31148</t>
  </si>
  <si>
    <t>14.607215881347656</t>
  </si>
  <si>
    <t>1655.505615234375</t>
  </si>
  <si>
    <t>-0.024545389545625795</t>
  </si>
  <si>
    <t>14.52173900604248</t>
  </si>
  <si>
    <t>1907.4473876953125</t>
  </si>
  <si>
    <t>0.0007060560645051339</t>
  </si>
  <si>
    <t>14.421417236328125</t>
  </si>
  <si>
    <t>1982.9039306640625</t>
  </si>
  <si>
    <t>0.007288102838879595</t>
  </si>
  <si>
    <t>31498</t>
  </si>
  <si>
    <t>14.101035118103027</t>
  </si>
  <si>
    <t>1957.814697265625</t>
  </si>
  <si>
    <t>0.003179855134263221</t>
  </si>
  <si>
    <t>32104</t>
  </si>
  <si>
    <t>14.741066932678223</t>
  </si>
  <si>
    <t>1868.7430419921875</t>
  </si>
  <si>
    <t>0.01905658121222764</t>
  </si>
  <si>
    <t>32735</t>
  </si>
  <si>
    <t>14.282637596130371</t>
  </si>
  <si>
    <t>1945.3812255859375</t>
  </si>
  <si>
    <t>0.019464208928438254</t>
  </si>
  <si>
    <t>14.695845603942871</t>
  </si>
  <si>
    <t>2047.8602294921875</t>
  </si>
  <si>
    <t>0.025307116007168062</t>
  </si>
  <si>
    <t>15.257475852966309</t>
  </si>
  <si>
    <t>2000.09765625</t>
  </si>
  <si>
    <t>0.019525764119141087</t>
  </si>
  <si>
    <t>14.284886360168457</t>
  </si>
  <si>
    <t>1609.935546875</t>
  </si>
  <si>
    <t>0.0024505526003988365</t>
  </si>
  <si>
    <t>35075</t>
  </si>
  <si>
    <t>15.023516654968262</t>
  </si>
  <si>
    <t>2079.32666015625</t>
  </si>
  <si>
    <t>0.021760351368762088</t>
  </si>
  <si>
    <t>36036</t>
  </si>
  <si>
    <t>15.313872337341309</t>
  </si>
  <si>
    <t>1848.721923828125</t>
  </si>
  <si>
    <t>0.027029812800670072</t>
  </si>
  <si>
    <t>14.898204803466797</t>
  </si>
  <si>
    <t>2047.1650390625</t>
  </si>
  <si>
    <t>-0.03988471421698492</t>
  </si>
  <si>
    <t>15.103438377380371</t>
  </si>
  <si>
    <t>1950.083740234375</t>
  </si>
  <si>
    <t>0.029704309168730347</t>
  </si>
  <si>
    <t>15.103236198425293</t>
  </si>
  <si>
    <t>1461.1231689453125</t>
  </si>
  <si>
    <t>0.01375376656030447</t>
  </si>
  <si>
    <t>14.9581880569458</t>
  </si>
  <si>
    <t>1882.7103271484375</t>
  </si>
  <si>
    <t>2178.24267578125</t>
  </si>
  <si>
    <t>Shizuoka</t>
  </si>
  <si>
    <t>14.385692596435547</t>
  </si>
  <si>
    <t>2192.427001953125</t>
  </si>
  <si>
    <t>0.048530250229974925</t>
  </si>
  <si>
    <t>14.0545015335083</t>
  </si>
  <si>
    <t>1854.257080078125</t>
  </si>
  <si>
    <t>-0.013597694707167207</t>
  </si>
  <si>
    <t>13.430232048034668</t>
  </si>
  <si>
    <t>2154.150390625</t>
  </si>
  <si>
    <t>-0.01656512378128383</t>
  </si>
  <si>
    <t>14.778076171875</t>
  </si>
  <si>
    <t>1306.2479248046875</t>
  </si>
  <si>
    <t>0.016417902581165933</t>
  </si>
  <si>
    <t>13.932238578796387</t>
  </si>
  <si>
    <t>1631.3529052734375</t>
  </si>
  <si>
    <t>0.015891897902394092</t>
  </si>
  <si>
    <t>13.618468284606934</t>
  </si>
  <si>
    <t>1593.225341796875</t>
  </si>
  <si>
    <t>0.03014615130016196</t>
  </si>
  <si>
    <t>14.225995063781738</t>
  </si>
  <si>
    <t>1673.3780517578125</t>
  </si>
  <si>
    <t>0.010740761122155718</t>
  </si>
  <si>
    <t>14.9392671585083</t>
  </si>
  <si>
    <t>2118.03271484375</t>
  </si>
  <si>
    <t>-0.006027476670057652</t>
  </si>
  <si>
    <t>35540</t>
  </si>
  <si>
    <t>14.727625846862793</t>
  </si>
  <si>
    <t>1902.5770263671875</t>
  </si>
  <si>
    <t>-0.005275872371296231</t>
  </si>
  <si>
    <t>38805</t>
  </si>
  <si>
    <t>14.29842758178711</t>
  </si>
  <si>
    <t>1788.83642578125</t>
  </si>
  <si>
    <t>0.08789028157959677</t>
  </si>
  <si>
    <t>14.412696838378906</t>
  </si>
  <si>
    <t>1625.161865234375</t>
  </si>
  <si>
    <t>-0.0162896708273923</t>
  </si>
  <si>
    <t>14.312313079833984</t>
  </si>
  <si>
    <t>1749.34912109375</t>
  </si>
  <si>
    <t>0.022685870339595127</t>
  </si>
  <si>
    <t>14.096360206604004</t>
  </si>
  <si>
    <t>2015.099609375</t>
  </si>
  <si>
    <t>0.0022507554644732863</t>
  </si>
  <si>
    <t>15.020660400390625</t>
  </si>
  <si>
    <t>1846.7398681640625</t>
  </si>
  <si>
    <t>0.012314644827057464</t>
  </si>
  <si>
    <t>13.98205280303955</t>
  </si>
  <si>
    <t>1570.6942138671875</t>
  </si>
  <si>
    <t>0.02779788547246831</t>
  </si>
  <si>
    <t>14.415172576904297</t>
  </si>
  <si>
    <t>2042.1243896484375</t>
  </si>
  <si>
    <t>0.04785005732090042</t>
  </si>
  <si>
    <t>42858</t>
  </si>
  <si>
    <t>14.62585163116455</t>
  </si>
  <si>
    <t>1685.60791015625</t>
  </si>
  <si>
    <t>0.0027336784976856876</t>
  </si>
  <si>
    <t>42596</t>
  </si>
  <si>
    <t>14.461284637451172</t>
  </si>
  <si>
    <t>1912.4158935546875</t>
  </si>
  <si>
    <t>-0.006131973247752498</t>
  </si>
  <si>
    <t>38647</t>
  </si>
  <si>
    <t>14.435263633728027</t>
  </si>
  <si>
    <t>1836.5699462890625</t>
  </si>
  <si>
    <t>-0.09729119979591694</t>
  </si>
  <si>
    <t>14.56516170501709</t>
  </si>
  <si>
    <t>2037.370849609375</t>
  </si>
  <si>
    <t>0.055486627358632745</t>
  </si>
  <si>
    <t>14.343791007995605</t>
  </si>
  <si>
    <t>1938.811279296875</t>
  </si>
  <si>
    <t>-0.0011266502942959278</t>
  </si>
  <si>
    <t>41362</t>
  </si>
  <si>
    <t>14.126690864562988</t>
  </si>
  <si>
    <t>1937.149658203125</t>
  </si>
  <si>
    <t>0.013533455508927261</t>
  </si>
  <si>
    <t>14.541938781738281</t>
  </si>
  <si>
    <t>1797.5240478515625</t>
  </si>
  <si>
    <t>0.023983568831779323</t>
  </si>
  <si>
    <t>14.2301664352417</t>
  </si>
  <si>
    <t>1926.5068359375</t>
  </si>
  <si>
    <t>-0.010034600088467016</t>
  </si>
  <si>
    <t>14.75829792022705</t>
  </si>
  <si>
    <t>2131.453125</t>
  </si>
  <si>
    <t>0.023282622025362798</t>
  </si>
  <si>
    <t>14.982006072998047</t>
  </si>
  <si>
    <t>1954.63134765625</t>
  </si>
  <si>
    <t>0.008835557172785613</t>
  </si>
  <si>
    <t>43938</t>
  </si>
  <si>
    <t>14.163567543029785</t>
  </si>
  <si>
    <t>1628.31787109375</t>
  </si>
  <si>
    <t>0.014349816435041518</t>
  </si>
  <si>
    <t>44655</t>
  </si>
  <si>
    <t>15.062049865722656</t>
  </si>
  <si>
    <t>1932.750732421875</t>
  </si>
  <si>
    <t>0.016186733828861932</t>
  </si>
  <si>
    <t>44369</t>
  </si>
  <si>
    <t>15.218021392822266</t>
  </si>
  <si>
    <t>2109.3486328125</t>
  </si>
  <si>
    <t>-0.00642525574974151</t>
  </si>
  <si>
    <t>42634</t>
  </si>
  <si>
    <t>14.93813705444336</t>
  </si>
  <si>
    <t>1995.3134765625</t>
  </si>
  <si>
    <t>-0.039888970375104194</t>
  </si>
  <si>
    <t>43919</t>
  </si>
  <si>
    <t>14.97403621673584</t>
  </si>
  <si>
    <t>2172.540771484375</t>
  </si>
  <si>
    <t>0.029694971260752823</t>
  </si>
  <si>
    <t>44528</t>
  </si>
  <si>
    <t>15.005108833312988</t>
  </si>
  <si>
    <t>1899.2213134765625</t>
  </si>
  <si>
    <t>0.013771176511779615</t>
  </si>
  <si>
    <t>1706</t>
  </si>
  <si>
    <t>14.679850578308105</t>
  </si>
  <si>
    <t>1414.02880859375</t>
  </si>
  <si>
    <t>1143.461669921875</t>
  </si>
  <si>
    <t>Tochigi</t>
  </si>
  <si>
    <t>33785</t>
  </si>
  <si>
    <t>13.99948501586914</t>
  </si>
  <si>
    <t>1659.9039306640625</t>
  </si>
  <si>
    <t>0.016172698381840434</t>
  </si>
  <si>
    <t>13.691150665283203</t>
  </si>
  <si>
    <t>1386.327392578125</t>
  </si>
  <si>
    <t>-0.007606181008920743</t>
  </si>
  <si>
    <t>33782</t>
  </si>
  <si>
    <t>13.041951179504395</t>
  </si>
  <si>
    <t>1675.225341796875</t>
  </si>
  <si>
    <t>0.007517380262935802</t>
  </si>
  <si>
    <t>33791</t>
  </si>
  <si>
    <t>14.4472017288208</t>
  </si>
  <si>
    <t>1025.5430908203125</t>
  </si>
  <si>
    <t>0.00026637858473677056</t>
  </si>
  <si>
    <t>13.682934761047363</t>
  </si>
  <si>
    <t>1125.9127197265625</t>
  </si>
  <si>
    <t>0.04056745649060289</t>
  </si>
  <si>
    <t>36647</t>
  </si>
  <si>
    <t>13.307933807373047</t>
  </si>
  <si>
    <t>1165.95166015625</t>
  </si>
  <si>
    <t>0.040569618260018814</t>
  </si>
  <si>
    <t>36824</t>
  </si>
  <si>
    <t>13.921517372131348</t>
  </si>
  <si>
    <t>1228.2000732421875</t>
  </si>
  <si>
    <t>0.004818236921428465</t>
  </si>
  <si>
    <t>14.596516609191895</t>
  </si>
  <si>
    <t>1611.9736328125</t>
  </si>
  <si>
    <t>-0.02452154314797994</t>
  </si>
  <si>
    <t>35041</t>
  </si>
  <si>
    <t>14.488184928894043</t>
  </si>
  <si>
    <t>1507.1102294921875</t>
  </si>
  <si>
    <t>-0.02510945889320837</t>
  </si>
  <si>
    <t>14.014782905578613</t>
  </si>
  <si>
    <t>1451.5870361328125</t>
  </si>
  <si>
    <t>0.0327336658301185</t>
  </si>
  <si>
    <t>36290</t>
  </si>
  <si>
    <t>14.08065128326416</t>
  </si>
  <si>
    <t>1377.885009765625</t>
  </si>
  <si>
    <t>0.002289750921107725</t>
  </si>
  <si>
    <t>36272</t>
  </si>
  <si>
    <t>14.021517753601074</t>
  </si>
  <si>
    <t>1331.6746826171875</t>
  </si>
  <si>
    <t>-0.0004961274598045406</t>
  </si>
  <si>
    <t>13.756450653076172</t>
  </si>
  <si>
    <t>1512.5543212890625</t>
  </si>
  <si>
    <t>0.01711125527040025</t>
  </si>
  <si>
    <t>37415</t>
  </si>
  <si>
    <t>14.778368949890137</t>
  </si>
  <si>
    <t>1306.59716796875</t>
  </si>
  <si>
    <t>0.013914344496747333</t>
  </si>
  <si>
    <t>38257</t>
  </si>
  <si>
    <t>13.642867088317871</t>
  </si>
  <si>
    <t>1166.119140625</t>
  </si>
  <si>
    <t>0.02225485653251802</t>
  </si>
  <si>
    <t>39172</t>
  </si>
  <si>
    <t>14.063300132751465</t>
  </si>
  <si>
    <t>1580.5556640625</t>
  </si>
  <si>
    <t>0.02363565579370963</t>
  </si>
  <si>
    <t>39673</t>
  </si>
  <si>
    <t>14.287501335144043</t>
  </si>
  <si>
    <t>1286.16015625</t>
  </si>
  <si>
    <t>0.012708649705498232</t>
  </si>
  <si>
    <t>14.186131477355957</t>
  </si>
  <si>
    <t>1575.1903076171875</t>
  </si>
  <si>
    <t>-0.021348953692436723</t>
  </si>
  <si>
    <t>37878</t>
  </si>
  <si>
    <t>14.193551063537598</t>
  </si>
  <si>
    <t>1337.0626220703125</t>
  </si>
  <si>
    <t>-0.024951433258067368</t>
  </si>
  <si>
    <t>14.30496597290039</t>
  </si>
  <si>
    <t>1524.4912109375</t>
  </si>
  <si>
    <t>0.02257962570621963</t>
  </si>
  <si>
    <t>37948</t>
  </si>
  <si>
    <t>14.076884269714355</t>
  </si>
  <si>
    <t>1450.349609375</t>
  </si>
  <si>
    <t>-0.020733292789131497</t>
  </si>
  <si>
    <t>13.883049011230469</t>
  </si>
  <si>
    <t>1366.8870849609375</t>
  </si>
  <si>
    <t>0.006958970324303593</t>
  </si>
  <si>
    <t>40890</t>
  </si>
  <si>
    <t>14.340583801269531</t>
  </si>
  <si>
    <t>1303.0384521484375</t>
  </si>
  <si>
    <t>0.06770976252161631</t>
  </si>
  <si>
    <t>14.036815643310547</t>
  </si>
  <si>
    <t>1535.300537109375</t>
  </si>
  <si>
    <t>-0.0014194466542267747</t>
  </si>
  <si>
    <t>42845</t>
  </si>
  <si>
    <t>14.541267395019531</t>
  </si>
  <si>
    <t>1600.5792236328125</t>
  </si>
  <si>
    <t>0.048122864398758125</t>
  </si>
  <si>
    <t>42704</t>
  </si>
  <si>
    <t>14.686701774597168</t>
  </si>
  <si>
    <t>1438.6761474609375</t>
  </si>
  <si>
    <t>-0.0032963594589148215</t>
  </si>
  <si>
    <t>43496</t>
  </si>
  <si>
    <t>13.864784240722656</t>
  </si>
  <si>
    <t>1153.2100830078125</t>
  </si>
  <si>
    <t>0.018376387181451292</t>
  </si>
  <si>
    <t>43625</t>
  </si>
  <si>
    <t>14.827568054199219</t>
  </si>
  <si>
    <t>1299.4915771484375</t>
  </si>
  <si>
    <t>0.0029614006789717706</t>
  </si>
  <si>
    <t>43244</t>
  </si>
  <si>
    <t>14.929167747497559</t>
  </si>
  <si>
    <t>1408.2850341796875</t>
  </si>
  <si>
    <t>-0.008771885092064835</t>
  </si>
  <si>
    <t>41553</t>
  </si>
  <si>
    <t>14.667750358581543</t>
  </si>
  <si>
    <t>1378.6898193359375</t>
  </si>
  <si>
    <t>-0.039888774569455165</t>
  </si>
  <si>
    <t>42805</t>
  </si>
  <si>
    <t>14.711017608642578</t>
  </si>
  <si>
    <t>1552.79833984375</t>
  </si>
  <si>
    <t>0.02968519733337871</t>
  </si>
  <si>
    <t>43398</t>
  </si>
  <si>
    <t>14.742066383361816</t>
  </si>
  <si>
    <t>1446.6497802734375</t>
  </si>
  <si>
    <t>0.013758438900749681</t>
  </si>
  <si>
    <t>23922</t>
  </si>
  <si>
    <t>14.133332252502441</t>
  </si>
  <si>
    <t>2378.39990234375</t>
  </si>
  <si>
    <t>41.111515045166016</t>
  </si>
  <si>
    <t>Tokushima</t>
  </si>
  <si>
    <t>24777</t>
  </si>
  <si>
    <t>2226.400146484375</t>
  </si>
  <si>
    <t>0.03511726586941677</t>
  </si>
  <si>
    <t>1966.10009765625</t>
  </si>
  <si>
    <t>0.021441798873567564</t>
  </si>
  <si>
    <t>2605.800048828125</t>
  </si>
  <si>
    <t>0.004414670157673939</t>
  </si>
  <si>
    <t>26048</t>
  </si>
  <si>
    <t>14.016667366027832</t>
  </si>
  <si>
    <t>1375.199951171875</t>
  </si>
  <si>
    <t>0.024168717292198494</t>
  </si>
  <si>
    <t>27086</t>
  </si>
  <si>
    <t>1665.9998779296875</t>
  </si>
  <si>
    <t>0.03907599941305051</t>
  </si>
  <si>
    <t>1498.900146484375</t>
  </si>
  <si>
    <t>0.03233001052789497</t>
  </si>
  <si>
    <t>2031.400146484375</t>
  </si>
  <si>
    <t>0.026594873230122218</t>
  </si>
  <si>
    <t>14.549999237060547</t>
  </si>
  <si>
    <t>2452.60009765625</t>
  </si>
  <si>
    <t>-0.003242284988623112</t>
  </si>
  <si>
    <t>2290.60009765625</t>
  </si>
  <si>
    <t>0.0068903390648014096</t>
  </si>
  <si>
    <t>28858</t>
  </si>
  <si>
    <t>1802.3001708984375</t>
  </si>
  <si>
    <t>0.0007973238076885991</t>
  </si>
  <si>
    <t>29505</t>
  </si>
  <si>
    <t>1842.199951171875</t>
  </si>
  <si>
    <t>0.022172489634067816</t>
  </si>
  <si>
    <t>0.010015764844135688</t>
  </si>
  <si>
    <t>2243.099853515625</t>
  </si>
  <si>
    <t>0.04243936917428037</t>
  </si>
  <si>
    <t>32098</t>
  </si>
  <si>
    <t>2428.5</t>
  </si>
  <si>
    <t>0.03177884837141676</t>
  </si>
  <si>
    <t>1497.5</t>
  </si>
  <si>
    <t>-0.008321649774337914</t>
  </si>
  <si>
    <t>32679</t>
  </si>
  <si>
    <t>2264.199951171875</t>
  </si>
  <si>
    <t>0.02626059664379099</t>
  </si>
  <si>
    <t>1597.5999755859375</t>
  </si>
  <si>
    <t>-0.0032796461635324903</t>
  </si>
  <si>
    <t>1910.2001953125</t>
  </si>
  <si>
    <t>0.0015951902272135499</t>
  </si>
  <si>
    <t>1958.5001220703125</t>
  </si>
  <si>
    <t>-0.01159218801723405</t>
  </si>
  <si>
    <t>2192.0</t>
  </si>
  <si>
    <t>0.08696486139526804</t>
  </si>
  <si>
    <t>35263</t>
  </si>
  <si>
    <t>2387.300048828125</t>
  </si>
  <si>
    <t>0.0024133683864739908</t>
  </si>
  <si>
    <t>2149.10009765625</t>
  </si>
  <si>
    <t>0.006106716554672431</t>
  </si>
  <si>
    <t>2054.60009765625</t>
  </si>
  <si>
    <t>0.04873781795153498</t>
  </si>
  <si>
    <t>38099</t>
  </si>
  <si>
    <t>2018.5997314453125</t>
  </si>
  <si>
    <t>0.022509244966229858</t>
  </si>
  <si>
    <t>2285.199951171875</t>
  </si>
  <si>
    <t>0.008520254355614654</t>
  </si>
  <si>
    <t>38386</t>
  </si>
  <si>
    <t>2308.39990234375</t>
  </si>
  <si>
    <t>-0.0010154796409729272</t>
  </si>
  <si>
    <t>39079</t>
  </si>
  <si>
    <t>1938.5</t>
  </si>
  <si>
    <t>0.017892428527167326</t>
  </si>
  <si>
    <t>2366.600341796875</t>
  </si>
  <si>
    <t>0.015463636687893967</t>
  </si>
  <si>
    <t>2127.900146484375</t>
  </si>
  <si>
    <t>0.01169809064167815</t>
  </si>
  <si>
    <t>2240.999755859375</t>
  </si>
  <si>
    <t>-0.0398833657308586</t>
  </si>
  <si>
    <t>2244.500244140625</t>
  </si>
  <si>
    <t>0.029695925459549244</t>
  </si>
  <si>
    <t>40298</t>
  </si>
  <si>
    <t>1755.89990234375</t>
  </si>
  <si>
    <t>0.013742314560458269</t>
  </si>
  <si>
    <t>63806</t>
  </si>
  <si>
    <t>16.32743263244629</t>
  </si>
  <si>
    <t>1471.1705322265625</t>
  </si>
  <si>
    <t>9979.091796875</t>
  </si>
  <si>
    <t>Tokyo</t>
  </si>
  <si>
    <t>63917</t>
  </si>
  <si>
    <t>15.690812110900879</t>
  </si>
  <si>
    <t>1696.0692138671875</t>
  </si>
  <si>
    <t>0.0017381368734739056</t>
  </si>
  <si>
    <t>63175</t>
  </si>
  <si>
    <t>15.397978782653809</t>
  </si>
  <si>
    <t>1497.3739013671875</t>
  </si>
  <si>
    <t>-0.011676713415258888</t>
  </si>
  <si>
    <t>62244</t>
  </si>
  <si>
    <t>14.702789306640625</t>
  </si>
  <si>
    <t>1588.9697265625</t>
  </si>
  <si>
    <t>-0.014846508116994173</t>
  </si>
  <si>
    <t>61682</t>
  </si>
  <si>
    <t>16.127788543701172</t>
  </si>
  <si>
    <t>1054.54345703125</t>
  </si>
  <si>
    <t>-0.009069991006350975</t>
  </si>
  <si>
    <t>63139</t>
  </si>
  <si>
    <t>15.272622108459473</t>
  </si>
  <si>
    <t>1216.810302734375</t>
  </si>
  <si>
    <t>0.023346491032796735</t>
  </si>
  <si>
    <t>63639</t>
  </si>
  <si>
    <t>14.95959758758545</t>
  </si>
  <si>
    <t>1154.2889404296875</t>
  </si>
  <si>
    <t>0.007887844774613129</t>
  </si>
  <si>
    <t>64953</t>
  </si>
  <si>
    <t>15.582716941833496</t>
  </si>
  <si>
    <t>1229.184326171875</t>
  </si>
  <si>
    <t>0.020437441468033057</t>
  </si>
  <si>
    <t>63305</t>
  </si>
  <si>
    <t>16.303266525268555</t>
  </si>
  <si>
    <t>1595.6368408203125</t>
  </si>
  <si>
    <t>-0.025699616454138763</t>
  </si>
  <si>
    <t>62580</t>
  </si>
  <si>
    <t>16.142574310302734</t>
  </si>
  <si>
    <t>1377.484619140625</t>
  </si>
  <si>
    <t>-0.011518576731480934</t>
  </si>
  <si>
    <t>62722</t>
  </si>
  <si>
    <t>15.686241149902344</t>
  </si>
  <si>
    <t>1368.209716796875</t>
  </si>
  <si>
    <t>0.0022665250481139765</t>
  </si>
  <si>
    <t>63670</t>
  </si>
  <si>
    <t>15.756073951721191</t>
  </si>
  <si>
    <t>1347.7109375</t>
  </si>
  <si>
    <t>0.015001230740084637</t>
  </si>
  <si>
    <t>62812</t>
  </si>
  <si>
    <t>15.644574165344238</t>
  </si>
  <si>
    <t>1345.4703369140625</t>
  </si>
  <si>
    <t>-0.013567356006227271</t>
  </si>
  <si>
    <t>63552</t>
  </si>
  <si>
    <t>15.443408012390137</t>
  </si>
  <si>
    <t>1514.398193359375</t>
  </si>
  <si>
    <t>0.01171233039999997</t>
  </si>
  <si>
    <t>67750</t>
  </si>
  <si>
    <t>16.408193588256836</t>
  </si>
  <si>
    <t>1355.8349609375</t>
  </si>
  <si>
    <t>0.06396599133710268</t>
  </si>
  <si>
    <t>69060</t>
  </si>
  <si>
    <t>15.331551551818848</t>
  </si>
  <si>
    <t>1248.4234619140625</t>
  </si>
  <si>
    <t>0.019151232202036184</t>
  </si>
  <si>
    <t>69566</t>
  </si>
  <si>
    <t>15.766169548034668</t>
  </si>
  <si>
    <t>1552.121826171875</t>
  </si>
  <si>
    <t>0.007300250273596376</t>
  </si>
  <si>
    <t>69742</t>
  </si>
  <si>
    <t>15.945980072021484</t>
  </si>
  <si>
    <t>1355.3128662109375</t>
  </si>
  <si>
    <t>0.0025267765475174286</t>
  </si>
  <si>
    <t>67849</t>
  </si>
  <si>
    <t>15.829550743103027</t>
  </si>
  <si>
    <t>1605.5509033203125</t>
  </si>
  <si>
    <t>-0.027518071004207556</t>
  </si>
  <si>
    <t>62986</t>
  </si>
  <si>
    <t>15.764288902282715</t>
  </si>
  <si>
    <t>1405.3109130859375</t>
  </si>
  <si>
    <t>-0.0743721683044587</t>
  </si>
  <si>
    <t>70564</t>
  </si>
  <si>
    <t>15.88083553314209</t>
  </si>
  <si>
    <t>1580.7432861328125</t>
  </si>
  <si>
    <t>0.11360761995986657</t>
  </si>
  <si>
    <t>71292</t>
  </si>
  <si>
    <t>15.644217491149902</t>
  </si>
  <si>
    <t>1419.677490234375</t>
  </si>
  <si>
    <t>0.010264019727443952</t>
  </si>
  <si>
    <t>72057</t>
  </si>
  <si>
    <t>15.459479331970215</t>
  </si>
  <si>
    <t>1425.205810546875</t>
  </si>
  <si>
    <t>0.010673353318352952</t>
  </si>
  <si>
    <t>72820</t>
  </si>
  <si>
    <t>15.867573738098145</t>
  </si>
  <si>
    <t>1337.2388916015625</t>
  </si>
  <si>
    <t>0.010533170267329695</t>
  </si>
  <si>
    <t>72044</t>
  </si>
  <si>
    <t>15.587525367736816</t>
  </si>
  <si>
    <t>1526.134033203125</t>
  </si>
  <si>
    <t>-0.01071359927247606</t>
  </si>
  <si>
    <t>71995</t>
  </si>
  <si>
    <t>16.06757354736328</t>
  </si>
  <si>
    <t>1591.1903076171875</t>
  </si>
  <si>
    <t>-0.0006803713145764334</t>
  </si>
  <si>
    <t>71863</t>
  </si>
  <si>
    <t>16.23600196838379</t>
  </si>
  <si>
    <t>1514.1866455078125</t>
  </si>
  <si>
    <t>-0.0018351435032499808</t>
  </si>
  <si>
    <t>74597</t>
  </si>
  <si>
    <t>15.38424015045166</t>
  </si>
  <si>
    <t>1260.283447265625</t>
  </si>
  <si>
    <t>0.037338763266895114</t>
  </si>
  <si>
    <t>75006</t>
  </si>
  <si>
    <t>16.258764266967773</t>
  </si>
  <si>
    <t>1357.0072021484375</t>
  </si>
  <si>
    <t>0.005467818412601133</t>
  </si>
  <si>
    <t>74924</t>
  </si>
  <si>
    <t>16.452669143676758</t>
  </si>
  <si>
    <t>1622.4144287109375</t>
  </si>
  <si>
    <t>-0.0010938439028347346</t>
  </si>
  <si>
    <t>16.167573928833008</t>
  </si>
  <si>
    <t>1497.796142578125</t>
  </si>
  <si>
    <t>-0.03987759427341153</t>
  </si>
  <si>
    <t>74164</t>
  </si>
  <si>
    <t>16.25595474243164</t>
  </si>
  <si>
    <t>1635.0985107421875</t>
  </si>
  <si>
    <t>0.029682185075373013</t>
  </si>
  <si>
    <t>75191</t>
  </si>
  <si>
    <t>16.2642879486084</t>
  </si>
  <si>
    <t>1465.764404296875</t>
  </si>
  <si>
    <t>0.013752685706798218</t>
  </si>
  <si>
    <t>26656</t>
  </si>
  <si>
    <t>13.629356384277344</t>
  </si>
  <si>
    <t>2016.710205078125</t>
  </si>
  <si>
    <t>299.56634521484375</t>
  </si>
  <si>
    <t>Tottori</t>
  </si>
  <si>
    <t>27508</t>
  </si>
  <si>
    <t>13.072521209716797</t>
  </si>
  <si>
    <t>1996.55126953125</t>
  </si>
  <si>
    <t>0.03146260547315727</t>
  </si>
  <si>
    <t>12.876266479492188</t>
  </si>
  <si>
    <t>1606.6309814453125</t>
  </si>
  <si>
    <t>0.01260740983256703</t>
  </si>
  <si>
    <t>12.19517993927002</t>
  </si>
  <si>
    <t>2189.039306640625</t>
  </si>
  <si>
    <t>-0.000359040647257558</t>
  </si>
  <si>
    <t>13.54522705078125</t>
  </si>
  <si>
    <t>1288.9168701171875</t>
  </si>
  <si>
    <t>0.037635250967282374</t>
  </si>
  <si>
    <t>29671</t>
  </si>
  <si>
    <t>12.578606605529785</t>
  </si>
  <si>
    <t>1528.37890625</t>
  </si>
  <si>
    <t>0.025809646202773706</t>
  </si>
  <si>
    <t>12.51034927368164</t>
  </si>
  <si>
    <t>1404.5966796875</t>
  </si>
  <si>
    <t>0.026408345887503515</t>
  </si>
  <si>
    <t>13.080059051513672</t>
  </si>
  <si>
    <t>2101.215576171875</t>
  </si>
  <si>
    <t>0.0053687888802933514</t>
  </si>
  <si>
    <t>14.126172065734863</t>
  </si>
  <si>
    <t>1858.833251953125</t>
  </si>
  <si>
    <t>-0.0018300060660862982</t>
  </si>
  <si>
    <t>31075</t>
  </si>
  <si>
    <t>13.450562477111816</t>
  </si>
  <si>
    <t>1874.335205078125</t>
  </si>
  <si>
    <t>0.016286370882109935</t>
  </si>
  <si>
    <t>13.11568546295166</t>
  </si>
  <si>
    <t>1592.021484375</t>
  </si>
  <si>
    <t>0.02501043975392747</t>
  </si>
  <si>
    <t>13.317184448242188</t>
  </si>
  <si>
    <t>1674.9091796875</t>
  </si>
  <si>
    <t>0.011545670738343006</t>
  </si>
  <si>
    <t>31152</t>
  </si>
  <si>
    <t>13.208102226257324</t>
  </si>
  <si>
    <t>1452.5399169921875</t>
  </si>
  <si>
    <t>-0.03408129925920278</t>
  </si>
  <si>
    <t>31580</t>
  </si>
  <si>
    <t>13.119430541992188</t>
  </si>
  <si>
    <t>1939.7623291015625</t>
  </si>
  <si>
    <t>0.013645560197652173</t>
  </si>
  <si>
    <t>31728</t>
  </si>
  <si>
    <t>13.911892890930176</t>
  </si>
  <si>
    <t>2028.5291748046875</t>
  </si>
  <si>
    <t>0.004675562949945089</t>
  </si>
  <si>
    <t>12.941433906555176</t>
  </si>
  <si>
    <t>1341.5211181640625</t>
  </si>
  <si>
    <t>-0.019734550944743745</t>
  </si>
  <si>
    <t>13.377811431884766</t>
  </si>
  <si>
    <t>1963.92724609375</t>
  </si>
  <si>
    <t>0.051315796384603374</t>
  </si>
  <si>
    <t>13.680011749267578</t>
  </si>
  <si>
    <t>1552.8515625</t>
  </si>
  <si>
    <t>-0.012754294934495647</t>
  </si>
  <si>
    <t>13.24068546295166</t>
  </si>
  <si>
    <t>1660.3773193359375</t>
  </si>
  <si>
    <t>0.011012107590802955</t>
  </si>
  <si>
    <t>13.374767303466797</t>
  </si>
  <si>
    <t>1698.0511474609375</t>
  </si>
  <si>
    <t>-0.06157148923871425</t>
  </si>
  <si>
    <t>13.310394287109375</t>
  </si>
  <si>
    <t>1926.5247802734375</t>
  </si>
  <si>
    <t>-0.08126348049285781</t>
  </si>
  <si>
    <t>13.182351112365723</t>
  </si>
  <si>
    <t>2051.027587890625</t>
  </si>
  <si>
    <t>-0.014251685020125748</t>
  </si>
  <si>
    <t>28342</t>
  </si>
  <si>
    <t>12.878559112548828</t>
  </si>
  <si>
    <t>2007.3291015625</t>
  </si>
  <si>
    <t>0.014392828280769265</t>
  </si>
  <si>
    <t>13.502718925476074</t>
  </si>
  <si>
    <t>1855.6190185546875</t>
  </si>
  <si>
    <t>0.025465105017843825</t>
  </si>
  <si>
    <t>29246</t>
  </si>
  <si>
    <t>13.029309272766113</t>
  </si>
  <si>
    <t>1928.2469482421875</t>
  </si>
  <si>
    <t>0.005932903769164</t>
  </si>
  <si>
    <t>13.482398986816406</t>
  </si>
  <si>
    <t>2067.76611328125</t>
  </si>
  <si>
    <t>0.02602107564420919</t>
  </si>
  <si>
    <t>14.014141082763672</t>
  </si>
  <si>
    <t>2047.08154296875</t>
  </si>
  <si>
    <t>0.0208035195644527</t>
  </si>
  <si>
    <t>30727</t>
  </si>
  <si>
    <t>13.030806541442871</t>
  </si>
  <si>
    <t>1608.011962890625</t>
  </si>
  <si>
    <t>0.0025743395072659325</t>
  </si>
  <si>
    <t>13.838391304016113</t>
  </si>
  <si>
    <t>2105.693359375</t>
  </si>
  <si>
    <t>0.0021456445162808535</t>
  </si>
  <si>
    <t>14.112595558166504</t>
  </si>
  <si>
    <t>1881.6787109375</t>
  </si>
  <si>
    <t>0.0014278762769990294</t>
  </si>
  <si>
    <t>13.728560447692871</t>
  </si>
  <si>
    <t>2013.220947265625</t>
  </si>
  <si>
    <t>-0.039860409235124905</t>
  </si>
  <si>
    <t>30525</t>
  </si>
  <si>
    <t>13.88305377960205</t>
  </si>
  <si>
    <t>1971.167724609375</t>
  </si>
  <si>
    <t>0.029691161532998223</t>
  </si>
  <si>
    <t>13.902764320373535</t>
  </si>
  <si>
    <t>1506.0576171875</t>
  </si>
  <si>
    <t>0.01373004390265109</t>
  </si>
  <si>
    <t>2147.400146484375</t>
  </si>
  <si>
    <t>354.3445129394531</t>
  </si>
  <si>
    <t>Toyama</t>
  </si>
  <si>
    <t>2371.60009765625</t>
  </si>
  <si>
    <t>0.032690912781593084</t>
  </si>
  <si>
    <t>1989.500244140625</t>
  </si>
  <si>
    <t>0.004008500984978625</t>
  </si>
  <si>
    <t>0.004051965977698302</t>
  </si>
  <si>
    <t>1530.0</t>
  </si>
  <si>
    <t>0.005692614993286327</t>
  </si>
  <si>
    <t>1900.300048828125</t>
  </si>
  <si>
    <t>0.0188027211715589</t>
  </si>
  <si>
    <t>36181</t>
  </si>
  <si>
    <t>12.916667938232422</t>
  </si>
  <si>
    <t>1958.800048828125</t>
  </si>
  <si>
    <t>0.04856078830567512</t>
  </si>
  <si>
    <t>2505.30029296875</t>
  </si>
  <si>
    <t>-0.00515407924379474</t>
  </si>
  <si>
    <t>2163.10009765625</t>
  </si>
  <si>
    <t>-0.017431222658620626</t>
  </si>
  <si>
    <t>2225.300048828125</t>
  </si>
  <si>
    <t>-0.010115159408519148</t>
  </si>
  <si>
    <t>2101.7998046875</t>
  </si>
  <si>
    <t>0.061871976805285556</t>
  </si>
  <si>
    <t>1977.5001220703125</t>
  </si>
  <si>
    <t>-0.007166171996727755</t>
  </si>
  <si>
    <t>37335</t>
  </si>
  <si>
    <t>2284.10009765625</t>
  </si>
  <si>
    <t>0.009391761824980804</t>
  </si>
  <si>
    <t>38493</t>
  </si>
  <si>
    <t>2035.0001220703125</t>
  </si>
  <si>
    <t>0.03054518209332535</t>
  </si>
  <si>
    <t>2324.300048828125</t>
  </si>
  <si>
    <t>0.02097709370956835</t>
  </si>
  <si>
    <t>39635</t>
  </si>
  <si>
    <t>1817.2000732421875</t>
  </si>
  <si>
    <t>0.008259065998560189</t>
  </si>
  <si>
    <t>0.007039626808643007</t>
  </si>
  <si>
    <t>1822.9000244140625</t>
  </si>
  <si>
    <t>0.009723337637803198</t>
  </si>
  <si>
    <t>39933</t>
  </si>
  <si>
    <t>1907.4000244140625</t>
  </si>
  <si>
    <t>-0.00927248100257394</t>
  </si>
  <si>
    <t>36008</t>
  </si>
  <si>
    <t>2076.60009765625</t>
  </si>
  <si>
    <t>-0.10346191374235936</t>
  </si>
  <si>
    <t>2349.60009765625</t>
  </si>
  <si>
    <t>0.05867544371296418</t>
  </si>
  <si>
    <t>38066</t>
  </si>
  <si>
    <t>2253.900146484375</t>
  </si>
  <si>
    <t>-0.003095084438003326</t>
  </si>
  <si>
    <t>38574</t>
  </si>
  <si>
    <t>2245.000244140625</t>
  </si>
  <si>
    <t>0.01325697912201207</t>
  </si>
  <si>
    <t>39604</t>
  </si>
  <si>
    <t>13.808335304260254</t>
  </si>
  <si>
    <t>2553.599853515625</t>
  </si>
  <si>
    <t>0.026351648872664057</t>
  </si>
  <si>
    <t>39946</t>
  </si>
  <si>
    <t>2403.5</t>
  </si>
  <si>
    <t>0.008598418782710837</t>
  </si>
  <si>
    <t>2128.500244140625</t>
  </si>
  <si>
    <t>0.015179850007397633</t>
  </si>
  <si>
    <t>2081.800048828125</t>
  </si>
  <si>
    <t>-0.005538399618705725</t>
  </si>
  <si>
    <t>2181.39990234375</t>
  </si>
  <si>
    <t>0.013862266323398487</t>
  </si>
  <si>
    <t>42472</t>
  </si>
  <si>
    <t>0.037812776526299885</t>
  </si>
  <si>
    <t>42708</t>
  </si>
  <si>
    <t>14.416665077209473</t>
  </si>
  <si>
    <t>1838.5</t>
  </si>
  <si>
    <t>0.005541221034686572</t>
  </si>
  <si>
    <t>41039</t>
  </si>
  <si>
    <t>2260.2998046875</t>
  </si>
  <si>
    <t>-0.039863422222143896</t>
  </si>
  <si>
    <t>42275</t>
  </si>
  <si>
    <t>2268.2998046875</t>
  </si>
  <si>
    <t>0.02967306069073139</t>
  </si>
  <si>
    <t>2082.0</t>
  </si>
  <si>
    <t>0.013766426766487427</t>
  </si>
  <si>
    <t>16.587244033813477</t>
  </si>
  <si>
    <t>2037.8001708984375</t>
  </si>
  <si>
    <t>1133.0799560546875</t>
  </si>
  <si>
    <t>Wakayama</t>
  </si>
  <si>
    <t>24805</t>
  </si>
  <si>
    <t>16.089807510375977</t>
  </si>
  <si>
    <t>1933.3165283203125</t>
  </si>
  <si>
    <t>0.047343921629467545</t>
  </si>
  <si>
    <t>15.782917022705078</t>
  </si>
  <si>
    <t>1694.40576171875</t>
  </si>
  <si>
    <t>0.001812506789624635</t>
  </si>
  <si>
    <t>25739</t>
  </si>
  <si>
    <t>15.091251373291016</t>
  </si>
  <si>
    <t>2125.364990234375</t>
  </si>
  <si>
    <t>0.035149598831811346</t>
  </si>
  <si>
    <t>25453</t>
  </si>
  <si>
    <t>16.47787857055664</t>
  </si>
  <si>
    <t>1153.371337890625</t>
  </si>
  <si>
    <t>-0.011173737132470052</t>
  </si>
  <si>
    <t>15.560696601867676</t>
  </si>
  <si>
    <t>1435.645751953125</t>
  </si>
  <si>
    <t>0.009929714113113164</t>
  </si>
  <si>
    <t>26657</t>
  </si>
  <si>
    <t>15.426436424255371</t>
  </si>
  <si>
    <t>1421.302978515625</t>
  </si>
  <si>
    <t>0.03628845193167329</t>
  </si>
  <si>
    <t>26816</t>
  </si>
  <si>
    <t>15.982205390930176</t>
  </si>
  <si>
    <t>1764.0872802734375</t>
  </si>
  <si>
    <t>0.005946944012906741</t>
  </si>
  <si>
    <t>16.947839736938477</t>
  </si>
  <si>
    <t>2094.274658203125</t>
  </si>
  <si>
    <t>-0.005496882121802216</t>
  </si>
  <si>
    <t>16.43939781188965</t>
  </si>
  <si>
    <t>1943.2470703125</t>
  </si>
  <si>
    <t>0.009850458366861048</t>
  </si>
  <si>
    <t>28664</t>
  </si>
  <si>
    <t>16.08445167541504</t>
  </si>
  <si>
    <t>1662.3359375</t>
  </si>
  <si>
    <t>0.06228967945792263</t>
  </si>
  <si>
    <t>16.248037338256836</t>
  </si>
  <si>
    <t>1613.085205078125</t>
  </si>
  <si>
    <t>0.022764313358687005</t>
  </si>
  <si>
    <t>29477</t>
  </si>
  <si>
    <t>16.124067306518555</t>
  </si>
  <si>
    <t>1470.9949951171875</t>
  </si>
  <si>
    <t>0.0052040048737644895</t>
  </si>
  <si>
    <t>16.00749397277832</t>
  </si>
  <si>
    <t>1941.779296875</t>
  </si>
  <si>
    <t>0.019518550276798052</t>
  </si>
  <si>
    <t>16.86089324951172</t>
  </si>
  <si>
    <t>1996.235107421875</t>
  </si>
  <si>
    <t>0.02704464138676954</t>
  </si>
  <si>
    <t>15.862747192382812</t>
  </si>
  <si>
    <t>1296.3775634765625</t>
  </si>
  <si>
    <t>0.04860202640885802</t>
  </si>
  <si>
    <t>16.26140785217285</t>
  </si>
  <si>
    <t>1887.645751953125</t>
  </si>
  <si>
    <t>-0.023689876756511907</t>
  </si>
  <si>
    <t>16.53044319152832</t>
  </si>
  <si>
    <t>1407.06640625</t>
  </si>
  <si>
    <t>0.009211729054360518</t>
  </si>
  <si>
    <t>16.158843994140625</t>
  </si>
  <si>
    <t>1623.38427734375</t>
  </si>
  <si>
    <t>-0.0030402305155607934</t>
  </si>
  <si>
    <t>29840</t>
  </si>
  <si>
    <t>16.26336669921875</t>
  </si>
  <si>
    <t>1651.3380126953125</t>
  </si>
  <si>
    <t>-0.06540736275425729</t>
  </si>
  <si>
    <t>16.234357833862305</t>
  </si>
  <si>
    <t>1987.83740234375</t>
  </si>
  <si>
    <t>0.11736590964848759</t>
  </si>
  <si>
    <t>34224</t>
  </si>
  <si>
    <t>16.089704513549805</t>
  </si>
  <si>
    <t>1981.821044921875</t>
  </si>
  <si>
    <t>0.019711467356001933</t>
  </si>
  <si>
    <t>15.781794548034668</t>
  </si>
  <si>
    <t>1941.92431640625</t>
  </si>
  <si>
    <t>0.023563113728140905</t>
  </si>
  <si>
    <t>16.359769821166992</t>
  </si>
  <si>
    <t>1781.6805419921875</t>
  </si>
  <si>
    <t>0.01779169814652093</t>
  </si>
  <si>
    <t>15.933432579040527</t>
  </si>
  <si>
    <t>1819.8721923828125</t>
  </si>
  <si>
    <t>-0.018791055785550626</t>
  </si>
  <si>
    <t>34261</t>
  </si>
  <si>
    <t>16.45946502685547</t>
  </si>
  <si>
    <t>2025.88720703125</t>
  </si>
  <si>
    <t>-0.021483227401080995</t>
  </si>
  <si>
    <t>36116</t>
  </si>
  <si>
    <t>16.89217758178711</t>
  </si>
  <si>
    <t>1940.991943359375</t>
  </si>
  <si>
    <t>0.05272829941715251</t>
  </si>
  <si>
    <t>15.903910636901855</t>
  </si>
  <si>
    <t>1561.8677978515625</t>
  </si>
  <si>
    <t>-0.042564429831971395</t>
  </si>
  <si>
    <t>16.745576858520508</t>
  </si>
  <si>
    <t>2003.0889892578125</t>
  </si>
  <si>
    <t>0.033804275364168745</t>
  </si>
  <si>
    <t>36488</t>
  </si>
  <si>
    <t>17.003395080566406</t>
  </si>
  <si>
    <t>1878.6136474609375</t>
  </si>
  <si>
    <t>0.01900761343196855</t>
  </si>
  <si>
    <t>16.64320945739746</t>
  </si>
  <si>
    <t>1940.9171142578125</t>
  </si>
  <si>
    <t>-0.03989403779026901</t>
  </si>
  <si>
    <t>36118</t>
  </si>
  <si>
    <t>1991.369384765625</t>
  </si>
  <si>
    <t>0.029701954411020637</t>
  </si>
  <si>
    <t>16.804838180541992</t>
  </si>
  <si>
    <t>1606.0689697265625</t>
  </si>
  <si>
    <t>0.013748566760261483</t>
  </si>
  <si>
    <t>25193</t>
  </si>
  <si>
    <t>11.862469673156738</t>
  </si>
  <si>
    <t>1546.62060546875</t>
  </si>
  <si>
    <t>465.21905517578125</t>
  </si>
  <si>
    <t>Yamagata</t>
  </si>
  <si>
    <t>11.06334400177002</t>
  </si>
  <si>
    <t>1694.3779296875</t>
  </si>
  <si>
    <t>0.024815558272251792</t>
  </si>
  <si>
    <t>10.678924560546875</t>
  </si>
  <si>
    <t>1247.0203857421875</t>
  </si>
  <si>
    <t>0.017274238605766712</t>
  </si>
  <si>
    <t>26389</t>
  </si>
  <si>
    <t>10.09404468536377</t>
  </si>
  <si>
    <t>1584.1607666015625</t>
  </si>
  <si>
    <t>0.004291281625702581</t>
  </si>
  <si>
    <t>11.46936321258545</t>
  </si>
  <si>
    <t>1057.509521484375</t>
  </si>
  <si>
    <t>0.022778492063991962</t>
  </si>
  <si>
    <t>10.79246997833252</t>
  </si>
  <si>
    <t>1270.9154052734375</t>
  </si>
  <si>
    <t>0.026067610154965948</t>
  </si>
  <si>
    <t>10.339253425598145</t>
  </si>
  <si>
    <t>1232.1923828125</t>
  </si>
  <si>
    <t>0.05169018421975302</t>
  </si>
  <si>
    <t>10.900890350341797</t>
  </si>
  <si>
    <t>1429.0352783203125</t>
  </si>
  <si>
    <t>0.01503378541014122</t>
  </si>
  <si>
    <t>11.462535858154297</t>
  </si>
  <si>
    <t>1656.7498779296875</t>
  </si>
  <si>
    <t>-0.0035848393086599373</t>
  </si>
  <si>
    <t>29844</t>
  </si>
  <si>
    <t>11.529528617858887</t>
  </si>
  <si>
    <t>1687.21435546875</t>
  </si>
  <si>
    <t>0.01105132541314724</t>
  </si>
  <si>
    <t>11.020476341247559</t>
  </si>
  <si>
    <t>1401.86328125</t>
  </si>
  <si>
    <t>0.04324767903748139</t>
  </si>
  <si>
    <t>10.987834930419922</t>
  </si>
  <si>
    <t>1383.1043701171875</t>
  </si>
  <si>
    <t>-0.026204360231016466</t>
  </si>
  <si>
    <t>10.993094444274902</t>
  </si>
  <si>
    <t>1603.3958740234375</t>
  </si>
  <si>
    <t>0.007972875542602509</t>
  </si>
  <si>
    <t>10.723881721496582</t>
  </si>
  <si>
    <t>1418.6854248046875</t>
  </si>
  <si>
    <t>0.0018610123398463685</t>
  </si>
  <si>
    <t>31592</t>
  </si>
  <si>
    <t>11.709040641784668</t>
  </si>
  <si>
    <t>1593.2730712890625</t>
  </si>
  <si>
    <t>0.030042902686165718</t>
  </si>
  <si>
    <t>10.690849304199219</t>
  </si>
  <si>
    <t>1322.2127685546875</t>
  </si>
  <si>
    <t>0.008133458033825036</t>
  </si>
  <si>
    <t>32081</t>
  </si>
  <si>
    <t>11.127398490905762</t>
  </si>
  <si>
    <t>1718.7535400390625</t>
  </si>
  <si>
    <t>0.007226572564126954</t>
  </si>
  <si>
    <t>11.3098783493042</t>
  </si>
  <si>
    <t>1337.510986328125</t>
  </si>
  <si>
    <t>0.04112991755689066</t>
  </si>
  <si>
    <t>32278</t>
  </si>
  <si>
    <t>11.299026489257812</t>
  </si>
  <si>
    <t>1400.892578125</t>
  </si>
  <si>
    <t>-0.03500798852556031</t>
  </si>
  <si>
    <t>30201</t>
  </si>
  <si>
    <t>11.217891693115234</t>
  </si>
  <si>
    <t>1530.6934814453125</t>
  </si>
  <si>
    <t>-0.0665108471982343</t>
  </si>
  <si>
    <t>11.37712574005127</t>
  </si>
  <si>
    <t>1521.538330078125</t>
  </si>
  <si>
    <t>0.0004965489947608148</t>
  </si>
  <si>
    <t>29702</t>
  </si>
  <si>
    <t>11.112476348876953</t>
  </si>
  <si>
    <t>1473.1190185546875</t>
  </si>
  <si>
    <t>-0.017157201801403232</t>
  </si>
  <si>
    <t>10.926109313964844</t>
  </si>
  <si>
    <t>1426.4263916015625</t>
  </si>
  <si>
    <t>0.030079699752525002</t>
  </si>
  <si>
    <t>11.28140926361084</t>
  </si>
  <si>
    <t>1680.7655029296875</t>
  </si>
  <si>
    <t>0.05085868723452691</t>
  </si>
  <si>
    <t>31855</t>
  </si>
  <si>
    <t>11.122450828552246</t>
  </si>
  <si>
    <t>1613.1629638671875</t>
  </si>
  <si>
    <t>-0.010958415027353396</t>
  </si>
  <si>
    <t>11.641316413879395</t>
  </si>
  <si>
    <t>1444.1572265625</t>
  </si>
  <si>
    <t>0.026425340731279334</t>
  </si>
  <si>
    <t>34016</t>
  </si>
  <si>
    <t>11.619877815246582</t>
  </si>
  <si>
    <t>1419.7001953125</t>
  </si>
  <si>
    <t>0.0392113058598067</t>
  </si>
  <si>
    <t>10.912494659423828</t>
  </si>
  <si>
    <t>1500.8114013671875</t>
  </si>
  <si>
    <t>0.05357197561831484</t>
  </si>
  <si>
    <t>11.74413776397705</t>
  </si>
  <si>
    <t>1515.9111328125</t>
  </si>
  <si>
    <t>0.0007520577489117386</t>
  </si>
  <si>
    <t>11.891825675964355</t>
  </si>
  <si>
    <t>1340.481689453125</t>
  </si>
  <si>
    <t>0.014182674178808696</t>
  </si>
  <si>
    <t>11.67539119720459</t>
  </si>
  <si>
    <t>1505.5111083984375</t>
  </si>
  <si>
    <t>-0.03987536903198752</t>
  </si>
  <si>
    <t>11.786757469177246</t>
  </si>
  <si>
    <t>1550.954345703125</t>
  </si>
  <si>
    <t>0.02966641244642254</t>
  </si>
  <si>
    <t>36558</t>
  </si>
  <si>
    <t>11.766987800598145</t>
  </si>
  <si>
    <t>1465.429443359375</t>
  </si>
  <si>
    <t>0.013771287374403585</t>
  </si>
  <si>
    <t>28613</t>
  </si>
  <si>
    <t>15.532511711120605</t>
  </si>
  <si>
    <t>1849.97265625</t>
  </si>
  <si>
    <t>674.4528198242188</t>
  </si>
  <si>
    <t>Yamaguchi</t>
  </si>
  <si>
    <t>29834</t>
  </si>
  <si>
    <t>15.007176399230957</t>
  </si>
  <si>
    <t>2023.0960693359375</t>
  </si>
  <si>
    <t>0.041787522725877935</t>
  </si>
  <si>
    <t>14.900689125061035</t>
  </si>
  <si>
    <t>1633.3468017578125</t>
  </si>
  <si>
    <t>0.050585797405137356</t>
  </si>
  <si>
    <t>14.280898094177246</t>
  </si>
  <si>
    <t>2271.5390625</t>
  </si>
  <si>
    <t>-0.03031270307633882</t>
  </si>
  <si>
    <t>15.606921195983887</t>
  </si>
  <si>
    <t>1176.4425048828125</t>
  </si>
  <si>
    <t>0.01376587500124593</t>
  </si>
  <si>
    <t>14.58443832397461</t>
  </si>
  <si>
    <t>1539.8218994140625</t>
  </si>
  <si>
    <t>0.02280469065320112</t>
  </si>
  <si>
    <t>14.572261810302734</t>
  </si>
  <si>
    <t>1435.462158203125</t>
  </si>
  <si>
    <t>0.024863288796783678</t>
  </si>
  <si>
    <t>33330</t>
  </si>
  <si>
    <t>15.150465965270996</t>
  </si>
  <si>
    <t>2065.4736328125</t>
  </si>
  <si>
    <t>0.029102260807880143</t>
  </si>
  <si>
    <t>16.18889808654785</t>
  </si>
  <si>
    <t>1974.150146484375</t>
  </si>
  <si>
    <t>-0.02309697660386867</t>
  </si>
  <si>
    <t>32460</t>
  </si>
  <si>
    <t>15.36711597442627</t>
  </si>
  <si>
    <t>2114.402099609375</t>
  </si>
  <si>
    <t>-0.0033523536293351697</t>
  </si>
  <si>
    <t>15.115317344665527</t>
  </si>
  <si>
    <t>1506.1405029296875</t>
  </si>
  <si>
    <t>0.03308791207311934</t>
  </si>
  <si>
    <t>33886</t>
  </si>
  <si>
    <t>15.348777770996094</t>
  </si>
  <si>
    <t>1748.0479736328125</t>
  </si>
  <si>
    <t>0.009905475576351463</t>
  </si>
  <si>
    <t>15.170111656188965</t>
  </si>
  <si>
    <t>1515.151611328125</t>
  </si>
  <si>
    <t>0.026328039427935934</t>
  </si>
  <si>
    <t>35140</t>
  </si>
  <si>
    <t>15.156678199768066</t>
  </si>
  <si>
    <t>1974.62158203125</t>
  </si>
  <si>
    <t>0.010010093595099079</t>
  </si>
  <si>
    <t>15.867691040039062</t>
  </si>
  <si>
    <t>1867.93212890625</t>
  </si>
  <si>
    <t>0.02819854369331054</t>
  </si>
  <si>
    <t>14.979050636291504</t>
  </si>
  <si>
    <t>1324.294677734375</t>
  </si>
  <si>
    <t>0.036748971768497896</t>
  </si>
  <si>
    <t>15.364996910095215</t>
  </si>
  <si>
    <t>2059.72265625</t>
  </si>
  <si>
    <t>-0.0091623326954835</t>
  </si>
  <si>
    <t>15.72280502319336</t>
  </si>
  <si>
    <t>1578.092041015625</t>
  </si>
  <si>
    <t>0.026007230090927536</t>
  </si>
  <si>
    <t>38108</t>
  </si>
  <si>
    <t>15.19471263885498</t>
  </si>
  <si>
    <t>1619.9815673828125</t>
  </si>
  <si>
    <t>-0.0007082617716704931</t>
  </si>
  <si>
    <t>15.325210571289062</t>
  </si>
  <si>
    <t>1615.7197265625</t>
  </si>
  <si>
    <t>-0.05197303456508884</t>
  </si>
  <si>
    <t>37950</t>
  </si>
  <si>
    <t>15.199076652526855</t>
  </si>
  <si>
    <t>1896.373046875</t>
  </si>
  <si>
    <t>0.04781830456219538</t>
  </si>
  <si>
    <t>37786</t>
  </si>
  <si>
    <t>15.142082214355469</t>
  </si>
  <si>
    <t>1995.7481689453125</t>
  </si>
  <si>
    <t>-0.00433084019051222</t>
  </si>
  <si>
    <t>38095</t>
  </si>
  <si>
    <t>14.808223724365234</t>
  </si>
  <si>
    <t>2010.7313232421875</t>
  </si>
  <si>
    <t>0.008144376273845566</t>
  </si>
  <si>
    <t>39756</t>
  </si>
  <si>
    <t>15.5027437210083</t>
  </si>
  <si>
    <t>1691.72412109375</t>
  </si>
  <si>
    <t>0.0426777331807866</t>
  </si>
  <si>
    <t>15.029004096984863</t>
  </si>
  <si>
    <t>1893.5738525390625</t>
  </si>
  <si>
    <t>0.009338491849375075</t>
  </si>
  <si>
    <t>39311</t>
  </si>
  <si>
    <t>15.392401695251465</t>
  </si>
  <si>
    <t>2044.7877197265625</t>
  </si>
  <si>
    <t>-0.02059488702528789</t>
  </si>
  <si>
    <t>40926</t>
  </si>
  <si>
    <t>16.014423370361328</t>
  </si>
  <si>
    <t>2078.1513671875</t>
  </si>
  <si>
    <t>0.04026117997079126</t>
  </si>
  <si>
    <t>15.064838409423828</t>
  </si>
  <si>
    <t>1537.8170166015625</t>
  </si>
  <si>
    <t>0.037008840114836516</t>
  </si>
  <si>
    <t>42745</t>
  </si>
  <si>
    <t>15.776911735534668</t>
  </si>
  <si>
    <t>2100.074462890625</t>
  </si>
  <si>
    <t>0.0064778314627229605</t>
  </si>
  <si>
    <t>42454</t>
  </si>
  <si>
    <t>16.04129981994629</t>
  </si>
  <si>
    <t>1887.634765625</t>
  </si>
  <si>
    <t>-0.00683109265594517</t>
  </si>
  <si>
    <t>40795</t>
  </si>
  <si>
    <t>15.613258361816406</t>
  </si>
  <si>
    <t>2211.708984375</t>
  </si>
  <si>
    <t>-0.03986161194148785</t>
  </si>
  <si>
    <t>42024</t>
  </si>
  <si>
    <t>15.906105041503906</t>
  </si>
  <si>
    <t>1840.4993896484375</t>
  </si>
  <si>
    <t>0.029681358770897504</t>
  </si>
  <si>
    <t>42606</t>
  </si>
  <si>
    <t>15.852726936340332</t>
  </si>
  <si>
    <t>1444.193603515625</t>
  </si>
  <si>
    <t>0.013754204776351031</t>
  </si>
  <si>
    <t>29894</t>
  </si>
  <si>
    <t>1546.7999267578125</t>
  </si>
  <si>
    <t>247.41268920898438</t>
  </si>
  <si>
    <t>Yamanashi</t>
  </si>
  <si>
    <t>1859.5</t>
  </si>
  <si>
    <t>0.019773766737280596</t>
  </si>
  <si>
    <t>29960</t>
  </si>
  <si>
    <t>1508.599853515625</t>
  </si>
  <si>
    <t>-0.01756839945188382</t>
  </si>
  <si>
    <t>1775.300048828125</t>
  </si>
  <si>
    <t>-0.009288667290777042</t>
  </si>
  <si>
    <t>1099.5</t>
  </si>
  <si>
    <t>0.022683204796280165</t>
  </si>
  <si>
    <t>31205</t>
  </si>
  <si>
    <t>1271.0</t>
  </si>
  <si>
    <t>0.02732064223148356</t>
  </si>
  <si>
    <t>32578</t>
  </si>
  <si>
    <t>1240.8001708984375</t>
  </si>
  <si>
    <t>0.04305887554940746</t>
  </si>
  <si>
    <t>33129</t>
  </si>
  <si>
    <t>1257.0001220703125</t>
  </si>
  <si>
    <t>0.016771817797691213</t>
  </si>
  <si>
    <t>1815.89990234375</t>
  </si>
  <si>
    <t>-0.021942014579648728</t>
  </si>
  <si>
    <t>32365</t>
  </si>
  <si>
    <t>1533.89990234375</t>
  </si>
  <si>
    <t>-0.0013894251559811721</t>
  </si>
  <si>
    <t>1462.5</t>
  </si>
  <si>
    <t>0.04798797687824674</t>
  </si>
  <si>
    <t>32932</t>
  </si>
  <si>
    <t>1455.0999755859375</t>
  </si>
  <si>
    <t>-0.030620739439541467</t>
  </si>
  <si>
    <t>1458.0999755859375</t>
  </si>
  <si>
    <t>0.007864053594387244</t>
  </si>
  <si>
    <t>33215</t>
  </si>
  <si>
    <t>1661.800048828125</t>
  </si>
  <si>
    <t>0.0006926980866381882</t>
  </si>
  <si>
    <t>1485.0999755859375</t>
  </si>
  <si>
    <t>0.001624451352951084</t>
  </si>
  <si>
    <t>1260.5999755859375</t>
  </si>
  <si>
    <t>0.025228381400260957</t>
  </si>
  <si>
    <t>34032</t>
  </si>
  <si>
    <t>1730.2999267578125</t>
  </si>
  <si>
    <t>-0.002553155412535091</t>
  </si>
  <si>
    <t>1467.199951171875</t>
  </si>
  <si>
    <t>0.014556212849033301</t>
  </si>
  <si>
    <t>34991</t>
  </si>
  <si>
    <t>9.941668510437012</t>
  </si>
  <si>
    <t>1672.4002685546875</t>
  </si>
  <si>
    <t>0.013233414258461806</t>
  </si>
  <si>
    <t>32309</t>
  </si>
  <si>
    <t>1477.400146484375</t>
  </si>
  <si>
    <t>-0.07974505637816343</t>
  </si>
  <si>
    <t>35941</t>
  </si>
  <si>
    <t>10.041667938232422</t>
  </si>
  <si>
    <t>1663.10009765625</t>
  </si>
  <si>
    <t>0.10653287593247818</t>
  </si>
  <si>
    <t>1603.300048828125</t>
  </si>
  <si>
    <t>-0.008522342261294114</t>
  </si>
  <si>
    <t>1507.199951171875</t>
  </si>
  <si>
    <t>-0.025148014283228548</t>
  </si>
  <si>
    <t>35469</t>
  </si>
  <si>
    <t>1341.400146484375</t>
  </si>
  <si>
    <t>0.020450726973916034</t>
  </si>
  <si>
    <t>1576.5999755859375</t>
  </si>
  <si>
    <t>0.012941357084393701</t>
  </si>
  <si>
    <t>10.300002098083496</t>
  </si>
  <si>
    <t>1818.7000732421875</t>
  </si>
  <si>
    <t>0.03225909516137371</t>
  </si>
  <si>
    <t>38002</t>
  </si>
  <si>
    <t>1607.199951171875</t>
  </si>
  <si>
    <t>0.023779262125486866</t>
  </si>
  <si>
    <t>1335.400146484375</t>
  </si>
  <si>
    <t>0.013512836132624884</t>
  </si>
  <si>
    <t>39716</t>
  </si>
  <si>
    <t>1474.5999755859375</t>
  </si>
  <si>
    <t>0.03060250311838253</t>
  </si>
  <si>
    <t>1669.5001220703125</t>
  </si>
  <si>
    <t>-0.0005540864012800739</t>
  </si>
  <si>
    <t>38142</t>
  </si>
  <si>
    <t>1673.0</t>
  </si>
  <si>
    <t>-0.039884005587740745</t>
  </si>
  <si>
    <t>39292</t>
  </si>
  <si>
    <t>1764.2999267578125</t>
  </si>
  <si>
    <t>0.029704898630297905</t>
  </si>
  <si>
    <t>39836</t>
  </si>
  <si>
    <t>1604.0001220703125</t>
  </si>
  <si>
    <t>0.013750090256769099</t>
  </si>
  <si>
    <t>KAZ</t>
  </si>
  <si>
    <t>7.652522563934326</t>
  </si>
  <si>
    <t>302.000244140625</t>
  </si>
  <si>
    <t>1248.770263671875</t>
  </si>
  <si>
    <t>Almaty</t>
  </si>
  <si>
    <t>Kazakhstan</t>
  </si>
  <si>
    <t>13742</t>
  </si>
  <si>
    <t>7.562442302703857</t>
  </si>
  <si>
    <t>208.6272430419922</t>
  </si>
  <si>
    <t>-0.12160824308060292</t>
  </si>
  <si>
    <t>6.829885482788086</t>
  </si>
  <si>
    <t>302.9595031738281</t>
  </si>
  <si>
    <t>-0.052358595934119734</t>
  </si>
  <si>
    <t>5.940809726715088</t>
  </si>
  <si>
    <t>391.91021728515625</t>
  </si>
  <si>
    <t>-0.0916438777017472</t>
  </si>
  <si>
    <t>10565</t>
  </si>
  <si>
    <t>6.74394416809082</t>
  </si>
  <si>
    <t>264.6452941894531</t>
  </si>
  <si>
    <t>-0.11890771190499727</t>
  </si>
  <si>
    <t>9915</t>
  </si>
  <si>
    <t>7.351461410522461</t>
  </si>
  <si>
    <t>215.6328887939453</t>
  </si>
  <si>
    <t>-0.06349788909626142</t>
  </si>
  <si>
    <t>6.755619049072266</t>
  </si>
  <si>
    <t>283.09210205078125</t>
  </si>
  <si>
    <t>0.02125510343006276</t>
  </si>
  <si>
    <t>7.78352689743042</t>
  </si>
  <si>
    <t>252.3164520263672</t>
  </si>
  <si>
    <t>0.0337830612436445</t>
  </si>
  <si>
    <t>10468</t>
  </si>
  <si>
    <t>7.471397876739502</t>
  </si>
  <si>
    <t>401.1495361328125</t>
  </si>
  <si>
    <t>-0.0007639419775671286</t>
  </si>
  <si>
    <t>10485</t>
  </si>
  <si>
    <t>7.956789493560791</t>
  </si>
  <si>
    <t>377.037841796875</t>
  </si>
  <si>
    <t>0.0016226796859850623</t>
  </si>
  <si>
    <t>7.477672100067139</t>
  </si>
  <si>
    <t>299.7650146484375</t>
  </si>
  <si>
    <t>-0.005451168282627705</t>
  </si>
  <si>
    <t>8.258254051208496</t>
  </si>
  <si>
    <t>297.03277587890625</t>
  </si>
  <si>
    <t>0.21312033709932088</t>
  </si>
  <si>
    <t>14881</t>
  </si>
  <si>
    <t>8.13683795928955</t>
  </si>
  <si>
    <t>424.24066162109375</t>
  </si>
  <si>
    <t>0.14247039827733587</t>
  </si>
  <si>
    <t>6.926601409912109</t>
  </si>
  <si>
    <t>415.8233337402344</t>
  </si>
  <si>
    <t>0.04853093140095943</t>
  </si>
  <si>
    <t>8.224974632263184</t>
  </si>
  <si>
    <t>351.09576416015625</t>
  </si>
  <si>
    <t>0.14208887283741234</t>
  </si>
  <si>
    <t>20132</t>
  </si>
  <si>
    <t>7.599649429321289</t>
  </si>
  <si>
    <t>320.2323913574219</t>
  </si>
  <si>
    <t>0.11160555322782884</t>
  </si>
  <si>
    <t>23895</t>
  </si>
  <si>
    <t>8.69304370880127</t>
  </si>
  <si>
    <t>318.5863037109375</t>
  </si>
  <si>
    <t>0.17135864311600812</t>
  </si>
  <si>
    <t>23970</t>
  </si>
  <si>
    <t>7.502797603607178</t>
  </si>
  <si>
    <t>311.4878845214844</t>
  </si>
  <si>
    <t>0.0031338164161720528</t>
  </si>
  <si>
    <t>8.759148597717285</t>
  </si>
  <si>
    <t>236.30088806152344</t>
  </si>
  <si>
    <t>-0.0904990767079159</t>
  </si>
  <si>
    <t>20715</t>
  </si>
  <si>
    <t>7.797222137451172</t>
  </si>
  <si>
    <t>359.5550842285156</t>
  </si>
  <si>
    <t>-0.055445896209011636</t>
  </si>
  <si>
    <t>7.381224155426025</t>
  </si>
  <si>
    <t>358.55889892578125</t>
  </si>
  <si>
    <t>0.02177424515743631</t>
  </si>
  <si>
    <t>7.236904144287109</t>
  </si>
  <si>
    <t>363.8266906738281</t>
  </si>
  <si>
    <t>0.04004515892366811</t>
  </si>
  <si>
    <t>7.285890579223633</t>
  </si>
  <si>
    <t>266.2850036621094</t>
  </si>
  <si>
    <t>0.07385186488552087</t>
  </si>
  <si>
    <t>26158</t>
  </si>
  <si>
    <t>8.38965892791748</t>
  </si>
  <si>
    <t>332.05462646484375</t>
  </si>
  <si>
    <t>0.09762572657096946</t>
  </si>
  <si>
    <t>27096</t>
  </si>
  <si>
    <t>7.000082015991211</t>
  </si>
  <si>
    <t>279.26519775390625</t>
  </si>
  <si>
    <t>0.03523104444851022</t>
  </si>
  <si>
    <t>8.810135841369629</t>
  </si>
  <si>
    <t>362.3464050292969</t>
  </si>
  <si>
    <t>0.1731391870603023</t>
  </si>
  <si>
    <t>32078</t>
  </si>
  <si>
    <t>8.354292869567871</t>
  </si>
  <si>
    <t>466.7637023925781</t>
  </si>
  <si>
    <t>-0.004354865660586071</t>
  </si>
  <si>
    <t>31867</t>
  </si>
  <si>
    <t>7.641556262969971</t>
  </si>
  <si>
    <t>307.16339111328125</t>
  </si>
  <si>
    <t>-0.006599445329603881</t>
  </si>
  <si>
    <t>29883</t>
  </si>
  <si>
    <t>7.9625020027160645</t>
  </si>
  <si>
    <t>315.1230163574219</t>
  </si>
  <si>
    <t>-0.06428123475444458</t>
  </si>
  <si>
    <t>8.486128807067871</t>
  </si>
  <si>
    <t>313.985595703125</t>
  </si>
  <si>
    <t>0.026223431314431167</t>
  </si>
  <si>
    <t>7.912400722503662</t>
  </si>
  <si>
    <t>309.97601318359375</t>
  </si>
  <si>
    <t>-0.04432286174650457</t>
  </si>
  <si>
    <t>8.96523380279541</t>
  </si>
  <si>
    <t>264.480224609375</t>
  </si>
  <si>
    <t>0.029909085158944748</t>
  </si>
  <si>
    <t>8.46533489227295</t>
  </si>
  <si>
    <t>338.029541015625</t>
  </si>
  <si>
    <t>0.00016534118190492109</t>
  </si>
  <si>
    <t>1716</t>
  </si>
  <si>
    <t>3.6952598094940186</t>
  </si>
  <si>
    <t>407.49517822265625</t>
  </si>
  <si>
    <t>611.2191772460938</t>
  </si>
  <si>
    <t>Aqmola</t>
  </si>
  <si>
    <t>8262</t>
  </si>
  <si>
    <t>3.7347347736358643</t>
  </si>
  <si>
    <t>214.9048614501953</t>
  </si>
  <si>
    <t>-0.12156832588467914</t>
  </si>
  <si>
    <t>2.342130661010742</t>
  </si>
  <si>
    <t>311.5313415527344</t>
  </si>
  <si>
    <t>-0.0524278546122563</t>
  </si>
  <si>
    <t>7154</t>
  </si>
  <si>
    <t>1.1560717821121216</t>
  </si>
  <si>
    <t>374.911376953125</t>
  </si>
  <si>
    <t>-0.09156719352549025</t>
  </si>
  <si>
    <t>2.2703564167022705</t>
  </si>
  <si>
    <t>352.2664489746094</t>
  </si>
  <si>
    <t>-0.11890191689199092</t>
  </si>
  <si>
    <t>3.702232599258423</t>
  </si>
  <si>
    <t>297.98077392578125</t>
  </si>
  <si>
    <t>-0.0635314717070461</t>
  </si>
  <si>
    <t>1.675378441810608</t>
  </si>
  <si>
    <t>319.176513671875</t>
  </si>
  <si>
    <t>0.021245612388648638</t>
  </si>
  <si>
    <t>6298</t>
  </si>
  <si>
    <t>3.343629837036133</t>
  </si>
  <si>
    <t>206.65765380859375</t>
  </si>
  <si>
    <t>0.033748258052394675</t>
  </si>
  <si>
    <t>3.305588483810425</t>
  </si>
  <si>
    <t>253.12319946289062</t>
  </si>
  <si>
    <t>-0.0006353240366170354</t>
  </si>
  <si>
    <t>3.197171211242676</t>
  </si>
  <si>
    <t>315.8309631347656</t>
  </si>
  <si>
    <t>0.3296854470374093</t>
  </si>
  <si>
    <t>3.028681516647339</t>
  </si>
  <si>
    <t>327.592529296875</t>
  </si>
  <si>
    <t>0.09112576841523534</t>
  </si>
  <si>
    <t>3.917261838912964</t>
  </si>
  <si>
    <t>396.8541259765625</t>
  </si>
  <si>
    <t>0.23905878702447048</t>
  </si>
  <si>
    <t>12732</t>
  </si>
  <si>
    <t>3.5546371936798096</t>
  </si>
  <si>
    <t>363.5230712890625</t>
  </si>
  <si>
    <t>0.044651708300515125</t>
  </si>
  <si>
    <t>2.7925732135772705</t>
  </si>
  <si>
    <t>285.2826232910156</t>
  </si>
  <si>
    <t>0.1270602169064592</t>
  </si>
  <si>
    <t>18322</t>
  </si>
  <si>
    <t>3.8742001056671143</t>
  </si>
  <si>
    <t>315.90533447265625</t>
  </si>
  <si>
    <t>0.2369237972667122</t>
  </si>
  <si>
    <t>22034</t>
  </si>
  <si>
    <t>2.9424028396606445</t>
  </si>
  <si>
    <t>340.1988525390625</t>
  </si>
  <si>
    <t>0.18448419132485583</t>
  </si>
  <si>
    <t>4.686689853668213</t>
  </si>
  <si>
    <t>345.64453125</t>
  </si>
  <si>
    <t>0.07419549539200787</t>
  </si>
  <si>
    <t>2.813080072402954</t>
  </si>
  <si>
    <t>308.86590576171875</t>
  </si>
  <si>
    <t>0.05823471931508273</t>
  </si>
  <si>
    <t>4.593729496002197</t>
  </si>
  <si>
    <t>299.45892333984375</t>
  </si>
  <si>
    <t>-0.06874017451328562</t>
  </si>
  <si>
    <t>2.2904255390167236</t>
  </si>
  <si>
    <t>338.73687744140625</t>
  </si>
  <si>
    <t>-0.0012356990728044082</t>
  </si>
  <si>
    <t>23667</t>
  </si>
  <si>
    <t>2.882305383682251</t>
  </si>
  <si>
    <t>212.0252227783203</t>
  </si>
  <si>
    <t>0.00904061674218859</t>
  </si>
  <si>
    <t>2.4163458347320557</t>
  </si>
  <si>
    <t>327.1883239746094</t>
  </si>
  <si>
    <t>0.0074509405766178816</t>
  </si>
  <si>
    <t>3.148019552230835</t>
  </si>
  <si>
    <t>344.4203186035156</t>
  </si>
  <si>
    <t>0.06482943251779538</t>
  </si>
  <si>
    <t>29565</t>
  </si>
  <si>
    <t>4.014324188232422</t>
  </si>
  <si>
    <t>445.6009826660156</t>
  </si>
  <si>
    <t>0.15022918339731817</t>
  </si>
  <si>
    <t>2.787808656692505</t>
  </si>
  <si>
    <t>327.8157653808594</t>
  </si>
  <si>
    <t>0.0394613533875372</t>
  </si>
  <si>
    <t>38677</t>
  </si>
  <si>
    <t>3.7312934398651123</t>
  </si>
  <si>
    <t>374.5149230957031</t>
  </si>
  <si>
    <t>0.22919252545461788</t>
  </si>
  <si>
    <t>3.9996931552886963</t>
  </si>
  <si>
    <t>398.4018249511719</t>
  </si>
  <si>
    <t>-0.09550669832424141</t>
  </si>
  <si>
    <t>3.2469422817230225</t>
  </si>
  <si>
    <t>278.94818115234375</t>
  </si>
  <si>
    <t>0.011679831876200808</t>
  </si>
  <si>
    <t>2.3505048751831055</t>
  </si>
  <si>
    <t>382.20550537109375</t>
  </si>
  <si>
    <t>0.020922778647495477</t>
  </si>
  <si>
    <t>4.151159763336182</t>
  </si>
  <si>
    <t>315.7984619140625</t>
  </si>
  <si>
    <t>0.05151491689924903</t>
  </si>
  <si>
    <t>4.561682224273682</t>
  </si>
  <si>
    <t>315.0970764160156</t>
  </si>
  <si>
    <t>-0.028946003299891387</t>
  </si>
  <si>
    <t>38276</t>
  </si>
  <si>
    <t>3.963273286819458</t>
  </si>
  <si>
    <t>274.81353759765625</t>
  </si>
  <si>
    <t>0.029913134003255237</t>
  </si>
  <si>
    <t>3.863456964492798</t>
  </si>
  <si>
    <t>313.26385498046875</t>
  </si>
  <si>
    <t>0.00015674390690101347</t>
  </si>
  <si>
    <t>6.111191272735596</t>
  </si>
  <si>
    <t>381.2586975097656</t>
  </si>
  <si>
    <t>360.99530029296875</t>
  </si>
  <si>
    <t>Aqtöbe</t>
  </si>
  <si>
    <t>6.1538166999816895</t>
  </si>
  <si>
    <t>208.95211791992188</t>
  </si>
  <si>
    <t>-0.12171112652077909</t>
  </si>
  <si>
    <t>4876</t>
  </si>
  <si>
    <t>4.754699230194092</t>
  </si>
  <si>
    <t>335.1943359375</t>
  </si>
  <si>
    <t>-0.052338687068665735</t>
  </si>
  <si>
    <t>4449</t>
  </si>
  <si>
    <t>3.880486249923706</t>
  </si>
  <si>
    <t>359.91583251953125</t>
  </si>
  <si>
    <t>-0.09164585979512196</t>
  </si>
  <si>
    <t>3.9197750091552734</t>
  </si>
  <si>
    <t>284.5537109375</t>
  </si>
  <si>
    <t>-0.1187106403946494</t>
  </si>
  <si>
    <t>6.676738262176514</t>
  </si>
  <si>
    <t>236.5555877685547</t>
  </si>
  <si>
    <t>-0.06374578726065927</t>
  </si>
  <si>
    <t>4.430908679962158</t>
  </si>
  <si>
    <t>234.90554809570312</t>
  </si>
  <si>
    <t>0.021351224751063214</t>
  </si>
  <si>
    <t>5.515993595123291</t>
  </si>
  <si>
    <t>348.0703430175781</t>
  </si>
  <si>
    <t>6.08920431137085</t>
  </si>
  <si>
    <t>227.01182556152344</t>
  </si>
  <si>
    <t>-0.0007661857098089087</t>
  </si>
  <si>
    <t>6.24569845199585</t>
  </si>
  <si>
    <t>306.3954772949219</t>
  </si>
  <si>
    <t>-0.08808037386120127</t>
  </si>
  <si>
    <t>3876</t>
  </si>
  <si>
    <t>6.294801712036133</t>
  </si>
  <si>
    <t>370.4241027832031</t>
  </si>
  <si>
    <t>0.07832419891583697</t>
  </si>
  <si>
    <t>4344</t>
  </si>
  <si>
    <t>6.426669597625732</t>
  </si>
  <si>
    <t>316.5006408691406</t>
  </si>
  <si>
    <t>0.11399188860311327</t>
  </si>
  <si>
    <t>5.807779788970947</t>
  </si>
  <si>
    <t>270.36138916015625</t>
  </si>
  <si>
    <t>0.14801508413187925</t>
  </si>
  <si>
    <t>5.4018073081970215</t>
  </si>
  <si>
    <t>342.85528564453125</t>
  </si>
  <si>
    <t>0.14483317855991906</t>
  </si>
  <si>
    <t>6397</t>
  </si>
  <si>
    <t>6.736116886138916</t>
  </si>
  <si>
    <t>330.4911804199219</t>
  </si>
  <si>
    <t>0.09418528514456881</t>
  </si>
  <si>
    <t>5.560867786407471</t>
  </si>
  <si>
    <t>225.66122436523438</t>
  </si>
  <si>
    <t>0.1588071878457189</t>
  </si>
  <si>
    <t>7.3820037841796875</t>
  </si>
  <si>
    <t>312.6039733886719</t>
  </si>
  <si>
    <t>0.01285381773401717</t>
  </si>
  <si>
    <t>5.059367656707764</t>
  </si>
  <si>
    <t>302.57958984375</t>
  </si>
  <si>
    <t>0.09584866666928171</t>
  </si>
  <si>
    <t>8776</t>
  </si>
  <si>
    <t>6.826038837432861</t>
  </si>
  <si>
    <t>281.2496337890625</t>
  </si>
  <si>
    <t>0.04868192025591078</t>
  </si>
  <si>
    <t>5.675518035888672</t>
  </si>
  <si>
    <t>286.7308654785156</t>
  </si>
  <si>
    <t>-0.11036135108889056</t>
  </si>
  <si>
    <t>7.017505168914795</t>
  </si>
  <si>
    <t>196.4344024658203</t>
  </si>
  <si>
    <t>0.12135358596916213</t>
  </si>
  <si>
    <t>4.732112407684326</t>
  </si>
  <si>
    <t>281.9890441894531</t>
  </si>
  <si>
    <t>0.05247033160010872</t>
  </si>
  <si>
    <t>6.55070686340332</t>
  </si>
  <si>
    <t>218.3187255859375</t>
  </si>
  <si>
    <t>0.0383936394039921</t>
  </si>
  <si>
    <t>6.975635528564453</t>
  </si>
  <si>
    <t>344.5827331542969</t>
  </si>
  <si>
    <t>-0.0670321081440921</t>
  </si>
  <si>
    <t>5.55138635635376</t>
  </si>
  <si>
    <t>257.7511291503906</t>
  </si>
  <si>
    <t>-0.02360648535172949</t>
  </si>
  <si>
    <t>6.4466376304626465</t>
  </si>
  <si>
    <t>273.7826843261719</t>
  </si>
  <si>
    <t>0.9210792486059525</t>
  </si>
  <si>
    <t>6.728639125823975</t>
  </si>
  <si>
    <t>381.7833251953125</t>
  </si>
  <si>
    <t>0.018531804646023886</t>
  </si>
  <si>
    <t>6.048387050628662</t>
  </si>
  <si>
    <t>255.6680145263672</t>
  </si>
  <si>
    <t>0.010163490474567993</t>
  </si>
  <si>
    <t>5.675355911254883</t>
  </si>
  <si>
    <t>209.52674865722656</t>
  </si>
  <si>
    <t>0.05098160392199347</t>
  </si>
  <si>
    <t>7.095268249511719</t>
  </si>
  <si>
    <t>225.27267456054688</t>
  </si>
  <si>
    <t>0.007592361620512023</t>
  </si>
  <si>
    <t>7.142414569854736</t>
  </si>
  <si>
    <t>227.98574829101562</t>
  </si>
  <si>
    <t>-0.0672854702818313</t>
  </si>
  <si>
    <t>7.072615146636963</t>
  </si>
  <si>
    <t>291.9751892089844</t>
  </si>
  <si>
    <t>0.029929257025971268</t>
  </si>
  <si>
    <t>23439</t>
  </si>
  <si>
    <t>6.5205769538879395</t>
  </si>
  <si>
    <t>300.2205505371094</t>
  </si>
  <si>
    <t>0.0001706703080479599</t>
  </si>
  <si>
    <t>24226</t>
  </si>
  <si>
    <t>5.956304550170898</t>
  </si>
  <si>
    <t>132.49293518066406</t>
  </si>
  <si>
    <t>326.73260498046875</t>
  </si>
  <si>
    <t>Atyrau</t>
  </si>
  <si>
    <t>21453</t>
  </si>
  <si>
    <t>5.996814727783203</t>
  </si>
  <si>
    <t>104.99903869628906</t>
  </si>
  <si>
    <t>-0.12156194086024286</t>
  </si>
  <si>
    <t>20358</t>
  </si>
  <si>
    <t>5.322290420532227</t>
  </si>
  <si>
    <t>143.12843322753906</t>
  </si>
  <si>
    <t>-0.05239054070422</t>
  </si>
  <si>
    <t>4.7924299240112305</t>
  </si>
  <si>
    <t>125.1118392944336</t>
  </si>
  <si>
    <t>-0.09165736442632522</t>
  </si>
  <si>
    <t>16493</t>
  </si>
  <si>
    <t>4.838307857513428</t>
  </si>
  <si>
    <t>100.46089172363281</t>
  </si>
  <si>
    <t>-0.11888054213780741</t>
  </si>
  <si>
    <t>15477</t>
  </si>
  <si>
    <t>6.47741174697876</t>
  </si>
  <si>
    <t>99.26634216308594</t>
  </si>
  <si>
    <t>-0.06358099753539292</t>
  </si>
  <si>
    <t>15810</t>
  </si>
  <si>
    <t>5.41759729385376</t>
  </si>
  <si>
    <t>100.39440155029297</t>
  </si>
  <si>
    <t>0.02128760029075849</t>
  </si>
  <si>
    <t>16353</t>
  </si>
  <si>
    <t>5.638784408569336</t>
  </si>
  <si>
    <t>138.84335327148438</t>
  </si>
  <si>
    <t>0.03376871552887195</t>
  </si>
  <si>
    <t>16342</t>
  </si>
  <si>
    <t>5.984669208526611</t>
  </si>
  <si>
    <t>99.8402099609375</t>
  </si>
  <si>
    <t>-0.0006728857877380534</t>
  </si>
  <si>
    <t>18904</t>
  </si>
  <si>
    <t>6.381033420562744</t>
  </si>
  <si>
    <t>117.58250427246094</t>
  </si>
  <si>
    <t>0.14563505892209072</t>
  </si>
  <si>
    <t>6.37101411819458</t>
  </si>
  <si>
    <t>138.96701049804688</t>
  </si>
  <si>
    <t>0.41070597059894</t>
  </si>
  <si>
    <t>6.249996185302734</t>
  </si>
  <si>
    <t>124.64422607421875</t>
  </si>
  <si>
    <t>0.07310764740352838</t>
  </si>
  <si>
    <t>5.8802103996276855</t>
  </si>
  <si>
    <t>122.3894271850586</t>
  </si>
  <si>
    <t>0.23167004761242538</t>
  </si>
  <si>
    <t>42148</t>
  </si>
  <si>
    <t>5.694024562835693</t>
  </si>
  <si>
    <t>146.54815673828125</t>
  </si>
  <si>
    <t>0.08633002823778213</t>
  </si>
  <si>
    <t>6.6007466316223145</t>
  </si>
  <si>
    <t>127.9472427368164</t>
  </si>
  <si>
    <t>0.14995936810321098</t>
  </si>
  <si>
    <t>51964</t>
  </si>
  <si>
    <t>5.897367477416992</t>
  </si>
  <si>
    <t>109.67887115478516</t>
  </si>
  <si>
    <t>0.05940456929299387</t>
  </si>
  <si>
    <t>56924</t>
  </si>
  <si>
    <t>6.691511154174805</t>
  </si>
  <si>
    <t>122.0684585571289</t>
  </si>
  <si>
    <t>0.0911658736879275</t>
  </si>
  <si>
    <t>53815</t>
  </si>
  <si>
    <t>5.744266033172607</t>
  </si>
  <si>
    <t>118.81378173828125</t>
  </si>
  <si>
    <t>-0.056164806105153176</t>
  </si>
  <si>
    <t>64163</t>
  </si>
  <si>
    <t>6.272340297698975</t>
  </si>
  <si>
    <t>118.22505950927734</t>
  </si>
  <si>
    <t>0.17587448185360977</t>
  </si>
  <si>
    <t>64265</t>
  </si>
  <si>
    <t>6.014984130859375</t>
  </si>
  <si>
    <t>120.0447769165039</t>
  </si>
  <si>
    <t>0.0015884389922238284</t>
  </si>
  <si>
    <t>75767</t>
  </si>
  <si>
    <t>6.891621112823486</t>
  </si>
  <si>
    <t>97.61279296875</t>
  </si>
  <si>
    <t>0.16464768209067948</t>
  </si>
  <si>
    <t>76548</t>
  </si>
  <si>
    <t>5.4404215812683105</t>
  </si>
  <si>
    <t>133.4856414794922</t>
  </si>
  <si>
    <t>0.010255153395045014</t>
  </si>
  <si>
    <t>67170</t>
  </si>
  <si>
    <t>6.348507404327393</t>
  </si>
  <si>
    <t>95.45579528808594</t>
  </si>
  <si>
    <t>-0.1306912757690455</t>
  </si>
  <si>
    <t>64971</t>
  </si>
  <si>
    <t>6.611728668212891</t>
  </si>
  <si>
    <t>126.8072738647461</t>
  </si>
  <si>
    <t>-0.03328570278553045</t>
  </si>
  <si>
    <t>65805</t>
  </si>
  <si>
    <t>5.960061550140381</t>
  </si>
  <si>
    <t>88.1426010131836</t>
  </si>
  <si>
    <t>0.012754806793044082</t>
  </si>
  <si>
    <t>75177</t>
  </si>
  <si>
    <t>6.474416732788086</t>
  </si>
  <si>
    <t>110.29611206054688</t>
  </si>
  <si>
    <t>0.133149509823701</t>
  </si>
  <si>
    <t>80079</t>
  </si>
  <si>
    <t>6.527607440948486</t>
  </si>
  <si>
    <t>156.40762329101562</t>
  </si>
  <si>
    <t>0.06316831430651959</t>
  </si>
  <si>
    <t>81108</t>
  </si>
  <si>
    <t>6.279356479644775</t>
  </si>
  <si>
    <t>107.66971588134766</t>
  </si>
  <si>
    <t>0.01276795248971041</t>
  </si>
  <si>
    <t>96312</t>
  </si>
  <si>
    <t>6.208703994750977</t>
  </si>
  <si>
    <t>82.68024444580078</t>
  </si>
  <si>
    <t>0.1718113217265067</t>
  </si>
  <si>
    <t>104673</t>
  </si>
  <si>
    <t>6.798234462738037</t>
  </si>
  <si>
    <t>116.53810119628906</t>
  </si>
  <si>
    <t>0.0832482833309296</t>
  </si>
  <si>
    <t>81325</t>
  </si>
  <si>
    <t>6.794993877410889</t>
  </si>
  <si>
    <t>78.1352767944336</t>
  </si>
  <si>
    <t>-0.2523877326042392</t>
  </si>
  <si>
    <t>83796</t>
  </si>
  <si>
    <t>6.820323944091797</t>
  </si>
  <si>
    <t>116.37464141845703</t>
  </si>
  <si>
    <t>0.02993180129248252</t>
  </si>
  <si>
    <t>83809</t>
  </si>
  <si>
    <t>6.582303524017334</t>
  </si>
  <si>
    <t>118.5872573852539</t>
  </si>
  <si>
    <t>0.0001551266373454041</t>
  </si>
  <si>
    <t>19251</t>
  </si>
  <si>
    <t>3.778151273727417</t>
  </si>
  <si>
    <t>441.1358642578125</t>
  </si>
  <si>
    <t>771.8193359375</t>
  </si>
  <si>
    <t>East Kazakhstan</t>
  </si>
  <si>
    <t>17047</t>
  </si>
  <si>
    <t>3.4406416416168213</t>
  </si>
  <si>
    <t>324.4546813964844</t>
  </si>
  <si>
    <t>-0.1215887722676996</t>
  </si>
  <si>
    <t>2.4890811443328857</t>
  </si>
  <si>
    <t>431.3717041015625</t>
  </si>
  <si>
    <t>-0.052383754821230255</t>
  </si>
  <si>
    <t>14761</t>
  </si>
  <si>
    <t>1.380431056022644</t>
  </si>
  <si>
    <t>460.2963562011719</t>
  </si>
  <si>
    <t>-0.09160191279269725</t>
  </si>
  <si>
    <t>13106</t>
  </si>
  <si>
    <t>2.7733800411224365</t>
  </si>
  <si>
    <t>423.5277099609375</t>
  </si>
  <si>
    <t>-0.1189184269375545</t>
  </si>
  <si>
    <t>12299</t>
  </si>
  <si>
    <t>3.2998206615448</t>
  </si>
  <si>
    <t>385.62567138671875</t>
  </si>
  <si>
    <t>-0.0635521823570322</t>
  </si>
  <si>
    <t>2.062221050262451</t>
  </si>
  <si>
    <t>376.3428955078125</t>
  </si>
  <si>
    <t>0.021238027762008116</t>
  </si>
  <si>
    <t>3.443639039993286</t>
  </si>
  <si>
    <t>269.2818603515625</t>
  </si>
  <si>
    <t>0.0338086820711716</t>
  </si>
  <si>
    <t>3.125769853591919</t>
  </si>
  <si>
    <t>399.31158447265625</t>
  </si>
  <si>
    <t>-0.0006928140071575939</t>
  </si>
  <si>
    <t>12873</t>
  </si>
  <si>
    <t>3.1381547451019287</t>
  </si>
  <si>
    <t>384.358154296875</t>
  </si>
  <si>
    <t>-0.008739759408797454</t>
  </si>
  <si>
    <t>2.734927177429199</t>
  </si>
  <si>
    <t>470.37310791015625</t>
  </si>
  <si>
    <t>-0.028843607110728087</t>
  </si>
  <si>
    <t>13381</t>
  </si>
  <si>
    <t>3.7715682983398438</t>
  </si>
  <si>
    <t>425.6392822265625</t>
  </si>
  <si>
    <t>0.06754730275608267</t>
  </si>
  <si>
    <t>13441</t>
  </si>
  <si>
    <t>3.752535104751587</t>
  </si>
  <si>
    <t>469.27984619140625</t>
  </si>
  <si>
    <t>0.004473946766157866</t>
  </si>
  <si>
    <t>13594</t>
  </si>
  <si>
    <t>2.52298903465271</t>
  </si>
  <si>
    <t>352.302978515625</t>
  </si>
  <si>
    <t>0.011318781835436553</t>
  </si>
  <si>
    <t>3.4640722274780273</t>
  </si>
  <si>
    <t>408.3555603027344</t>
  </si>
  <si>
    <t>0.04220400217953468</t>
  </si>
  <si>
    <t>2.638678550720215</t>
  </si>
  <si>
    <t>389.1296081542969</t>
  </si>
  <si>
    <t>0.01268367797450054</t>
  </si>
  <si>
    <t>15459</t>
  </si>
  <si>
    <t>4.202084541320801</t>
  </si>
  <si>
    <t>399.81085205078125</t>
  </si>
  <si>
    <t>0.07367515893571408</t>
  </si>
  <si>
    <t>17048</t>
  </si>
  <si>
    <t>3.240152359008789</t>
  </si>
  <si>
    <t>380.8226013183594</t>
  </si>
  <si>
    <t>0.09784153678211993</t>
  </si>
  <si>
    <t>15672</t>
  </si>
  <si>
    <t>4.3056488037109375</t>
  </si>
  <si>
    <t>306.3939514160156</t>
  </si>
  <si>
    <t>-0.08415721415407695</t>
  </si>
  <si>
    <t>2.0446929931640625</t>
  </si>
  <si>
    <t>445.74298095703125</t>
  </si>
  <si>
    <t>0.02102549277958765</t>
  </si>
  <si>
    <t>16694</t>
  </si>
  <si>
    <t>1.722386360168457</t>
  </si>
  <si>
    <t>399.5010070800781</t>
  </si>
  <si>
    <t>0.04214820000671793</t>
  </si>
  <si>
    <t>18408</t>
  </si>
  <si>
    <t>2.6527340412139893</t>
  </si>
  <si>
    <t>343.62823486328125</t>
  </si>
  <si>
    <t>0.09773597930452027</t>
  </si>
  <si>
    <t>2.6955442428588867</t>
  </si>
  <si>
    <t>461.500732421875</t>
  </si>
  <si>
    <t>0.036431667079456886</t>
  </si>
  <si>
    <t>19463</t>
  </si>
  <si>
    <t>3.811227798461914</t>
  </si>
  <si>
    <t>490.32305908203125</t>
  </si>
  <si>
    <t>0.01929820744791577</t>
  </si>
  <si>
    <t>19809</t>
  </si>
  <si>
    <t>2.7065508365631104</t>
  </si>
  <si>
    <t>428.0870666503906</t>
  </si>
  <si>
    <t>0.017621152620106884</t>
  </si>
  <si>
    <t>17168</t>
  </si>
  <si>
    <t>3.729933977127075</t>
  </si>
  <si>
    <t>497.1295471191406</t>
  </si>
  <si>
    <t>-0.14308919399220166</t>
  </si>
  <si>
    <t>18321</t>
  </si>
  <si>
    <t>3.6593141555786133</t>
  </si>
  <si>
    <t>525.5886840820312</t>
  </si>
  <si>
    <t>0.0650007570207638</t>
  </si>
  <si>
    <t>3.0521514415740967</t>
  </si>
  <si>
    <t>342.5516662597656</t>
  </si>
  <si>
    <t>0.03264719471497557</t>
  </si>
  <si>
    <t>2.58541202545166</t>
  </si>
  <si>
    <t>438.3191833496094</t>
  </si>
  <si>
    <t>0.04660165710880726</t>
  </si>
  <si>
    <t>3.697829008102417</t>
  </si>
  <si>
    <t>432.8697204589844</t>
  </si>
  <si>
    <t>0.046068393627951565</t>
  </si>
  <si>
    <t>22804</t>
  </si>
  <si>
    <t>4.046243190765381</t>
  </si>
  <si>
    <t>375.9098205566406</t>
  </si>
  <si>
    <t>0.09357077080849407</t>
  </si>
  <si>
    <t>3.7469756603240967</t>
  </si>
  <si>
    <t>397.92474365234375</t>
  </si>
  <si>
    <t>0.02993679425713225</t>
  </si>
  <si>
    <t>3.5838851928710938</t>
  </si>
  <si>
    <t>375.2433776855469</t>
  </si>
  <si>
    <t>0.0001702200097728479</t>
  </si>
  <si>
    <t>12.813691139221191</t>
  </si>
  <si>
    <t>138.0355987548828</t>
  </si>
  <si>
    <t>264.39483642578125</t>
  </si>
  <si>
    <t>Mangghystau</t>
  </si>
  <si>
    <t>12.72829818725586</t>
  </si>
  <si>
    <t>132.99679565429688</t>
  </si>
  <si>
    <t>-0.12158913290475049</t>
  </si>
  <si>
    <t>7245</t>
  </si>
  <si>
    <t>11.722564697265625</t>
  </si>
  <si>
    <t>164.0689239501953</t>
  </si>
  <si>
    <t>-0.05230037855039171</t>
  </si>
  <si>
    <t>6610</t>
  </si>
  <si>
    <t>11.172687530517578</t>
  </si>
  <si>
    <t>121.817138671875</t>
  </si>
  <si>
    <t>-0.09172792190905099</t>
  </si>
  <si>
    <t>11.166060447692871</t>
  </si>
  <si>
    <t>109.99836730957031</t>
  </si>
  <si>
    <t>-0.11889939228739799</t>
  </si>
  <si>
    <t>13.522164344787598</t>
  </si>
  <si>
    <t>118.6260986328125</t>
  </si>
  <si>
    <t>-0.06348268070978769</t>
  </si>
  <si>
    <t>5626</t>
  </si>
  <si>
    <t>12.09841251373291</t>
  </si>
  <si>
    <t>99.2449951171875</t>
  </si>
  <si>
    <t>0.021197129201256715</t>
  </si>
  <si>
    <t>5820</t>
  </si>
  <si>
    <t>12.379753112792969</t>
  </si>
  <si>
    <t>135.04652404785156</t>
  </si>
  <si>
    <t>5815</t>
  </si>
  <si>
    <t>12.936522483825684</t>
  </si>
  <si>
    <t>101.07109832763672</t>
  </si>
  <si>
    <t>-0.0008594757727191649</t>
  </si>
  <si>
    <t>13.53703784942627</t>
  </si>
  <si>
    <t>110.79882049560547</t>
  </si>
  <si>
    <t>0.16351585286881232</t>
  </si>
  <si>
    <t>9421</t>
  </si>
  <si>
    <t>13.376808166503906</t>
  </si>
  <si>
    <t>83.23933410644531</t>
  </si>
  <si>
    <t>0.3189846012270898</t>
  </si>
  <si>
    <t>9982</t>
  </si>
  <si>
    <t>13.334424018859863</t>
  </si>
  <si>
    <t>109.67108917236328</t>
  </si>
  <si>
    <t>0.05784223098088681</t>
  </si>
  <si>
    <t>12.774909019470215</t>
  </si>
  <si>
    <t>125.73757934570312</t>
  </si>
  <si>
    <t>0.2866797670656762</t>
  </si>
  <si>
    <t>12.327129364013672</t>
  </si>
  <si>
    <t>154.7039794921875</t>
  </si>
  <si>
    <t>-0.010357302945090296</t>
  </si>
  <si>
    <t>16246</t>
  </si>
  <si>
    <t>13.827092170715332</t>
  </si>
  <si>
    <t>120.45191192626953</t>
  </si>
  <si>
    <t>0.21074078946075936</t>
  </si>
  <si>
    <t>12.76279354095459</t>
  </si>
  <si>
    <t>115.5867919921875</t>
  </si>
  <si>
    <t>0.23860872156806856</t>
  </si>
  <si>
    <t>23732</t>
  </si>
  <si>
    <t>13.960415840148926</t>
  </si>
  <si>
    <t>126.79125213623047</t>
  </si>
  <si>
    <t>0.14036890219956533</t>
  </si>
  <si>
    <t>12.452895164489746</t>
  </si>
  <si>
    <t>120.0232162475586</t>
  </si>
  <si>
    <t>0.09988880588596416</t>
  </si>
  <si>
    <t>13.225337982177734</t>
  </si>
  <si>
    <t>116.26898193359375</t>
  </si>
  <si>
    <t>0.20425901531261204</t>
  </si>
  <si>
    <t>30813</t>
  </si>
  <si>
    <t>12.960053443908691</t>
  </si>
  <si>
    <t>154.52114868164062</t>
  </si>
  <si>
    <t>-0.043035490743195126</t>
  </si>
  <si>
    <t>14.209540367126465</t>
  </si>
  <si>
    <t>122.97486114501953</t>
  </si>
  <si>
    <t>0.12093330225382104</t>
  </si>
  <si>
    <t>35124</t>
  </si>
  <si>
    <t>12.029731750488281</t>
  </si>
  <si>
    <t>119.22860717773438</t>
  </si>
  <si>
    <t>0.010014676392151145</t>
  </si>
  <si>
    <t>31127</t>
  </si>
  <si>
    <t>13.29128646850586</t>
  </si>
  <si>
    <t>97.8464584350586</t>
  </si>
  <si>
    <t>-0.1208090477491588</t>
  </si>
  <si>
    <t>33063</t>
  </si>
  <si>
    <t>13.653194427490234</t>
  </si>
  <si>
    <t>123.39725494384766</t>
  </si>
  <si>
    <t>0.060339222628924105</t>
  </si>
  <si>
    <t>37169</t>
  </si>
  <si>
    <t>12.803563117980957</t>
  </si>
  <si>
    <t>110.1460189819336</t>
  </si>
  <si>
    <t>0.11706024815300964</t>
  </si>
  <si>
    <t>36275</t>
  </si>
  <si>
    <t>13.585651397705078</t>
  </si>
  <si>
    <t>123.22374725341797</t>
  </si>
  <si>
    <t>-0.024346281760273314</t>
  </si>
  <si>
    <t>13.553855895996094</t>
  </si>
  <si>
    <t>139.30059814453125</t>
  </si>
  <si>
    <t>-0.008193363852557312</t>
  </si>
  <si>
    <t>13.227540016174316</t>
  </si>
  <si>
    <t>111.22128295898438</t>
  </si>
  <si>
    <t>0.1661214822285597</t>
  </si>
  <si>
    <t>13.304181098937988</t>
  </si>
  <si>
    <t>113.38816833496094</t>
  </si>
  <si>
    <t>0.03590514564472791</t>
  </si>
  <si>
    <t>38650</t>
  </si>
  <si>
    <t>14.007674217224121</t>
  </si>
  <si>
    <t>108.75030517578125</t>
  </si>
  <si>
    <t>-0.1304152877575504</t>
  </si>
  <si>
    <t>13.955257415771484</t>
  </si>
  <si>
    <t>103.21807098388672</t>
  </si>
  <si>
    <t>-0.25883105694051345</t>
  </si>
  <si>
    <t>14.120609283447266</t>
  </si>
  <si>
    <t>98.2549057006836</t>
  </si>
  <si>
    <t>0.029914079709822516</t>
  </si>
  <si>
    <t>30747</t>
  </si>
  <si>
    <t>13.806068420410156</t>
  </si>
  <si>
    <t>110.44325256347656</t>
  </si>
  <si>
    <t>0.0001626307147954975</t>
  </si>
  <si>
    <t>10945</t>
  </si>
  <si>
    <t>3.345566987991333</t>
  </si>
  <si>
    <t>406.91229248046875</t>
  </si>
  <si>
    <t>422.57867431640625</t>
  </si>
  <si>
    <t>North Kazakhstan</t>
  </si>
  <si>
    <t>9692</t>
  </si>
  <si>
    <t>3.249448776245117</t>
  </si>
  <si>
    <t>275.8477783203125</t>
  </si>
  <si>
    <t>-0.12158192802054657</t>
  </si>
  <si>
    <t>9198</t>
  </si>
  <si>
    <t>1.852089762687683</t>
  </si>
  <si>
    <t>350.22406005859375</t>
  </si>
  <si>
    <t>-0.05231473383654617</t>
  </si>
  <si>
    <t>0.8438654541969299</t>
  </si>
  <si>
    <t>436.2666320800781</t>
  </si>
  <si>
    <t>-0.09170719802373739</t>
  </si>
  <si>
    <t>1.7099899053573608</t>
  </si>
  <si>
    <t>413.99383544921875</t>
  </si>
  <si>
    <t>-0.11893061952240558</t>
  </si>
  <si>
    <t>3.4193239212036133</t>
  </si>
  <si>
    <t>296.9624938964844</t>
  </si>
  <si>
    <t>-0.06358161321835532</t>
  </si>
  <si>
    <t>1.162453293800354</t>
  </si>
  <si>
    <t>341.6020812988281</t>
  </si>
  <si>
    <t>0.02136621781960102</t>
  </si>
  <si>
    <t>2.8235843181610107</t>
  </si>
  <si>
    <t>274.0495300292969</t>
  </si>
  <si>
    <t>0.03372420616415717</t>
  </si>
  <si>
    <t>2.809965133666992</t>
  </si>
  <si>
    <t>315.14892578125</t>
  </si>
  <si>
    <t>-0.0006770022599642544</t>
  </si>
  <si>
    <t>2.697953224182129</t>
  </si>
  <si>
    <t>346.5474548339844</t>
  </si>
  <si>
    <t>-0.023295106555492495</t>
  </si>
  <si>
    <t>2.597687244415283</t>
  </si>
  <si>
    <t>374.409423828125</t>
  </si>
  <si>
    <t>-0.1832924979895889</t>
  </si>
  <si>
    <t>3.332855224609375</t>
  </si>
  <si>
    <t>444.093994140625</t>
  </si>
  <si>
    <t>0.2415901797422748</t>
  </si>
  <si>
    <t>2.985732316970825</t>
  </si>
  <si>
    <t>398.0</t>
  </si>
  <si>
    <t>0.08664074418438261</t>
  </si>
  <si>
    <t>2.559847593307495</t>
  </si>
  <si>
    <t>296.9525146484375</t>
  </si>
  <si>
    <t>0.11871541181780643</t>
  </si>
  <si>
    <t>3.344705820083618</t>
  </si>
  <si>
    <t>367.3829650878906</t>
  </si>
  <si>
    <t>-0.032583929297615555</t>
  </si>
  <si>
    <t>2.4689934253692627</t>
  </si>
  <si>
    <t>346.0439453125</t>
  </si>
  <si>
    <t>0.038001118178614846</t>
  </si>
  <si>
    <t>4.114084720611572</t>
  </si>
  <si>
    <t>378.9954833984375</t>
  </si>
  <si>
    <t>0.05442398188768749</t>
  </si>
  <si>
    <t>2.453378438949585</t>
  </si>
  <si>
    <t>346.8102722167969</t>
  </si>
  <si>
    <t>0.14261918673162555</t>
  </si>
  <si>
    <t>12031</t>
  </si>
  <si>
    <t>4.120707988739014</t>
  </si>
  <si>
    <t>338.4081115722656</t>
  </si>
  <si>
    <t>0.04548750327466422</t>
  </si>
  <si>
    <t>1.7224761247634888</t>
  </si>
  <si>
    <t>369.7572326660156</t>
  </si>
  <si>
    <t>-0.07050201874884543</t>
  </si>
  <si>
    <t>10735</t>
  </si>
  <si>
    <t>2.449481725692749</t>
  </si>
  <si>
    <t>229.66932678222656</t>
  </si>
  <si>
    <t>-0.04347520197179833</t>
  </si>
  <si>
    <t>13021</t>
  </si>
  <si>
    <t>2.047041416168213</t>
  </si>
  <si>
    <t>389.1446838378906</t>
  </si>
  <si>
    <t>0.19305400741584755</t>
  </si>
  <si>
    <t>12349</t>
  </si>
  <si>
    <t>2.8593270778656006</t>
  </si>
  <si>
    <t>353.334716796875</t>
  </si>
  <si>
    <t>-0.052988350610906565</t>
  </si>
  <si>
    <t>3.4904003143310547</t>
  </si>
  <si>
    <t>432.29364013671875</t>
  </si>
  <si>
    <t>-0.0075594751374499225</t>
  </si>
  <si>
    <t>2.3417892456054688</t>
  </si>
  <si>
    <t>368.28948974609375</t>
  </si>
  <si>
    <t>-0.02094231043091277</t>
  </si>
  <si>
    <t>3.1600656509399414</t>
  </si>
  <si>
    <t>446.3343505859375</t>
  </si>
  <si>
    <t>0.23457603437823948</t>
  </si>
  <si>
    <t>14757</t>
  </si>
  <si>
    <t>3.4681642055511475</t>
  </si>
  <si>
    <t>398.75482177734375</t>
  </si>
  <si>
    <t>-0.027931790464249318</t>
  </si>
  <si>
    <t>16384</t>
  </si>
  <si>
    <t>2.825444459915161</t>
  </si>
  <si>
    <t>309.4779357910156</t>
  </si>
  <si>
    <t>0.10458770237578463</t>
  </si>
  <si>
    <t>16589</t>
  </si>
  <si>
    <t>1.9611111879348755</t>
  </si>
  <si>
    <t>429.0379943847656</t>
  </si>
  <si>
    <t>0.012434576253040674</t>
  </si>
  <si>
    <t>17731</t>
  </si>
  <si>
    <t>3.6972625255584717</t>
  </si>
  <si>
    <t>362.17596435546875</t>
  </si>
  <si>
    <t>0.06657469496471435</t>
  </si>
  <si>
    <t>4.244413375854492</t>
  </si>
  <si>
    <t>290.5890808105469</t>
  </si>
  <si>
    <t>0.09129785490528697</t>
  </si>
  <si>
    <t>3.4831838607788086</t>
  </si>
  <si>
    <t>260.2422180175781</t>
  </si>
  <si>
    <t>0.029919578744417308</t>
  </si>
  <si>
    <t>3.325608968734741</t>
  </si>
  <si>
    <t>372.9642028808594</t>
  </si>
  <si>
    <t>6897</t>
  </si>
  <si>
    <t>4.019628047943115</t>
  </si>
  <si>
    <t>327.63671875</t>
  </si>
  <si>
    <t>468.37347412109375</t>
  </si>
  <si>
    <t>Pavlodar</t>
  </si>
  <si>
    <t>3.7728240489959717</t>
  </si>
  <si>
    <t>256.7677917480469</t>
  </si>
  <si>
    <t>-0.12148714709276831</t>
  </si>
  <si>
    <t>2.6984670162200928</t>
  </si>
  <si>
    <t>335.6614990234375</t>
  </si>
  <si>
    <t>-0.05243136289795025</t>
  </si>
  <si>
    <t>1.5254850387573242</t>
  </si>
  <si>
    <t>318.0586853027344</t>
  </si>
  <si>
    <t>-0.09153883237459226</t>
  </si>
  <si>
    <t>2.7612502574920654</t>
  </si>
  <si>
    <t>287.8672790527344</t>
  </si>
  <si>
    <t>-0.11891810955804694</t>
  </si>
  <si>
    <t>4407</t>
  </si>
  <si>
    <t>3.7787587642669678</t>
  </si>
  <si>
    <t>288.67193603515625</t>
  </si>
  <si>
    <t>-0.06351689666594673</t>
  </si>
  <si>
    <t>4501</t>
  </si>
  <si>
    <t>1.962669014930725</t>
  </si>
  <si>
    <t>282.518798828125</t>
  </si>
  <si>
    <t>0.021105408450946328</t>
  </si>
  <si>
    <t>3.5292794704437256</t>
  </si>
  <si>
    <t>170.12472534179688</t>
  </si>
  <si>
    <t>0.03385711611834097</t>
  </si>
  <si>
    <t>4653</t>
  </si>
  <si>
    <t>3.3527586460113525</t>
  </si>
  <si>
    <t>259.6034851074219</t>
  </si>
  <si>
    <t>-0.0006445375666253028</t>
  </si>
  <si>
    <t>3.371919870376587</t>
  </si>
  <si>
    <t>241.15817260742188</t>
  </si>
  <si>
    <t>-0.20541004082604708</t>
  </si>
  <si>
    <t>4293</t>
  </si>
  <si>
    <t>3.0729024410247803</t>
  </si>
  <si>
    <t>348.8531799316406</t>
  </si>
  <si>
    <t>0.12488365720595951</t>
  </si>
  <si>
    <t>4659</t>
  </si>
  <si>
    <t>4.20715856552124</t>
  </si>
  <si>
    <t>357.36004638671875</t>
  </si>
  <si>
    <t>0.08181504359223624</t>
  </si>
  <si>
    <t>3.8820207118988037</t>
  </si>
  <si>
    <t>343.4603576660156</t>
  </si>
  <si>
    <t>-0.0004293688344194635</t>
  </si>
  <si>
    <t>5038</t>
  </si>
  <si>
    <t>3.0267527103424072</t>
  </si>
  <si>
    <t>251.51217651367188</t>
  </si>
  <si>
    <t>0.07863771393017771</t>
  </si>
  <si>
    <t>5471</t>
  </si>
  <si>
    <t>3.944392442703247</t>
  </si>
  <si>
    <t>312.9977722167969</t>
  </si>
  <si>
    <t>0.08245223715127104</t>
  </si>
  <si>
    <t>2.996734380722046</t>
  </si>
  <si>
    <t>256.3895263671875</t>
  </si>
  <si>
    <t>-0.04294909526166002</t>
  </si>
  <si>
    <t>4.706664562225342</t>
  </si>
  <si>
    <t>268.8833923339844</t>
  </si>
  <si>
    <t>-0.03336876032981628</t>
  </si>
  <si>
    <t>3.282529830932617</t>
  </si>
  <si>
    <t>283.5489501953125</t>
  </si>
  <si>
    <t>0.06418089160095874</t>
  </si>
  <si>
    <t>4.74196720123291</t>
  </si>
  <si>
    <t>257.7003173828125</t>
  </si>
  <si>
    <t>0.1689735392744538</t>
  </si>
  <si>
    <t>5819</t>
  </si>
  <si>
    <t>2.063837766647339</t>
  </si>
  <si>
    <t>339.694580078125</t>
  </si>
  <si>
    <t>-0.09516956469109239</t>
  </si>
  <si>
    <t>2.431541681289673</t>
  </si>
  <si>
    <t>231.15231323242188</t>
  </si>
  <si>
    <t>-0.020136073500131246</t>
  </si>
  <si>
    <t>7036</t>
  </si>
  <si>
    <t>2.873051643371582</t>
  </si>
  <si>
    <t>247.97967529296875</t>
  </si>
  <si>
    <t>0.2100474747009109</t>
  </si>
  <si>
    <t>6456</t>
  </si>
  <si>
    <t>3.2050836086273193</t>
  </si>
  <si>
    <t>279.72198486328125</t>
  </si>
  <si>
    <t>-0.08602989590766441</t>
  </si>
  <si>
    <t>4.118964195251465</t>
  </si>
  <si>
    <t>346.1601867675781</t>
  </si>
  <si>
    <t>0.025840440904637774</t>
  </si>
  <si>
    <t>2.9706432819366455</t>
  </si>
  <si>
    <t>326.54962158203125</t>
  </si>
  <si>
    <t>-0.09642778522474771</t>
  </si>
  <si>
    <t>3.89504337310791</t>
  </si>
  <si>
    <t>333.02984619140625</t>
  </si>
  <si>
    <t>1.3756830738512331</t>
  </si>
  <si>
    <t>23839</t>
  </si>
  <si>
    <t>4.123836994171143</t>
  </si>
  <si>
    <t>367.8528747558594</t>
  </si>
  <si>
    <t>0.0012172345098822035</t>
  </si>
  <si>
    <t>3.4494922161102295</t>
  </si>
  <si>
    <t>293.91455078125</t>
  </si>
  <si>
    <t>0.08407770454191876</t>
  </si>
  <si>
    <t>27819</t>
  </si>
  <si>
    <t>2.5917325019836426</t>
  </si>
  <si>
    <t>347.6672668457031</t>
  </si>
  <si>
    <t>0.07031864093562668</t>
  </si>
  <si>
    <t>4.28213357925415</t>
  </si>
  <si>
    <t>298.5450134277344</t>
  </si>
  <si>
    <t>0.027127880234909085</t>
  </si>
  <si>
    <t>4.746402263641357</t>
  </si>
  <si>
    <t>278.8962097167969</t>
  </si>
  <si>
    <t>-0.015974949615509715</t>
  </si>
  <si>
    <t>28986</t>
  </si>
  <si>
    <t>4.0328593254089355</t>
  </si>
  <si>
    <t>271.6304626464844</t>
  </si>
  <si>
    <t>0.029940783694726747</t>
  </si>
  <si>
    <t>3.9636194705963135</t>
  </si>
  <si>
    <t>234.0285186767578</t>
  </si>
  <si>
    <t>0.00013798813323973036</t>
  </si>
  <si>
    <t>19395</t>
  </si>
  <si>
    <t>4.722907543182373</t>
  </si>
  <si>
    <t>340.46234130859375</t>
  </si>
  <si>
    <t>693.431884765625</t>
  </si>
  <si>
    <t>Qaraghandy</t>
  </si>
  <si>
    <t>4.774112224578857</t>
  </si>
  <si>
    <t>192.41021728515625</t>
  </si>
  <si>
    <t>-0.12156046278351695</t>
  </si>
  <si>
    <t>16298</t>
  </si>
  <si>
    <t>3.465269088745117</t>
  </si>
  <si>
    <t>280.7521057128906</t>
  </si>
  <si>
    <t>-0.052412437210385576</t>
  </si>
  <si>
    <t>14871</t>
  </si>
  <si>
    <t>2.2555058002471924</t>
  </si>
  <si>
    <t>311.410400390625</t>
  </si>
  <si>
    <t>-0.09162939319148222</t>
  </si>
  <si>
    <t>13204</t>
  </si>
  <si>
    <t>3.5030012130737305</t>
  </si>
  <si>
    <t>248.43502807617188</t>
  </si>
  <si>
    <t>-0.11889319371559992</t>
  </si>
  <si>
    <t>4.65167760848999</t>
  </si>
  <si>
    <t>247.37203979492188</t>
  </si>
  <si>
    <t>-0.06354941135658976</t>
  </si>
  <si>
    <t>12657</t>
  </si>
  <si>
    <t>2.9199304580688477</t>
  </si>
  <si>
    <t>286.017578125</t>
  </si>
  <si>
    <t>0.021240019175955638</t>
  </si>
  <si>
    <t>13092</t>
  </si>
  <si>
    <t>4.509391784667969</t>
  </si>
  <si>
    <t>198.211181640625</t>
  </si>
  <si>
    <t>0.03379093482862139</t>
  </si>
  <si>
    <t>13083</t>
  </si>
  <si>
    <t>4.389474868774414</t>
  </si>
  <si>
    <t>262.6646423339844</t>
  </si>
  <si>
    <t>-0.0006876791101948498</t>
  </si>
  <si>
    <t>13897</t>
  </si>
  <si>
    <t>4.460685729980469</t>
  </si>
  <si>
    <t>287.07464599609375</t>
  </si>
  <si>
    <t>0.060359311975705765</t>
  </si>
  <si>
    <t>15513</t>
  </si>
  <si>
    <t>4.134605884552002</t>
  </si>
  <si>
    <t>336.9645690917969</t>
  </si>
  <si>
    <t>0.1100053925777491</t>
  </si>
  <si>
    <t>16174</t>
  </si>
  <si>
    <t>5.1215901374816895</t>
  </si>
  <si>
    <t>338.5592956542969</t>
  </si>
  <si>
    <t>0.04172663259143761</t>
  </si>
  <si>
    <t>17333</t>
  </si>
  <si>
    <t>4.728363513946533</t>
  </si>
  <si>
    <t>364.81634521484375</t>
  </si>
  <si>
    <t>0.06920718428554196</t>
  </si>
  <si>
    <t>3.7973225116729736</t>
  </si>
  <si>
    <t>279.7511901855469</t>
  </si>
  <si>
    <t>0.07916804810230005</t>
  </si>
  <si>
    <t>19437</t>
  </si>
  <si>
    <t>5.006237506866455</t>
  </si>
  <si>
    <t>305.80169677734375</t>
  </si>
  <si>
    <t>0.03539821907445706</t>
  </si>
  <si>
    <t>22425</t>
  </si>
  <si>
    <t>4.130121231079102</t>
  </si>
  <si>
    <t>282.65570068359375</t>
  </si>
  <si>
    <t>0.14299794180892889</t>
  </si>
  <si>
    <t>5.739339828491211</t>
  </si>
  <si>
    <t>299.5483703613281</t>
  </si>
  <si>
    <t>0.12193148569205903</t>
  </si>
  <si>
    <t>3.9409406185150146</t>
  </si>
  <si>
    <t>312.16033935546875</t>
  </si>
  <si>
    <t>0.06709367576918268</t>
  </si>
  <si>
    <t>5.65770149230957</t>
  </si>
  <si>
    <t>256.5970153808594</t>
  </si>
  <si>
    <t>0.07315042214221812</t>
  </si>
  <si>
    <t>3.553152322769165</t>
  </si>
  <si>
    <t>306.1490783691406</t>
  </si>
  <si>
    <t>-0.025786805539228297</t>
  </si>
  <si>
    <t>29432</t>
  </si>
  <si>
    <t>3.9052703380584717</t>
  </si>
  <si>
    <t>232.8057861328125</t>
  </si>
  <si>
    <t>0.03551733179338257</t>
  </si>
  <si>
    <t>3.5617105960845947</t>
  </si>
  <si>
    <t>283.36663818359375</t>
  </si>
  <si>
    <t>0.08935584502249405</t>
  </si>
  <si>
    <t>30960</t>
  </si>
  <si>
    <t>4.095805644989014</t>
  </si>
  <si>
    <t>339.623291015625</t>
  </si>
  <si>
    <t>-0.03874231410344109</t>
  </si>
  <si>
    <t>30078</t>
  </si>
  <si>
    <t>5.1627984046936035</t>
  </si>
  <si>
    <t>334.6663513183594</t>
  </si>
  <si>
    <t>-0.02890204121210438</t>
  </si>
  <si>
    <t>3.8385584354400635</t>
  </si>
  <si>
    <t>320.1996154785156</t>
  </si>
  <si>
    <t>0.029999629855721466</t>
  </si>
  <si>
    <t>5.001088619232178</t>
  </si>
  <si>
    <t>362.7271423339844</t>
  </si>
  <si>
    <t>-0.2823832796314729</t>
  </si>
  <si>
    <t>5.089050769805908</t>
  </si>
  <si>
    <t>369.77886962890625</t>
  </si>
  <si>
    <t>0.04881257863532085</t>
  </si>
  <si>
    <t>25670</t>
  </si>
  <si>
    <t>4.290510654449463</t>
  </si>
  <si>
    <t>278.5052185058594</t>
  </si>
  <si>
    <t>0.045100058514057295</t>
  </si>
  <si>
    <t>3.5633904933929443</t>
  </si>
  <si>
    <t>333.04522705078125</t>
  </si>
  <si>
    <t>0.021199483452505774</t>
  </si>
  <si>
    <t>5.142307758331299</t>
  </si>
  <si>
    <t>276.57330322265625</t>
  </si>
  <si>
    <t>0.05854951293710897</t>
  </si>
  <si>
    <t>5.301888942718506</t>
  </si>
  <si>
    <t>298.675537109375</t>
  </si>
  <si>
    <t>0.07759098255110253</t>
  </si>
  <si>
    <t>5.099052906036377</t>
  </si>
  <si>
    <t>276.8086242675781</t>
  </si>
  <si>
    <t>0.029936170977920895</t>
  </si>
  <si>
    <t>30961</t>
  </si>
  <si>
    <t>5.039079666137695</t>
  </si>
  <si>
    <t>252.4835662841797</t>
  </si>
  <si>
    <t>0.00012920313981723552</t>
  </si>
  <si>
    <t>19590</t>
  </si>
  <si>
    <t>4.654341220855713</t>
  </si>
  <si>
    <t>417.0094909667969</t>
  </si>
  <si>
    <t>543.7008056640625</t>
  </si>
  <si>
    <t>Qostanay</t>
  </si>
  <si>
    <t>17348</t>
  </si>
  <si>
    <t>4.678249835968018</t>
  </si>
  <si>
    <t>227.01229858398438</t>
  </si>
  <si>
    <t>-0.1215420059833292</t>
  </si>
  <si>
    <t>16462</t>
  </si>
  <si>
    <t>3.192566156387329</t>
  </si>
  <si>
    <t>357.7390441894531</t>
  </si>
  <si>
    <t>-0.05242253142266762</t>
  </si>
  <si>
    <t>15021</t>
  </si>
  <si>
    <t>2.117297887802124</t>
  </si>
  <si>
    <t>395.01190185546875</t>
  </si>
  <si>
    <t>-0.09160547253453544</t>
  </si>
  <si>
    <t>13337</t>
  </si>
  <si>
    <t>2.7060585021972656</t>
  </si>
  <si>
    <t>352.0619201660156</t>
  </si>
  <si>
    <t>-0.11890709437565938</t>
  </si>
  <si>
    <t>12515</t>
  </si>
  <si>
    <t>4.933526992797852</t>
  </si>
  <si>
    <t>243.18844604492188</t>
  </si>
  <si>
    <t>-0.0636142027565203</t>
  </si>
  <si>
    <t>2.5578436851501465</t>
  </si>
  <si>
    <t>287.7304992675781</t>
  </si>
  <si>
    <t>0.021344683859412683</t>
  </si>
  <si>
    <t>13224</t>
  </si>
  <si>
    <t>4.186116695404053</t>
  </si>
  <si>
    <t>305.6197509765625</t>
  </si>
  <si>
    <t>0.03376075177557247</t>
  </si>
  <si>
    <t>4.515674114227295</t>
  </si>
  <si>
    <t>260.943359375</t>
  </si>
  <si>
    <t>-0.0006808124624697598</t>
  </si>
  <si>
    <t>4.294931888580322</t>
  </si>
  <si>
    <t>362.2533264160156</t>
  </si>
  <si>
    <t>-0.008358711280884279</t>
  </si>
  <si>
    <t>4.290309429168701</t>
  </si>
  <si>
    <t>398.6817626953125</t>
  </si>
  <si>
    <t>-0.0012980569149778631</t>
  </si>
  <si>
    <t>12819</t>
  </si>
  <si>
    <t>4.789368152618408</t>
  </si>
  <si>
    <t>375.1995849609375</t>
  </si>
  <si>
    <t>-0.02076733453039381</t>
  </si>
  <si>
    <t>4.324343681335449</t>
  </si>
  <si>
    <t>342.35748291015625</t>
  </si>
  <si>
    <t>0.030802389093542715</t>
  </si>
  <si>
    <t>14821</t>
  </si>
  <si>
    <t>3.8489999771118164</t>
  </si>
  <si>
    <t>317.33203125</t>
  </si>
  <si>
    <t>0.11431425955123764</t>
  </si>
  <si>
    <t>15192</t>
  </si>
  <si>
    <t>4.936582088470459</t>
  </si>
  <si>
    <t>307.9906311035156</t>
  </si>
  <si>
    <t>0.02472387953520716</t>
  </si>
  <si>
    <t>3.8567826747894287</t>
  </si>
  <si>
    <t>286.85601806640625</t>
  </si>
  <si>
    <t>0.001644250427991878</t>
  </si>
  <si>
    <t>5.7660651206970215</t>
  </si>
  <si>
    <t>350.0593566894531</t>
  </si>
  <si>
    <t>-0.02300021623143067</t>
  </si>
  <si>
    <t>3.4809982776641846</t>
  </si>
  <si>
    <t>298.87274169921875</t>
  </si>
  <si>
    <t>0.1989269198387955</t>
  </si>
  <si>
    <t>18766</t>
  </si>
  <si>
    <t>5.498805999755859</t>
  </si>
  <si>
    <t>287.59210205078125</t>
  </si>
  <si>
    <t>0.033706794322515776</t>
  </si>
  <si>
    <t>3.5294973850250244</t>
  </si>
  <si>
    <t>305.6672058105469</t>
  </si>
  <si>
    <t>-0.056224744986424824</t>
  </si>
  <si>
    <t>17261</t>
  </si>
  <si>
    <t>4.57952880859375</t>
  </si>
  <si>
    <t>217.7346649169922</t>
  </si>
  <si>
    <t>-0.027372355476879662</t>
  </si>
  <si>
    <t>19240</t>
  </si>
  <si>
    <t>3.1820058822631836</t>
  </si>
  <si>
    <t>360.8849792480469</t>
  </si>
  <si>
    <t>0.10854182383300781</t>
  </si>
  <si>
    <t>4.62144660949707</t>
  </si>
  <si>
    <t>290.6072998046875</t>
  </si>
  <si>
    <t>-0.06862169001206908</t>
  </si>
  <si>
    <t>18729</t>
  </si>
  <si>
    <t>5.149784564971924</t>
  </si>
  <si>
    <t>363.36810302734375</t>
  </si>
  <si>
    <t>0.04170336952222442</t>
  </si>
  <si>
    <t>17749</t>
  </si>
  <si>
    <t>3.84236216545105</t>
  </si>
  <si>
    <t>330.68853759765625</t>
  </si>
  <si>
    <t>-0.05374394844150743</t>
  </si>
  <si>
    <t>16205</t>
  </si>
  <si>
    <t>4.706448078155518</t>
  </si>
  <si>
    <t>393.52618408203125</t>
  </si>
  <si>
    <t>-0.09100933971269853</t>
  </si>
  <si>
    <t>15767</t>
  </si>
  <si>
    <t>5.005589485168457</t>
  </si>
  <si>
    <t>380.2669982910156</t>
  </si>
  <si>
    <t>-0.027400688338165224</t>
  </si>
  <si>
    <t>4.220334053039551</t>
  </si>
  <si>
    <t>311.4367980957031</t>
  </si>
  <si>
    <t>0.10067523708001147</t>
  </si>
  <si>
    <t>18068</t>
  </si>
  <si>
    <t>3.547713041305542</t>
  </si>
  <si>
    <t>328.4740905761719</t>
  </si>
  <si>
    <t>0.035548032457001</t>
  </si>
  <si>
    <t>19980</t>
  </si>
  <si>
    <t>5.273926734924316</t>
  </si>
  <si>
    <t>321.4494323730469</t>
  </si>
  <si>
    <t>0.10058935542805081</t>
  </si>
  <si>
    <t>5.629551410675049</t>
  </si>
  <si>
    <t>330.30804443359375</t>
  </si>
  <si>
    <t>0.11548922681828167</t>
  </si>
  <si>
    <t>5.106038570404053</t>
  </si>
  <si>
    <t>251.39320373535156</t>
  </si>
  <si>
    <t>0.029914601887679027</t>
  </si>
  <si>
    <t>23111</t>
  </si>
  <si>
    <t>4.754274845123291</t>
  </si>
  <si>
    <t>307.5608215332031</t>
  </si>
  <si>
    <t>0.00017309273486532106</t>
  </si>
  <si>
    <t>12764</t>
  </si>
  <si>
    <t>10.963330268859863</t>
  </si>
  <si>
    <t>150.9650421142578</t>
  </si>
  <si>
    <t>308.7114562988281</t>
  </si>
  <si>
    <t>Qyzylorda</t>
  </si>
  <si>
    <t>11303</t>
  </si>
  <si>
    <t>10.94524097442627</t>
  </si>
  <si>
    <t>141.65383911132812</t>
  </si>
  <si>
    <t>-0.12156053120740395</t>
  </si>
  <si>
    <t>9.787832260131836</t>
  </si>
  <si>
    <t>151.1971893310547</t>
  </si>
  <si>
    <t>-0.052397476647859875</t>
  </si>
  <si>
    <t>8.847973823547363</t>
  </si>
  <si>
    <t>161.45213317871094</t>
  </si>
  <si>
    <t>-0.09161572611705182</t>
  </si>
  <si>
    <t>9.698663711547852</t>
  </si>
  <si>
    <t>137.8355255126953</t>
  </si>
  <si>
    <t>-0.11888203516638107</t>
  </si>
  <si>
    <t>11.177687644958496</t>
  </si>
  <si>
    <t>99.13668060302734</t>
  </si>
  <si>
    <t>-0.06354170320432395</t>
  </si>
  <si>
    <t>8330</t>
  </si>
  <si>
    <t>9.885224342346191</t>
  </si>
  <si>
    <t>107.31092834472656</t>
  </si>
  <si>
    <t>0.021232220105774857</t>
  </si>
  <si>
    <t>8617</t>
  </si>
  <si>
    <t>10.778122901916504</t>
  </si>
  <si>
    <t>150.6986846923828</t>
  </si>
  <si>
    <t>0.03387354007887744</t>
  </si>
  <si>
    <t>10.996403694152832</t>
  </si>
  <si>
    <t>131.7677459716797</t>
  </si>
  <si>
    <t>-0.0008126778179899929</t>
  </si>
  <si>
    <t>11.46767807006836</t>
  </si>
  <si>
    <t>146.6674346923828</t>
  </si>
  <si>
    <t>-0.15944924531099502</t>
  </si>
  <si>
    <t>11.163924217224121</t>
  </si>
  <si>
    <t>100.13773345947266</t>
  </si>
  <si>
    <t>0.2077415254771129</t>
  </si>
  <si>
    <t>9997</t>
  </si>
  <si>
    <t>11.856192588806152</t>
  </si>
  <si>
    <t>124.31517791748047</t>
  </si>
  <si>
    <t>0.10106844937928727</t>
  </si>
  <si>
    <t>11.171854972839355</t>
  </si>
  <si>
    <t>162.93380737304688</t>
  </si>
  <si>
    <t>0.25090310921936165</t>
  </si>
  <si>
    <t>14505</t>
  </si>
  <si>
    <t>10.670645713806152</t>
  </si>
  <si>
    <t>220.21096801757812</t>
  </si>
  <si>
    <t>0.1213052603689615</t>
  </si>
  <si>
    <t>11.844159126281738</t>
  </si>
  <si>
    <t>165.89956665039062</t>
  </si>
  <si>
    <t>0.12248299272324381</t>
  </si>
  <si>
    <t>18064</t>
  </si>
  <si>
    <t>11.022716522216797</t>
  </si>
  <si>
    <t>102.95516204833984</t>
  </si>
  <si>
    <t>0.09694459711069392</t>
  </si>
  <si>
    <t>12.222800254821777</t>
  </si>
  <si>
    <t>111.36652374267578</t>
  </si>
  <si>
    <t>0.1689557637760153</t>
  </si>
  <si>
    <t>10.287571907043457</t>
  </si>
  <si>
    <t>122.06941223144531</t>
  </si>
  <si>
    <t>0.1166343301626025</t>
  </si>
  <si>
    <t>26356</t>
  </si>
  <si>
    <t>11.910762786865234</t>
  </si>
  <si>
    <t>121.97624969482422</t>
  </si>
  <si>
    <t>0.0921848517056496</t>
  </si>
  <si>
    <t>11.10585880279541</t>
  </si>
  <si>
    <t>158.126953125</t>
  </si>
  <si>
    <t>-0.17706902252336754</t>
  </si>
  <si>
    <t>23699</t>
  </si>
  <si>
    <t>11.639775276184082</t>
  </si>
  <si>
    <t>92.56675720214844</t>
  </si>
  <si>
    <t>0.07080592262985697</t>
  </si>
  <si>
    <t>10.228029251098633</t>
  </si>
  <si>
    <t>134.27792358398438</t>
  </si>
  <si>
    <t>-0.015007189927590758</t>
  </si>
  <si>
    <t>23870</t>
  </si>
  <si>
    <t>10.989795684814453</t>
  </si>
  <si>
    <t>131.74620056152344</t>
  </si>
  <si>
    <t>0.022196777120267797</t>
  </si>
  <si>
    <t>23587</t>
  </si>
  <si>
    <t>11.949728965759277</t>
  </si>
  <si>
    <t>162.34902954101562</t>
  </si>
  <si>
    <t>-0.01192672754900137</t>
  </si>
  <si>
    <t>10.37393569946289</t>
  </si>
  <si>
    <t>128.14947509765625</t>
  </si>
  <si>
    <t>-0.11322524384333299</t>
  </si>
  <si>
    <t>16034</t>
  </si>
  <si>
    <t>12.089299201965332</t>
  </si>
  <si>
    <t>199.67941284179688</t>
  </si>
  <si>
    <t>-0.2727590013376453</t>
  </si>
  <si>
    <t>15654</t>
  </si>
  <si>
    <t>11.937914848327637</t>
  </si>
  <si>
    <t>201.57742309570312</t>
  </si>
  <si>
    <t>-0.023984992238112568</t>
  </si>
  <si>
    <t>15334</t>
  </si>
  <si>
    <t>11.059861183166504</t>
  </si>
  <si>
    <t>130.57879638671875</t>
  </si>
  <si>
    <t>-0.020653890245943884</t>
  </si>
  <si>
    <t>16079</t>
  </si>
  <si>
    <t>11.050262451171875</t>
  </si>
  <si>
    <t>136.1410369873047</t>
  </si>
  <si>
    <t>0.0474414876255711</t>
  </si>
  <si>
    <t>16376</t>
  </si>
  <si>
    <t>11.93915843963623</t>
  </si>
  <si>
    <t>137.55836486816406</t>
  </si>
  <si>
    <t>0.018302775596714227</t>
  </si>
  <si>
    <t>13884</t>
  </si>
  <si>
    <t>11.383049964904785</t>
  </si>
  <si>
    <t>104.02226257324219</t>
  </si>
  <si>
    <t>-0.16507975035944789</t>
  </si>
  <si>
    <t>12.309066772460938</t>
  </si>
  <si>
    <t>112.54373168945312</t>
  </si>
  <si>
    <t>0.029941931686652268</t>
  </si>
  <si>
    <t>14308</t>
  </si>
  <si>
    <t>11.884574890136719</t>
  </si>
  <si>
    <t>105.38280487060547</t>
  </si>
  <si>
    <t>0.00013979171057876272</t>
  </si>
  <si>
    <t>12496</t>
  </si>
  <si>
    <t>12.431990623474121</t>
  </si>
  <si>
    <t>479.7803649902344</t>
  </si>
  <si>
    <t>1055.9052734375</t>
  </si>
  <si>
    <t>South Kazakhstan</t>
  </si>
  <si>
    <t>11066</t>
  </si>
  <si>
    <t>12.255066871643066</t>
  </si>
  <si>
    <t>491.3851318359375</t>
  </si>
  <si>
    <t>-0.1215312486214124</t>
  </si>
  <si>
    <t>10501</t>
  </si>
  <si>
    <t>11.729344367980957</t>
  </si>
  <si>
    <t>479.8941955566406</t>
  </si>
  <si>
    <t>-0.052406853752060556</t>
  </si>
  <si>
    <t>9582</t>
  </si>
  <si>
    <t>10.945849418640137</t>
  </si>
  <si>
    <t>762.180419921875</t>
  </si>
  <si>
    <t>-0.09158415226292682</t>
  </si>
  <si>
    <t>8508</t>
  </si>
  <si>
    <t>11.815443992614746</t>
  </si>
  <si>
    <t>568.6852416992188</t>
  </si>
  <si>
    <t>-0.1188794411229388</t>
  </si>
  <si>
    <t>7984</t>
  </si>
  <si>
    <t>12.51644515991211</t>
  </si>
  <si>
    <t>281.32745361328125</t>
  </si>
  <si>
    <t>-0.06356735832882876</t>
  </si>
  <si>
    <t>11.858162879943848</t>
  </si>
  <si>
    <t>467.66436767578125</t>
  </si>
  <si>
    <t>0.02119169706381463</t>
  </si>
  <si>
    <t>12.483454704284668</t>
  </si>
  <si>
    <t>491.4994201660156</t>
  </si>
  <si>
    <t>0.03375847992495373</t>
  </si>
  <si>
    <t>12.455840110778809</t>
  </si>
  <si>
    <t>659.1541137695312</t>
  </si>
  <si>
    <t>-0.0005929439841665385</t>
  </si>
  <si>
    <t>12.982234954833984</t>
  </si>
  <si>
    <t>558.6292724609375</t>
  </si>
  <si>
    <t>0.08566606756344619</t>
  </si>
  <si>
    <t>12.683144569396973</t>
  </si>
  <si>
    <t>367.5935974121094</t>
  </si>
  <si>
    <t>0.2350927799931295</t>
  </si>
  <si>
    <t>14080</t>
  </si>
  <si>
    <t>13.408772468566895</t>
  </si>
  <si>
    <t>422.1975402832031</t>
  </si>
  <si>
    <t>0.19219973115955646</t>
  </si>
  <si>
    <t>14261</t>
  </si>
  <si>
    <t>12.86117935180664</t>
  </si>
  <si>
    <t>621.5025024414062</t>
  </si>
  <si>
    <t>0.012773188024732818</t>
  </si>
  <si>
    <t>12.317593574523926</t>
  </si>
  <si>
    <t>715.0873413085938</t>
  </si>
  <si>
    <t>0.12766787152423476</t>
  </si>
  <si>
    <t>14540</t>
  </si>
  <si>
    <t>13.184555053710938</t>
  </si>
  <si>
    <t>559.1758422851562</t>
  </si>
  <si>
    <t>-0.1082929381734914</t>
  </si>
  <si>
    <t>14431</t>
  </si>
  <si>
    <t>12.535418510437012</t>
  </si>
  <si>
    <t>481.6227111816406</t>
  </si>
  <si>
    <t>-0.007524801651431545</t>
  </si>
  <si>
    <t>14129</t>
  </si>
  <si>
    <t>13.489823341369629</t>
  </si>
  <si>
    <t>425.1977844238281</t>
  </si>
  <si>
    <t>-0.02114924767026949</t>
  </si>
  <si>
    <t>17499</t>
  </si>
  <si>
    <t>12.149731636047363</t>
  </si>
  <si>
    <t>445.1007080078125</t>
  </si>
  <si>
    <t>0.21391431365593938</t>
  </si>
  <si>
    <t>17502</t>
  </si>
  <si>
    <t>13.336255073547363</t>
  </si>
  <si>
    <t>409.38409423828125</t>
  </si>
  <si>
    <t>0.00017142367402911418</t>
  </si>
  <si>
    <t>12.996016502380371</t>
  </si>
  <si>
    <t>563.2388305664062</t>
  </si>
  <si>
    <t>0.1682532282758089</t>
  </si>
  <si>
    <t>13.09853458404541</t>
  </si>
  <si>
    <t>454.7991027832031</t>
  </si>
  <si>
    <t>0.08196866470662556</t>
  </si>
  <si>
    <t>23995</t>
  </si>
  <si>
    <t>12.296509742736816</t>
  </si>
  <si>
    <t>533.5296020507812</t>
  </si>
  <si>
    <t>0.0653084222141338</t>
  </si>
  <si>
    <t>12.518611907958984</t>
  </si>
  <si>
    <t>435.3707275390625</t>
  </si>
  <si>
    <t>0.14477756454584423</t>
  </si>
  <si>
    <t>13.30777645111084</t>
  </si>
  <si>
    <t>501.18896484375</t>
  </si>
  <si>
    <t>0.03577121948079309</t>
  </si>
  <si>
    <t>29921</t>
  </si>
  <si>
    <t>12.023377418518066</t>
  </si>
  <si>
    <t>513.7872314453125</t>
  </si>
  <si>
    <t>0.040166315670806085</t>
  </si>
  <si>
    <t>13.643990516662598</t>
  </si>
  <si>
    <t>553.8173828125</t>
  </si>
  <si>
    <t>-1.165754376621523</t>
  </si>
  <si>
    <t>13.48401165008545</t>
  </si>
  <si>
    <t>574.6800537109375</t>
  </si>
  <si>
    <t>-0.03691584406304571</t>
  </si>
  <si>
    <t>9174</t>
  </si>
  <si>
    <t>12.79751205444336</t>
  </si>
  <si>
    <t>457.2124938964844</t>
  </si>
  <si>
    <t>0.020483041851896644</t>
  </si>
  <si>
    <t>13.208710670471191</t>
  </si>
  <si>
    <t>474.0110778808594</t>
  </si>
  <si>
    <t>0.08691145193333938</t>
  </si>
  <si>
    <t>13.422955513000488</t>
  </si>
  <si>
    <t>424.6685791015625</t>
  </si>
  <si>
    <t>0.0018968707329918288</t>
  </si>
  <si>
    <t>10830</t>
  </si>
  <si>
    <t>12.657563209533691</t>
  </si>
  <si>
    <t>426.0166015625</t>
  </si>
  <si>
    <t>0.07713834217158855</t>
  </si>
  <si>
    <t>14.016283988952637</t>
  </si>
  <si>
    <t>399.14605712890625</t>
  </si>
  <si>
    <t>0.029926286190665508</t>
  </si>
  <si>
    <t>13.451045989990234</t>
  </si>
  <si>
    <t>568.4481201171875</t>
  </si>
  <si>
    <t>0.0001792114700123193</t>
  </si>
  <si>
    <t>7.224748611450195</t>
  </si>
  <si>
    <t>426.412841796875</t>
  </si>
  <si>
    <t>297.2125244140625</t>
  </si>
  <si>
    <t>West Kazakhstan</t>
  </si>
  <si>
    <t>7.264516353607178</t>
  </si>
  <si>
    <t>248.3988037109375</t>
  </si>
  <si>
    <t>-0.12144745958507741</t>
  </si>
  <si>
    <t>6.105035781860352</t>
  </si>
  <si>
    <t>340.32586669921875</t>
  </si>
  <si>
    <t>-0.05258638769438306</t>
  </si>
  <si>
    <t>5.057167053222656</t>
  </si>
  <si>
    <t>392.8277587890625</t>
  </si>
  <si>
    <t>-0.09161096007472391</t>
  </si>
  <si>
    <t>2536</t>
  </si>
  <si>
    <t>5.137519359588623</t>
  </si>
  <si>
    <t>310.8928527832031</t>
  </si>
  <si>
    <t>-0.11883400790235843</t>
  </si>
  <si>
    <t>7.957889080047607</t>
  </si>
  <si>
    <t>263.1855163574219</t>
  </si>
  <si>
    <t>-0.06348754889159647</t>
  </si>
  <si>
    <t>5.893215179443359</t>
  </si>
  <si>
    <t>228.58682250976562</t>
  </si>
  <si>
    <t>0.0212022076506031</t>
  </si>
  <si>
    <t>2515</t>
  </si>
  <si>
    <t>6.494462966918945</t>
  </si>
  <si>
    <t>360.4868469238281</t>
  </si>
  <si>
    <t>0.03397010821771662</t>
  </si>
  <si>
    <t>2513</t>
  </si>
  <si>
    <t>7.075668811798096</t>
  </si>
  <si>
    <t>261.8350524902344</t>
  </si>
  <si>
    <t>-0.0007955449902476985</t>
  </si>
  <si>
    <t>7.565855503082275</t>
  </si>
  <si>
    <t>327.26922607421875</t>
  </si>
  <si>
    <t>0.17446480155077548</t>
  </si>
  <si>
    <t>7.7487263679504395</t>
  </si>
  <si>
    <t>370.4381408691406</t>
  </si>
  <si>
    <t>0.3027748210062171</t>
  </si>
  <si>
    <t>7.442405700683594</t>
  </si>
  <si>
    <t>372.4075622558594</t>
  </si>
  <si>
    <t>0.155419715530563</t>
  </si>
  <si>
    <t>6.891158580780029</t>
  </si>
  <si>
    <t>329.9465026855469</t>
  </si>
  <si>
    <t>0.14587301396947616</t>
  </si>
  <si>
    <t>6.561147689819336</t>
  </si>
  <si>
    <t>337.0478515625</t>
  </si>
  <si>
    <t>0.01162381413028335</t>
  </si>
  <si>
    <t>8861</t>
  </si>
  <si>
    <t>7.954637050628662</t>
  </si>
  <si>
    <t>381.3044738769531</t>
  </si>
  <si>
    <t>0.4700262003163953</t>
  </si>
  <si>
    <t>6.822717666625977</t>
  </si>
  <si>
    <t>269.443359375</t>
  </si>
  <si>
    <t>-0.03432581734241147</t>
  </si>
  <si>
    <t>8.347115516662598</t>
  </si>
  <si>
    <t>350.1982116699219</t>
  </si>
  <si>
    <t>0.056535312332133714</t>
  </si>
  <si>
    <t>9373</t>
  </si>
  <si>
    <t>6.533788681030273</t>
  </si>
  <si>
    <t>297.9743957519531</t>
  </si>
  <si>
    <t>0.033964095709460906</t>
  </si>
  <si>
    <t>7.87339973449707</t>
  </si>
  <si>
    <t>297.7339782714844</t>
  </si>
  <si>
    <t>0.11363727495950826</t>
  </si>
  <si>
    <t>7.031673908233643</t>
  </si>
  <si>
    <t>299.5555725097656</t>
  </si>
  <si>
    <t>-0.07061988987581813</t>
  </si>
  <si>
    <t>8.576430320739746</t>
  </si>
  <si>
    <t>259.8636474609375</t>
  </si>
  <si>
    <t>0.06230045389266792</t>
  </si>
  <si>
    <t>11136</t>
  </si>
  <si>
    <t>6.172306060791016</t>
  </si>
  <si>
    <t>337.6640625</t>
  </si>
  <si>
    <t>0.06703204885135783</t>
  </si>
  <si>
    <t>7.874804973602295</t>
  </si>
  <si>
    <t>273.4589538574219</t>
  </si>
  <si>
    <t>0.19922470538114645</t>
  </si>
  <si>
    <t>8.209235191345215</t>
  </si>
  <si>
    <t>368.0940246582031</t>
  </si>
  <si>
    <t>-0.08327924464362901</t>
  </si>
  <si>
    <t>6.976818561553955</t>
  </si>
  <si>
    <t>249.94387817382812</t>
  </si>
  <si>
    <t>0.02923654910697948</t>
  </si>
  <si>
    <t>32345</t>
  </si>
  <si>
    <t>7.895741939544678</t>
  </si>
  <si>
    <t>345.60711669921875</t>
  </si>
  <si>
    <t>0.9210943360593866</t>
  </si>
  <si>
    <t>32951</t>
  </si>
  <si>
    <t>8.084386825561523</t>
  </si>
  <si>
    <t>376.3962707519531</t>
  </si>
  <si>
    <t>0.018562160005703987</t>
  </si>
  <si>
    <t>7.5156474113464355</t>
  </si>
  <si>
    <t>299.0434265136719</t>
  </si>
  <si>
    <t>0.010175362178987513</t>
  </si>
  <si>
    <t>7.125752925872803</t>
  </si>
  <si>
    <t>267.2352294921875</t>
  </si>
  <si>
    <t>0.05097931816153434</t>
  </si>
  <si>
    <t>8.496438980102539</t>
  </si>
  <si>
    <t>273.78094482421875</t>
  </si>
  <si>
    <t>0.007593353228918076</t>
  </si>
  <si>
    <t>32999</t>
  </si>
  <si>
    <t>8.50321102142334</t>
  </si>
  <si>
    <t>255.96412658691406</t>
  </si>
  <si>
    <t>-0.06729238509406166</t>
  </si>
  <si>
    <t>8.39737319946289</t>
  </si>
  <si>
    <t>341.43475341796875</t>
  </si>
  <si>
    <t>0.02994208843850643</t>
  </si>
  <si>
    <t>7.906060695648193</t>
  </si>
  <si>
    <t>372.7156066894531</t>
  </si>
  <si>
    <t>0.00014703936270343831</t>
  </si>
  <si>
    <t>10.455936431884766</t>
  </si>
  <si>
    <t>349.6787414550781</t>
  </si>
  <si>
    <t>482.0097351074219</t>
  </si>
  <si>
    <t>Zhambyl</t>
  </si>
  <si>
    <t>10.333697319030762</t>
  </si>
  <si>
    <t>297.3031921386719</t>
  </si>
  <si>
    <t>-0.12183051697908454</t>
  </si>
  <si>
    <t>9.768604278564453</t>
  </si>
  <si>
    <t>326.328857421875</t>
  </si>
  <si>
    <t>-0.05231494834354855</t>
  </si>
  <si>
    <t>8.858040809631348</t>
  </si>
  <si>
    <t>467.158935546875</t>
  </si>
  <si>
    <t>-0.09136785703059047</t>
  </si>
  <si>
    <t>2338</t>
  </si>
  <si>
    <t>9.732169151306152</t>
  </si>
  <si>
    <t>360.48944091796875</t>
  </si>
  <si>
    <t>-0.11920774027121261</t>
  </si>
  <si>
    <t>10.404409408569336</t>
  </si>
  <si>
    <t>214.41354370117188</t>
  </si>
  <si>
    <t>-0.06356950119683802</t>
  </si>
  <si>
    <t>2241</t>
  </si>
  <si>
    <t>9.707714080810547</t>
  </si>
  <si>
    <t>314.22991943359375</t>
  </si>
  <si>
    <t>0.021195832965752004</t>
  </si>
  <si>
    <t>10.483418464660645</t>
  </si>
  <si>
    <t>295.1641540527344</t>
  </si>
  <si>
    <t>0.03421386345460409</t>
  </si>
  <si>
    <t>10.362238883972168</t>
  </si>
  <si>
    <t>443.0594787597656</t>
  </si>
  <si>
    <t>-0.0008628128231551457</t>
  </si>
  <si>
    <t>10.935966491699219</t>
  </si>
  <si>
    <t>380.0213928222656</t>
  </si>
  <si>
    <t>-0.09121843295199827</t>
  </si>
  <si>
    <t>10.570197105407715</t>
  </si>
  <si>
    <t>276.237060546875</t>
  </si>
  <si>
    <t>0.010816000104612478</t>
  </si>
  <si>
    <t>2374</t>
  </si>
  <si>
    <t>11.323310852050781</t>
  </si>
  <si>
    <t>298.5435485839844</t>
  </si>
  <si>
    <t>0.10470548358462306</t>
  </si>
  <si>
    <t>2732</t>
  </si>
  <si>
    <t>10.889657020568848</t>
  </si>
  <si>
    <t>452.9335021972656</t>
  </si>
  <si>
    <t>0.14045764552106732</t>
  </si>
  <si>
    <t>3520</t>
  </si>
  <si>
    <t>10.189955711364746</t>
  </si>
  <si>
    <t>475.0112609863281</t>
  </si>
  <si>
    <t>0.25342704790146175</t>
  </si>
  <si>
    <t>3626</t>
  </si>
  <si>
    <t>11.17720890045166</t>
  </si>
  <si>
    <t>365.41314697265625</t>
  </si>
  <si>
    <t>0.02966912272265354</t>
  </si>
  <si>
    <t>10.484848022460938</t>
  </si>
  <si>
    <t>325.8022155761719</t>
  </si>
  <si>
    <t>0.05028616854276713</t>
  </si>
  <si>
    <t>3587</t>
  </si>
  <si>
    <t>11.443398475646973</t>
  </si>
  <si>
    <t>302.3846130371094</t>
  </si>
  <si>
    <t>-0.061100082325280525</t>
  </si>
  <si>
    <t>10.213017463684082</t>
  </si>
  <si>
    <t>301.3580322265625</t>
  </si>
  <si>
    <t>0.1691320853894922</t>
  </si>
  <si>
    <t>4317</t>
  </si>
  <si>
    <t>11.412581443786621</t>
  </si>
  <si>
    <t>264.676025390625</t>
  </si>
  <si>
    <t>0.016112432633702767</t>
  </si>
  <si>
    <t>4321</t>
  </si>
  <si>
    <t>10.946707725524902</t>
  </si>
  <si>
    <t>382.5057067871094</t>
  </si>
  <si>
    <t>0.000926140376455109</t>
  </si>
  <si>
    <t>10.913525581359863</t>
  </si>
  <si>
    <t>348.91204833984375</t>
  </si>
  <si>
    <t>0.06278681422353571</t>
  </si>
  <si>
    <t>5567</t>
  </si>
  <si>
    <t>10.27048397064209</t>
  </si>
  <si>
    <t>376.3511962890625</t>
  </si>
  <si>
    <t>0.19058263802803843</t>
  </si>
  <si>
    <t>10.342220306396484</t>
  </si>
  <si>
    <t>270.0164794921875</t>
  </si>
  <si>
    <t>0.11284099936707648</t>
  </si>
  <si>
    <t>11.309769630432129</t>
  </si>
  <si>
    <t>337.19146728515625</t>
  </si>
  <si>
    <t>0.04118136511220705</t>
  </si>
  <si>
    <t>9.97473430633545</t>
  </si>
  <si>
    <t>335.28021240234375</t>
  </si>
  <si>
    <t>0.03614213588249093</t>
  </si>
  <si>
    <t>11.651226997375488</t>
  </si>
  <si>
    <t>361.6770324707031</t>
  </si>
  <si>
    <t>0.3519258264010716</t>
  </si>
  <si>
    <t>11.40062427520752</t>
  </si>
  <si>
    <t>449.6452941894531</t>
  </si>
  <si>
    <t>0.018115499798744494</t>
  </si>
  <si>
    <t>10.689995765686035</t>
  </si>
  <si>
    <t>349.8610534667969</t>
  </si>
  <si>
    <t>0.028817524180515974</t>
  </si>
  <si>
    <t>11.05447006225586</t>
  </si>
  <si>
    <t>338.5438537597656</t>
  </si>
  <si>
    <t>0.04406600441040709</t>
  </si>
  <si>
    <t>11.364566802978516</t>
  </si>
  <si>
    <t>275.61505126953125</t>
  </si>
  <si>
    <t>0.03191260953467001</t>
  </si>
  <si>
    <t>10.59501838684082</t>
  </si>
  <si>
    <t>298.5382080078125</t>
  </si>
  <si>
    <t>0.052631889985431</t>
  </si>
  <si>
    <t>11.920239448547363</t>
  </si>
  <si>
    <t>265.2865295410156</t>
  </si>
  <si>
    <t>0.02995864401161974</t>
  </si>
  <si>
    <t>11.388768196105957</t>
  </si>
  <si>
    <t>379.6412048339844</t>
  </si>
  <si>
    <t>8.505209445885953e-05</t>
  </si>
  <si>
    <t>1729</t>
  </si>
  <si>
    <t>KEN</t>
  </si>
  <si>
    <t>22.36739158630371</t>
  </si>
  <si>
    <t>1152.82421875</t>
  </si>
  <si>
    <t>105.47843933105469</t>
  </si>
  <si>
    <t>Baringo</t>
  </si>
  <si>
    <t>Kenya</t>
  </si>
  <si>
    <t>22.09564971923828</t>
  </si>
  <si>
    <t>1008.9542846679688</t>
  </si>
  <si>
    <t>-0.019939975783845654</t>
  </si>
  <si>
    <t>22.06073760986328</t>
  </si>
  <si>
    <t>1080.0306396484375</t>
  </si>
  <si>
    <t>-0.0406578223580123</t>
  </si>
  <si>
    <t>22.117979049682617</t>
  </si>
  <si>
    <t>815.7832641601562</t>
  </si>
  <si>
    <t>-0.027741029946537488</t>
  </si>
  <si>
    <t>22.1159610748291</t>
  </si>
  <si>
    <t>1048.662109375</t>
  </si>
  <si>
    <t>-0.004699256768094351</t>
  </si>
  <si>
    <t>22.482505798339844</t>
  </si>
  <si>
    <t>1085.2308349609375</t>
  </si>
  <si>
    <t>0.013567459578418983</t>
  </si>
  <si>
    <t>22.1484317779541</t>
  </si>
  <si>
    <t>973.3197021484375</t>
  </si>
  <si>
    <t>0.011090686694157803</t>
  </si>
  <si>
    <t>22.157426834106445</t>
  </si>
  <si>
    <t>1176.08935546875</t>
  </si>
  <si>
    <t>-0.024187225614003438</t>
  </si>
  <si>
    <t>22.422590255737305</t>
  </si>
  <si>
    <t>1051.531494140625</t>
  </si>
  <si>
    <t>0.0032902497367874872</t>
  </si>
  <si>
    <t>22.009824752807617</t>
  </si>
  <si>
    <t>1002.9365844726562</t>
  </si>
  <si>
    <t>-0.0075365406182390515</t>
  </si>
  <si>
    <t>22.327407836914062</t>
  </si>
  <si>
    <t>905.1835327148438</t>
  </si>
  <si>
    <t>-0.024893578409126427</t>
  </si>
  <si>
    <t>22.638925552368164</t>
  </si>
  <si>
    <t>985.2281494140625</t>
  </si>
  <si>
    <t>0.006281731214527575</t>
  </si>
  <si>
    <t>2025</t>
  </si>
  <si>
    <t>22.736404418945312</t>
  </si>
  <si>
    <t>1149.315673828125</t>
  </si>
  <si>
    <t>-0.024873264745139956</t>
  </si>
  <si>
    <t>22.76359748840332</t>
  </si>
  <si>
    <t>1101.8310546875</t>
  </si>
  <si>
    <t>-0.0009881423728934635</t>
  </si>
  <si>
    <t>22.539766311645508</t>
  </si>
  <si>
    <t>1072.4755859375</t>
  </si>
  <si>
    <t>0.02006428943370775</t>
  </si>
  <si>
    <t>22.6899471282959</t>
  </si>
  <si>
    <t>944.6669921875</t>
  </si>
  <si>
    <t>0.027241827963228715</t>
  </si>
  <si>
    <t>22.470375061035156</t>
  </si>
  <si>
    <t>1082.5927734375</t>
  </si>
  <si>
    <t>0.03338279385320586</t>
  </si>
  <si>
    <t>22.57898712158203</t>
  </si>
  <si>
    <t>1340.114990234375</t>
  </si>
  <si>
    <t>0.036709582967162646</t>
  </si>
  <si>
    <t>22.52544403076172</t>
  </si>
  <si>
    <t>1198.34765625</t>
  </si>
  <si>
    <t>-0.02763099133400093</t>
  </si>
  <si>
    <t>23.016983032226562</t>
  </si>
  <si>
    <t>941.6715698242188</t>
  </si>
  <si>
    <t>0.003158134815275382</t>
  </si>
  <si>
    <t>22.8591365814209</t>
  </si>
  <si>
    <t>1212.7127685546875</t>
  </si>
  <si>
    <t>0.04921907260405778</t>
  </si>
  <si>
    <t>22.50141143798828</t>
  </si>
  <si>
    <t>938.0047607421875</t>
  </si>
  <si>
    <t>0.022053480714857798</t>
  </si>
  <si>
    <t>22.286378860473633</t>
  </si>
  <si>
    <t>1473.533935546875</t>
  </si>
  <si>
    <t>0.018288123994148364</t>
  </si>
  <si>
    <t>2457</t>
  </si>
  <si>
    <t>22.480133056640625</t>
  </si>
  <si>
    <t>1367.3634033203125</t>
  </si>
  <si>
    <t>0.011873220341789725</t>
  </si>
  <si>
    <t>2564</t>
  </si>
  <si>
    <t>22.400930404663086</t>
  </si>
  <si>
    <t>948.5390014648438</t>
  </si>
  <si>
    <t>0.0426274455193818</t>
  </si>
  <si>
    <t>2831</t>
  </si>
  <si>
    <t>22.53772735595703</t>
  </si>
  <si>
    <t>1243.00390625</t>
  </si>
  <si>
    <t>0.09906146707133878</t>
  </si>
  <si>
    <t>22.742467880249023</t>
  </si>
  <si>
    <t>946.6449584960938</t>
  </si>
  <si>
    <t>-0.010653509851790588</t>
  </si>
  <si>
    <t>2816</t>
  </si>
  <si>
    <t>22.515661239624023</t>
  </si>
  <si>
    <t>1577.976318359375</t>
  </si>
  <si>
    <t>0.005340942017824091</t>
  </si>
  <si>
    <t>22.29213523864746</t>
  </si>
  <si>
    <t>1542.48876953125</t>
  </si>
  <si>
    <t>0.03317922646769045</t>
  </si>
  <si>
    <t>22.586275100708008</t>
  </si>
  <si>
    <t>1610.7965087890625</t>
  </si>
  <si>
    <t>0.028781400891487507</t>
  </si>
  <si>
    <t>22.579675674438477</t>
  </si>
  <si>
    <t>1451.57080078125</t>
  </si>
  <si>
    <t>-0.023983584971153604</t>
  </si>
  <si>
    <t>22.594228744506836</t>
  </si>
  <si>
    <t>1449.793212890625</t>
  </si>
  <si>
    <t>0.052284256214104374</t>
  </si>
  <si>
    <t>22.48607063293457</t>
  </si>
  <si>
    <t>1494.3209228515625</t>
  </si>
  <si>
    <t>0.026574318698214583</t>
  </si>
  <si>
    <t>1666.300048828125</t>
  </si>
  <si>
    <t>249.6856689453125</t>
  </si>
  <si>
    <t>Bomet</t>
  </si>
  <si>
    <t>17.533334732055664</t>
  </si>
  <si>
    <t>1455.2001953125</t>
  </si>
  <si>
    <t>-0.020228655732072554</t>
  </si>
  <si>
    <t>1573.2000732421875</t>
  </si>
  <si>
    <t>-0.04037609978455947</t>
  </si>
  <si>
    <t>1399.800048828125</t>
  </si>
  <si>
    <t>-0.027736754971598998</t>
  </si>
  <si>
    <t>-0.004524107246622222</t>
  </si>
  <si>
    <t>1751.800048828125</t>
  </si>
  <si>
    <t>0.013511378246858108</t>
  </si>
  <si>
    <t>1636.2000732421875</t>
  </si>
  <si>
    <t>0.010951512603594615</t>
  </si>
  <si>
    <t>2868</t>
  </si>
  <si>
    <t>-0.024114155014311578</t>
  </si>
  <si>
    <t>2877</t>
  </si>
  <si>
    <t>17.89166831970215</t>
  </si>
  <si>
    <t>1688.800048828125</t>
  </si>
  <si>
    <t>0.0031331618320367127</t>
  </si>
  <si>
    <t>1368.5</t>
  </si>
  <si>
    <t>2785</t>
  </si>
  <si>
    <t>1377.199951171875</t>
  </si>
  <si>
    <t>-0.02517417109809017</t>
  </si>
  <si>
    <t>18.14166831970215</t>
  </si>
  <si>
    <t>1487.5</t>
  </si>
  <si>
    <t>0.0067990957930961216</t>
  </si>
  <si>
    <t>18.341665267944336</t>
  </si>
  <si>
    <t>1749.800048828125</t>
  </si>
  <si>
    <t>-0.025281230870586313</t>
  </si>
  <si>
    <t>18.425003051757812</t>
  </si>
  <si>
    <t>1499.5</t>
  </si>
  <si>
    <t>-0.0007317965932136516</t>
  </si>
  <si>
    <t>1338.89990234375</t>
  </si>
  <si>
    <t>0.0195729336490702</t>
  </si>
  <si>
    <t>1222.5</t>
  </si>
  <si>
    <t>0.0276123737407854</t>
  </si>
  <si>
    <t>1827.7001953125</t>
  </si>
  <si>
    <t>0.03330780002105449</t>
  </si>
  <si>
    <t>3071</t>
  </si>
  <si>
    <t>17.90000343322754</t>
  </si>
  <si>
    <t>1655.89990234375</t>
  </si>
  <si>
    <t>0.03647619233923116</t>
  </si>
  <si>
    <t>1578.9000244140625</t>
  </si>
  <si>
    <t>-0.027064358156884794</t>
  </si>
  <si>
    <t>1523.7000732421875</t>
  </si>
  <si>
    <t>0.003006516378604829</t>
  </si>
  <si>
    <t>3150</t>
  </si>
  <si>
    <t>18.258331298828125</t>
  </si>
  <si>
    <t>1617.1002197265625</t>
  </si>
  <si>
    <t>0.04945705315713589</t>
  </si>
  <si>
    <t>0.02197890671877545</t>
  </si>
  <si>
    <t>2034.7999267578125</t>
  </si>
  <si>
    <t>1805.0</t>
  </si>
  <si>
    <t>3427</t>
  </si>
  <si>
    <t>17.800003051757812</t>
  </si>
  <si>
    <t>1534.5001220703125</t>
  </si>
  <si>
    <t>0.03232305112421763</t>
  </si>
  <si>
    <t>2037.4000244140625</t>
  </si>
  <si>
    <t>-0.02451754767001546</t>
  </si>
  <si>
    <t>0.0656779733898567</t>
  </si>
  <si>
    <t>1913.599853515625</t>
  </si>
  <si>
    <t>0.012799284357647878</t>
  </si>
  <si>
    <t>2049.60009765625</t>
  </si>
  <si>
    <t>0.03344065845648103</t>
  </si>
  <si>
    <t>3849</t>
  </si>
  <si>
    <t>2794.0</t>
  </si>
  <si>
    <t>0.02872776287516743</t>
  </si>
  <si>
    <t>18.108333587646484</t>
  </si>
  <si>
    <t>2135.599853515625</t>
  </si>
  <si>
    <t>-0.023926473310334373</t>
  </si>
  <si>
    <t>3959</t>
  </si>
  <si>
    <t>18.03333282470703</t>
  </si>
  <si>
    <t>2435.5</t>
  </si>
  <si>
    <t>0.05210456713271938</t>
  </si>
  <si>
    <t>2264.89990234375</t>
  </si>
  <si>
    <t>19.483335494995117</t>
  </si>
  <si>
    <t>1578.4998779296875</t>
  </si>
  <si>
    <t>366.0083312988281</t>
  </si>
  <si>
    <t>Bungoma</t>
  </si>
  <si>
    <t>19.225000381469727</t>
  </si>
  <si>
    <t>1510.7999267578125</t>
  </si>
  <si>
    <t>-0.020147700304111282</t>
  </si>
  <si>
    <t>-0.04040953833787686</t>
  </si>
  <si>
    <t>19.25833511352539</t>
  </si>
  <si>
    <t>-0.027287614727614873</t>
  </si>
  <si>
    <t>1332.9000244140625</t>
  </si>
  <si>
    <t>-0.00471977277335256</t>
  </si>
  <si>
    <t>1384.10009765625</t>
  </si>
  <si>
    <t>0.01350975025914547</t>
  </si>
  <si>
    <t>1733</t>
  </si>
  <si>
    <t>19.224998474121094</t>
  </si>
  <si>
    <t>1375.2999267578125</t>
  </si>
  <si>
    <t>0.011024190557880509</t>
  </si>
  <si>
    <t>19.250001907348633</t>
  </si>
  <si>
    <t>1581.0</t>
  </si>
  <si>
    <t>-0.02453394081702598</t>
  </si>
  <si>
    <t>19.48333168029785</t>
  </si>
  <si>
    <t>0.003541916335646711</t>
  </si>
  <si>
    <t>19.10000228881836</t>
  </si>
  <si>
    <t>-0.0076900704319546875</t>
  </si>
  <si>
    <t>1366.9000244140625</t>
  </si>
  <si>
    <t>-0.025256904789898726</t>
  </si>
  <si>
    <t>19.799999237060547</t>
  </si>
  <si>
    <t>1405.6002197265625</t>
  </si>
  <si>
    <t>0.006676807808650764</t>
  </si>
  <si>
    <t>19.875001907348633</t>
  </si>
  <si>
    <t>1355.5999755859375</t>
  </si>
  <si>
    <t>-0.02449601969581483</t>
  </si>
  <si>
    <t>1611</t>
  </si>
  <si>
    <t>19.891666412353516</t>
  </si>
  <si>
    <t>1521.60009765625</t>
  </si>
  <si>
    <t>-0.0012406949482350882</t>
  </si>
  <si>
    <t>19.76666831970215</t>
  </si>
  <si>
    <t>1411.89990234375</t>
  </si>
  <si>
    <t>0.019668734860293746</t>
  </si>
  <si>
    <t>20.008331298828125</t>
  </si>
  <si>
    <t>1266.5001220703125</t>
  </si>
  <si>
    <t>0.02761279877053191</t>
  </si>
  <si>
    <t>1440.199951171875</t>
  </si>
  <si>
    <t>19.808332443237305</t>
  </si>
  <si>
    <t>1881.1998291015625</t>
  </si>
  <si>
    <t>0.03655172148386576</t>
  </si>
  <si>
    <t>1762</t>
  </si>
  <si>
    <t>19.70833396911621</t>
  </si>
  <si>
    <t>1653.0</t>
  </si>
  <si>
    <t>-0.0274296513872887</t>
  </si>
  <si>
    <t>20.191667556762695</t>
  </si>
  <si>
    <t>0.0033994367014642535</t>
  </si>
  <si>
    <t>20.08333396911621</t>
  </si>
  <si>
    <t>1698.199951171875</t>
  </si>
  <si>
    <t>0.04911331815511755</t>
  </si>
  <si>
    <t>19.63333511352539</t>
  </si>
  <si>
    <t>1342.0</t>
  </si>
  <si>
    <t>0.02236514945957957</t>
  </si>
  <si>
    <t>1969.9998779296875</t>
  </si>
  <si>
    <t>0.017745768396045136</t>
  </si>
  <si>
    <t>19.55000114440918</t>
  </si>
  <si>
    <t>1893.4998779296875</t>
  </si>
  <si>
    <t>0.012339488187745218</t>
  </si>
  <si>
    <t>1338.9000244140625</t>
  </si>
  <si>
    <t>0.13640156712413187</t>
  </si>
  <si>
    <t>2235</t>
  </si>
  <si>
    <t>1723.9000244140625</t>
  </si>
  <si>
    <t>-0.003573027472539181</t>
  </si>
  <si>
    <t>1405.7999267578125</t>
  </si>
  <si>
    <t>0.030405514768113484</t>
  </si>
  <si>
    <t>2420</t>
  </si>
  <si>
    <t>19.57499885559082</t>
  </si>
  <si>
    <t>2018.7000732421875</t>
  </si>
  <si>
    <t>0.04912079733494945</t>
  </si>
  <si>
    <t>1909.7999267578125</t>
  </si>
  <si>
    <t>0.03332287187612426</t>
  </si>
  <si>
    <t>2575</t>
  </si>
  <si>
    <t>2314.300048828125</t>
  </si>
  <si>
    <t>0.028759122070980858</t>
  </si>
  <si>
    <t>-0.02397442394764404</t>
  </si>
  <si>
    <t>2648</t>
  </si>
  <si>
    <t>2036.7000732421875</t>
  </si>
  <si>
    <t>0.05192952790670624</t>
  </si>
  <si>
    <t>19.566665649414062</t>
  </si>
  <si>
    <t>1882.0999755859375</t>
  </si>
  <si>
    <t>0.0268272422331437</t>
  </si>
  <si>
    <t>4432</t>
  </si>
  <si>
    <t>71.74324798583984</t>
  </si>
  <si>
    <t>Elgeyo-Marakwet</t>
  </si>
  <si>
    <t>18.741666793823242</t>
  </si>
  <si>
    <t>1098.4998779296875</t>
  </si>
  <si>
    <t>-0.02005536681334874</t>
  </si>
  <si>
    <t>4172</t>
  </si>
  <si>
    <t>-0.04040004549310794</t>
  </si>
  <si>
    <t>18.79166603088379</t>
  </si>
  <si>
    <t>898.4000244140625</t>
  </si>
  <si>
    <t>-0.027705295734902435</t>
  </si>
  <si>
    <t>4039</t>
  </si>
  <si>
    <t>18.775001525878906</t>
  </si>
  <si>
    <t>1096.7999267578125</t>
  </si>
  <si>
    <t>-0.004693104822347749</t>
  </si>
  <si>
    <t>19.141666412353516</t>
  </si>
  <si>
    <t>0.013525350657822344</t>
  </si>
  <si>
    <t>18.883333206176758</t>
  </si>
  <si>
    <t>1031.699951171875</t>
  </si>
  <si>
    <t>0.010931725527496994</t>
  </si>
  <si>
    <t>1399.0001220703125</t>
  </si>
  <si>
    <t>-0.024209520793535333</t>
  </si>
  <si>
    <t>4053</t>
  </si>
  <si>
    <t>1345.60009765625</t>
  </si>
  <si>
    <t>0.0032126556731117972</t>
  </si>
  <si>
    <t>4024</t>
  </si>
  <si>
    <t>18.90833282470703</t>
  </si>
  <si>
    <t>1016.10009765625</t>
  </si>
  <si>
    <t>-0.007180914848733622</t>
  </si>
  <si>
    <t>19.233333587646484</t>
  </si>
  <si>
    <t>915.3999633789062</t>
  </si>
  <si>
    <t>-0.025164891094320296</t>
  </si>
  <si>
    <t>1108.0001220703125</t>
  </si>
  <si>
    <t>0.006604037209912761</t>
  </si>
  <si>
    <t>-0.025123084977151322</t>
  </si>
  <si>
    <t>-0.0007791196342701312</t>
  </si>
  <si>
    <t>0.019807721552661306</t>
  </si>
  <si>
    <t>4035</t>
  </si>
  <si>
    <t>1008.7001342773438</t>
  </si>
  <si>
    <t>0.027385205867641815</t>
  </si>
  <si>
    <t>19.166669845581055</t>
  </si>
  <si>
    <t>1212.499755859375</t>
  </si>
  <si>
    <t>0.03314951349289608</t>
  </si>
  <si>
    <t>1397.89990234375</t>
  </si>
  <si>
    <t>0.03671864602793917</t>
  </si>
  <si>
    <t>1270.0999755859375</t>
  </si>
  <si>
    <t>-0.02741181354845601</t>
  </si>
  <si>
    <t>4223</t>
  </si>
  <si>
    <t>19.73333168029785</t>
  </si>
  <si>
    <t>0.003083128257515</t>
  </si>
  <si>
    <t>4437</t>
  </si>
  <si>
    <t>0.04943269644496695</t>
  </si>
  <si>
    <t>19.191667556762695</t>
  </si>
  <si>
    <t>0.022067094028678014</t>
  </si>
  <si>
    <t>1579.800048828125</t>
  </si>
  <si>
    <t>0.01813266502301758</t>
  </si>
  <si>
    <t>0.011837004668198148</t>
  </si>
  <si>
    <t>19.083332061767578</t>
  </si>
  <si>
    <t>1063.2000732421875</t>
  </si>
  <si>
    <t>0.016339886088116984</t>
  </si>
  <si>
    <t>1407.60009765625</t>
  </si>
  <si>
    <t>0.07869795726229079</t>
  </si>
  <si>
    <t>5599</t>
  </si>
  <si>
    <t>19.5</t>
  </si>
  <si>
    <t>0.08553493089968178</t>
  </si>
  <si>
    <t>19.39166831970215</t>
  </si>
  <si>
    <t>1557.0999755859375</t>
  </si>
  <si>
    <t>0.050158519679367686</t>
  </si>
  <si>
    <t>6086</t>
  </si>
  <si>
    <t>1637.39990234375</t>
  </si>
  <si>
    <t>0.03324452142865475</t>
  </si>
  <si>
    <t>1812.5999755859375</t>
  </si>
  <si>
    <t>0.028827907213724302</t>
  </si>
  <si>
    <t>6115</t>
  </si>
  <si>
    <t>19.38333511352539</t>
  </si>
  <si>
    <t>1617.199951171875</t>
  </si>
  <si>
    <t>-0.02407418954936702</t>
  </si>
  <si>
    <t>19.291667938232422</t>
  </si>
  <si>
    <t>1797.2003173828125</t>
  </si>
  <si>
    <t>0.05224950101736958</t>
  </si>
  <si>
    <t>6617</t>
  </si>
  <si>
    <t>19.266666412353516</t>
  </si>
  <si>
    <t>1733.199951171875</t>
  </si>
  <si>
    <t>0.026647824873416326</t>
  </si>
  <si>
    <t>71.02626037597656</t>
  </si>
  <si>
    <t>Embu</t>
  </si>
  <si>
    <t>23.066667556762695</t>
  </si>
  <si>
    <t>805.0</t>
  </si>
  <si>
    <t>-0.019947927295527634</t>
  </si>
  <si>
    <t>994.0</t>
  </si>
  <si>
    <t>-0.04040715082837032</t>
  </si>
  <si>
    <t>703.8999633789062</t>
  </si>
  <si>
    <t>-0.027874665373014196</t>
  </si>
  <si>
    <t>4015</t>
  </si>
  <si>
    <t>23.07499885559082</t>
  </si>
  <si>
    <t>1025.300048828125</t>
  </si>
  <si>
    <t>-0.004473168492506119</t>
  </si>
  <si>
    <t>4069</t>
  </si>
  <si>
    <t>950.0</t>
  </si>
  <si>
    <t>0.013359921620828885</t>
  </si>
  <si>
    <t>23.14166831970215</t>
  </si>
  <si>
    <t>0.010998522211211892</t>
  </si>
  <si>
    <t>23.100000381469727</t>
  </si>
  <si>
    <t>1357.699951171875</t>
  </si>
  <si>
    <t>-0.024358443832040777</t>
  </si>
  <si>
    <t>4028</t>
  </si>
  <si>
    <t>23.383333206176758</t>
  </si>
  <si>
    <t>0.00323262745759223</t>
  </si>
  <si>
    <t>3999</t>
  </si>
  <si>
    <t>-0.007225644991635249</t>
  </si>
  <si>
    <t>621.6000366210938</t>
  </si>
  <si>
    <t>-0.025067776729081004</t>
  </si>
  <si>
    <t>23.491666793823242</t>
  </si>
  <si>
    <t>874.7999877929688</t>
  </si>
  <si>
    <t>0.006644542718669655</t>
  </si>
  <si>
    <t>23.65833282470703</t>
  </si>
  <si>
    <t>1156.7000732421875</t>
  </si>
  <si>
    <t>-0.025017423359113167</t>
  </si>
  <si>
    <t>3825</t>
  </si>
  <si>
    <t>23.808332443237305</t>
  </si>
  <si>
    <t>854.9000244140625</t>
  </si>
  <si>
    <t>-0.0010452052166574077</t>
  </si>
  <si>
    <t>23.158334732055664</t>
  </si>
  <si>
    <t>0.019930774922420014</t>
  </si>
  <si>
    <t>4010</t>
  </si>
  <si>
    <t>0.02730199911755804</t>
  </si>
  <si>
    <t>23.308334350585938</t>
  </si>
  <si>
    <t>1265.699951171875</t>
  </si>
  <si>
    <t>0.033111547268781294</t>
  </si>
  <si>
    <t>4301</t>
  </si>
  <si>
    <t>0.03694476521433998</t>
  </si>
  <si>
    <t>4185</t>
  </si>
  <si>
    <t>-0.02734084986015972</t>
  </si>
  <si>
    <t>4197</t>
  </si>
  <si>
    <t>23.84166717529297</t>
  </si>
  <si>
    <t>0.0028632804100148235</t>
  </si>
  <si>
    <t>4410</t>
  </si>
  <si>
    <t>0.049504705107301206</t>
  </si>
  <si>
    <t>23.441665649414062</t>
  </si>
  <si>
    <t>0.018244269089555232</t>
  </si>
  <si>
    <t>4646</t>
  </si>
  <si>
    <t>23.391664505004883</t>
  </si>
  <si>
    <t>810.0000610351562</t>
  </si>
  <si>
    <t>0.011908769081131254</t>
  </si>
  <si>
    <t>4456</t>
  </si>
  <si>
    <t>23.350000381469727</t>
  </si>
  <si>
    <t>789.0</t>
  </si>
  <si>
    <t>-0.04175513172323342</t>
  </si>
  <si>
    <t>23.575002670288086</t>
  </si>
  <si>
    <t>1180.2001953125</t>
  </si>
  <si>
    <t>0.09844708580481942</t>
  </si>
  <si>
    <t>23.833335876464844</t>
  </si>
  <si>
    <t>848.4000244140625</t>
  </si>
  <si>
    <t>-0.054327124429562446</t>
  </si>
  <si>
    <t>23.675003051757812</t>
  </si>
  <si>
    <t>1636.5</t>
  </si>
  <si>
    <t>0.044106266851077436</t>
  </si>
  <si>
    <t>1039.300048828125</t>
  </si>
  <si>
    <t>0.03333978854682229</t>
  </si>
  <si>
    <t>23.900001525878906</t>
  </si>
  <si>
    <t>1608.199951171875</t>
  </si>
  <si>
    <t>0.028794468043614074</t>
  </si>
  <si>
    <t>23.724998474121094</t>
  </si>
  <si>
    <t>823.6000366210938</t>
  </si>
  <si>
    <t>-0.02403633059719823</t>
  </si>
  <si>
    <t>23.599998474121094</t>
  </si>
  <si>
    <t>1514.0999755859375</t>
  </si>
  <si>
    <t>0.052212571090306525</t>
  </si>
  <si>
    <t>23.583335876464844</t>
  </si>
  <si>
    <t>1230.7999267578125</t>
  </si>
  <si>
    <t>0.02667318714682665</t>
  </si>
  <si>
    <t>2467</t>
  </si>
  <si>
    <t>28.058008193969727</t>
  </si>
  <si>
    <t>510.02984619140625</t>
  </si>
  <si>
    <t>95.75756072998047</t>
  </si>
  <si>
    <t>Garissa</t>
  </si>
  <si>
    <t>28.089879989624023</t>
  </si>
  <si>
    <t>394.2679138183594</t>
  </si>
  <si>
    <t>-0.02006208535461873</t>
  </si>
  <si>
    <t>28.03819465637207</t>
  </si>
  <si>
    <t>454.6227111816406</t>
  </si>
  <si>
    <t>-0.040081298404328614</t>
  </si>
  <si>
    <t>2259</t>
  </si>
  <si>
    <t>27.978971481323242</t>
  </si>
  <si>
    <t>445.57952880859375</t>
  </si>
  <si>
    <t>-0.027937216302405865</t>
  </si>
  <si>
    <t>2249</t>
  </si>
  <si>
    <t>28.042327880859375</t>
  </si>
  <si>
    <t>601.2340087890625</t>
  </si>
  <si>
    <t>-0.004436564508687901</t>
  </si>
  <si>
    <t>28.267051696777344</t>
  </si>
  <si>
    <t>441.8913879394531</t>
  </si>
  <si>
    <t>0.013251077286368762</t>
  </si>
  <si>
    <t>28.06624412536621</t>
  </si>
  <si>
    <t>283.0476989746094</t>
  </si>
  <si>
    <t>0.010909992570097948</t>
  </si>
  <si>
    <t>27.99126625061035</t>
  </si>
  <si>
    <t>920.1004028320312</t>
  </si>
  <si>
    <t>-0.02416106985646671</t>
  </si>
  <si>
    <t>28.393938064575195</t>
  </si>
  <si>
    <t>505.14776611328125</t>
  </si>
  <si>
    <t>0.0031076606586335487</t>
  </si>
  <si>
    <t>27.84125328063965</t>
  </si>
  <si>
    <t>423.8155822753906</t>
  </si>
  <si>
    <t>-0.007117467768863683</t>
  </si>
  <si>
    <t>2184</t>
  </si>
  <si>
    <t>27.958831787109375</t>
  </si>
  <si>
    <t>288.6606140136719</t>
  </si>
  <si>
    <t>-0.02531780798428951</t>
  </si>
  <si>
    <t>28.32100486755371</t>
  </si>
  <si>
    <t>387.4547119140625</t>
  </si>
  <si>
    <t>0.006844653689965341</t>
  </si>
  <si>
    <t>28.332399368286133</t>
  </si>
  <si>
    <t>564.0084838867188</t>
  </si>
  <si>
    <t>-0.024863159192643813</t>
  </si>
  <si>
    <t>28.43314552307129</t>
  </si>
  <si>
    <t>456.1714782714844</t>
  </si>
  <si>
    <t>-0.0009328358885403176</t>
  </si>
  <si>
    <t>28.07765769958496</t>
  </si>
  <si>
    <t>458.8844299316406</t>
  </si>
  <si>
    <t>0.019409112056113287</t>
  </si>
  <si>
    <t>28.145395278930664</t>
  </si>
  <si>
    <t>343.6557922363281</t>
  </si>
  <si>
    <t>0.027535027768697873</t>
  </si>
  <si>
    <t>2322</t>
  </si>
  <si>
    <t>28.246679306030273</t>
  </si>
  <si>
    <t>534.4493408203125</t>
  </si>
  <si>
    <t>0.03327802695944815</t>
  </si>
  <si>
    <t>2409</t>
  </si>
  <si>
    <t>28.11815643310547</t>
  </si>
  <si>
    <t>447.5168151855469</t>
  </si>
  <si>
    <t>0.03678284035703516</t>
  </si>
  <si>
    <t>28.112777709960938</t>
  </si>
  <si>
    <t>370.5452880859375</t>
  </si>
  <si>
    <t>-0.027352851917968657</t>
  </si>
  <si>
    <t>28.673568725585938</t>
  </si>
  <si>
    <t>573.6575317382812</t>
  </si>
  <si>
    <t>0.002981897843166159</t>
  </si>
  <si>
    <t>28.372079849243164</t>
  </si>
  <si>
    <t>383.0465393066406</t>
  </si>
  <si>
    <t>0.04937738108195333</t>
  </si>
  <si>
    <t>28.3730525970459</t>
  </si>
  <si>
    <t>432.1738586425781</t>
  </si>
  <si>
    <t>0.02202291208743734</t>
  </si>
  <si>
    <t>28.139694213867188</t>
  </si>
  <si>
    <t>444.1358642578125</t>
  </si>
  <si>
    <t>0.018053865556429294</t>
  </si>
  <si>
    <t>2602</t>
  </si>
  <si>
    <t>28.397865295410156</t>
  </si>
  <si>
    <t>402.7406921386719</t>
  </si>
  <si>
    <t>0.011985451806561187</t>
  </si>
  <si>
    <t>28.29816436767578</t>
  </si>
  <si>
    <t>403.1172790527344</t>
  </si>
  <si>
    <t>0.008419490991529166</t>
  </si>
  <si>
    <t>2683</t>
  </si>
  <si>
    <t>28.498315811157227</t>
  </si>
  <si>
    <t>476.55670166015625</t>
  </si>
  <si>
    <t>0.02223570036164446</t>
  </si>
  <si>
    <t>28.789445877075195</t>
  </si>
  <si>
    <t>353.45904541015625</t>
  </si>
  <si>
    <t>0.006316201566796131</t>
  </si>
  <si>
    <t>28.422346115112305</t>
  </si>
  <si>
    <t>725.2911987304688</t>
  </si>
  <si>
    <t>0.009583560264057489</t>
  </si>
  <si>
    <t>2818</t>
  </si>
  <si>
    <t>28.230451583862305</t>
  </si>
  <si>
    <t>547.5957641601562</t>
  </si>
  <si>
    <t>0.0331920802021477</t>
  </si>
  <si>
    <t>28.587066650390625</t>
  </si>
  <si>
    <t>696.05810546875</t>
  </si>
  <si>
    <t>0.029028091662778976</t>
  </si>
  <si>
    <t>2832</t>
  </si>
  <si>
    <t>28.592819213867188</t>
  </si>
  <si>
    <t>335.6114807128906</t>
  </si>
  <si>
    <t>-0.024072329307793794</t>
  </si>
  <si>
    <t>28.603179931640625</t>
  </si>
  <si>
    <t>742.5759887695312</t>
  </si>
  <si>
    <t>0.05228150651004082</t>
  </si>
  <si>
    <t>3065</t>
  </si>
  <si>
    <t>28.508447647094727</t>
  </si>
  <si>
    <t>656.9114379882812</t>
  </si>
  <si>
    <t>0.026782887046660875</t>
  </si>
  <si>
    <t>22.47285270690918</t>
  </si>
  <si>
    <t>1361.3851318359375</t>
  </si>
  <si>
    <t>606.8973388671875</t>
  </si>
  <si>
    <t>Homa Bay</t>
  </si>
  <si>
    <t>22.30875587463379</t>
  </si>
  <si>
    <t>1358.252685546875</t>
  </si>
  <si>
    <t>-0.020212916555858662</t>
  </si>
  <si>
    <t>22.24785041809082</t>
  </si>
  <si>
    <t>1359.43310546875</t>
  </si>
  <si>
    <t>-0.04009909779921639</t>
  </si>
  <si>
    <t>22.353612899780273</t>
  </si>
  <si>
    <t>1068.16357421875</t>
  </si>
  <si>
    <t>-0.028019074309858283</t>
  </si>
  <si>
    <t>22.365135192871094</t>
  </si>
  <si>
    <t>1371.138427734375</t>
  </si>
  <si>
    <t>-0.004381168015562764</t>
  </si>
  <si>
    <t>22.72089958190918</t>
  </si>
  <si>
    <t>1436.413818359375</t>
  </si>
  <si>
    <t>0.013086337242893542</t>
  </si>
  <si>
    <t>22.39208984375</t>
  </si>
  <si>
    <t>1376.628173828125</t>
  </si>
  <si>
    <t>0.011311728478925254</t>
  </si>
  <si>
    <t>22.381799697875977</t>
  </si>
  <si>
    <t>1756.5693359375</t>
  </si>
  <si>
    <t>-0.024398065721818796</t>
  </si>
  <si>
    <t>22.678611755371094</t>
  </si>
  <si>
    <t>1288.8819580078125</t>
  </si>
  <si>
    <t>0.0032876741941914034</t>
  </si>
  <si>
    <t>22.614517211914062</t>
  </si>
  <si>
    <t>1289.4530029296875</t>
  </si>
  <si>
    <t>-0.0071370053151440516</t>
  </si>
  <si>
    <t>1770</t>
  </si>
  <si>
    <t>22.817705154418945</t>
  </si>
  <si>
    <t>1250.1796875</t>
  </si>
  <si>
    <t>-0.025105921131076236</t>
  </si>
  <si>
    <t>22.99013328552246</t>
  </si>
  <si>
    <t>1370.000244140625</t>
  </si>
  <si>
    <t>0.006756782462879585</t>
  </si>
  <si>
    <t>23.253610610961914</t>
  </si>
  <si>
    <t>1495.318603515625</t>
  </si>
  <si>
    <t>-0.025001302205416742</t>
  </si>
  <si>
    <t>23.411943435668945</t>
  </si>
  <si>
    <t>1297.7586669921875</t>
  </si>
  <si>
    <t>-0.0011514106050416473</t>
  </si>
  <si>
    <t>22.753610610961914</t>
  </si>
  <si>
    <t>1216.3251953125</t>
  </si>
  <si>
    <t>0.01996074256253788</t>
  </si>
  <si>
    <t>22.950422286987305</t>
  </si>
  <si>
    <t>1161.154052734375</t>
  </si>
  <si>
    <t>0.02729214228800725</t>
  </si>
  <si>
    <t>22.707420349121094</t>
  </si>
  <si>
    <t>1566.8072509765625</t>
  </si>
  <si>
    <t>0.032967049230189005</t>
  </si>
  <si>
    <t>22.752992630004883</t>
  </si>
  <si>
    <t>1496.0595703125</t>
  </si>
  <si>
    <t>0.0370509376720074</t>
  </si>
  <si>
    <t>22.731801986694336</t>
  </si>
  <si>
    <t>1399.1015625</t>
  </si>
  <si>
    <t>-0.027527056160751684</t>
  </si>
  <si>
    <t>1905</t>
  </si>
  <si>
    <t>23.265134811401367</t>
  </si>
  <si>
    <t>1322.01171875</t>
  </si>
  <si>
    <t>0.003154576748515936</t>
  </si>
  <si>
    <t>23.098466873168945</t>
  </si>
  <si>
    <t>1575.465576171875</t>
  </si>
  <si>
    <t>0.049165047022931674</t>
  </si>
  <si>
    <t>1406.293701171875</t>
  </si>
  <si>
    <t>0.022239611927838077</t>
  </si>
  <si>
    <t>22.570280075073242</t>
  </si>
  <si>
    <t>1834.007080078125</t>
  </si>
  <si>
    <t>0.01792249474940011</t>
  </si>
  <si>
    <t>22.632417678833008</t>
  </si>
  <si>
    <t>1657.855712890625</t>
  </si>
  <si>
    <t>0.011930468400281669</t>
  </si>
  <si>
    <t>2200</t>
  </si>
  <si>
    <t>22.595277786254883</t>
  </si>
  <si>
    <t>1299.45947265625</t>
  </si>
  <si>
    <t>0.04271772968515375</t>
  </si>
  <si>
    <t>2232</t>
  </si>
  <si>
    <t>22.765134811401367</t>
  </si>
  <si>
    <t>1724.7431640625</t>
  </si>
  <si>
    <t>0.014440684154794603</t>
  </si>
  <si>
    <t>23.011945724487305</t>
  </si>
  <si>
    <t>1526.36181640625</t>
  </si>
  <si>
    <t>0.033483304126789015</t>
  </si>
  <si>
    <t>22.939516067504883</t>
  </si>
  <si>
    <t>1619.7454833984375</t>
  </si>
  <si>
    <t>0.02058391714348673</t>
  </si>
  <si>
    <t>2435</t>
  </si>
  <si>
    <t>22.70618438720703</t>
  </si>
  <si>
    <t>1687.193359375</t>
  </si>
  <si>
    <t>0.03298149074521284</t>
  </si>
  <si>
    <t>23.051040649414062</t>
  </si>
  <si>
    <t>2402.236083984375</t>
  </si>
  <si>
    <t>0.02914006264160296</t>
  </si>
  <si>
    <t>22.893325805664062</t>
  </si>
  <si>
    <t>1730.03564453125</t>
  </si>
  <si>
    <t>-0.024224034715621734</t>
  </si>
  <si>
    <t>2578</t>
  </si>
  <si>
    <t>22.823469161987305</t>
  </si>
  <si>
    <t>2034.4388427734375</t>
  </si>
  <si>
    <t>0.05215112005646105</t>
  </si>
  <si>
    <t>22.74908447265625</t>
  </si>
  <si>
    <t>1751.4791259765625</t>
  </si>
  <si>
    <t>0.02679073355776662</t>
  </si>
  <si>
    <t>26.235673904418945</t>
  </si>
  <si>
    <t>927.3012084960938</t>
  </si>
  <si>
    <t>55.44164276123047</t>
  </si>
  <si>
    <t>Isiolo</t>
  </si>
  <si>
    <t>2478</t>
  </si>
  <si>
    <t>26.2270565032959</t>
  </si>
  <si>
    <t>-0.019976693077660812</t>
  </si>
  <si>
    <t>26.199907302856445</t>
  </si>
  <si>
    <t>879.8477172851562</t>
  </si>
  <si>
    <t>-0.04035129552356764</t>
  </si>
  <si>
    <t>26.162065505981445</t>
  </si>
  <si>
    <t>636.7523193359375</t>
  </si>
  <si>
    <t>-0.027690800145185435</t>
  </si>
  <si>
    <t>26.212127685546875</t>
  </si>
  <si>
    <t>799.0347290039062</t>
  </si>
  <si>
    <t>-0.004762944704552297</t>
  </si>
  <si>
    <t>26.532516479492188</t>
  </si>
  <si>
    <t>875.3566284179688</t>
  </si>
  <si>
    <t>0.013365148287215689</t>
  </si>
  <si>
    <t>26.251379013061523</t>
  </si>
  <si>
    <t>487.56353759765625</t>
  </si>
  <si>
    <t>0.011073366982515154</t>
  </si>
  <si>
    <t>26.2044734954834</t>
  </si>
  <si>
    <t>1316.984130859375</t>
  </si>
  <si>
    <t>-0.024438515269730843</t>
  </si>
  <si>
    <t>26.556978225708008</t>
  </si>
  <si>
    <t>669.0064697265625</t>
  </si>
  <si>
    <t>0.003466207976486224</t>
  </si>
  <si>
    <t>26.000205993652344</t>
  </si>
  <si>
    <t>651.563232421875</t>
  </si>
  <si>
    <t>26.229736328125</t>
  </si>
  <si>
    <t>516.9098510742188</t>
  </si>
  <si>
    <t>-0.025150233622775353</t>
  </si>
  <si>
    <t>26.534788131713867</t>
  </si>
  <si>
    <t>700.5169677734375</t>
  </si>
  <si>
    <t>0.00668005156037399</t>
  </si>
  <si>
    <t>26.639772415161133</t>
  </si>
  <si>
    <t>888.8081665039062</t>
  </si>
  <si>
    <t>-0.025169868047634658</t>
  </si>
  <si>
    <t>26.700536727905273</t>
  </si>
  <si>
    <t>860.8370361328125</t>
  </si>
  <si>
    <t>-0.0009107468753377645</t>
  </si>
  <si>
    <t>26.364927291870117</t>
  </si>
  <si>
    <t>780.9078369140625</t>
  </si>
  <si>
    <t>0.019847291089482688</t>
  </si>
  <si>
    <t>26.459444046020508</t>
  </si>
  <si>
    <t>539.4424438476562</t>
  </si>
  <si>
    <t>0.027748972683073525</t>
  </si>
  <si>
    <t>2379</t>
  </si>
  <si>
    <t>26.50580596923828</t>
  </si>
  <si>
    <t>848.3778076171875</t>
  </si>
  <si>
    <t>0.03290192102112943</t>
  </si>
  <si>
    <t>26.368261337280273</t>
  </si>
  <si>
    <t>735.9158935546875</t>
  </si>
  <si>
    <t>0.0367278747223212</t>
  </si>
  <si>
    <t>26.367326736450195</t>
  </si>
  <si>
    <t>720.4335327148438</t>
  </si>
  <si>
    <t>-0.027106382385349903</t>
  </si>
  <si>
    <t>26.959489822387695</t>
  </si>
  <si>
    <t>939.7741088867188</t>
  </si>
  <si>
    <t>0.0029099999749426786</t>
  </si>
  <si>
    <t>26.61846351623535</t>
  </si>
  <si>
    <t>645.2825317382812</t>
  </si>
  <si>
    <t>0.049402757930252506</t>
  </si>
  <si>
    <t>26.565025329589844</t>
  </si>
  <si>
    <t>723.9209594726562</t>
  </si>
  <si>
    <t>0.021884421640905316</t>
  </si>
  <si>
    <t>26.31525993347168</t>
  </si>
  <si>
    <t>875.5267333984375</t>
  </si>
  <si>
    <t>0.018384278789433495</t>
  </si>
  <si>
    <t>26.600326538085938</t>
  </si>
  <si>
    <t>705.8692626953125</t>
  </si>
  <si>
    <t>26.47481346130371</t>
  </si>
  <si>
    <t>679.6012573242188</t>
  </si>
  <si>
    <t>0.046537065206523565</t>
  </si>
  <si>
    <t>26.657325744628906</t>
  </si>
  <si>
    <t>910.4273071289062</t>
  </si>
  <si>
    <t>0.051973335216205285</t>
  </si>
  <si>
    <t>2955</t>
  </si>
  <si>
    <t>26.936973571777344</t>
  </si>
  <si>
    <t>732.9754028320312</t>
  </si>
  <si>
    <t>0.00440902867881654</t>
  </si>
  <si>
    <t>26.55476188659668</t>
  </si>
  <si>
    <t>1320.8736572265625</t>
  </si>
  <si>
    <t>0.042080086039862685</t>
  </si>
  <si>
    <t>26.36823844909668</t>
  </si>
  <si>
    <t>861.4774780273438</t>
  </si>
  <si>
    <t>26.669036865234375</t>
  </si>
  <si>
    <t>1321.5548095703125</t>
  </si>
  <si>
    <t>0.02876338696085412</t>
  </si>
  <si>
    <t>26.702856063842773</t>
  </si>
  <si>
    <t>671.4771118164062</t>
  </si>
  <si>
    <t>-0.024067807821529286</t>
  </si>
  <si>
    <t>26.72258949279785</t>
  </si>
  <si>
    <t>1261.17578125</t>
  </si>
  <si>
    <t>0.052323369549252874</t>
  </si>
  <si>
    <t>26.664077758789062</t>
  </si>
  <si>
    <t>1041.547119140625</t>
  </si>
  <si>
    <t>0.026613648518090116</t>
  </si>
  <si>
    <t>20.96892547607422</t>
  </si>
  <si>
    <t>745.8563232421875</t>
  </si>
  <si>
    <t>89.85050964355469</t>
  </si>
  <si>
    <t>Kajiado</t>
  </si>
  <si>
    <t>3274</t>
  </si>
  <si>
    <t>20.987611770629883</t>
  </si>
  <si>
    <t>558.8941040039062</t>
  </si>
  <si>
    <t>-0.01995832803966735</t>
  </si>
  <si>
    <t>20.87992286682129</t>
  </si>
  <si>
    <t>741.2012939453125</t>
  </si>
  <si>
    <t>-0.040198588796538814</t>
  </si>
  <si>
    <t>20.927160263061523</t>
  </si>
  <si>
    <t>488.5639343261719</t>
  </si>
  <si>
    <t>-0.02772582498363718</t>
  </si>
  <si>
    <t>21.002302169799805</t>
  </si>
  <si>
    <t>634.3003540039062</t>
  </si>
  <si>
    <t>-0.004587164006906619</t>
  </si>
  <si>
    <t>21.15812110900879</t>
  </si>
  <si>
    <t>566.0021362304688</t>
  </si>
  <si>
    <t>0.013374852779110213</t>
  </si>
  <si>
    <t>21.000709533691406</t>
  </si>
  <si>
    <t>426.1456298828125</t>
  </si>
  <si>
    <t>0.010957247880421406</t>
  </si>
  <si>
    <t>20.996814727783203</t>
  </si>
  <si>
    <t>846.090576171875</t>
  </si>
  <si>
    <t>-0.02433210065953162</t>
  </si>
  <si>
    <t>3055</t>
  </si>
  <si>
    <t>21.3068904876709</t>
  </si>
  <si>
    <t>688.148681640625</t>
  </si>
  <si>
    <t>0.0032786914616984575</t>
  </si>
  <si>
    <t>3033</t>
  </si>
  <si>
    <t>21.12349510192871</t>
  </si>
  <si>
    <t>522.6776123046875</t>
  </si>
  <si>
    <t>-0.0072273639171136494</t>
  </si>
  <si>
    <t>21.20000648498535</t>
  </si>
  <si>
    <t>506.70269775390625</t>
  </si>
  <si>
    <t>-0.025038864417836315</t>
  </si>
  <si>
    <t>21.296884536743164</t>
  </si>
  <si>
    <t>545.6275634765625</t>
  </si>
  <si>
    <t>0.0064027177450309836</t>
  </si>
  <si>
    <t>21.4962158203125</t>
  </si>
  <si>
    <t>816.293701171875</t>
  </si>
  <si>
    <t>-0.024826985071089602</t>
  </si>
  <si>
    <t>21.714712142944336</t>
  </si>
  <si>
    <t>484.8623046875</t>
  </si>
  <si>
    <t>-0.0010335918232824426</t>
  </si>
  <si>
    <t>21.016929626464844</t>
  </si>
  <si>
    <t>405.46331787109375</t>
  </si>
  <si>
    <t>0.01979586827880553</t>
  </si>
  <si>
    <t>21.123022079467773</t>
  </si>
  <si>
    <t>332.66925048828125</t>
  </si>
  <si>
    <t>0.027335035277155306</t>
  </si>
  <si>
    <t>3144</t>
  </si>
  <si>
    <t>21.09115219116211</t>
  </si>
  <si>
    <t>967.1524658203125</t>
  </si>
  <si>
    <t>0.03330946587173145</t>
  </si>
  <si>
    <t>21.090234756469727</t>
  </si>
  <si>
    <t>461.3897705078125</t>
  </si>
  <si>
    <t>0.03684462963186341</t>
  </si>
  <si>
    <t>21.001989364624023</t>
  </si>
  <si>
    <t>606.912841796875</t>
  </si>
  <si>
    <t>-0.027347882094606035</t>
  </si>
  <si>
    <t>21.600866317749023</t>
  </si>
  <si>
    <t>589.3095092773438</t>
  </si>
  <si>
    <t>0.002831526195738121</t>
  </si>
  <si>
    <t>3345</t>
  </si>
  <si>
    <t>21.490053176879883</t>
  </si>
  <si>
    <t>518.0003051757812</t>
  </si>
  <si>
    <t>0.04964254528023737</t>
  </si>
  <si>
    <t>21.206130981445312</t>
  </si>
  <si>
    <t>554.9161376953125</t>
  </si>
  <si>
    <t>0.021881417076972554</t>
  </si>
  <si>
    <t>3481</t>
  </si>
  <si>
    <t>21.14881134033203</t>
  </si>
  <si>
    <t>649.0134887695312</t>
  </si>
  <si>
    <t>0.0179714981721375</t>
  </si>
  <si>
    <t>21.222951889038086</t>
  </si>
  <si>
    <t>619.8096923828125</t>
  </si>
  <si>
    <t>0.011993290529797918</t>
  </si>
  <si>
    <t>21.148496627807617</t>
  </si>
  <si>
    <t>588.675537109375</t>
  </si>
  <si>
    <t>0.022731440386991153</t>
  </si>
  <si>
    <t>21.432058334350586</t>
  </si>
  <si>
    <t>874.9511108398438</t>
  </si>
  <si>
    <t>0.030065123184423115</t>
  </si>
  <si>
    <t>3895</t>
  </si>
  <si>
    <t>21.69493293762207</t>
  </si>
  <si>
    <t>724.9841918945312</t>
  </si>
  <si>
    <t>0.04758421639219712</t>
  </si>
  <si>
    <t>21.556737899780273</t>
  </si>
  <si>
    <t>827.6619873046875</t>
  </si>
  <si>
    <t>-0.023114910448754244</t>
  </si>
  <si>
    <t>21.313806533813477</t>
  </si>
  <si>
    <t>755.5687255859375</t>
  </si>
  <si>
    <t>0.03333211299540828</t>
  </si>
  <si>
    <t>21.753992080688477</t>
  </si>
  <si>
    <t>1136.494384765625</t>
  </si>
  <si>
    <t>0.028805999249081893</t>
  </si>
  <si>
    <t>3954</t>
  </si>
  <si>
    <t>21.543554306030273</t>
  </si>
  <si>
    <t>732.2182006835938</t>
  </si>
  <si>
    <t>-0.023989156370022968</t>
  </si>
  <si>
    <t>4166</t>
  </si>
  <si>
    <t>21.430261611938477</t>
  </si>
  <si>
    <t>929.8890991210938</t>
  </si>
  <si>
    <t>0.05222861809035528</t>
  </si>
  <si>
    <t>21.386293411254883</t>
  </si>
  <si>
    <t>810.3865966796875</t>
  </si>
  <si>
    <t>0.02676299459590048</t>
  </si>
  <si>
    <t>1831.2000732421875</t>
  </si>
  <si>
    <t>474.0058898925781</t>
  </si>
  <si>
    <t>Kakamega</t>
  </si>
  <si>
    <t>21.191665649414062</t>
  </si>
  <si>
    <t>1681.199951171875</t>
  </si>
  <si>
    <t>-0.020183740802901085</t>
  </si>
  <si>
    <t>21.14166831970215</t>
  </si>
  <si>
    <t>-0.0401504956701455</t>
  </si>
  <si>
    <t>21.241668701171875</t>
  </si>
  <si>
    <t>1611.5</t>
  </si>
  <si>
    <t>-0.028029863076594275</t>
  </si>
  <si>
    <t>21.2166690826416</t>
  </si>
  <si>
    <t>-0.00457899553568808</t>
  </si>
  <si>
    <t>1707.5999755859375</t>
  </si>
  <si>
    <t>0.013674561020173392</t>
  </si>
  <si>
    <t>21.308332443237305</t>
  </si>
  <si>
    <t>1744.1002197265625</t>
  </si>
  <si>
    <t>0.011005613836601924</t>
  </si>
  <si>
    <t>1962</t>
  </si>
  <si>
    <t>2015.60009765625</t>
  </si>
  <si>
    <t>-0.02417036092781366</t>
  </si>
  <si>
    <t>1678.9000244140625</t>
  </si>
  <si>
    <t>0.0030534374868906866</t>
  </si>
  <si>
    <t>1655.60009765625</t>
  </si>
  <si>
    <t>-0.00713924500947094</t>
  </si>
  <si>
    <t>1667.0001220703125</t>
  </si>
  <si>
    <t>-0.02539654504192601</t>
  </si>
  <si>
    <t>21.866666793823242</t>
  </si>
  <si>
    <t>1844.9000244140625</t>
  </si>
  <si>
    <t>0.006800967882582221</t>
  </si>
  <si>
    <t>22.09166717529297</t>
  </si>
  <si>
    <t>1820.4000244140625</t>
  </si>
  <si>
    <t>-0.02534454559475119</t>
  </si>
  <si>
    <t>22.233335494995117</t>
  </si>
  <si>
    <t>1774.800048828125</t>
  </si>
  <si>
    <t>-0.0005349023930696362</t>
  </si>
  <si>
    <t>21.666669845581055</t>
  </si>
  <si>
    <t>1687.10009765625</t>
  </si>
  <si>
    <t>0.019603276758584087</t>
  </si>
  <si>
    <t>21.90833282470703</t>
  </si>
  <si>
    <t>1542.199951171875</t>
  </si>
  <si>
    <t>0.027427333730393855</t>
  </si>
  <si>
    <t>1852.400146484375</t>
  </si>
  <si>
    <t>0.033135561596098206</t>
  </si>
  <si>
    <t>2125.5</t>
  </si>
  <si>
    <t>0.03684372130436131</t>
  </si>
  <si>
    <t>21.67500114440918</t>
  </si>
  <si>
    <t>1938.5001220703125</t>
  </si>
  <si>
    <t>-0.02750474952140536</t>
  </si>
  <si>
    <t>1618.300048828125</t>
  </si>
  <si>
    <t>0.0034188067487850304</t>
  </si>
  <si>
    <t>2043.9998779296875</t>
  </si>
  <si>
    <t>0.04946324446546768</t>
  </si>
  <si>
    <t>2202</t>
  </si>
  <si>
    <t>21.65833282470703</t>
  </si>
  <si>
    <t>1767.60009765625</t>
  </si>
  <si>
    <t>0.021575314744777252</t>
  </si>
  <si>
    <t>21.475000381469727</t>
  </si>
  <si>
    <t>2438.7001953125</t>
  </si>
  <si>
    <t>0.01844821723758283</t>
  </si>
  <si>
    <t>2270</t>
  </si>
  <si>
    <t>21.55000114440918</t>
  </si>
  <si>
    <t>0.011965575955239949</t>
  </si>
  <si>
    <t>1663.39990234375</t>
  </si>
  <si>
    <t>0.04099819045058517</t>
  </si>
  <si>
    <t>2160.0</t>
  </si>
  <si>
    <t>0.04505825202639979</t>
  </si>
  <si>
    <t>1826.4998779296875</t>
  </si>
  <si>
    <t>0.003631232555733277</t>
  </si>
  <si>
    <t>2503</t>
  </si>
  <si>
    <t>21.82499885559082</t>
  </si>
  <si>
    <t>2269.099853515625</t>
  </si>
  <si>
    <t>0.008022505923608314</t>
  </si>
  <si>
    <t>2588</t>
  </si>
  <si>
    <t>21.59166717529297</t>
  </si>
  <si>
    <t>2300.300048828125</t>
  </si>
  <si>
    <t>0.03339536418901634</t>
  </si>
  <si>
    <t>2944.30029296875</t>
  </si>
  <si>
    <t>2318.2001953125</t>
  </si>
  <si>
    <t>-0.023932766211628653</t>
  </si>
  <si>
    <t>2740</t>
  </si>
  <si>
    <t>21.73333168029785</t>
  </si>
  <si>
    <t>2604.2998046875</t>
  </si>
  <si>
    <t>0.05206193393346403</t>
  </si>
  <si>
    <t>2814</t>
  </si>
  <si>
    <t>21.666664123535156</t>
  </si>
  <si>
    <t>2338.300048828125</t>
  </si>
  <si>
    <t>0.026649038292219096</t>
  </si>
  <si>
    <t>18.89166831970215</t>
  </si>
  <si>
    <t>1524.5999755859375</t>
  </si>
  <si>
    <t>190.7674560546875</t>
  </si>
  <si>
    <t>Kericho</t>
  </si>
  <si>
    <t>3517</t>
  </si>
  <si>
    <t>1503.099853515625</t>
  </si>
  <si>
    <t>-0.0199865907047041</t>
  </si>
  <si>
    <t>1754.6002197265625</t>
  </si>
  <si>
    <t>-0.04032453510623668</t>
  </si>
  <si>
    <t>3286</t>
  </si>
  <si>
    <t>18.791669845581055</t>
  </si>
  <si>
    <t>-0.02761279877053191</t>
  </si>
  <si>
    <t>3271</t>
  </si>
  <si>
    <t>1588.2999267578125</t>
  </si>
  <si>
    <t>-0.0045752710588296</t>
  </si>
  <si>
    <t>19.133333206176758</t>
  </si>
  <si>
    <t>0.01336187508157849</t>
  </si>
  <si>
    <t>1761.39990234375</t>
  </si>
  <si>
    <t>0.011099558982012425</t>
  </si>
  <si>
    <t>1882.599853515625</t>
  </si>
  <si>
    <t>-0.024461434063590914</t>
  </si>
  <si>
    <t>19.10833168029785</t>
  </si>
  <si>
    <t>1608.9998779296875</t>
  </si>
  <si>
    <t>0.003357244111652946</t>
  </si>
  <si>
    <t>3258</t>
  </si>
  <si>
    <t>1562.1002197265625</t>
  </si>
  <si>
    <t>-0.007339482488045945</t>
  </si>
  <si>
    <t>1441.5001220703125</t>
  </si>
  <si>
    <t>-0.025176154892474045</t>
  </si>
  <si>
    <t>19.424997329711914</t>
  </si>
  <si>
    <t>1600.6002197265625</t>
  </si>
  <si>
    <t>0.0065882591243831</t>
  </si>
  <si>
    <t>3119</t>
  </si>
  <si>
    <t>19.658334732055664</t>
  </si>
  <si>
    <t>1609.4000244140625</t>
  </si>
  <si>
    <t>-0.02501317678609638</t>
  </si>
  <si>
    <t>1631.7000732421875</t>
  </si>
  <si>
    <t>-0.0009623096171651468</t>
  </si>
  <si>
    <t>3179</t>
  </si>
  <si>
    <t>1512.400146484375</t>
  </si>
  <si>
    <t>0.02001655392016488</t>
  </si>
  <si>
    <t>19.30833625793457</t>
  </si>
  <si>
    <t>1370.699951171875</t>
  </si>
  <si>
    <t>0.027305450690267463</t>
  </si>
  <si>
    <t>3377</t>
  </si>
  <si>
    <t>1778.5001220703125</t>
  </si>
  <si>
    <t>0.03311560878449704</t>
  </si>
  <si>
    <t>1829.5001220703125</t>
  </si>
  <si>
    <t>0.03691743167071415</t>
  </si>
  <si>
    <t>19.13333511352539</t>
  </si>
  <si>
    <t>1710.4000244140625</t>
  </si>
  <si>
    <t>-0.02748617991837854</t>
  </si>
  <si>
    <t>1515.4000244140625</t>
  </si>
  <si>
    <t>0.0029291175013987925</t>
  </si>
  <si>
    <t>1752.9000244140625</t>
  </si>
  <si>
    <t>0.049639397474216196</t>
  </si>
  <si>
    <t>1551.60009765625</t>
  </si>
  <si>
    <t>0.022021258706148572</t>
  </si>
  <si>
    <t>18.983333587646484</t>
  </si>
  <si>
    <t>2173.199951171875</t>
  </si>
  <si>
    <t>1944.2999267578125</t>
  </si>
  <si>
    <t>3835</t>
  </si>
  <si>
    <t>1552.5</t>
  </si>
  <si>
    <t>0.013123547929806634</t>
  </si>
  <si>
    <t>2034.4998779296875</t>
  </si>
  <si>
    <t>-0.009431560613730738</t>
  </si>
  <si>
    <t>1702.9000244140625</t>
  </si>
  <si>
    <t>0.04654394509085691</t>
  </si>
  <si>
    <t>2018.0001220703125</t>
  </si>
  <si>
    <t>-0.02107479293977299</t>
  </si>
  <si>
    <t>2178.5</t>
  </si>
  <si>
    <t>0.033311179852637096</t>
  </si>
  <si>
    <t>4146</t>
  </si>
  <si>
    <t>2764.500244140625</t>
  </si>
  <si>
    <t>0.028625807804377956</t>
  </si>
  <si>
    <t>19.34166717529297</t>
  </si>
  <si>
    <t>2225.900146484375</t>
  </si>
  <si>
    <t>-0.023921082028422802</t>
  </si>
  <si>
    <t>19.26666831970215</t>
  </si>
  <si>
    <t>2541.2001953125</t>
  </si>
  <si>
    <t>0.05221924895847785</t>
  </si>
  <si>
    <t>4380</t>
  </si>
  <si>
    <t>19.20833396911621</t>
  </si>
  <si>
    <t>2335.7001953125</t>
  </si>
  <si>
    <t>0.02660654344471247</t>
  </si>
  <si>
    <t>2181</t>
  </si>
  <si>
    <t>26.02801513671875</t>
  </si>
  <si>
    <t>984.0567016601562</t>
  </si>
  <si>
    <t>338.9505310058594</t>
  </si>
  <si>
    <t>Kilifi</t>
  </si>
  <si>
    <t>26.061120986938477</t>
  </si>
  <si>
    <t>954.9368896484375</t>
  </si>
  <si>
    <t>-0.019912674616638704</t>
  </si>
  <si>
    <t>25.93483543395996</t>
  </si>
  <si>
    <t>1107.1689453125</t>
  </si>
  <si>
    <t>-0.04056867456605673</t>
  </si>
  <si>
    <t>25.90260887145996</t>
  </si>
  <si>
    <t>724.0481567382812</t>
  </si>
  <si>
    <t>-0.027656083603118553</t>
  </si>
  <si>
    <t>26.01811408996582</t>
  </si>
  <si>
    <t>1289.591796875</t>
  </si>
  <si>
    <t>-0.004516946199295546</t>
  </si>
  <si>
    <t>26.090667724609375</t>
  </si>
  <si>
    <t>894.139404296875</t>
  </si>
  <si>
    <t>0.013490087164263365</t>
  </si>
  <si>
    <t>25.9238224029541</t>
  </si>
  <si>
    <t>713.3543090820312</t>
  </si>
  <si>
    <t>0.010858941846022319</t>
  </si>
  <si>
    <t>25.8809871673584</t>
  </si>
  <si>
    <t>1349.419677734375</t>
  </si>
  <si>
    <t>-0.024349029010285683</t>
  </si>
  <si>
    <t>26.367460250854492</t>
  </si>
  <si>
    <t>1027.2520751953125</t>
  </si>
  <si>
    <t>0.0035149421074445186</t>
  </si>
  <si>
    <t>25.791770935058594</t>
  </si>
  <si>
    <t>989.773681640625</t>
  </si>
  <si>
    <t>25.898588180541992</t>
  </si>
  <si>
    <t>878.2503662109375</t>
  </si>
  <si>
    <t>-0.025058841260066522</t>
  </si>
  <si>
    <t>26.241769790649414</t>
  </si>
  <si>
    <t>866.6640625</t>
  </si>
  <si>
    <t>0.0067097025918698705</t>
  </si>
  <si>
    <t>26.17754364013672</t>
  </si>
  <si>
    <t>1093.658447265625</t>
  </si>
  <si>
    <t>-0.02500130220541763</t>
  </si>
  <si>
    <t>26.44852638244629</t>
  </si>
  <si>
    <t>786.2697143554688</t>
  </si>
  <si>
    <t>-0.0010554090689431916</t>
  </si>
  <si>
    <t>25.95855140686035</t>
  </si>
  <si>
    <t>740.703369140625</t>
  </si>
  <si>
    <t>0.019864741026439425</t>
  </si>
  <si>
    <t>26.007089614868164</t>
  </si>
  <si>
    <t>751.654541015625</t>
  </si>
  <si>
    <t>0.027566829832655237</t>
  </si>
  <si>
    <t>26.018043518066406</t>
  </si>
  <si>
    <t>1368.6246337890625</t>
  </si>
  <si>
    <t>0.03317957241381553</t>
  </si>
  <si>
    <t>2130</t>
  </si>
  <si>
    <t>26.025156021118164</t>
  </si>
  <si>
    <t>971.54736328125</t>
  </si>
  <si>
    <t>0.03681984168453667</t>
  </si>
  <si>
    <t>25.899978637695312</t>
  </si>
  <si>
    <t>746.4308471679688</t>
  </si>
  <si>
    <t>-0.027607655324096925</t>
  </si>
  <si>
    <t>26.327552795410156</t>
  </si>
  <si>
    <t>860.5293579101562</t>
  </si>
  <si>
    <t>0.002891568279799195</t>
  </si>
  <si>
    <t>26.28617286682129</t>
  </si>
  <si>
    <t>674.7265625</t>
  </si>
  <si>
    <t>0.0497521652056232</t>
  </si>
  <si>
    <t>26.159940719604492</t>
  </si>
  <si>
    <t>908.0596923828125</t>
  </si>
  <si>
    <t>0.02173998663640564</t>
  </si>
  <si>
    <t>2273</t>
  </si>
  <si>
    <t>26.012041091918945</t>
  </si>
  <si>
    <t>744.650634765625</t>
  </si>
  <si>
    <t>0.0182025003513413</t>
  </si>
  <si>
    <t>26.229814529418945</t>
  </si>
  <si>
    <t>811.9546508789062</t>
  </si>
  <si>
    <t>0.011808578064698594</t>
  </si>
  <si>
    <t>26.153717041015625</t>
  </si>
  <si>
    <t>1032.759765625</t>
  </si>
  <si>
    <t>-0.0034843240826116784</t>
  </si>
  <si>
    <t>26.474924087524414</t>
  </si>
  <si>
    <t>1174.2032470703125</t>
  </si>
  <si>
    <t>0.06380199342311066</t>
  </si>
  <si>
    <t>26.6221866607666</t>
  </si>
  <si>
    <t>968.776123046875</t>
  </si>
  <si>
    <t>-0.035412990160423874</t>
  </si>
  <si>
    <t>2399</t>
  </si>
  <si>
    <t>26.28990364074707</t>
  </si>
  <si>
    <t>1251.962158203125</t>
  </si>
  <si>
    <t>0.017238181742378345</t>
  </si>
  <si>
    <t>2480</t>
  </si>
  <si>
    <t>26.078536987304688</t>
  </si>
  <si>
    <t>1104.06640625</t>
  </si>
  <si>
    <t>0.03320657631933255</t>
  </si>
  <si>
    <t>26.443456649780273</t>
  </si>
  <si>
    <t>1454.6141357421875</t>
  </si>
  <si>
    <t>0.029010578082456107</t>
  </si>
  <si>
    <t>2492</t>
  </si>
  <si>
    <t>26.41559410095215</t>
  </si>
  <si>
    <t>1011.483154296875</t>
  </si>
  <si>
    <t>-0.024183537334139693</t>
  </si>
  <si>
    <t>26.420310974121094</t>
  </si>
  <si>
    <t>1342.5274658203125</t>
  </si>
  <si>
    <t>0.05237617495539748</t>
  </si>
  <si>
    <t>26.26127815246582</t>
  </si>
  <si>
    <t>1190.48046875</t>
  </si>
  <si>
    <t>0.026678268276988604</t>
  </si>
  <si>
    <t>19.408334732055664</t>
  </si>
  <si>
    <t>1873.0001220703125</t>
  </si>
  <si>
    <t>535.7738647460938</t>
  </si>
  <si>
    <t>Kisii</t>
  </si>
  <si>
    <t>2463</t>
  </si>
  <si>
    <t>19.25</t>
  </si>
  <si>
    <t>1634.400146484375</t>
  </si>
  <si>
    <t>-0.020097139423054244</t>
  </si>
  <si>
    <t>19.174999237060547</t>
  </si>
  <si>
    <t>-0.04017935358220548</t>
  </si>
  <si>
    <t>19.29166603088379</t>
  </si>
  <si>
    <t>1275.099853515625</t>
  </si>
  <si>
    <t>-0.027856954502966325</t>
  </si>
  <si>
    <t>1608.2000732421875</t>
  </si>
  <si>
    <t>-0.004355407581870807</t>
  </si>
  <si>
    <t>2321</t>
  </si>
  <si>
    <t>19.591665267944336</t>
  </si>
  <si>
    <t>1744.7000732421875</t>
  </si>
  <si>
    <t>0.01300972382094212</t>
  </si>
  <si>
    <t>19.308334350585938</t>
  </si>
  <si>
    <t>1669.199951171875</t>
  </si>
  <si>
    <t>0.011139789576586345</t>
  </si>
  <si>
    <t>2099.7001953125</t>
  </si>
  <si>
    <t>-0.024149513397528466</t>
  </si>
  <si>
    <t>2298</t>
  </si>
  <si>
    <t>1598.60009765625</t>
  </si>
  <si>
    <t>0.0030507759552058644</t>
  </si>
  <si>
    <t>19.51666831970215</t>
  </si>
  <si>
    <t>1443.60009765625</t>
  </si>
  <si>
    <t>-0.006986927986679881</t>
  </si>
  <si>
    <t>1530.9998779296875</t>
  </si>
  <si>
    <t>-0.02529533582168053</t>
  </si>
  <si>
    <t>19.90833282470703</t>
  </si>
  <si>
    <t>1633.5999755859375</t>
  </si>
  <si>
    <t>0.006718950248744804</t>
  </si>
  <si>
    <t>1813.89990234375</t>
  </si>
  <si>
    <t>1515.5997314453125</t>
  </si>
  <si>
    <t>-0.0009161704717799424</t>
  </si>
  <si>
    <t>19.616670608520508</t>
  </si>
  <si>
    <t>1462.60009765625</t>
  </si>
  <si>
    <t>0.019964365442474374</t>
  </si>
  <si>
    <t>1421.0999755859375</t>
  </si>
  <si>
    <t>0.027471820664198177</t>
  </si>
  <si>
    <t>1912.3001708984375</t>
  </si>
  <si>
    <t>0.03309994842634456</t>
  </si>
  <si>
    <t>1797.2000732421875</t>
  </si>
  <si>
    <t>0.036941324344823556</t>
  </si>
  <si>
    <t>2387</t>
  </si>
  <si>
    <t>1704.2999267578125</t>
  </si>
  <si>
    <t>-0.027681998932026275</t>
  </si>
  <si>
    <t>2395</t>
  </si>
  <si>
    <t>0.0033458835061850323</t>
  </si>
  <si>
    <t>1882.2000732421875</t>
  </si>
  <si>
    <t>0.049287107975315436</t>
  </si>
  <si>
    <t>19.60833168029785</t>
  </si>
  <si>
    <t>1768.0</t>
  </si>
  <si>
    <t>0.022013467537179032</t>
  </si>
  <si>
    <t>2227.10009765625</t>
  </si>
  <si>
    <t>0.018108759150202047</t>
  </si>
  <si>
    <t>1946.0001220703125</t>
  </si>
  <si>
    <t>0.011767074472555983</t>
  </si>
  <si>
    <t>1609.5</t>
  </si>
  <si>
    <t>0.030474301710412988</t>
  </si>
  <si>
    <t>19.691665649414062</t>
  </si>
  <si>
    <t>2114.39990234375</t>
  </si>
  <si>
    <t>0.03418213700290984</t>
  </si>
  <si>
    <t>1846.0001220703125</t>
  </si>
  <si>
    <t>0.012653947404523969</t>
  </si>
  <si>
    <t>19.8416690826416</t>
  </si>
  <si>
    <t>1978.5001220703125</t>
  </si>
  <si>
    <t>0.031290157993210777</t>
  </si>
  <si>
    <t>3054</t>
  </si>
  <si>
    <t>19.625003814697266</t>
  </si>
  <si>
    <t>2011.5</t>
  </si>
  <si>
    <t>0.03329202268725151</t>
  </si>
  <si>
    <t>19.975000381469727</t>
  </si>
  <si>
    <t>2937.2001953125</t>
  </si>
  <si>
    <t>0.028725551018990103</t>
  </si>
  <si>
    <t>2141.300048828125</t>
  </si>
  <si>
    <t>-0.02382598217783105</t>
  </si>
  <si>
    <t>2408.2001953125</t>
  </si>
  <si>
    <t>0.052058723105696814</t>
  </si>
  <si>
    <t>19.6583309173584</t>
  </si>
  <si>
    <t>2229.599853515625</t>
  </si>
  <si>
    <t>0.026855443651314204</t>
  </si>
  <si>
    <t>24.630281448364258</t>
  </si>
  <si>
    <t>882.5314331054688</t>
  </si>
  <si>
    <t>221.890625</t>
  </si>
  <si>
    <t>Kitui</t>
  </si>
  <si>
    <t>24.635114669799805</t>
  </si>
  <si>
    <t>602.9519653320312</t>
  </si>
  <si>
    <t>-0.019830024931765777</t>
  </si>
  <si>
    <t>24.5472412109375</t>
  </si>
  <si>
    <t>740.3958740234375</t>
  </si>
  <si>
    <t>-0.0403951333018755</t>
  </si>
  <si>
    <t>24.562353134155273</t>
  </si>
  <si>
    <t>546.9986572265625</t>
  </si>
  <si>
    <t>-0.028032324836235745</t>
  </si>
  <si>
    <t>24.631362915039062</t>
  </si>
  <si>
    <t>826.1767578125</t>
  </si>
  <si>
    <t>-0.004498882869260257</t>
  </si>
  <si>
    <t>24.802072525024414</t>
  </si>
  <si>
    <t>590.5818481445312</t>
  </si>
  <si>
    <t>0.013436380296336203</t>
  </si>
  <si>
    <t>24.628210067749023</t>
  </si>
  <si>
    <t>427.04937744140625</t>
  </si>
  <si>
    <t>0.010816231309155988</t>
  </si>
  <si>
    <t>24.6054744720459</t>
  </si>
  <si>
    <t>1203.1201171875</t>
  </si>
  <si>
    <t>-0.02425261160549219</t>
  </si>
  <si>
    <t>24.9381046295166</t>
  </si>
  <si>
    <t>614.5194702148438</t>
  </si>
  <si>
    <t>0.003500878794408635</t>
  </si>
  <si>
    <t>24.620635986328125</t>
  </si>
  <si>
    <t>661.0577392578125</t>
  </si>
  <si>
    <t>-0.007516948449298511</t>
  </si>
  <si>
    <t>24.735517501831055</t>
  </si>
  <si>
    <t>531.1242065429688</t>
  </si>
  <si>
    <t>-0.02495673197386772</t>
  </si>
  <si>
    <t>24.947446823120117</t>
  </si>
  <si>
    <t>636.2501831054688</t>
  </si>
  <si>
    <t>0.006682111730385465</t>
  </si>
  <si>
    <t>25.062698364257812</t>
  </si>
  <si>
    <t>880.5284423828125</t>
  </si>
  <si>
    <t>-0.024897551621727132</t>
  </si>
  <si>
    <t>1902</t>
  </si>
  <si>
    <t>25.249061584472656</t>
  </si>
  <si>
    <t>610.1555786132812</t>
  </si>
  <si>
    <t>-0.001050972245974613</t>
  </si>
  <si>
    <t>24.66096305847168</t>
  </si>
  <si>
    <t>574.7446899414062</t>
  </si>
  <si>
    <t>0.01978200895203841</t>
  </si>
  <si>
    <t>24.71602439880371</t>
  </si>
  <si>
    <t>426.0947570800781</t>
  </si>
  <si>
    <t>0.02745469846440951</t>
  </si>
  <si>
    <t>24.773130416870117</t>
  </si>
  <si>
    <t>1071.456787109375</t>
  </si>
  <si>
    <t>0.03304863036867545</t>
  </si>
  <si>
    <t>24.71563148498535</t>
  </si>
  <si>
    <t>582.5836181640625</t>
  </si>
  <si>
    <t>0.03667951069453146</t>
  </si>
  <si>
    <t>24.689802169799805</t>
  </si>
  <si>
    <t>684.7297973632812</t>
  </si>
  <si>
    <t>-0.02750291888962675</t>
  </si>
  <si>
    <t>25.260351181030273</t>
  </si>
  <si>
    <t>784.4580078125</t>
  </si>
  <si>
    <t>0.0033597343818367875</t>
  </si>
  <si>
    <t>25.080705642700195</t>
  </si>
  <si>
    <t>572.4453125</t>
  </si>
  <si>
    <t>0.04954284134068754</t>
  </si>
  <si>
    <t>24.91529655456543</t>
  </si>
  <si>
    <t>691.6902465820312</t>
  </si>
  <si>
    <t>0.021651725383039278</t>
  </si>
  <si>
    <t>24.745803833007812</t>
  </si>
  <si>
    <t>780.0851440429688</t>
  </si>
  <si>
    <t>0.018130056621093793</t>
  </si>
  <si>
    <t>24.90979766845703</t>
  </si>
  <si>
    <t>656.7806396484375</t>
  </si>
  <si>
    <t>0.01219527309381796</t>
  </si>
  <si>
    <t>24.83745574951172</t>
  </si>
  <si>
    <t>654.3737182617188</t>
  </si>
  <si>
    <t>-0.045613397259102406</t>
  </si>
  <si>
    <t>25.099252700805664</t>
  </si>
  <si>
    <t>917.1182250976562</t>
  </si>
  <si>
    <t>0.17572987478355628</t>
  </si>
  <si>
    <t>25.34068489074707</t>
  </si>
  <si>
    <t>702.962890625</t>
  </si>
  <si>
    <t>-0.12450454826988366</t>
  </si>
  <si>
    <t>2466</t>
  </si>
  <si>
    <t>25.12034797668457</t>
  </si>
  <si>
    <t>1388.9703369140625</t>
  </si>
  <si>
    <t>0.05973795095388024</t>
  </si>
  <si>
    <t>24.903413772583008</t>
  </si>
  <si>
    <t>740.9254150390625</t>
  </si>
  <si>
    <t>0.033103720651825874</t>
  </si>
  <si>
    <t>25.32740020751953</t>
  </si>
  <si>
    <t>1292.9996337890625</t>
  </si>
  <si>
    <t>0.02899874568786398</t>
  </si>
  <si>
    <t>25.182144165039062</t>
  </si>
  <si>
    <t>651.2894287109375</t>
  </si>
  <si>
    <t>-0.02430206386445377</t>
  </si>
  <si>
    <t>25.12125587463379</t>
  </si>
  <si>
    <t>1184.997314453125</t>
  </si>
  <si>
    <t>0.05248352681847912</t>
  </si>
  <si>
    <t>25.045595169067383</t>
  </si>
  <si>
    <t>965.78564453125</t>
  </si>
  <si>
    <t>0.026687747291789243</t>
  </si>
  <si>
    <t>25.7635555267334</t>
  </si>
  <si>
    <t>881.51513671875</t>
  </si>
  <si>
    <t>112.18157958984375</t>
  </si>
  <si>
    <t>Kwale</t>
  </si>
  <si>
    <t>2455</t>
  </si>
  <si>
    <t>25.80565071105957</t>
  </si>
  <si>
    <t>841.3485107421875</t>
  </si>
  <si>
    <t>-0.020161973290344193</t>
  </si>
  <si>
    <t>25.697580337524414</t>
  </si>
  <si>
    <t>897.47900390625</t>
  </si>
  <si>
    <t>-0.04031295913130428</t>
  </si>
  <si>
    <t>25.64771270751953</t>
  </si>
  <si>
    <t>630.7528076171875</t>
  </si>
  <si>
    <t>-0.02751678340800101</t>
  </si>
  <si>
    <t>25.782119750976562</t>
  </si>
  <si>
    <t>1084.591796875</t>
  </si>
  <si>
    <t>-0.004806651159520392</t>
  </si>
  <si>
    <t>25.83905792236328</t>
  </si>
  <si>
    <t>784.272705078125</t>
  </si>
  <si>
    <t>0.01348726122382704</t>
  </si>
  <si>
    <t>25.66526222229004</t>
  </si>
  <si>
    <t>632.5602416992188</t>
  </si>
  <si>
    <t>0.011173300598124492</t>
  </si>
  <si>
    <t>25.681882858276367</t>
  </si>
  <si>
    <t>1279.8690185546875</t>
  </si>
  <si>
    <t>-0.024660561821951532</t>
  </si>
  <si>
    <t>26.110631942749023</t>
  </si>
  <si>
    <t>947.3020629882812</t>
  </si>
  <si>
    <t>0.003498035923700016</t>
  </si>
  <si>
    <t>25.547330856323242</t>
  </si>
  <si>
    <t>851.86962890625</t>
  </si>
  <si>
    <t>-0.007448008143013496</t>
  </si>
  <si>
    <t>2218</t>
  </si>
  <si>
    <t>25.687543869018555</t>
  </si>
  <si>
    <t>842.4996337890625</t>
  </si>
  <si>
    <t>-0.02493450640016892</t>
  </si>
  <si>
    <t>25.992494583129883</t>
  </si>
  <si>
    <t>683.6598510742188</t>
  </si>
  <si>
    <t>0.006740083929845042</t>
  </si>
  <si>
    <t>25.925506591796875</t>
  </si>
  <si>
    <t>1072.9847412109375</t>
  </si>
  <si>
    <t>-0.025398190605610438</t>
  </si>
  <si>
    <t>617.014404296875</t>
  </si>
  <si>
    <t>-0.0009191177117626737</t>
  </si>
  <si>
    <t>25.70832633972168</t>
  </si>
  <si>
    <t>643.3704223632812</t>
  </si>
  <si>
    <t>0.02002797940980905</t>
  </si>
  <si>
    <t>2281</t>
  </si>
  <si>
    <t>25.779329299926758</t>
  </si>
  <si>
    <t>630.03076171875</t>
  </si>
  <si>
    <t>0.02755729935179385</t>
  </si>
  <si>
    <t>2357</t>
  </si>
  <si>
    <t>25.750625610351562</t>
  </si>
  <si>
    <t>1296.381103515625</t>
  </si>
  <si>
    <t>0.032775680651743855</t>
  </si>
  <si>
    <t>25.772066116333008</t>
  </si>
  <si>
    <t>833.49072265625</t>
  </si>
  <si>
    <t>0.03706441331098631</t>
  </si>
  <si>
    <t>25.62537384033203</t>
  </si>
  <si>
    <t>672.8688354492188</t>
  </si>
  <si>
    <t>-0.027353549581597747</t>
  </si>
  <si>
    <t>26.060354232788086</t>
  </si>
  <si>
    <t>729.4848022460938</t>
  </si>
  <si>
    <t>0.002936859673310366</t>
  </si>
  <si>
    <t>2508</t>
  </si>
  <si>
    <t>26.056488037109375</t>
  </si>
  <si>
    <t>588.0706176757812</t>
  </si>
  <si>
    <t>25.87574577331543</t>
  </si>
  <si>
    <t>830.3853759765625</t>
  </si>
  <si>
    <t>0.022082916287748944</t>
  </si>
  <si>
    <t>2611</t>
  </si>
  <si>
    <t>25.780153274536133</t>
  </si>
  <si>
    <t>694.1996459960938</t>
  </si>
  <si>
    <t>0.01816475065856782</t>
  </si>
  <si>
    <t>25.988616943359375</t>
  </si>
  <si>
    <t>776.9002685546875</t>
  </si>
  <si>
    <t>0.011802916383142126</t>
  </si>
  <si>
    <t>25.89637565612793</t>
  </si>
  <si>
    <t>893.5755004882812</t>
  </si>
  <si>
    <t>0.009043015656382991</t>
  </si>
  <si>
    <t>26.216468811035156</t>
  </si>
  <si>
    <t>1007.6467895507812</t>
  </si>
  <si>
    <t>0.02078768247275775</t>
  </si>
  <si>
    <t>26.347185134887695</t>
  </si>
  <si>
    <t>802.2372436523438</t>
  </si>
  <si>
    <t>0.008414170732219617</t>
  </si>
  <si>
    <t>26.04656410217285</t>
  </si>
  <si>
    <t>1106.4908447265625</t>
  </si>
  <si>
    <t>0.03683591858823565</t>
  </si>
  <si>
    <t>25.840789794921875</t>
  </si>
  <si>
    <t>872.7731323242188</t>
  </si>
  <si>
    <t>0.03349182355382041</t>
  </si>
  <si>
    <t>26.144699096679688</t>
  </si>
  <si>
    <t>1662.736328125</t>
  </si>
  <si>
    <t>0.02878378097211609</t>
  </si>
  <si>
    <t>26.147010803222656</t>
  </si>
  <si>
    <t>1077.4395751953125</t>
  </si>
  <si>
    <t>-0.024041224657593396</t>
  </si>
  <si>
    <t>26.122642517089844</t>
  </si>
  <si>
    <t>1238.665771484375</t>
  </si>
  <si>
    <t>0.05234039721751227</t>
  </si>
  <si>
    <t>25.990394592285156</t>
  </si>
  <si>
    <t>973.6865234375</t>
  </si>
  <si>
    <t>0.026583843938938756</t>
  </si>
  <si>
    <t>17.260190963745117</t>
  </si>
  <si>
    <t>1333.0079345703125</t>
  </si>
  <si>
    <t>64.81535339355469</t>
  </si>
  <si>
    <t>Laikipia</t>
  </si>
  <si>
    <t>17.11018943786621</t>
  </si>
  <si>
    <t>1004.0460815429688</t>
  </si>
  <si>
    <t>-0.019899531216019284</t>
  </si>
  <si>
    <t>17.085187911987305</t>
  </si>
  <si>
    <t>1173.5186767578125</t>
  </si>
  <si>
    <t>-0.04034160470900616</t>
  </si>
  <si>
    <t>17.13913917541504</t>
  </si>
  <si>
    <t>931.27197265625</t>
  </si>
  <si>
    <t>-0.027827882622740496</t>
  </si>
  <si>
    <t>2822</t>
  </si>
  <si>
    <t>17.184062957763672</t>
  </si>
  <si>
    <t>1162.611328125</t>
  </si>
  <si>
    <t>-0.0045960837490932605</t>
  </si>
  <si>
    <t>17.49534034729004</t>
  </si>
  <si>
    <t>1169.257080078125</t>
  </si>
  <si>
    <t>0.013375771401139325</t>
  </si>
  <si>
    <t>2892</t>
  </si>
  <si>
    <t>17.255224227905273</t>
  </si>
  <si>
    <t>856.7850952148438</t>
  </si>
  <si>
    <t>0.011126679464757316</t>
  </si>
  <si>
    <t>17.241392135620117</t>
  </si>
  <si>
    <t>1644.5347900390625</t>
  </si>
  <si>
    <t>-0.02450245086589664</t>
  </si>
  <si>
    <t>17.501855850219727</t>
  </si>
  <si>
    <t>1218.959716796875</t>
  </si>
  <si>
    <t>0.0035373224008514725</t>
  </si>
  <si>
    <t>17.28400230407715</t>
  </si>
  <si>
    <t>973.4573364257812</t>
  </si>
  <si>
    <t>-0.007442883907078368</t>
  </si>
  <si>
    <t>17.466379165649414</t>
  </si>
  <si>
    <t>798.5267944335938</t>
  </si>
  <si>
    <t>-0.025217474603746126</t>
  </si>
  <si>
    <t>17.728771209716797</t>
  </si>
  <si>
    <t>992.3347778320312</t>
  </si>
  <si>
    <t>0.006907862408409571</t>
  </si>
  <si>
    <t>2691</t>
  </si>
  <si>
    <t>17.89666175842285</t>
  </si>
  <si>
    <t>1297.9649658203125</t>
  </si>
  <si>
    <t>2689</t>
  </si>
  <si>
    <t>17.95515251159668</t>
  </si>
  <si>
    <t>1195.0587158203125</t>
  </si>
  <si>
    <t>-0.0007434944580415603</t>
  </si>
  <si>
    <t>2743</t>
  </si>
  <si>
    <t>17.359439849853516</t>
  </si>
  <si>
    <t>1068.0584716796875</t>
  </si>
  <si>
    <t>0.019882834668738525</t>
  </si>
  <si>
    <t>2819</t>
  </si>
  <si>
    <t>17.483844757080078</t>
  </si>
  <si>
    <t>890.0109252929688</t>
  </si>
  <si>
    <t>0.02733000017650955</t>
  </si>
  <si>
    <t>2914</t>
  </si>
  <si>
    <t>17.51227378845215</t>
  </si>
  <si>
    <t>1178.1717529296875</t>
  </si>
  <si>
    <t>0.03314449564103761</t>
  </si>
  <si>
    <t>17.397157669067383</t>
  </si>
  <si>
    <t>1088.7432861328125</t>
  </si>
  <si>
    <t>0.03672300802430861</t>
  </si>
  <si>
    <t>17.466754913330078</t>
  </si>
  <si>
    <t>1079.768798828125</t>
  </si>
  <si>
    <t>18.05591583251953</t>
  </si>
  <si>
    <t>1142.8447265625</t>
  </si>
  <si>
    <t>0.0030544737815567657</t>
  </si>
  <si>
    <t>17.81184959411621</t>
  </si>
  <si>
    <t>1062.8416748046875</t>
  </si>
  <si>
    <t>0.04925801553029796</t>
  </si>
  <si>
    <t>17.5799560546875</t>
  </si>
  <si>
    <t>995.8295288085938</t>
  </si>
  <si>
    <t>0.022013969217683282</t>
  </si>
  <si>
    <t>17.416234970092773</t>
  </si>
  <si>
    <t>1439.136962890625</t>
  </si>
  <si>
    <t>0.01813683236104069</t>
  </si>
  <si>
    <t>17.54662322998047</t>
  </si>
  <si>
    <t>1158.478759765625</t>
  </si>
  <si>
    <t>0.012013081478448484</t>
  </si>
  <si>
    <t>3364</t>
  </si>
  <si>
    <t>17.460880279541016</t>
  </si>
  <si>
    <t>956.6221923828125</t>
  </si>
  <si>
    <t>0.02956474756242855</t>
  </si>
  <si>
    <t>17.611740112304688</t>
  </si>
  <si>
    <t>1363.465576171875</t>
  </si>
  <si>
    <t>0.08487870414161769</t>
  </si>
  <si>
    <t>17.90143394470215</t>
  </si>
  <si>
    <t>1056.18408203125</t>
  </si>
  <si>
    <t>0.09376984509814079</t>
  </si>
  <si>
    <t>3883</t>
  </si>
  <si>
    <t>17.822750091552734</t>
  </si>
  <si>
    <t>1669.16162109375</t>
  </si>
  <si>
    <t>-0.035171240600929465</t>
  </si>
  <si>
    <t>17.52359962463379</t>
  </si>
  <si>
    <t>1382.60302734375</t>
  </si>
  <si>
    <t>0.033180199624617046</t>
  </si>
  <si>
    <t>17.94791030883789</t>
  </si>
  <si>
    <t>1804.0565185546875</t>
  </si>
  <si>
    <t>0.028973300883244235</t>
  </si>
  <si>
    <t>17.80624008178711</t>
  </si>
  <si>
    <t>1219.9000244140625</t>
  </si>
  <si>
    <t>-0.02400311172537073</t>
  </si>
  <si>
    <t>17.718523025512695</t>
  </si>
  <si>
    <t>1631.50146484375</t>
  </si>
  <si>
    <t>0.052160543404305315</t>
  </si>
  <si>
    <t>4365</t>
  </si>
  <si>
    <t>17.678251266479492</t>
  </si>
  <si>
    <t>1473.2398681640625</t>
  </si>
  <si>
    <t>0.02669920635523937</t>
  </si>
  <si>
    <t>27.31610870361328</t>
  </si>
  <si>
    <t>694.3255615234375</t>
  </si>
  <si>
    <t>44.600852966308594</t>
  </si>
  <si>
    <t>Lamu</t>
  </si>
  <si>
    <t>27.429718017578125</t>
  </si>
  <si>
    <t>831.7110595703125</t>
  </si>
  <si>
    <t>-0.020004667907029372</t>
  </si>
  <si>
    <t>27.292936325073242</t>
  </si>
  <si>
    <t>674.2206420898438</t>
  </si>
  <si>
    <t>-0.04040953833787597</t>
  </si>
  <si>
    <t>27.27216911315918</t>
  </si>
  <si>
    <t>573.6713256835938</t>
  </si>
  <si>
    <t>-0.027732152625784323</t>
  </si>
  <si>
    <t>27.36704444885254</t>
  </si>
  <si>
    <t>1056.589599609375</t>
  </si>
  <si>
    <t>-0.0045528533929140025</t>
  </si>
  <si>
    <t>4664</t>
  </si>
  <si>
    <t>27.451919555664062</t>
  </si>
  <si>
    <t>655.9842529296875</t>
  </si>
  <si>
    <t>0.013382457435016093</t>
  </si>
  <si>
    <t>27.295686721801758</t>
  </si>
  <si>
    <t>639.02099609375</t>
  </si>
  <si>
    <t>0.011087533626934487</t>
  </si>
  <si>
    <t>27.21634864807129</t>
  </si>
  <si>
    <t>1178.1966552734375</t>
  </si>
  <si>
    <t>-0.02425271784002092</t>
  </si>
  <si>
    <t>27.660255432128906</t>
  </si>
  <si>
    <t>768.1082153320312</t>
  </si>
  <si>
    <t>0.003253446097199131</t>
  </si>
  <si>
    <t>27.12151527404785</t>
  </si>
  <si>
    <t>821.6849975585938</t>
  </si>
  <si>
    <t>-0.007389731519864995</t>
  </si>
  <si>
    <t>27.193405151367188</t>
  </si>
  <si>
    <t>584.9009399414062</t>
  </si>
  <si>
    <t>-0.025183570786960985</t>
  </si>
  <si>
    <t>27.58277702331543</t>
  </si>
  <si>
    <t>690.1239624023438</t>
  </si>
  <si>
    <t>0.006688988150797215</t>
  </si>
  <si>
    <t>27.54241371154785</t>
  </si>
  <si>
    <t>900.5651245117188</t>
  </si>
  <si>
    <t>-0.024975986070177925</t>
  </si>
  <si>
    <t>27.7519588470459</t>
  </si>
  <si>
    <t>767.470947265625</t>
  </si>
  <si>
    <t>-0.0009117848819499841</t>
  </si>
  <si>
    <t>27.32021141052246</t>
  </si>
  <si>
    <t>766.8585205078125</t>
  </si>
  <si>
    <t>0.01964611002865091</t>
  </si>
  <si>
    <t>27.34675407409668</t>
  </si>
  <si>
    <t>696.2674560546875</t>
  </si>
  <si>
    <t>0.027568180971293543</t>
  </si>
  <si>
    <t>27.39823341369629</t>
  </si>
  <si>
    <t>1026.2894287109375</t>
  </si>
  <si>
    <t>0.03316166523625341</t>
  </si>
  <si>
    <t>27.366411209106445</t>
  </si>
  <si>
    <t>793.488037109375</t>
  </si>
  <si>
    <t>0.03677340599425527</t>
  </si>
  <si>
    <t>27.29107666015625</t>
  </si>
  <si>
    <t>627.52783203125</t>
  </si>
  <si>
    <t>-0.02734826553467329</t>
  </si>
  <si>
    <t>4811</t>
  </si>
  <si>
    <t>27.80033302307129</t>
  </si>
  <si>
    <t>805.8518676757812</t>
  </si>
  <si>
    <t>0.002914240197389617</t>
  </si>
  <si>
    <t>27.650856018066406</t>
  </si>
  <si>
    <t>674.388671875</t>
  </si>
  <si>
    <t>0.0494728897551191</t>
  </si>
  <si>
    <t>27.590835571289062</t>
  </si>
  <si>
    <t>758.5223388671875</t>
  </si>
  <si>
    <t>0.022107914007865048</t>
  </si>
  <si>
    <t>27.385940551757812</t>
  </si>
  <si>
    <t>660.4871215820312</t>
  </si>
  <si>
    <t>0.018025416137801287</t>
  </si>
  <si>
    <t>5325</t>
  </si>
  <si>
    <t>27.59293556213379</t>
  </si>
  <si>
    <t>752.8671264648438</t>
  </si>
  <si>
    <t>0.011901528977388054</t>
  </si>
  <si>
    <t>27.50819206237793</t>
  </si>
  <si>
    <t>720.2108154296875</t>
  </si>
  <si>
    <t>-0.031863804136335716</t>
  </si>
  <si>
    <t>5530</t>
  </si>
  <si>
    <t>27.793386459350586</t>
  </si>
  <si>
    <t>861.379150390625</t>
  </si>
  <si>
    <t>0.0696389080750901</t>
  </si>
  <si>
    <t>28.059602737426758</t>
  </si>
  <si>
    <t>674.9615478515625</t>
  </si>
  <si>
    <t>-0.04683006111071286</t>
  </si>
  <si>
    <t>27.6915225982666</t>
  </si>
  <si>
    <t>1045.2874755859375</t>
  </si>
  <si>
    <t>0.054934562922651864</t>
  </si>
  <si>
    <t>27.440597534179688</t>
  </si>
  <si>
    <t>1044.0933837890625</t>
  </si>
  <si>
    <t>0.03333936079109279</t>
  </si>
  <si>
    <t>27.868131637573242</t>
  </si>
  <si>
    <t>988.66259765625</t>
  </si>
  <si>
    <t>0.028898309139231415</t>
  </si>
  <si>
    <t>27.785348892211914</t>
  </si>
  <si>
    <t>598.16259765625</t>
  </si>
  <si>
    <t>-0.024052332193091885</t>
  </si>
  <si>
    <t>6102</t>
  </si>
  <si>
    <t>27.817413330078125</t>
  </si>
  <si>
    <t>929.7593994140625</t>
  </si>
  <si>
    <t>0.052138931211063166</t>
  </si>
  <si>
    <t>27.682043075561523</t>
  </si>
  <si>
    <t>990.1807250976562</t>
  </si>
  <si>
    <t>0.026840738199295444</t>
  </si>
  <si>
    <t>20.5277042388916</t>
  </si>
  <si>
    <t>1070.490234375</t>
  </si>
  <si>
    <t>330.6878662109375</t>
  </si>
  <si>
    <t>Machakos</t>
  </si>
  <si>
    <t>20.48834228515625</t>
  </si>
  <si>
    <t>788.132080078125</t>
  </si>
  <si>
    <t>-0.020074630812978</t>
  </si>
  <si>
    <t>20.41706657409668</t>
  </si>
  <si>
    <t>1000.0275268554688</t>
  </si>
  <si>
    <t>-0.040288518914112004</t>
  </si>
  <si>
    <t>20.476816177368164</t>
  </si>
  <si>
    <t>633.6937866210938</t>
  </si>
  <si>
    <t>-0.02771383856751619</t>
  </si>
  <si>
    <t>20.505006790161133</t>
  </si>
  <si>
    <t>953.4550170898438</t>
  </si>
  <si>
    <t>-0.004579811073453399</t>
  </si>
  <si>
    <t>4415</t>
  </si>
  <si>
    <t>20.704120635986328</t>
  </si>
  <si>
    <t>818.6156005859375</t>
  </si>
  <si>
    <t>0.013224086920619271</t>
  </si>
  <si>
    <t>20.556427001953125</t>
  </si>
  <si>
    <t>605.7504272460938</t>
  </si>
  <si>
    <t>0.011037391023085874</t>
  </si>
  <si>
    <t>1256.2947998046875</t>
  </si>
  <si>
    <t>-0.024261477943705145</t>
  </si>
  <si>
    <t>20.811037063598633</t>
  </si>
  <si>
    <t>903.6640625</t>
  </si>
  <si>
    <t>0.0032080687458719837</t>
  </si>
  <si>
    <t>20.66245460510254</t>
  </si>
  <si>
    <t>20.745786666870117</t>
  </si>
  <si>
    <t>636.07177734375</t>
  </si>
  <si>
    <t>-0.025199653556315482</t>
  </si>
  <si>
    <t>4260</t>
  </si>
  <si>
    <t>20.90411949157715</t>
  </si>
  <si>
    <t>777.0383911132812</t>
  </si>
  <si>
    <t>0.00659446572528033</t>
  </si>
  <si>
    <t>4155</t>
  </si>
  <si>
    <t>21.060150146484375</t>
  </si>
  <si>
    <t>1053.8023681640625</t>
  </si>
  <si>
    <t>4151</t>
  </si>
  <si>
    <t>21.24809455871582</t>
  </si>
  <si>
    <t>738.4263305664062</t>
  </si>
  <si>
    <t>-0.0009631592365089148</t>
  </si>
  <si>
    <t>20.597206115722656</t>
  </si>
  <si>
    <t>608.95361328125</t>
  </si>
  <si>
    <t>0.019797903641771697</t>
  </si>
  <si>
    <t>20.698623657226562</t>
  </si>
  <si>
    <t>527.3759155273438</t>
  </si>
  <si>
    <t>0.02748833684096752</t>
  </si>
  <si>
    <t>20.698091506958008</t>
  </si>
  <si>
    <t>1293.598876953125</t>
  </si>
  <si>
    <t>0.03299734398348342</t>
  </si>
  <si>
    <t>20.668481826782227</t>
  </si>
  <si>
    <t>678.4398803710938</t>
  </si>
  <si>
    <t>0.03688361343055391</t>
  </si>
  <si>
    <t>853.1763305664062</t>
  </si>
  <si>
    <t>-0.0273692148518645</t>
  </si>
  <si>
    <t>21.23514747619629</t>
  </si>
  <si>
    <t>908.1489868164062</t>
  </si>
  <si>
    <t>0.003078278596106543</t>
  </si>
  <si>
    <t>21.087453842163086</t>
  </si>
  <si>
    <t>714.8670654296875</t>
  </si>
  <si>
    <t>0.049469458774261454</t>
  </si>
  <si>
    <t>20.83001136779785</t>
  </si>
  <si>
    <t>790.6177368164062</t>
  </si>
  <si>
    <t>0.021906228338743006</t>
  </si>
  <si>
    <t>20.69578742980957</t>
  </si>
  <si>
    <t>938.8829345703125</t>
  </si>
  <si>
    <t>0.018029456266221544</t>
  </si>
  <si>
    <t>5041</t>
  </si>
  <si>
    <t>20.798980712890625</t>
  </si>
  <si>
    <t>812.8523559570312</t>
  </si>
  <si>
    <t>0.011973801009347085</t>
  </si>
  <si>
    <t>20.746675491333008</t>
  </si>
  <si>
    <t>779.8998413085938</t>
  </si>
  <si>
    <t>0.025074771113407834</t>
  </si>
  <si>
    <t>5640</t>
  </si>
  <si>
    <t>21.008729934692383</t>
  </si>
  <si>
    <t>1174.6605224609375</t>
  </si>
  <si>
    <t>0.0872048192960655</t>
  </si>
  <si>
    <t>5630</t>
  </si>
  <si>
    <t>21.267065048217773</t>
  </si>
  <si>
    <t>867.7735595703125</t>
  </si>
  <si>
    <t>-0.0017746233583686433</t>
  </si>
  <si>
    <t>21.098981857299805</t>
  </si>
  <si>
    <t>1377.0552978515625</t>
  </si>
  <si>
    <t>0.03713492142070152</t>
  </si>
  <si>
    <t>6041</t>
  </si>
  <si>
    <t>20.87770652770996</t>
  </si>
  <si>
    <t>1019.239013671875</t>
  </si>
  <si>
    <t>0.03332519758430408</t>
  </si>
  <si>
    <t>21.361038208007812</t>
  </si>
  <si>
    <t>1566.01904296875</t>
  </si>
  <si>
    <t>0.028878750479957915</t>
  </si>
  <si>
    <t>21.146677017211914</t>
  </si>
  <si>
    <t>855.1471557617188</t>
  </si>
  <si>
    <t>-0.024089706565154856</t>
  </si>
  <si>
    <t>6395</t>
  </si>
  <si>
    <t>21.032316207885742</t>
  </si>
  <si>
    <t>1400.6602783203125</t>
  </si>
  <si>
    <t>0.05215782995939833</t>
  </si>
  <si>
    <t>20.980009078979492</t>
  </si>
  <si>
    <t>1138.222900390625</t>
  </si>
  <si>
    <t>0.026692937119321414</t>
  </si>
  <si>
    <t>21.162569046020508</t>
  </si>
  <si>
    <t>885.634765625</t>
  </si>
  <si>
    <t>265.70111083984375</t>
  </si>
  <si>
    <t>Makueni</t>
  </si>
  <si>
    <t>21.184782028198242</t>
  </si>
  <si>
    <t>545.184814453125</t>
  </si>
  <si>
    <t>-0.020128015731492255</t>
  </si>
  <si>
    <t>21.08478355407715</t>
  </si>
  <si>
    <t>754.0028686523438</t>
  </si>
  <si>
    <t>-0.040217059964366086</t>
  </si>
  <si>
    <t>21.100032806396484</t>
  </si>
  <si>
    <t>464.47821044921875</t>
  </si>
  <si>
    <t>-0.02803512561360222</t>
  </si>
  <si>
    <t>21.188861846923828</t>
  </si>
  <si>
    <t>764.9458618164062</t>
  </si>
  <si>
    <t>-0.0044523671058049885</t>
  </si>
  <si>
    <t>2271</t>
  </si>
  <si>
    <t>21.345853805541992</t>
  </si>
  <si>
    <t>621.5121459960938</t>
  </si>
  <si>
    <t>0.013298068304631094</t>
  </si>
  <si>
    <t>21.204235076904297</t>
  </si>
  <si>
    <t>449.8139953613281</t>
  </si>
  <si>
    <t>0.010948215333898226</t>
  </si>
  <si>
    <t>21.191694259643555</t>
  </si>
  <si>
    <t>982.1520385742188</t>
  </si>
  <si>
    <t>-0.02424628363852932</t>
  </si>
  <si>
    <t>21.487565994262695</t>
  </si>
  <si>
    <t>577.9553833007812</t>
  </si>
  <si>
    <t>0.0035634781583882003</t>
  </si>
  <si>
    <t>21.319408416748047</t>
  </si>
  <si>
    <t>620.4883422851562</t>
  </si>
  <si>
    <t>-0.007587628458114004</t>
  </si>
  <si>
    <t>21.37774085998535</t>
  </si>
  <si>
    <t>560.7036743164062</t>
  </si>
  <si>
    <t>-0.0249502622666542</t>
  </si>
  <si>
    <t>21.498483657836914</t>
  </si>
  <si>
    <t>597.2266845703125</t>
  </si>
  <si>
    <t>0.006410278360919008</t>
  </si>
  <si>
    <t>21.685949325561523</t>
  </si>
  <si>
    <t>818.837890625</t>
  </si>
  <si>
    <t>-0.02495508427631865</t>
  </si>
  <si>
    <t>21.899953842163086</t>
  </si>
  <si>
    <t>511.0485534667969</t>
  </si>
  <si>
    <t>-0.0009363296564224299</t>
  </si>
  <si>
    <t>21.19711685180664</t>
  </si>
  <si>
    <t>440.5589599609375</t>
  </si>
  <si>
    <t>0.019940377830180545</t>
  </si>
  <si>
    <t>21.291370391845703</t>
  </si>
  <si>
    <t>340.7557067871094</t>
  </si>
  <si>
    <t>0.02762231310584884</t>
  </si>
  <si>
    <t>21.323389053344727</t>
  </si>
  <si>
    <t>1079.9027099609375</t>
  </si>
  <si>
    <t>0.032948291154867526</t>
  </si>
  <si>
    <t>21.281740188598633</t>
  </si>
  <si>
    <t>480.765869140625</t>
  </si>
  <si>
    <t>0.036907688467630706</t>
  </si>
  <si>
    <t>21.199934005737305</t>
  </si>
  <si>
    <t>646.4485473632812</t>
  </si>
  <si>
    <t>-0.02744525227313499</t>
  </si>
  <si>
    <t>21.812395095825195</t>
  </si>
  <si>
    <t>669.7548217773438</t>
  </si>
  <si>
    <t>0.002992094559677305</t>
  </si>
  <si>
    <t>2462</t>
  </si>
  <si>
    <t>21.680402755737305</t>
  </si>
  <si>
    <t>539.3973388671875</t>
  </si>
  <si>
    <t>0.049541868236604</t>
  </si>
  <si>
    <t>21.436180114746094</t>
  </si>
  <si>
    <t>629.2537841796875</t>
  </si>
  <si>
    <t>0.021696311075931618</t>
  </si>
  <si>
    <t>21.347192764282227</t>
  </si>
  <si>
    <t>697.913818359375</t>
  </si>
  <si>
    <t>0.018117864636348457</t>
  </si>
  <si>
    <t>2593</t>
  </si>
  <si>
    <t>21.433441162109375</t>
  </si>
  <si>
    <t>606.2994995117188</t>
  </si>
  <si>
    <t>0.012027303081985075</t>
  </si>
  <si>
    <t>21.358314514160156</t>
  </si>
  <si>
    <t>628.5455322265625</t>
  </si>
  <si>
    <t>0.03895368649353337</t>
  </si>
  <si>
    <t>21.637643814086914</t>
  </si>
  <si>
    <t>933.3624267578125</t>
  </si>
  <si>
    <t>0.08391559097434431</t>
  </si>
  <si>
    <t>2939</t>
  </si>
  <si>
    <t>21.91680145263672</t>
  </si>
  <si>
    <t>739.491455078125</t>
  </si>
  <si>
    <t>0.0023846034123753412</t>
  </si>
  <si>
    <t>21.761072158813477</t>
  </si>
  <si>
    <t>1067.52490234375</t>
  </si>
  <si>
    <t>-0.022712607439627774</t>
  </si>
  <si>
    <t>21.526552200317383</t>
  </si>
  <si>
    <t>714.7447509765625</t>
  </si>
  <si>
    <t>0.03320517281745605</t>
  </si>
  <si>
    <t>21.991851806640625</t>
  </si>
  <si>
    <t>1273.6141357421875</t>
  </si>
  <si>
    <t>0.02887209009408931</t>
  </si>
  <si>
    <t>21.76530647277832</t>
  </si>
  <si>
    <t>702.77978515625</t>
  </si>
  <si>
    <t>-0.023834296064132232</t>
  </si>
  <si>
    <t>21.658388137817383</t>
  </si>
  <si>
    <t>1044.175537109375</t>
  </si>
  <si>
    <t>0.051896127722393715</t>
  </si>
  <si>
    <t>21.61951446533203</t>
  </si>
  <si>
    <t>841.5538940429688</t>
  </si>
  <si>
    <t>0.026986262667605843</t>
  </si>
  <si>
    <t>26.67597198486328</t>
  </si>
  <si>
    <t>520.0448608398438</t>
  </si>
  <si>
    <t>123.10755920410156</t>
  </si>
  <si>
    <t>Mandera</t>
  </si>
  <si>
    <t>26.64728546142578</t>
  </si>
  <si>
    <t>341.9598693847656</t>
  </si>
  <si>
    <t>-0.020313198450718772</t>
  </si>
  <si>
    <t>26.68608283996582</t>
  </si>
  <si>
    <t>371.7761535644531</t>
  </si>
  <si>
    <t>-0.040263087333611836</t>
  </si>
  <si>
    <t>26.52410888671875</t>
  </si>
  <si>
    <t>399.367919921875</t>
  </si>
  <si>
    <t>-0.027490277543575914</t>
  </si>
  <si>
    <t>26.60125160217285</t>
  </si>
  <si>
    <t>377.7537841796875</t>
  </si>
  <si>
    <t>-0.0042319149065797035</t>
  </si>
  <si>
    <t>1194</t>
  </si>
  <si>
    <t>26.978912353515625</t>
  </si>
  <si>
    <t>434.326171875</t>
  </si>
  <si>
    <t>0.012642393415176478</t>
  </si>
  <si>
    <t>26.79981231689453</t>
  </si>
  <si>
    <t>293.49212646484375</t>
  </si>
  <si>
    <t>0.011657084542212814</t>
  </si>
  <si>
    <t>26.758607864379883</t>
  </si>
  <si>
    <t>607.0106811523438</t>
  </si>
  <si>
    <t>-0.024299477957389293</t>
  </si>
  <si>
    <t>26.98182487487793</t>
  </si>
  <si>
    <t>321.168212890625</t>
  </si>
  <si>
    <t>0.0033869634410157445</t>
  </si>
  <si>
    <t>1174</t>
  </si>
  <si>
    <t>26.649160385131836</t>
  </si>
  <si>
    <t>244.51280212402344</t>
  </si>
  <si>
    <t>-0.007636863590344767</t>
  </si>
  <si>
    <t>1145</t>
  </si>
  <si>
    <t>26.896432876586914</t>
  </si>
  <si>
    <t>273.8543395996094</t>
  </si>
  <si>
    <t>-0.025012084399701706</t>
  </si>
  <si>
    <t>26.9307804107666</t>
  </si>
  <si>
    <t>274.537841796875</t>
  </si>
  <si>
    <t>0.006094925267496443</t>
  </si>
  <si>
    <t>27.23748207092285</t>
  </si>
  <si>
    <t>467.5748596191406</t>
  </si>
  <si>
    <t>-0.0246058108022007</t>
  </si>
  <si>
    <t>27.18486213684082</t>
  </si>
  <si>
    <t>420.9942932128906</t>
  </si>
  <si>
    <t>-0.0008900757151932837</t>
  </si>
  <si>
    <t>26.932039260864258</t>
  </si>
  <si>
    <t>448.5049743652344</t>
  </si>
  <si>
    <t>0.01940096124989754</t>
  </si>
  <si>
    <t>26.973947525024414</t>
  </si>
  <si>
    <t>419.59130859375</t>
  </si>
  <si>
    <t>0.02756419127193599</t>
  </si>
  <si>
    <t>27.058006286621094</t>
  </si>
  <si>
    <t>332.0199279785156</t>
  </si>
  <si>
    <t>0.033419985727250356</t>
  </si>
  <si>
    <t>1262</t>
  </si>
  <si>
    <t>26.937227249145508</t>
  </si>
  <si>
    <t>540.3603515625</t>
  </si>
  <si>
    <t>0.03630895011363133</t>
  </si>
  <si>
    <t>26.821495056152344</t>
  </si>
  <si>
    <t>412.1009826660156</t>
  </si>
  <si>
    <t>-0.027310934394070507</t>
  </si>
  <si>
    <t>27.469789505004883</t>
  </si>
  <si>
    <t>293.77728271484375</t>
  </si>
  <si>
    <t>0.0032520353863771945</t>
  </si>
  <si>
    <t>27.149690628051758</t>
  </si>
  <si>
    <t>327.7946472167969</t>
  </si>
  <si>
    <t>0.04987183004017304</t>
  </si>
  <si>
    <t>27.26402473449707</t>
  </si>
  <si>
    <t>535.447265625</t>
  </si>
  <si>
    <t>0.02139118998131817</t>
  </si>
  <si>
    <t>386.9372863769531</t>
  </si>
  <si>
    <t>0.018720127357296334</t>
  </si>
  <si>
    <t>27.1278133392334</t>
  </si>
  <si>
    <t>483.5823974609375</t>
  </si>
  <si>
    <t>0.011799546931155369</t>
  </si>
  <si>
    <t>27.054227828979492</t>
  </si>
  <si>
    <t>342.27056884765625</t>
  </si>
  <si>
    <t>0.030327233967202716</t>
  </si>
  <si>
    <t>27.407983779907227</t>
  </si>
  <si>
    <t>503.7131042480469</t>
  </si>
  <si>
    <t>0.02528224547428426</t>
  </si>
  <si>
    <t>27.400667190551758</t>
  </si>
  <si>
    <t>528.8965454101562</t>
  </si>
  <si>
    <t>0.01582420360627257</t>
  </si>
  <si>
    <t>27.233251571655273</t>
  </si>
  <si>
    <t>810.2124633789062</t>
  </si>
  <si>
    <t>0.02160786296846151</t>
  </si>
  <si>
    <t>26.983671188354492</t>
  </si>
  <si>
    <t>473.20770263671875</t>
  </si>
  <si>
    <t>0.03285446615343712</t>
  </si>
  <si>
    <t>27.36838722229004</t>
  </si>
  <si>
    <t>717.0669555664062</t>
  </si>
  <si>
    <t>0.029301459336982916</t>
  </si>
  <si>
    <t>27.287477493286133</t>
  </si>
  <si>
    <t>410.5497131347656</t>
  </si>
  <si>
    <t>-0.024143485296714395</t>
  </si>
  <si>
    <t>27.172677993774414</t>
  </si>
  <si>
    <t>528.5294799804688</t>
  </si>
  <si>
    <t>0.05200043979968072</t>
  </si>
  <si>
    <t>27.2310848236084</t>
  </si>
  <si>
    <t>805.607177734375</t>
  </si>
  <si>
    <t>0.02650757611987853</t>
  </si>
  <si>
    <t>26.56890296936035</t>
  </si>
  <si>
    <t>554.3374633789062</t>
  </si>
  <si>
    <t>81.4647216796875</t>
  </si>
  <si>
    <t>Marsabit</t>
  </si>
  <si>
    <t>26.368879318237305</t>
  </si>
  <si>
    <t>348.6685485839844</t>
  </si>
  <si>
    <t>-0.01989105564314997</t>
  </si>
  <si>
    <t>26.26993751525879</t>
  </si>
  <si>
    <t>440.0145568847656</t>
  </si>
  <si>
    <t>-0.04058285405825757</t>
  </si>
  <si>
    <t>26.268888473510742</t>
  </si>
  <si>
    <t>442.97027587890625</t>
  </si>
  <si>
    <t>-0.0277074001505353</t>
  </si>
  <si>
    <t>26.28753089904785</t>
  </si>
  <si>
    <t>459.059326171875</t>
  </si>
  <si>
    <t>-0.004399479159484798</t>
  </si>
  <si>
    <t>26.728254318237305</t>
  </si>
  <si>
    <t>489.34967041015625</t>
  </si>
  <si>
    <t>0.013140793561058572</t>
  </si>
  <si>
    <t>26.42244529724121</t>
  </si>
  <si>
    <t>312.3722229003906</t>
  </si>
  <si>
    <t>0.011250659563100562</t>
  </si>
  <si>
    <t>26.45198631286621</t>
  </si>
  <si>
    <t>798.2577514648438</t>
  </si>
  <si>
    <t>-0.024391453124159135</t>
  </si>
  <si>
    <t>26.67011070251465</t>
  </si>
  <si>
    <t>410.8212890625</t>
  </si>
  <si>
    <t>0.0030816665374082675</t>
  </si>
  <si>
    <t>26.13544273376465</t>
  </si>
  <si>
    <t>362.8125</t>
  </si>
  <si>
    <t>-0.007057814917047267</t>
  </si>
  <si>
    <t>26.520212173461914</t>
  </si>
  <si>
    <t>356.70556640625</t>
  </si>
  <si>
    <t>-0.02510216966566059</t>
  </si>
  <si>
    <t>26.787330627441406</t>
  </si>
  <si>
    <t>392.80877685546875</t>
  </si>
  <si>
    <t>0.006334862813968556</t>
  </si>
  <si>
    <t>26.957557678222656</t>
  </si>
  <si>
    <t>544.5936889648438</t>
  </si>
  <si>
    <t>-0.024658783663253026</t>
  </si>
  <si>
    <t>26.84519386291504</t>
  </si>
  <si>
    <t>526.49560546875</t>
  </si>
  <si>
    <t>-0.000925069446172877</t>
  </si>
  <si>
    <t>2204</t>
  </si>
  <si>
    <t>26.804784774780273</t>
  </si>
  <si>
    <t>525.6509399414062</t>
  </si>
  <si>
    <t>0.019702813765919203</t>
  </si>
  <si>
    <t>26.900114059448242</t>
  </si>
  <si>
    <t>477.4459228515625</t>
  </si>
  <si>
    <t>0.02730086764433004</t>
  </si>
  <si>
    <t>26.8819522857666</t>
  </si>
  <si>
    <t>413.3180847167969</t>
  </si>
  <si>
    <t>0.033003429573775556</t>
  </si>
  <si>
    <t>2429</t>
  </si>
  <si>
    <t>26.889890670776367</t>
  </si>
  <si>
    <t>508.5284118652344</t>
  </si>
  <si>
    <t>0.03690146151126239</t>
  </si>
  <si>
    <t>26.736129760742188</t>
  </si>
  <si>
    <t>571.6290283203125</t>
  </si>
  <si>
    <t>-0.02712455047618434</t>
  </si>
  <si>
    <t>27.283782958984375</t>
  </si>
  <si>
    <t>468.9047546386719</t>
  </si>
  <si>
    <t>0.002956707539417458</t>
  </si>
  <si>
    <t>2491</t>
  </si>
  <si>
    <t>27.10866355895996</t>
  </si>
  <si>
    <t>499.9844055175781</t>
  </si>
  <si>
    <t>0.04937242919677498</t>
  </si>
  <si>
    <t>26.87630271911621</t>
  </si>
  <si>
    <t>505.9254150390625</t>
  </si>
  <si>
    <t>0.02183926385517143</t>
  </si>
  <si>
    <t>26.63820457458496</t>
  </si>
  <si>
    <t>633.1148071289062</t>
  </si>
  <si>
    <t>0.018292006421312124</t>
  </si>
  <si>
    <t>26.905174255371094</t>
  </si>
  <si>
    <t>571.2118530273438</t>
  </si>
  <si>
    <t>0.01188436452531505</t>
  </si>
  <si>
    <t>26.85924530029297</t>
  </si>
  <si>
    <t>441.68890380859375</t>
  </si>
  <si>
    <t>27.155927658081055</t>
  </si>
  <si>
    <t>552.4830932617188</t>
  </si>
  <si>
    <t>0.10411022245752033</t>
  </si>
  <si>
    <t>27.075353622436523</t>
  </si>
  <si>
    <t>530.285400390625</t>
  </si>
  <si>
    <t>0.02089212478708724</t>
  </si>
  <si>
    <t>26.78196907043457</t>
  </si>
  <si>
    <t>843.3907470703125</t>
  </si>
  <si>
    <t>0.036872095037600694</t>
  </si>
  <si>
    <t>26.524721145629883</t>
  </si>
  <si>
    <t>584.2247314453125</t>
  </si>
  <si>
    <t>0.033314641959874436</t>
  </si>
  <si>
    <t>26.76862907409668</t>
  </si>
  <si>
    <t>847.5430297851562</t>
  </si>
  <si>
    <t>0.02881313774664207</t>
  </si>
  <si>
    <t>3128</t>
  </si>
  <si>
    <t>26.853757858276367</t>
  </si>
  <si>
    <t>554.7625732421875</t>
  </si>
  <si>
    <t>-0.0240062065230493</t>
  </si>
  <si>
    <t>26.860349655151367</t>
  </si>
  <si>
    <t>618.0089721679688</t>
  </si>
  <si>
    <t>0.052012345271405636</t>
  </si>
  <si>
    <t>26.83512306213379</t>
  </si>
  <si>
    <t>628.2578125</t>
  </si>
  <si>
    <t>0.026947738409768718</t>
  </si>
  <si>
    <t>1754</t>
  </si>
  <si>
    <t>3009</t>
  </si>
  <si>
    <t>20.416667938232422</t>
  </si>
  <si>
    <t>253.15924072265625</t>
  </si>
  <si>
    <t>Meru</t>
  </si>
  <si>
    <t>20.274999618530273</t>
  </si>
  <si>
    <t>1021.2000122070312</t>
  </si>
  <si>
    <t>-0.02014166781476856</t>
  </si>
  <si>
    <t>1377.0999755859375</t>
  </si>
  <si>
    <t>-0.040129908984759766</t>
  </si>
  <si>
    <t>20.30000114440918</t>
  </si>
  <si>
    <t>-0.027918778243502196</t>
  </si>
  <si>
    <t>20.341665267944336</t>
  </si>
  <si>
    <t>1360.9000244140625</t>
  </si>
  <si>
    <t>-0.004365230649411522</t>
  </si>
  <si>
    <t>20.633333206176758</t>
  </si>
  <si>
    <t>1554.2999267578125</t>
  </si>
  <si>
    <t>0.013038938804900368</t>
  </si>
  <si>
    <t>20.408334732055664</t>
  </si>
  <si>
    <t>830.5999755859375</t>
  </si>
  <si>
    <t>0.011093332585287996</t>
  </si>
  <si>
    <t>1990.5001220703125</t>
  </si>
  <si>
    <t>-0.024132271390188365</t>
  </si>
  <si>
    <t>20.67500114440918</t>
  </si>
  <si>
    <t>1274.5</t>
  </si>
  <si>
    <t>0.0032757081156313816</t>
  </si>
  <si>
    <t>20.40833282470703</t>
  </si>
  <si>
    <t>1268.9000244140625</t>
  </si>
  <si>
    <t>-0.0072939783625534105</t>
  </si>
  <si>
    <t>20.60000228881836</t>
  </si>
  <si>
    <t>933.0</t>
  </si>
  <si>
    <t>-0.02520518903040081</t>
  </si>
  <si>
    <t>20.808334350585938</t>
  </si>
  <si>
    <t>1159.7000732421875</t>
  </si>
  <si>
    <t>20.950002670288086</t>
  </si>
  <si>
    <t>1553.699951171875</t>
  </si>
  <si>
    <t>-0.02529868734260088</t>
  </si>
  <si>
    <t>21.041667938232422</t>
  </si>
  <si>
    <t>1437.2999267578125</t>
  </si>
  <si>
    <t>-0.0007651109784099219</t>
  </si>
  <si>
    <t>2665</t>
  </si>
  <si>
    <t>1307.199951171875</t>
  </si>
  <si>
    <t>0.019705071079331837</t>
  </si>
  <si>
    <t>1009.0999755859375</t>
  </si>
  <si>
    <t>0.027753862782170735</t>
  </si>
  <si>
    <t>20.650001525878906</t>
  </si>
  <si>
    <t>1472.9000244140625</t>
  </si>
  <si>
    <t>0.033025255431494926</t>
  </si>
  <si>
    <t>1204.5999755859375</t>
  </si>
  <si>
    <t>0.0367459019202121</t>
  </si>
  <si>
    <t>20.57499885559082</t>
  </si>
  <si>
    <t>1283.400146484375</t>
  </si>
  <si>
    <t>-0.027257164411510715</t>
  </si>
  <si>
    <t>21.20833396911621</t>
  </si>
  <si>
    <t>0.0027942735610579916</t>
  </si>
  <si>
    <t>20.908334732055664</t>
  </si>
  <si>
    <t>1178.4000244140625</t>
  </si>
  <si>
    <t>0.04967007324693107</t>
  </si>
  <si>
    <t>3080</t>
  </si>
  <si>
    <t>20.733333587646484</t>
  </si>
  <si>
    <t>1262.4000244140625</t>
  </si>
  <si>
    <t>0.021993336837319077</t>
  </si>
  <si>
    <t>1676.4000244140625</t>
  </si>
  <si>
    <t>0.011729410112895522</t>
  </si>
  <si>
    <t>20.616666793823242</t>
  </si>
  <si>
    <t>0.06850951064868305</t>
  </si>
  <si>
    <t>20.808332443237305</t>
  </si>
  <si>
    <t>1653.000244140625</t>
  </si>
  <si>
    <t>0.049378572541806776</t>
  </si>
  <si>
    <t>3659</t>
  </si>
  <si>
    <t>1280.4000244140625</t>
  </si>
  <si>
    <t>0.02462429024552293</t>
  </si>
  <si>
    <t>2262.800048828125</t>
  </si>
  <si>
    <t>0.011683328114235891</t>
  </si>
  <si>
    <t>20.68333625793457</t>
  </si>
  <si>
    <t>1526.2999267578125</t>
  </si>
  <si>
    <t>0.03346925943940171</t>
  </si>
  <si>
    <t>3940</t>
  </si>
  <si>
    <t>2304.900146484375</t>
  </si>
  <si>
    <t>0.028838249719134623</t>
  </si>
  <si>
    <t>1236.5</t>
  </si>
  <si>
    <t>-0.02414707614325451</t>
  </si>
  <si>
    <t>20.883333206176758</t>
  </si>
  <si>
    <t>2054.0</t>
  </si>
  <si>
    <t>0.052176939219847895</t>
  </si>
  <si>
    <t>20.850000381469727</t>
  </si>
  <si>
    <t>1696.2000732421875</t>
  </si>
  <si>
    <t>0.02678514158500711</t>
  </si>
  <si>
    <t>1757</t>
  </si>
  <si>
    <t>18.116348266601562</t>
  </si>
  <si>
    <t>1399.30419921875</t>
  </si>
  <si>
    <t>575.9044189453125</t>
  </si>
  <si>
    <t>Murang'a</t>
  </si>
  <si>
    <t>3422</t>
  </si>
  <si>
    <t>18.0551815032959</t>
  </si>
  <si>
    <t>1007.5484619140625</t>
  </si>
  <si>
    <t>-0.019963052652897773</t>
  </si>
  <si>
    <t>18.004291534423828</t>
  </si>
  <si>
    <t>1231.0858154296875</t>
  </si>
  <si>
    <t>-0.040249880787920134</t>
  </si>
  <si>
    <t>18.058015823364258</t>
  </si>
  <si>
    <t>911.6508178710938</t>
  </si>
  <si>
    <t>-0.0277624246043775</t>
  </si>
  <si>
    <t>18.096847534179688</t>
  </si>
  <si>
    <t>1196.4842529296875</t>
  </si>
  <si>
    <t>-0.004702940162108149</t>
  </si>
  <si>
    <t>18.34134864807129</t>
  </si>
  <si>
    <t>1208.256591796875</t>
  </si>
  <si>
    <t>0.013423020332139046</t>
  </si>
  <si>
    <t>18.139400482177734</t>
  </si>
  <si>
    <t>0.011100946559446712</t>
  </si>
  <si>
    <t>18.11723518371582</t>
  </si>
  <si>
    <t>1603.0977783203125</t>
  </si>
  <si>
    <t>-0.02420974850722679</t>
  </si>
  <si>
    <t>3193</t>
  </si>
  <si>
    <t>18.388513565063477</t>
  </si>
  <si>
    <t>1324.862548828125</t>
  </si>
  <si>
    <t>0.003136765432689259</t>
  </si>
  <si>
    <t>18.20145606994629</t>
  </si>
  <si>
    <t>946.0870971679688</t>
  </si>
  <si>
    <t>-0.0072293258434541485</t>
  </si>
  <si>
    <t>18.34968376159668</t>
  </si>
  <si>
    <t>796.2271728515625</t>
  </si>
  <si>
    <t>-0.02523692473921102</t>
  </si>
  <si>
    <t>18.5441837310791</t>
  </si>
  <si>
    <t>1025.65625</t>
  </si>
  <si>
    <t>0.006770943166166887</t>
  </si>
  <si>
    <t>18.701629638671875</t>
  </si>
  <si>
    <t>1368.7626953125</t>
  </si>
  <si>
    <t>-0.025054181804684106</t>
  </si>
  <si>
    <t>18.85624122619629</t>
  </si>
  <si>
    <t>1096.068359375</t>
  </si>
  <si>
    <t>-0.0009889567313372538</t>
  </si>
  <si>
    <t>18.235851287841797</t>
  </si>
  <si>
    <t>871.6557006835938</t>
  </si>
  <si>
    <t>0.019919025922808586</t>
  </si>
  <si>
    <t>18.355350494384766</t>
  </si>
  <si>
    <t>807.19091796875</t>
  </si>
  <si>
    <t>0.02742518822573281</t>
  </si>
  <si>
    <t>18.33301544189453</t>
  </si>
  <si>
    <t>1433.005859375</t>
  </si>
  <si>
    <t>0.03310433768641019</t>
  </si>
  <si>
    <t>18.2941837310791</t>
  </si>
  <si>
    <t>983.0626220703125</t>
  </si>
  <si>
    <t>0.03674797354068993</t>
  </si>
  <si>
    <t>18.300569534301758</t>
  </si>
  <si>
    <t>1046.5927734375</t>
  </si>
  <si>
    <t>-0.027358233190851067</t>
  </si>
  <si>
    <t>18.88762664794922</t>
  </si>
  <si>
    <t>1196.5345458984375</t>
  </si>
  <si>
    <t>0.003010237071425337</t>
  </si>
  <si>
    <t>18.702516555786133</t>
  </si>
  <si>
    <t>983.9234619140625</t>
  </si>
  <si>
    <t>0.04954846075694874</t>
  </si>
  <si>
    <t>18.439401626586914</t>
  </si>
  <si>
    <t>993.242919921875</t>
  </si>
  <si>
    <t>0.021786121247982848</t>
  </si>
  <si>
    <t>3639</t>
  </si>
  <si>
    <t>18.283903121948242</t>
  </si>
  <si>
    <t>1304.5506591796875</t>
  </si>
  <si>
    <t>0.0183033395887513</t>
  </si>
  <si>
    <t>3682</t>
  </si>
  <si>
    <t>18.405179977416992</t>
  </si>
  <si>
    <t>1074.4866943359375</t>
  </si>
  <si>
    <t>0.011747164180862413</t>
  </si>
  <si>
    <t>18.346845626831055</t>
  </si>
  <si>
    <t>957.427978515625</t>
  </si>
  <si>
    <t>0.036270642492670646</t>
  </si>
  <si>
    <t>18.577346801757812</t>
  </si>
  <si>
    <t>1473.7249755859375</t>
  </si>
  <si>
    <t>0.01404444411077499</t>
  </si>
  <si>
    <t>4001</t>
  </si>
  <si>
    <t>18.82184600830078</t>
  </si>
  <si>
    <t>1147.0479736328125</t>
  </si>
  <si>
    <t>0.03277316046076706</t>
  </si>
  <si>
    <t>18.670957565307617</t>
  </si>
  <si>
    <t>1590.1298828125</t>
  </si>
  <si>
    <t>0.010937220635357292</t>
  </si>
  <si>
    <t>18.45056915283203</t>
  </si>
  <si>
    <t>1421.94873046875</t>
  </si>
  <si>
    <t>0.03330805049598595</t>
  </si>
  <si>
    <t>18.898622512817383</t>
  </si>
  <si>
    <t>1923.8287353515625</t>
  </si>
  <si>
    <t>0.028755221853041135</t>
  </si>
  <si>
    <t>4202</t>
  </si>
  <si>
    <t>18.697734832763672</t>
  </si>
  <si>
    <t>1183.942138671875</t>
  </si>
  <si>
    <t>-0.02398422043667381</t>
  </si>
  <si>
    <t>4427</t>
  </si>
  <si>
    <t>18.600568771362305</t>
  </si>
  <si>
    <t>1787.288330078125</t>
  </si>
  <si>
    <t>0.052161551327195355</t>
  </si>
  <si>
    <t>18.53940200805664</t>
  </si>
  <si>
    <t>1550.346923828125</t>
  </si>
  <si>
    <t>0.02674552109286843</t>
  </si>
  <si>
    <t>1041.300048828125</t>
  </si>
  <si>
    <t>1115.5567626953125</t>
  </si>
  <si>
    <t>Nairobi</t>
  </si>
  <si>
    <t>18.400001525878906</t>
  </si>
  <si>
    <t>832.1000366210938</t>
  </si>
  <si>
    <t>-0.019964537993370612</t>
  </si>
  <si>
    <t>18.308334350585938</t>
  </si>
  <si>
    <t>-0.040365981743994084</t>
  </si>
  <si>
    <t>9728</t>
  </si>
  <si>
    <t>18.38333511352539</t>
  </si>
  <si>
    <t>671.60009765625</t>
  </si>
  <si>
    <t>-0.027776747772900734</t>
  </si>
  <si>
    <t>9684</t>
  </si>
  <si>
    <t>18.466665267944336</t>
  </si>
  <si>
    <t>-0.00453328614799986</t>
  </si>
  <si>
    <t>18.66666603088379</t>
  </si>
  <si>
    <t>954.8999633789062</t>
  </si>
  <si>
    <t>0.013334898591899957</t>
  </si>
  <si>
    <t>9923</t>
  </si>
  <si>
    <t>18.44166374206543</t>
  </si>
  <si>
    <t>671.0999755859375</t>
  </si>
  <si>
    <t>0.011045357264393374</t>
  </si>
  <si>
    <t>9685</t>
  </si>
  <si>
    <t>1283.0999755859375</t>
  </si>
  <si>
    <t>-0.024276998073146316</t>
  </si>
  <si>
    <t>1098.0001220703125</t>
  </si>
  <si>
    <t>0.0032986319983425716</t>
  </si>
  <si>
    <t>9646</t>
  </si>
  <si>
    <t>727.6000366210938</t>
  </si>
  <si>
    <t>-0.007333607210521009</t>
  </si>
  <si>
    <t>-0.025195538123924166</t>
  </si>
  <si>
    <t>9469</t>
  </si>
  <si>
    <t>803.5</t>
  </si>
  <si>
    <t>0.006675521478506141</t>
  </si>
  <si>
    <t>19.04166603088379</t>
  </si>
  <si>
    <t>1183.199951171875</t>
  </si>
  <si>
    <t>-0.02502269135015922</t>
  </si>
  <si>
    <t>827.0999755859375</t>
  </si>
  <si>
    <t>-0.0008666450547849536</t>
  </si>
  <si>
    <t>18.558334350585938</t>
  </si>
  <si>
    <t>592.7999877929688</t>
  </si>
  <si>
    <t>0.019745249280232358</t>
  </si>
  <si>
    <t>574.2000122070312</t>
  </si>
  <si>
    <t>0.0274592813237593</t>
  </si>
  <si>
    <t>9999</t>
  </si>
  <si>
    <t>18.625</t>
  </si>
  <si>
    <t>1212.89990234375</t>
  </si>
  <si>
    <t>0.033146588793302456</t>
  </si>
  <si>
    <t>728.8999633789062</t>
  </si>
  <si>
    <t>0.03672118845597794</t>
  </si>
  <si>
    <t>10093</t>
  </si>
  <si>
    <t>18.575002670288086</t>
  </si>
  <si>
    <t>811.0</t>
  </si>
  <si>
    <t>-0.027364162192968777</t>
  </si>
  <si>
    <t>0.0030667284261554073</t>
  </si>
  <si>
    <t>10637</t>
  </si>
  <si>
    <t>0.04942964658665083</t>
  </si>
  <si>
    <t>10874</t>
  </si>
  <si>
    <t>18.7166690826416</t>
  </si>
  <si>
    <t>0.02203612945420197</t>
  </si>
  <si>
    <t>1042.5999755859375</t>
  </si>
  <si>
    <t>0.01813509399224067</t>
  </si>
  <si>
    <t>18.683332443237305</t>
  </si>
  <si>
    <t>903.7000122070312</t>
  </si>
  <si>
    <t>0.011850394536919495</t>
  </si>
  <si>
    <t>11027</t>
  </si>
  <si>
    <t>18.633333206176758</t>
  </si>
  <si>
    <t>776.7000732421875</t>
  </si>
  <si>
    <t>-0.016013296476348415</t>
  </si>
  <si>
    <t>1243.7000732421875</t>
  </si>
  <si>
    <t>9.068238500908876e-05</t>
  </si>
  <si>
    <t>1006.2999877929688</t>
  </si>
  <si>
    <t>0.0025357738637641347</t>
  </si>
  <si>
    <t>18.98333168029785</t>
  </si>
  <si>
    <t>1157.400146484375</t>
  </si>
  <si>
    <t>0.005682089695797643</t>
  </si>
  <si>
    <t>11495</t>
  </si>
  <si>
    <t>1152.9000244140625</t>
  </si>
  <si>
    <t>0.03325680149403176</t>
  </si>
  <si>
    <t>11832</t>
  </si>
  <si>
    <t>1570.800048828125</t>
  </si>
  <si>
    <t>0.028895567193353955</t>
  </si>
  <si>
    <t>18.991666793823242</t>
  </si>
  <si>
    <t>-0.024035712101955653</t>
  </si>
  <si>
    <t>1359.5</t>
  </si>
  <si>
    <t>0.052201893692894075</t>
  </si>
  <si>
    <t>1222.2000732421875</t>
  </si>
  <si>
    <t>0.026674734108647513</t>
  </si>
  <si>
    <t>1759</t>
  </si>
  <si>
    <t>4411</t>
  </si>
  <si>
    <t>15.57219409942627</t>
  </si>
  <si>
    <t>1018.8258666992188</t>
  </si>
  <si>
    <t>527.4775390625</t>
  </si>
  <si>
    <t>Nakuru</t>
  </si>
  <si>
    <t>15.43708324432373</t>
  </si>
  <si>
    <t>908.2380981445312</t>
  </si>
  <si>
    <t>-0.01992052134584199</t>
  </si>
  <si>
    <t>15.391135215759277</t>
  </si>
  <si>
    <t>1028.9947509765625</t>
  </si>
  <si>
    <t>-0.04034993512834362</t>
  </si>
  <si>
    <t>15.477344512939453</t>
  </si>
  <si>
    <t>739.41552734375</t>
  </si>
  <si>
    <t>-0.027833828067342026</t>
  </si>
  <si>
    <t>15.48552417755127</t>
  </si>
  <si>
    <t>920.3856201171875</t>
  </si>
  <si>
    <t>-0.004466508666137514</t>
  </si>
  <si>
    <t>15.811287879943848</t>
  </si>
  <si>
    <t>908.9052734375</t>
  </si>
  <si>
    <t>0.013340118777687593</t>
  </si>
  <si>
    <t>4120</t>
  </si>
  <si>
    <t>15.53956127166748</t>
  </si>
  <si>
    <t>811.1484985351562</t>
  </si>
  <si>
    <t>0.010982416668609218</t>
  </si>
  <si>
    <t>15.543435096740723</t>
  </si>
  <si>
    <t>1123.1298828125</t>
  </si>
  <si>
    <t>-0.02432253544629681</t>
  </si>
  <si>
    <t>15.797125816345215</t>
  </si>
  <si>
    <t>1073.545654296875</t>
  </si>
  <si>
    <t>0.003227811616882903</t>
  </si>
  <si>
    <t>4005</t>
  </si>
  <si>
    <t>15.58823299407959</t>
  </si>
  <si>
    <t>836.1452026367188</t>
  </si>
  <si>
    <t>-0.007214859011698493</t>
  </si>
  <si>
    <t>15.823094367980957</t>
  </si>
  <si>
    <t>725.6503295898438</t>
  </si>
  <si>
    <t>-0.025285797228672635</t>
  </si>
  <si>
    <t>3932</t>
  </si>
  <si>
    <t>16.045074462890625</t>
  </si>
  <si>
    <t>912.0679931640625</t>
  </si>
  <si>
    <t>0.006890418993270586</t>
  </si>
  <si>
    <t>16.234167098999023</t>
  </si>
  <si>
    <t>1023.3656005859375</t>
  </si>
  <si>
    <t>-0.025239557661468126</t>
  </si>
  <si>
    <t>16.32019805908203</t>
  </si>
  <si>
    <t>982.5521240234375</t>
  </si>
  <si>
    <t>-0.0007827789049397182</t>
  </si>
  <si>
    <t>15.744338989257812</t>
  </si>
  <si>
    <t>855.0191040039062</t>
  </si>
  <si>
    <t>0.019643950354421236</t>
  </si>
  <si>
    <t>15.890743255615234</t>
  </si>
  <si>
    <t>778.2259521484375</t>
  </si>
  <si>
    <t>0.027516566316494462</t>
  </si>
  <si>
    <t>15.799884796142578</t>
  </si>
  <si>
    <t>1074.1971435546875</t>
  </si>
  <si>
    <t>0.03330376347415864</t>
  </si>
  <si>
    <t>15.758641242980957</t>
  </si>
  <si>
    <t>1068.7567138671875</t>
  </si>
  <si>
    <t>0.036651460208386055</t>
  </si>
  <si>
    <t>15.757590293884277</t>
  </si>
  <si>
    <t>953.5587158203125</t>
  </si>
  <si>
    <t>-0.027302237129038787</t>
  </si>
  <si>
    <t>16.349191665649414</t>
  </si>
  <si>
    <t>915.3518676757812</t>
  </si>
  <si>
    <t>0.0030970840717703396</t>
  </si>
  <si>
    <t>4417</t>
  </si>
  <si>
    <t>16.161638259887695</t>
  </si>
  <si>
    <t>925.69287109375</t>
  </si>
  <si>
    <t>0.04942427959968576</t>
  </si>
  <si>
    <t>15.85436725616455</t>
  </si>
  <si>
    <t>829.7381591796875</t>
  </si>
  <si>
    <t>15.687634468078613</t>
  </si>
  <si>
    <t>1279.314453125</t>
  </si>
  <si>
    <t>0.017998729955142068</t>
  </si>
  <si>
    <t>15.802807807922363</t>
  </si>
  <si>
    <t>1107.395263671875</t>
  </si>
  <si>
    <t>0.012108256038420251</t>
  </si>
  <si>
    <t>15.755854606628418</t>
  </si>
  <si>
    <t>886.4783935546875</t>
  </si>
  <si>
    <t>0.06409516045640018</t>
  </si>
  <si>
    <t>5062</t>
  </si>
  <si>
    <t>15.937976837158203</t>
  </si>
  <si>
    <t>1204.82861328125</t>
  </si>
  <si>
    <t>0.02015432880402024</t>
  </si>
  <si>
    <t>967.1488037109375</t>
  </si>
  <si>
    <t>0.05102656581193088</t>
  </si>
  <si>
    <t>5380</t>
  </si>
  <si>
    <t>16.05921173095703</t>
  </si>
  <si>
    <t>1244.4560546875</t>
  </si>
  <si>
    <t>0.009900146238830843</t>
  </si>
  <si>
    <t>15.845677375793457</t>
  </si>
  <si>
    <t>1331.4591064453125</t>
  </si>
  <si>
    <t>0.03344915691946326</t>
  </si>
  <si>
    <t>16.23561668395996</t>
  </si>
  <si>
    <t>1524.0345458984375</t>
  </si>
  <si>
    <t>0.02870501834714645</t>
  </si>
  <si>
    <t>16.065017700195312</t>
  </si>
  <si>
    <t>1305.7626953125</t>
  </si>
  <si>
    <t>-0.024042169152741266</t>
  </si>
  <si>
    <t>5889</t>
  </si>
  <si>
    <t>15.992283821105957</t>
  </si>
  <si>
    <t>1515.1549072265625</t>
  </si>
  <si>
    <t>0.05228582367487178</t>
  </si>
  <si>
    <t>6048</t>
  </si>
  <si>
    <t>15.932464599609375</t>
  </si>
  <si>
    <t>1489.60986328125</t>
  </si>
  <si>
    <t>0.026641434914798978</t>
  </si>
  <si>
    <t>1585.4000244140625</t>
  </si>
  <si>
    <t>180.46200561523438</t>
  </si>
  <si>
    <t>Nandi</t>
  </si>
  <si>
    <t>1352.0999755859375</t>
  </si>
  <si>
    <t>-0.020094447059754827</t>
  </si>
  <si>
    <t>1443.400146484375</t>
  </si>
  <si>
    <t>-0.04038512559512064</t>
  </si>
  <si>
    <t>2761</t>
  </si>
  <si>
    <t>1177.0999755859375</t>
  </si>
  <si>
    <t>-0.027858944542817454</t>
  </si>
  <si>
    <t>1408.4000244140625</t>
  </si>
  <si>
    <t>-0.004355723764908781</t>
  </si>
  <si>
    <t>1416.7000732421875</t>
  </si>
  <si>
    <t>0.013369666174505745</t>
  </si>
  <si>
    <t>2817</t>
  </si>
  <si>
    <t>1351.2000732421875</t>
  </si>
  <si>
    <t>0.011065613536621832</t>
  </si>
  <si>
    <t>17.408334732055664</t>
  </si>
  <si>
    <t>1707.39990234375</t>
  </si>
  <si>
    <t>-0.024435279711127578</t>
  </si>
  <si>
    <t>1440.9000244140625</t>
  </si>
  <si>
    <t>0.0032685701880019735</t>
  </si>
  <si>
    <t>2738</t>
  </si>
  <si>
    <t>1350.10009765625</t>
  </si>
  <si>
    <t>-0.00727805250485325</t>
  </si>
  <si>
    <t>1345.2999267578125</t>
  </si>
  <si>
    <t>-0.025149254454098546</t>
  </si>
  <si>
    <t>2688</t>
  </si>
  <si>
    <t>17.94999885559082</t>
  </si>
  <si>
    <t>1478.300048828125</t>
  </si>
  <si>
    <t>18.14999771118164</t>
  </si>
  <si>
    <t>1362.800048828125</t>
  </si>
  <si>
    <t>-0.02524149831963385</t>
  </si>
  <si>
    <t>1502.800048828125</t>
  </si>
  <si>
    <t>-0.0007633588156945592</t>
  </si>
  <si>
    <t>17.67500114440918</t>
  </si>
  <si>
    <t>1410.2000732421875</t>
  </si>
  <si>
    <t>0.01966036860224918</t>
  </si>
  <si>
    <t>1262.900146484375</t>
  </si>
  <si>
    <t>0.027692373217955257</t>
  </si>
  <si>
    <t>2838</t>
  </si>
  <si>
    <t>17.691665649414062</t>
  </si>
  <si>
    <t>1475.5</t>
  </si>
  <si>
    <t>0.03295427139207163</t>
  </si>
  <si>
    <t>17.683334350585938</t>
  </si>
  <si>
    <t>1769.10009765625</t>
  </si>
  <si>
    <t>0.036669622128778556</t>
  </si>
  <si>
    <t>1581.4000244140625</t>
  </si>
  <si>
    <t>-0.02720085069992706</t>
  </si>
  <si>
    <t>1279.400146484375</t>
  </si>
  <si>
    <t>0.0031364374901308167</t>
  </si>
  <si>
    <t>18.091665267944336</t>
  </si>
  <si>
    <t>1580.4998779296875</t>
  </si>
  <si>
    <t>0.04922086306786877</t>
  </si>
  <si>
    <t>1336.5999755859375</t>
  </si>
  <si>
    <t>0.02195010321626789</t>
  </si>
  <si>
    <t>17.541667938232422</t>
  </si>
  <si>
    <t>0.018302003874460127</t>
  </si>
  <si>
    <t>1755.4998779296875</t>
  </si>
  <si>
    <t>0.012017854951576368</t>
  </si>
  <si>
    <t>1338.699951171875</t>
  </si>
  <si>
    <t>0.003452066820555544</t>
  </si>
  <si>
    <t>1707.0999755859375</t>
  </si>
  <si>
    <t>-0.0018814680997056854</t>
  </si>
  <si>
    <t>1382.0</t>
  </si>
  <si>
    <t>0.040595980280397015</t>
  </si>
  <si>
    <t>1907.300048828125</t>
  </si>
  <si>
    <t>-0.05164232899311649</t>
  </si>
  <si>
    <t>1978.0</t>
  </si>
  <si>
    <t>0.03339364740471673</t>
  </si>
  <si>
    <t>18.033336639404297</t>
  </si>
  <si>
    <t>2221.39990234375</t>
  </si>
  <si>
    <t>0.029040153221163933</t>
  </si>
  <si>
    <t>1986.2000732421875</t>
  </si>
  <si>
    <t>-0.024141184452075137</t>
  </si>
  <si>
    <t>17.808332443237305</t>
  </si>
  <si>
    <t>2174.60009765625</t>
  </si>
  <si>
    <t>0.05207185500576195</t>
  </si>
  <si>
    <t>3543</t>
  </si>
  <si>
    <t>2085.10009765625</t>
  </si>
  <si>
    <t>0.026889491928629994</t>
  </si>
  <si>
    <t>17.844717025756836</t>
  </si>
  <si>
    <t>1357.4744873046875</t>
  </si>
  <si>
    <t>274.6556091308594</t>
  </si>
  <si>
    <t>Narok</t>
  </si>
  <si>
    <t>17.75192642211914</t>
  </si>
  <si>
    <t>1128.0472412109375</t>
  </si>
  <si>
    <t>-0.0198378082140529</t>
  </si>
  <si>
    <t>17.678417205810547</t>
  </si>
  <si>
    <t>1273.6884765625</t>
  </si>
  <si>
    <t>-0.04058528011507789</t>
  </si>
  <si>
    <t>3124</t>
  </si>
  <si>
    <t>17.777318954467773</t>
  </si>
  <si>
    <t>965.3287963867188</t>
  </si>
  <si>
    <t>-0.027468183129938595</t>
  </si>
  <si>
    <t>17.792966842651367</t>
  </si>
  <si>
    <t>1165.3812255859375</t>
  </si>
  <si>
    <t>-0.00481310090082232</t>
  </si>
  <si>
    <t>18.06123924255371</t>
  </si>
  <si>
    <t>1235.6981201171875</t>
  </si>
  <si>
    <t>0.013418731698520148</t>
  </si>
  <si>
    <t>17.804380416870117</t>
  </si>
  <si>
    <t>1060.2379150390625</t>
  </si>
  <si>
    <t>17.8221378326416</t>
  </si>
  <si>
    <t>1580.860107421875</t>
  </si>
  <si>
    <t>-0.024143485296713507</t>
  </si>
  <si>
    <t>18.090648651123047</t>
  </si>
  <si>
    <t>1269.9566650390625</t>
  </si>
  <si>
    <t>0.0032102756302485602</t>
  </si>
  <si>
    <t>17.923555374145508</t>
  </si>
  <si>
    <t>1080.0159912109375</t>
  </si>
  <si>
    <t>-0.007399100830324912</t>
  </si>
  <si>
    <t>18.101694107055664</t>
  </si>
  <si>
    <t>1068.6744384765625</t>
  </si>
  <si>
    <t>-0.025177069604287894</t>
  </si>
  <si>
    <t>18.29022789001465</t>
  </si>
  <si>
    <t>1125.804443359375</t>
  </si>
  <si>
    <t>0.006600684031351278</t>
  </si>
  <si>
    <t>2965</t>
  </si>
  <si>
    <t>18.49083137512207</t>
  </si>
  <si>
    <t>1440.816162109375</t>
  </si>
  <si>
    <t>-0.024980482968441464</t>
  </si>
  <si>
    <t>2963</t>
  </si>
  <si>
    <t>18.628026962280273</t>
  </si>
  <si>
    <t>1092.1190185546875</t>
  </si>
  <si>
    <t>-0.0006747638582602633</t>
  </si>
  <si>
    <t>18.037845611572266</t>
  </si>
  <si>
    <t>939.8739013671875</t>
  </si>
  <si>
    <t>0.019716595259119174</t>
  </si>
  <si>
    <t>18.21310043334961</t>
  </si>
  <si>
    <t>900.9356079101562</t>
  </si>
  <si>
    <t>0.027416860875948856</t>
  </si>
  <si>
    <t>18.0231990814209</t>
  </si>
  <si>
    <t>1511.6904296875</t>
  </si>
  <si>
    <t>0.03324669038088146</t>
  </si>
  <si>
    <t>18.085763931274414</t>
  </si>
  <si>
    <t>1201.8643798828125</t>
  </si>
  <si>
    <t>0.03669014410416516</t>
  </si>
  <si>
    <t>17.976224899291992</t>
  </si>
  <si>
    <t>1185.08740234375</t>
  </si>
  <si>
    <t>-0.02739063505213224</t>
  </si>
  <si>
    <t>18.562177658081055</t>
  </si>
  <si>
    <t>1201.9449462890625</t>
  </si>
  <si>
    <t>0.0030807171623585816</t>
  </si>
  <si>
    <t>18.419469833374023</t>
  </si>
  <si>
    <t>1208.9149169921875</t>
  </si>
  <si>
    <t>0.049507634604553985</t>
  </si>
  <si>
    <t>18.071714401245117</t>
  </si>
  <si>
    <t>1128.252685546875</t>
  </si>
  <si>
    <t>0.021717952196576462</t>
  </si>
  <si>
    <t>3555</t>
  </si>
  <si>
    <t>17.963560104370117</t>
  </si>
  <si>
    <t>1512.2821044921875</t>
  </si>
  <si>
    <t>0.018166835132305437</t>
  </si>
  <si>
    <t>3598</t>
  </si>
  <si>
    <t>18.025129318237305</t>
  </si>
  <si>
    <t>1355.26220703125</t>
  </si>
  <si>
    <t>0.012023072273136037</t>
  </si>
  <si>
    <t>17.984596252441406</t>
  </si>
  <si>
    <t>1178.1927490234375</t>
  </si>
  <si>
    <t>-0.01117954628469775</t>
  </si>
  <si>
    <t>3623</t>
  </si>
  <si>
    <t>18.1961612701416</t>
  </si>
  <si>
    <t>1586.1292724609375</t>
  </si>
  <si>
    <t>0.01810382266929622</t>
  </si>
  <si>
    <t>3698</t>
  </si>
  <si>
    <t>18.455150604248047</t>
  </si>
  <si>
    <t>1352.3236083984375</t>
  </si>
  <si>
    <t>0.02048972105199276</t>
  </si>
  <si>
    <t>18.334653854370117</t>
  </si>
  <si>
    <t>1472.424072265625</t>
  </si>
  <si>
    <t>0.0029701655425213858</t>
  </si>
  <si>
    <t>18.125253677368164</t>
  </si>
  <si>
    <t>1538.54248046875</t>
  </si>
  <si>
    <t>0.03340713631176584</t>
  </si>
  <si>
    <t>18.490901947021484</t>
  </si>
  <si>
    <t>2155.693359375</t>
  </si>
  <si>
    <t>0.028786361861490306</t>
  </si>
  <si>
    <t>3853</t>
  </si>
  <si>
    <t>18.307817459106445</t>
  </si>
  <si>
    <t>1598.618896484375</t>
  </si>
  <si>
    <t>-0.02410373103668917</t>
  </si>
  <si>
    <t>4060</t>
  </si>
  <si>
    <t>18.236133575439453</t>
  </si>
  <si>
    <t>1792.045166015625</t>
  </si>
  <si>
    <t>0.05233090796962081</t>
  </si>
  <si>
    <t>4170</t>
  </si>
  <si>
    <t>18.159740447998047</t>
  </si>
  <si>
    <t>1649.3580322265625</t>
  </si>
  <si>
    <t>0.026733062197068946</t>
  </si>
  <si>
    <t>4103</t>
  </si>
  <si>
    <t>13.532076835632324</t>
  </si>
  <si>
    <t>1651.7845458984375</t>
  </si>
  <si>
    <t>243.2161865234375</t>
  </si>
  <si>
    <t>Nyeri</t>
  </si>
  <si>
    <t>13.454987525939941</t>
  </si>
  <si>
    <t>1393.7698974609375</t>
  </si>
  <si>
    <t>-0.019939122109589036</t>
  </si>
  <si>
    <t>13.41331958770752</t>
  </si>
  <si>
    <t>1641.6336669921875</t>
  </si>
  <si>
    <t>-0.04033520766631504</t>
  </si>
  <si>
    <t>13.458460807800293</t>
  </si>
  <si>
    <t>1159.7576904296875</t>
  </si>
  <si>
    <t>-0.027823317092313005</t>
  </si>
  <si>
    <t>13.488320350646973</t>
  </si>
  <si>
    <t>1521.418212890625</t>
  </si>
  <si>
    <t>-0.004535155165390492</t>
  </si>
  <si>
    <t>3790</t>
  </si>
  <si>
    <t>13.770268440246582</t>
  </si>
  <si>
    <t>1482.1104736328125</t>
  </si>
  <si>
    <t>0.013280407667894067</t>
  </si>
  <si>
    <t>3833</t>
  </si>
  <si>
    <t>13.561229705810547</t>
  </si>
  <si>
    <t>1023.8396606445312</t>
  </si>
  <si>
    <t>0.0112817673040837</t>
  </si>
  <si>
    <t>3741</t>
  </si>
  <si>
    <t>13.538318634033203</t>
  </si>
  <si>
    <t>1827.7332763671875</t>
  </si>
  <si>
    <t>-0.024294831032410258</t>
  </si>
  <si>
    <t>13.791793823242188</t>
  </si>
  <si>
    <t>1692.902099609375</t>
  </si>
  <si>
    <t>0.003202564786874973</t>
  </si>
  <si>
    <t>13.593180656433105</t>
  </si>
  <si>
    <t>1234.0499267578125</t>
  </si>
  <si>
    <t>-0.0074886683213613026</t>
  </si>
  <si>
    <t>13.768882751464844</t>
  </si>
  <si>
    <t>991.841064453125</t>
  </si>
  <si>
    <t>-0.025008098592456562</t>
  </si>
  <si>
    <t>3657</t>
  </si>
  <si>
    <t>13.990409851074219</t>
  </si>
  <si>
    <t>1286.053466796875</t>
  </si>
  <si>
    <t>0.006584385928178449</t>
  </si>
  <si>
    <t>14.152216911315918</t>
  </si>
  <si>
    <t>1741.5020751953125</t>
  </si>
  <si>
    <t>-0.024918232790490435</t>
  </si>
  <si>
    <t>14.260550498962402</t>
  </si>
  <si>
    <t>1522.3941650390625</t>
  </si>
  <si>
    <t>-0.0008413967681910606</t>
  </si>
  <si>
    <t>13.66054916381836</t>
  </si>
  <si>
    <t>1281.1416015625</t>
  </si>
  <si>
    <t>0.01972560137692092</t>
  </si>
  <si>
    <t>3736</t>
  </si>
  <si>
    <t>13.764023780822754</t>
  </si>
  <si>
    <t>1149.8116455078125</t>
  </si>
  <si>
    <t>0.02740640938111305</t>
  </si>
  <si>
    <t>3862</t>
  </si>
  <si>
    <t>1666.41943359375</t>
  </si>
  <si>
    <t>0.0331696636397254</t>
  </si>
  <si>
    <t>13.715408325195312</t>
  </si>
  <si>
    <t>1410.1324462890625</t>
  </si>
  <si>
    <t>0.03660805323730365</t>
  </si>
  <si>
    <t>13.740409851074219</t>
  </si>
  <si>
    <t>1337.0975341796875</t>
  </si>
  <si>
    <t>-0.027329636158256676</t>
  </si>
  <si>
    <t>14.325127601623535</t>
  </si>
  <si>
    <t>1542.780517578125</t>
  </si>
  <si>
    <t>0.0030737729119056922</t>
  </si>
  <si>
    <t>14.123741149902344</t>
  </si>
  <si>
    <t>1310.7274169921875</t>
  </si>
  <si>
    <t>0.049398918069037734</t>
  </si>
  <si>
    <t>4200</t>
  </si>
  <si>
    <t>13.864704132080078</t>
  </si>
  <si>
    <t>1275.304443359375</t>
  </si>
  <si>
    <t>0.022148233223010294</t>
  </si>
  <si>
    <t>4277</t>
  </si>
  <si>
    <t>13.708460807800293</t>
  </si>
  <si>
    <t>1824.3455810546875</t>
  </si>
  <si>
    <t>0.0181673039554493</t>
  </si>
  <si>
    <t>13.8181791305542</t>
  </si>
  <si>
    <t>1425.285888671875</t>
  </si>
  <si>
    <t>0.011853712299409125</t>
  </si>
  <si>
    <t>13.76817798614502</t>
  </si>
  <si>
    <t>1248.12646484375</t>
  </si>
  <si>
    <t>0.0966116346785082</t>
  </si>
  <si>
    <t>13.964703559875488</t>
  </si>
  <si>
    <t>1826.359130859375</t>
  </si>
  <si>
    <t>-0.00842642441159036</t>
  </si>
  <si>
    <t>14.23622989654541</t>
  </si>
  <si>
    <t>1410.283447265625</t>
  </si>
  <si>
    <t>0.041236547887248065</t>
  </si>
  <si>
    <t>14.093178749084473</t>
  </si>
  <si>
    <t>2060.5263671875</t>
  </si>
  <si>
    <t>0.04737780287325499</t>
  </si>
  <si>
    <t>5340</t>
  </si>
  <si>
    <t>13.854987144470215</t>
  </si>
  <si>
    <t>1921.125244140625</t>
  </si>
  <si>
    <t>0.03332055040050186</t>
  </si>
  <si>
    <t>14.281371116638184</t>
  </si>
  <si>
    <t>2364.44775390625</t>
  </si>
  <si>
    <t>0.02897683590641975</t>
  </si>
  <si>
    <t>14.106371879577637</t>
  </si>
  <si>
    <t>1588.7601318359375</t>
  </si>
  <si>
    <t>-0.02411973687509139</t>
  </si>
  <si>
    <t>14.014704704284668</t>
  </si>
  <si>
    <t>2251.271728515625</t>
  </si>
  <si>
    <t>0.052103625689721156</t>
  </si>
  <si>
    <t>5807</t>
  </si>
  <si>
    <t>13.973037719726562</t>
  </si>
  <si>
    <t>2078.95556640625</t>
  </si>
  <si>
    <t>0.026877708696758873</t>
  </si>
  <si>
    <t>22.474824905395508</t>
  </si>
  <si>
    <t>1117.3985595703125</t>
  </si>
  <si>
    <t>62.10873794555664</t>
  </si>
  <si>
    <t>Samburu</t>
  </si>
  <si>
    <t>22.2532958984375</t>
  </si>
  <si>
    <t>835.4730224609375</t>
  </si>
  <si>
    <t>-0.019966575161125988</t>
  </si>
  <si>
    <t>22.226770401000977</t>
  </si>
  <si>
    <t>977.619140625</t>
  </si>
  <si>
    <t>-0.04014588275166808</t>
  </si>
  <si>
    <t>22.227415084838867</t>
  </si>
  <si>
    <t>811.3265991210938</t>
  </si>
  <si>
    <t>-0.028039220064393078</t>
  </si>
  <si>
    <t>22.245866775512695</t>
  </si>
  <si>
    <t>976.5131225585938</t>
  </si>
  <si>
    <t>-0.004221642153828142</t>
  </si>
  <si>
    <t>1916</t>
  </si>
  <si>
    <t>22.62567710876465</t>
  </si>
  <si>
    <t>1021.321533203125</t>
  </si>
  <si>
    <t>0.013133889872348092</t>
  </si>
  <si>
    <t>22.344884872436523</t>
  </si>
  <si>
    <t>691.2109985351562</t>
  </si>
  <si>
    <t>0.01090070487618977</t>
  </si>
  <si>
    <t>22.34820556640625</t>
  </si>
  <si>
    <t>1381.5050048828125</t>
  </si>
  <si>
    <t>-0.024034594748537863</t>
  </si>
  <si>
    <t>22.60222816467285</t>
  </si>
  <si>
    <t>980.306640625</t>
  </si>
  <si>
    <t>0.0031679012765568615</t>
  </si>
  <si>
    <t>22.175458908081055</t>
  </si>
  <si>
    <t>851.4091186523438</t>
  </si>
  <si>
    <t>-0.00740744127786197</t>
  </si>
  <si>
    <t>22.437990188598633</t>
  </si>
  <si>
    <t>750.660400390625</t>
  </si>
  <si>
    <t>-0.025276957476716433</t>
  </si>
  <si>
    <t>22.73427391052246</t>
  </si>
  <si>
    <t>877.12109375</t>
  </si>
  <si>
    <t>0.007055660206688685</t>
  </si>
  <si>
    <t>22.85912322998047</t>
  </si>
  <si>
    <t>1122.5352783203125</t>
  </si>
  <si>
    <t>-0.02519300818380721</t>
  </si>
  <si>
    <t>22.86998176574707</t>
  </si>
  <si>
    <t>1046.0701904296875</t>
  </si>
  <si>
    <t>-0.0011098780273615105</t>
  </si>
  <si>
    <t>22.578386306762695</t>
  </si>
  <si>
    <t>946.560302734375</t>
  </si>
  <si>
    <t>0.01979174003916917</t>
  </si>
  <si>
    <t>22.686967849731445</t>
  </si>
  <si>
    <t>771.8906860351562</t>
  </si>
  <si>
    <t>0.027384261490320583</t>
  </si>
  <si>
    <t>22.637948989868164</t>
  </si>
  <si>
    <t>932.6107177734375</t>
  </si>
  <si>
    <t>22.640853881835938</t>
  </si>
  <si>
    <t>933.96826171875</t>
  </si>
  <si>
    <t>0.036715212567601796</t>
  </si>
  <si>
    <t>22.633512496948242</t>
  </si>
  <si>
    <t>1002.3645629882812</t>
  </si>
  <si>
    <t>-0.027536157808604855</t>
  </si>
  <si>
    <t>23.154390335083008</t>
  </si>
  <si>
    <t>934.1084594726562</t>
  </si>
  <si>
    <t>0.0035470014385827753</t>
  </si>
  <si>
    <t>22.9321346282959</t>
  </si>
  <si>
    <t>960.9369506835938</t>
  </si>
  <si>
    <t>0.04934400070549483</t>
  </si>
  <si>
    <t>22.706926345825195</t>
  </si>
  <si>
    <t>859.956787109375</t>
  </si>
  <si>
    <t>0.021905637827144275</t>
  </si>
  <si>
    <t>22.504852294921875</t>
  </si>
  <si>
    <t>1247.0892333984375</t>
  </si>
  <si>
    <t>0.018203536495897232</t>
  </si>
  <si>
    <t>22.68920135498047</t>
  </si>
  <si>
    <t>1056.0576171875</t>
  </si>
  <si>
    <t>0.011954165342718426</t>
  </si>
  <si>
    <t>2276</t>
  </si>
  <si>
    <t>22.647005081176758</t>
  </si>
  <si>
    <t>825.079345703125</t>
  </si>
  <si>
    <t>0.03943163170434971</t>
  </si>
  <si>
    <t>22.794923782348633</t>
  </si>
  <si>
    <t>1124.6209716796875</t>
  </si>
  <si>
    <t>-0.03396215589981466</t>
  </si>
  <si>
    <t>22.961450576782227</t>
  </si>
  <si>
    <t>926.3265991210938</t>
  </si>
  <si>
    <t>0.07738182801378723</t>
  </si>
  <si>
    <t>22.770715713500977</t>
  </si>
  <si>
    <t>1580.1895751953125</t>
  </si>
  <si>
    <t>-0.028591663844355075</t>
  </si>
  <si>
    <t>22.475393295288086</t>
  </si>
  <si>
    <t>1152.7176513671875</t>
  </si>
  <si>
    <t>0.03320867099665392</t>
  </si>
  <si>
    <t>22.82450294494629</t>
  </si>
  <si>
    <t>1529.6541748046875</t>
  </si>
  <si>
    <t>0.02889181561348675</t>
  </si>
  <si>
    <t>22.808618545532227</t>
  </si>
  <si>
    <t>1069.0435791015625</t>
  </si>
  <si>
    <t>-0.0238792737899427</t>
  </si>
  <si>
    <t>22.81170654296875</t>
  </si>
  <si>
    <t>1273.701904296875</t>
  </si>
  <si>
    <t>0.051959738930711374</t>
  </si>
  <si>
    <t>22.732873916625977</t>
  </si>
  <si>
    <t>1141.7781982421875</t>
  </si>
  <si>
    <t>0.026928456395999945</t>
  </si>
  <si>
    <t>22.847946166992188</t>
  </si>
  <si>
    <t>1441.9620361328125</t>
  </si>
  <si>
    <t>606.4415283203125</t>
  </si>
  <si>
    <t>Siaya</t>
  </si>
  <si>
    <t>22.679840087890625</t>
  </si>
  <si>
    <t>1309.07861328125</t>
  </si>
  <si>
    <t>-0.01996074256253788</t>
  </si>
  <si>
    <t>22.614614486694336</t>
  </si>
  <si>
    <t>1399.5316162109375</t>
  </si>
  <si>
    <t>-0.04055801246950175</t>
  </si>
  <si>
    <t>22.731279373168945</t>
  </si>
  <si>
    <t>1320.6971435546875</t>
  </si>
  <si>
    <t>-0.027365648075435622</t>
  </si>
  <si>
    <t>22.703401565551758</t>
  </si>
  <si>
    <t>1427.2950439453125</t>
  </si>
  <si>
    <t>-0.004944385845464083</t>
  </si>
  <si>
    <t>23.09450340270996</t>
  </si>
  <si>
    <t>1557.3597412109375</t>
  </si>
  <si>
    <t>0.013538668332797599</t>
  </si>
  <si>
    <t>22.774389266967773</t>
  </si>
  <si>
    <t>1440.793212890625</t>
  </si>
  <si>
    <t>0.010942358420944487</t>
  </si>
  <si>
    <t>22.80427360534668</t>
  </si>
  <si>
    <t>1708.587890625</t>
  </si>
  <si>
    <t>-0.02386163992687962</t>
  </si>
  <si>
    <t>23.01662254333496</t>
  </si>
  <si>
    <t>1453.7781982421875</t>
  </si>
  <si>
    <t>0.0030911925696726072</t>
  </si>
  <si>
    <t>22.93097496032715</t>
  </si>
  <si>
    <t>1533.645751953125</t>
  </si>
  <si>
    <t>-0.007434978487517618</t>
  </si>
  <si>
    <t>1568</t>
  </si>
  <si>
    <t>23.21116828918457</t>
  </si>
  <si>
    <t>1389.802734375</t>
  </si>
  <si>
    <t>-0.025190248828558914</t>
  </si>
  <si>
    <t>23.35972785949707</t>
  </si>
  <si>
    <t>1454.4324951171875</t>
  </si>
  <si>
    <t>0.006990813345288949</t>
  </si>
  <si>
    <t>23.601961135864258</t>
  </si>
  <si>
    <t>1507.278564453125</t>
  </si>
  <si>
    <t>-0.02500931884796742</t>
  </si>
  <si>
    <t>23.75885581970215</t>
  </si>
  <si>
    <t>1340.47607421875</t>
  </si>
  <si>
    <t>-0.0012995453420856506</t>
  </si>
  <si>
    <t>23.17382049560547</t>
  </si>
  <si>
    <t>1296.4749755859375</t>
  </si>
  <si>
    <t>0.01995560266744345</t>
  </si>
  <si>
    <t>23.4238224029541</t>
  </si>
  <si>
    <t>1203.79638671875</t>
  </si>
  <si>
    <t>0.0276573253921768</t>
  </si>
  <si>
    <t>23.112043380737305</t>
  </si>
  <si>
    <t>1559.8814697265625</t>
  </si>
  <si>
    <t>0.032929804625585035</t>
  </si>
  <si>
    <t>23.198822021484375</t>
  </si>
  <si>
    <t>1605.53125</t>
  </si>
  <si>
    <t>0.03651760293249673</t>
  </si>
  <si>
    <t>23.164047241210938</t>
  </si>
  <si>
    <t>1482.099365234375</t>
  </si>
  <si>
    <t>-0.026965291492484944</t>
  </si>
  <si>
    <t>23.690488815307617</t>
  </si>
  <si>
    <t>1390.56298828125</t>
  </si>
  <si>
    <t>0.002966480965096885</t>
  </si>
  <si>
    <t>23.53704071044922</t>
  </si>
  <si>
    <t>1688.2318115234375</t>
  </si>
  <si>
    <t>0.04912863091830477</t>
  </si>
  <si>
    <t>23.10772132873535</t>
  </si>
  <si>
    <t>1480.1944580078125</t>
  </si>
  <si>
    <t>0.0223099046806432</t>
  </si>
  <si>
    <t>22.95915985107422</t>
  </si>
  <si>
    <t>1965.6041259765625</t>
  </si>
  <si>
    <t>0.018038204307946337</t>
  </si>
  <si>
    <t>23.0042781829834</t>
  </si>
  <si>
    <t>1790.6246337890625</t>
  </si>
  <si>
    <t>0.011847203725991129</t>
  </si>
  <si>
    <t>22.98760986328125</t>
  </si>
  <si>
    <t>1325.7796630859375</t>
  </si>
  <si>
    <t>0.08168852766321155</t>
  </si>
  <si>
    <t>23.136167526245117</t>
  </si>
  <si>
    <t>1811.466064453125</t>
  </si>
  <si>
    <t>0.09634117704920175</t>
  </si>
  <si>
    <t>23.364614486694336</t>
  </si>
  <si>
    <t>1607.7938232421875</t>
  </si>
  <si>
    <t>0.009364616931042846</t>
  </si>
  <si>
    <t>23.293062210083008</t>
  </si>
  <si>
    <t>1736.647216796875</t>
  </si>
  <si>
    <t>0.03574922967075356</t>
  </si>
  <si>
    <t>23.0749568939209</t>
  </si>
  <si>
    <t>1708.37548828125</t>
  </si>
  <si>
    <t>0.03327323155447903</t>
  </si>
  <si>
    <t>23.3930606842041</t>
  </si>
  <si>
    <t>2510.67236328125</t>
  </si>
  <si>
    <t>23.254844665527344</t>
  </si>
  <si>
    <t>1762.3463134765625</t>
  </si>
  <si>
    <t>-0.024028849026733745</t>
  </si>
  <si>
    <t>23.18961524963379</t>
  </si>
  <si>
    <t>2092.627685546875</t>
  </si>
  <si>
    <t>0.0521997259934297</t>
  </si>
  <si>
    <t>23.132720947265625</t>
  </si>
  <si>
    <t>1679.4300537109375</t>
  </si>
  <si>
    <t>0.02663735952829871</t>
  </si>
  <si>
    <t>23.858949661254883</t>
  </si>
  <si>
    <t>923.3358154296875</t>
  </si>
  <si>
    <t>75.27084350585938</t>
  </si>
  <si>
    <t>Taita Taveta</t>
  </si>
  <si>
    <t>23.907529830932617</t>
  </si>
  <si>
    <t>661.0078735351562</t>
  </si>
  <si>
    <t>-0.020020042233442226</t>
  </si>
  <si>
    <t>23.778135299682617</t>
  </si>
  <si>
    <t>822.2119140625</t>
  </si>
  <si>
    <t>-0.04060457958299235</t>
  </si>
  <si>
    <t>23.745208740234375</t>
  </si>
  <si>
    <t>489.1103820800781</t>
  </si>
  <si>
    <t>-0.027549951768230052</t>
  </si>
  <si>
    <t>23.879737854003906</t>
  </si>
  <si>
    <t>764.1680908203125</t>
  </si>
  <si>
    <t>-0.004549439167864655</t>
  </si>
  <si>
    <t>23.948455810546875</t>
  </si>
  <si>
    <t>545.6685791015625</t>
  </si>
  <si>
    <t>0.013240611553563042</t>
  </si>
  <si>
    <t>23.754684448242188</t>
  </si>
  <si>
    <t>441.91119384765625</t>
  </si>
  <si>
    <t>0.011015601921505969</t>
  </si>
  <si>
    <t>23.727800369262695</t>
  </si>
  <si>
    <t>1053.00146484375</t>
  </si>
  <si>
    <t>-0.02425621347506901</t>
  </si>
  <si>
    <t>24.159360885620117</t>
  </si>
  <si>
    <t>668.7947387695312</t>
  </si>
  <si>
    <t>0.003151814901226402</t>
  </si>
  <si>
    <t>23.634231567382812</t>
  </si>
  <si>
    <t>626.6602783203125</t>
  </si>
  <si>
    <t>-0.00701757265864611</t>
  </si>
  <si>
    <t>2769</t>
  </si>
  <si>
    <t>23.75250816345215</t>
  </si>
  <si>
    <t>666.9363403320312</t>
  </si>
  <si>
    <t>-0.025317807984290397</t>
  </si>
  <si>
    <t>24.06830596923828</t>
  </si>
  <si>
    <t>569.1981811523438</t>
  </si>
  <si>
    <t>0.006838248709453154</t>
  </si>
  <si>
    <t>24.019765853881836</t>
  </si>
  <si>
    <t>874.3353881835938</t>
  </si>
  <si>
    <t>-0.02506032724794416</t>
  </si>
  <si>
    <t>24.3009033203125</t>
  </si>
  <si>
    <t>489.6479187011719</t>
  </si>
  <si>
    <t>-0.001103955953883684</t>
  </si>
  <si>
    <t>2770</t>
  </si>
  <si>
    <t>23.79533576965332</t>
  </si>
  <si>
    <t>519.4077758789062</t>
  </si>
  <si>
    <t>0.019687110502797367</t>
  </si>
  <si>
    <t>23.84588623046875</t>
  </si>
  <si>
    <t>464.8184509277344</t>
  </si>
  <si>
    <t>0.027769673350482194</t>
  </si>
  <si>
    <t>23.82732391357422</t>
  </si>
  <si>
    <t>1136.0048828125</t>
  </si>
  <si>
    <t>0.03315220731689994</t>
  </si>
  <si>
    <t>23.84117317199707</t>
  </si>
  <si>
    <t>570.8031616210938</t>
  </si>
  <si>
    <t>0.03668300592981044</t>
  </si>
  <si>
    <t>2971</t>
  </si>
  <si>
    <t>23.706003189086914</t>
  </si>
  <si>
    <t>657.9196166992188</t>
  </si>
  <si>
    <t>-0.02755361031596948</t>
  </si>
  <si>
    <t>24.22220802307129</t>
  </si>
  <si>
    <t>661.3783569335938</t>
  </si>
  <si>
    <t>0.0030247040368429623</t>
  </si>
  <si>
    <t>24.125280380249023</t>
  </si>
  <si>
    <t>547.244384765625</t>
  </si>
  <si>
    <t>0.04974847761124401</t>
  </si>
  <si>
    <t>23.96812629699707</t>
  </si>
  <si>
    <t>673.2151489257812</t>
  </si>
  <si>
    <t>0.0217914828591681</t>
  </si>
  <si>
    <t>23.856523513793945</t>
  </si>
  <si>
    <t>672.4506225585938</t>
  </si>
  <si>
    <t>0.018263934390891023</t>
  </si>
  <si>
    <t>24.043962478637695</t>
  </si>
  <si>
    <t>713.335205078125</t>
  </si>
  <si>
    <t>0.011892196867828275</t>
  </si>
  <si>
    <t>23.96217918395996</t>
  </si>
  <si>
    <t>700.9674072265625</t>
  </si>
  <si>
    <t>0.07135443363688942</t>
  </si>
  <si>
    <t>24.295400619506836</t>
  </si>
  <si>
    <t>867.2393188476562</t>
  </si>
  <si>
    <t>-0.021684159180447082</t>
  </si>
  <si>
    <t>24.462759017944336</t>
  </si>
  <si>
    <t>767.1082153320312</t>
  </si>
  <si>
    <t>0.06774220991645663</t>
  </si>
  <si>
    <t>24.139284133911133</t>
  </si>
  <si>
    <t>962.2601318359375</t>
  </si>
  <si>
    <t>-0.008390900496706877</t>
  </si>
  <si>
    <t>23.90032386779785</t>
  </si>
  <si>
    <t>752.7593994140625</t>
  </si>
  <si>
    <t>0.03341216856050622</t>
  </si>
  <si>
    <t>24.241010665893555</t>
  </si>
  <si>
    <t>1308.29443359375</t>
  </si>
  <si>
    <t>0.02876218475962311</t>
  </si>
  <si>
    <t>24.21580696105957</t>
  </si>
  <si>
    <t>801.2525024414062</t>
  </si>
  <si>
    <t>-0.02404148362468561</t>
  </si>
  <si>
    <t>4027</t>
  </si>
  <si>
    <t>24.1981201171875</t>
  </si>
  <si>
    <t>1075.09228515625</t>
  </si>
  <si>
    <t>0.05224783605123662</t>
  </si>
  <si>
    <t>24.0766658782959</t>
  </si>
  <si>
    <t>915.6193237304688</t>
  </si>
  <si>
    <t>0.02670745533681007</t>
  </si>
  <si>
    <t>27.594499588012695</t>
  </si>
  <si>
    <t>593.9754028320312</t>
  </si>
  <si>
    <t>30.715839385986328</t>
  </si>
  <si>
    <t>Tana River</t>
  </si>
  <si>
    <t>27.62885284423828</t>
  </si>
  <si>
    <t>445.8658752441406</t>
  </si>
  <si>
    <t>-0.019738663457048666</t>
  </si>
  <si>
    <t>2649</t>
  </si>
  <si>
    <t>27.558685302734375</t>
  </si>
  <si>
    <t>517.4257202148438</t>
  </si>
  <si>
    <t>-0.040686084945216194</t>
  </si>
  <si>
    <t>2577</t>
  </si>
  <si>
    <t>27.544334411621094</t>
  </si>
  <si>
    <t>438.80059814453125</t>
  </si>
  <si>
    <t>-0.027556278619704777</t>
  </si>
  <si>
    <t>2565</t>
  </si>
  <si>
    <t>27.606170654296875</t>
  </si>
  <si>
    <t>649.3128662109375</t>
  </si>
  <si>
    <t>-0.0046674530474950515</t>
  </si>
  <si>
    <t>27.773771286010742</t>
  </si>
  <si>
    <t>467.308837890625</t>
  </si>
  <si>
    <t>0.013552966404703604</t>
  </si>
  <si>
    <t>27.56633186340332</t>
  </si>
  <si>
    <t>308.4328918457031</t>
  </si>
  <si>
    <t>0.011092100720307307</t>
  </si>
  <si>
    <t>27.527467727661133</t>
  </si>
  <si>
    <t>904.4624633789062</t>
  </si>
  <si>
    <t>-0.02464506712501091</t>
  </si>
  <si>
    <t>27.92567253112793</t>
  </si>
  <si>
    <t>513.9898681640625</t>
  </si>
  <si>
    <t>0.003502630551202479</t>
  </si>
  <si>
    <t>2555</t>
  </si>
  <si>
    <t>27.383256912231445</t>
  </si>
  <si>
    <t>470.5768127441406</t>
  </si>
  <si>
    <t>-0.007408885518267461</t>
  </si>
  <si>
    <t>27.50876808166504</t>
  </si>
  <si>
    <t>365.3456726074219</t>
  </si>
  <si>
    <t>-0.02496662273046102</t>
  </si>
  <si>
    <t>27.881690979003906</t>
  </si>
  <si>
    <t>435.2186279296875</t>
  </si>
  <si>
    <t>0.00640002184546784</t>
  </si>
  <si>
    <t>27.860021591186523</t>
  </si>
  <si>
    <t>638.3592529296875</t>
  </si>
  <si>
    <t>-0.025031585505693954</t>
  </si>
  <si>
    <t>28.0069580078125</t>
  </si>
  <si>
    <t>477.2801208496094</t>
  </si>
  <si>
    <t>-0.0008179959556322558</t>
  </si>
  <si>
    <t>27.629640579223633</t>
  </si>
  <si>
    <t>485.49322509765625</t>
  </si>
  <si>
    <t>0.019850763232072133</t>
  </si>
  <si>
    <t>27.687475204467773</t>
  </si>
  <si>
    <t>362.77618408203125</t>
  </si>
  <si>
    <t>0.027301398933121668</t>
  </si>
  <si>
    <t>27.732057571411133</t>
  </si>
  <si>
    <t>635.1653442382812</t>
  </si>
  <si>
    <t>0.0333940068153904</t>
  </si>
  <si>
    <t>2748</t>
  </si>
  <si>
    <t>27.661359786987305</t>
  </si>
  <si>
    <t>486.42108154296875</t>
  </si>
  <si>
    <t>0.036691164070170146</t>
  </si>
  <si>
    <t>27.610761642456055</t>
  </si>
  <si>
    <t>463.4215087890625</t>
  </si>
  <si>
    <t>-0.027297895680351125</t>
  </si>
  <si>
    <t>28.171234130859375</t>
  </si>
  <si>
    <t>586.1117553710938</t>
  </si>
  <si>
    <t>0.002987306179734972</t>
  </si>
  <si>
    <t>27.934274673461914</t>
  </si>
  <si>
    <t>417.8362121582031</t>
  </si>
  <si>
    <t>0.049464628617001516</t>
  </si>
  <si>
    <t>27.870956420898438</t>
  </si>
  <si>
    <t>463.54730224609375</t>
  </si>
  <si>
    <t>0.02176288067136678</t>
  </si>
  <si>
    <t>2933</t>
  </si>
  <si>
    <t>27.65618324279785</t>
  </si>
  <si>
    <t>539.7791748046875</t>
  </si>
  <si>
    <t>0.01823549584745887</t>
  </si>
  <si>
    <t>27.893556594848633</t>
  </si>
  <si>
    <t>466.4002990722656</t>
  </si>
  <si>
    <t>0.011862535309820288</t>
  </si>
  <si>
    <t>27.799837112426758</t>
  </si>
  <si>
    <t>462.8864440917969</t>
  </si>
  <si>
    <t>0.19304552015692966</t>
  </si>
  <si>
    <t>28.050039291381836</t>
  </si>
  <si>
    <t>587.3084716796875</t>
  </si>
  <si>
    <t>-0.22697030846283628</t>
  </si>
  <si>
    <t>28.298158645629883</t>
  </si>
  <si>
    <t>454.35235595703125</t>
  </si>
  <si>
    <t>0.060522100825171954</t>
  </si>
  <si>
    <t>27.941307067871094</t>
  </si>
  <si>
    <t>922.8120727539062</t>
  </si>
  <si>
    <t>-0.008897735419864716</t>
  </si>
  <si>
    <t>27.7440128326416</t>
  </si>
  <si>
    <t>549.836669921875</t>
  </si>
  <si>
    <t>0.033526329572904245</t>
  </si>
  <si>
    <t>28.09283447265625</t>
  </si>
  <si>
    <t>866.5881958007812</t>
  </si>
  <si>
    <t>0.02871312571214446</t>
  </si>
  <si>
    <t>28.095972061157227</t>
  </si>
  <si>
    <t>435.2156982421875</t>
  </si>
  <si>
    <t>-0.0239230798297676</t>
  </si>
  <si>
    <t>28.110319137573242</t>
  </si>
  <si>
    <t>837.2510986328125</t>
  </si>
  <si>
    <t>0.05213715613984071</t>
  </si>
  <si>
    <t>27.99333953857422</t>
  </si>
  <si>
    <t>736.3557739257812</t>
  </si>
  <si>
    <t>0.02655683444944401</t>
  </si>
  <si>
    <t>1391.000244140625</t>
  </si>
  <si>
    <t>205.6313018798828</t>
  </si>
  <si>
    <t>Tharaka-Nithi</t>
  </si>
  <si>
    <t>1137.5</t>
  </si>
  <si>
    <t>-0.019869215469539014</t>
  </si>
  <si>
    <t>1456.800048828125</t>
  </si>
  <si>
    <t>-0.04064191399804962</t>
  </si>
  <si>
    <t>3025</t>
  </si>
  <si>
    <t>1000.4999389648438</t>
  </si>
  <si>
    <t>-0.027711634708337485</t>
  </si>
  <si>
    <t>-0.004638841983208408</t>
  </si>
  <si>
    <t>21.875</t>
  </si>
  <si>
    <t>1279.699951171875</t>
  </si>
  <si>
    <t>0.013524863922613761</t>
  </si>
  <si>
    <t>0.011078640518759286</t>
  </si>
  <si>
    <t>1854.5999755859375</t>
  </si>
  <si>
    <t>-0.024271444003323595</t>
  </si>
  <si>
    <t>1301.9000244140625</t>
  </si>
  <si>
    <t>0.0033145539129009194</t>
  </si>
  <si>
    <t>3000</t>
  </si>
  <si>
    <t>-0.0073065751824383796</t>
  </si>
  <si>
    <t>21.83333396911621</t>
  </si>
  <si>
    <t>-0.02531780798428862</t>
  </si>
  <si>
    <t>22.05833625793457</t>
  </si>
  <si>
    <t>1100.400146484375</t>
  </si>
  <si>
    <t>0.006814336419729727</t>
  </si>
  <si>
    <t>-0.025100165917572248</t>
  </si>
  <si>
    <t>22.316665649414062</t>
  </si>
  <si>
    <t>1286.9000244140625</t>
  </si>
  <si>
    <t>-0.00104511418675024</t>
  </si>
  <si>
    <t>0.020014470710520982</t>
  </si>
  <si>
    <t>891.5000610351562</t>
  </si>
  <si>
    <t>0.027297398377844395</t>
  </si>
  <si>
    <t>1514.5999755859375</t>
  </si>
  <si>
    <t>0.033347320103549905</t>
  </si>
  <si>
    <t>21.758333206176758</t>
  </si>
  <si>
    <t>0.03662025351187381</t>
  </si>
  <si>
    <t>-0.027338701843200752</t>
  </si>
  <si>
    <t>3148</t>
  </si>
  <si>
    <t>1407.300048828125</t>
  </si>
  <si>
    <t>0.0028630526953410396</t>
  </si>
  <si>
    <t>0.049576446606288016</t>
  </si>
  <si>
    <t>21.966665267944336</t>
  </si>
  <si>
    <t>1142.60009765625</t>
  </si>
  <si>
    <t>0.022123473314943354</t>
  </si>
  <si>
    <t>1436.10009765625</t>
  </si>
  <si>
    <t>0.017875933879999195</t>
  </si>
  <si>
    <t>21.941665649414062</t>
  </si>
  <si>
    <t>1092.10009765625</t>
  </si>
  <si>
    <t>0.012124859856099235</t>
  </si>
  <si>
    <t>21.89166831970215</t>
  </si>
  <si>
    <t>0.05172361785399282</t>
  </si>
  <si>
    <t>0.058474531935937435</t>
  </si>
  <si>
    <t>22.35833168029785</t>
  </si>
  <si>
    <t>1142.0999755859375</t>
  </si>
  <si>
    <t>0.022866850015763163</t>
  </si>
  <si>
    <t>22.208330154418945</t>
  </si>
  <si>
    <t>2116.900146484375</t>
  </si>
  <si>
    <t>0.1353508868053126</t>
  </si>
  <si>
    <t>21.958335876464844</t>
  </si>
  <si>
    <t>1484.10009765625</t>
  </si>
  <si>
    <t>0.03322851552579209</t>
  </si>
  <si>
    <t>4850</t>
  </si>
  <si>
    <t>22.41666603088379</t>
  </si>
  <si>
    <t>2119.099853515625</t>
  </si>
  <si>
    <t>0.028866258600107386</t>
  </si>
  <si>
    <t>4735</t>
  </si>
  <si>
    <t>1122.9000244140625</t>
  </si>
  <si>
    <t>-0.023996978311350503</t>
  </si>
  <si>
    <t>1992.2000732421875</t>
  </si>
  <si>
    <t>0.0522537622408592</t>
  </si>
  <si>
    <t>1681.0</t>
  </si>
  <si>
    <t>0.026699895155587683</t>
  </si>
  <si>
    <t>27.223283767700195</t>
  </si>
  <si>
    <t>388.7129821777344</t>
  </si>
  <si>
    <t>219.07765197753906</t>
  </si>
  <si>
    <t>Turkana</t>
  </si>
  <si>
    <t>27.110410690307617</t>
  </si>
  <si>
    <t>432.10260009765625</t>
  </si>
  <si>
    <t>26.94256019592285</t>
  </si>
  <si>
    <t>400.4101867675781</t>
  </si>
  <si>
    <t>-0.040259089917719315</t>
  </si>
  <si>
    <t>27.025115966796875</t>
  </si>
  <si>
    <t>367.4039611816406</t>
  </si>
  <si>
    <t>-0.027961878790650374</t>
  </si>
  <si>
    <t>27.039094924926758</t>
  </si>
  <si>
    <t>461.7928771972656</t>
  </si>
  <si>
    <t>-0.004640379556501983</t>
  </si>
  <si>
    <t>27.311729431152344</t>
  </si>
  <si>
    <t>477.58612060546875</t>
  </si>
  <si>
    <t>0.013283475712522197</t>
  </si>
  <si>
    <t>27.042572021484375</t>
  </si>
  <si>
    <t>488.75250244140625</t>
  </si>
  <si>
    <t>0.011409136877849058</t>
  </si>
  <si>
    <t>27.034215927124023</t>
  </si>
  <si>
    <t>605.281982421875</t>
  </si>
  <si>
    <t>-0.024692612590371255</t>
  </si>
  <si>
    <t>27.272109985351562</t>
  </si>
  <si>
    <t>481.0855407714844</t>
  </si>
  <si>
    <t>0.0034823018358745017</t>
  </si>
  <si>
    <t>26.910062789916992</t>
  </si>
  <si>
    <t>486.764892578125</t>
  </si>
  <si>
    <t>-0.007560373319253522</t>
  </si>
  <si>
    <t>27.285078048706055</t>
  </si>
  <si>
    <t>462.0353698730469</t>
  </si>
  <si>
    <t>-0.024823969728726247</t>
  </si>
  <si>
    <t>27.408828735351562</t>
  </si>
  <si>
    <t>424.8428649902344</t>
  </si>
  <si>
    <t>0.006561311937500314</t>
  </si>
  <si>
    <t>27.574357986450195</t>
  </si>
  <si>
    <t>477.7254333496094</t>
  </si>
  <si>
    <t>-0.025287319714649925</t>
  </si>
  <si>
    <t>27.493810653686523</t>
  </si>
  <si>
    <t>558.8899536132812</t>
  </si>
  <si>
    <t>-0.0006099420744138939</t>
  </si>
  <si>
    <t>27.54863166809082</t>
  </si>
  <si>
    <t>507.9410095214844</t>
  </si>
  <si>
    <t>0.01993421490081726</t>
  </si>
  <si>
    <t>27.688474655151367</t>
  </si>
  <si>
    <t>449.8387145996094</t>
  </si>
  <si>
    <t>0.02714030889955321</t>
  </si>
  <si>
    <t>27.4215030670166</t>
  </si>
  <si>
    <t>504.04278564453125</t>
  </si>
  <si>
    <t>0.03320282100791516</t>
  </si>
  <si>
    <t>1843</t>
  </si>
  <si>
    <t>27.475080490112305</t>
  </si>
  <si>
    <t>619.5590209960938</t>
  </si>
  <si>
    <t>0.037031034117707584</t>
  </si>
  <si>
    <t>27.455841064453125</t>
  </si>
  <si>
    <t>549.2586669921875</t>
  </si>
  <si>
    <t>-0.027504484064690082</t>
  </si>
  <si>
    <t>28.03708839416504</t>
  </si>
  <si>
    <t>459.7324523925781</t>
  </si>
  <si>
    <t>0.002784741426432369</t>
  </si>
  <si>
    <t>27.932233810424805</t>
  </si>
  <si>
    <t>581.595703125</t>
  </si>
  <si>
    <t>0.04937265246994382</t>
  </si>
  <si>
    <t>27.537805557250977</t>
  </si>
  <si>
    <t>464.716796875</t>
  </si>
  <si>
    <t>0.021990414927005375</t>
  </si>
  <si>
    <t>27.23838996887207</t>
  </si>
  <si>
    <t>661.059814453125</t>
  </si>
  <si>
    <t>0.018471535960544294</t>
  </si>
  <si>
    <t>27.506200790405273</t>
  </si>
  <si>
    <t>643.1695556640625</t>
  </si>
  <si>
    <t>0.011625099329479305</t>
  </si>
  <si>
    <t>2024</t>
  </si>
  <si>
    <t>27.41626739501953</t>
  </si>
  <si>
    <t>466.50140380859375</t>
  </si>
  <si>
    <t>0.01694111268881837</t>
  </si>
  <si>
    <t>27.67978858947754</t>
  </si>
  <si>
    <t>559.2294311523438</t>
  </si>
  <si>
    <t>27.656038284301758</t>
  </si>
  <si>
    <t>452.7937316894531</t>
  </si>
  <si>
    <t>-0.015267472130788384</t>
  </si>
  <si>
    <t>27.43345832824707</t>
  </si>
  <si>
    <t>809.69677734375</t>
  </si>
  <si>
    <t>-0.029765554382525927</t>
  </si>
  <si>
    <t>27.323392868041992</t>
  </si>
  <si>
    <t>688.8087158203125</t>
  </si>
  <si>
    <t>0.03360433068969115</t>
  </si>
  <si>
    <t>2149</t>
  </si>
  <si>
    <t>27.470308303833008</t>
  </si>
  <si>
    <t>761.4671020507812</t>
  </si>
  <si>
    <t>0.02879594763998128</t>
  </si>
  <si>
    <t>2098</t>
  </si>
  <si>
    <t>27.553678512573242</t>
  </si>
  <si>
    <t>782.4716796875</t>
  </si>
  <si>
    <t>-0.024018107686267776</t>
  </si>
  <si>
    <t>2210</t>
  </si>
  <si>
    <t>27.58028221130371</t>
  </si>
  <si>
    <t>580.8408813476562</t>
  </si>
  <si>
    <t>0.05200800555555585</t>
  </si>
  <si>
    <t>27.503679275512695</t>
  </si>
  <si>
    <t>602.218017578125</t>
  </si>
  <si>
    <t>0.026787315963649583</t>
  </si>
  <si>
    <t>3696</t>
  </si>
  <si>
    <t>1320.10009765625</t>
  </si>
  <si>
    <t>231.28732299804688</t>
  </si>
  <si>
    <t>Uasin Gishu</t>
  </si>
  <si>
    <t>1207.2000732421875</t>
  </si>
  <si>
    <t>-0.01994874186649831</t>
  </si>
  <si>
    <t>17.36666488647461</t>
  </si>
  <si>
    <t>-0.04027011812655701</t>
  </si>
  <si>
    <t>17.450000762939453</t>
  </si>
  <si>
    <t>-0.027678387422144013</t>
  </si>
  <si>
    <t>1199.2999267578125</t>
  </si>
  <si>
    <t>-0.004737941939822576</t>
  </si>
  <si>
    <t>17.766666412353516</t>
  </si>
  <si>
    <t>1254.699951171875</t>
  </si>
  <si>
    <t>0.013561528598337702</t>
  </si>
  <si>
    <t>3453</t>
  </si>
  <si>
    <t>17.424999237060547</t>
  </si>
  <si>
    <t>1235.2998046875</t>
  </si>
  <si>
    <t>0.011065925385102204</t>
  </si>
  <si>
    <t>3370</t>
  </si>
  <si>
    <t>1328.5999755859375</t>
  </si>
  <si>
    <t>-0.024330674043586242</t>
  </si>
  <si>
    <t>3381</t>
  </si>
  <si>
    <t>1190.4000244140625</t>
  </si>
  <si>
    <t>0.003258779361479114</t>
  </si>
  <si>
    <t>1173.9000244140625</t>
  </si>
  <si>
    <t>-0.007421735120788142</t>
  </si>
  <si>
    <t>17.599998474121094</t>
  </si>
  <si>
    <t>1123.0999755859375</t>
  </si>
  <si>
    <t>-0.025042793085917836</t>
  </si>
  <si>
    <t>1277.199951171875</t>
  </si>
  <si>
    <t>0.006699172435427059</t>
  </si>
  <si>
    <t>1227.2999267578125</t>
  </si>
  <si>
    <t>-0.025201087820748924</t>
  </si>
  <si>
    <t>3210</t>
  </si>
  <si>
    <t>1293.89990234375</t>
  </si>
  <si>
    <t>-0.0009341429917970601</t>
  </si>
  <si>
    <t>0.019741541807018592</t>
  </si>
  <si>
    <t>18.099998474121094</t>
  </si>
  <si>
    <t>1084.2001953125</t>
  </si>
  <si>
    <t>0.027712616819671965</t>
  </si>
  <si>
    <t>1232.300048828125</t>
  </si>
  <si>
    <t>0.033019800401190125</t>
  </si>
  <si>
    <t>1623.60009765625</t>
  </si>
  <si>
    <t>0.036685829490847865</t>
  </si>
  <si>
    <t>17.850000381469727</t>
  </si>
  <si>
    <t>1387.5001220703125</t>
  </si>
  <si>
    <t>-0.027245049887781647</t>
  </si>
  <si>
    <t>1085.300048828125</t>
  </si>
  <si>
    <t>0.0031272235862296327</t>
  </si>
  <si>
    <t>1408.0</t>
  </si>
  <si>
    <t>0.04929015404491821</t>
  </si>
  <si>
    <t>1091.0001220703125</t>
  </si>
  <si>
    <t>0.021914292246874467</t>
  </si>
  <si>
    <t>1655.7001953125</t>
  </si>
  <si>
    <t>0.018334719993127635</t>
  </si>
  <si>
    <t>1606.0001220703125</t>
  </si>
  <si>
    <t>0.011868044356440066</t>
  </si>
  <si>
    <t>4102</t>
  </si>
  <si>
    <t>1146.9000244140625</t>
  </si>
  <si>
    <t>0.05075454964972792</t>
  </si>
  <si>
    <t>1454.7999267578125</t>
  </si>
  <si>
    <t>0.015961644800876584</t>
  </si>
  <si>
    <t>0.015474657087722221</t>
  </si>
  <si>
    <t>1754.60009765625</t>
  </si>
  <si>
    <t>-0.03951369251923431</t>
  </si>
  <si>
    <t>1646.39990234375</t>
  </si>
  <si>
    <t>0.03335253558883089</t>
  </si>
  <si>
    <t>1880.7999267578125</t>
  </si>
  <si>
    <t>0.028817737406013677</t>
  </si>
  <si>
    <t>17.816667556762695</t>
  </si>
  <si>
    <t>1762.60009765625</t>
  </si>
  <si>
    <t>-0.02383847400640704</t>
  </si>
  <si>
    <t>17.866668701171875</t>
  </si>
  <si>
    <t>1733.0999755859375</t>
  </si>
  <si>
    <t>0.05207350082718598</t>
  </si>
  <si>
    <t>4575</t>
  </si>
  <si>
    <t>1720.2999267578125</t>
  </si>
  <si>
    <t>0.026804129892308737</t>
  </si>
  <si>
    <t>1774</t>
  </si>
  <si>
    <t>27.30796241760254</t>
  </si>
  <si>
    <t>526.8665161132812</t>
  </si>
  <si>
    <t>94.40008544921875</t>
  </si>
  <si>
    <t>Wajir</t>
  </si>
  <si>
    <t>27.287519454956055</t>
  </si>
  <si>
    <t>294.0978698730469</t>
  </si>
  <si>
    <t>-0.01988908636506892</t>
  </si>
  <si>
    <t>27.290023803710938</t>
  </si>
  <si>
    <t>402.3313903808594</t>
  </si>
  <si>
    <t>-0.040495410585282166</t>
  </si>
  <si>
    <t>27.14427375793457</t>
  </si>
  <si>
    <t>392.2121887207031</t>
  </si>
  <si>
    <t>-0.02793766801041553</t>
  </si>
  <si>
    <t>27.204317092895508</t>
  </si>
  <si>
    <t>396.6163024902344</t>
  </si>
  <si>
    <t>-0.004206105044273656</t>
  </si>
  <si>
    <t>27.606168746948242</t>
  </si>
  <si>
    <t>442.2699890136719</t>
  </si>
  <si>
    <t>0.013085766418906353</t>
  </si>
  <si>
    <t>27.361623764038086</t>
  </si>
  <si>
    <t>263.98907470703125</t>
  </si>
  <si>
    <t>0.011375510463766503</t>
  </si>
  <si>
    <t>27.242517471313477</t>
  </si>
  <si>
    <t>762.4627075195312</t>
  </si>
  <si>
    <t>-0.024461276882672855</t>
  </si>
  <si>
    <t>27.57593536376953</t>
  </si>
  <si>
    <t>330.2637939453125</t>
  </si>
  <si>
    <t>0.003156236181436789</t>
  </si>
  <si>
    <t>27.010404586791992</t>
  </si>
  <si>
    <t>274.7745056152344</t>
  </si>
  <si>
    <t>-0.007380107297621841</t>
  </si>
  <si>
    <t>27.262113571166992</t>
  </si>
  <si>
    <t>254.6528778076172</t>
  </si>
  <si>
    <t>-0.025182150383865398</t>
  </si>
  <si>
    <t>27.51954460144043</t>
  </si>
  <si>
    <t>342.6517639160156</t>
  </si>
  <si>
    <t>0.007028955676323001</t>
  </si>
  <si>
    <t>27.700292587280273</t>
  </si>
  <si>
    <t>475.25128173828125</t>
  </si>
  <si>
    <t>-0.025096789086274995</t>
  </si>
  <si>
    <t>27.669321060180664</t>
  </si>
  <si>
    <t>429.289794921875</t>
  </si>
  <si>
    <t>-0.0011055833077495691</t>
  </si>
  <si>
    <t>1844</t>
  </si>
  <si>
    <t>27.48095703125</t>
  </si>
  <si>
    <t>420.6794128417969</t>
  </si>
  <si>
    <t>0.01971586316441787</t>
  </si>
  <si>
    <t>27.558378219604492</t>
  </si>
  <si>
    <t>343.79412841796875</t>
  </si>
  <si>
    <t>0.02780927869842742</t>
  </si>
  <si>
    <t>27.68376350402832</t>
  </si>
  <si>
    <t>373.40936279296875</t>
  </si>
  <si>
    <t>0.032687735129574236</t>
  </si>
  <si>
    <t>27.515737533569336</t>
  </si>
  <si>
    <t>443.004638671875</t>
  </si>
  <si>
    <t>0.03707839568380589</t>
  </si>
  <si>
    <t>27.424118041992188</t>
  </si>
  <si>
    <t>381.5617370605469</t>
  </si>
  <si>
    <t>-0.027426301445689916</t>
  </si>
  <si>
    <t>28.081140518188477</t>
  </si>
  <si>
    <t>430.5330810546875</t>
  </si>
  <si>
    <t>0.0030287756621607542</t>
  </si>
  <si>
    <t>27.674856185913086</t>
  </si>
  <si>
    <t>353.6144104003906</t>
  </si>
  <si>
    <t>0.04965384638808423</t>
  </si>
  <si>
    <t>27.751386642456055</t>
  </si>
  <si>
    <t>469.54095458984375</t>
  </si>
  <si>
    <t>0.021822497865715107</t>
  </si>
  <si>
    <t>27.506248474121094</t>
  </si>
  <si>
    <t>368.7895202636719</t>
  </si>
  <si>
    <t>0.01813581443588852</t>
  </si>
  <si>
    <t>2196</t>
  </si>
  <si>
    <t>27.733510971069336</t>
  </si>
  <si>
    <t>414.2704772949219</t>
  </si>
  <si>
    <t>27.663434982299805</t>
  </si>
  <si>
    <t>353.9434509277344</t>
  </si>
  <si>
    <t>0.011320021265006197</t>
  </si>
  <si>
    <t>27.917184829711914</t>
  </si>
  <si>
    <t>421.3257141113281</t>
  </si>
  <si>
    <t>0.03321093354502924</t>
  </si>
  <si>
    <t>28.04460906982422</t>
  </si>
  <si>
    <t>443.8323059082031</t>
  </si>
  <si>
    <t>0.0008707009692443535</t>
  </si>
  <si>
    <t>659.67138671875</t>
  </si>
  <si>
    <t>0.018111749943045652</t>
  </si>
  <si>
    <t>27.428434371948242</t>
  </si>
  <si>
    <t>461.796630859375</t>
  </si>
  <si>
    <t>0.03320330225828094</t>
  </si>
  <si>
    <t>2490</t>
  </si>
  <si>
    <t>27.79596519470215</t>
  </si>
  <si>
    <t>635.7335205078125</t>
  </si>
  <si>
    <t>0.028928478848725625</t>
  </si>
  <si>
    <t>27.815011978149414</t>
  </si>
  <si>
    <t>373.15643310546875</t>
  </si>
  <si>
    <t>27.782636642456055</t>
  </si>
  <si>
    <t>589.4299926757812</t>
  </si>
  <si>
    <t>0.05250654986493153</t>
  </si>
  <si>
    <t>2630</t>
  </si>
  <si>
    <t>27.788490295410156</t>
  </si>
  <si>
    <t>616.0515747070312</t>
  </si>
  <si>
    <t>0.026586038972284953</t>
  </si>
  <si>
    <t>19.75934410095215</t>
  </si>
  <si>
    <t>1075.9427490234375</t>
  </si>
  <si>
    <t>166.13494873046875</t>
  </si>
  <si>
    <t>West Pokot</t>
  </si>
  <si>
    <t>19.425512313842773</t>
  </si>
  <si>
    <t>1018.9041748046875</t>
  </si>
  <si>
    <t>-0.01960298000572891</t>
  </si>
  <si>
    <t>19.374624252319336</t>
  </si>
  <si>
    <t>998.7369384765625</t>
  </si>
  <si>
    <t>-0.040397876326296434</t>
  </si>
  <si>
    <t>19.45644187927246</t>
  </si>
  <si>
    <t>788.1312866210938</t>
  </si>
  <si>
    <t>-0.02806992295116384</t>
  </si>
  <si>
    <t>19.431550979614258</t>
  </si>
  <si>
    <t>1040.225830078125</t>
  </si>
  <si>
    <t>-0.004248868304003395</t>
  </si>
  <si>
    <t>19.838003158569336</t>
  </si>
  <si>
    <t>967.2640380859375</t>
  </si>
  <si>
    <t>0.013293247110662598</t>
  </si>
  <si>
    <t>19.469453811645508</t>
  </si>
  <si>
    <t>913.611083984375</t>
  </si>
  <si>
    <t>0.010746372075484345</t>
  </si>
  <si>
    <t>19.48386573791504</t>
  </si>
  <si>
    <t>1188.5302734375</t>
  </si>
  <si>
    <t>-0.024039619186146943</t>
  </si>
  <si>
    <t>19.703672409057617</t>
  </si>
  <si>
    <t>964.2373046875</t>
  </si>
  <si>
    <t>0.003036746943474</t>
  </si>
  <si>
    <t>19.28611946105957</t>
  </si>
  <si>
    <t>999.82763671875</t>
  </si>
  <si>
    <t>-0.007303745188464106</t>
  </si>
  <si>
    <t>19.71662712097168</t>
  </si>
  <si>
    <t>966.1209716796875</t>
  </si>
  <si>
    <t>-0.024738429156122343</t>
  </si>
  <si>
    <t>20.0792179107666</t>
  </si>
  <si>
    <t>932.7947998046875</t>
  </si>
  <si>
    <t>0.006242217522499871</t>
  </si>
  <si>
    <t>20.142173767089844</t>
  </si>
  <si>
    <t>926.8971557617188</t>
  </si>
  <si>
    <t>-0.0245681648271594</t>
  </si>
  <si>
    <t>20.12320899963379</t>
  </si>
  <si>
    <t>1100.1280517578125</t>
  </si>
  <si>
    <t>-0.0012763243596047857</t>
  </si>
  <si>
    <t>20.027315139770508</t>
  </si>
  <si>
    <t>1008.9689331054688</t>
  </si>
  <si>
    <t>0.019602271664264315</t>
  </si>
  <si>
    <t>20.220964431762695</t>
  </si>
  <si>
    <t>902.3455200195312</t>
  </si>
  <si>
    <t>0.027788141797360666</t>
  </si>
  <si>
    <t>19.941181182861328</t>
  </si>
  <si>
    <t>1009.20068359375</t>
  </si>
  <si>
    <t>0.032946975221853414</t>
  </si>
  <si>
    <t>20.124589920043945</t>
  </si>
  <si>
    <t>1517.4146728515625</t>
  </si>
  <si>
    <t>0.03701984326197927</t>
  </si>
  <si>
    <t>19.979188919067383</t>
  </si>
  <si>
    <t>1188.11083984375</t>
  </si>
  <si>
    <t>-0.027635610172086267</t>
  </si>
  <si>
    <t>20.439802169799805</t>
  </si>
  <si>
    <t>889.9668579101562</t>
  </si>
  <si>
    <t>0.0029146042200807187</t>
  </si>
  <si>
    <t>20.3347225189209</t>
  </si>
  <si>
    <t>1279.751220703125</t>
  </si>
  <si>
    <t>0.04995363143273046</t>
  </si>
  <si>
    <t>19.875038146972656</t>
  </si>
  <si>
    <t>915.1126098632812</t>
  </si>
  <si>
    <t>0.021906681085866353</t>
  </si>
  <si>
    <t>19.65048599243164</t>
  </si>
  <si>
    <t>1404.3250732421875</t>
  </si>
  <si>
    <t>0.017718584350667754</t>
  </si>
  <si>
    <t>19.81437873840332</t>
  </si>
  <si>
    <t>1409.3250732421875</t>
  </si>
  <si>
    <t>0.012166243691870804</t>
  </si>
  <si>
    <t>19.7602481842041</t>
  </si>
  <si>
    <t>936.5722045898438</t>
  </si>
  <si>
    <t>0.02646068777134314</t>
  </si>
  <si>
    <t>19.857030868530273</t>
  </si>
  <si>
    <t>1205.9453125</t>
  </si>
  <si>
    <t>0.030259494763112293</t>
  </si>
  <si>
    <t>20.04218101501465</t>
  </si>
  <si>
    <t>918.0496215820312</t>
  </si>
  <si>
    <t>0.0274392521057516</t>
  </si>
  <si>
    <t>19.80471420288086</t>
  </si>
  <si>
    <t>1621.6536865234375</t>
  </si>
  <si>
    <t>-0.03943339889157027</t>
  </si>
  <si>
    <t>19.55518913269043</t>
  </si>
  <si>
    <t>1453.6251220703125</t>
  </si>
  <si>
    <t>2117</t>
  </si>
  <si>
    <t>19.846464157104492</t>
  </si>
  <si>
    <t>1658.6702880859375</t>
  </si>
  <si>
    <t>0.028751381481908034</t>
  </si>
  <si>
    <t>19.869503021240234</t>
  </si>
  <si>
    <t>1655.35498046875</t>
  </si>
  <si>
    <t>-0.023901711453097718</t>
  </si>
  <si>
    <t>19.913572311401367</t>
  </si>
  <si>
    <t>1324.2236328125</t>
  </si>
  <si>
    <t>0.051849501552779564</t>
  </si>
  <si>
    <t>19.79351234436035</t>
  </si>
  <si>
    <t>1427.4625244140625</t>
  </si>
  <si>
    <t>0.026740773040442534</t>
  </si>
  <si>
    <t>KGZ</t>
  </si>
  <si>
    <t>8.554306030273438</t>
  </si>
  <si>
    <t>581.0703735351562</t>
  </si>
  <si>
    <t>296.5466613769531</t>
  </si>
  <si>
    <t>Batken</t>
  </si>
  <si>
    <t>Kyrgyzstan</t>
  </si>
  <si>
    <t>8.353954315185547</t>
  </si>
  <si>
    <t>643.4801635742188</t>
  </si>
  <si>
    <t>-0.09999914365764617</t>
  </si>
  <si>
    <t>7.927402019500732</t>
  </si>
  <si>
    <t>523.193359375</t>
  </si>
  <si>
    <t>-0.16102030295803438</t>
  </si>
  <si>
    <t>7.129350662231445</t>
  </si>
  <si>
    <t>848.3287963867188</t>
  </si>
  <si>
    <t>-0.1690982236192653</t>
  </si>
  <si>
    <t>7.9756903648376465</t>
  </si>
  <si>
    <t>543.142822265625</t>
  </si>
  <si>
    <t>-0.2243758373604745</t>
  </si>
  <si>
    <t>8.599281311035156</t>
  </si>
  <si>
    <t>343.6174011230469</t>
  </si>
  <si>
    <t>-0.06626627671978369</t>
  </si>
  <si>
    <t>1602</t>
  </si>
  <si>
    <t>7.965940475463867</t>
  </si>
  <si>
    <t>517.5736083984375</t>
  </si>
  <si>
    <t>0.0538591696727293</t>
  </si>
  <si>
    <t>8.604424476623535</t>
  </si>
  <si>
    <t>535.478271484375</t>
  </si>
  <si>
    <t>0.07975456475265563</t>
  </si>
  <si>
    <t>8.637334823608398</t>
  </si>
  <si>
    <t>850.41015625</t>
  </si>
  <si>
    <t>0.0057471422555677165</t>
  </si>
  <si>
    <t>9.130221366882324</t>
  </si>
  <si>
    <t>692.029052734375</t>
  </si>
  <si>
    <t>0.021542783226612627</t>
  </si>
  <si>
    <t>8.730036735534668</t>
  </si>
  <si>
    <t>463.7684326171875</t>
  </si>
  <si>
    <t>9.563868522644043</t>
  </si>
  <si>
    <t>473.3795471191406</t>
  </si>
  <si>
    <t>0.04267173586886841</t>
  </si>
  <si>
    <t>9.056870460510254</t>
  </si>
  <si>
    <t>701.7889404296875</t>
  </si>
  <si>
    <t>-0.009326492474095005</t>
  </si>
  <si>
    <t>8.449973106384277</t>
  </si>
  <si>
    <t>849.5472412109375</t>
  </si>
  <si>
    <t>0.057649935108138095</t>
  </si>
  <si>
    <t>2153</t>
  </si>
  <si>
    <t>9.293012619018555</t>
  </si>
  <si>
    <t>661.406005859375</t>
  </si>
  <si>
    <t>0.05636639948766753</t>
  </si>
  <si>
    <t>8.629672050476074</t>
  </si>
  <si>
    <t>599.8453369140625</t>
  </si>
  <si>
    <t>-0.012619938462469449</t>
  </si>
  <si>
    <t>2168</t>
  </si>
  <si>
    <t>9.557564735412598</t>
  </si>
  <si>
    <t>433.7198181152344</t>
  </si>
  <si>
    <t>0.019562803657644068</t>
  </si>
  <si>
    <t>2331</t>
  </si>
  <si>
    <t>8.301896095275879</t>
  </si>
  <si>
    <t>549.088134765625</t>
  </si>
  <si>
    <t>0.07249227647622014</t>
  </si>
  <si>
    <t>9.460582733154297</t>
  </si>
  <si>
    <t>459.9385681152344</t>
  </si>
  <si>
    <t>0.07159209318423176</t>
  </si>
  <si>
    <t>9.199421882629395</t>
  </si>
  <si>
    <t>651.2584228515625</t>
  </si>
  <si>
    <t>0.01624119676463387</t>
  </si>
  <si>
    <t>9.227264404296875</t>
  </si>
  <si>
    <t>583.8394775390625</t>
  </si>
  <si>
    <t>-0.016640637552848503</t>
  </si>
  <si>
    <t>8.578221321105957</t>
  </si>
  <si>
    <t>613.9017944335938</t>
  </si>
  <si>
    <t>0.04568430532336798</t>
  </si>
  <si>
    <t>8.587090492248535</t>
  </si>
  <si>
    <t>501.3080749511719</t>
  </si>
  <si>
    <t>-0.017713208599070107</t>
  </si>
  <si>
    <t>9.466754913330078</t>
  </si>
  <si>
    <t>541.563232421875</t>
  </si>
  <si>
    <t>0.08344376706935375</t>
  </si>
  <si>
    <t>2747</t>
  </si>
  <si>
    <t>8.24409008026123</t>
  </si>
  <si>
    <t>560.4166259765625</t>
  </si>
  <si>
    <t>-0.018395469130152442</t>
  </si>
  <si>
    <t>9.722823143005371</t>
  </si>
  <si>
    <t>676.1653442382812</t>
  </si>
  <si>
    <t>-0.03143168714021716</t>
  </si>
  <si>
    <t>9.588729858398438</t>
  </si>
  <si>
    <t>648.8896484375</t>
  </si>
  <si>
    <t>-0.08421493551238513</t>
  </si>
  <si>
    <t>8.953436851501465</t>
  </si>
  <si>
    <t>485.0104675292969</t>
  </si>
  <si>
    <t>-0.033662018904339064</t>
  </si>
  <si>
    <t>9.403586387634277</t>
  </si>
  <si>
    <t>562.4965209960938</t>
  </si>
  <si>
    <t>-0.02481941691034173</t>
  </si>
  <si>
    <t>9.48961067199707</t>
  </si>
  <si>
    <t>522.7132568359375</t>
  </si>
  <si>
    <t>0.027773628807772788</t>
  </si>
  <si>
    <t>2293</t>
  </si>
  <si>
    <t>8.669466972351074</t>
  </si>
  <si>
    <t>523.81298828125</t>
  </si>
  <si>
    <t>-0.03429397357785913</t>
  </si>
  <si>
    <t>10.084705352783203</t>
  </si>
  <si>
    <t>422.62042236328125</t>
  </si>
  <si>
    <t>-0.00612425361221991</t>
  </si>
  <si>
    <t>2350</t>
  </si>
  <si>
    <t>9.583645820617676</t>
  </si>
  <si>
    <t>691.600830078125</t>
  </si>
  <si>
    <t>0.030678577892520487</t>
  </si>
  <si>
    <t>6.443826198577881</t>
  </si>
  <si>
    <t>412.2560119628906</t>
  </si>
  <si>
    <t>674.8402709960938</t>
  </si>
  <si>
    <t>Chüy</t>
  </si>
  <si>
    <t>6.275599956512451</t>
  </si>
  <si>
    <t>344.1761779785156</t>
  </si>
  <si>
    <t>-0.09994588295632667</t>
  </si>
  <si>
    <t>5.685247421264648</t>
  </si>
  <si>
    <t>443.4206237792969</t>
  </si>
  <si>
    <t>-0.16121259358371987</t>
  </si>
  <si>
    <t>4.8104071617126465</t>
  </si>
  <si>
    <t>581.333251953125</t>
  </si>
  <si>
    <t>-0.16883587523969013</t>
  </si>
  <si>
    <t>5.558979511260986</t>
  </si>
  <si>
    <t>438.8514404296875</t>
  </si>
  <si>
    <t>-0.22469034203250882</t>
  </si>
  <si>
    <t>6.212322235107422</t>
  </si>
  <si>
    <t>281.415771484375</t>
  </si>
  <si>
    <t>-0.06639783372775465</t>
  </si>
  <si>
    <t>5.542325973510742</t>
  </si>
  <si>
    <t>400.7433166503906</t>
  </si>
  <si>
    <t>0.05393661328994259</t>
  </si>
  <si>
    <t>6.437007904052734</t>
  </si>
  <si>
    <t>354.946044921875</t>
  </si>
  <si>
    <t>0.0801632694917549</t>
  </si>
  <si>
    <t>2781</t>
  </si>
  <si>
    <t>6.171228885650635</t>
  </si>
  <si>
    <t>575.2933349609375</t>
  </si>
  <si>
    <t>0.005769940277529528</t>
  </si>
  <si>
    <t>6.699981689453125</t>
  </si>
  <si>
    <t>526.869873046875</t>
  </si>
  <si>
    <t>0.021345527620223237</t>
  </si>
  <si>
    <t>6.290938854217529</t>
  </si>
  <si>
    <t>379.1759338378906</t>
  </si>
  <si>
    <t>0.041033165463917776</t>
  </si>
  <si>
    <t>7.100051403045654</t>
  </si>
  <si>
    <t>405.32208251953125</t>
  </si>
  <si>
    <t>0.04265814560047598</t>
  </si>
  <si>
    <t>6.861545085906982</t>
  </si>
  <si>
    <t>612.7959594726562</t>
  </si>
  <si>
    <t>-0.009105753973170039</t>
  </si>
  <si>
    <t>3243</t>
  </si>
  <si>
    <t>5.899255275726318</t>
  </si>
  <si>
    <t>595.3391723632812</t>
  </si>
  <si>
    <t>0.05775716736190617</t>
  </si>
  <si>
    <t>7.115182399749756</t>
  </si>
  <si>
    <t>465.6986389160156</t>
  </si>
  <si>
    <t>0.056061433852667264</t>
  </si>
  <si>
    <t>6.4207682609558105</t>
  </si>
  <si>
    <t>437.9879150390625</t>
  </si>
  <si>
    <t>-0.012615687342213633</t>
  </si>
  <si>
    <t>3455</t>
  </si>
  <si>
    <t>7.435709476470947</t>
  </si>
  <si>
    <t>384.83258056640625</t>
  </si>
  <si>
    <t>0.019877883383998096</t>
  </si>
  <si>
    <t>3715</t>
  </si>
  <si>
    <t>6.228506088256836</t>
  </si>
  <si>
    <t>384.4766845703125</t>
  </si>
  <si>
    <t>0.07255622095008896</t>
  </si>
  <si>
    <t>7.515727519989014</t>
  </si>
  <si>
    <t>327.83392333984375</t>
  </si>
  <si>
    <t>0.07116189475354773</t>
  </si>
  <si>
    <t>6.681509494781494</t>
  </si>
  <si>
    <t>476.3568115234375</t>
  </si>
  <si>
    <t>0.016410114644106244</t>
  </si>
  <si>
    <t>6.402416706085205</t>
  </si>
  <si>
    <t>457.6759033203125</t>
  </si>
  <si>
    <t>-0.016410114644106244</t>
  </si>
  <si>
    <t>6.058437824249268</t>
  </si>
  <si>
    <t>481.8092956542969</t>
  </si>
  <si>
    <t>0.045334235731740335</t>
  </si>
  <si>
    <t>4101</t>
  </si>
  <si>
    <t>6.096791744232178</t>
  </si>
  <si>
    <t>314.3336181640625</t>
  </si>
  <si>
    <t>-0.017643962245086797</t>
  </si>
  <si>
    <t>4459</t>
  </si>
  <si>
    <t>7.188681125640869</t>
  </si>
  <si>
    <t>441.0888671875</t>
  </si>
  <si>
    <t>0.0836936792354166</t>
  </si>
  <si>
    <t>5.80888557434082</t>
  </si>
  <si>
    <t>398.9540710449219</t>
  </si>
  <si>
    <t>0.09696022754117095</t>
  </si>
  <si>
    <t>7.634305953979492</t>
  </si>
  <si>
    <t>470.8291015625</t>
  </si>
  <si>
    <t>0.16148032805423362</t>
  </si>
  <si>
    <t>5727</t>
  </si>
  <si>
    <t>7.283212661743164</t>
  </si>
  <si>
    <t>630.5471801757812</t>
  </si>
  <si>
    <t>-0.008173247829024177</t>
  </si>
  <si>
    <t>6.507552623748779</t>
  </si>
  <si>
    <t>469.6566467285156</t>
  </si>
  <si>
    <t>0.04205748033844969</t>
  </si>
  <si>
    <t>5364</t>
  </si>
  <si>
    <t>6.8475661277771</t>
  </si>
  <si>
    <t>433.3238830566406</t>
  </si>
  <si>
    <t>-0.10753934833073764</t>
  </si>
  <si>
    <t>5220</t>
  </si>
  <si>
    <t>7.273105144500732</t>
  </si>
  <si>
    <t>391.34783935546875</t>
  </si>
  <si>
    <t>-0.027212563524884104</t>
  </si>
  <si>
    <t>6.659727573394775</t>
  </si>
  <si>
    <t>412.97369384765625</t>
  </si>
  <si>
    <t>-0.08994147536057717</t>
  </si>
  <si>
    <t>5238</t>
  </si>
  <si>
    <t>7.845028400421143</t>
  </si>
  <si>
    <t>325.03753662109375</t>
  </si>
  <si>
    <t>0.09338381955154951</t>
  </si>
  <si>
    <t>7.304371356964111</t>
  </si>
  <si>
    <t>471.8663330078125</t>
  </si>
  <si>
    <t>0.030459207484708983</t>
  </si>
  <si>
    <t>1779</t>
  </si>
  <si>
    <t>7.557501316070557</t>
  </si>
  <si>
    <t>568.0888671875</t>
  </si>
  <si>
    <t>515.71484375</t>
  </si>
  <si>
    <t>Jalal-Abad</t>
  </si>
  <si>
    <t>7.387998104095459</t>
  </si>
  <si>
    <t>559.7822265625</t>
  </si>
  <si>
    <t>-0.09996702378943034</t>
  </si>
  <si>
    <t>2437</t>
  </si>
  <si>
    <t>6.88938570022583</t>
  </si>
  <si>
    <t>571.5048828125</t>
  </si>
  <si>
    <t>-0.1611022514729088</t>
  </si>
  <si>
    <t>2058</t>
  </si>
  <si>
    <t>6.041358470916748</t>
  </si>
  <si>
    <t>878.7225341796875</t>
  </si>
  <si>
    <t>-0.16903313723121105</t>
  </si>
  <si>
    <t>6.857537746429443</t>
  </si>
  <si>
    <t>567.960205078125</t>
  </si>
  <si>
    <t>-0.2246023407778699</t>
  </si>
  <si>
    <t>7.493519306182861</t>
  </si>
  <si>
    <t>329.41180419921875</t>
  </si>
  <si>
    <t>-0.0659994417772456</t>
  </si>
  <si>
    <t>6.877635478973389</t>
  </si>
  <si>
    <t>572.3630981445312</t>
  </si>
  <si>
    <t>0.053759386882743954</t>
  </si>
  <si>
    <t>7.558528423309326</t>
  </si>
  <si>
    <t>497.4505920410156</t>
  </si>
  <si>
    <t>0.07985322401593464</t>
  </si>
  <si>
    <t>7.5007243156433105</t>
  </si>
  <si>
    <t>808.9320678710938</t>
  </si>
  <si>
    <t>0.005668949422227065</t>
  </si>
  <si>
    <t>8.061561584472656</t>
  </si>
  <si>
    <t>681.4462280273438</t>
  </si>
  <si>
    <t>0.021253596432443622</t>
  </si>
  <si>
    <t>7.644935607910156</t>
  </si>
  <si>
    <t>459.169189453125</t>
  </si>
  <si>
    <t>0.04119823806492384</t>
  </si>
  <si>
    <t>8.497736930847168</t>
  </si>
  <si>
    <t>507.3480529785156</t>
  </si>
  <si>
    <t>0.04262599564620917</t>
  </si>
  <si>
    <t>8.028125762939453</t>
  </si>
  <si>
    <t>742.29443359375</t>
  </si>
  <si>
    <t>-0.008689040100881229</t>
  </si>
  <si>
    <t>7.356812000274658</t>
  </si>
  <si>
    <t>825.924072265625</t>
  </si>
  <si>
    <t>8.260824203491211</t>
  </si>
  <si>
    <t>616.7957763671875</t>
  </si>
  <si>
    <t>0.05608065332176437</t>
  </si>
  <si>
    <t>7.561735153198242</t>
  </si>
  <si>
    <t>585.2091064453125</t>
  </si>
  <si>
    <t>-0.01245116385516809</t>
  </si>
  <si>
    <t>8.513628959655762</t>
  </si>
  <si>
    <t>470.69805908203125</t>
  </si>
  <si>
    <t>0.019757132425718638</t>
  </si>
  <si>
    <t>2363</t>
  </si>
  <si>
    <t>7.332886219024658</t>
  </si>
  <si>
    <t>548.629638671875</t>
  </si>
  <si>
    <t>0.07238414222334111</t>
  </si>
  <si>
    <t>8.489664077758789</t>
  </si>
  <si>
    <t>445.9422607421875</t>
  </si>
  <si>
    <t>0.0714443710874253</t>
  </si>
  <si>
    <t>8.114093780517578</t>
  </si>
  <si>
    <t>620.4052124023438</t>
  </si>
  <si>
    <t>0.01641302964133029</t>
  </si>
  <si>
    <t>8.121588706970215</t>
  </si>
  <si>
    <t>584.569091796875</t>
  </si>
  <si>
    <t>-0.01641302964133029</t>
  </si>
  <si>
    <t>7.4944915771484375</t>
  </si>
  <si>
    <t>611.9631958007812</t>
  </si>
  <si>
    <t>0.04544486232199141</t>
  </si>
  <si>
    <t>7.520674228668213</t>
  </si>
  <si>
    <t>446.4894714355469</t>
  </si>
  <si>
    <t>-0.017854225459595696</t>
  </si>
  <si>
    <t>8.420002937316895</t>
  </si>
  <si>
    <t>554.8573608398438</t>
  </si>
  <si>
    <t>0.08378014967212266</t>
  </si>
  <si>
    <t>7.163870334625244</t>
  </si>
  <si>
    <t>542.2406005859375</t>
  </si>
  <si>
    <t>0.032596505902040995</t>
  </si>
  <si>
    <t>8.737704277038574</t>
  </si>
  <si>
    <t>649.0227661132812</t>
  </si>
  <si>
    <t>0.07269351026687687</t>
  </si>
  <si>
    <t>8.536352157592773</t>
  </si>
  <si>
    <t>-0.008602888807267561</t>
  </si>
  <si>
    <t>3358</t>
  </si>
  <si>
    <t>7.868432998657227</t>
  </si>
  <si>
    <t>583.60302734375</t>
  </si>
  <si>
    <t>0.07191127546698439</t>
  </si>
  <si>
    <t>8.295147895812988</t>
  </si>
  <si>
    <t>551.2050170898438</t>
  </si>
  <si>
    <t>0.04512481462834117</t>
  </si>
  <si>
    <t>8.47556209564209</t>
  </si>
  <si>
    <t>479.0193176269531</t>
  </si>
  <si>
    <t>0.011603356448770086</t>
  </si>
  <si>
    <t>7.652439117431641</t>
  </si>
  <si>
    <t>503.7386169433594</t>
  </si>
  <si>
    <t>-0.19000434229567986</t>
  </si>
  <si>
    <t>9.063364028930664</t>
  </si>
  <si>
    <t>433.3998718261719</t>
  </si>
  <si>
    <t>0.06869794311837651</t>
  </si>
  <si>
    <t>8.51203441619873</t>
  </si>
  <si>
    <t>668.4017333984375</t>
  </si>
  <si>
    <t>0.030348019600896947</t>
  </si>
  <si>
    <t>1780</t>
  </si>
  <si>
    <t>0.05803801119327545</t>
  </si>
  <si>
    <t>354.4096374511719</t>
  </si>
  <si>
    <t>155.96702575683594</t>
  </si>
  <si>
    <t>Naryn</t>
  </si>
  <si>
    <t>-0.12489861249923706</t>
  </si>
  <si>
    <t>368.6071472167969</t>
  </si>
  <si>
    <t>-0.09985613416409667</t>
  </si>
  <si>
    <t>-0.6212080121040344</t>
  </si>
  <si>
    <t>426.476318359375</t>
  </si>
  <si>
    <t>-0.1613363394881322</t>
  </si>
  <si>
    <t>-1.4510818719863892</t>
  </si>
  <si>
    <t>494.1419982910156</t>
  </si>
  <si>
    <t>-0.16894981982806545</t>
  </si>
  <si>
    <t>-0.7599545121192932</t>
  </si>
  <si>
    <t>336.58697509765625</t>
  </si>
  <si>
    <t>-0.2245677148589813</t>
  </si>
  <si>
    <t>-0.11748936772346497</t>
  </si>
  <si>
    <t>264.1465759277344</t>
  </si>
  <si>
    <t>-0.06628192438444724</t>
  </si>
  <si>
    <t>-0.7138547897338867</t>
  </si>
  <si>
    <t>343.4163513183594</t>
  </si>
  <si>
    <t>0.053733208775103236</t>
  </si>
  <si>
    <t>0.06607636064291</t>
  </si>
  <si>
    <t>304.8814697265625</t>
  </si>
  <si>
    <t>0.08027395897535516</t>
  </si>
  <si>
    <t>-0.10639942437410355</t>
  </si>
  <si>
    <t>502.6229248046875</t>
  </si>
  <si>
    <t>0.0055340484346411145</t>
  </si>
  <si>
    <t>0.4267963469028473</t>
  </si>
  <si>
    <t>453.73583984375</t>
  </si>
  <si>
    <t>0.021294825970572973</t>
  </si>
  <si>
    <t>-0.013301767408847809</t>
  </si>
  <si>
    <t>341.5940856933594</t>
  </si>
  <si>
    <t>0.041275700332231935</t>
  </si>
  <si>
    <t>0.745474636554718</t>
  </si>
  <si>
    <t>355.9702453613281</t>
  </si>
  <si>
    <t>0.042624412734062034</t>
  </si>
  <si>
    <t>0.5096365809440613</t>
  </si>
  <si>
    <t>512.2540283203125</t>
  </si>
  <si>
    <t>-0.008982096315826915</t>
  </si>
  <si>
    <t>-0.5091427564620972</t>
  </si>
  <si>
    <t>524.1182250976562</t>
  </si>
  <si>
    <t>0.057937837106218915</t>
  </si>
  <si>
    <t>0.6740924715995789</t>
  </si>
  <si>
    <t>402.3466491699219</t>
  </si>
  <si>
    <t>0.05610666784480678</t>
  </si>
  <si>
    <t>-0.09669726341962814</t>
  </si>
  <si>
    <t>416.32196044921875</t>
  </si>
  <si>
    <t>-0.013054428018253184</t>
  </si>
  <si>
    <t>1.0241906642913818</t>
  </si>
  <si>
    <t>310.7496337890625</t>
  </si>
  <si>
    <t>0.020184583002844647</t>
  </si>
  <si>
    <t>-0.040337033569812775</t>
  </si>
  <si>
    <t>363.34307861328125</t>
  </si>
  <si>
    <t>0.0723619676784768</t>
  </si>
  <si>
    <t>0.9863896369934082</t>
  </si>
  <si>
    <t>287.3197021484375</t>
  </si>
  <si>
    <t>0.07133076707151531</t>
  </si>
  <si>
    <t>0.24372364580631256</t>
  </si>
  <si>
    <t>420.72283935546875</t>
  </si>
  <si>
    <t>0.01640319059471551</t>
  </si>
  <si>
    <t>0.14146719872951508</t>
  </si>
  <si>
    <t>408.0886535644531</t>
  </si>
  <si>
    <t>-0.01640319059471551</t>
  </si>
  <si>
    <t>-0.12756483256816864</t>
  </si>
  <si>
    <t>430.48883056640625</t>
  </si>
  <si>
    <t>0.0454880147736727</t>
  </si>
  <si>
    <t>-0.23230214416980743</t>
  </si>
  <si>
    <t>270.3501892089844</t>
  </si>
  <si>
    <t>-0.017798022644327283</t>
  </si>
  <si>
    <t>0.8122212290763855</t>
  </si>
  <si>
    <t>415.35137939453125</t>
  </si>
  <si>
    <t>0.08357612799130898</t>
  </si>
  <si>
    <t>-0.5171858072280884</t>
  </si>
  <si>
    <t>314.7418212890625</t>
  </si>
  <si>
    <t>0.057827303794272034</t>
  </si>
  <si>
    <t>1.1383057832717896</t>
  </si>
  <si>
    <t>413.344482421875</t>
  </si>
  <si>
    <t>0.08435547689461131</t>
  </si>
  <si>
    <t>0.8417815566062927</t>
  </si>
  <si>
    <t>544.63623046875</t>
  </si>
  <si>
    <t>0.02330832764380908</t>
  </si>
  <si>
    <t>0.1990056037902832</t>
  </si>
  <si>
    <t>381.1604919433594</t>
  </si>
  <si>
    <t>-0.08645478332837975</t>
  </si>
  <si>
    <t>0.5225350260734558</t>
  </si>
  <si>
    <t>376.8623352050781</t>
  </si>
  <si>
    <t>-0.028707018848129096</t>
  </si>
  <si>
    <t>0.8041250109672546</t>
  </si>
  <si>
    <t>364.9199523925781</t>
  </si>
  <si>
    <t>0.0026143805740712622</t>
  </si>
  <si>
    <t>0.1799972504377365</t>
  </si>
  <si>
    <t>408.6504821777344</t>
  </si>
  <si>
    <t>0.07632018212131086</t>
  </si>
  <si>
    <t>1.3930091857910156</t>
  </si>
  <si>
    <t>285.6977233886719</t>
  </si>
  <si>
    <t>-0.16214546005123776</t>
  </si>
  <si>
    <t>0.9352700710296631</t>
  </si>
  <si>
    <t>394.8076171875</t>
  </si>
  <si>
    <t>0.030469875991099293</t>
  </si>
  <si>
    <t>1781</t>
  </si>
  <si>
    <t>7.206050395965576</t>
  </si>
  <si>
    <t>525.7128295898438</t>
  </si>
  <si>
    <t>510.3702087402344</t>
  </si>
  <si>
    <t>Osh</t>
  </si>
  <si>
    <t>1963</t>
  </si>
  <si>
    <t>7.002222061157227</t>
  </si>
  <si>
    <t>530.003173828125</t>
  </si>
  <si>
    <t>-0.09979231655041332</t>
  </si>
  <si>
    <t>6.5400238037109375</t>
  </si>
  <si>
    <t>490.48333740234375</t>
  </si>
  <si>
    <t>-0.1610516656810681</t>
  </si>
  <si>
    <t>5.757316589355469</t>
  </si>
  <si>
    <t>710.60791015625</t>
  </si>
  <si>
    <t>-0.16912357674257894</t>
  </si>
  <si>
    <t>6.50972318649292</t>
  </si>
  <si>
    <t>439.4062805175781</t>
  </si>
  <si>
    <t>-0.22473943781303785</t>
  </si>
  <si>
    <t>7.090490341186523</t>
  </si>
  <si>
    <t>302.20635986328125</t>
  </si>
  <si>
    <t>-0.06601846812960943</t>
  </si>
  <si>
    <t>6.557191371917725</t>
  </si>
  <si>
    <t>456.3800964355469</t>
  </si>
  <si>
    <t>0.05351830536537783</t>
  </si>
  <si>
    <t>1206</t>
  </si>
  <si>
    <t>7.170931339263916</t>
  </si>
  <si>
    <t>426.187255859375</t>
  </si>
  <si>
    <t>0.08025002601158615</t>
  </si>
  <si>
    <t>7.152441501617432</t>
  </si>
  <si>
    <t>707.4379272460938</t>
  </si>
  <si>
    <t>0.005787531656919143</t>
  </si>
  <si>
    <t>7.655277252197266</t>
  </si>
  <si>
    <t>579.647705078125</t>
  </si>
  <si>
    <t>0.021207972685092003</t>
  </si>
  <si>
    <t>7.262547969818115</t>
  </si>
  <si>
    <t>442.1508483886719</t>
  </si>
  <si>
    <t>0.041112509217500204</t>
  </si>
  <si>
    <t>8.160374641418457</t>
  </si>
  <si>
    <t>450.6958312988281</t>
  </si>
  <si>
    <t>0.04320490062560989</t>
  </si>
  <si>
    <t>7.669867038726807</t>
  </si>
  <si>
    <t>619.4829711914062</t>
  </si>
  <si>
    <t>-0.009690720637902217</t>
  </si>
  <si>
    <t>7.02333402633667</t>
  </si>
  <si>
    <t>757.3694458007812</t>
  </si>
  <si>
    <t>0.05819823924298806</t>
  </si>
  <si>
    <t>7.903171539306641</t>
  </si>
  <si>
    <t>542.319091796875</t>
  </si>
  <si>
    <t>0.05566534845708393</t>
  </si>
  <si>
    <t>7.226226806640625</t>
  </si>
  <si>
    <t>545.4859008789062</t>
  </si>
  <si>
    <t>-0.012781876003042036</t>
  </si>
  <si>
    <t>8.171758651733398</t>
  </si>
  <si>
    <t>375.01983642578125</t>
  </si>
  <si>
    <t>0.02010791609511564</t>
  </si>
  <si>
    <t>6.989866733551025</t>
  </si>
  <si>
    <t>487.12091064453125</t>
  </si>
  <si>
    <t>0.0723052295999338</t>
  </si>
  <si>
    <t>8.145173072814941</t>
  </si>
  <si>
    <t>405.5862731933594</t>
  </si>
  <si>
    <t>0.07145896398214546</t>
  </si>
  <si>
    <t>7.764596939086914</t>
  </si>
  <si>
    <t>520.5150756835938</t>
  </si>
  <si>
    <t>0.01652930195121005</t>
  </si>
  <si>
    <t>7.745962619781494</t>
  </si>
  <si>
    <t>546.5595092773438</t>
  </si>
  <si>
    <t>-0.01652930195121005</t>
  </si>
  <si>
    <t>7.167740345001221</t>
  </si>
  <si>
    <t>545.6115112304688</t>
  </si>
  <si>
    <t>0.045500687519033356</t>
  </si>
  <si>
    <t>7.180586338043213</t>
  </si>
  <si>
    <t>400.2131042480469</t>
  </si>
  <si>
    <t>-0.01772899621888957</t>
  </si>
  <si>
    <t>8.040834426879883</t>
  </si>
  <si>
    <t>480.126220703125</t>
  </si>
  <si>
    <t>0.0836051725438276</t>
  </si>
  <si>
    <t>6.828258514404297</t>
  </si>
  <si>
    <t>449.61614990234375</t>
  </si>
  <si>
    <t>0.011755821559652269</t>
  </si>
  <si>
    <t>8.36550235748291</t>
  </si>
  <si>
    <t>563.8489990234375</t>
  </si>
  <si>
    <t>-0.03885492640287591</t>
  </si>
  <si>
    <t>8.17879581451416</t>
  </si>
  <si>
    <t>658.530029296875</t>
  </si>
  <si>
    <t>-0.045941610257201226</t>
  </si>
  <si>
    <t>7.554028034210205</t>
  </si>
  <si>
    <t>490.7282409667969</t>
  </si>
  <si>
    <t>0.04541320865970189</t>
  </si>
  <si>
    <t>2065</t>
  </si>
  <si>
    <t>7.972167491912842</t>
  </si>
  <si>
    <t>480.8458251953125</t>
  </si>
  <si>
    <t>0.08749575578330937</t>
  </si>
  <si>
    <t>8.120031356811523</t>
  </si>
  <si>
    <t>439.74127197265625</t>
  </si>
  <si>
    <t>-0.025007432116625594</t>
  </si>
  <si>
    <t>7.281989574432373</t>
  </si>
  <si>
    <t>460.41015625</t>
  </si>
  <si>
    <t>-0.003980104756625913</t>
  </si>
  <si>
    <t>8.73068904876709</t>
  </si>
  <si>
    <t>355.3804016113281</t>
  </si>
  <si>
    <t>-0.0014966328560630515</t>
  </si>
  <si>
    <t>8.16368293762207</t>
  </si>
  <si>
    <t>566.4585571289062</t>
  </si>
  <si>
    <t>0.03048416972931456</t>
  </si>
  <si>
    <t>3.4702634811401367</t>
  </si>
  <si>
    <t>612.0479736328125</t>
  </si>
  <si>
    <t>97.41692352294922</t>
  </si>
  <si>
    <t>Talas</t>
  </si>
  <si>
    <t>3678</t>
  </si>
  <si>
    <t>3.3528153896331787</t>
  </si>
  <si>
    <t>534.8636474609375</t>
  </si>
  <si>
    <t>-0.09979858409405118</t>
  </si>
  <si>
    <t>2.787097692489624</t>
  </si>
  <si>
    <t>595.2066650390625</t>
  </si>
  <si>
    <t>-0.16133612163006816</t>
  </si>
  <si>
    <t>1.9052809476852417</t>
  </si>
  <si>
    <t>835.61767578125</t>
  </si>
  <si>
    <t>-0.16874008256262218</t>
  </si>
  <si>
    <t>2.783501625061035</t>
  </si>
  <si>
    <t>569.3040771484375</t>
  </si>
  <si>
    <t>-0.2246575561454245</t>
  </si>
  <si>
    <t>3.3845345973968506</t>
  </si>
  <si>
    <t>372.04888916015625</t>
  </si>
  <si>
    <t>-0.06656076651833942</t>
  </si>
  <si>
    <t>2.8413522243499756</t>
  </si>
  <si>
    <t>568.320556640625</t>
  </si>
  <si>
    <t>0.0541737572529053</t>
  </si>
  <si>
    <t>3.5122365951538086</t>
  </si>
  <si>
    <t>518.8508911132812</t>
  </si>
  <si>
    <t>0.08011645670561318</t>
  </si>
  <si>
    <t>3.408853769302368</t>
  </si>
  <si>
    <t>813.3527221679688</t>
  </si>
  <si>
    <t>0.0057357315862116565</t>
  </si>
  <si>
    <t>3.961027145385742</t>
  </si>
  <si>
    <t>694.457275390625</t>
  </si>
  <si>
    <t>0.020897582421894434</t>
  </si>
  <si>
    <t>3.630779981613159</t>
  </si>
  <si>
    <t>478.9510498046875</t>
  </si>
  <si>
    <t>0.04135610433559034</t>
  </si>
  <si>
    <t>4.362409591674805</t>
  </si>
  <si>
    <t>508.3857727050781</t>
  </si>
  <si>
    <t>0.04288683109943214</t>
  </si>
  <si>
    <t>3.8872339725494385</t>
  </si>
  <si>
    <t>787.251953125</t>
  </si>
  <si>
    <t>-0.00915065068260379</t>
  </si>
  <si>
    <t>3.279043436050415</t>
  </si>
  <si>
    <t>857.4005126953125</t>
  </si>
  <si>
    <t>0.05784651526216944</t>
  </si>
  <si>
    <t>4.154525279998779</t>
  </si>
  <si>
    <t>646.7227783203125</t>
  </si>
  <si>
    <t>0.05611004186545543</t>
  </si>
  <si>
    <t>2768</t>
  </si>
  <si>
    <t>3.478123903274536</t>
  </si>
  <si>
    <t>602.2946166992188</t>
  </si>
  <si>
    <t>-0.012921931416920884</t>
  </si>
  <si>
    <t>4.43585205078125</t>
  </si>
  <si>
    <t>494.7362976074219</t>
  </si>
  <si>
    <t>0.020029281875572735</t>
  </si>
  <si>
    <t>3.1877944469451904</t>
  </si>
  <si>
    <t>558.5975952148438</t>
  </si>
  <si>
    <t>0.07238653990238753</t>
  </si>
  <si>
    <t>4.3524956703186035</t>
  </si>
  <si>
    <t>441.5694274902344</t>
  </si>
  <si>
    <t>0.07118633584523337</t>
  </si>
  <si>
    <t>4.008013725280762</t>
  </si>
  <si>
    <t>690.5376586914062</t>
  </si>
  <si>
    <t>0.016428723625754316</t>
  </si>
  <si>
    <t>4.050950050354004</t>
  </si>
  <si>
    <t>634.9276733398438</t>
  </si>
  <si>
    <t>-0.016428723625754316</t>
  </si>
  <si>
    <t>3.3163812160491943</t>
  </si>
  <si>
    <t>653.0449829101562</t>
  </si>
  <si>
    <t>0.04557143425081556</t>
  </si>
  <si>
    <t>3.445772409439087</t>
  </si>
  <si>
    <t>472.2217102050781</t>
  </si>
  <si>
    <t>-0.01774144700959468</t>
  </si>
  <si>
    <t>4.3118510246276855</t>
  </si>
  <si>
    <t>581.2058715820312</t>
  </si>
  <si>
    <t>0.0835247967778745</t>
  </si>
  <si>
    <t>4042</t>
  </si>
  <si>
    <t>3.0156753063201904</t>
  </si>
  <si>
    <t>573.614990234375</t>
  </si>
  <si>
    <t>0.10365763958371765</t>
  </si>
  <si>
    <t>4.6250410079956055</t>
  </si>
  <si>
    <t>663.7676391601562</t>
  </si>
  <si>
    <t>0.008867053170833472</t>
  </si>
  <si>
    <t>4.4272284507751465</t>
  </si>
  <si>
    <t>807.9907836914062</t>
  </si>
  <si>
    <t>-0.05468045487016404</t>
  </si>
  <si>
    <t>3.756863832473755</t>
  </si>
  <si>
    <t>614.8732299804688</t>
  </si>
  <si>
    <t>0.006711434587987952</t>
  </si>
  <si>
    <t>4.133485794067383</t>
  </si>
  <si>
    <t>590.2991943359375</t>
  </si>
  <si>
    <t>-0.11839423346223121</t>
  </si>
  <si>
    <t>4.386132717132568</t>
  </si>
  <si>
    <t>484.2779846191406</t>
  </si>
  <si>
    <t>0.05575768426564487</t>
  </si>
  <si>
    <t>3.533980131149292</t>
  </si>
  <si>
    <t>577.7987670898438</t>
  </si>
  <si>
    <t>-0.014067257211436868</t>
  </si>
  <si>
    <t>4.94319486618042</t>
  </si>
  <si>
    <t>447.9349670410156</t>
  </si>
  <si>
    <t>0.3916666419296764</t>
  </si>
  <si>
    <t>4.392496585845947</t>
  </si>
  <si>
    <t>686.2200927734375</t>
  </si>
  <si>
    <t>0.030327768129698285</t>
  </si>
  <si>
    <t>9817</t>
  </si>
  <si>
    <t>1.0759156942367554</t>
  </si>
  <si>
    <t>335.75506591796875</t>
  </si>
  <si>
    <t>225.86773681640625</t>
  </si>
  <si>
    <t>Ysyk-Köl</t>
  </si>
  <si>
    <t>0.937835693359375</t>
  </si>
  <si>
    <t>291.7196960449219</t>
  </si>
  <si>
    <t>-0.09986367067820368</t>
  </si>
  <si>
    <t>7562</t>
  </si>
  <si>
    <t>0.3158172369003296</t>
  </si>
  <si>
    <t>331.6845703125</t>
  </si>
  <si>
    <t>-0.16111620056343945</t>
  </si>
  <si>
    <t>6386</t>
  </si>
  <si>
    <t>-0.5458922982215881</t>
  </si>
  <si>
    <t>400.2679138183594</t>
  </si>
  <si>
    <t>-0.16902761117615128</t>
  </si>
  <si>
    <t>0.14481081068515778</t>
  </si>
  <si>
    <t>297.36572265625</t>
  </si>
  <si>
    <t>-0.22447547457296935</t>
  </si>
  <si>
    <t>0.7577979564666748</t>
  </si>
  <si>
    <t>273.3375244140625</t>
  </si>
  <si>
    <t>-0.06644809180298239</t>
  </si>
  <si>
    <t>0.18753008544445038</t>
  </si>
  <si>
    <t>290.420654296875</t>
  </si>
  <si>
    <t>0.05382465001378023</t>
  </si>
  <si>
    <t>5458</t>
  </si>
  <si>
    <t>1.1293796300888062</t>
  </si>
  <si>
    <t>258.6739196777344</t>
  </si>
  <si>
    <t>0.08007324435572905</t>
  </si>
  <si>
    <t>0.8536753058433533</t>
  </si>
  <si>
    <t>430.1310729980469</t>
  </si>
  <si>
    <t>0.005845833235291309</t>
  </si>
  <si>
    <t>1.4204201698303223</t>
  </si>
  <si>
    <t>460.17535400390625</t>
  </si>
  <si>
    <t>0.02126589421085079</t>
  </si>
  <si>
    <t>0.9558051228523254</t>
  </si>
  <si>
    <t>359.2132568359375</t>
  </si>
  <si>
    <t>0.0412213441561633</t>
  </si>
  <si>
    <t>6099</t>
  </si>
  <si>
    <t>1.689232349395752</t>
  </si>
  <si>
    <t>296.4531555175781</t>
  </si>
  <si>
    <t>0.04270932942586647</t>
  </si>
  <si>
    <t>6044</t>
  </si>
  <si>
    <t>1.5661358833312988</t>
  </si>
  <si>
    <t>423.824462890625</t>
  </si>
  <si>
    <t>-0.009058778903826337</t>
  </si>
  <si>
    <t>0.37046632170677185</t>
  </si>
  <si>
    <t>472.96636962890625</t>
  </si>
  <si>
    <t>0.057700586126172126</t>
  </si>
  <si>
    <t>1.64828360080719</t>
  </si>
  <si>
    <t>369.1557312011719</t>
  </si>
  <si>
    <t>0.056029833734223544</t>
  </si>
  <si>
    <t>0.9993619918823242</t>
  </si>
  <si>
    <t>403.5917663574219</t>
  </si>
  <si>
    <t>-0.01278067627298185</t>
  </si>
  <si>
    <t>2.108882188796997</t>
  </si>
  <si>
    <t>312.5624084472656</t>
  </si>
  <si>
    <t>0.01999030067467622</t>
  </si>
  <si>
    <t>7334</t>
  </si>
  <si>
    <t>0.9746246933937073</t>
  </si>
  <si>
    <t>353.0849304199219</t>
  </si>
  <si>
    <t>0.07251498097655151</t>
  </si>
  <si>
    <t>7875</t>
  </si>
  <si>
    <t>2.1649863719940186</t>
  </si>
  <si>
    <t>288.7101745605469</t>
  </si>
  <si>
    <t>0.07117211506256282</t>
  </si>
  <si>
    <t>1.2445558309555054</t>
  </si>
  <si>
    <t>430.4281921386719</t>
  </si>
  <si>
    <t>0.016498075858685013</t>
  </si>
  <si>
    <t>0.8563072085380554</t>
  </si>
  <si>
    <t>391.5415954589844</t>
  </si>
  <si>
    <t>-0.01662506804883712</t>
  </si>
  <si>
    <t>0.733467161655426</t>
  </si>
  <si>
    <t>403.6217956542969</t>
  </si>
  <si>
    <t>0.045555503259700814</t>
  </si>
  <si>
    <t>0.7368455529212952</t>
  </si>
  <si>
    <t>271.47357177734375</t>
  </si>
  <si>
    <t>-0.01775158323613546</t>
  </si>
  <si>
    <t>1.801375389099121</t>
  </si>
  <si>
    <t>378.1808776855469</t>
  </si>
  <si>
    <t>0.08360885584378863</t>
  </si>
  <si>
    <t>0.4530145227909088</t>
  </si>
  <si>
    <t>259.4654846191406</t>
  </si>
  <si>
    <t>-0.06950424966224666</t>
  </si>
  <si>
    <t>7558</t>
  </si>
  <si>
    <t>2.228121757507324</t>
  </si>
  <si>
    <t>361.60626220703125</t>
  </si>
  <si>
    <t>-0.08286811379935521</t>
  </si>
  <si>
    <t>8497</t>
  </si>
  <si>
    <t>1.7777090072631836</t>
  </si>
  <si>
    <t>537.3091430664062</t>
  </si>
  <si>
    <t>0.11710655509410728</t>
  </si>
  <si>
    <t>1.103552222251892</t>
  </si>
  <si>
    <t>309.84539794921875</t>
  </si>
  <si>
    <t>-0.012195995110005242</t>
  </si>
  <si>
    <t>1.463269829750061</t>
  </si>
  <si>
    <t>331.5736083984375</t>
  </si>
  <si>
    <t>0.004398224029140252</t>
  </si>
  <si>
    <t>10035</t>
  </si>
  <si>
    <t>1.9456850290298462</t>
  </si>
  <si>
    <t>366.6219787597656</t>
  </si>
  <si>
    <t>0.1741635933077621</t>
  </si>
  <si>
    <t>1.3340173959732056</t>
  </si>
  <si>
    <t>394.6135559082031</t>
  </si>
  <si>
    <t>-0.04755027545117585</t>
  </si>
  <si>
    <t>2.4137227535247803</t>
  </si>
  <si>
    <t>282.6873474121094</t>
  </si>
  <si>
    <t>-0.24375902847787323</t>
  </si>
  <si>
    <t>1.90447199344635</t>
  </si>
  <si>
    <t>343.7017822265625</t>
  </si>
  <si>
    <t>0.030468542019084666</t>
  </si>
  <si>
    <t>KOR</t>
  </si>
  <si>
    <t>12.073079109191895</t>
  </si>
  <si>
    <t>1357.600830078125</t>
  </si>
  <si>
    <t>269.1888427734375</t>
  </si>
  <si>
    <t>Chungcheongbuk-do</t>
  </si>
  <si>
    <t>Korea, Republic of</t>
  </si>
  <si>
    <t>11.261054992675781</t>
  </si>
  <si>
    <t>1403.568603515625</t>
  </si>
  <si>
    <t>0.09207255947362825</t>
  </si>
  <si>
    <t>15097</t>
  </si>
  <si>
    <t>11.262615203857422</t>
  </si>
  <si>
    <t>1080.017333984375</t>
  </si>
  <si>
    <t>0.049353348494665994</t>
  </si>
  <si>
    <t>15966</t>
  </si>
  <si>
    <t>10.791476249694824</t>
  </si>
  <si>
    <t>1457.9951171875</t>
  </si>
  <si>
    <t>0.055965412638007805</t>
  </si>
  <si>
    <t>17265</t>
  </si>
  <si>
    <t>12.123269081115723</t>
  </si>
  <si>
    <t>830.6032104492188</t>
  </si>
  <si>
    <t>0.07821986961834781</t>
  </si>
  <si>
    <t>11.156411170959473</t>
  </si>
  <si>
    <t>975.2513427734375</t>
  </si>
  <si>
    <t>0.08139179390576068</t>
  </si>
  <si>
    <t>11.049811363220215</t>
  </si>
  <si>
    <t>1071.6182861328125</t>
  </si>
  <si>
    <t>0.08403919608770494</t>
  </si>
  <si>
    <t>20224</t>
  </si>
  <si>
    <t>11.7643461227417</t>
  </si>
  <si>
    <t>1336.0001220703125</t>
  </si>
  <si>
    <t>-0.007242302870974271</t>
  </si>
  <si>
    <t>19468</t>
  </si>
  <si>
    <t>12.500190734863281</t>
  </si>
  <si>
    <t>1686.75146484375</t>
  </si>
  <si>
    <t>-0.038097925993238135</t>
  </si>
  <si>
    <t>11.711433410644531</t>
  </si>
  <si>
    <t>1654.683837890625</t>
  </si>
  <si>
    <t>0.12313362503143921</t>
  </si>
  <si>
    <t>11.443607330322266</t>
  </si>
  <si>
    <t>1285.0997314453125</t>
  </si>
  <si>
    <t>0.035906896908551644</t>
  </si>
  <si>
    <t>23051</t>
  </si>
  <si>
    <t>11.906012535095215</t>
  </si>
  <si>
    <t>1120.1959228515625</t>
  </si>
  <si>
    <t>0.009896538538340494</t>
  </si>
  <si>
    <t>24331</t>
  </si>
  <si>
    <t>11.451351165771484</t>
  </si>
  <si>
    <t>1323.2724609375</t>
  </si>
  <si>
    <t>0.05404210502200257</t>
  </si>
  <si>
    <t>25000</t>
  </si>
  <si>
    <t>11.527511596679688</t>
  </si>
  <si>
    <t>1939.20849609375</t>
  </si>
  <si>
    <t>0.02712456739665825</t>
  </si>
  <si>
    <t>12.113757133483887</t>
  </si>
  <si>
    <t>1414.339599609375</t>
  </si>
  <si>
    <t>0.09363605196126734</t>
  </si>
  <si>
    <t>11.34185791015625</t>
  </si>
  <si>
    <t>1248.276611328125</t>
  </si>
  <si>
    <t>-0.0012756730904612823</t>
  </si>
  <si>
    <t>29617</t>
  </si>
  <si>
    <t>11.6294527053833</t>
  </si>
  <si>
    <t>1508.913330078125</t>
  </si>
  <si>
    <t>0.07711231705423671</t>
  </si>
  <si>
    <t>11.99884033203125</t>
  </si>
  <si>
    <t>1333.532958984375</t>
  </si>
  <si>
    <t>0.04850553807694702</t>
  </si>
  <si>
    <t>11.606983184814453</t>
  </si>
  <si>
    <t>1100.331787109375</t>
  </si>
  <si>
    <t>-0.007328405221176837</t>
  </si>
  <si>
    <t>11.623839378356934</t>
  </si>
  <si>
    <t>1295.7845458984375</t>
  </si>
  <si>
    <t>0.013453262028097157</t>
  </si>
  <si>
    <t>11.25698184967041</t>
  </si>
  <si>
    <t>1449.5069580078125</t>
  </si>
  <si>
    <t>0.09029880634225229</t>
  </si>
  <si>
    <t>11.411624908447266</t>
  </si>
  <si>
    <t>1478.3968505859375</t>
  </si>
  <si>
    <t>0.04665144758618922</t>
  </si>
  <si>
    <t>11.142046928405762</t>
  </si>
  <si>
    <t>1540.938232421875</t>
  </si>
  <si>
    <t>0.026437862933919476</t>
  </si>
  <si>
    <t>11.884305000305176</t>
  </si>
  <si>
    <t>1199.571044921875</t>
  </si>
  <si>
    <t>0.031771606121264284</t>
  </si>
  <si>
    <t>11.713565826416016</t>
  </si>
  <si>
    <t>1198.5172119140625</t>
  </si>
  <si>
    <t>0.030410548979949326</t>
  </si>
  <si>
    <t>41588</t>
  </si>
  <si>
    <t>1014.9614868164062</t>
  </si>
  <si>
    <t>0.05926247647503757</t>
  </si>
  <si>
    <t>12.4468994140625</t>
  </si>
  <si>
    <t>1242.86572265625</t>
  </si>
  <si>
    <t>0.05056565644250455</t>
  </si>
  <si>
    <t>46435</t>
  </si>
  <si>
    <t>11.781012535095215</t>
  </si>
  <si>
    <t>964.5336303710938</t>
  </si>
  <si>
    <t>0.059676164669744125</t>
  </si>
  <si>
    <t>48957</t>
  </si>
  <si>
    <t>12.17267894744873</t>
  </si>
  <si>
    <t>1343.51416015625</t>
  </si>
  <si>
    <t>0.05288887658893593</t>
  </si>
  <si>
    <t>49011</t>
  </si>
  <si>
    <t>12.520548820495605</t>
  </si>
  <si>
    <t>1299.0118408203125</t>
  </si>
  <si>
    <t>0.0011024008955740072</t>
  </si>
  <si>
    <t>48246</t>
  </si>
  <si>
    <t>11.907363891601562</t>
  </si>
  <si>
    <t>1525.17578125</t>
  </si>
  <si>
    <t>-0.015731839918414536</t>
  </si>
  <si>
    <t>50406</t>
  </si>
  <si>
    <t>12.592637062072754</t>
  </si>
  <si>
    <t>1331.025390625</t>
  </si>
  <si>
    <t>0.04379729281669853</t>
  </si>
  <si>
    <t>12.219767570495605</t>
  </si>
  <si>
    <t>1165.5577392578125</t>
  </si>
  <si>
    <t>0.027936088994035657</t>
  </si>
  <si>
    <t>13.168084144592285</t>
  </si>
  <si>
    <t>1515.288818359375</t>
  </si>
  <si>
    <t>1298.991455078125</t>
  </si>
  <si>
    <t>Chungcheongnam-do</t>
  </si>
  <si>
    <t>13817</t>
  </si>
  <si>
    <t>12.569526672363281</t>
  </si>
  <si>
    <t>1295.1573486328125</t>
  </si>
  <si>
    <t>0.09212354218697705</t>
  </si>
  <si>
    <t>14516</t>
  </si>
  <si>
    <t>12.385616302490234</t>
  </si>
  <si>
    <t>1099.23779296875</t>
  </si>
  <si>
    <t>0.049351771276290535</t>
  </si>
  <si>
    <t>11.982986450195312</t>
  </si>
  <si>
    <t>1389.850341796875</t>
  </si>
  <si>
    <t>0.05592912914024062</t>
  </si>
  <si>
    <t>16600</t>
  </si>
  <si>
    <t>13.142468452453613</t>
  </si>
  <si>
    <t>894.3035888671875</t>
  </si>
  <si>
    <t>0.0782220768714339</t>
  </si>
  <si>
    <t>18007</t>
  </si>
  <si>
    <t>12.201553344726562</t>
  </si>
  <si>
    <t>1052.8370361328125</t>
  </si>
  <si>
    <t>0.0813578758248692</t>
  </si>
  <si>
    <t>20087</t>
  </si>
  <si>
    <t>12.122726440429688</t>
  </si>
  <si>
    <t>1099.595947265625</t>
  </si>
  <si>
    <t>0.10931226846504316</t>
  </si>
  <si>
    <t>12.714999198913574</t>
  </si>
  <si>
    <t>1341.5501708984375</t>
  </si>
  <si>
    <t>0.10532068811109951</t>
  </si>
  <si>
    <t>22124</t>
  </si>
  <si>
    <t>13.64584732055664</t>
  </si>
  <si>
    <t>1649.7052001953125</t>
  </si>
  <si>
    <t>-0.00873053563107895</t>
  </si>
  <si>
    <t>12.84935474395752</t>
  </si>
  <si>
    <t>1620.34033203125</t>
  </si>
  <si>
    <t>0.13714085332000536</t>
  </si>
  <si>
    <t>12.488680839538574</t>
  </si>
  <si>
    <t>1259.196533203125</t>
  </si>
  <si>
    <t>0.09536033330988758</t>
  </si>
  <si>
    <t>28772</t>
  </si>
  <si>
    <t>13.041740417480469</t>
  </si>
  <si>
    <t>1105.2491455078125</t>
  </si>
  <si>
    <t>0.030238513242785814</t>
  </si>
  <si>
    <t>31335</t>
  </si>
  <si>
    <t>12.770819664001465</t>
  </si>
  <si>
    <t>1356.51513671875</t>
  </si>
  <si>
    <t>0.08533299167152819</t>
  </si>
  <si>
    <t>33963</t>
  </si>
  <si>
    <t>12.728440284729004</t>
  </si>
  <si>
    <t>1890.110595703125</t>
  </si>
  <si>
    <t>0.0805360130874444</t>
  </si>
  <si>
    <t>13.216584205627441</t>
  </si>
  <si>
    <t>1421.739013671875</t>
  </si>
  <si>
    <t>0.07676909271731347</t>
  </si>
  <si>
    <t>12.49977970123291</t>
  </si>
  <si>
    <t>1259.180908203125</t>
  </si>
  <si>
    <t>0.05097829918146424</t>
  </si>
  <si>
    <t>12.93237018585205</t>
  </si>
  <si>
    <t>1437.765380859375</t>
  </si>
  <si>
    <t>0.046181914522946954</t>
  </si>
  <si>
    <t>42249</t>
  </si>
  <si>
    <t>13.187226295471191</t>
  </si>
  <si>
    <t>1332.9820556640625</t>
  </si>
  <si>
    <t>0.04437968169821538</t>
  </si>
  <si>
    <t>43740</t>
  </si>
  <si>
    <t>12.87243938446045</t>
  </si>
  <si>
    <t>1094.1942138671875</t>
  </si>
  <si>
    <t>0.03468233036459978</t>
  </si>
  <si>
    <t>46648</t>
  </si>
  <si>
    <t>12.751235008239746</t>
  </si>
  <si>
    <t>1304.6180419921875</t>
  </si>
  <si>
    <t>0.06436703867123228</t>
  </si>
  <si>
    <t>51499</t>
  </si>
  <si>
    <t>12.517932891845703</t>
  </si>
  <si>
    <t>1490.2896728515625</t>
  </si>
  <si>
    <t>0.0989323360855856</t>
  </si>
  <si>
    <t>54354</t>
  </si>
  <si>
    <t>12.528286933898926</t>
  </si>
  <si>
    <t>1449.5992431640625</t>
  </si>
  <si>
    <t>0.053955817909765</t>
  </si>
  <si>
    <t>56353</t>
  </si>
  <si>
    <t>12.256660461425781</t>
  </si>
  <si>
    <t>1565.8841552734375</t>
  </si>
  <si>
    <t>0.036117269840231</t>
  </si>
  <si>
    <t>56770</t>
  </si>
  <si>
    <t>12.759568214416504</t>
  </si>
  <si>
    <t>1210.432373046875</t>
  </si>
  <si>
    <t>0.007372539427198177</t>
  </si>
  <si>
    <t>57268</t>
  </si>
  <si>
    <t>12.70255184173584</t>
  </si>
  <si>
    <t>1166.248046875</t>
  </si>
  <si>
    <t>0.00873398631544653</t>
  </si>
  <si>
    <t>57689</t>
  </si>
  <si>
    <t>13.100810050964355</t>
  </si>
  <si>
    <t>1007.8333129882812</t>
  </si>
  <si>
    <t>0.007324510593786471</t>
  </si>
  <si>
    <t>58990</t>
  </si>
  <si>
    <t>13.59744644165039</t>
  </si>
  <si>
    <t>1234.014892578125</t>
  </si>
  <si>
    <t>0.02230142392311585</t>
  </si>
  <si>
    <t>61389</t>
  </si>
  <si>
    <t>12.602264404296875</t>
  </si>
  <si>
    <t>995.9517822265625</t>
  </si>
  <si>
    <t>0.039862727993817515</t>
  </si>
  <si>
    <t>60368</t>
  </si>
  <si>
    <t>13.22683334350586</t>
  </si>
  <si>
    <t>1340.787353515625</t>
  </si>
  <si>
    <t>-0.016771502786847137</t>
  </si>
  <si>
    <t>59633</t>
  </si>
  <si>
    <t>13.535736083984375</t>
  </si>
  <si>
    <t>1235.207763671875</t>
  </si>
  <si>
    <t>-0.012250051105937132</t>
  </si>
  <si>
    <t>60017</t>
  </si>
  <si>
    <t>12.95651626586914</t>
  </si>
  <si>
    <t>1518.4775390625</t>
  </si>
  <si>
    <t>0.006418743308108432</t>
  </si>
  <si>
    <t>62704</t>
  </si>
  <si>
    <t>13.590750694274902</t>
  </si>
  <si>
    <t>1267.0301513671875</t>
  </si>
  <si>
    <t>0.043797386033149976</t>
  </si>
  <si>
    <t>64480</t>
  </si>
  <si>
    <t>13.249066352844238</t>
  </si>
  <si>
    <t>1269.25244140625</t>
  </si>
  <si>
    <t>0.027929856741097936</t>
  </si>
  <si>
    <t>10763</t>
  </si>
  <si>
    <t>10.330229759216309</t>
  </si>
  <si>
    <t>2005.28076171875</t>
  </si>
  <si>
    <t>722.990966796875</t>
  </si>
  <si>
    <t>Gangwon-do</t>
  </si>
  <si>
    <t>11801</t>
  </si>
  <si>
    <t>9.759520530700684</t>
  </si>
  <si>
    <t>1274.85302734375</t>
  </si>
  <si>
    <t>0.09206994736145013</t>
  </si>
  <si>
    <t>12398</t>
  </si>
  <si>
    <t>9.61772632598877</t>
  </si>
  <si>
    <t>1266.475341796875</t>
  </si>
  <si>
    <t>0.04935089563611683</t>
  </si>
  <si>
    <t>13112</t>
  </si>
  <si>
    <t>9.106545448303223</t>
  </si>
  <si>
    <t>1374.1927490234375</t>
  </si>
  <si>
    <t>0.05599267216179982</t>
  </si>
  <si>
    <t>10.398862838745117</t>
  </si>
  <si>
    <t>1050.8519287109375</t>
  </si>
  <si>
    <t>0.07816362599129789</t>
  </si>
  <si>
    <t>9.427092552185059</t>
  </si>
  <si>
    <t>1282.4072265625</t>
  </si>
  <si>
    <t>0.08137649664467261</t>
  </si>
  <si>
    <t>9.240236282348633</t>
  </si>
  <si>
    <t>1243.7445068359375</t>
  </si>
  <si>
    <t>0.12305735509007398</t>
  </si>
  <si>
    <t>18149</t>
  </si>
  <si>
    <t>9.936156272888184</t>
  </si>
  <si>
    <t>1375.4697265625</t>
  </si>
  <si>
    <t>0.04249014360669179</t>
  </si>
  <si>
    <t>10.792559623718262</t>
  </si>
  <si>
    <t>1808.578125</t>
  </si>
  <si>
    <t>-0.03441657918212293</t>
  </si>
  <si>
    <t>18722</t>
  </si>
  <si>
    <t>10.059760093688965</t>
  </si>
  <si>
    <t>1764.48974609375</t>
  </si>
  <si>
    <t>0.06550041935741113</t>
  </si>
  <si>
    <t>9.70238971710205</t>
  </si>
  <si>
    <t>1355.885498046875</t>
  </si>
  <si>
    <t>0.036810111927534805</t>
  </si>
  <si>
    <t>19921</t>
  </si>
  <si>
    <t>10.206119537353516</t>
  </si>
  <si>
    <t>1180.076171875</t>
  </si>
  <si>
    <t>0.025265036822560205</t>
  </si>
  <si>
    <t>9.847687721252441</t>
  </si>
  <si>
    <t>1378.8519287109375</t>
  </si>
  <si>
    <t>0.0566451441333502</t>
  </si>
  <si>
    <t>22430</t>
  </si>
  <si>
    <t>9.809767723083496</t>
  </si>
  <si>
    <t>2076.320556640625</t>
  </si>
  <si>
    <t>0.06197975269911993</t>
  </si>
  <si>
    <t>23008</t>
  </si>
  <si>
    <t>10.434563636779785</t>
  </si>
  <si>
    <t>1637.8240966796875</t>
  </si>
  <si>
    <t>0.025442633006518278</t>
  </si>
  <si>
    <t>9.643054962158203</t>
  </si>
  <si>
    <t>1496.4630126953125</t>
  </si>
  <si>
    <t>0.030982366857760013</t>
  </si>
  <si>
    <t>10.035672187805176</t>
  </si>
  <si>
    <t>1518.8021240234375</t>
  </si>
  <si>
    <t>0.06445424318884818</t>
  </si>
  <si>
    <t>26707</t>
  </si>
  <si>
    <t>10.34237003326416</t>
  </si>
  <si>
    <t>1513.2000732421875</t>
  </si>
  <si>
    <t>0.053647111744455245</t>
  </si>
  <si>
    <t>10.070460319519043</t>
  </si>
  <si>
    <t>1267.1331787109375</t>
  </si>
  <si>
    <t>0.01168863814001675</t>
  </si>
  <si>
    <t>9.934714317321777</t>
  </si>
  <si>
    <t>1386.662841796875</t>
  </si>
  <si>
    <t>0.003620247766304985</t>
  </si>
  <si>
    <t>9.630061149597168</t>
  </si>
  <si>
    <t>1521.8333740234375</t>
  </si>
  <si>
    <t>0.016892540629909192</t>
  </si>
  <si>
    <t>9.684592247009277</t>
  </si>
  <si>
    <t>1681.304931640625</t>
  </si>
  <si>
    <t>0.023895528760155216</t>
  </si>
  <si>
    <t>9.400360107421875</t>
  </si>
  <si>
    <t>1570.384033203125</t>
  </si>
  <si>
    <t>0.022265149962850117</t>
  </si>
  <si>
    <t>10.061445236206055</t>
  </si>
  <si>
    <t>1248.76513671875</t>
  </si>
  <si>
    <t>0.03887577281854426</t>
  </si>
  <si>
    <t>9.964430809020996</t>
  </si>
  <si>
    <t>1202.1043701171875</t>
  </si>
  <si>
    <t>0.05468923333283371</t>
  </si>
  <si>
    <t>10.260581016540527</t>
  </si>
  <si>
    <t>984.5855102539062</t>
  </si>
  <si>
    <t>0.017254202309159083</t>
  </si>
  <si>
    <t>10.727547645568848</t>
  </si>
  <si>
    <t>1274.4681396484375</t>
  </si>
  <si>
    <t>0.029857520417909456</t>
  </si>
  <si>
    <t>34233</t>
  </si>
  <si>
    <t>9.911559104919434</t>
  </si>
  <si>
    <t>1087.1622314453125</t>
  </si>
  <si>
    <t>0.029225553653269287</t>
  </si>
  <si>
    <t>35086</t>
  </si>
  <si>
    <t>10.427160263061523</t>
  </si>
  <si>
    <t>1430.130615234375</t>
  </si>
  <si>
    <t>0.024612099386342123</t>
  </si>
  <si>
    <t>10.828689575195312</t>
  </si>
  <si>
    <t>1264.8616943359375</t>
  </si>
  <si>
    <t>0.051628129733616746</t>
  </si>
  <si>
    <t>10.203495979309082</t>
  </si>
  <si>
    <t>1669.458740234375</t>
  </si>
  <si>
    <t>-0.020012149853510408</t>
  </si>
  <si>
    <t>37834</t>
  </si>
  <si>
    <t>10.852818489074707</t>
  </si>
  <si>
    <t>1338.9869384765625</t>
  </si>
  <si>
    <t>0.043789998856372137</t>
  </si>
  <si>
    <t>10.584218978881836</t>
  </si>
  <si>
    <t>1566.263916015625</t>
  </si>
  <si>
    <t>0.027940311132153894</t>
  </si>
  <si>
    <t>12659</t>
  </si>
  <si>
    <t>12.606011390686035</t>
  </si>
  <si>
    <t>1926.93505859375</t>
  </si>
  <si>
    <t>10518.685546875</t>
  </si>
  <si>
    <t>Gyeonggi-do</t>
  </si>
  <si>
    <t>12.072199821472168</t>
  </si>
  <si>
    <t>1205.911376953125</t>
  </si>
  <si>
    <t>0.09208053042396713</t>
  </si>
  <si>
    <t>11.874950408935547</t>
  </si>
  <si>
    <t>1169.423828125</t>
  </si>
  <si>
    <t>0.049407511652768576</t>
  </si>
  <si>
    <t>11.469036102294922</t>
  </si>
  <si>
    <t>1287.2578125</t>
  </si>
  <si>
    <t>0.05593859467934159</t>
  </si>
  <si>
    <t>16677</t>
  </si>
  <si>
    <t>12.598736763000488</t>
  </si>
  <si>
    <t>1013.0467529296875</t>
  </si>
  <si>
    <t>0.07823546322867259</t>
  </si>
  <si>
    <t>18090</t>
  </si>
  <si>
    <t>11.64548397064209</t>
  </si>
  <si>
    <t>1303.8692626953125</t>
  </si>
  <si>
    <t>0.08132877476776201</t>
  </si>
  <si>
    <t>18505</t>
  </si>
  <si>
    <t>11.554261207580566</t>
  </si>
  <si>
    <t>1164.50830078125</t>
  </si>
  <si>
    <t>0.02268166643091618</t>
  </si>
  <si>
    <t>12.181140899658203</t>
  </si>
  <si>
    <t>1316.404541015625</t>
  </si>
  <si>
    <t>-0.011741179615681219</t>
  </si>
  <si>
    <t>17586</t>
  </si>
  <si>
    <t>13.101519584655762</t>
  </si>
  <si>
    <t>1680.629150390625</t>
  </si>
  <si>
    <t>-0.03919665526562888</t>
  </si>
  <si>
    <t>20348</t>
  </si>
  <si>
    <t>12.338935852050781</t>
  </si>
  <si>
    <t>1630.3350830078125</t>
  </si>
  <si>
    <t>0.1458794960037082</t>
  </si>
  <si>
    <t>11.934857368469238</t>
  </si>
  <si>
    <t>1298.715087890625</t>
  </si>
  <si>
    <t>0.08417743922358589</t>
  </si>
  <si>
    <t>12.517464637756348</t>
  </si>
  <si>
    <t>1106.841064453125</t>
  </si>
  <si>
    <t>0.03842110248628572</t>
  </si>
  <si>
    <t>12.222786903381348</t>
  </si>
  <si>
    <t>1332.9324951171875</t>
  </si>
  <si>
    <t>0.046423181421905824</t>
  </si>
  <si>
    <t>1975.2825927734375</t>
  </si>
  <si>
    <t>0.007442664085093753</t>
  </si>
  <si>
    <t>25151</t>
  </si>
  <si>
    <t>12.679672241210938</t>
  </si>
  <si>
    <t>1522.7467041015625</t>
  </si>
  <si>
    <t>0.03545064300930534</t>
  </si>
  <si>
    <t>11.932090759277344</t>
  </si>
  <si>
    <t>1396.4061279296875</t>
  </si>
  <si>
    <t>0.04089992079091154</t>
  </si>
  <si>
    <t>12.416136741638184</t>
  </si>
  <si>
    <t>1432.1439208984375</t>
  </si>
  <si>
    <t>0.044854918474024785</t>
  </si>
  <si>
    <t>12.637360572814941</t>
  </si>
  <si>
    <t>1423.2469482421875</t>
  </si>
  <si>
    <t>0.034820736438163635</t>
  </si>
  <si>
    <t>12.339305877685547</t>
  </si>
  <si>
    <t>1179.735107421875</t>
  </si>
  <si>
    <t>0.013964214524129659</t>
  </si>
  <si>
    <t>12.212966918945312</t>
  </si>
  <si>
    <t>1345.6658935546875</t>
  </si>
  <si>
    <t>0.006685280964740414</t>
  </si>
  <si>
    <t>11.914390563964844</t>
  </si>
  <si>
    <t>1541.2208251953125</t>
  </si>
  <si>
    <t>0.0686383701216311</t>
  </si>
  <si>
    <t>11.983932495117188</t>
  </si>
  <si>
    <t>1583.7900390625</t>
  </si>
  <si>
    <t>0.020514030692524443</t>
  </si>
  <si>
    <t>11.703722953796387</t>
  </si>
  <si>
    <t>1591.15673828125</t>
  </si>
  <si>
    <t>0.03200820138246385</t>
  </si>
  <si>
    <t>12.222180366516113</t>
  </si>
  <si>
    <t>1262.8773193359375</t>
  </si>
  <si>
    <t>0.046811909737785484</t>
  </si>
  <si>
    <t>12.22635555267334</t>
  </si>
  <si>
    <t>1116.40185546875</t>
  </si>
  <si>
    <t>0.0319666511546437</t>
  </si>
  <si>
    <t>12.57702350616455</t>
  </si>
  <si>
    <t>938.5391235351562</t>
  </si>
  <si>
    <t>0.04000644312104917</t>
  </si>
  <si>
    <t>37949</t>
  </si>
  <si>
    <t>13.082621574401855</t>
  </si>
  <si>
    <t>1190.3707275390625</t>
  </si>
  <si>
    <t>0.030174818444564266</t>
  </si>
  <si>
    <t>12.080062866210938</t>
  </si>
  <si>
    <t>1070.2498779296875</t>
  </si>
  <si>
    <t>0.06233907654199555</t>
  </si>
  <si>
    <t>12.664414405822754</t>
  </si>
  <si>
    <t>1289.733154296875</t>
  </si>
  <si>
    <t>0.03672746341642252</t>
  </si>
  <si>
    <t>41474</t>
  </si>
  <si>
    <t>13.02868366241455</t>
  </si>
  <si>
    <t>1127.1314697265625</t>
  </si>
  <si>
    <t>-0.010242968116095597</t>
  </si>
  <si>
    <t>12.398993492126465</t>
  </si>
  <si>
    <t>1618.576416015625</t>
  </si>
  <si>
    <t>-0.004301081899390269</t>
  </si>
  <si>
    <t>43145</t>
  </si>
  <si>
    <t>13.074478149414062</t>
  </si>
  <si>
    <t>1243.27197265625</t>
  </si>
  <si>
    <t>0.04380089298401124</t>
  </si>
  <si>
    <t>44367</t>
  </si>
  <si>
    <t>12.710389137268066</t>
  </si>
  <si>
    <t>1454.16015625</t>
  </si>
  <si>
    <t>0.027929413892470834</t>
  </si>
  <si>
    <t>13.276073455810547</t>
  </si>
  <si>
    <t>1217.417236328125</t>
  </si>
  <si>
    <t>2506.9287109375</t>
  </si>
  <si>
    <t>Gyeongsangbuk-do</t>
  </si>
  <si>
    <t>12.366241455078125</t>
  </si>
  <si>
    <t>1305.895751953125</t>
  </si>
  <si>
    <t>0.0920880096087</t>
  </si>
  <si>
    <t>12.485960960388184</t>
  </si>
  <si>
    <t>1030.7801513671875</t>
  </si>
  <si>
    <t>0.049349457500456495</t>
  </si>
  <si>
    <t>16077</t>
  </si>
  <si>
    <t>11.838488578796387</t>
  </si>
  <si>
    <t>1387.2999267578125</t>
  </si>
  <si>
    <t>0.05596268103697355</t>
  </si>
  <si>
    <t>17385</t>
  </si>
  <si>
    <t>13.247211456298828</t>
  </si>
  <si>
    <t>793.2216186523438</t>
  </si>
  <si>
    <t>0.0782180862790014</t>
  </si>
  <si>
    <t>12.336602210998535</t>
  </si>
  <si>
    <t>826.96923828125</t>
  </si>
  <si>
    <t>0.08138248807040327</t>
  </si>
  <si>
    <t>19988</t>
  </si>
  <si>
    <t>12.095160484313965</t>
  </si>
  <si>
    <t>1020.0888671875</t>
  </si>
  <si>
    <t>0.05814183995173039</t>
  </si>
  <si>
    <t>22522</t>
  </si>
  <si>
    <t>12.804454803466797</t>
  </si>
  <si>
    <t>1278.030517578125</t>
  </si>
  <si>
    <t>0.11936051579287543</t>
  </si>
  <si>
    <t>13.491509437561035</t>
  </si>
  <si>
    <t>1509.264892578125</t>
  </si>
  <si>
    <t>-0.029422500368646354</t>
  </si>
  <si>
    <t>24424</t>
  </si>
  <si>
    <t>12.727519989013672</t>
  </si>
  <si>
    <t>1611.6072998046875</t>
  </si>
  <si>
    <t>0.1104961465263905</t>
  </si>
  <si>
    <t>12.527640342712402</t>
  </si>
  <si>
    <t>1153.4359130859375</t>
  </si>
  <si>
    <t>0.11069754217083982</t>
  </si>
  <si>
    <t>12.990649223327637</t>
  </si>
  <si>
    <t>1050.2298583984375</t>
  </si>
  <si>
    <t>0.013831982621697492</t>
  </si>
  <si>
    <t>12.429862022399902</t>
  </si>
  <si>
    <t>1125.4237060546875</t>
  </si>
  <si>
    <t>0.06696886985998418</t>
  </si>
  <si>
    <t>31546</t>
  </si>
  <si>
    <t>12.47649097442627</t>
  </si>
  <si>
    <t>1781.528076171875</t>
  </si>
  <si>
    <t>0.06438214798018294</t>
  </si>
  <si>
    <t>13.092240333557129</t>
  </si>
  <si>
    <t>1357.8802490234375</t>
  </si>
  <si>
    <t>0.09906099678190294</t>
  </si>
  <si>
    <t>36637</t>
  </si>
  <si>
    <t>12.331892967224121</t>
  </si>
  <si>
    <t>1133.1165771484375</t>
  </si>
  <si>
    <t>0.05055086387732288</t>
  </si>
  <si>
    <t>12.629623413085938</t>
  </si>
  <si>
    <t>1381.2216796875</t>
  </si>
  <si>
    <t>0.02559958720701694</t>
  </si>
  <si>
    <t>38523</t>
  </si>
  <si>
    <t>13.041254997253418</t>
  </si>
  <si>
    <t>1262.59228515625</t>
  </si>
  <si>
    <t>0.02459721958572203</t>
  </si>
  <si>
    <t>39917</t>
  </si>
  <si>
    <t>12.689322471618652</t>
  </si>
  <si>
    <t>960.4144287109375</t>
  </si>
  <si>
    <t>0.03554683280149007</t>
  </si>
  <si>
    <t>40017</t>
  </si>
  <si>
    <t>12.669044494628906</t>
  </si>
  <si>
    <t>1120.7113037109375</t>
  </si>
  <si>
    <t>0.002502065508279472</t>
  </si>
  <si>
    <t>43148</t>
  </si>
  <si>
    <t>12.364913940429688</t>
  </si>
  <si>
    <t>1323.166015625</t>
  </si>
  <si>
    <t>0.07533170268616729</t>
  </si>
  <si>
    <t>12.41424560546875</t>
  </si>
  <si>
    <t>0.019621746898984327</t>
  </si>
  <si>
    <t>44022</t>
  </si>
  <si>
    <t>12.115754127502441</t>
  </si>
  <si>
    <t>1409.3670654296875</t>
  </si>
  <si>
    <t>0.00043169554774458163</t>
  </si>
  <si>
    <t>12.920491218566895</t>
  </si>
  <si>
    <t>1089.8929443359375</t>
  </si>
  <si>
    <t>0.03370390368610643</t>
  </si>
  <si>
    <t>47858</t>
  </si>
  <si>
    <t>12.717869758605957</t>
  </si>
  <si>
    <t>1223.2545166015625</t>
  </si>
  <si>
    <t>0.04984488041110602</t>
  </si>
  <si>
    <t>12.936965942382812</t>
  </si>
  <si>
    <t>1060.5167236328125</t>
  </si>
  <si>
    <t>-0.03707833168641805</t>
  </si>
  <si>
    <t>13.4440336227417</t>
  </si>
  <si>
    <t>1205.015380859375</t>
  </si>
  <si>
    <t>0.01879613264122071</t>
  </si>
  <si>
    <t>12.83293628692627</t>
  </si>
  <si>
    <t>859.5726318359375</t>
  </si>
  <si>
    <t>0.0012760257787203244</t>
  </si>
  <si>
    <t>46257</t>
  </si>
  <si>
    <t>13.23275089263916</t>
  </si>
  <si>
    <t>1318.5703125</t>
  </si>
  <si>
    <t>-0.01701931593332162</t>
  </si>
  <si>
    <t>13.59560489654541</t>
  </si>
  <si>
    <t>1307.4058837890625</t>
  </si>
  <si>
    <t>-0.00568010892820503</t>
  </si>
  <si>
    <t>12.9297513961792</t>
  </si>
  <si>
    <t>1410.52392578125</t>
  </si>
  <si>
    <t>-0.019606103505735106</t>
  </si>
  <si>
    <t>13.584900856018066</t>
  </si>
  <si>
    <t>1311.8424072265625</t>
  </si>
  <si>
    <t>0.04379217010561831</t>
  </si>
  <si>
    <t>48456</t>
  </si>
  <si>
    <t>13.233603477478027</t>
  </si>
  <si>
    <t>1030.3272705078125</t>
  </si>
  <si>
    <t>0.02793740814964174</t>
  </si>
  <si>
    <t>17006</t>
  </si>
  <si>
    <t>14.398825645446777</t>
  </si>
  <si>
    <t>1536.96337890625</t>
  </si>
  <si>
    <t>2140.59521484375</t>
  </si>
  <si>
    <t>Gyeongsangnam-do</t>
  </si>
  <si>
    <t>18646</t>
  </si>
  <si>
    <t>13.853549003601074</t>
  </si>
  <si>
    <t>1663.8125</t>
  </si>
  <si>
    <t>0.09206542291090081</t>
  </si>
  <si>
    <t>13.705078125</t>
  </si>
  <si>
    <t>1298.3153076171875</t>
  </si>
  <si>
    <t>0.0493875860819486</t>
  </si>
  <si>
    <t>13.19745922088623</t>
  </si>
  <si>
    <t>1714.138671875</t>
  </si>
  <si>
    <t>0.0559836556794604</t>
  </si>
  <si>
    <t>14.389968872070312</t>
  </si>
  <si>
    <t>1049.3922119140625</t>
  </si>
  <si>
    <t>0.0781919908288824</t>
  </si>
  <si>
    <t>24302</t>
  </si>
  <si>
    <t>13.470463752746582</t>
  </si>
  <si>
    <t>1052.9820556640625</t>
  </si>
  <si>
    <t>0.08136377302162678</t>
  </si>
  <si>
    <t>13.37247371673584</t>
  </si>
  <si>
    <t>1288.6002197265625</t>
  </si>
  <si>
    <t>0.05007866516329429</t>
  </si>
  <si>
    <t>27764</t>
  </si>
  <si>
    <t>14.034954071044922</t>
  </si>
  <si>
    <t>1609.628662109375</t>
  </si>
  <si>
    <t>0.08310290082762428</t>
  </si>
  <si>
    <t>20874</t>
  </si>
  <si>
    <t>14.870972633361816</t>
  </si>
  <si>
    <t>1935.7127685546875</t>
  </si>
  <si>
    <t>-0.2852358520794773</t>
  </si>
  <si>
    <t>14.02885913848877</t>
  </si>
  <si>
    <t>2026.5361328125</t>
  </si>
  <si>
    <t>0.07607704199451071</t>
  </si>
  <si>
    <t>24210</t>
  </si>
  <si>
    <t>13.72945785522461</t>
  </si>
  <si>
    <t>1431.4189453125</t>
  </si>
  <si>
    <t>0.0721843635575965</t>
  </si>
  <si>
    <t>14.314613342285156</t>
  </si>
  <si>
    <t>1283.321533203125</t>
  </si>
  <si>
    <t>0.059997557405123914</t>
  </si>
  <si>
    <t>13.943875312805176</t>
  </si>
  <si>
    <t>1503.7138671875</t>
  </si>
  <si>
    <t>0.0613680201875173</t>
  </si>
  <si>
    <t>27753</t>
  </si>
  <si>
    <t>13.928410530090332</t>
  </si>
  <si>
    <t>2228.640869140625</t>
  </si>
  <si>
    <t>0.01521259391468277</t>
  </si>
  <si>
    <t>28968</t>
  </si>
  <si>
    <t>14.463725090026855</t>
  </si>
  <si>
    <t>1676.551025390625</t>
  </si>
  <si>
    <t>0.04284783000604797</t>
  </si>
  <si>
    <t>30474</t>
  </si>
  <si>
    <t>13.706188201904297</t>
  </si>
  <si>
    <t>1384.526123046875</t>
  </si>
  <si>
    <t>0.05068208858382306</t>
  </si>
  <si>
    <t>14.150235176086426</t>
  </si>
  <si>
    <t>1784.775634765625</t>
  </si>
  <si>
    <t>0.04732961819111914</t>
  </si>
  <si>
    <t>34125</t>
  </si>
  <si>
    <t>14.402546882629395</t>
  </si>
  <si>
    <t>1563.425537109375</t>
  </si>
  <si>
    <t>0.06582677426684214</t>
  </si>
  <si>
    <t>14.007718086242676</t>
  </si>
  <si>
    <t>1198.8673095703125</t>
  </si>
  <si>
    <t>0.05098555473286659</t>
  </si>
  <si>
    <t>35912</t>
  </si>
  <si>
    <t>14.039287567138672</t>
  </si>
  <si>
    <t>1383.408203125</t>
  </si>
  <si>
    <t>5.569324163978706e-05</t>
  </si>
  <si>
    <t>13.757824897766113</t>
  </si>
  <si>
    <t>1619.5421142578125</t>
  </si>
  <si>
    <t>0.00994702243042056</t>
  </si>
  <si>
    <t>13.81274700164795</t>
  </si>
  <si>
    <t>1557.6510009765625</t>
  </si>
  <si>
    <t>0.024698664574900775</t>
  </si>
  <si>
    <t>13.522895812988281</t>
  </si>
  <si>
    <t>1759.258544921875</t>
  </si>
  <si>
    <t>0.01857407534458133</t>
  </si>
  <si>
    <t>14.187050819396973</t>
  </si>
  <si>
    <t>1344.285888671875</t>
  </si>
  <si>
    <t>0.000870907778415031</t>
  </si>
  <si>
    <t>13.992207527160645</t>
  </si>
  <si>
    <t>1584.417724609375</t>
  </si>
  <si>
    <t>-0.004335648942628723</t>
  </si>
  <si>
    <t>38330</t>
  </si>
  <si>
    <t>14.29956340789795</t>
  </si>
  <si>
    <t>1420.3677978515625</t>
  </si>
  <si>
    <t>0.0154063567271443</t>
  </si>
  <si>
    <t>14.844691276550293</t>
  </si>
  <si>
    <t>1602.776123046875</t>
  </si>
  <si>
    <t>0.0030217799382050714</t>
  </si>
  <si>
    <t>37510</t>
  </si>
  <si>
    <t>14.00205135345459</t>
  </si>
  <si>
    <t>1078.545166015625</t>
  </si>
  <si>
    <t>-0.024647095236872474</t>
  </si>
  <si>
    <t>37582</t>
  </si>
  <si>
    <t>14.468756675720215</t>
  </si>
  <si>
    <t>1679.9451904296875</t>
  </si>
  <si>
    <t>0.0019176482731637634</t>
  </si>
  <si>
    <t>14.819624900817871</t>
  </si>
  <si>
    <t>1675.5321044921875</t>
  </si>
  <si>
    <t>0.040875210069851065</t>
  </si>
  <si>
    <t>14.24678897857666</t>
  </si>
  <si>
    <t>1837.1715087890625</t>
  </si>
  <si>
    <t>-0.04239304491728646</t>
  </si>
  <si>
    <t>14.826231956481934</t>
  </si>
  <si>
    <t>1617.5791015625</t>
  </si>
  <si>
    <t>0.043796912163360346</t>
  </si>
  <si>
    <t>40315</t>
  </si>
  <si>
    <t>14.518020629882812</t>
  </si>
  <si>
    <t>1139.919921875</t>
  </si>
  <si>
    <t>0.02791931845409934</t>
  </si>
  <si>
    <t>12266</t>
  </si>
  <si>
    <t>12.364855766296387</t>
  </si>
  <si>
    <t>1821.0174560546875</t>
  </si>
  <si>
    <t>777.791748046875</t>
  </si>
  <si>
    <t>Incheon</t>
  </si>
  <si>
    <t>13449</t>
  </si>
  <si>
    <t>11.638351440429688</t>
  </si>
  <si>
    <t>1064.3590087890625</t>
  </si>
  <si>
    <t>0.09207354663761969</t>
  </si>
  <si>
    <t>14130</t>
  </si>
  <si>
    <t>11.557465553283691</t>
  </si>
  <si>
    <t>1054.47314453125</t>
  </si>
  <si>
    <t>0.049395442855024285</t>
  </si>
  <si>
    <t>14943</t>
  </si>
  <si>
    <t>11.231880187988281</t>
  </si>
  <si>
    <t>1152.7911376953125</t>
  </si>
  <si>
    <t>0.055942766062820226</t>
  </si>
  <si>
    <t>16158</t>
  </si>
  <si>
    <t>12.440123558044434</t>
  </si>
  <si>
    <t>978.146728515625</t>
  </si>
  <si>
    <t>0.07817232029826116</t>
  </si>
  <si>
    <t>17528</t>
  </si>
  <si>
    <t>11.475727081298828</t>
  </si>
  <si>
    <t>1194.3258056640625</t>
  </si>
  <si>
    <t>0.0813843192356476</t>
  </si>
  <si>
    <t>18515</t>
  </si>
  <si>
    <t>11.45434284210205</t>
  </si>
  <si>
    <t>1078.299560546875</t>
  </si>
  <si>
    <t>0.054781612072410724</t>
  </si>
  <si>
    <t>19409</t>
  </si>
  <si>
    <t>12.184149742126465</t>
  </si>
  <si>
    <t>1189.6783447265625</t>
  </si>
  <si>
    <t>0.0471556616530151</t>
  </si>
  <si>
    <t>12.947784423828125</t>
  </si>
  <si>
    <t>1518.5518798828125</t>
  </si>
  <si>
    <t>-0.09579460852289934</t>
  </si>
  <si>
    <t>18667</t>
  </si>
  <si>
    <t>12.099984169006348</t>
  </si>
  <si>
    <t>1392.1146240234375</t>
  </si>
  <si>
    <t>0.05681499155476821</t>
  </si>
  <si>
    <t>11.821099281311035</t>
  </si>
  <si>
    <t>1142.5760498046875</t>
  </si>
  <si>
    <t>0.05147273936738905</t>
  </si>
  <si>
    <t>20999</t>
  </si>
  <si>
    <t>12.448458671569824</t>
  </si>
  <si>
    <t>1054.7296142578125</t>
  </si>
  <si>
    <t>0.06624481912413316</t>
  </si>
  <si>
    <t>12.015799522399902</t>
  </si>
  <si>
    <t>1139.5067138671875</t>
  </si>
  <si>
    <t>0.10629345811154245</t>
  </si>
  <si>
    <t>12.062766075134277</t>
  </si>
  <si>
    <t>1703.70458984375</t>
  </si>
  <si>
    <t>0.01453798187191957</t>
  </si>
  <si>
    <t>12.529927253723145</t>
  </si>
  <si>
    <t>1326.0916748046875</t>
  </si>
  <si>
    <t>0.05863670767577567</t>
  </si>
  <si>
    <t>25856</t>
  </si>
  <si>
    <t>11.79769515991211</t>
  </si>
  <si>
    <t>1306.5137939453125</t>
  </si>
  <si>
    <t>0.028599717137465674</t>
  </si>
  <si>
    <t>27250</t>
  </si>
  <si>
    <t>12.174132347106934</t>
  </si>
  <si>
    <t>1275.707763671875</t>
  </si>
  <si>
    <t>0.0525108387705675</t>
  </si>
  <si>
    <t>29009</t>
  </si>
  <si>
    <t>12.39306640625</t>
  </si>
  <si>
    <t>1321.357666015625</t>
  </si>
  <si>
    <t>0.06255260555781383</t>
  </si>
  <si>
    <t>12.080620765686035</t>
  </si>
  <si>
    <t>1133.322998046875</t>
  </si>
  <si>
    <t>-0.05193032320515556</t>
  </si>
  <si>
    <t>12.037091255187988</t>
  </si>
  <si>
    <t>1271.3331298828125</t>
  </si>
  <si>
    <t>0.010043437024288338</t>
  </si>
  <si>
    <t>30068</t>
  </si>
  <si>
    <t>11.590619087219238</t>
  </si>
  <si>
    <t>1428.3280029296875</t>
  </si>
  <si>
    <t>0.07774224282902331</t>
  </si>
  <si>
    <t>29904</t>
  </si>
  <si>
    <t>11.868156433105469</t>
  </si>
  <si>
    <t>1481.716796875</t>
  </si>
  <si>
    <t>-0.005469232602015595</t>
  </si>
  <si>
    <t>11.598278999328613</t>
  </si>
  <si>
    <t>1437.897216796875</t>
  </si>
  <si>
    <t>-0.0006021073940054578</t>
  </si>
  <si>
    <t>12.22092056274414</t>
  </si>
  <si>
    <t>1193.3057861328125</t>
  </si>
  <si>
    <t>0.022530852341056118</t>
  </si>
  <si>
    <t>12.206790924072266</t>
  </si>
  <si>
    <t>967.8130493164062</t>
  </si>
  <si>
    <t>0.052076512308500966</t>
  </si>
  <si>
    <t>33289</t>
  </si>
  <si>
    <t>12.408564567565918</t>
  </si>
  <si>
    <t>838.3870849609375</t>
  </si>
  <si>
    <t>0.03322950411622827</t>
  </si>
  <si>
    <t>34176</t>
  </si>
  <si>
    <t>12.920516014099121</t>
  </si>
  <si>
    <t>1048.50390625</t>
  </si>
  <si>
    <t>0.02629663125274284</t>
  </si>
  <si>
    <t>12.162766456604004</t>
  </si>
  <si>
    <t>960.4595336914062</t>
  </si>
  <si>
    <t>0.013600907131069206</t>
  </si>
  <si>
    <t>34383</t>
  </si>
  <si>
    <t>12.528668403625488</t>
  </si>
  <si>
    <t>1166.6634521484375</t>
  </si>
  <si>
    <t>-0.007562294286126203</t>
  </si>
  <si>
    <t>12.981701850891113</t>
  </si>
  <si>
    <t>998.7299194335938</t>
  </si>
  <si>
    <t>0.02015442647892307</t>
  </si>
  <si>
    <t>12.348953247070312</t>
  </si>
  <si>
    <t>1429.566650390625</t>
  </si>
  <si>
    <t>-0.02149319268586325</t>
  </si>
  <si>
    <t>35874</t>
  </si>
  <si>
    <t>13.1197509765625</t>
  </si>
  <si>
    <t>1110.76025390625</t>
  </si>
  <si>
    <t>0.043789309151090805</t>
  </si>
  <si>
    <t>36891</t>
  </si>
  <si>
    <t>12.69827938079834</t>
  </si>
  <si>
    <t>1409.547607421875</t>
  </si>
  <si>
    <t>0.027954819731597524</t>
  </si>
  <si>
    <t>1726.5</t>
  </si>
  <si>
    <t>283.2594299316406</t>
  </si>
  <si>
    <t>Jeju-do</t>
  </si>
  <si>
    <t>1556.7001953125</t>
  </si>
  <si>
    <t>0.09209065944133421</t>
  </si>
  <si>
    <t>12347</t>
  </si>
  <si>
    <t>1346.9000244140625</t>
  </si>
  <si>
    <t>0.049304591434889744</t>
  </si>
  <si>
    <t>13058</t>
  </si>
  <si>
    <t>1712.4000244140625</t>
  </si>
  <si>
    <t>0.05598785417883434</t>
  </si>
  <si>
    <t>15.53333568572998</t>
  </si>
  <si>
    <t>1143.900146484375</t>
  </si>
  <si>
    <t>0.07819125930065418</t>
  </si>
  <si>
    <t>15317</t>
  </si>
  <si>
    <t>1125.0999755859375</t>
  </si>
  <si>
    <t>0.0813710906173224</t>
  </si>
  <si>
    <t>15808</t>
  </si>
  <si>
    <t>1383.800048828125</t>
  </si>
  <si>
    <t>0.0315528183230942</t>
  </si>
  <si>
    <t>16435</t>
  </si>
  <si>
    <t>1655.699951171875</t>
  </si>
  <si>
    <t>0.03889706611067112</t>
  </si>
  <si>
    <t>15762</t>
  </si>
  <si>
    <t>1784.4998779296875</t>
  </si>
  <si>
    <t>-0.0418112271847253</t>
  </si>
  <si>
    <t>17220</t>
  </si>
  <si>
    <t>15.225001335144043</t>
  </si>
  <si>
    <t>1789.300048828125</t>
  </si>
  <si>
    <t>0.08846951906812706</t>
  </si>
  <si>
    <t>18156</t>
  </si>
  <si>
    <t>0.05292958559463479</t>
  </si>
  <si>
    <t>0.01844527056122658</t>
  </si>
  <si>
    <t>20122</t>
  </si>
  <si>
    <t>15.091666221618652</t>
  </si>
  <si>
    <t>1671.10009765625</t>
  </si>
  <si>
    <t>0.08436738871441207</t>
  </si>
  <si>
    <t>20782</t>
  </si>
  <si>
    <t>1980.5997314453125</t>
  </si>
  <si>
    <t>0.032273483560596006</t>
  </si>
  <si>
    <t>15.683333396911621</t>
  </si>
  <si>
    <t>1449.900146484375</t>
  </si>
  <si>
    <t>0.05600022460468246</t>
  </si>
  <si>
    <t>22602</t>
  </si>
  <si>
    <t>14.991665840148926</t>
  </si>
  <si>
    <t>1172.2000732421875</t>
  </si>
  <si>
    <t>0.027950945902821545</t>
  </si>
  <si>
    <t>1731.300048828125</t>
  </si>
  <si>
    <t>0.023826784563993897</t>
  </si>
  <si>
    <t>15.616665840148926</t>
  </si>
  <si>
    <t>1506.9000244140625</t>
  </si>
  <si>
    <t>0.04885805094665585</t>
  </si>
  <si>
    <t>1234.7000732421875</t>
  </si>
  <si>
    <t>0.001726477183069619</t>
  </si>
  <si>
    <t>25887</t>
  </si>
  <si>
    <t>1357.0</t>
  </si>
  <si>
    <t>0.06129120156260193</t>
  </si>
  <si>
    <t>1605.0999755859375</t>
  </si>
  <si>
    <t>0.017992982162100546</t>
  </si>
  <si>
    <t>1593.2000732421875</t>
  </si>
  <si>
    <t>0.0670915064129396</t>
  </si>
  <si>
    <t>1893.900146484375</t>
  </si>
  <si>
    <t>0.04813782086501028</t>
  </si>
  <si>
    <t>1227.300048828125</t>
  </si>
  <si>
    <t>0.03155003779305687</t>
  </si>
  <si>
    <t>1647.2000732421875</t>
  </si>
  <si>
    <t>0.0496571774878003</t>
  </si>
  <si>
    <t>1667.5</t>
  </si>
  <si>
    <t>0.05424112432796235</t>
  </si>
  <si>
    <t>1566.4000244140625</t>
  </si>
  <si>
    <t>0.04830353452014435</t>
  </si>
  <si>
    <t>36001</t>
  </si>
  <si>
    <t>0.01283162008479799</t>
  </si>
  <si>
    <t>34847</t>
  </si>
  <si>
    <t>15.641667366027832</t>
  </si>
  <si>
    <t>1651.900146484375</t>
  </si>
  <si>
    <t>-0.03257966556070535</t>
  </si>
  <si>
    <t>1833.1002197265625</t>
  </si>
  <si>
    <t>0.009880148904306552</t>
  </si>
  <si>
    <t>1676.7001953125</t>
  </si>
  <si>
    <t>-0.05920134623273121</t>
  </si>
  <si>
    <t>16.05000114440918</t>
  </si>
  <si>
    <t>1526.4998779296875</t>
  </si>
  <si>
    <t>0.04379616241098638</t>
  </si>
  <si>
    <t>0.02794240860556485</t>
  </si>
  <si>
    <t>13.093982696533203</t>
  </si>
  <si>
    <t>1459.4788818359375</t>
  </si>
  <si>
    <t>618.8369140625</t>
  </si>
  <si>
    <t>Jeollabuk-do</t>
  </si>
  <si>
    <t>12.50122356414795</t>
  </si>
  <si>
    <t>1383.5057373046875</t>
  </si>
  <si>
    <t>0.09203024039500818</t>
  </si>
  <si>
    <t>12.332036018371582</t>
  </si>
  <si>
    <t>1134.0751953125</t>
  </si>
  <si>
    <t>0.04940409687570124</t>
  </si>
  <si>
    <t>11803</t>
  </si>
  <si>
    <t>11.955303192138672</t>
  </si>
  <si>
    <t>1487.114501953125</t>
  </si>
  <si>
    <t>0.055928177773354903</t>
  </si>
  <si>
    <t>13.161114692687988</t>
  </si>
  <si>
    <t>873.4777221679688</t>
  </si>
  <si>
    <t>0.07827497196906563</t>
  </si>
  <si>
    <t>12.237850189208984</t>
  </si>
  <si>
    <t>959.9051513671875</t>
  </si>
  <si>
    <t>0.08129544820692658</t>
  </si>
  <si>
    <t>15424</t>
  </si>
  <si>
    <t>12.193036079406738</t>
  </si>
  <si>
    <t>1149.4559326171875</t>
  </si>
  <si>
    <t>0.10800058124526579</t>
  </si>
  <si>
    <t>16280</t>
  </si>
  <si>
    <t>12.903569221496582</t>
  </si>
  <si>
    <t>1458.3201904296875</t>
  </si>
  <si>
    <t>0.054012622706204994</t>
  </si>
  <si>
    <t>13.737689971923828</t>
  </si>
  <si>
    <t>1723.7052001953125</t>
  </si>
  <si>
    <t>-0.05804043299790429</t>
  </si>
  <si>
    <t>16778</t>
  </si>
  <si>
    <t>12.840676307678223</t>
  </si>
  <si>
    <t>1633.1177978515625</t>
  </si>
  <si>
    <t>0.08817157684761234</t>
  </si>
  <si>
    <t>12.477782249450684</t>
  </si>
  <si>
    <t>1393.81689453125</t>
  </si>
  <si>
    <t>0.06350240224155712</t>
  </si>
  <si>
    <t>18570</t>
  </si>
  <si>
    <t>13.076994895935059</t>
  </si>
  <si>
    <t>1154.3382568359375</t>
  </si>
  <si>
    <t>0.03797646869895388</t>
  </si>
  <si>
    <t>19551</t>
  </si>
  <si>
    <t>12.733128547668457</t>
  </si>
  <si>
    <t>1460.0413818359375</t>
  </si>
  <si>
    <t>0.05147906065373853</t>
  </si>
  <si>
    <t>12.768035888671875</t>
  </si>
  <si>
    <t>1964.4755859375</t>
  </si>
  <si>
    <t>0.016134292152599983</t>
  </si>
  <si>
    <t>13.231554985046387</t>
  </si>
  <si>
    <t>1452.0462646484375</t>
  </si>
  <si>
    <t>0.0572646596985571</t>
  </si>
  <si>
    <t>21619</t>
  </si>
  <si>
    <t>12.548382759094238</t>
  </si>
  <si>
    <t>1248.0390625</t>
  </si>
  <si>
    <t>0.027147169802818283</t>
  </si>
  <si>
    <t>12.972755432128906</t>
  </si>
  <si>
    <t>1505.649169921875</t>
  </si>
  <si>
    <t>0.06604358621023998</t>
  </si>
  <si>
    <t>13.178730010986328</t>
  </si>
  <si>
    <t>1388.73583984375</t>
  </si>
  <si>
    <t>0.054311035621667614</t>
  </si>
  <si>
    <t>25313</t>
  </si>
  <si>
    <t>12.85074234008789</t>
  </si>
  <si>
    <t>0.03739091825385188</t>
  </si>
  <si>
    <t>26560</t>
  </si>
  <si>
    <t>12.824955940246582</t>
  </si>
  <si>
    <t>1279.6773681640625</t>
  </si>
  <si>
    <t>0.04808822685014569</t>
  </si>
  <si>
    <t>12.465995788574219</t>
  </si>
  <si>
    <t>1434.9627685546875</t>
  </si>
  <si>
    <t>0.023737116578534057</t>
  </si>
  <si>
    <t>12.613476753234863</t>
  </si>
  <si>
    <t>1474.040771484375</t>
  </si>
  <si>
    <t>0.03996568269982248</t>
  </si>
  <si>
    <t>12.355929374694824</t>
  </si>
  <si>
    <t>1621.5416259765625</t>
  </si>
  <si>
    <t>0.006830050491753781</t>
  </si>
  <si>
    <t>12.941463470458984</t>
  </si>
  <si>
    <t>1143.65673828125</t>
  </si>
  <si>
    <t>0.04312522405362351</t>
  </si>
  <si>
    <t>30488</t>
  </si>
  <si>
    <t>12.867875099182129</t>
  </si>
  <si>
    <t>1364.040283203125</t>
  </si>
  <si>
    <t>0.024268765139591864</t>
  </si>
  <si>
    <t>13.157502174377441</t>
  </si>
  <si>
    <t>1178.995849609375</t>
  </si>
  <si>
    <t>0.006342999851023379</t>
  </si>
  <si>
    <t>13.70986270904541</t>
  </si>
  <si>
    <t>1322.051513671875</t>
  </si>
  <si>
    <t>-0.0020880921126931185</t>
  </si>
  <si>
    <t>30874</t>
  </si>
  <si>
    <t>12.831555366516113</t>
  </si>
  <si>
    <t>975.0086059570312</t>
  </si>
  <si>
    <t>0.008326334449760608</t>
  </si>
  <si>
    <t>13.27637004852295</t>
  </si>
  <si>
    <t>1444.21435546875</t>
  </si>
  <si>
    <t>0.022546269840047373</t>
  </si>
  <si>
    <t>13.66032886505127</t>
  </si>
  <si>
    <t>1453.0740966796875</t>
  </si>
  <si>
    <t>0.04431957595618741</t>
  </si>
  <si>
    <t>13.04162311553955</t>
  </si>
  <si>
    <t>1567.607421875</t>
  </si>
  <si>
    <t>0.002057925248877268</t>
  </si>
  <si>
    <t>34558</t>
  </si>
  <si>
    <t>13.729981422424316</t>
  </si>
  <si>
    <t>1376.1256103515625</t>
  </si>
  <si>
    <t>0.04380089508616791</t>
  </si>
  <si>
    <t>35537</t>
  </si>
  <si>
    <t>13.330928802490234</t>
  </si>
  <si>
    <t>1128.7862548828125</t>
  </si>
  <si>
    <t>0.027935335342467837</t>
  </si>
  <si>
    <t>13208</t>
  </si>
  <si>
    <t>14.589641571044922</t>
  </si>
  <si>
    <t>1635.990966796875</t>
  </si>
  <si>
    <t>2001.583251953125</t>
  </si>
  <si>
    <t>Jeollanam-do</t>
  </si>
  <si>
    <t>13.853907585144043</t>
  </si>
  <si>
    <t>1563.282958984375</t>
  </si>
  <si>
    <t>0.09208379234880226</t>
  </si>
  <si>
    <t>15215</t>
  </si>
  <si>
    <t>13.771434783935547</t>
  </si>
  <si>
    <t>1243.737548828125</t>
  </si>
  <si>
    <t>0.04937528438230565</t>
  </si>
  <si>
    <t>16090</t>
  </si>
  <si>
    <t>13.437726020812988</t>
  </si>
  <si>
    <t>1657.4169921875</t>
  </si>
  <si>
    <t>0.05591617765535695</t>
  </si>
  <si>
    <t>14.714083671569824</t>
  </si>
  <si>
    <t>1020.8522338867188</t>
  </si>
  <si>
    <t>0.07821477230028684</t>
  </si>
  <si>
    <t>18874</t>
  </si>
  <si>
    <t>13.698783874511719</t>
  </si>
  <si>
    <t>1028.94384765625</t>
  </si>
  <si>
    <t>0.08137258029456262</t>
  </si>
  <si>
    <t>13.696029663085938</t>
  </si>
  <si>
    <t>1297.537353515625</t>
  </si>
  <si>
    <t>0.08813663111790682</t>
  </si>
  <si>
    <t>22966</t>
  </si>
  <si>
    <t>14.424361228942871</t>
  </si>
  <si>
    <t>1623.4569091796875</t>
  </si>
  <si>
    <t>0.10809291663695042</t>
  </si>
  <si>
    <t>1915.8634033203125</t>
  </si>
  <si>
    <t>0.014138024895219203</t>
  </si>
  <si>
    <t>14.352494239807129</t>
  </si>
  <si>
    <t>1918.4932861328125</t>
  </si>
  <si>
    <t>0.039273550345393815</t>
  </si>
  <si>
    <t>25564</t>
  </si>
  <si>
    <t>14.00916576385498</t>
  </si>
  <si>
    <t>1501.590576171875</t>
  </si>
  <si>
    <t>0.05375867519342492</t>
  </si>
  <si>
    <t>26752</t>
  </si>
  <si>
    <t>14.592586517333984</t>
  </si>
  <si>
    <t>1302.5970458984375</t>
  </si>
  <si>
    <t>0.04542412511425553</t>
  </si>
  <si>
    <t>28745</t>
  </si>
  <si>
    <t>14.215755462646484</t>
  </si>
  <si>
    <t>1611.2025146484375</t>
  </si>
  <si>
    <t>0.07185460217296225</t>
  </si>
  <si>
    <t>14.248047828674316</t>
  </si>
  <si>
    <t>2190.458984375</t>
  </si>
  <si>
    <t>0.06099904139374601</t>
  </si>
  <si>
    <t>14.721451759338379</t>
  </si>
  <si>
    <t>1588.937744140625</t>
  </si>
  <si>
    <t>0.11334738799504684</t>
  </si>
  <si>
    <t>34707</t>
  </si>
  <si>
    <t>14.046302795410156</t>
  </si>
  <si>
    <t>1331.18017578125</t>
  </si>
  <si>
    <t>0.014131127250815112</t>
  </si>
  <si>
    <t>14.397719383239746</t>
  </si>
  <si>
    <t>1708.015869140625</t>
  </si>
  <si>
    <t>0.012853904987537135</t>
  </si>
  <si>
    <t>14.66120433807373</t>
  </si>
  <si>
    <t>1556.34912109375</t>
  </si>
  <si>
    <t>0.10035026083843768</t>
  </si>
  <si>
    <t>41594</t>
  </si>
  <si>
    <t>14.284725189208984</t>
  </si>
  <si>
    <t>1225.90087890625</t>
  </si>
  <si>
    <t>0.06781036455489264</t>
  </si>
  <si>
    <t>14.273555755615234</t>
  </si>
  <si>
    <t>1403.81396484375</t>
  </si>
  <si>
    <t>-0.04955619293717639</t>
  </si>
  <si>
    <t>13.875812530517578</t>
  </si>
  <si>
    <t>1671.227294921875</t>
  </si>
  <si>
    <t>0.12817386377202666</t>
  </si>
  <si>
    <t>45466</t>
  </si>
  <si>
    <t>14.082653999328613</t>
  </si>
  <si>
    <t>1584.630859375</t>
  </si>
  <si>
    <t>0.010391196946574865</t>
  </si>
  <si>
    <t>13.821022033691406</t>
  </si>
  <si>
    <t>1820.1708984375</t>
  </si>
  <si>
    <t>0.0010551770598716814</t>
  </si>
  <si>
    <t>46443</t>
  </si>
  <si>
    <t>14.46109676361084</t>
  </si>
  <si>
    <t>1271.8251953125</t>
  </si>
  <si>
    <t>0.020205783289412693</t>
  </si>
  <si>
    <t>45648</t>
  </si>
  <si>
    <t>14.397082328796387</t>
  </si>
  <si>
    <t>1500.4532470703125</t>
  </si>
  <si>
    <t>-0.01726595975529399</t>
  </si>
  <si>
    <t>14.60842227935791</t>
  </si>
  <si>
    <t>1387.3472900390625</t>
  </si>
  <si>
    <t>0.005766726334917038</t>
  </si>
  <si>
    <t>46738</t>
  </si>
  <si>
    <t>15.150561332702637</t>
  </si>
  <si>
    <t>1476.799560546875</t>
  </si>
  <si>
    <t>0.017831017487552003</t>
  </si>
  <si>
    <t>46989</t>
  </si>
  <si>
    <t>14.372675895690918</t>
  </si>
  <si>
    <t>1030.97607421875</t>
  </si>
  <si>
    <t>0.005355993471020781</t>
  </si>
  <si>
    <t>47764</t>
  </si>
  <si>
    <t>14.785012245178223</t>
  </si>
  <si>
    <t>1643.7984619140625</t>
  </si>
  <si>
    <t>0.016358685906503467</t>
  </si>
  <si>
    <t>49365</t>
  </si>
  <si>
    <t>15.166863441467285</t>
  </si>
  <si>
    <t>1693.4537353515625</t>
  </si>
  <si>
    <t>0.03296945339227442</t>
  </si>
  <si>
    <t>49704</t>
  </si>
  <si>
    <t>14.481371879577637</t>
  </si>
  <si>
    <t>1742.876708984375</t>
  </si>
  <si>
    <t>0.006843741697979411</t>
  </si>
  <si>
    <t>51929</t>
  </si>
  <si>
    <t>15.24014663696289</t>
  </si>
  <si>
    <t>1572.050537109375</t>
  </si>
  <si>
    <t>0.04379198821772334</t>
  </si>
  <si>
    <t>53400</t>
  </si>
  <si>
    <t>14.785462379455566</t>
  </si>
  <si>
    <t>1150.5281982421875</t>
  </si>
  <si>
    <t>0.027933344987033593</t>
  </si>
  <si>
    <t>1770.5001220703125</t>
  </si>
  <si>
    <t>505.82379150390625</t>
  </si>
  <si>
    <t>Sejong</t>
  </si>
  <si>
    <t>16740</t>
  </si>
  <si>
    <t>1193.60009765625</t>
  </si>
  <si>
    <t>0.09204193017834683</t>
  </si>
  <si>
    <t>1101.4998779296875</t>
  </si>
  <si>
    <t>0.04935892769289829</t>
  </si>
  <si>
    <t>0.05600158796492849</t>
  </si>
  <si>
    <t>971.2000732421875</t>
  </si>
  <si>
    <t>0.07820479145192749</t>
  </si>
  <si>
    <t>21818</t>
  </si>
  <si>
    <t>1132.2999267578125</t>
  </si>
  <si>
    <t>0.08136894500448122</t>
  </si>
  <si>
    <t>24338</t>
  </si>
  <si>
    <t>1150.800048828125</t>
  </si>
  <si>
    <t>0.10930359773904286</t>
  </si>
  <si>
    <t>12.333333015441895</t>
  </si>
  <si>
    <t>1332.099853515625</t>
  </si>
  <si>
    <t>0.10531531782485004</t>
  </si>
  <si>
    <t>1649.800048828125</t>
  </si>
  <si>
    <t>-0.008728489683152318</t>
  </si>
  <si>
    <t>1539.5</t>
  </si>
  <si>
    <t>0.13710163634912753</t>
  </si>
  <si>
    <t>12.133336067199707</t>
  </si>
  <si>
    <t>1263.60009765625</t>
  </si>
  <si>
    <t>0.09538409892205912</t>
  </si>
  <si>
    <t>1038.60009765625</t>
  </si>
  <si>
    <t>0.0302572475262064</t>
  </si>
  <si>
    <t>37966</t>
  </si>
  <si>
    <t>1353.0</t>
  </si>
  <si>
    <t>0.08532229651465073</t>
  </si>
  <si>
    <t>12.366665840148926</t>
  </si>
  <si>
    <t>1865.499755859375</t>
  </si>
  <si>
    <t>0.08053290475472963</t>
  </si>
  <si>
    <t>44434</t>
  </si>
  <si>
    <t>12.87500286102295</t>
  </si>
  <si>
    <t>1430.5999755859375</t>
  </si>
  <si>
    <t>0.07678101503185708</t>
  </si>
  <si>
    <t>46757</t>
  </si>
  <si>
    <t>1311.9000244140625</t>
  </si>
  <si>
    <t>0.05095903499127097</t>
  </si>
  <si>
    <t>1382.0999755859375</t>
  </si>
  <si>
    <t>0.04620304640256201</t>
  </si>
  <si>
    <t>51189</t>
  </si>
  <si>
    <t>1373.0001220703125</t>
  </si>
  <si>
    <t>0.04435764166446887</t>
  </si>
  <si>
    <t>52995</t>
  </si>
  <si>
    <t>1102.0999755859375</t>
  </si>
  <si>
    <t>0.03467290426597991</t>
  </si>
  <si>
    <t>56519</t>
  </si>
  <si>
    <t>1271.199951171875</t>
  </si>
  <si>
    <t>0.06437929532850006</t>
  </si>
  <si>
    <t>62396</t>
  </si>
  <si>
    <t>12.183333396911621</t>
  </si>
  <si>
    <t>0.09892430594890378</t>
  </si>
  <si>
    <t>65855</t>
  </si>
  <si>
    <t>1574.800048828125</t>
  </si>
  <si>
    <t>0.05395418469438873</t>
  </si>
  <si>
    <t>68278</t>
  </si>
  <si>
    <t>1496.499755859375</t>
  </si>
  <si>
    <t>0.03613225089216421</t>
  </si>
  <si>
    <t>68783</t>
  </si>
  <si>
    <t>1167.599853515625</t>
  </si>
  <si>
    <t>0.007369015040357141</t>
  </si>
  <si>
    <t>77754</t>
  </si>
  <si>
    <t>0.12259337529780012</t>
  </si>
  <si>
    <t>59246</t>
  </si>
  <si>
    <t>952.9000244140625</t>
  </si>
  <si>
    <t>-0.2718517294935552</t>
  </si>
  <si>
    <t>49964</t>
  </si>
  <si>
    <t>1214.7000732421875</t>
  </si>
  <si>
    <t>-0.1703955210841137</t>
  </si>
  <si>
    <t>45808</t>
  </si>
  <si>
    <t>12.24166488647461</t>
  </si>
  <si>
    <t>995.6000366210938</t>
  </si>
  <si>
    <t>-0.08684399774790386</t>
  </si>
  <si>
    <t>41784</t>
  </si>
  <si>
    <t>1304.7999267578125</t>
  </si>
  <si>
    <t>-0.09194525722176117</t>
  </si>
  <si>
    <t>41397</t>
  </si>
  <si>
    <t>1190.5999755859375</t>
  </si>
  <si>
    <t>-0.009305076696470849</t>
  </si>
  <si>
    <t>1519.8001708984375</t>
  </si>
  <si>
    <t>-0.0037512598594524604</t>
  </si>
  <si>
    <t>13.216668128967285</t>
  </si>
  <si>
    <t>1210.0999755859375</t>
  </si>
  <si>
    <t>0.043787381491167565</t>
  </si>
  <si>
    <t>1323.10009765625</t>
  </si>
  <si>
    <t>0.02794328061847473</t>
  </si>
  <si>
    <t>LKA</t>
  </si>
  <si>
    <t>1874.0999755859375</t>
  </si>
  <si>
    <t>558.3078002929688</t>
  </si>
  <si>
    <t>Central</t>
  </si>
  <si>
    <t>Sri Lanka</t>
  </si>
  <si>
    <t>23.52500343322754</t>
  </si>
  <si>
    <t>1654.699951171875</t>
  </si>
  <si>
    <t>0.05013921012255196</t>
  </si>
  <si>
    <t>1560.9998779296875</t>
  </si>
  <si>
    <t>0.021444336388492857</t>
  </si>
  <si>
    <t>2051.39990234375</t>
  </si>
  <si>
    <t>0.04551986847106981</t>
  </si>
  <si>
    <t>4189</t>
  </si>
  <si>
    <t>23.43333625793457</t>
  </si>
  <si>
    <t>1977.6002197265625</t>
  </si>
  <si>
    <t>0.034980491454442486</t>
  </si>
  <si>
    <t>23.5916690826416</t>
  </si>
  <si>
    <t>1599.800048828125</t>
  </si>
  <si>
    <t>0.03518186485131558</t>
  </si>
  <si>
    <t>23.45833396911621</t>
  </si>
  <si>
    <t>1842.300048828125</t>
  </si>
  <si>
    <t>-0.02072492387988767</t>
  </si>
  <si>
    <t>23.766664505004883</t>
  </si>
  <si>
    <t>2269.199951171875</t>
  </si>
  <si>
    <t>0.0025848915814492557</t>
  </si>
  <si>
    <t>24.03333282470703</t>
  </si>
  <si>
    <t>1632.9000244140625</t>
  </si>
  <si>
    <t>-0.007774806509784682</t>
  </si>
  <si>
    <t>1845.0999755859375</t>
  </si>
  <si>
    <t>-0.01381303219728025</t>
  </si>
  <si>
    <t>23.541669845581055</t>
  </si>
  <si>
    <t>1906.9000244140625</t>
  </si>
  <si>
    <t>0.06745692033541673</t>
  </si>
  <si>
    <t>23.741666793823242</t>
  </si>
  <si>
    <t>1363.800048828125</t>
  </si>
  <si>
    <t>-0.007424941299737142</t>
  </si>
  <si>
    <t>1953.199951171875</t>
  </si>
  <si>
    <t>0.0015796009151536339</t>
  </si>
  <si>
    <t>1709.0</t>
  </si>
  <si>
    <t>0.019868942492330177</t>
  </si>
  <si>
    <t>23.508331298828125</t>
  </si>
  <si>
    <t>2300.000244140625</t>
  </si>
  <si>
    <t>0.022079812710515512</t>
  </si>
  <si>
    <t>4764</t>
  </si>
  <si>
    <t>23.625</t>
  </si>
  <si>
    <t>1716.5</t>
  </si>
  <si>
    <t>0.029611280528664352</t>
  </si>
  <si>
    <t>23.67500114440918</t>
  </si>
  <si>
    <t>2345.800048828125</t>
  </si>
  <si>
    <t>0.0973308831626678</t>
  </si>
  <si>
    <t>5733</t>
  </si>
  <si>
    <t>23.558332443237305</t>
  </si>
  <si>
    <t>1590.0001220703125</t>
  </si>
  <si>
    <t>0.08782041927052475</t>
  </si>
  <si>
    <t>23.491668701171875</t>
  </si>
  <si>
    <t>2165.800048828125</t>
  </si>
  <si>
    <t>0.07911646473032441</t>
  </si>
  <si>
    <t>6560</t>
  </si>
  <si>
    <t>1635.800048828125</t>
  </si>
  <si>
    <t>0.05563518429942782</t>
  </si>
  <si>
    <t>23.908334732055664</t>
  </si>
  <si>
    <t>2133.699951171875</t>
  </si>
  <si>
    <t>0.08374130033990212</t>
  </si>
  <si>
    <t>23.758331298828125</t>
  </si>
  <si>
    <t>1626.6002197265625</t>
  </si>
  <si>
    <t>0.09883428922564441</t>
  </si>
  <si>
    <t>1972.699951171875</t>
  </si>
  <si>
    <t>0.09952692165390253</t>
  </si>
  <si>
    <t>1558.0999755859375</t>
  </si>
  <si>
    <t>0.05817345764100956</t>
  </si>
  <si>
    <t>9789</t>
  </si>
  <si>
    <t>23.874998092651367</t>
  </si>
  <si>
    <t>1760.800048828125</t>
  </si>
  <si>
    <t>0.059992734462836594</t>
  </si>
  <si>
    <t>23.858335494995117</t>
  </si>
  <si>
    <t>2509.0</t>
  </si>
  <si>
    <t>0.04406527368424129</t>
  </si>
  <si>
    <t>1645.2000732421875</t>
  </si>
  <si>
    <t>0.1727450563507471</t>
  </si>
  <si>
    <t>1600.0999755859375</t>
  </si>
  <si>
    <t>0.06070686204017406</t>
  </si>
  <si>
    <t>1909.39990234375</t>
  </si>
  <si>
    <t>-0.014108344226805514</t>
  </si>
  <si>
    <t>12171</t>
  </si>
  <si>
    <t>24.21666717529297</t>
  </si>
  <si>
    <t>2084.5</t>
  </si>
  <si>
    <t>-0.045612081235230306</t>
  </si>
  <si>
    <t>24.07499885559082</t>
  </si>
  <si>
    <t>1931.10009765625</t>
  </si>
  <si>
    <t>-0.05349681094726755</t>
  </si>
  <si>
    <t>2024.7999267578125</t>
  </si>
  <si>
    <t>0.02355670193652415</t>
  </si>
  <si>
    <t>23.641664505004883</t>
  </si>
  <si>
    <t>1931.5</t>
  </si>
  <si>
    <t>-0.08274134515794707</t>
  </si>
  <si>
    <t>28.07923698425293</t>
  </si>
  <si>
    <t>1682.861083984375</t>
  </si>
  <si>
    <t>909.9793701171875</t>
  </si>
  <si>
    <t>Eastern</t>
  </si>
  <si>
    <t>2569</t>
  </si>
  <si>
    <t>27.990882873535156</t>
  </si>
  <si>
    <t>1431.5806884765625</t>
  </si>
  <si>
    <t>0.06098961640639988</t>
  </si>
  <si>
    <t>27.780717849731445</t>
  </si>
  <si>
    <t>1371.11083984375</t>
  </si>
  <si>
    <t>0.05968538573570559</t>
  </si>
  <si>
    <t>27.86411476135254</t>
  </si>
  <si>
    <t>1912.81982421875</t>
  </si>
  <si>
    <t>0.08300016472797633</t>
  </si>
  <si>
    <t>27.92545509338379</t>
  </si>
  <si>
    <t>1850.31640625</t>
  </si>
  <si>
    <t>0.010073960279134653</t>
  </si>
  <si>
    <t>28.048994064331055</t>
  </si>
  <si>
    <t>1325.3179931640625</t>
  </si>
  <si>
    <t>0.008980602516215797</t>
  </si>
  <si>
    <t>27.928640365600586</t>
  </si>
  <si>
    <t>1518.6209716796875</t>
  </si>
  <si>
    <t>0.06939014355732809</t>
  </si>
  <si>
    <t>28.230493545532227</t>
  </si>
  <si>
    <t>2008.9013671875</t>
  </si>
  <si>
    <t>0.09398934270755177</t>
  </si>
  <si>
    <t>3761</t>
  </si>
  <si>
    <t>28.50690269470215</t>
  </si>
  <si>
    <t>1750.75146484375</t>
  </si>
  <si>
    <t>0.0560485618365405</t>
  </si>
  <si>
    <t>27.91474151611328</t>
  </si>
  <si>
    <t>1880.075439453125</t>
  </si>
  <si>
    <t>0.05231643472009928</t>
  </si>
  <si>
    <t>28.048492431640625</t>
  </si>
  <si>
    <t>2039.1431884765625</t>
  </si>
  <si>
    <t>0.04731111409911293</t>
  </si>
  <si>
    <t>28.238454818725586</t>
  </si>
  <si>
    <t>1190.4176025390625</t>
  </si>
  <si>
    <t>-0.02732543764877704</t>
  </si>
  <si>
    <t>28.28216552734375</t>
  </si>
  <si>
    <t>1853.763671875</t>
  </si>
  <si>
    <t>0.05486100120069537</t>
  </si>
  <si>
    <t>4594</t>
  </si>
  <si>
    <t>28.32526397705078</t>
  </si>
  <si>
    <t>1374.390380859375</t>
  </si>
  <si>
    <t>0.07290311240757674</t>
  </si>
  <si>
    <t>28.02062225341797</t>
  </si>
  <si>
    <t>1908.1751708984375</t>
  </si>
  <si>
    <t>-0.02000726294747146</t>
  </si>
  <si>
    <t>28.168838500976562</t>
  </si>
  <si>
    <t>1829.4119873046875</t>
  </si>
  <si>
    <t>-0.016344257262391082</t>
  </si>
  <si>
    <t>28.205209732055664</t>
  </si>
  <si>
    <t>2370.972412109375</t>
  </si>
  <si>
    <t>0.12363495422432358</t>
  </si>
  <si>
    <t>28.07724952697754</t>
  </si>
  <si>
    <t>1319.9420166015625</t>
  </si>
  <si>
    <t>0.11162451824275621</t>
  </si>
  <si>
    <t>28.056175231933594</t>
  </si>
  <si>
    <t>1911.7073974609375</t>
  </si>
  <si>
    <t>0.10089023552692211</t>
  </si>
  <si>
    <t>6688</t>
  </si>
  <si>
    <t>28.437238693237305</t>
  </si>
  <si>
    <t>1445.0126953125</t>
  </si>
  <si>
    <t>0.07576558373135533</t>
  </si>
  <si>
    <t>28.35047149658203</t>
  </si>
  <si>
    <t>2053.97021484375</t>
  </si>
  <si>
    <t>0.08906518752877801</t>
  </si>
  <si>
    <t>28.272546768188477</t>
  </si>
  <si>
    <t>1538.87255859375</t>
  </si>
  <si>
    <t>0.04597896579846861</t>
  </si>
  <si>
    <t>8020</t>
  </si>
  <si>
    <t>28.44910430908203</t>
  </si>
  <si>
    <t>1945.973388671875</t>
  </si>
  <si>
    <t>0.04657939276877521</t>
  </si>
  <si>
    <t>8059</t>
  </si>
  <si>
    <t>28.164278030395508</t>
  </si>
  <si>
    <t>1514.5517578125</t>
  </si>
  <si>
    <t>0.004851057463952202</t>
  </si>
  <si>
    <t>28.35823631286621</t>
  </si>
  <si>
    <t>1754.68701171875</t>
  </si>
  <si>
    <t>0.021725309823168004</t>
  </si>
  <si>
    <t>8876</t>
  </si>
  <si>
    <t>28.319786071777344</t>
  </si>
  <si>
    <t>2140.436767578125</t>
  </si>
  <si>
    <t>0.0748362159048046</t>
  </si>
  <si>
    <t>28.63158416748047</t>
  </si>
  <si>
    <t>1587.821533203125</t>
  </si>
  <si>
    <t>-0.03205402629008347</t>
  </si>
  <si>
    <t>28.344919204711914</t>
  </si>
  <si>
    <t>1537.0528564453125</t>
  </si>
  <si>
    <t>0.11617893710021399</t>
  </si>
  <si>
    <t>28.31565284729004</t>
  </si>
  <si>
    <t>1502.523681640625</t>
  </si>
  <si>
    <t>0.011635820927924811</t>
  </si>
  <si>
    <t>28.67426109313965</t>
  </si>
  <si>
    <t>2039.420166015625</t>
  </si>
  <si>
    <t>0.012412408826218524</t>
  </si>
  <si>
    <t>28.543062210083008</t>
  </si>
  <si>
    <t>1697.9776611328125</t>
  </si>
  <si>
    <t>-0.05743204908587529</t>
  </si>
  <si>
    <t>28.39151954650879</t>
  </si>
  <si>
    <t>1754.7257080078125</t>
  </si>
  <si>
    <t>0.023495630514563715</t>
  </si>
  <si>
    <t>28.122697830200195</t>
  </si>
  <si>
    <t>1639.8082275390625</t>
  </si>
  <si>
    <t>-0.08272237567163465</t>
  </si>
  <si>
    <t>27.799842834472656</t>
  </si>
  <si>
    <t>1571.441162109375</t>
  </si>
  <si>
    <t>642.4786987304688</t>
  </si>
  <si>
    <t>North Central</t>
  </si>
  <si>
    <t>4083</t>
  </si>
  <si>
    <t>27.73064422607422</t>
  </si>
  <si>
    <t>1310.1639404296875</t>
  </si>
  <si>
    <t>0.2247981155302572</t>
  </si>
  <si>
    <t>4238</t>
  </si>
  <si>
    <t>27.53191566467285</t>
  </si>
  <si>
    <t>1349.107177734375</t>
  </si>
  <si>
    <t>0.03725944750866894</t>
  </si>
  <si>
    <t>4505</t>
  </si>
  <si>
    <t>27.63422966003418</t>
  </si>
  <si>
    <t>1836.2410888671875</t>
  </si>
  <si>
    <t>0.06109643121419417</t>
  </si>
  <si>
    <t>27.674623489379883</t>
  </si>
  <si>
    <t>1732.1746826171875</t>
  </si>
  <si>
    <t>0.04640902168394767</t>
  </si>
  <si>
    <t>4944</t>
  </si>
  <si>
    <t>27.814332962036133</t>
  </si>
  <si>
    <t>1284.4866943359375</t>
  </si>
  <si>
    <t>0.046577807411139815</t>
  </si>
  <si>
    <t>27.661888122558594</t>
  </si>
  <si>
    <t>1480.6121826171875</t>
  </si>
  <si>
    <t>-0.17217899218394628</t>
  </si>
  <si>
    <t>28.009925842285156</t>
  </si>
  <si>
    <t>1901.2984619140625</t>
  </si>
  <si>
    <t>-0.19752545204512018</t>
  </si>
  <si>
    <t>28.192962646484375</t>
  </si>
  <si>
    <t>1505.5501708984375</t>
  </si>
  <si>
    <t>0.08632808348849785</t>
  </si>
  <si>
    <t>27.658790588378906</t>
  </si>
  <si>
    <t>1664.2137451171875</t>
  </si>
  <si>
    <t>0.08070348245598247</t>
  </si>
  <si>
    <t>27.808433532714844</t>
  </si>
  <si>
    <t>1642.9564208984375</t>
  </si>
  <si>
    <t>0.014753156693931402</t>
  </si>
  <si>
    <t>27.933822631835938</t>
  </si>
  <si>
    <t>1204.154296875</t>
  </si>
  <si>
    <t>-0.06166250462885614</t>
  </si>
  <si>
    <t>28.00417137145996</t>
  </si>
  <si>
    <t>1735.82568359375</t>
  </si>
  <si>
    <t>0.06239447977438317</t>
  </si>
  <si>
    <t>28.065176010131836</t>
  </si>
  <si>
    <t>1374.043701171875</t>
  </si>
  <si>
    <t>0.08011775176197311</t>
  </si>
  <si>
    <t>27.750852584838867</t>
  </si>
  <si>
    <t>1892.68603515625</t>
  </si>
  <si>
    <t>0.07980023724508101</t>
  </si>
  <si>
    <t>27.837770462036133</t>
  </si>
  <si>
    <t>1627.5023193359375</t>
  </si>
  <si>
    <t>0.08637027913094464</t>
  </si>
  <si>
    <t>5657</t>
  </si>
  <si>
    <t>27.944154739379883</t>
  </si>
  <si>
    <t>2006.16650390625</t>
  </si>
  <si>
    <t>0.07561847451275838</t>
  </si>
  <si>
    <t>27.828134536743164</t>
  </si>
  <si>
    <t>1297.69091796875</t>
  </si>
  <si>
    <t>0.06699925276375751</t>
  </si>
  <si>
    <t>27.76019287109375</t>
  </si>
  <si>
    <t>1882.16845703125</t>
  </si>
  <si>
    <t>28.184463500976562</t>
  </si>
  <si>
    <t>1458.036865234375</t>
  </si>
  <si>
    <t>0.0365679847505298</t>
  </si>
  <si>
    <t>28.07073974609375</t>
  </si>
  <si>
    <t>1806.6441650390625</t>
  </si>
  <si>
    <t>0.10244159629304583</t>
  </si>
  <si>
    <t>27.945905685424805</t>
  </si>
  <si>
    <t>1425.43310546875</t>
  </si>
  <si>
    <t>0.08160623405603395</t>
  </si>
  <si>
    <t>28.189002990722656</t>
  </si>
  <si>
    <t>1683.1402587890625</t>
  </si>
  <si>
    <t>0.08306659869861299</t>
  </si>
  <si>
    <t>9068</t>
  </si>
  <si>
    <t>27.86455726623535</t>
  </si>
  <si>
    <t>1338.0845947265625</t>
  </si>
  <si>
    <t>0.04211860007868218</t>
  </si>
  <si>
    <t>28.047399520874023</t>
  </si>
  <si>
    <t>1606.2852783203125</t>
  </si>
  <si>
    <t>0.11537853956451194</t>
  </si>
  <si>
    <t>11440</t>
  </si>
  <si>
    <t>28.05585289001465</t>
  </si>
  <si>
    <t>2116.625732421875</t>
  </si>
  <si>
    <t>0.1169857137418564</t>
  </si>
  <si>
    <t>28.36321258544922</t>
  </si>
  <si>
    <t>1369.8331298828125</t>
  </si>
  <si>
    <t>0.03047494162666098</t>
  </si>
  <si>
    <t>28.111547470092773</t>
  </si>
  <si>
    <t>1368.7010498046875</t>
  </si>
  <si>
    <t>0.025283891858865815</t>
  </si>
  <si>
    <t>12527</t>
  </si>
  <si>
    <t>28.033472061157227</t>
  </si>
  <si>
    <t>1573.7933349609375</t>
  </si>
  <si>
    <t>0.035011495424877026</t>
  </si>
  <si>
    <t>11927</t>
  </si>
  <si>
    <t>28.439741134643555</t>
  </si>
  <si>
    <t>1785.63818359375</t>
  </si>
  <si>
    <t>-0.049081577265523535</t>
  </si>
  <si>
    <t>12051</t>
  </si>
  <si>
    <t>28.25927734375</t>
  </si>
  <si>
    <t>1656.1470947265625</t>
  </si>
  <si>
    <t>0.01034290644872371</t>
  </si>
  <si>
    <t>12339</t>
  </si>
  <si>
    <t>28.08576774597168</t>
  </si>
  <si>
    <t>1704.0316162109375</t>
  </si>
  <si>
    <t>0.023617333871142066</t>
  </si>
  <si>
    <t>11358</t>
  </si>
  <si>
    <t>27.817487716674805</t>
  </si>
  <si>
    <t>1674.762939453125</t>
  </si>
  <si>
    <t>-0.08284263646115697</t>
  </si>
  <si>
    <t>27.844114303588867</t>
  </si>
  <si>
    <t>1539.27783203125</t>
  </si>
  <si>
    <t>340.68939208984375</t>
  </si>
  <si>
    <t>North Western</t>
  </si>
  <si>
    <t>5275</t>
  </si>
  <si>
    <t>27.740537643432617</t>
  </si>
  <si>
    <t>1322.4794921875</t>
  </si>
  <si>
    <t>-0.07132821511783938</t>
  </si>
  <si>
    <t>5345</t>
  </si>
  <si>
    <t>27.539358139038086</t>
  </si>
  <si>
    <t>1358.766845703125</t>
  </si>
  <si>
    <t>0.013182865114877984</t>
  </si>
  <si>
    <t>27.634000778198242</t>
  </si>
  <si>
    <t>1774.017333984375</t>
  </si>
  <si>
    <t>0.036735076325323135</t>
  </si>
  <si>
    <t>27.67506980895996</t>
  </si>
  <si>
    <t>1594.3350830078125</t>
  </si>
  <si>
    <t>0.040468460438413345</t>
  </si>
  <si>
    <t>27.825666427612305</t>
  </si>
  <si>
    <t>1403.2205810546875</t>
  </si>
  <si>
    <t>0.04105750540679409</t>
  </si>
  <si>
    <t>27.700668334960938</t>
  </si>
  <si>
    <t>1498.41259765625</t>
  </si>
  <si>
    <t>0.09642778522474771</t>
  </si>
  <si>
    <t>28.017333984375</t>
  </si>
  <si>
    <t>1812.9130859375</t>
  </si>
  <si>
    <t>0.11816870551100322</t>
  </si>
  <si>
    <t>28.261381149291992</t>
  </si>
  <si>
    <t>1384.241455078125</t>
  </si>
  <si>
    <t>-0.09239062610936521</t>
  </si>
  <si>
    <t>6054</t>
  </si>
  <si>
    <t>27.6762638092041</t>
  </si>
  <si>
    <t>1512.9639892578125</t>
  </si>
  <si>
    <t>-0.11590924067439623</t>
  </si>
  <si>
    <t>27.789358139038086</t>
  </si>
  <si>
    <t>1421.6314697265625</t>
  </si>
  <si>
    <t>0.006093061254819787</t>
  </si>
  <si>
    <t>27.99591064453125</t>
  </si>
  <si>
    <t>1248.683349609375</t>
  </si>
  <si>
    <t>-0.07091793546768876</t>
  </si>
  <si>
    <t>28.04353141784668</t>
  </si>
  <si>
    <t>1661.76513671875</t>
  </si>
  <si>
    <t>-0.02661108898284148</t>
  </si>
  <si>
    <t>5466</t>
  </si>
  <si>
    <t>28.116151809692383</t>
  </si>
  <si>
    <t>1471.48193359375</t>
  </si>
  <si>
    <t>-0.010736159897941633</t>
  </si>
  <si>
    <t>27.785795211791992</t>
  </si>
  <si>
    <t>1921.6761474609375</t>
  </si>
  <si>
    <t>0.015791234753594452</t>
  </si>
  <si>
    <t>5681</t>
  </si>
  <si>
    <t>27.9125919342041</t>
  </si>
  <si>
    <t>1489.406494140625</t>
  </si>
  <si>
    <t>0.022788951315519057</t>
  </si>
  <si>
    <t>27.965553283691406</t>
  </si>
  <si>
    <t>1860.0523681640625</t>
  </si>
  <si>
    <t>0.08289566092592437</t>
  </si>
  <si>
    <t>27.85008430480957</t>
  </si>
  <si>
    <t>1301.9759521484375</t>
  </si>
  <si>
    <t>0.07399223543148814</t>
  </si>
  <si>
    <t>27.765554428100586</t>
  </si>
  <si>
    <t>1781.3896484375</t>
  </si>
  <si>
    <t>0.06579788429190359</t>
  </si>
  <si>
    <t>7410</t>
  </si>
  <si>
    <t>28.17448616027832</t>
  </si>
  <si>
    <t>1473.9835205078125</t>
  </si>
  <si>
    <t>0.04301738508369013</t>
  </si>
  <si>
    <t>28.13995361328125</t>
  </si>
  <si>
    <t>1662.94873046875</t>
  </si>
  <si>
    <t>0.04473336347381718</t>
  </si>
  <si>
    <t>27.995309829711914</t>
  </si>
  <si>
    <t>1423.1241455078125</t>
  </si>
  <si>
    <t>0.11207428089229943</t>
  </si>
  <si>
    <t>9695</t>
  </si>
  <si>
    <t>28.212575912475586</t>
  </si>
  <si>
    <t>1475.0550537109375</t>
  </si>
  <si>
    <t>0.11197220502050342</t>
  </si>
  <si>
    <t>27.961380004882812</t>
  </si>
  <si>
    <t>1305.5098876953125</t>
  </si>
  <si>
    <t>0.06971463261536037</t>
  </si>
  <si>
    <t>10826</t>
  </si>
  <si>
    <t>28.151865005493164</t>
  </si>
  <si>
    <t>1423.1529541015625</t>
  </si>
  <si>
    <t>0.04062572706481049</t>
  </si>
  <si>
    <t>28.09650993347168</t>
  </si>
  <si>
    <t>2154.60546875</t>
  </si>
  <si>
    <t>0.02418332024781833</t>
  </si>
  <si>
    <t>11783</t>
  </si>
  <si>
    <t>28.446508407592773</t>
  </si>
  <si>
    <t>1318.3541259765625</t>
  </si>
  <si>
    <t>0.06052384610859818</t>
  </si>
  <si>
    <t>28.1715087890625</t>
  </si>
  <si>
    <t>1327.4937744140625</t>
  </si>
  <si>
    <t>0.06814949351025668</t>
  </si>
  <si>
    <t>12600</t>
  </si>
  <si>
    <t>28.095312118530273</t>
  </si>
  <si>
    <t>1727.551025390625</t>
  </si>
  <si>
    <t>-0.0011104942840276522</t>
  </si>
  <si>
    <t>28.47864532470703</t>
  </si>
  <si>
    <t>1570.47705078125</t>
  </si>
  <si>
    <t>0.01152068293466968</t>
  </si>
  <si>
    <t>28.331619262695312</t>
  </si>
  <si>
    <t>1551.3291015625</t>
  </si>
  <si>
    <t>-0.0437815451528909</t>
  </si>
  <si>
    <t>28.158998489379883</t>
  </si>
  <si>
    <t>1755.2509765625</t>
  </si>
  <si>
    <t>0.023572433244561708</t>
  </si>
  <si>
    <t>11498</t>
  </si>
  <si>
    <t>27.876264572143555</t>
  </si>
  <si>
    <t>1760.32080078125</t>
  </si>
  <si>
    <t>-0.08283527778267263</t>
  </si>
  <si>
    <t>28.489858627319336</t>
  </si>
  <si>
    <t>1187.674560546875</t>
  </si>
  <si>
    <t>746.199462890625</t>
  </si>
  <si>
    <t>Northern</t>
  </si>
  <si>
    <t>28.419641494750977</t>
  </si>
  <si>
    <t>982.70849609375</t>
  </si>
  <si>
    <t>-0.08985040605655659</t>
  </si>
  <si>
    <t>28.171781539916992</t>
  </si>
  <si>
    <t>1159.88916015625</t>
  </si>
  <si>
    <t>-0.07148704401022687</t>
  </si>
  <si>
    <t>28.257036209106445</t>
  </si>
  <si>
    <t>1549.4130859375</t>
  </si>
  <si>
    <t>-0.059556381513410805</t>
  </si>
  <si>
    <t>28.286161422729492</t>
  </si>
  <si>
    <t>1382.7467041015625</t>
  </si>
  <si>
    <t>0.028122858911897808</t>
  </si>
  <si>
    <t>28.39569091796875</t>
  </si>
  <si>
    <t>866.3380126953125</t>
  </si>
  <si>
    <t>28.286888122558594</t>
  </si>
  <si>
    <t>1066.60595703125</t>
  </si>
  <si>
    <t>0.03689271638036562</t>
  </si>
  <si>
    <t>28.63752555847168</t>
  </si>
  <si>
    <t>1545.3524169921875</t>
  </si>
  <si>
    <t>0.06256807715027257</t>
  </si>
  <si>
    <t>28.841157913208008</t>
  </si>
  <si>
    <t>1332.4263916015625</t>
  </si>
  <si>
    <t>0.16151990993380672</t>
  </si>
  <si>
    <t>28.302248001098633</t>
  </si>
  <si>
    <t>1247.19921875</t>
  </si>
  <si>
    <t>0.14502891867840884</t>
  </si>
  <si>
    <t>2286</t>
  </si>
  <si>
    <t>28.42462158203125</t>
  </si>
  <si>
    <t>1205.1654052734375</t>
  </si>
  <si>
    <t>0.2186697591396305</t>
  </si>
  <si>
    <t>28.5773983001709</t>
  </si>
  <si>
    <t>1056.945556640625</t>
  </si>
  <si>
    <t>0.12021033914437673</t>
  </si>
  <si>
    <t>28.64430046081543</t>
  </si>
  <si>
    <t>1397.3515625</t>
  </si>
  <si>
    <t>0.08081820209006718</t>
  </si>
  <si>
    <t>28.64286994934082</t>
  </si>
  <si>
    <t>986.8635864257812</t>
  </si>
  <si>
    <t>0.0970974903784203</t>
  </si>
  <si>
    <t>28.33592414855957</t>
  </si>
  <si>
    <t>1403.1666259765625</t>
  </si>
  <si>
    <t>0.1131547369692214</t>
  </si>
  <si>
    <t>28.46998405456543</t>
  </si>
  <si>
    <t>1462.0657958984375</t>
  </si>
  <si>
    <t>0.11646132885060645</t>
  </si>
  <si>
    <t>4164</t>
  </si>
  <si>
    <t>28.56536865234375</t>
  </si>
  <si>
    <t>1336.8966064453125</t>
  </si>
  <si>
    <t>0.0719304879474123</t>
  </si>
  <si>
    <t>28.430753707885742</t>
  </si>
  <si>
    <t>1082.2528076171875</t>
  </si>
  <si>
    <t>0.06350232164404979</t>
  </si>
  <si>
    <t>28.426565170288086</t>
  </si>
  <si>
    <t>1384.0406494140625</t>
  </si>
  <si>
    <t>0.055667306949548134</t>
  </si>
  <si>
    <t>4849</t>
  </si>
  <si>
    <t>28.8720760345459</t>
  </si>
  <si>
    <t>1227.573974609375</t>
  </si>
  <si>
    <t>0.0331267187768951</t>
  </si>
  <si>
    <t>5532</t>
  </si>
  <si>
    <t>28.811670303344727</t>
  </si>
  <si>
    <t>1371.9215087890625</t>
  </si>
  <si>
    <t>0.13177691567929628</t>
  </si>
  <si>
    <t>6122</t>
  </si>
  <si>
    <t>28.620710372924805</t>
  </si>
  <si>
    <t>1226.9951171875</t>
  </si>
  <si>
    <t>0.10133942672070795</t>
  </si>
  <si>
    <t>28.84299659729004</t>
  </si>
  <si>
    <t>1243.3721923828125</t>
  </si>
  <si>
    <t>0.10194075792560753</t>
  </si>
  <si>
    <t>28.50152587890625</t>
  </si>
  <si>
    <t>949.4950561523438</t>
  </si>
  <si>
    <t>0.06025142757318136</t>
  </si>
  <si>
    <t>28.711652755737305</t>
  </si>
  <si>
    <t>1264.60791015625</t>
  </si>
  <si>
    <t>0.20611041875796943</t>
  </si>
  <si>
    <t>28.676328659057617</t>
  </si>
  <si>
    <t>1713.0928955078125</t>
  </si>
  <si>
    <t>0.08489944378648673</t>
  </si>
  <si>
    <t>28.943191528320312</t>
  </si>
  <si>
    <t>973.1126098632812</t>
  </si>
  <si>
    <t>0.044668408175580154</t>
  </si>
  <si>
    <t>28.733230590820312</t>
  </si>
  <si>
    <t>1100.3492431640625</t>
  </si>
  <si>
    <t>0.05533100160339721</t>
  </si>
  <si>
    <t>28.718551635742188</t>
  </si>
  <si>
    <t>1255.709716796875</t>
  </si>
  <si>
    <t>0.033168544716884796</t>
  </si>
  <si>
    <t>12461</t>
  </si>
  <si>
    <t>29.09583854675293</t>
  </si>
  <si>
    <t>1344.6348876953125</t>
  </si>
  <si>
    <t>0.12434492389840379</t>
  </si>
  <si>
    <t>11365</t>
  </si>
  <si>
    <t>28.860219955444336</t>
  </si>
  <si>
    <t>1331.9444580078125</t>
  </si>
  <si>
    <t>-0.09206530965622406</t>
  </si>
  <si>
    <t>28.744474411010742</t>
  </si>
  <si>
    <t>1329.6497802734375</t>
  </si>
  <si>
    <t>0.023479339449748338</t>
  </si>
  <si>
    <t>28.4327392578125</t>
  </si>
  <si>
    <t>1329.7392578125</t>
  </si>
  <si>
    <t>-0.08274654597176223</t>
  </si>
  <si>
    <t>25.778215408325195</t>
  </si>
  <si>
    <t>2366.5986328125</t>
  </si>
  <si>
    <t>1686.8477783203125</t>
  </si>
  <si>
    <t>Sabaragamuwa</t>
  </si>
  <si>
    <t>25.717195510864258</t>
  </si>
  <si>
    <t>2083.0546875</t>
  </si>
  <si>
    <t>-0.00599087397972653</t>
  </si>
  <si>
    <t>25.471315383911133</t>
  </si>
  <si>
    <t>2097.64306640625</t>
  </si>
  <si>
    <t>0.028065452898283993</t>
  </si>
  <si>
    <t>25.582876205444336</t>
  </si>
  <si>
    <t>2507.901123046875</t>
  </si>
  <si>
    <t>0.05212320821636496</t>
  </si>
  <si>
    <t>3566</t>
  </si>
  <si>
    <t>25.62293815612793</t>
  </si>
  <si>
    <t>2304.040771484375</t>
  </si>
  <si>
    <t>0.04005111953902052</t>
  </si>
  <si>
    <t>25.78630256652832</t>
  </si>
  <si>
    <t>2162.861328125</t>
  </si>
  <si>
    <t>0.04039565575399351</t>
  </si>
  <si>
    <t>25.620275497436523</t>
  </si>
  <si>
    <t>2304.049560546875</t>
  </si>
  <si>
    <t>0.033371740823717744</t>
  </si>
  <si>
    <t>25.956314086914062</t>
  </si>
  <si>
    <t>2792.537109375</t>
  </si>
  <si>
    <t>0.05941340178595311</t>
  </si>
  <si>
    <t>26.148971557617188</t>
  </si>
  <si>
    <t>2081.27099609375</t>
  </si>
  <si>
    <t>-0.04006544883072927</t>
  </si>
  <si>
    <t>25.601648330688477</t>
  </si>
  <si>
    <t>2328.534423828125</t>
  </si>
  <si>
    <t>-0.050836200688829436</t>
  </si>
  <si>
    <t>25.75975799560547</t>
  </si>
  <si>
    <t>2214.010986328125</t>
  </si>
  <si>
    <t>0.0812826334368566</t>
  </si>
  <si>
    <t>25.882150650024414</t>
  </si>
  <si>
    <t>1667.8043212890625</t>
  </si>
  <si>
    <t>0.00519096456697099</t>
  </si>
  <si>
    <t>25.949060440063477</t>
  </si>
  <si>
    <t>2241.171875</t>
  </si>
  <si>
    <t>4266</t>
  </si>
  <si>
    <t>25.996095657348633</t>
  </si>
  <si>
    <t>2118.097412109375</t>
  </si>
  <si>
    <t>0.03458076769247853</t>
  </si>
  <si>
    <t>4564</t>
  </si>
  <si>
    <t>25.6849308013916</t>
  </si>
  <si>
    <t>2730.7958984375</t>
  </si>
  <si>
    <t>0.06752281195067056</t>
  </si>
  <si>
    <t>4918</t>
  </si>
  <si>
    <t>25.770591735839844</t>
  </si>
  <si>
    <t>2076.16357421875</t>
  </si>
  <si>
    <t>0.07470251179417176</t>
  </si>
  <si>
    <t>5175</t>
  </si>
  <si>
    <t>25.87433624267578</t>
  </si>
  <si>
    <t>2710.927978515625</t>
  </si>
  <si>
    <t>0.050937395357433246</t>
  </si>
  <si>
    <t>25.74713706970215</t>
  </si>
  <si>
    <t>1952.28955078125</t>
  </si>
  <si>
    <t>0.0421891754443795</t>
  </si>
  <si>
    <t>25.653121948242188</t>
  </si>
  <si>
    <t>2461.64306640625</t>
  </si>
  <si>
    <t>0.03405591792535034</t>
  </si>
  <si>
    <t>5651</t>
  </si>
  <si>
    <t>26.095388412475586</t>
  </si>
  <si>
    <t>1936.6337890625</t>
  </si>
  <si>
    <t>0.011748088126543266</t>
  </si>
  <si>
    <t>6209</t>
  </si>
  <si>
    <t>26.032079696655273</t>
  </si>
  <si>
    <t>2365.34033203125</t>
  </si>
  <si>
    <t>0.09416733173504888</t>
  </si>
  <si>
    <t>6909</t>
  </si>
  <si>
    <t>25.909944534301758</t>
  </si>
  <si>
    <t>1831.5731201171875</t>
  </si>
  <si>
    <t>0.10682505712390267</t>
  </si>
  <si>
    <t>26.11333656311035</t>
  </si>
  <si>
    <t>2221.3818359375</t>
  </si>
  <si>
    <t>0.10709587401089493</t>
  </si>
  <si>
    <t>25.835601806640625</t>
  </si>
  <si>
    <t>1878.987548828125</t>
  </si>
  <si>
    <t>0.06531032984857532</t>
  </si>
  <si>
    <t>8818</t>
  </si>
  <si>
    <t>26.006742477416992</t>
  </si>
  <si>
    <t>2260.19140625</t>
  </si>
  <si>
    <t>0.07156397356961719</t>
  </si>
  <si>
    <t>9740</t>
  </si>
  <si>
    <t>26.01413917541504</t>
  </si>
  <si>
    <t>3202.61669921875</t>
  </si>
  <si>
    <t>0.09944603071869729</t>
  </si>
  <si>
    <t>26.33494758605957</t>
  </si>
  <si>
    <t>2166.0888671875</t>
  </si>
  <si>
    <t>0.10024478317913754</t>
  </si>
  <si>
    <t>26.04907989501953</t>
  </si>
  <si>
    <t>1994.90966796875</t>
  </si>
  <si>
    <t>0.04334875221070433</t>
  </si>
  <si>
    <t>10688</t>
  </si>
  <si>
    <t>25.97942543029785</t>
  </si>
  <si>
    <t>2548.206787109375</t>
  </si>
  <si>
    <t>-0.050713036249995014</t>
  </si>
  <si>
    <t>26.36894989013672</t>
  </si>
  <si>
    <t>2687.455322265625</t>
  </si>
  <si>
    <t>0.018447800104752332</t>
  </si>
  <si>
    <t>10856</t>
  </si>
  <si>
    <t>26.229446411132812</t>
  </si>
  <si>
    <t>2384.41943359375</t>
  </si>
  <si>
    <t>-0.002851494366474583</t>
  </si>
  <si>
    <t>11115</t>
  </si>
  <si>
    <t>26.065505981445312</t>
  </si>
  <si>
    <t>2649.151611328125</t>
  </si>
  <si>
    <t>0.023577624883591497</t>
  </si>
  <si>
    <t>10232</t>
  </si>
  <si>
    <t>25.773221969604492</t>
  </si>
  <si>
    <t>2480.9619140625</t>
  </si>
  <si>
    <t>-0.08277548313961702</t>
  </si>
  <si>
    <t>26.70871925354004</t>
  </si>
  <si>
    <t>2412.5693359375</t>
  </si>
  <si>
    <t>586.07177734375</t>
  </si>
  <si>
    <t>Southern</t>
  </si>
  <si>
    <t>26.652769088745117</t>
  </si>
  <si>
    <t>2251.5859375</t>
  </si>
  <si>
    <t>0.09243591859319977</t>
  </si>
  <si>
    <t>3131</t>
  </si>
  <si>
    <t>26.401277542114258</t>
  </si>
  <si>
    <t>2050.40185546875</t>
  </si>
  <si>
    <t>0.012534311619093685</t>
  </si>
  <si>
    <t>26.524789810180664</t>
  </si>
  <si>
    <t>2635.337158203125</t>
  </si>
  <si>
    <t>0.036071026748130564</t>
  </si>
  <si>
    <t>26.55961036682129</t>
  </si>
  <si>
    <t>2406.146240234375</t>
  </si>
  <si>
    <t>0.027049210275187363</t>
  </si>
  <si>
    <t>26.724790573120117</t>
  </si>
  <si>
    <t>2300.994384765625</t>
  </si>
  <si>
    <t>0.026920720534342024</t>
  </si>
  <si>
    <t>26.56556510925293</t>
  </si>
  <si>
    <t>2316.46533203125</t>
  </si>
  <si>
    <t>0.009007761037558737</t>
  </si>
  <si>
    <t>3579</t>
  </si>
  <si>
    <t>26.91883659362793</t>
  </si>
  <si>
    <t>3003.70703125</t>
  </si>
  <si>
    <t>0.03468227084440123</t>
  </si>
  <si>
    <t>27.07747459411621</t>
  </si>
  <si>
    <t>2333.612060546875</t>
  </si>
  <si>
    <t>0.11644719613124899</t>
  </si>
  <si>
    <t>26.54443359375</t>
  </si>
  <si>
    <t>2367.54638671875</t>
  </si>
  <si>
    <t>0.10742255134369039</t>
  </si>
  <si>
    <t>26.720321655273438</t>
  </si>
  <si>
    <t>2445.3818359375</t>
  </si>
  <si>
    <t>0.0845513511487681</t>
  </si>
  <si>
    <t>26.78432273864746</t>
  </si>
  <si>
    <t>1584.9735107421875</t>
  </si>
  <si>
    <t>0.008787223191534466</t>
  </si>
  <si>
    <t>26.88907814025879</t>
  </si>
  <si>
    <t>2288.330078125</t>
  </si>
  <si>
    <t>0.005275986264482668</t>
  </si>
  <si>
    <t>26.94978904724121</t>
  </si>
  <si>
    <t>2195.355712890625</t>
  </si>
  <si>
    <t>0.023798743435760272</t>
  </si>
  <si>
    <t>26.615568161010742</t>
  </si>
  <si>
    <t>2774.83837890625</t>
  </si>
  <si>
    <t>0.025367213878423556</t>
  </si>
  <si>
    <t>5365</t>
  </si>
  <si>
    <t>26.693544387817383</t>
  </si>
  <si>
    <t>2182.00927734375</t>
  </si>
  <si>
    <t>0.033162678904863796</t>
  </si>
  <si>
    <t>26.792055130004883</t>
  </si>
  <si>
    <t>2920.135009765625</t>
  </si>
  <si>
    <t>0.10534187615512813</t>
  </si>
  <si>
    <t>26.688478469848633</t>
  </si>
  <si>
    <t>2060.2958984375</t>
  </si>
  <si>
    <t>0.09514240864379353</t>
  </si>
  <si>
    <t>26.582231521606445</t>
  </si>
  <si>
    <t>2530.9658203125</t>
  </si>
  <si>
    <t>0.08603215050024815</t>
  </si>
  <si>
    <t>27.04234504699707</t>
  </si>
  <si>
    <t>1937.0614013671875</t>
  </si>
  <si>
    <t>0.06213009486446808</t>
  </si>
  <si>
    <t>8269</t>
  </si>
  <si>
    <t>26.949499130249023</t>
  </si>
  <si>
    <t>2538.065185546875</t>
  </si>
  <si>
    <t>0.08397067649373113</t>
  </si>
  <si>
    <t>26.83818817138672</t>
  </si>
  <si>
    <t>1875.49462890625</t>
  </si>
  <si>
    <t>0.05057953143541738</t>
  </si>
  <si>
    <t>27.058122634887695</t>
  </si>
  <si>
    <t>2385.151611328125</t>
  </si>
  <si>
    <t>0.051316287914872305</t>
  </si>
  <si>
    <t>26.7631893157959</t>
  </si>
  <si>
    <t>2024.7698974609375</t>
  </si>
  <si>
    <t>0.009889772505180972</t>
  </si>
  <si>
    <t>9667</t>
  </si>
  <si>
    <t>26.9411678314209</t>
  </si>
  <si>
    <t>2390.7119140625</t>
  </si>
  <si>
    <t>0.04441884888696812</t>
  </si>
  <si>
    <t>26.9337215423584</t>
  </si>
  <si>
    <t>3375.8896484375</t>
  </si>
  <si>
    <t>0.04737541953636892</t>
  </si>
  <si>
    <t>27.254257202148438</t>
  </si>
  <si>
    <t>2326.4013671875</t>
  </si>
  <si>
    <t>0.035853079512932595</t>
  </si>
  <si>
    <t>26.989076614379883</t>
  </si>
  <si>
    <t>2162.79150390625</t>
  </si>
  <si>
    <t>0.05544893481462054</t>
  </si>
  <si>
    <t>26.88283348083496</t>
  </si>
  <si>
    <t>2473.179931640625</t>
  </si>
  <si>
    <t>0.0305942726538575</t>
  </si>
  <si>
    <t>27.301279067993164</t>
  </si>
  <si>
    <t>3027.025634765625</t>
  </si>
  <si>
    <t>-0.026998763162415784</t>
  </si>
  <si>
    <t>27.13283348083496</t>
  </si>
  <si>
    <t>2404.099365234375</t>
  </si>
  <si>
    <t>-0.034319330491088706</t>
  </si>
  <si>
    <t>11026</t>
  </si>
  <si>
    <t>26.975988388061523</t>
  </si>
  <si>
    <t>2802.444580078125</t>
  </si>
  <si>
    <t>0.023584483820748403</t>
  </si>
  <si>
    <t>26.65009880065918</t>
  </si>
  <si>
    <t>2420.91796875</t>
  </si>
  <si>
    <t>-0.08288094170081095</t>
  </si>
  <si>
    <t>26.199180603027344</t>
  </si>
  <si>
    <t>1682.442138671875</t>
  </si>
  <si>
    <t>241.09451293945312</t>
  </si>
  <si>
    <t>Uva</t>
  </si>
  <si>
    <t>26.10431480407715</t>
  </si>
  <si>
    <t>1639.614501953125</t>
  </si>
  <si>
    <t>-0.007621772958525952</t>
  </si>
  <si>
    <t>25.885053634643555</t>
  </si>
  <si>
    <t>1299.9364013671875</t>
  </si>
  <si>
    <t>0.04920837947546275</t>
  </si>
  <si>
    <t>3987</t>
  </si>
  <si>
    <t>25.995315551757812</t>
  </si>
  <si>
    <t>1891.02490234375</t>
  </si>
  <si>
    <t>0.07281614423062344</t>
  </si>
  <si>
    <t>26.050447463989258</t>
  </si>
  <si>
    <t>1797.9678955078125</t>
  </si>
  <si>
    <t>0.010975415735810401</t>
  </si>
  <si>
    <t>26.190185546875</t>
  </si>
  <si>
    <t>1536.8724365234375</t>
  </si>
  <si>
    <t>0.010119795113192609</t>
  </si>
  <si>
    <t>4065</t>
  </si>
  <si>
    <t>26.06325340270996</t>
  </si>
  <si>
    <t>1601.7781982421875</t>
  </si>
  <si>
    <t>-0.0017205362484471465</t>
  </si>
  <si>
    <t>26.353647232055664</t>
  </si>
  <si>
    <t>2173.355224609375</t>
  </si>
  <si>
    <t>0.023341687001030564</t>
  </si>
  <si>
    <t>4026</t>
  </si>
  <si>
    <t>26.635053634643555</t>
  </si>
  <si>
    <t>1792.3572998046875</t>
  </si>
  <si>
    <t>-0.03298210278320468</t>
  </si>
  <si>
    <t>26.027986526489258</t>
  </si>
  <si>
    <t>1803.551025390625</t>
  </si>
  <si>
    <t>-0.04236524466211833</t>
  </si>
  <si>
    <t>26.1619815826416</t>
  </si>
  <si>
    <t>2088.602294921875</t>
  </si>
  <si>
    <t>0.11354152313001187</t>
  </si>
  <si>
    <t>26.37605857849121</t>
  </si>
  <si>
    <t>1103.507080078125</t>
  </si>
  <si>
    <t>0.03500357357333428</t>
  </si>
  <si>
    <t>26.407461166381836</t>
  </si>
  <si>
    <t>1839.5853271484375</t>
  </si>
  <si>
    <t>0.008673467028588178</t>
  </si>
  <si>
    <t>4640</t>
  </si>
  <si>
    <t>26.450395584106445</t>
  </si>
  <si>
    <t>1517.0938720703125</t>
  </si>
  <si>
    <t>0.02708771995074777</t>
  </si>
  <si>
    <t>4855</t>
  </si>
  <si>
    <t>26.14719581604004</t>
  </si>
  <si>
    <t>1964.099609375</t>
  </si>
  <si>
    <t>0.04529473550512364</t>
  </si>
  <si>
    <t>26.29266929626465</t>
  </si>
  <si>
    <t>1779.816162109375</t>
  </si>
  <si>
    <t>0.05314533730812876</t>
  </si>
  <si>
    <t>5451</t>
  </si>
  <si>
    <t>26.32605743408203</t>
  </si>
  <si>
    <t>2328.141845703125</t>
  </si>
  <si>
    <t>0.06264463903072759</t>
  </si>
  <si>
    <t>5754</t>
  </si>
  <si>
    <t>26.206796646118164</t>
  </si>
  <si>
    <t>1405.40478515625</t>
  </si>
  <si>
    <t>0.05409618704721275</t>
  </si>
  <si>
    <t>6026</t>
  </si>
  <si>
    <t>26.131797790527344</t>
  </si>
  <si>
    <t>2003.5498046875</t>
  </si>
  <si>
    <t>0.04618817557875232</t>
  </si>
  <si>
    <t>26.501054763793945</t>
  </si>
  <si>
    <t>1451.1990966796875</t>
  </si>
  <si>
    <t>0.023939493792804356</t>
  </si>
  <si>
    <t>6532</t>
  </si>
  <si>
    <t>26.495315551757812</t>
  </si>
  <si>
    <t>1978.5439453125</t>
  </si>
  <si>
    <t>0.05669024060730443</t>
  </si>
  <si>
    <t>26.376718521118164</t>
  </si>
  <si>
    <t>1482.6517333984375</t>
  </si>
  <si>
    <t>0.1321717731084835</t>
  </si>
  <si>
    <t>26.556188583374023</t>
  </si>
  <si>
    <t>2003.492431640625</t>
  </si>
  <si>
    <t>0.13023959562430854</t>
  </si>
  <si>
    <t>9259</t>
  </si>
  <si>
    <t>26.31645393371582</t>
  </si>
  <si>
    <t>1492.39599609375</t>
  </si>
  <si>
    <t>0.08647150762489986</t>
  </si>
  <si>
    <t>26.505525588989258</t>
  </si>
  <si>
    <t>1805.2576904296875</t>
  </si>
  <si>
    <t>0.09796744791332834</t>
  </si>
  <si>
    <t>26.467721939086914</t>
  </si>
  <si>
    <t>2347.555419921875</t>
  </si>
  <si>
    <t>0.06244320175387941</t>
  </si>
  <si>
    <t>26.793996810913086</t>
  </si>
  <si>
    <t>1644.3642578125</t>
  </si>
  <si>
    <t>-0.039213353474751855</t>
  </si>
  <si>
    <t>12485</t>
  </si>
  <si>
    <t>26.508119583129883</t>
  </si>
  <si>
    <t>1596.626220703125</t>
  </si>
  <si>
    <t>0.1777345760733713</t>
  </si>
  <si>
    <t>11924</t>
  </si>
  <si>
    <t>26.443384170532227</t>
  </si>
  <si>
    <t>1566.3299560546875</t>
  </si>
  <si>
    <t>-0.04597474791591161</t>
  </si>
  <si>
    <t>26.80811882019043</t>
  </si>
  <si>
    <t>2278.62939453125</t>
  </si>
  <si>
    <t>-0.023332836398186174</t>
  </si>
  <si>
    <t>11178</t>
  </si>
  <si>
    <t>26.697858810424805</t>
  </si>
  <si>
    <t>1593.99951171875</t>
  </si>
  <si>
    <t>-0.04127277857013212</t>
  </si>
  <si>
    <t>11444</t>
  </si>
  <si>
    <t>26.545312881469727</t>
  </si>
  <si>
    <t>1917.726806640625</t>
  </si>
  <si>
    <t>0.023518014340357496</t>
  </si>
  <si>
    <t>26.261322021484375</t>
  </si>
  <si>
    <t>1648.29443359375</t>
  </si>
  <si>
    <t>-0.08276252793171146</t>
  </si>
  <si>
    <t>LSO</t>
  </si>
  <si>
    <t>14.983333587646484</t>
  </si>
  <si>
    <t>155.9793701171875</t>
  </si>
  <si>
    <t>Berea</t>
  </si>
  <si>
    <t>Lesotho</t>
  </si>
  <si>
    <t>0.04978244838628054</t>
  </si>
  <si>
    <t>403.6999816894531</t>
  </si>
  <si>
    <t>0.05067750975586538</t>
  </si>
  <si>
    <t>0.019318050844764123</t>
  </si>
  <si>
    <t>14.691665649414062</t>
  </si>
  <si>
    <t>473.800048828125</t>
  </si>
  <si>
    <t>0.04428537783347686</t>
  </si>
  <si>
    <t>734.1000366210938</t>
  </si>
  <si>
    <t>926.7000732421875</t>
  </si>
  <si>
    <t>0.042734040991880384</t>
  </si>
  <si>
    <t>14.683335304260254</t>
  </si>
  <si>
    <t>0.02713563896860549</t>
  </si>
  <si>
    <t>0.007777816987095676</t>
  </si>
  <si>
    <t>766.1000366210938</t>
  </si>
  <si>
    <t>-0.0005535566152978788</t>
  </si>
  <si>
    <t>755.800048828125</t>
  </si>
  <si>
    <t>0.03535859229715843</t>
  </si>
  <si>
    <t>1013.3999633789062</t>
  </si>
  <si>
    <t>0.033634279189793226</t>
  </si>
  <si>
    <t>0.007722046093910251</t>
  </si>
  <si>
    <t>616.0000610351562</t>
  </si>
  <si>
    <t>0.01987944253636087</t>
  </si>
  <si>
    <t>0.03722455693818194</t>
  </si>
  <si>
    <t>0.041228942233090926</t>
  </si>
  <si>
    <t>15.21666431427002</t>
  </si>
  <si>
    <t>0.03703320159976897</t>
  </si>
  <si>
    <t>15.375000953674316</t>
  </si>
  <si>
    <t>0.047200241496098805</t>
  </si>
  <si>
    <t>901.1000366210938</t>
  </si>
  <si>
    <t>-0.02019438088818326</t>
  </si>
  <si>
    <t>15.558334350585938</t>
  </si>
  <si>
    <t>953.0</t>
  </si>
  <si>
    <t>0.043981029485900436</t>
  </si>
  <si>
    <t>756.1000366210938</t>
  </si>
  <si>
    <t>0.03714992206163803</t>
  </si>
  <si>
    <t>0.05271263214044897</t>
  </si>
  <si>
    <t>15.233332633972168</t>
  </si>
  <si>
    <t>482.8999938964844</t>
  </si>
  <si>
    <t>0.007979730409643615</t>
  </si>
  <si>
    <t>0.006122835623824763</t>
  </si>
  <si>
    <t>475.70001220703125</t>
  </si>
  <si>
    <t>0.019204004111586848</t>
  </si>
  <si>
    <t>15.8916654586792</t>
  </si>
  <si>
    <t>0.02298151281303973</t>
  </si>
  <si>
    <t>-0.04470214597172184</t>
  </si>
  <si>
    <t>2701</t>
  </si>
  <si>
    <t>-0.02810916952167375</t>
  </si>
  <si>
    <t>16.391666412353516</t>
  </si>
  <si>
    <t>-0.02701852906273494</t>
  </si>
  <si>
    <t>1011.0000610351562</t>
  </si>
  <si>
    <t>-0.09071822850862787</t>
  </si>
  <si>
    <t>0.005813969865419821</t>
  </si>
  <si>
    <t>871.8001098632812</t>
  </si>
  <si>
    <t>11.428059577941895</t>
  </si>
  <si>
    <t>913.7456665039062</t>
  </si>
  <si>
    <t>208.59210205078125</t>
  </si>
  <si>
    <t>Butha-Buthe</t>
  </si>
  <si>
    <t>11.400886535644531</t>
  </si>
  <si>
    <t>869.377197265625</t>
  </si>
  <si>
    <t>0.0486714063758118</t>
  </si>
  <si>
    <t>12.023713111877441</t>
  </si>
  <si>
    <t>669.5447387695312</t>
  </si>
  <si>
    <t>0.05093693636275454</t>
  </si>
  <si>
    <t>11.635906219482422</t>
  </si>
  <si>
    <t>982.5932006835938</t>
  </si>
  <si>
    <t>0.020112409787095054</t>
  </si>
  <si>
    <t>11.231075286865234</t>
  </si>
  <si>
    <t>710.488037109375</t>
  </si>
  <si>
    <t>0.04435556710156696</t>
  </si>
  <si>
    <t>11.397384643554688</t>
  </si>
  <si>
    <t>1002.5502319335938</t>
  </si>
  <si>
    <t>10.839896202087402</t>
  </si>
  <si>
    <t>1199.6156005859375</t>
  </si>
  <si>
    <t>0.04368393886155886</t>
  </si>
  <si>
    <t>11.223228454589844</t>
  </si>
  <si>
    <t>1140.801025390625</t>
  </si>
  <si>
    <t>0.02454713335727554</t>
  </si>
  <si>
    <t>11.960062980651855</t>
  </si>
  <si>
    <t>953.6353149414062</t>
  </si>
  <si>
    <t>0.006766579708873621</t>
  </si>
  <si>
    <t>11.86972713470459</t>
  </si>
  <si>
    <t>903.9215698242188</t>
  </si>
  <si>
    <t>-0.0019286409064056542</t>
  </si>
  <si>
    <t>11.07238483428955</t>
  </si>
  <si>
    <t>1039.6080322265625</t>
  </si>
  <si>
    <t>0.03415891881131916</t>
  </si>
  <si>
    <t>11.364051818847656</t>
  </si>
  <si>
    <t>1182.630859375</t>
  </si>
  <si>
    <t>0.03393264571962007</t>
  </si>
  <si>
    <t>11.570569038391113</t>
  </si>
  <si>
    <t>0.007187811718833537</t>
  </si>
  <si>
    <t>11.776729583740234</t>
  </si>
  <si>
    <t>819.3115844726562</t>
  </si>
  <si>
    <t>0.046357228722601285</t>
  </si>
  <si>
    <t>11.926730155944824</t>
  </si>
  <si>
    <t>884.88232421875</t>
  </si>
  <si>
    <t>0.01946739430611366</t>
  </si>
  <si>
    <t>12.047385215759277</t>
  </si>
  <si>
    <t>813.403564453125</t>
  </si>
  <si>
    <t>0.03783345953122641</t>
  </si>
  <si>
    <t>11.409577369689941</t>
  </si>
  <si>
    <t>1033.775634765625</t>
  </si>
  <si>
    <t>11.81972599029541</t>
  </si>
  <si>
    <t>931.5919189453125</t>
  </si>
  <si>
    <t>0.036505954844529676</t>
  </si>
  <si>
    <t>11.868884086608887</t>
  </si>
  <si>
    <t>941.2679443359375</t>
  </si>
  <si>
    <t>11.687236785888672</t>
  </si>
  <si>
    <t>1110.007568359375</t>
  </si>
  <si>
    <t>-0.020144566092467286</t>
  </si>
  <si>
    <t>12.035063743591309</t>
  </si>
  <si>
    <t>1136.485595703125</t>
  </si>
  <si>
    <t>0.044072519787703435</t>
  </si>
  <si>
    <t>11.510063171386719</t>
  </si>
  <si>
    <t>909.618896484375</t>
  </si>
  <si>
    <t>0.03686424248271347</t>
  </si>
  <si>
    <t>11.588565826416016</t>
  </si>
  <si>
    <t>814.9066772460938</t>
  </si>
  <si>
    <t>0.0528671222945718</t>
  </si>
  <si>
    <t>11.5947265625</t>
  </si>
  <si>
    <t>678.057861328125</t>
  </si>
  <si>
    <t>0.007599783253103176</t>
  </si>
  <si>
    <t>11.758248329162598</t>
  </si>
  <si>
    <t>867.4855346679688</t>
  </si>
  <si>
    <t>0.006289328907564062</t>
  </si>
  <si>
    <t>12.255232810974121</t>
  </si>
  <si>
    <t>640.8126831054688</t>
  </si>
  <si>
    <t>0.019249274888810675</t>
  </si>
  <si>
    <t>12.236392974853516</t>
  </si>
  <si>
    <t>839.3178100585938</t>
  </si>
  <si>
    <t>0.02310133127339853</t>
  </si>
  <si>
    <t>12.09206771850586</t>
  </si>
  <si>
    <t>685.0259399414062</t>
  </si>
  <si>
    <t>-0.04486159304336734</t>
  </si>
  <si>
    <t>12.29605484008789</t>
  </si>
  <si>
    <t>724.4630737304688</t>
  </si>
  <si>
    <t>-0.02804517776472082</t>
  </si>
  <si>
    <t>12.782404899597168</t>
  </si>
  <si>
    <t>900.4113159179688</t>
  </si>
  <si>
    <t>-0.02686044221322703</t>
  </si>
  <si>
    <t>11.843398094177246</t>
  </si>
  <si>
    <t>1177.3814697265625</t>
  </si>
  <si>
    <t>-0.09100339825916759</t>
  </si>
  <si>
    <t>1022.5400390625</t>
  </si>
  <si>
    <t>0.005801321564087303</t>
  </si>
  <si>
    <t>11.985062599182129</t>
  </si>
  <si>
    <t>1028.65234375</t>
  </si>
  <si>
    <t>10.365614891052246</t>
  </si>
  <si>
    <t>843.6519165039062</t>
  </si>
  <si>
    <t>140.6216583251953</t>
  </si>
  <si>
    <t>Leribe, Maseru, Mokhot., QN, TT</t>
  </si>
  <si>
    <t>10.490545272827148</t>
  </si>
  <si>
    <t>797.6910400390625</t>
  </si>
  <si>
    <t>0.049251099877063</t>
  </si>
  <si>
    <t>11.083431243896484</t>
  </si>
  <si>
    <t>592.8486938476562</t>
  </si>
  <si>
    <t>0.05132621023818107</t>
  </si>
  <si>
    <t>10.611477851867676</t>
  </si>
  <si>
    <t>904.8187255859375</t>
  </si>
  <si>
    <t>0.01920158096685398</t>
  </si>
  <si>
    <t>10.162731170654297</t>
  </si>
  <si>
    <t>676.5927734375</t>
  </si>
  <si>
    <t>0.044398413588452534</t>
  </si>
  <si>
    <t>10.361608505249023</t>
  </si>
  <si>
    <t>920.0003662109375</t>
  </si>
  <si>
    <t>0.019181058851843957</t>
  </si>
  <si>
    <t>9.824538230895996</t>
  </si>
  <si>
    <t>1072.4371337890625</t>
  </si>
  <si>
    <t>0.04337486443397687</t>
  </si>
  <si>
    <t>10.198399543762207</t>
  </si>
  <si>
    <t>1064.854736328125</t>
  </si>
  <si>
    <t>0.02719036457045476</t>
  </si>
  <si>
    <t>10.868358612060547</t>
  </si>
  <si>
    <t>887.9867553710938</t>
  </si>
  <si>
    <t>0.008547060578458776</t>
  </si>
  <si>
    <t>10.834644317626953</t>
  </si>
  <si>
    <t>872.41748046875</t>
  </si>
  <si>
    <t>0.0005317734770349247</t>
  </si>
  <si>
    <t>9.975517272949219</t>
  </si>
  <si>
    <t>890.8846435546875</t>
  </si>
  <si>
    <t>0.0355128702065306</t>
  </si>
  <si>
    <t>10.248940467834473</t>
  </si>
  <si>
    <t>1113.0567626953125</t>
  </si>
  <si>
    <t>0.03379892968369891</t>
  </si>
  <si>
    <t>10.44003963470459</t>
  </si>
  <si>
    <t>770.5555419921875</t>
  </si>
  <si>
    <t>0.007412932389125437</t>
  </si>
  <si>
    <t>10.710845947265625</t>
  </si>
  <si>
    <t>760.4684448242188</t>
  </si>
  <si>
    <t>0.046184253619852456</t>
  </si>
  <si>
    <t>10.925198554992676</t>
  </si>
  <si>
    <t>746.7654418945312</t>
  </si>
  <si>
    <t>0.020014631334268174</t>
  </si>
  <si>
    <t>11.014412879943848</t>
  </si>
  <si>
    <t>733.6654663085938</t>
  </si>
  <si>
    <t>0.0375354938977388</t>
  </si>
  <si>
    <t>10.384743690490723</t>
  </si>
  <si>
    <t>1006.25634765625</t>
  </si>
  <si>
    <t>0.04087525541877923</t>
  </si>
  <si>
    <t>2436</t>
  </si>
  <si>
    <t>10.7608060836792</t>
  </si>
  <si>
    <t>873.1888427734375</t>
  </si>
  <si>
    <t>0.03721943297876429</t>
  </si>
  <si>
    <t>2554</t>
  </si>
  <si>
    <t>10.934496879577637</t>
  </si>
  <si>
    <t>878.9854125976562</t>
  </si>
  <si>
    <t>0.047303407762696814</t>
  </si>
  <si>
    <t>10.68178653717041</t>
  </si>
  <si>
    <t>977.799560546875</t>
  </si>
  <si>
    <t>-0.020570345565628756</t>
  </si>
  <si>
    <t>10.942459106445312</t>
  </si>
  <si>
    <t>1039.500244140625</t>
  </si>
  <si>
    <t>0.044173685472166824</t>
  </si>
  <si>
    <t>2714</t>
  </si>
  <si>
    <t>10.487757682800293</t>
  </si>
  <si>
    <t>830.7784423828125</t>
  </si>
  <si>
    <t>0.037159463895791944</t>
  </si>
  <si>
    <t>10.596068382263184</t>
  </si>
  <si>
    <t>759.9458618164062</t>
  </si>
  <si>
    <t>0.052398063419083485</t>
  </si>
  <si>
    <t>10.652031898498535</t>
  </si>
  <si>
    <t>640.1181640625</t>
  </si>
  <si>
    <t>0.008009793824504285</t>
  </si>
  <si>
    <t>10.78197193145752</t>
  </si>
  <si>
    <t>762.3067626953125</t>
  </si>
  <si>
    <t>0.006224086483001656</t>
  </si>
  <si>
    <t>11.290691375732422</t>
  </si>
  <si>
    <t>598.3584594726562</t>
  </si>
  <si>
    <t>0.019119735731073284</t>
  </si>
  <si>
    <t>11.25976276397705</t>
  </si>
  <si>
    <t>765.69775390625</t>
  </si>
  <si>
    <t>0.023066374495824604</t>
  </si>
  <si>
    <t>11.048478126525879</t>
  </si>
  <si>
    <t>645.5884399414062</t>
  </si>
  <si>
    <t>-0.0446019871568728</t>
  </si>
  <si>
    <t>11.235817909240723</t>
  </si>
  <si>
    <t>668.5022583007812</t>
  </si>
  <si>
    <t>-0.02803266951709471</t>
  </si>
  <si>
    <t>11.801079750061035</t>
  </si>
  <si>
    <t>818.59375</t>
  </si>
  <si>
    <t>-0.02701406841125653</t>
  </si>
  <si>
    <t>10.850314140319824</t>
  </si>
  <si>
    <t>1045.24755859375</t>
  </si>
  <si>
    <t>-0.09090223838545874</t>
  </si>
  <si>
    <t>10.590971946716309</t>
  </si>
  <si>
    <t>925.7706909179688</t>
  </si>
  <si>
    <t>0.0059796869427115595</t>
  </si>
  <si>
    <t>11.038895606994629</t>
  </si>
  <si>
    <t>940.4423217773438</t>
  </si>
  <si>
    <t>14.594698905944824</t>
  </si>
  <si>
    <t>745.4296875</t>
  </si>
  <si>
    <t>127.83577728271484</t>
  </si>
  <si>
    <t>Mafeteng</t>
  </si>
  <si>
    <t>14.460942268371582</t>
  </si>
  <si>
    <t>765.084716796875</t>
  </si>
  <si>
    <t>0.04989697114462288</t>
  </si>
  <si>
    <t>15.118008613586426</t>
  </si>
  <si>
    <t>418.1170959472656</t>
  </si>
  <si>
    <t>0.05089498498439582</t>
  </si>
  <si>
    <t>1212</t>
  </si>
  <si>
    <t>14.705013275146484</t>
  </si>
  <si>
    <t>797.587890625</t>
  </si>
  <si>
    <t>0.01915926993847794</t>
  </si>
  <si>
    <t>14.207416534423828</t>
  </si>
  <si>
    <t>467.83526611328125</t>
  </si>
  <si>
    <t>0.04438001369187905</t>
  </si>
  <si>
    <t>14.482272148132324</t>
  </si>
  <si>
    <t>679.0941772460938</t>
  </si>
  <si>
    <t>0.019539504021408582</t>
  </si>
  <si>
    <t>13.851618766784668</t>
  </si>
  <si>
    <t>878.4461059570312</t>
  </si>
  <si>
    <t>0.0431721718652085</t>
  </si>
  <si>
    <t>14.319698333740234</t>
  </si>
  <si>
    <t>753.5625</t>
  </si>
  <si>
    <t>0.024891475457002876</t>
  </si>
  <si>
    <t>15.024639129638672</t>
  </si>
  <si>
    <t>784.6066284179688</t>
  </si>
  <si>
    <t>0.006486509229606696</t>
  </si>
  <si>
    <t>14.989192008972168</t>
  </si>
  <si>
    <t>719.4814453125</t>
  </si>
  <si>
    <t>-0.0014378147696278987</t>
  </si>
  <si>
    <t>14.159106254577637</t>
  </si>
  <si>
    <t>747.458740234375</t>
  </si>
  <si>
    <t>0.033253859954287535</t>
  </si>
  <si>
    <t>14.405858039855957</t>
  </si>
  <si>
    <t>1007.2389526367188</t>
  </si>
  <si>
    <t>0.03420306038113008</t>
  </si>
  <si>
    <t>14.567440032958984</t>
  </si>
  <si>
    <t>633.945556640625</t>
  </si>
  <si>
    <t>0.007370217617009622</t>
  </si>
  <si>
    <t>14.773938179016113</t>
  </si>
  <si>
    <t>623.9791259765625</t>
  </si>
  <si>
    <t>0.046307588655867704</t>
  </si>
  <si>
    <t>15.021533012390137</t>
  </si>
  <si>
    <t>675.5962524414062</t>
  </si>
  <si>
    <t>0.01956515549484017</t>
  </si>
  <si>
    <t>15.113201141357422</t>
  </si>
  <si>
    <t>610.6705932617188</t>
  </si>
  <si>
    <t>0.037416201385422454</t>
  </si>
  <si>
    <t>14.467293739318848</t>
  </si>
  <si>
    <t>882.2527465820312</t>
  </si>
  <si>
    <t>0.04127944556291396</t>
  </si>
  <si>
    <t>14.806281089782715</t>
  </si>
  <si>
    <t>751.0555419921875</t>
  </si>
  <si>
    <t>0.03686269368593642</t>
  </si>
  <si>
    <t>14.897102355957031</t>
  </si>
  <si>
    <t>741.579833984375</t>
  </si>
  <si>
    <t>0.047304279795007176</t>
  </si>
  <si>
    <t>14.729446411132812</t>
  </si>
  <si>
    <t>867.416259765625</t>
  </si>
  <si>
    <t>-0.020386972182524943</t>
  </si>
  <si>
    <t>15.240882873535156</t>
  </si>
  <si>
    <t>924.850830078125</t>
  </si>
  <si>
    <t>0.0440039186958634</t>
  </si>
  <si>
    <t>14.602042198181152</t>
  </si>
  <si>
    <t>746.0875244140625</t>
  </si>
  <si>
    <t>0.03766348470467484</t>
  </si>
  <si>
    <t>14.683116912841797</t>
  </si>
  <si>
    <t>635.9994506835938</t>
  </si>
  <si>
    <t>0.052067220603608355</t>
  </si>
  <si>
    <t>14.89554500579834</t>
  </si>
  <si>
    <t>519.4242553710938</t>
  </si>
  <si>
    <t>0.008028378423118987</t>
  </si>
  <si>
    <t>14.98862361907959</t>
  </si>
  <si>
    <t>613.999267578125</t>
  </si>
  <si>
    <t>0.006096150180512794</t>
  </si>
  <si>
    <t>15.416594505310059</t>
  </si>
  <si>
    <t>503.32391357421875</t>
  </si>
  <si>
    <t>0.019445057119223286</t>
  </si>
  <si>
    <t>15.450775146484375</t>
  </si>
  <si>
    <t>610.51708984375</t>
  </si>
  <si>
    <t>0.023114557299572347</t>
  </si>
  <si>
    <t>15.214191436767578</t>
  </si>
  <si>
    <t>514.0751342773438</t>
  </si>
  <si>
    <t>-0.0448998916395027</t>
  </si>
  <si>
    <t>15.293431282043457</t>
  </si>
  <si>
    <t>530.9361572265625</t>
  </si>
  <si>
    <t>-0.028036999196900503</t>
  </si>
  <si>
    <t>15.89526653289795</t>
  </si>
  <si>
    <t>674.0284423828125</t>
  </si>
  <si>
    <t>-0.026863642269548293</t>
  </si>
  <si>
    <t>14.980289459228516</t>
  </si>
  <si>
    <t>951.9991455078125</t>
  </si>
  <si>
    <t>-0.09061823392062252</t>
  </si>
  <si>
    <t>14.727463722229004</t>
  </si>
  <si>
    <t>815.0587158203125</t>
  </si>
  <si>
    <t>0.005405418566907905</t>
  </si>
  <si>
    <t>15.178031921386719</t>
  </si>
  <si>
    <t>910.4835815429688</t>
  </si>
  <si>
    <t>47.0245246887207</t>
  </si>
  <si>
    <t>Quthing</t>
  </si>
  <si>
    <t>740.6000366210938</t>
  </si>
  <si>
    <t>0.04963262420241055</t>
  </si>
  <si>
    <t>14.558333396911621</t>
  </si>
  <si>
    <t>468.5</t>
  </si>
  <si>
    <t>0.05029279405396725</t>
  </si>
  <si>
    <t>831.2000732421875</t>
  </si>
  <si>
    <t>0.019822254574171083</t>
  </si>
  <si>
    <t>0.04415304492080008</t>
  </si>
  <si>
    <t>0.01952642235035551</t>
  </si>
  <si>
    <t>0.043249983793816504</t>
  </si>
  <si>
    <t>1164</t>
  </si>
  <si>
    <t>0.026111144003685638</t>
  </si>
  <si>
    <t>0.008554372096659435</t>
  </si>
  <si>
    <t>1173</t>
  </si>
  <si>
    <t>-0.0008521517345663199</t>
  </si>
  <si>
    <t>0.035179507121172904</t>
  </si>
  <si>
    <t>956.4000244140625</t>
  </si>
  <si>
    <t>0.03398385281559868</t>
  </si>
  <si>
    <t>13.958332061767578</t>
  </si>
  <si>
    <t>629.7999877929688</t>
  </si>
  <si>
    <t>0.00792397173089121</t>
  </si>
  <si>
    <t>0.04551499042466922</t>
  </si>
  <si>
    <t>0.020157457424979874</t>
  </si>
  <si>
    <t>638.0</t>
  </si>
  <si>
    <t>0.037712953597058174</t>
  </si>
  <si>
    <t>0.04113511275341075</t>
  </si>
  <si>
    <t>744.2999267578125</t>
  </si>
  <si>
    <t>0.03687980807451652</t>
  </si>
  <si>
    <t>729.7999267578125</t>
  </si>
  <si>
    <t>0.046938863808555276</t>
  </si>
  <si>
    <t>-0.02030526616074546</t>
  </si>
  <si>
    <t>0.04450750237743062</t>
  </si>
  <si>
    <t>0.03671793754515473</t>
  </si>
  <si>
    <t>0.05294677297378669</t>
  </si>
  <si>
    <t>578.3999633789062</t>
  </si>
  <si>
    <t>635.7000122070312</t>
  </si>
  <si>
    <t>0.006099270363729481</t>
  </si>
  <si>
    <t>530.9000244140625</t>
  </si>
  <si>
    <t>0.019162918721244537</t>
  </si>
  <si>
    <t>636.4000854492188</t>
  </si>
  <si>
    <t>0.023051141252010687</t>
  </si>
  <si>
    <t>-0.044427674601569045</t>
  </si>
  <si>
    <t>14.70000171661377</t>
  </si>
  <si>
    <t>-0.028091734867015106</t>
  </si>
  <si>
    <t>686.9000244140625</t>
  </si>
  <si>
    <t>-0.02714576155145032</t>
  </si>
  <si>
    <t>-0.09063727410493261</t>
  </si>
  <si>
    <t>14.025001525878906</t>
  </si>
  <si>
    <t>0.005752652489449339</t>
  </si>
  <si>
    <t>LTU</t>
  </si>
  <si>
    <t>12843</t>
  </si>
  <si>
    <t>7.558813095092773</t>
  </si>
  <si>
    <t>705.5606689453125</t>
  </si>
  <si>
    <t>106.4141616821289</t>
  </si>
  <si>
    <t>Alytus county</t>
  </si>
  <si>
    <t>Lithuania</t>
  </si>
  <si>
    <t>6.941991329193115</t>
  </si>
  <si>
    <t>540.2734985351562</t>
  </si>
  <si>
    <t>-0.10170761453765031</t>
  </si>
  <si>
    <t>7.193653106689453</t>
  </si>
  <si>
    <t>623.0740966796875</t>
  </si>
  <si>
    <t>-0.34063570608426375</t>
  </si>
  <si>
    <t>6.264776706695557</t>
  </si>
  <si>
    <t>692.3515014648438</t>
  </si>
  <si>
    <t>-0.034143946538097936</t>
  </si>
  <si>
    <t>6.420948505401611</t>
  </si>
  <si>
    <t>609.664794921875</t>
  </si>
  <si>
    <t>0.044151867531850186</t>
  </si>
  <si>
    <t>6.414474964141846</t>
  </si>
  <si>
    <t>615.3485717773438</t>
  </si>
  <si>
    <t>0.048361586611763485</t>
  </si>
  <si>
    <t>5.594006061553955</t>
  </si>
  <si>
    <t>530.2242431640625</t>
  </si>
  <si>
    <t>0.05698693137361133</t>
  </si>
  <si>
    <t>10096</t>
  </si>
  <si>
    <t>6.719380855560303</t>
  </si>
  <si>
    <t>683.41650390625</t>
  </si>
  <si>
    <t>0.08632727161072573</t>
  </si>
  <si>
    <t>10920</t>
  </si>
  <si>
    <t>6.313769817352295</t>
  </si>
  <si>
    <t>711.6488647460938</t>
  </si>
  <si>
    <t>0.07845666451790123</t>
  </si>
  <si>
    <t>7.523111343383789</t>
  </si>
  <si>
    <t>588.9132690429688</t>
  </si>
  <si>
    <t>-0.005325510704105696</t>
  </si>
  <si>
    <t>8.024471282958984</t>
  </si>
  <si>
    <t>596.8698120117188</t>
  </si>
  <si>
    <t>0.04244836413815811</t>
  </si>
  <si>
    <t>6.893932342529297</t>
  </si>
  <si>
    <t>721.9376831054688</t>
  </si>
  <si>
    <t>0.03775013214471379</t>
  </si>
  <si>
    <t>7.3817973136901855</t>
  </si>
  <si>
    <t>540.9719848632812</t>
  </si>
  <si>
    <t>0.02971800330003127</t>
  </si>
  <si>
    <t>6.4873366355896</t>
  </si>
  <si>
    <t>608.4219360351562</t>
  </si>
  <si>
    <t>0.044050035137491506</t>
  </si>
  <si>
    <t>7.184238433837891</t>
  </si>
  <si>
    <t>684.4251708984375</t>
  </si>
  <si>
    <t>0.050555058264540875</t>
  </si>
  <si>
    <t>14209</t>
  </si>
  <si>
    <t>6.1342387199401855</t>
  </si>
  <si>
    <t>588.9735717773438</t>
  </si>
  <si>
    <t>0.06408351405834978</t>
  </si>
  <si>
    <t>14985</t>
  </si>
  <si>
    <t>7.750251293182373</t>
  </si>
  <si>
    <t>657.3661499023438</t>
  </si>
  <si>
    <t>0.053174134112687454</t>
  </si>
  <si>
    <t>16726</t>
  </si>
  <si>
    <t>7.428700923919678</t>
  </si>
  <si>
    <t>640.5455322265625</t>
  </si>
  <si>
    <t>0.10991469419070832</t>
  </si>
  <si>
    <t>7.8509063720703125</t>
  </si>
  <si>
    <t>653.8455810546875</t>
  </si>
  <si>
    <t>0.05947745740333232</t>
  </si>
  <si>
    <t>6.481870174407959</t>
  </si>
  <si>
    <t>708.6228637695312</t>
  </si>
  <si>
    <t>-0.16293987258221243</t>
  </si>
  <si>
    <t>7.08962869644165</t>
  </si>
  <si>
    <t>795.3858032226562</t>
  </si>
  <si>
    <t>0.04928889997921537</t>
  </si>
  <si>
    <t>17145</t>
  </si>
  <si>
    <t>7.337108135223389</t>
  </si>
  <si>
    <t>592.1253662109375</t>
  </si>
  <si>
    <t>0.07891570615521282</t>
  </si>
  <si>
    <t>6.556495189666748</t>
  </si>
  <si>
    <t>704.0585327148438</t>
  </si>
  <si>
    <t>0.025282811746382805</t>
  </si>
  <si>
    <t>18336</t>
  </si>
  <si>
    <t>7.466564178466797</t>
  </si>
  <si>
    <t>686.4555053710938</t>
  </si>
  <si>
    <t>0.04187694287106325</t>
  </si>
  <si>
    <t>19333</t>
  </si>
  <si>
    <t>8.126052856445312</t>
  </si>
  <si>
    <t>629.7695922851562</t>
  </si>
  <si>
    <t>0.05294713981803589</t>
  </si>
  <si>
    <t>7.906870365142822</t>
  </si>
  <si>
    <t>529.89501953125</t>
  </si>
  <si>
    <t>0.014226159857889442</t>
  </si>
  <si>
    <t>20042</t>
  </si>
  <si>
    <t>7.780863285064697</t>
  </si>
  <si>
    <t>707.9149169921875</t>
  </si>
  <si>
    <t>0.02179043142788295</t>
  </si>
  <si>
    <t>21252</t>
  </si>
  <si>
    <t>7.672154903411865</t>
  </si>
  <si>
    <t>785.1453857421875</t>
  </si>
  <si>
    <t>0.05862093695255943</t>
  </si>
  <si>
    <t>7.820441722869873</t>
  </si>
  <si>
    <t>561.7083740234375</t>
  </si>
  <si>
    <t>0.018785366077892718</t>
  </si>
  <si>
    <t>9.038115501403809</t>
  </si>
  <si>
    <t>542.9959106445312</t>
  </si>
  <si>
    <t>0.03458322492516963</t>
  </si>
  <si>
    <t>8.431777000427246</t>
  </si>
  <si>
    <t>634.3265991210938</t>
  </si>
  <si>
    <t>0.0004014004469308219</t>
  </si>
  <si>
    <t>7.167344570159912</t>
  </si>
  <si>
    <t>686.3836669921875</t>
  </si>
  <si>
    <t>0.057361530441960795</t>
  </si>
  <si>
    <t>24028</t>
  </si>
  <si>
    <t>7.941638469696045</t>
  </si>
  <si>
    <t>667.7958984375</t>
  </si>
  <si>
    <t>0.011637286507264477</t>
  </si>
  <si>
    <t>14501</t>
  </si>
  <si>
    <t>7.675943374633789</t>
  </si>
  <si>
    <t>705.7597045898438</t>
  </si>
  <si>
    <t>391.6768798828125</t>
  </si>
  <si>
    <t>Kaunas county</t>
  </si>
  <si>
    <t>7.097412109375</t>
  </si>
  <si>
    <t>521.8494262695312</t>
  </si>
  <si>
    <t>-0.10168172115024632</t>
  </si>
  <si>
    <t>7.368293762207031</t>
  </si>
  <si>
    <t>618.126220703125</t>
  </si>
  <si>
    <t>-0.34069520294722366</t>
  </si>
  <si>
    <t>6.45546293258667</t>
  </si>
  <si>
    <t>674.8141479492188</t>
  </si>
  <si>
    <t>-0.034060709840369796</t>
  </si>
  <si>
    <t>6.637786388397217</t>
  </si>
  <si>
    <t>591.6820678710938</t>
  </si>
  <si>
    <t>0.04409923924873205</t>
  </si>
  <si>
    <t>6.571771144866943</t>
  </si>
  <si>
    <t>607.8718872070312</t>
  </si>
  <si>
    <t>0.04843084424178201</t>
  </si>
  <si>
    <t>10458</t>
  </si>
  <si>
    <t>5.761862277984619</t>
  </si>
  <si>
    <t>511.6205139160156</t>
  </si>
  <si>
    <t>0.05705717364750562</t>
  </si>
  <si>
    <t>6.8682403564453125</t>
  </si>
  <si>
    <t>677.462890625</t>
  </si>
  <si>
    <t>0.08624611963451123</t>
  </si>
  <si>
    <t>6.49934720993042</t>
  </si>
  <si>
    <t>694.7243041992188</t>
  </si>
  <si>
    <t>0.07850306148794317</t>
  </si>
  <si>
    <t>7.63812255859375</t>
  </si>
  <si>
    <t>565.7964477539062</t>
  </si>
  <si>
    <t>-0.005366739177940616</t>
  </si>
  <si>
    <t>12796</t>
  </si>
  <si>
    <t>8.181082725524902</t>
  </si>
  <si>
    <t>584.1253051757812</t>
  </si>
  <si>
    <t>0.04238294437682022</t>
  </si>
  <si>
    <t>14452</t>
  </si>
  <si>
    <t>7.059603214263916</t>
  </si>
  <si>
    <t>705.6026000976562</t>
  </si>
  <si>
    <t>0.12170019119812103</t>
  </si>
  <si>
    <t>15076</t>
  </si>
  <si>
    <t>7.601889133453369</t>
  </si>
  <si>
    <t>517.5098266601562</t>
  </si>
  <si>
    <t>0.04227126211949539</t>
  </si>
  <si>
    <t>17086</t>
  </si>
  <si>
    <t>6.608983516693115</t>
  </si>
  <si>
    <t>596.292236328125</t>
  </si>
  <si>
    <t>0.1251553393245377</t>
  </si>
  <si>
    <t>18299</t>
  </si>
  <si>
    <t>7.373086452484131</t>
  </si>
  <si>
    <t>674.6267700195312</t>
  </si>
  <si>
    <t>0.06858699881612296</t>
  </si>
  <si>
    <t>20354</t>
  </si>
  <si>
    <t>6.305408954620361</t>
  </si>
  <si>
    <t>570.9984741210938</t>
  </si>
  <si>
    <t>0.10643103922419073</t>
  </si>
  <si>
    <t>22117</t>
  </si>
  <si>
    <t>7.941339015960693</t>
  </si>
  <si>
    <t>659.9528198242188</t>
  </si>
  <si>
    <t>0.08306909081684388</t>
  </si>
  <si>
    <t>24919</t>
  </si>
  <si>
    <t>7.722097396850586</t>
  </si>
  <si>
    <t>613.6761474609375</t>
  </si>
  <si>
    <t>0.11928402111658798</t>
  </si>
  <si>
    <t>7.961524963378906</t>
  </si>
  <si>
    <t>629.529052734375</t>
  </si>
  <si>
    <t>0.04096484719204341</t>
  </si>
  <si>
    <t>22020</t>
  </si>
  <si>
    <t>6.63847017288208</t>
  </si>
  <si>
    <t>693.3047485351562</t>
  </si>
  <si>
    <t>-0.16464428060068137</t>
  </si>
  <si>
    <t>7.164188385009766</t>
  </si>
  <si>
    <t>770.0592651367188</t>
  </si>
  <si>
    <t>0.04588815888428677</t>
  </si>
  <si>
    <t>7.491338729858398</t>
  </si>
  <si>
    <t>566.6660766601562</t>
  </si>
  <si>
    <t>0.10271974552052221</t>
  </si>
  <si>
    <t>6.736232280731201</t>
  </si>
  <si>
    <t>693.153076171875</t>
  </si>
  <si>
    <t>0.05309025411883184</t>
  </si>
  <si>
    <t>28169</t>
  </si>
  <si>
    <t>7.587177276611328</t>
  </si>
  <si>
    <t>666.8762817382812</t>
  </si>
  <si>
    <t>0.04457279268246772</t>
  </si>
  <si>
    <t>8.338111877441406</t>
  </si>
  <si>
    <t>623.9591674804688</t>
  </si>
  <si>
    <t>0.04891018083667831</t>
  </si>
  <si>
    <t>8.088807106018066</t>
  </si>
  <si>
    <t>505.6027526855469</t>
  </si>
  <si>
    <t>0.03393310296230112</t>
  </si>
  <si>
    <t>32378</t>
  </si>
  <si>
    <t>7.982658386230469</t>
  </si>
  <si>
    <t>703.035888671875</t>
  </si>
  <si>
    <t>0.05641381351969166</t>
  </si>
  <si>
    <t>7.889774799346924</t>
  </si>
  <si>
    <t>770.73974609375</t>
  </si>
  <si>
    <t>0.06124576579469121</t>
  </si>
  <si>
    <t>8.031972885131836</t>
  </si>
  <si>
    <t>555.3187255859375</t>
  </si>
  <si>
    <t>0.05163167364130494</t>
  </si>
  <si>
    <t>9.223955154418945</t>
  </si>
  <si>
    <t>539.0139770507812</t>
  </si>
  <si>
    <t>0.0448055523526385</t>
  </si>
  <si>
    <t>8.630017280578613</t>
  </si>
  <si>
    <t>630.5453491210938</t>
  </si>
  <si>
    <t>-0.002059732963010319</t>
  </si>
  <si>
    <t>40062</t>
  </si>
  <si>
    <t>7.393348217010498</t>
  </si>
  <si>
    <t>670.0826416015625</t>
  </si>
  <si>
    <t>0.057325815458849405</t>
  </si>
  <si>
    <t>40531</t>
  </si>
  <si>
    <t>8.14237117767334</t>
  </si>
  <si>
    <t>653.1495971679688</t>
  </si>
  <si>
    <t>0.011638859313721994</t>
  </si>
  <si>
    <t>8.488534927368164</t>
  </si>
  <si>
    <t>890.3695068359375</t>
  </si>
  <si>
    <t>285.1527404785156</t>
  </si>
  <si>
    <t>Klaipeda county</t>
  </si>
  <si>
    <t>7.933194637298584</t>
  </si>
  <si>
    <t>745.3927612304688</t>
  </si>
  <si>
    <t>-0.10165650338290178</t>
  </si>
  <si>
    <t>8.1520414352417</t>
  </si>
  <si>
    <t>799.7423095703125</t>
  </si>
  <si>
    <t>-0.3406703106639064</t>
  </si>
  <si>
    <t>7.034463405609131</t>
  </si>
  <si>
    <t>799.73681640625</t>
  </si>
  <si>
    <t>-0.03410344025222756</t>
  </si>
  <si>
    <t>7.203908443450928</t>
  </si>
  <si>
    <t>750.8961181640625</t>
  </si>
  <si>
    <t>0.04407660442131167</t>
  </si>
  <si>
    <t>11952</t>
  </si>
  <si>
    <t>7.451246738433838</t>
  </si>
  <si>
    <t>732.5222778320312</t>
  </si>
  <si>
    <t>0.048426274561993665</t>
  </si>
  <si>
    <t>6.625341892242432</t>
  </si>
  <si>
    <t>584.6751708984375</t>
  </si>
  <si>
    <t>0.056995712816664934</t>
  </si>
  <si>
    <t>13794</t>
  </si>
  <si>
    <t>7.78529691696167</t>
  </si>
  <si>
    <t>814.6802978515625</t>
  </si>
  <si>
    <t>0.0863393738019731</t>
  </si>
  <si>
    <t>14919</t>
  </si>
  <si>
    <t>7.121427059173584</t>
  </si>
  <si>
    <t>861.6371459960938</t>
  </si>
  <si>
    <t>0.07840185339161287</t>
  </si>
  <si>
    <t>14841</t>
  </si>
  <si>
    <t>8.422051429748535</t>
  </si>
  <si>
    <t>773.3396606445312</t>
  </si>
  <si>
    <t>-0.005241947487030885</t>
  </si>
  <si>
    <t>15483</t>
  </si>
  <si>
    <t>8.913516998291016</t>
  </si>
  <si>
    <t>663.582275390625</t>
  </si>
  <si>
    <t>0.04234902692101805</t>
  </si>
  <si>
    <t>16382</t>
  </si>
  <si>
    <t>7.775930881500244</t>
  </si>
  <si>
    <t>920.60498046875</t>
  </si>
  <si>
    <t>0.056440523258711295</t>
  </si>
  <si>
    <t>17296</t>
  </si>
  <si>
    <t>7.987730503082275</t>
  </si>
  <si>
    <t>676.4986572265625</t>
  </si>
  <si>
    <t>0.05429208980344136</t>
  </si>
  <si>
    <t>18934</t>
  </si>
  <si>
    <t>7.438912868499756</t>
  </si>
  <si>
    <t>712.3010864257812</t>
  </si>
  <si>
    <t>0.09048398680984704</t>
  </si>
  <si>
    <t>19890</t>
  </si>
  <si>
    <t>8.122361183166504</t>
  </si>
  <si>
    <t>804.1857299804688</t>
  </si>
  <si>
    <t>0.04925784515918252</t>
  </si>
  <si>
    <t>7.182985782623291</t>
  </si>
  <si>
    <t>670.3333740234375</t>
  </si>
  <si>
    <t>0.11118064984289155</t>
  </si>
  <si>
    <t>24079</t>
  </si>
  <si>
    <t>8.656309127807617</t>
  </si>
  <si>
    <t>770.59423828125</t>
  </si>
  <si>
    <t>0.07994234863032368</t>
  </si>
  <si>
    <t>8.44201374053955</t>
  </si>
  <si>
    <t>866.6573486328125</t>
  </si>
  <si>
    <t>0.10437161371535808</t>
  </si>
  <si>
    <t>8.764662742614746</t>
  </si>
  <si>
    <t>779.4033203125</t>
  </si>
  <si>
    <t>0.03618991212485234</t>
  </si>
  <si>
    <t>7.126509189605713</t>
  </si>
  <si>
    <t>746.1004028320312</t>
  </si>
  <si>
    <t>-0.07300107920541166</t>
  </si>
  <si>
    <t>7.481404781341553</t>
  </si>
  <si>
    <t>990.8860473632812</t>
  </si>
  <si>
    <t>0.03091985752165982</t>
  </si>
  <si>
    <t>28643</t>
  </si>
  <si>
    <t>8.351303100585938</t>
  </si>
  <si>
    <t>824.7691040039062</t>
  </si>
  <si>
    <t>0.07508868971448912</t>
  </si>
  <si>
    <t>7.216285228729248</t>
  </si>
  <si>
    <t>869.6152954101562</t>
  </si>
  <si>
    <t>0.03495768010972711</t>
  </si>
  <si>
    <t>8.274491310119629</t>
  </si>
  <si>
    <t>770.800537109375</t>
  </si>
  <si>
    <t>0.026678893289183492</t>
  </si>
  <si>
    <t>9.043050765991211</t>
  </si>
  <si>
    <t>753.9629516601562</t>
  </si>
  <si>
    <t>0.031312637852249026</t>
  </si>
  <si>
    <t>31692</t>
  </si>
  <si>
    <t>8.65936279296875</t>
  </si>
  <si>
    <t>645.2642822265625</t>
  </si>
  <si>
    <t>0.00820598664179073</t>
  </si>
  <si>
    <t>8.674162864685059</t>
  </si>
  <si>
    <t>846.2664184570312</t>
  </si>
  <si>
    <t>0.025083494279773078</t>
  </si>
  <si>
    <t>8.28408145904541</t>
  </si>
  <si>
    <t>996.15771484375</t>
  </si>
  <si>
    <t>0.0400228323050591</t>
  </si>
  <si>
    <t>34331</t>
  </si>
  <si>
    <t>8.618816375732422</t>
  </si>
  <si>
    <t>662.6011352539062</t>
  </si>
  <si>
    <t>0.014878126399185732</t>
  </si>
  <si>
    <t>9.788901329040527</t>
  </si>
  <si>
    <t>715.2620849609375</t>
  </si>
  <si>
    <t>0.037307626771385216</t>
  </si>
  <si>
    <t>34642</t>
  </si>
  <si>
    <t>9.3818941116333</t>
  </si>
  <si>
    <t>731.2780151367188</t>
  </si>
  <si>
    <t>-0.028289544110309706</t>
  </si>
  <si>
    <t>36686</t>
  </si>
  <si>
    <t>8.105494499206543</t>
  </si>
  <si>
    <t>766.836181640625</t>
  </si>
  <si>
    <t>0.05732839214407015</t>
  </si>
  <si>
    <t>8.755240440368652</t>
  </si>
  <si>
    <t>716.6643676757812</t>
  </si>
  <si>
    <t>0.011652932598774868</t>
  </si>
  <si>
    <t>11436</t>
  </si>
  <si>
    <t>7.791800022125244</t>
  </si>
  <si>
    <t>671.4666748046875</t>
  </si>
  <si>
    <t>94.50650787353516</t>
  </si>
  <si>
    <t>Marijampole county</t>
  </si>
  <si>
    <t>7.272310733795166</t>
  </si>
  <si>
    <t>556.6773681640625</t>
  </si>
  <si>
    <t>-0.1017139913285181</t>
  </si>
  <si>
    <t>7348</t>
  </si>
  <si>
    <t>7.482697010040283</t>
  </si>
  <si>
    <t>582.1991577148438</t>
  </si>
  <si>
    <t>-0.34062411577866847</t>
  </si>
  <si>
    <t>6.516415119171143</t>
  </si>
  <si>
    <t>668.1239013671875</t>
  </si>
  <si>
    <t>-0.03405173283198337</t>
  </si>
  <si>
    <t>6.706544399261475</t>
  </si>
  <si>
    <t>594.7678833007812</t>
  </si>
  <si>
    <t>0.04407212811750938</t>
  </si>
  <si>
    <t>6.695773601531982</t>
  </si>
  <si>
    <t>592.3914184570312</t>
  </si>
  <si>
    <t>0.04839229724425209</t>
  </si>
  <si>
    <t>5.874748229980469</t>
  </si>
  <si>
    <t>491.86932373046875</t>
  </si>
  <si>
    <t>0.05700863796856126</t>
  </si>
  <si>
    <t>6.9878249168396</t>
  </si>
  <si>
    <t>655.2222290039062</t>
  </si>
  <si>
    <t>0.08626335063231139</t>
  </si>
  <si>
    <t>6.606929302215576</t>
  </si>
  <si>
    <t>713.066650390625</t>
  </si>
  <si>
    <t>0.07848420797034805</t>
  </si>
  <si>
    <t>7.787055969238281</t>
  </si>
  <si>
    <t>588.68505859375</t>
  </si>
  <si>
    <t>-0.005258557253467799</t>
  </si>
  <si>
    <t>8.307312965393066</t>
  </si>
  <si>
    <t>576.8635864257812</t>
  </si>
  <si>
    <t>0.04230543828198208</t>
  </si>
  <si>
    <t>7.145773410797119</t>
  </si>
  <si>
    <t>716.340576171875</t>
  </si>
  <si>
    <t>-0.038281703165250036</t>
  </si>
  <si>
    <t>10183</t>
  </si>
  <si>
    <t>7.673595905303955</t>
  </si>
  <si>
    <t>557.5497436523438</t>
  </si>
  <si>
    <t>0.047357428872386365</t>
  </si>
  <si>
    <t>11773</t>
  </si>
  <si>
    <t>6.748979568481445</t>
  </si>
  <si>
    <t>594.2683715820312</t>
  </si>
  <si>
    <t>0.14508911090653065</t>
  </si>
  <si>
    <t>7.470388412475586</t>
  </si>
  <si>
    <t>656.6619873046875</t>
  </si>
  <si>
    <t>0.04102243310773268</t>
  </si>
  <si>
    <t>6.412055969238281</t>
  </si>
  <si>
    <t>568.0987548828125</t>
  </si>
  <si>
    <t>0.07497526732416837</t>
  </si>
  <si>
    <t>14448</t>
  </si>
  <si>
    <t>8.066414833068848</t>
  </si>
  <si>
    <t>632.0317993164062</t>
  </si>
  <si>
    <t>0.08874952214666898</t>
  </si>
  <si>
    <t>15544</t>
  </si>
  <si>
    <t>7.717567443847656</t>
  </si>
  <si>
    <t>680.6560668945312</t>
  </si>
  <si>
    <t>0.07311871540050952</t>
  </si>
  <si>
    <t>16602</t>
  </si>
  <si>
    <t>8.129106521606445</t>
  </si>
  <si>
    <t>630.3543701171875</t>
  </si>
  <si>
    <t>0.06584845795770455</t>
  </si>
  <si>
    <t>6.7910308837890625</t>
  </si>
  <si>
    <t>659.7927856445312</t>
  </si>
  <si>
    <t>-0.18037188653705094</t>
  </si>
  <si>
    <t>7.363340854644775</t>
  </si>
  <si>
    <t>789.6377563476562</t>
  </si>
  <si>
    <t>0.09089336245478563</t>
  </si>
  <si>
    <t>16352</t>
  </si>
  <si>
    <t>7.690646648406982</t>
  </si>
  <si>
    <t>630.7703857421875</t>
  </si>
  <si>
    <t>0.07430556807071653</t>
  </si>
  <si>
    <t>17708</t>
  </si>
  <si>
    <t>6.9025702476501465</t>
  </si>
  <si>
    <t>700.1978149414062</t>
  </si>
  <si>
    <t>0.07966630084860071</t>
  </si>
  <si>
    <t>18219</t>
  </si>
  <si>
    <t>7.753721714019775</t>
  </si>
  <si>
    <t>662.6806030273438</t>
  </si>
  <si>
    <t>0.02844849071365374</t>
  </si>
  <si>
    <t>8.470389366149902</t>
  </si>
  <si>
    <t>610.52197265625</t>
  </si>
  <si>
    <t>0.03117907565702005</t>
  </si>
  <si>
    <t>18838</t>
  </si>
  <si>
    <t>8.191800117492676</t>
  </si>
  <si>
    <t>495.8692932128906</t>
  </si>
  <si>
    <t>0.0022320251600564944</t>
  </si>
  <si>
    <t>8.078722953796387</t>
  </si>
  <si>
    <t>667.4194946289062</t>
  </si>
  <si>
    <t>0.007667735407778764</t>
  </si>
  <si>
    <t>20502</t>
  </si>
  <si>
    <t>7.992183208465576</t>
  </si>
  <si>
    <t>757.3265380859375</t>
  </si>
  <si>
    <t>0.07697860055280614</t>
  </si>
  <si>
    <t>20854</t>
  </si>
  <si>
    <t>8.149748802185059</t>
  </si>
  <si>
    <t>515.9130249023438</t>
  </si>
  <si>
    <t>0.017023334006191604</t>
  </si>
  <si>
    <t>9.352953910827637</t>
  </si>
  <si>
    <t>512.1626586914062</t>
  </si>
  <si>
    <t>0.05880076721918215</t>
  </si>
  <si>
    <t>22921</t>
  </si>
  <si>
    <t>8.748595237731934</t>
  </si>
  <si>
    <t>604.3553466796875</t>
  </si>
  <si>
    <t>0.03570697732564554</t>
  </si>
  <si>
    <t>7.512824535369873</t>
  </si>
  <si>
    <t>676.654052734375</t>
  </si>
  <si>
    <t>0.05731110058158251</t>
  </si>
  <si>
    <t>8.255643844604492</t>
  </si>
  <si>
    <t>629.8716430664062</t>
  </si>
  <si>
    <t>0.011632324487097279</t>
  </si>
  <si>
    <t>7.612360000610352</t>
  </si>
  <si>
    <t>706.0584716796875</t>
  </si>
  <si>
    <t>183.99526977539062</t>
  </si>
  <si>
    <t>PaneveÔøΩys county</t>
  </si>
  <si>
    <t>7.040565013885498</t>
  </si>
  <si>
    <t>597.524169921875</t>
  </si>
  <si>
    <t>-0.10170577655805602</t>
  </si>
  <si>
    <t>8949</t>
  </si>
  <si>
    <t>7.28955078125</t>
  </si>
  <si>
    <t>604.1184692382812</t>
  </si>
  <si>
    <t>-0.3407254269471167</t>
  </si>
  <si>
    <t>8650</t>
  </si>
  <si>
    <t>6.32263708114624</t>
  </si>
  <si>
    <t>655.1594848632812</t>
  </si>
  <si>
    <t>-0.03398247325693404</t>
  </si>
  <si>
    <t>6.497274875640869</t>
  </si>
  <si>
    <t>603.9884643554688</t>
  </si>
  <si>
    <t>0.043989227872486936</t>
  </si>
  <si>
    <t>6.511722564697266</t>
  </si>
  <si>
    <t>617.8478393554688</t>
  </si>
  <si>
    <t>0.04847929343909563</t>
  </si>
  <si>
    <t>5.712740421295166</t>
  </si>
  <si>
    <t>513.0480346679688</t>
  </si>
  <si>
    <t>0.05704715601152799</t>
  </si>
  <si>
    <t>6.827308177947998</t>
  </si>
  <si>
    <t>683.8644409179688</t>
  </si>
  <si>
    <t>0.08626445799561111</t>
  </si>
  <si>
    <t>11844</t>
  </si>
  <si>
    <t>6.375036716461182</t>
  </si>
  <si>
    <t>726.63720703125</t>
  </si>
  <si>
    <t>0.07848195397683533</t>
  </si>
  <si>
    <t>11781</t>
  </si>
  <si>
    <t>7.565907001495361</t>
  </si>
  <si>
    <t>581.1144409179688</t>
  </si>
  <si>
    <t>-0.005333345975362391</t>
  </si>
  <si>
    <t>8.092904090881348</t>
  </si>
  <si>
    <t>591.2835693359375</t>
  </si>
  <si>
    <t>0.04237922296886154</t>
  </si>
  <si>
    <t>6.947171688079834</t>
  </si>
  <si>
    <t>736.0947265625</t>
  </si>
  <si>
    <t>0.054388328966131994</t>
  </si>
  <si>
    <t>7.428914546966553</t>
  </si>
  <si>
    <t>538.8553466796875</t>
  </si>
  <si>
    <t>0.04379491728119689</t>
  </si>
  <si>
    <t>6.539082050323486</t>
  </si>
  <si>
    <t>601.8697509765625</t>
  </si>
  <si>
    <t>0.06971537758227164</t>
  </si>
  <si>
    <t>7.279170989990234</t>
  </si>
  <si>
    <t>655.2990112304688</t>
  </si>
  <si>
    <t>0.10663910361118667</t>
  </si>
  <si>
    <t>6.251316070556641</t>
  </si>
  <si>
    <t>564.1456298828125</t>
  </si>
  <si>
    <t>0.05098410847159762</t>
  </si>
  <si>
    <t>7.839267253875732</t>
  </si>
  <si>
    <t>633.345703125</t>
  </si>
  <si>
    <t>0.0090657149631852</t>
  </si>
  <si>
    <t>7.592016220092773</t>
  </si>
  <si>
    <t>652.357421875</t>
  </si>
  <si>
    <t>0.0569222546287218</t>
  </si>
  <si>
    <t>19762</t>
  </si>
  <si>
    <t>7.89124870300293</t>
  </si>
  <si>
    <t>641.3447875976562</t>
  </si>
  <si>
    <t>0.08338380903563447</t>
  </si>
  <si>
    <t>16780</t>
  </si>
  <si>
    <t>6.514060974121094</t>
  </si>
  <si>
    <t>658.7445068359375</t>
  </si>
  <si>
    <t>-0.16357320073371007</t>
  </si>
  <si>
    <t>17601</t>
  </si>
  <si>
    <t>7.040663242340088</t>
  </si>
  <si>
    <t>809.9814453125</t>
  </si>
  <si>
    <t>0.04776801757277305</t>
  </si>
  <si>
    <t>19453</t>
  </si>
  <si>
    <t>7.455689907073975</t>
  </si>
  <si>
    <t>619.1484985351562</t>
  </si>
  <si>
    <t>0.10004558120384743</t>
  </si>
  <si>
    <t>6.62297248840332</t>
  </si>
  <si>
    <t>712.918701171875</t>
  </si>
  <si>
    <t>0.05869655299519039</t>
  </si>
  <si>
    <t>21187</t>
  </si>
  <si>
    <t>7.515908718109131</t>
  </si>
  <si>
    <t>641.8568115234375</t>
  </si>
  <si>
    <t>0.02668993323128177</t>
  </si>
  <si>
    <t>8.242939949035645</t>
  </si>
  <si>
    <t>649.8281860351562</t>
  </si>
  <si>
    <t>0.0426422088272016</t>
  </si>
  <si>
    <t>7.966893672943115</t>
  </si>
  <si>
    <t>523.5042114257812</t>
  </si>
  <si>
    <t>0.04297977338825909</t>
  </si>
  <si>
    <t>23621</t>
  </si>
  <si>
    <t>7.897726535797119</t>
  </si>
  <si>
    <t>692.7059326171875</t>
  </si>
  <si>
    <t>0.023126378617957855</t>
  </si>
  <si>
    <t>7.717113018035889</t>
  </si>
  <si>
    <t>792.5371704101562</t>
  </si>
  <si>
    <t>0.06752134635730656</t>
  </si>
  <si>
    <t>7.87278938293457</t>
  </si>
  <si>
    <t>544.5236206054688</t>
  </si>
  <si>
    <t>0.03216287196063483</t>
  </si>
  <si>
    <t>9.075287818908691</t>
  </si>
  <si>
    <t>573.152099609375</t>
  </si>
  <si>
    <t>0.04396683166398496</t>
  </si>
  <si>
    <t>8.50205135345459</t>
  </si>
  <si>
    <t>623.3824462890625</t>
  </si>
  <si>
    <t>0.010650815595456109</t>
  </si>
  <si>
    <t>7.27841329574585</t>
  </si>
  <si>
    <t>672.514892578125</t>
  </si>
  <si>
    <t>0.05731965345042056</t>
  </si>
  <si>
    <t>8.0079927444458</t>
  </si>
  <si>
    <t>635.4583129882812</t>
  </si>
  <si>
    <t>0.01164902985245675</t>
  </si>
  <si>
    <t>7.9265828132629395</t>
  </si>
  <si>
    <t>802.708251953125</t>
  </si>
  <si>
    <t>93.1652603149414</t>
  </si>
  <si>
    <t>Taurage county</t>
  </si>
  <si>
    <t>7.339542865753174</t>
  </si>
  <si>
    <t>684.7003784179688</t>
  </si>
  <si>
    <t>-0.10167554528737632</t>
  </si>
  <si>
    <t>7.625916004180908</t>
  </si>
  <si>
    <t>715.1156005859375</t>
  </si>
  <si>
    <t>-0.340688271170281</t>
  </si>
  <si>
    <t>5588</t>
  </si>
  <si>
    <t>6.597926616668701</t>
  </si>
  <si>
    <t>763.95849609375</t>
  </si>
  <si>
    <t>-0.03412820219943846</t>
  </si>
  <si>
    <t>6.818967819213867</t>
  </si>
  <si>
    <t>692.3092651367188</t>
  </si>
  <si>
    <t>0.044109355445419496</t>
  </si>
  <si>
    <t>6.854089260101318</t>
  </si>
  <si>
    <t>706.8010864257812</t>
  </si>
  <si>
    <t>0.04846395310798535</t>
  </si>
  <si>
    <t>6490</t>
  </si>
  <si>
    <t>5.983164310455322</t>
  </si>
  <si>
    <t>559.7081298828125</t>
  </si>
  <si>
    <t>0.05706778076787877</t>
  </si>
  <si>
    <t>7075</t>
  </si>
  <si>
    <t>7.184284687042236</t>
  </si>
  <si>
    <t>773.9654541015625</t>
  </si>
  <si>
    <t>0.08630491281330244</t>
  </si>
  <si>
    <t>7652</t>
  </si>
  <si>
    <t>6.7011494636535645</t>
  </si>
  <si>
    <t>816.388427734375</t>
  </si>
  <si>
    <t>0.07839960804870394</t>
  </si>
  <si>
    <t>7.887654781341553</t>
  </si>
  <si>
    <t>704.1912231445312</t>
  </si>
  <si>
    <t>-0.005241102144102783</t>
  </si>
  <si>
    <t>8.43127727508545</t>
  </si>
  <si>
    <t>652.6376953125</t>
  </si>
  <si>
    <t>0.04231326247917089</t>
  </si>
  <si>
    <t>7.258632183074951</t>
  </si>
  <si>
    <t>849.6322021484375</t>
  </si>
  <si>
    <t>0.07972299134638838</t>
  </si>
  <si>
    <t>8855</t>
  </si>
  <si>
    <t>7.723778247833252</t>
  </si>
  <si>
    <t>645.8277587890625</t>
  </si>
  <si>
    <t>0.029220067975334274</t>
  </si>
  <si>
    <t>6.89573860168457</t>
  </si>
  <si>
    <t>668.3341674804688</t>
  </si>
  <si>
    <t>0.05951462944582708</t>
  </si>
  <si>
    <t>7.578587055206299</t>
  </si>
  <si>
    <t>760.8543090820312</t>
  </si>
  <si>
    <t>0.044229674012109754</t>
  </si>
  <si>
    <t>6.548494338989258</t>
  </si>
  <si>
    <t>626.8892822265625</t>
  </si>
  <si>
    <t>0.030083487923882046</t>
  </si>
  <si>
    <t>10728</t>
  </si>
  <si>
    <t>8.170923233032227</t>
  </si>
  <si>
    <t>738.9664916992188</t>
  </si>
  <si>
    <t>0.05804708336276221</t>
  </si>
  <si>
    <t>11815</t>
  </si>
  <si>
    <t>7.784367084503174</t>
  </si>
  <si>
    <t>790.4992065429688</t>
  </si>
  <si>
    <t>0.09651276465949366</t>
  </si>
  <si>
    <t>13566</t>
  </si>
  <si>
    <t>8.221590042114258</t>
  </si>
  <si>
    <t>722.8282470703125</t>
  </si>
  <si>
    <t>0.13819675188501712</t>
  </si>
  <si>
    <t>12150</t>
  </si>
  <si>
    <t>6.838490009307861</t>
  </si>
  <si>
    <t>731.6033935546875</t>
  </si>
  <si>
    <t>-0.11023749273733152</t>
  </si>
  <si>
    <t>7.360616683959961</t>
  </si>
  <si>
    <t>915.9153442382812</t>
  </si>
  <si>
    <t>0.08644194191556842</t>
  </si>
  <si>
    <t>7.805592060089111</t>
  </si>
  <si>
    <t>748.8723754882812</t>
  </si>
  <si>
    <t>0.12926663091112367</t>
  </si>
  <si>
    <t>6.935451030731201</t>
  </si>
  <si>
    <t>816.6220092773438</t>
  </si>
  <si>
    <t>0.029542701385784298</t>
  </si>
  <si>
    <t>15958</t>
  </si>
  <si>
    <t>7.813507080078125</t>
  </si>
  <si>
    <t>737.9089965820312</t>
  </si>
  <si>
    <t>0.027379826887056424</t>
  </si>
  <si>
    <t>8.538857460021973</t>
  </si>
  <si>
    <t>715.8402709960938</t>
  </si>
  <si>
    <t>0.045867522389551496</t>
  </si>
  <si>
    <t>8.182228088378906</t>
  </si>
  <si>
    <t>589.4696655273438</t>
  </si>
  <si>
    <t>0.02243162145378541</t>
  </si>
  <si>
    <t>8.123043060302734</t>
  </si>
  <si>
    <t>801.494873046875</t>
  </si>
  <si>
    <t>0.02593946886271503</t>
  </si>
  <si>
    <t>18923</t>
  </si>
  <si>
    <t>7.969470500946045</t>
  </si>
  <si>
    <t>900.6017456054688</t>
  </si>
  <si>
    <t>0.07617922982977277</t>
  </si>
  <si>
    <t>20259</t>
  </si>
  <si>
    <t>8.199931144714355</t>
  </si>
  <si>
    <t>619.259521484375</t>
  </si>
  <si>
    <t>0.06822102583890022</t>
  </si>
  <si>
    <t>20658</t>
  </si>
  <si>
    <t>9.327000617980957</t>
  </si>
  <si>
    <t>635.4705810546875</t>
  </si>
  <si>
    <t>0.019503514323627513</t>
  </si>
  <si>
    <t>8.775482177734375</t>
  </si>
  <si>
    <t>699.4222412109375</t>
  </si>
  <si>
    <t>-0.0034914204800742255</t>
  </si>
  <si>
    <t>7.645137786865234</t>
  </si>
  <si>
    <t>749.217529296875</t>
  </si>
  <si>
    <t>0.05729873669067587</t>
  </si>
  <si>
    <t>22056</t>
  </si>
  <si>
    <t>8.337705612182617</t>
  </si>
  <si>
    <t>715.0599975585938</t>
  </si>
  <si>
    <t>0.011674703926452423</t>
  </si>
  <si>
    <t>13733</t>
  </si>
  <si>
    <t>7.836089611053467</t>
  </si>
  <si>
    <t>906.7613525390625</t>
  </si>
  <si>
    <t>108.34403991699219</t>
  </si>
  <si>
    <t>TelÔøΩiai county</t>
  </si>
  <si>
    <t>12405</t>
  </si>
  <si>
    <t>7.221459865570068</t>
  </si>
  <si>
    <t>771.1630859375</t>
  </si>
  <si>
    <t>-0.10170207840437939</t>
  </si>
  <si>
    <t>7.467257976531982</t>
  </si>
  <si>
    <t>793.2493286132812</t>
  </si>
  <si>
    <t>-0.3406243351925635</t>
  </si>
  <si>
    <t>6.414456844329834</t>
  </si>
  <si>
    <t>805.4017333984375</t>
  </si>
  <si>
    <t>-0.034120414527713194</t>
  </si>
  <si>
    <t>6.606019496917725</t>
  </si>
  <si>
    <t>781.9009399414062</t>
  </si>
  <si>
    <t>0.044043815761440896</t>
  </si>
  <si>
    <t>6.713289737701416</t>
  </si>
  <si>
    <t>767.3380126953125</t>
  </si>
  <si>
    <t>0.048405376118765275</t>
  </si>
  <si>
    <t>5.83499002456665</t>
  </si>
  <si>
    <t>604.125</t>
  </si>
  <si>
    <t>0.05703368223547223</t>
  </si>
  <si>
    <t>10796</t>
  </si>
  <si>
    <t>7.103637218475342</t>
  </si>
  <si>
    <t>851.171630859375</t>
  </si>
  <si>
    <t>0.08633795361659224</t>
  </si>
  <si>
    <t>6.486331462860107</t>
  </si>
  <si>
    <t>898.525146484375</t>
  </si>
  <si>
    <t>0.07844539993782007</t>
  </si>
  <si>
    <t>11615</t>
  </si>
  <si>
    <t>7.734664440155029</t>
  </si>
  <si>
    <t>795.0319213867188</t>
  </si>
  <si>
    <t>-0.005323728871205802</t>
  </si>
  <si>
    <t>12118</t>
  </si>
  <si>
    <t>8.245625495910645</t>
  </si>
  <si>
    <t>701.6574096679688</t>
  </si>
  <si>
    <t>0.042394584300424754</t>
  </si>
  <si>
    <t>7.127431869506836</t>
  </si>
  <si>
    <t>946.5848388671875</t>
  </si>
  <si>
    <t>0.05052554636930395</t>
  </si>
  <si>
    <t>7.42446756362915</t>
  </si>
  <si>
    <t>695.3558959960938</t>
  </si>
  <si>
    <t>0.04021299066219797</t>
  </si>
  <si>
    <t>14971</t>
  </si>
  <si>
    <t>6.774445056915283</t>
  </si>
  <si>
    <t>721.5534057617188</t>
  </si>
  <si>
    <t>0.12068450891339921</t>
  </si>
  <si>
    <t>17045</t>
  </si>
  <si>
    <t>7.428600788116455</t>
  </si>
  <si>
    <t>828.8945922851562</t>
  </si>
  <si>
    <t>0.129741909122167</t>
  </si>
  <si>
    <t>18310</t>
  </si>
  <si>
    <t>6.4438557624816895</t>
  </si>
  <si>
    <t>669.3858642578125</t>
  </si>
  <si>
    <t>0.07159045309655454</t>
  </si>
  <si>
    <t>8.002476692199707</t>
  </si>
  <si>
    <t>797.283203125</t>
  </si>
  <si>
    <t>0.0471503715090158</t>
  </si>
  <si>
    <t>21744</t>
  </si>
  <si>
    <t>7.685430526733398</t>
  </si>
  <si>
    <t>877.6961669921875</t>
  </si>
  <si>
    <t>0.12474012721335193</t>
  </si>
  <si>
    <t>22611</t>
  </si>
  <si>
    <t>8.07654094696045</t>
  </si>
  <si>
    <t>801.4468994140625</t>
  </si>
  <si>
    <t>0.039098656120653885</t>
  </si>
  <si>
    <t>18503</t>
  </si>
  <si>
    <t>6.530982971191406</t>
  </si>
  <si>
    <t>778.8616333007812</t>
  </si>
  <si>
    <t>-0.20050363242986258</t>
  </si>
  <si>
    <t>20154</t>
  </si>
  <si>
    <t>6.925193786621094</t>
  </si>
  <si>
    <t>1006.6011352539062</t>
  </si>
  <si>
    <t>0.08546989875863176</t>
  </si>
  <si>
    <t>22004</t>
  </si>
  <si>
    <t>7.64111328125</t>
  </si>
  <si>
    <t>842.4579467773438</t>
  </si>
  <si>
    <t>0.0878214751550015</t>
  </si>
  <si>
    <t>6.591457843780518</t>
  </si>
  <si>
    <t>909.5528564453125</t>
  </si>
  <si>
    <t>-0.005331401751265119</t>
  </si>
  <si>
    <t>22251</t>
  </si>
  <si>
    <t>7.602581024169922</t>
  </si>
  <si>
    <t>786.09033203125</t>
  </si>
  <si>
    <t>0.016494098160583448</t>
  </si>
  <si>
    <t>21782</t>
  </si>
  <si>
    <t>8.358368873596191</t>
  </si>
  <si>
    <t>808.8728637695312</t>
  </si>
  <si>
    <t>-0.021303010769036845</t>
  </si>
  <si>
    <t>7.957754611968994</t>
  </si>
  <si>
    <t>652.916748046875</t>
  </si>
  <si>
    <t>0.02627914907168183</t>
  </si>
  <si>
    <t>22628</t>
  </si>
  <si>
    <t>7.966285228729248</t>
  </si>
  <si>
    <t>871.1483154296875</t>
  </si>
  <si>
    <t>0.011824987755733929</t>
  </si>
  <si>
    <t>7.648714542388916</t>
  </si>
  <si>
    <t>1004.8909301757812</t>
  </si>
  <si>
    <t>0.08571051945643227</t>
  </si>
  <si>
    <t>7.949247360229492</t>
  </si>
  <si>
    <t>669.9102172851562</t>
  </si>
  <si>
    <t>0.04011270153548452</t>
  </si>
  <si>
    <t>25454</t>
  </si>
  <si>
    <t>9.077117919921875</t>
  </si>
  <si>
    <t>753.7781982421875</t>
  </si>
  <si>
    <t>-0.008138396902971579</t>
  </si>
  <si>
    <t>25721</t>
  </si>
  <si>
    <t>8.626067161560059</t>
  </si>
  <si>
    <t>767.48583984375</t>
  </si>
  <si>
    <t>7.42293119430542</t>
  </si>
  <si>
    <t>786.2880859375</t>
  </si>
  <si>
    <t>0.05734199102549198</t>
  </si>
  <si>
    <t>8.079989433288574</t>
  </si>
  <si>
    <t>733.654296875</t>
  </si>
  <si>
    <t>0.0116431046837846</t>
  </si>
  <si>
    <t>7.167684555053711</t>
  </si>
  <si>
    <t>768.8197631835938</t>
  </si>
  <si>
    <t>115.07701873779297</t>
  </si>
  <si>
    <t>Utena county</t>
  </si>
  <si>
    <t>12512</t>
  </si>
  <si>
    <t>6.511247158050537</t>
  </si>
  <si>
    <t>576.0806274414062</t>
  </si>
  <si>
    <t>-0.10166924839000657</t>
  </si>
  <si>
    <t>6.788020610809326</t>
  </si>
  <si>
    <t>650.2094116210938</t>
  </si>
  <si>
    <t>-0.34074927292823</t>
  </si>
  <si>
    <t>8601</t>
  </si>
  <si>
    <t>5.818495273590088</t>
  </si>
  <si>
    <t>689.1627807617188</t>
  </si>
  <si>
    <t>-0.03406043530538305</t>
  </si>
  <si>
    <t>8989</t>
  </si>
  <si>
    <t>5.976731777191162</t>
  </si>
  <si>
    <t>628.7723999023438</t>
  </si>
  <si>
    <t>0.04412313202191953</t>
  </si>
  <si>
    <t>6.038331985473633</t>
  </si>
  <si>
    <t>651.0960083007812</t>
  </si>
  <si>
    <t>0.04842457122925303</t>
  </si>
  <si>
    <t>9988</t>
  </si>
  <si>
    <t>5.294792652130127</t>
  </si>
  <si>
    <t>573.8164672851562</t>
  </si>
  <si>
    <t>0.05695819359701204</t>
  </si>
  <si>
    <t>6.296224594116211</t>
  </si>
  <si>
    <t>728.32958984375</t>
  </si>
  <si>
    <t>0.08636873294639713</t>
  </si>
  <si>
    <t>11777</t>
  </si>
  <si>
    <t>5.896365642547607</t>
  </si>
  <si>
    <t>755.68359375</t>
  </si>
  <si>
    <t>0.07839537149548725</t>
  </si>
  <si>
    <t>7.1177659034729</t>
  </si>
  <si>
    <t>551.7683715820312</t>
  </si>
  <si>
    <t>-0.005278404899652145</t>
  </si>
  <si>
    <t>12222</t>
  </si>
  <si>
    <t>7.618868350982666</t>
  </si>
  <si>
    <t>640.3466186523438</t>
  </si>
  <si>
    <t>0.04236753451296593</t>
  </si>
  <si>
    <t>13005</t>
  </si>
  <si>
    <t>6.480713367462158</t>
  </si>
  <si>
    <t>748.02587890625</t>
  </si>
  <si>
    <t>0.062096292427890276</t>
  </si>
  <si>
    <t>6.966367244720459</t>
  </si>
  <si>
    <t>519.120849609375</t>
  </si>
  <si>
    <t>0.060565819173918456</t>
  </si>
  <si>
    <t>6.0684123039245605</t>
  </si>
  <si>
    <t>647.1748046875</t>
  </si>
  <si>
    <t>0.14330829600577033</t>
  </si>
  <si>
    <t>16742</t>
  </si>
  <si>
    <t>6.784569263458252</t>
  </si>
  <si>
    <t>700.9471435546875</t>
  </si>
  <si>
    <t>0.04871251815756139</t>
  </si>
  <si>
    <t>17874</t>
  </si>
  <si>
    <t>5.7899909019470215</t>
  </si>
  <si>
    <t>605.6788940429688</t>
  </si>
  <si>
    <t>0.06542661072133527</t>
  </si>
  <si>
    <t>18364</t>
  </si>
  <si>
    <t>7.338485240936279</t>
  </si>
  <si>
    <t>693.4736938476562</t>
  </si>
  <si>
    <t>0.027045083427776007</t>
  </si>
  <si>
    <t>7.104227542877197</t>
  </si>
  <si>
    <t>596.641845703125</t>
  </si>
  <si>
    <t>0.09405198776903667</t>
  </si>
  <si>
    <t>21546</t>
  </si>
  <si>
    <t>7.429687023162842</t>
  </si>
  <si>
    <t>662.0597534179688</t>
  </si>
  <si>
    <t>0.06574597031598728</t>
  </si>
  <si>
    <t>6.040775299072266</t>
  </si>
  <si>
    <t>-0.11024054105778092</t>
  </si>
  <si>
    <t>16658</t>
  </si>
  <si>
    <t>6.675655364990234</t>
  </si>
  <si>
    <t>815.2634887695312</t>
  </si>
  <si>
    <t>-0.14705906190107143</t>
  </si>
  <si>
    <t>6.968692779541016</t>
  </si>
  <si>
    <t>578.2213134765625</t>
  </si>
  <si>
    <t>0.07653628566991166</t>
  </si>
  <si>
    <t>18163</t>
  </si>
  <si>
    <t>6.129173755645752</t>
  </si>
  <si>
    <t>744.9213256835938</t>
  </si>
  <si>
    <t>0.009959690584246061</t>
  </si>
  <si>
    <t>18844</t>
  </si>
  <si>
    <t>7.045951843261719</t>
  </si>
  <si>
    <t>702.318603515625</t>
  </si>
  <si>
    <t>0.03680800307048848</t>
  </si>
  <si>
    <t>7.744274616241455</t>
  </si>
  <si>
    <t>668.71435546875</t>
  </si>
  <si>
    <t>0.037752120644274356</t>
  </si>
  <si>
    <t>19593</t>
  </si>
  <si>
    <t>7.492335796356201</t>
  </si>
  <si>
    <t>554.70166015625</t>
  </si>
  <si>
    <t>0.0012256781065609346</t>
  </si>
  <si>
    <t>19805</t>
  </si>
  <si>
    <t>7.38490629196167</t>
  </si>
  <si>
    <t>744.4093017578125</t>
  </si>
  <si>
    <t>0.010762071485251212</t>
  </si>
  <si>
    <t>20305</t>
  </si>
  <si>
    <t>7.2560882568359375</t>
  </si>
  <si>
    <t>856.98095703125</t>
  </si>
  <si>
    <t>0.024932730064380237</t>
  </si>
  <si>
    <t>20680</t>
  </si>
  <si>
    <t>7.3769612312316895</t>
  </si>
  <si>
    <t>574.6123046875</t>
  </si>
  <si>
    <t>0.018299888501967843</t>
  </si>
  <si>
    <t>21638</t>
  </si>
  <si>
    <t>8.605538368225098</t>
  </si>
  <si>
    <t>599.3662719726562</t>
  </si>
  <si>
    <t>0.045283978625153765</t>
  </si>
  <si>
    <t>22197</t>
  </si>
  <si>
    <t>8.06023120880127</t>
  </si>
  <si>
    <t>663.9613647460938</t>
  </si>
  <si>
    <t>0.02550611634614164</t>
  </si>
  <si>
    <t>23507</t>
  </si>
  <si>
    <t>6.768219470977783</t>
  </si>
  <si>
    <t>696.451904296875</t>
  </si>
  <si>
    <t>0.05734110452385721</t>
  </si>
  <si>
    <t>23782</t>
  </si>
  <si>
    <t>7.492321491241455</t>
  </si>
  <si>
    <t>684.8749389648438</t>
  </si>
  <si>
    <t>0.011630742880004874</t>
  </si>
  <si>
    <t>7.543514728546143</t>
  </si>
  <si>
    <t>751.3880615234375</t>
  </si>
  <si>
    <t>482.9556579589844</t>
  </si>
  <si>
    <t>Vilnius county</t>
  </si>
  <si>
    <t>19721</t>
  </si>
  <si>
    <t>7.02032470703125</t>
  </si>
  <si>
    <t>563.4448852539062</t>
  </si>
  <si>
    <t>-0.10169272557810594</t>
  </si>
  <si>
    <t>14028</t>
  </si>
  <si>
    <t>7.193260669708252</t>
  </si>
  <si>
    <t>659.7866821289062</t>
  </si>
  <si>
    <t>-0.3406287255500011</t>
  </si>
  <si>
    <t>13558</t>
  </si>
  <si>
    <t>6.283606052398682</t>
  </si>
  <si>
    <t>725.1597290039062</t>
  </si>
  <si>
    <t>-0.03407855326915765</t>
  </si>
  <si>
    <t>14168</t>
  </si>
  <si>
    <t>6.32658576965332</t>
  </si>
  <si>
    <t>649.7066040039062</t>
  </si>
  <si>
    <t>0.04400912147175973</t>
  </si>
  <si>
    <t>6.545476913452148</t>
  </si>
  <si>
    <t>658.3167114257812</t>
  </si>
  <si>
    <t>0.04842710722601318</t>
  </si>
  <si>
    <t>5.856699466705322</t>
  </si>
  <si>
    <t>556.8483276367188</t>
  </si>
  <si>
    <t>0.05704633260335079</t>
  </si>
  <si>
    <t>17164</t>
  </si>
  <si>
    <t>6.756994247436523</t>
  </si>
  <si>
    <t>728.3999633789062</t>
  </si>
  <si>
    <t>0.086354826819381</t>
  </si>
  <si>
    <t>6.3673415184021</t>
  </si>
  <si>
    <t>756.7637329101562</t>
  </si>
  <si>
    <t>0.07841005424965175</t>
  </si>
  <si>
    <t>7.582337856292725</t>
  </si>
  <si>
    <t>606.3310546875</t>
  </si>
  <si>
    <t>-0.005293018028494245</t>
  </si>
  <si>
    <t>8.037062644958496</t>
  </si>
  <si>
    <t>642.8421630859375</t>
  </si>
  <si>
    <t>0.04235877472768479</t>
  </si>
  <si>
    <t>6.890182971954346</t>
  </si>
  <si>
    <t>757.1260375976562</t>
  </si>
  <si>
    <t>0.08451670286179969</t>
  </si>
  <si>
    <t>7.345010280609131</t>
  </si>
  <si>
    <t>560.1859741210938</t>
  </si>
  <si>
    <t>0.1157244829191626</t>
  </si>
  <si>
    <t>6.590606689453125</t>
  </si>
  <si>
    <t>646.7055053710938</t>
  </si>
  <si>
    <t>0.10478251043968712</t>
  </si>
  <si>
    <t>28040</t>
  </si>
  <si>
    <t>7.24236536026001</t>
  </si>
  <si>
    <t>715.8866577148438</t>
  </si>
  <si>
    <t>0.07031838786761924</t>
  </si>
  <si>
    <t>6.2995476722717285</t>
  </si>
  <si>
    <t>624.6004028320312</t>
  </si>
  <si>
    <t>0.09841778297853132</t>
  </si>
  <si>
    <t>34830</t>
  </si>
  <si>
    <t>7.803267002105713</t>
  </si>
  <si>
    <t>701.0894775390625</t>
  </si>
  <si>
    <t>0.11842923923298976</t>
  </si>
  <si>
    <t>39841</t>
  </si>
  <si>
    <t>7.555825710296631</t>
  </si>
  <si>
    <t>641.3521118164062</t>
  </si>
  <si>
    <t>0.13441744842508463</t>
  </si>
  <si>
    <t>40146</t>
  </si>
  <si>
    <t>7.97896146774292</t>
  </si>
  <si>
    <t>694.603515625</t>
  </si>
  <si>
    <t>0.00762627622574108</t>
  </si>
  <si>
    <t>6.578087329864502</t>
  </si>
  <si>
    <t>763.9965209960938</t>
  </si>
  <si>
    <t>-0.15906984824611037</t>
  </si>
  <si>
    <t>7.264738082885742</t>
  </si>
  <si>
    <t>850.7257690429688</t>
  </si>
  <si>
    <t>0.023465295876306413</t>
  </si>
  <si>
    <t>37108</t>
  </si>
  <si>
    <t>7.546525955200195</t>
  </si>
  <si>
    <t>607.6566162109375</t>
  </si>
  <si>
    <t>0.05691432313209255</t>
  </si>
  <si>
    <t>39226</t>
  </si>
  <si>
    <t>6.646602153778076</t>
  </si>
  <si>
    <t>746.0203247070312</t>
  </si>
  <si>
    <t>0.05550721244829582</t>
  </si>
  <si>
    <t>41516</t>
  </si>
  <si>
    <t>7.606028079986572</t>
  </si>
  <si>
    <t>713.12158203125</t>
  </si>
  <si>
    <t>0.05673910286372319</t>
  </si>
  <si>
    <t>43473</t>
  </si>
  <si>
    <t>8.260576248168945</t>
  </si>
  <si>
    <t>658.7181396484375</t>
  </si>
  <si>
    <t>0.046061160628854125</t>
  </si>
  <si>
    <t>44766</t>
  </si>
  <si>
    <t>7.97957181930542</t>
  </si>
  <si>
    <t>562.5238037109375</t>
  </si>
  <si>
    <t>0.029308866985534365</t>
  </si>
  <si>
    <t>7.832342147827148</t>
  </si>
  <si>
    <t>742.29150390625</t>
  </si>
  <si>
    <t>0.03369303837475712</t>
  </si>
  <si>
    <t>48270</t>
  </si>
  <si>
    <t>7.771757125854492</t>
  </si>
  <si>
    <t>853.3651733398438</t>
  </si>
  <si>
    <t>0.04166828858021354</t>
  </si>
  <si>
    <t>7.7880682945251465</t>
  </si>
  <si>
    <t>575.4739379882812</t>
  </si>
  <si>
    <t>0.06191310758569912</t>
  </si>
  <si>
    <t>54224</t>
  </si>
  <si>
    <t>9.186379432678223</t>
  </si>
  <si>
    <t>574.4459228515625</t>
  </si>
  <si>
    <t>0.05440025760659317</t>
  </si>
  <si>
    <t>53771</t>
  </si>
  <si>
    <t>8.586320877075195</t>
  </si>
  <si>
    <t>654.0020141601562</t>
  </si>
  <si>
    <t>-0.008389326484966375</t>
  </si>
  <si>
    <t>56943</t>
  </si>
  <si>
    <t>7.335383892059326</t>
  </si>
  <si>
    <t>706.7362060546875</t>
  </si>
  <si>
    <t>0.05731647912123883</t>
  </si>
  <si>
    <t>57610</t>
  </si>
  <si>
    <t>8.031874656677246</t>
  </si>
  <si>
    <t>712.6596069335938</t>
  </si>
  <si>
    <t>0.011645396243324058</t>
  </si>
  <si>
    <t>12186</t>
  </si>
  <si>
    <t>7.763743877410889</t>
  </si>
  <si>
    <t>781.1563720703125</t>
  </si>
  <si>
    <t>246.87059020996094</t>
  </si>
  <si>
    <t>ÔøΩiauliai county</t>
  </si>
  <si>
    <t>7.158365249633789</t>
  </si>
  <si>
    <t>659.673095703125</t>
  </si>
  <si>
    <t>-0.10166547063531439</t>
  </si>
  <si>
    <t>7830</t>
  </si>
  <si>
    <t>7.400323390960693</t>
  </si>
  <si>
    <t>654.020263671875</t>
  </si>
  <si>
    <t>-0.3406597711882764</t>
  </si>
  <si>
    <t>6.294797420501709</t>
  </si>
  <si>
    <t>707.4176025390625</t>
  </si>
  <si>
    <t>-0.034033678253134525</t>
  </si>
  <si>
    <t>6.522839069366455</t>
  </si>
  <si>
    <t>678.0185546875</t>
  </si>
  <si>
    <t>0.043946073558792875</t>
  </si>
  <si>
    <t>6.6737141609191895</t>
  </si>
  <si>
    <t>673.6912841796875</t>
  </si>
  <si>
    <t>0.0485010841645277</t>
  </si>
  <si>
    <t>5.757665157318115</t>
  </si>
  <si>
    <t>535.5005493164062</t>
  </si>
  <si>
    <t>0.05701116504946668</t>
  </si>
  <si>
    <t>9580</t>
  </si>
  <si>
    <t>7.06250524520874</t>
  </si>
  <si>
    <t>748.4811401367188</t>
  </si>
  <si>
    <t>0.08629043746040566</t>
  </si>
  <si>
    <t>10362</t>
  </si>
  <si>
    <t>6.366355895996094</t>
  </si>
  <si>
    <t>807.582275390625</t>
  </si>
  <si>
    <t>0.07846767640982577</t>
  </si>
  <si>
    <t>10307</t>
  </si>
  <si>
    <t>7.63794469833374</t>
  </si>
  <si>
    <t>674.2609252929688</t>
  </si>
  <si>
    <t>-0.0053219923379401735</t>
  </si>
  <si>
    <t>8.151116371154785</t>
  </si>
  <si>
    <t>629.6304931640625</t>
  </si>
  <si>
    <t>0.04236150935373395</t>
  </si>
  <si>
    <t>7.002949237823486</t>
  </si>
  <si>
    <t>818.3597412109375</t>
  </si>
  <si>
    <t>0.004176146387704804</t>
  </si>
  <si>
    <t>11587</t>
  </si>
  <si>
    <t>7.277785778045654</t>
  </si>
  <si>
    <t>600.6146240234375</t>
  </si>
  <si>
    <t>0.0705228482188307</t>
  </si>
  <si>
    <t>13108</t>
  </si>
  <si>
    <t>6.695882797241211</t>
  </si>
  <si>
    <t>643.8174438476562</t>
  </si>
  <si>
    <t>0.12333895082164226</t>
  </si>
  <si>
    <t>7.346707820892334</t>
  </si>
  <si>
    <t>724.095458984375</t>
  </si>
  <si>
    <t>0.11326329234980292</t>
  </si>
  <si>
    <t>15651</t>
  </si>
  <si>
    <t>6.418910980224609</t>
  </si>
  <si>
    <t>583.2128295898438</t>
  </si>
  <si>
    <t>0.06404878952199589</t>
  </si>
  <si>
    <t>7.930466175079346</t>
  </si>
  <si>
    <t>693.0732421875</t>
  </si>
  <si>
    <t>0.07908384289587822</t>
  </si>
  <si>
    <t>18684</t>
  </si>
  <si>
    <t>7.62019681930542</t>
  </si>
  <si>
    <t>744.0667114257812</t>
  </si>
  <si>
    <t>0.09804888703561687</t>
  </si>
  <si>
    <t>19380</t>
  </si>
  <si>
    <t>7.9432854652404785</t>
  </si>
  <si>
    <t>702.2797241210938</t>
  </si>
  <si>
    <t>0.03657406382275852</t>
  </si>
  <si>
    <t>16360</t>
  </si>
  <si>
    <t>6.414674282073975</t>
  </si>
  <si>
    <t>700.5353393554688</t>
  </si>
  <si>
    <t>-0.169402275288018</t>
  </si>
  <si>
    <t>17820</t>
  </si>
  <si>
    <t>6.6992058753967285</t>
  </si>
  <si>
    <t>879.9432373046875</t>
  </si>
  <si>
    <t>19717</t>
  </si>
  <si>
    <t>7.5492119789123535</t>
  </si>
  <si>
    <t>705.0308227539062</t>
  </si>
  <si>
    <t>0.10115978574146745</t>
  </si>
  <si>
    <t>20974</t>
  </si>
  <si>
    <t>6.465307712554932</t>
  </si>
  <si>
    <t>791.1346435546875</t>
  </si>
  <si>
    <t>0.06180236762808278</t>
  </si>
  <si>
    <t>21499</t>
  </si>
  <si>
    <t>7.457744121551514</t>
  </si>
  <si>
    <t>695.9703369140625</t>
  </si>
  <si>
    <t>0.02472284701179639</t>
  </si>
  <si>
    <t>22201</t>
  </si>
  <si>
    <t>8.2848482131958</t>
  </si>
  <si>
    <t>702.3880615234375</t>
  </si>
  <si>
    <t>0.03213091048477068</t>
  </si>
  <si>
    <t>22988</t>
  </si>
  <si>
    <t>7.788665294647217</t>
  </si>
  <si>
    <t>552.0842895507812</t>
  </si>
  <si>
    <t>0.03483500773671366</t>
  </si>
  <si>
    <t>24188</t>
  </si>
  <si>
    <t>7.832935810089111</t>
  </si>
  <si>
    <t>738.67041015625</t>
  </si>
  <si>
    <t>0.05088430176547121</t>
  </si>
  <si>
    <t>7.516355991363525</t>
  </si>
  <si>
    <t>851.2969970703125</t>
  </si>
  <si>
    <t>0.08234253778832468</t>
  </si>
  <si>
    <t>7.840117931365967</t>
  </si>
  <si>
    <t>570.5576171875</t>
  </si>
  <si>
    <t>0.026822538848197297</t>
  </si>
  <si>
    <t>8.956175804138184</t>
  </si>
  <si>
    <t>618.6806640625</t>
  </si>
  <si>
    <t>0.03946589714228388</t>
  </si>
  <si>
    <t>8.554010391235352</t>
  </si>
  <si>
    <t>668.701904296875</t>
  </si>
  <si>
    <t>0.010068864758236984</t>
  </si>
  <si>
    <t>7.428569316864014</t>
  </si>
  <si>
    <t>720.2468872070312</t>
  </si>
  <si>
    <t>0.057340655828419074</t>
  </si>
  <si>
    <t>30372</t>
  </si>
  <si>
    <t>8.020522117614746</t>
  </si>
  <si>
    <t>708.7364501953125</t>
  </si>
  <si>
    <t>0.01162399457455976</t>
  </si>
  <si>
    <t>LVA</t>
  </si>
  <si>
    <t>8.112748146057129</t>
  </si>
  <si>
    <t>838.5142822265625</t>
  </si>
  <si>
    <t>150.2867431640625</t>
  </si>
  <si>
    <t>Kurzeme</t>
  </si>
  <si>
    <t>Latvia</t>
  </si>
  <si>
    <t>7.420906066894531</t>
  </si>
  <si>
    <t>704.0491943359375</t>
  </si>
  <si>
    <t>-0.26352284646178425</t>
  </si>
  <si>
    <t>7.757102966308594</t>
  </si>
  <si>
    <t>696.500244140625</t>
  </si>
  <si>
    <t>-0.06659721139066122</t>
  </si>
  <si>
    <t>6.668623447418213</t>
  </si>
  <si>
    <t>705.1459350585938</t>
  </si>
  <si>
    <t>-0.1148953172396272</t>
  </si>
  <si>
    <t>6.911153793334961</t>
  </si>
  <si>
    <t>709.8289184570312</t>
  </si>
  <si>
    <t>0.040637645731827376</t>
  </si>
  <si>
    <t>8916</t>
  </si>
  <si>
    <t>7.025476455688477</t>
  </si>
  <si>
    <t>673.2686157226562</t>
  </si>
  <si>
    <t>0.037481535507087216</t>
  </si>
  <si>
    <t>6.109334945678711</t>
  </si>
  <si>
    <t>548.7031860351562</t>
  </si>
  <si>
    <t>0.03764062708545701</t>
  </si>
  <si>
    <t>7.476318836212158</t>
  </si>
  <si>
    <t>761.5595092773438</t>
  </si>
  <si>
    <t>0.09542800706969068</t>
  </si>
  <si>
    <t>10941</t>
  </si>
  <si>
    <t>6.680074214935303</t>
  </si>
  <si>
    <t>819.8681640625</t>
  </si>
  <si>
    <t>0.07160115081588359</t>
  </si>
  <si>
    <t>7.94874906539917</t>
  </si>
  <si>
    <t>717.8312377929688</t>
  </si>
  <si>
    <t>0.036171769295117784</t>
  </si>
  <si>
    <t>8.435721397399902</t>
  </si>
  <si>
    <t>623.3233642578125</t>
  </si>
  <si>
    <t>0.06567283876898422</t>
  </si>
  <si>
    <t>7.323251247406006</t>
  </si>
  <si>
    <t>854.3982543945312</t>
  </si>
  <si>
    <t>0.07572815944825351</t>
  </si>
  <si>
    <t>14218</t>
  </si>
  <si>
    <t>7.517393112182617</t>
  </si>
  <si>
    <t>601.367919921875</t>
  </si>
  <si>
    <t>0.0844187995002823</t>
  </si>
  <si>
    <t>15823</t>
  </si>
  <si>
    <t>7.115793228149414</t>
  </si>
  <si>
    <t>652.4150390625</t>
  </si>
  <si>
    <t>0.10695581022955558</t>
  </si>
  <si>
    <t>7.711680889129639</t>
  </si>
  <si>
    <t>743.972900390625</t>
  </si>
  <si>
    <t>0.09466074143072589</t>
  </si>
  <si>
    <t>19416</t>
  </si>
  <si>
    <t>6.925065517425537</t>
  </si>
  <si>
    <t>591.7067260742188</t>
  </si>
  <si>
    <t>0.10997214925672694</t>
  </si>
  <si>
    <t>18743</t>
  </si>
  <si>
    <t>8.309473991394043</t>
  </si>
  <si>
    <t>703.9412841796875</t>
  </si>
  <si>
    <t>-0.03527711904745168</t>
  </si>
  <si>
    <t>21219</t>
  </si>
  <si>
    <t>8.051886558532715</t>
  </si>
  <si>
    <t>781.079833984375</t>
  </si>
  <si>
    <t>0.12407665734511397</t>
  </si>
  <si>
    <t>8.294590950012207</t>
  </si>
  <si>
    <t>725.0654296875</t>
  </si>
  <si>
    <t>-0.01285383030472076</t>
  </si>
  <si>
    <t>6.800537109375</t>
  </si>
  <si>
    <t>697.3230590820312</t>
  </si>
  <si>
    <t>-0.1263827776288089</t>
  </si>
  <si>
    <t>6.786301136016846</t>
  </si>
  <si>
    <t>903.5818481445312</t>
  </si>
  <si>
    <t>-0.04929676557572371</t>
  </si>
  <si>
    <t>7.9823222160339355</t>
  </si>
  <si>
    <t>755.3907470703125</t>
  </si>
  <si>
    <t>0.14317292131767978</t>
  </si>
  <si>
    <t>20129</t>
  </si>
  <si>
    <t>6.831910610198975</t>
  </si>
  <si>
    <t>827.20263671875</t>
  </si>
  <si>
    <t>-0.00737499321149393</t>
  </si>
  <si>
    <t>7.768937587738037</t>
  </si>
  <si>
    <t>691.5368041992188</t>
  </si>
  <si>
    <t>-0.011039900322586504</t>
  </si>
  <si>
    <t>20085</t>
  </si>
  <si>
    <t>8.654077529907227</t>
  </si>
  <si>
    <t>729.8251342773438</t>
  </si>
  <si>
    <t>0.008851606814937796</t>
  </si>
  <si>
    <t>8.053426742553711</t>
  </si>
  <si>
    <t>596.1599731445312</t>
  </si>
  <si>
    <t>0.03353637007677612</t>
  </si>
  <si>
    <t>8.18209457397461</t>
  </si>
  <si>
    <t>744.9967651367188</t>
  </si>
  <si>
    <t>0.04200377067081895</t>
  </si>
  <si>
    <t>22668</t>
  </si>
  <si>
    <t>7.744114398956299</t>
  </si>
  <si>
    <t>888.7195434570312</t>
  </si>
  <si>
    <t>0.04544082974853225</t>
  </si>
  <si>
    <t>8.171034812927246</t>
  </si>
  <si>
    <t>599.1452026367188</t>
  </si>
  <si>
    <t>0.03216632549536058</t>
  </si>
  <si>
    <t>9.153128623962402</t>
  </si>
  <si>
    <t>710.1268310546875</t>
  </si>
  <si>
    <t>0.022973013170025425</t>
  </si>
  <si>
    <t>8.85178279876709</t>
  </si>
  <si>
    <t>681.5927124023438</t>
  </si>
  <si>
    <t>-0.029401423067827892</t>
  </si>
  <si>
    <t>25027</t>
  </si>
  <si>
    <t>7.793912410736084</t>
  </si>
  <si>
    <t>658.7545776367188</t>
  </si>
  <si>
    <t>0.07326308818283422</t>
  </si>
  <si>
    <t>8.339949607849121</t>
  </si>
  <si>
    <t>656.4443359375</t>
  </si>
  <si>
    <t>0.03544535746280708</t>
  </si>
  <si>
    <t>7155</t>
  </si>
  <si>
    <t>6.9398016929626465</t>
  </si>
  <si>
    <t>763.9882202148438</t>
  </si>
  <si>
    <t>130.25448608398438</t>
  </si>
  <si>
    <t>Latgale</t>
  </si>
  <si>
    <t>6.376823425292969</t>
  </si>
  <si>
    <t>625.847900390625</t>
  </si>
  <si>
    <t>-0.2634270232653595</t>
  </si>
  <si>
    <t>6.586636066436768</t>
  </si>
  <si>
    <t>585.8885498046875</t>
  </si>
  <si>
    <t>-0.06674782295027626</t>
  </si>
  <si>
    <t>4585</t>
  </si>
  <si>
    <t>5.465294361114502</t>
  </si>
  <si>
    <t>618.5682983398438</t>
  </si>
  <si>
    <t>-0.11484646108434937</t>
  </si>
  <si>
    <t>5.601167678833008</t>
  </si>
  <si>
    <t>632.3388671875</t>
  </si>
  <si>
    <t>0.04060386822426487</t>
  </si>
  <si>
    <t>4958</t>
  </si>
  <si>
    <t>5.93422269821167</t>
  </si>
  <si>
    <t>628.3482055664062</t>
  </si>
  <si>
    <t>0.03760845968030502</t>
  </si>
  <si>
    <t>5.189454555511475</t>
  </si>
  <si>
    <t>551.6942138671875</t>
  </si>
  <si>
    <t>0.03760585612088185</t>
  </si>
  <si>
    <t>6.273334980010986</t>
  </si>
  <si>
    <t>728.056396484375</t>
  </si>
  <si>
    <t>0.09534549739778697</t>
  </si>
  <si>
    <t>5.562478542327881</t>
  </si>
  <si>
    <t>774.0921020507812</t>
  </si>
  <si>
    <t>0.07170858726537865</t>
  </si>
  <si>
    <t>6.8771071434021</t>
  </si>
  <si>
    <t>518.5935668945312</t>
  </si>
  <si>
    <t>0.03615629470374593</t>
  </si>
  <si>
    <t>7.361489772796631</t>
  </si>
  <si>
    <t>659.6944580078125</t>
  </si>
  <si>
    <t>0.0656476078392334</t>
  </si>
  <si>
    <t>6.193523406982422</t>
  </si>
  <si>
    <t>720.0946044921875</t>
  </si>
  <si>
    <t>0.06703132896720021</t>
  </si>
  <si>
    <t>6.353865146636963</t>
  </si>
  <si>
    <t>477.24127197265625</t>
  </si>
  <si>
    <t>0.07525762540224967</t>
  </si>
  <si>
    <t>5.8844075202941895</t>
  </si>
  <si>
    <t>657.8176879882812</t>
  </si>
  <si>
    <t>0.08819103974292375</t>
  </si>
  <si>
    <t>6.572971343994141</t>
  </si>
  <si>
    <t>668.09716796875</t>
  </si>
  <si>
    <t>0.1219400674085307</t>
  </si>
  <si>
    <t>10505</t>
  </si>
  <si>
    <t>5.730287551879883</t>
  </si>
  <si>
    <t>547.6672973632812</t>
  </si>
  <si>
    <t>0.09196499583603313</t>
  </si>
  <si>
    <t>7.108682632446289</t>
  </si>
  <si>
    <t>659.8551025390625</t>
  </si>
  <si>
    <t>0.06459801484612981</t>
  </si>
  <si>
    <t>6.935964584350586</t>
  </si>
  <si>
    <t>564.9185791015625</t>
  </si>
  <si>
    <t>0.21320678453110453</t>
  </si>
  <si>
    <t>14136</t>
  </si>
  <si>
    <t>7.23992395401001</t>
  </si>
  <si>
    <t>664.5098266601562</t>
  </si>
  <si>
    <t>0.01906860134319821</t>
  </si>
  <si>
    <t>5.589681148529053</t>
  </si>
  <si>
    <t>720.769287109375</t>
  </si>
  <si>
    <t>-0.08354463494821296</t>
  </si>
  <si>
    <t>12062</t>
  </si>
  <si>
    <t>5.94338846206665</t>
  </si>
  <si>
    <t>761.9810791015625</t>
  </si>
  <si>
    <t>-0.07512008504038725</t>
  </si>
  <si>
    <t>6.878549575805664</t>
  </si>
  <si>
    <t>582.1568603515625</t>
  </si>
  <si>
    <t>0.10160617133073835</t>
  </si>
  <si>
    <t>14507</t>
  </si>
  <si>
    <t>5.66722297668457</t>
  </si>
  <si>
    <t>718.0738525390625</t>
  </si>
  <si>
    <t>0.08296510519723199</t>
  </si>
  <si>
    <t>13890</t>
  </si>
  <si>
    <t>6.748886585235596</t>
  </si>
  <si>
    <t>641.7233276367188</t>
  </si>
  <si>
    <t>-0.04346213479051286</t>
  </si>
  <si>
    <t>14105</t>
  </si>
  <si>
    <t>7.518679141998291</t>
  </si>
  <si>
    <t>667.2369995117188</t>
  </si>
  <si>
    <t>0.015360187687706528</t>
  </si>
  <si>
    <t>7.1017022132873535</t>
  </si>
  <si>
    <t>525.2080688476562</t>
  </si>
  <si>
    <t>0.03099291827929207</t>
  </si>
  <si>
    <t>14793</t>
  </si>
  <si>
    <t>7.182069301605225</t>
  </si>
  <si>
    <t>711.5526733398438</t>
  </si>
  <si>
    <t>0.01663183317684691</t>
  </si>
  <si>
    <t>15765</t>
  </si>
  <si>
    <t>6.694316864013672</t>
  </si>
  <si>
    <t>828.4014282226562</t>
  </si>
  <si>
    <t>0.06363819708692553</t>
  </si>
  <si>
    <t>15543</t>
  </si>
  <si>
    <t>7.022511959075928</t>
  </si>
  <si>
    <t>566.4976196289062</t>
  </si>
  <si>
    <t>-0.014181916496262659</t>
  </si>
  <si>
    <t>15736</t>
  </si>
  <si>
    <t>8.183709144592285</t>
  </si>
  <si>
    <t>618.425537109375</t>
  </si>
  <si>
    <t>0.012340704585996676</t>
  </si>
  <si>
    <t>16030</t>
  </si>
  <si>
    <t>7.867805004119873</t>
  </si>
  <si>
    <t>641.7437133789062</t>
  </si>
  <si>
    <t>0.018510885534704258</t>
  </si>
  <si>
    <t>6.5518269538879395</t>
  </si>
  <si>
    <t>677.3656005859375</t>
  </si>
  <si>
    <t>0.07323422810512525</t>
  </si>
  <si>
    <t>17871</t>
  </si>
  <si>
    <t>7.196280002593994</t>
  </si>
  <si>
    <t>642.5841674804688</t>
  </si>
  <si>
    <t>0.03548309258807336</t>
  </si>
  <si>
    <t>7.712873935699463</t>
  </si>
  <si>
    <t>781.3441162109375</t>
  </si>
  <si>
    <t>426.2163391113281</t>
  </si>
  <si>
    <t>Pieriga</t>
  </si>
  <si>
    <t>8708</t>
  </si>
  <si>
    <t>7.0590386390686035</t>
  </si>
  <si>
    <t>660.6126708984375</t>
  </si>
  <si>
    <t>-0.2634766803785116</t>
  </si>
  <si>
    <t>8146</t>
  </si>
  <si>
    <t>7.329898357391357</t>
  </si>
  <si>
    <t>635.4969482421875</t>
  </si>
  <si>
    <t>-0.06671513414607944</t>
  </si>
  <si>
    <t>6.212080001831055</t>
  </si>
  <si>
    <t>663.1944580078125</t>
  </si>
  <si>
    <t>-0.11473404260219056</t>
  </si>
  <si>
    <t>7564</t>
  </si>
  <si>
    <t>6.453849792480469</t>
  </si>
  <si>
    <t>617.9659423828125</t>
  </si>
  <si>
    <t>0.04060718417218112</t>
  </si>
  <si>
    <t>6.599021911621094</t>
  </si>
  <si>
    <t>655.7182006835938</t>
  </si>
  <si>
    <t>0.037495473596525386</t>
  </si>
  <si>
    <t>5.696542739868164</t>
  </si>
  <si>
    <t>552.1422119140625</t>
  </si>
  <si>
    <t>0.03749033328803719</t>
  </si>
  <si>
    <t>7.038330078125</t>
  </si>
  <si>
    <t>726.3941040039062</t>
  </si>
  <si>
    <t>0.09549971838993088</t>
  </si>
  <si>
    <t>6.282554626464844</t>
  </si>
  <si>
    <t>739.0609741210938</t>
  </si>
  <si>
    <t>0.07162040868191966</t>
  </si>
  <si>
    <t>9991</t>
  </si>
  <si>
    <t>7.573690891265869</t>
  </si>
  <si>
    <t>612.2736206054688</t>
  </si>
  <si>
    <t>0.03617860299825715</t>
  </si>
  <si>
    <t>8.09670639038086</t>
  </si>
  <si>
    <t>597.99853515625</t>
  </si>
  <si>
    <t>0.06565765245844268</t>
  </si>
  <si>
    <t>6.940261363983154</t>
  </si>
  <si>
    <t>782.2619018554688</t>
  </si>
  <si>
    <t>0.0529368956013645</t>
  </si>
  <si>
    <t>12107</t>
  </si>
  <si>
    <t>7.176573276519775</t>
  </si>
  <si>
    <t>573.4620361328125</t>
  </si>
  <si>
    <t>0.07350456191491439</t>
  </si>
  <si>
    <t>13064</t>
  </si>
  <si>
    <t>6.686094284057617</t>
  </si>
  <si>
    <t>606.4154663085938</t>
  </si>
  <si>
    <t>0.07607655794256019</t>
  </si>
  <si>
    <t>14184</t>
  </si>
  <si>
    <t>7.302487850189209</t>
  </si>
  <si>
    <t>675.2946166992188</t>
  </si>
  <si>
    <t>0.08225421310374337</t>
  </si>
  <si>
    <t>15585</t>
  </si>
  <si>
    <t>6.366373062133789</t>
  </si>
  <si>
    <t>571.751953125</t>
  </si>
  <si>
    <t>0.09419434444739316</t>
  </si>
  <si>
    <t>7.85243034362793</t>
  </si>
  <si>
    <t>647.9765625</t>
  </si>
  <si>
    <t>0.16141148301147723</t>
  </si>
  <si>
    <t>21049</t>
  </si>
  <si>
    <t>7.505399227142334</t>
  </si>
  <si>
    <t>682.0635986328125</t>
  </si>
  <si>
    <t>0.13913265683092746</t>
  </si>
  <si>
    <t>20361</t>
  </si>
  <si>
    <t>7.883520603179932</t>
  </si>
  <si>
    <t>669.7774047851562</t>
  </si>
  <si>
    <t>-0.03323174667197293</t>
  </si>
  <si>
    <t>6.337846755981445</t>
  </si>
  <si>
    <t>676.542236328125</t>
  </si>
  <si>
    <t>-0.1596830384536272</t>
  </si>
  <si>
    <t>6.587418079376221</t>
  </si>
  <si>
    <t>848.382080078125</t>
  </si>
  <si>
    <t>0.011115681975770286</t>
  </si>
  <si>
    <t>7.530632019042969</t>
  </si>
  <si>
    <t>659.8060913085938</t>
  </si>
  <si>
    <t>0.08117290373827757</t>
  </si>
  <si>
    <t>6.403898239135742</t>
  </si>
  <si>
    <t>749.9100341796875</t>
  </si>
  <si>
    <t>0.0669031970802596</t>
  </si>
  <si>
    <t>7.373558044433594</t>
  </si>
  <si>
    <t>654.2015380859375</t>
  </si>
  <si>
    <t>0.05399221891025263</t>
  </si>
  <si>
    <t>8.218734741210938</t>
  </si>
  <si>
    <t>694.45068359375</t>
  </si>
  <si>
    <t>-0.009542592760594104</t>
  </si>
  <si>
    <t>22553</t>
  </si>
  <si>
    <t>7.670756816864014</t>
  </si>
  <si>
    <t>547.4916381835938</t>
  </si>
  <si>
    <t>0.058288417913901824</t>
  </si>
  <si>
    <t>23856</t>
  </si>
  <si>
    <t>7.728646755218506</t>
  </si>
  <si>
    <t>713.417236328125</t>
  </si>
  <si>
    <t>0.05616766322841116</t>
  </si>
  <si>
    <t>7.409975528717041</t>
  </si>
  <si>
    <t>811.9474487304688</t>
  </si>
  <si>
    <t>0.08267042384664514</t>
  </si>
  <si>
    <t>7.805461406707764</t>
  </si>
  <si>
    <t>561.6873779296875</t>
  </si>
  <si>
    <t>0.016648234644302207</t>
  </si>
  <si>
    <t>8.794519424438477</t>
  </si>
  <si>
    <t>630.13818359375</t>
  </si>
  <si>
    <t>0.05346575355105898</t>
  </si>
  <si>
    <t>8.464118957519531</t>
  </si>
  <si>
    <t>663.3770751953125</t>
  </si>
  <si>
    <t>-0.08172013497200759</t>
  </si>
  <si>
    <t>7.406166076660156</t>
  </si>
  <si>
    <t>681.3533935546875</t>
  </si>
  <si>
    <t>0.07326541105307527</t>
  </si>
  <si>
    <t>7.941793441772461</t>
  </si>
  <si>
    <t>641.8677978515625</t>
  </si>
  <si>
    <t>0.03546660597136864</t>
  </si>
  <si>
    <t>6.713937282562256</t>
  </si>
  <si>
    <t>797.9560546875</t>
  </si>
  <si>
    <t>104.183837890625</t>
  </si>
  <si>
    <t>Vidzeme</t>
  </si>
  <si>
    <t>6.149051189422607</t>
  </si>
  <si>
    <t>697.5296020507812</t>
  </si>
  <si>
    <t>-0.26339146298574967</t>
  </si>
  <si>
    <t>6.383594989776611</t>
  </si>
  <si>
    <t>610.07763671875</t>
  </si>
  <si>
    <t>-0.06665131400732527</t>
  </si>
  <si>
    <t>5743</t>
  </si>
  <si>
    <t>5.277503490447998</t>
  </si>
  <si>
    <t>657.748046875</t>
  </si>
  <si>
    <t>-0.11485732902684731</t>
  </si>
  <si>
    <t>5981</t>
  </si>
  <si>
    <t>5.386376857757568</t>
  </si>
  <si>
    <t>666.229248046875</t>
  </si>
  <si>
    <t>0.04060605618025903</t>
  </si>
  <si>
    <t>5.713926315307617</t>
  </si>
  <si>
    <t>657.861328125</t>
  </si>
  <si>
    <t>0.03741207432033633</t>
  </si>
  <si>
    <t>4.906508445739746</t>
  </si>
  <si>
    <t>598.4752197265625</t>
  </si>
  <si>
    <t>0.03761505394572673</t>
  </si>
  <si>
    <t>7093</t>
  </si>
  <si>
    <t>6.071632385253906</t>
  </si>
  <si>
    <t>760.5573120117188</t>
  </si>
  <si>
    <t>0.09549347589146784</t>
  </si>
  <si>
    <t>5.3132805824279785</t>
  </si>
  <si>
    <t>782.3762817382812</t>
  </si>
  <si>
    <t>0.07166798747860526</t>
  </si>
  <si>
    <t>6.665894031524658</t>
  </si>
  <si>
    <t>573.4442749023438</t>
  </si>
  <si>
    <t>0.036086389774419914</t>
  </si>
  <si>
    <t>8436</t>
  </si>
  <si>
    <t>7.185293674468994</t>
  </si>
  <si>
    <t>661.4422607421875</t>
  </si>
  <si>
    <t>0.06564550314355344</t>
  </si>
  <si>
    <t>9139</t>
  </si>
  <si>
    <t>5.980319499969482</t>
  </si>
  <si>
    <t>804.9110107421875</t>
  </si>
  <si>
    <t>0.08004270767353638</t>
  </si>
  <si>
    <t>9869</t>
  </si>
  <si>
    <t>6.168415069580078</t>
  </si>
  <si>
    <t>540.921142578125</t>
  </si>
  <si>
    <t>0.0768475608998056</t>
  </si>
  <si>
    <t>5.669761657714844</t>
  </si>
  <si>
    <t>665.4737548828125</t>
  </si>
  <si>
    <t>0.06425983198817597</t>
  </si>
  <si>
    <t>6.347840785980225</t>
  </si>
  <si>
    <t>722.960693359375</t>
  </si>
  <si>
    <t>0.1066140056515934</t>
  </si>
  <si>
    <t>13085</t>
  </si>
  <si>
    <t>5.5170674324035645</t>
  </si>
  <si>
    <t>579.7655639648438</t>
  </si>
  <si>
    <t>0.11119416715246899</t>
  </si>
  <si>
    <t>14768</t>
  </si>
  <si>
    <t>6.894618988037109</t>
  </si>
  <si>
    <t>686.0700073242188</t>
  </si>
  <si>
    <t>0.12099614177838802</t>
  </si>
  <si>
    <t>17471</t>
  </si>
  <si>
    <t>6.722551345825195</t>
  </si>
  <si>
    <t>627.8406372070312</t>
  </si>
  <si>
    <t>0.16807968573180965</t>
  </si>
  <si>
    <t>7.053103923797607</t>
  </si>
  <si>
    <t>722.7866821289062</t>
  </si>
  <si>
    <t>-0.08017150081047042</t>
  </si>
  <si>
    <t>5.410224914550781</t>
  </si>
  <si>
    <t>736.1646728515625</t>
  </si>
  <si>
    <t>-0.05749773268798819</t>
  </si>
  <si>
    <t>14637</t>
  </si>
  <si>
    <t>5.789285659790039</t>
  </si>
  <si>
    <t>840.0811157226562</t>
  </si>
  <si>
    <t>-0.03932056049203858</t>
  </si>
  <si>
    <t>14960</t>
  </si>
  <si>
    <t>6.710258483886719</t>
  </si>
  <si>
    <t>647.57421875</t>
  </si>
  <si>
    <t>0.021827403044522242</t>
  </si>
  <si>
    <t>5.520662784576416</t>
  </si>
  <si>
    <t>783.66943359375</t>
  </si>
  <si>
    <t>0.027687991531166745</t>
  </si>
  <si>
    <t>6.592875003814697</t>
  </si>
  <si>
    <t>662.13525390625</t>
  </si>
  <si>
    <t>0.04076997756271439</t>
  </si>
  <si>
    <t>18143</t>
  </si>
  <si>
    <t>7.331209182739258</t>
  </si>
  <si>
    <t>701.1754150390625</t>
  </si>
  <si>
    <t>0.12444686974781227</t>
  </si>
  <si>
    <t>18491</t>
  </si>
  <si>
    <t>6.911707401275635</t>
  </si>
  <si>
    <t>548.5152587890625</t>
  </si>
  <si>
    <t>0.018999315836824238</t>
  </si>
  <si>
    <t>6.962779521942139</t>
  </si>
  <si>
    <t>737.6014404296875</t>
  </si>
  <si>
    <t>0.038667276317296384</t>
  </si>
  <si>
    <t>6.522893905639648</t>
  </si>
  <si>
    <t>835.7044677734375</t>
  </si>
  <si>
    <t>0.029376936296452882</t>
  </si>
  <si>
    <t>21225</t>
  </si>
  <si>
    <t>6.7851433753967285</t>
  </si>
  <si>
    <t>589.4630737304688</t>
  </si>
  <si>
    <t>0.06985139235881199</t>
  </si>
  <si>
    <t>21937</t>
  </si>
  <si>
    <t>7.981620788574219</t>
  </si>
  <si>
    <t>665.3375854492188</t>
  </si>
  <si>
    <t>0.03299497674614038</t>
  </si>
  <si>
    <t>21915</t>
  </si>
  <si>
    <t>7.654966831207275</t>
  </si>
  <si>
    <t>693.3616333007812</t>
  </si>
  <si>
    <t>-0.0010033750727789226</t>
  </si>
  <si>
    <t>23581</t>
  </si>
  <si>
    <t>6.361756801605225</t>
  </si>
  <si>
    <t>705.8297729492188</t>
  </si>
  <si>
    <t>0.07326996916025941</t>
  </si>
  <si>
    <t>6.9903106689453125</t>
  </si>
  <si>
    <t>657.7736206054688</t>
  </si>
  <si>
    <t>0.03545244544524451</t>
  </si>
  <si>
    <t>9149</t>
  </si>
  <si>
    <t>7.1845879554748535</t>
  </si>
  <si>
    <t>821.5003662109375</t>
  </si>
  <si>
    <t>63.47472381591797</t>
  </si>
  <si>
    <t>Zemgale</t>
  </si>
  <si>
    <t>6.63604736328125</t>
  </si>
  <si>
    <t>676.8729248046875</t>
  </si>
  <si>
    <t>-0.2634578778748242</t>
  </si>
  <si>
    <t>6.864623546600342</t>
  </si>
  <si>
    <t>638.3723754882812</t>
  </si>
  <si>
    <t>-0.06676004806869429</t>
  </si>
  <si>
    <t>5.817253112792969</t>
  </si>
  <si>
    <t>676.2108764648438</t>
  </si>
  <si>
    <t>-0.11476523977180086</t>
  </si>
  <si>
    <t>5.96660852432251</t>
  </si>
  <si>
    <t>646.4627685546875</t>
  </si>
  <si>
    <t>0.04061047633060788</t>
  </si>
  <si>
    <t>6.154268264770508</t>
  </si>
  <si>
    <t>676.1270751953125</t>
  </si>
  <si>
    <t>0.037449132989342715</t>
  </si>
  <si>
    <t>5.3887200355529785</t>
  </si>
  <si>
    <t>561.6690063476562</t>
  </si>
  <si>
    <t>0.0376176232191181</t>
  </si>
  <si>
    <t>6.4834370613098145</t>
  </si>
  <si>
    <t>761.7896728515625</t>
  </si>
  <si>
    <t>0.09542066788553605</t>
  </si>
  <si>
    <t>5.900014400482178</t>
  </si>
  <si>
    <t>793.1600341796875</t>
  </si>
  <si>
    <t>0.07166847681795296</t>
  </si>
  <si>
    <t>7.174952983856201</t>
  </si>
  <si>
    <t>607.1453247070312</t>
  </si>
  <si>
    <t>0.03610591635253613</t>
  </si>
  <si>
    <t>7.6852707862854</t>
  </si>
  <si>
    <t>632.2482299804688</t>
  </si>
  <si>
    <t>0.06573897822986474</t>
  </si>
  <si>
    <t>6.521212100982666</t>
  </si>
  <si>
    <t>797.4656372070312</t>
  </si>
  <si>
    <t>0.03960913809504518</t>
  </si>
  <si>
    <t>6.832744598388672</t>
  </si>
  <si>
    <t>568.4844970703125</t>
  </si>
  <si>
    <t>0.10720013487384428</t>
  </si>
  <si>
    <t>6.162387847900391</t>
  </si>
  <si>
    <t>640.9149780273438</t>
  </si>
  <si>
    <t>0.0990852280643626</t>
  </si>
  <si>
    <t>11711</t>
  </si>
  <si>
    <t>6.852664947509766</t>
  </si>
  <si>
    <t>702.306396484375</t>
  </si>
  <si>
    <t>0.06136138021971149</t>
  </si>
  <si>
    <t>12913</t>
  </si>
  <si>
    <t>5.938170909881592</t>
  </si>
  <si>
    <t>556.5650634765625</t>
  </si>
  <si>
    <t>0.09770598480451298</t>
  </si>
  <si>
    <t>7.4205756187438965</t>
  </si>
  <si>
    <t>695.6588745117188</t>
  </si>
  <si>
    <t>0.14030388486510148</t>
  </si>
  <si>
    <t>7.143869876861572</t>
  </si>
  <si>
    <t>682.5867919921875</t>
  </si>
  <si>
    <t>0.10772680786955036</t>
  </si>
  <si>
    <t>16687</t>
  </si>
  <si>
    <t>7.54838752746582</t>
  </si>
  <si>
    <t>710.0922241210938</t>
  </si>
  <si>
    <t>0.008364724565600667</t>
  </si>
  <si>
    <t>6.0486907958984375</t>
  </si>
  <si>
    <t>715.6378173828125</t>
  </si>
  <si>
    <t>-0.10504761308447996</t>
  </si>
  <si>
    <t>15058</t>
  </si>
  <si>
    <t>6.529295444488525</t>
  </si>
  <si>
    <t>851.385009765625</t>
  </si>
  <si>
    <t>0.0023270513476436605</t>
  </si>
  <si>
    <t>15628</t>
  </si>
  <si>
    <t>7.159481525421143</t>
  </si>
  <si>
    <t>674.1027221679688</t>
  </si>
  <si>
    <t>0.03715476576489429</t>
  </si>
  <si>
    <t>6.150831699371338</t>
  </si>
  <si>
    <t>775.6561279296875</t>
  </si>
  <si>
    <t>0.09961715364913104</t>
  </si>
  <si>
    <t>16194</t>
  </si>
  <si>
    <t>7.127849102020264</t>
  </si>
  <si>
    <t>675.6038208007812</t>
  </si>
  <si>
    <t>-0.06404052757803314</t>
  </si>
  <si>
    <t>17144</t>
  </si>
  <si>
    <t>7.7921295166015625</t>
  </si>
  <si>
    <t>719.2772827148438</t>
  </si>
  <si>
    <t>0.05700745490735315</t>
  </si>
  <si>
    <t>17815</t>
  </si>
  <si>
    <t>7.4649577140808105</t>
  </si>
  <si>
    <t>563.485107421875</t>
  </si>
  <si>
    <t>0.03839254088652311</t>
  </si>
  <si>
    <t>18324</t>
  </si>
  <si>
    <t>7.466820240020752</t>
  </si>
  <si>
    <t>739.357421875</t>
  </si>
  <si>
    <t>0.028170876966697733</t>
  </si>
  <si>
    <t>7.152692794799805</t>
  </si>
  <si>
    <t>841.377197265625</t>
  </si>
  <si>
    <t>0.021487626925056347</t>
  </si>
  <si>
    <t>7.372860431671143</t>
  </si>
  <si>
    <t>585.3703002929688</t>
  </si>
  <si>
    <t>0.020512455302629462</t>
  </si>
  <si>
    <t>8.574460983276367</t>
  </si>
  <si>
    <t>643.2738647460938</t>
  </si>
  <si>
    <t>0.08881943969695705</t>
  </si>
  <si>
    <t>21183</t>
  </si>
  <si>
    <t>8.114211082458496</t>
  </si>
  <si>
    <t>679.6427001953125</t>
  </si>
  <si>
    <t>0.014167775253181247</t>
  </si>
  <si>
    <t>22794</t>
  </si>
  <si>
    <t>6.84990119934082</t>
  </si>
  <si>
    <t>711.1065063476562</t>
  </si>
  <si>
    <t>0.07329837023122288</t>
  </si>
  <si>
    <t>23616</t>
  </si>
  <si>
    <t>7.52350378036499</t>
  </si>
  <si>
    <t>673.6758422851562</t>
  </si>
  <si>
    <t>0.035427104984519175</t>
  </si>
  <si>
    <t>MAR</t>
  </si>
  <si>
    <t>6295</t>
  </si>
  <si>
    <t>17.83576774597168</t>
  </si>
  <si>
    <t>341.8815002441406</t>
  </si>
  <si>
    <t>1882.0841064453125</t>
  </si>
  <si>
    <t>Morocco</t>
  </si>
  <si>
    <t>17.127546310424805</t>
  </si>
  <si>
    <t>411.4685363769531</t>
  </si>
  <si>
    <t>0.03573201726245756</t>
  </si>
  <si>
    <t>17.234058380126953</t>
  </si>
  <si>
    <t>319.21380615234375</t>
  </si>
  <si>
    <t>-0.05481687203629271</t>
  </si>
  <si>
    <t>16.813364028930664</t>
  </si>
  <si>
    <t>374.0947265625</t>
  </si>
  <si>
    <t>-0.04098392472868895</t>
  </si>
  <si>
    <t>17.741992950439453</t>
  </si>
  <si>
    <t>217.5543975830078</t>
  </si>
  <si>
    <t>0.0675072881223695</t>
  </si>
  <si>
    <t>18.401987075805664</t>
  </si>
  <si>
    <t>508.9774169921875</t>
  </si>
  <si>
    <t>-0.08899149041694443</t>
  </si>
  <si>
    <t>17.465980529785156</t>
  </si>
  <si>
    <t>711.9970092773438</t>
  </si>
  <si>
    <t>0.08314028371767179</t>
  </si>
  <si>
    <t>18.07539176940918</t>
  </si>
  <si>
    <t>420.29803466796875</t>
  </si>
  <si>
    <t>-0.049416847409506914</t>
  </si>
  <si>
    <t>17.836711883544922</t>
  </si>
  <si>
    <t>308.5520935058594</t>
  </si>
  <si>
    <t>0.03616527646806844</t>
  </si>
  <si>
    <t>17.434814453125</t>
  </si>
  <si>
    <t>329.3250732421875</t>
  </si>
  <si>
    <t>-0.016692713995041686</t>
  </si>
  <si>
    <t>17.94649887084961</t>
  </si>
  <si>
    <t>402.2019958496094</t>
  </si>
  <si>
    <t>-0.008040079408996093</t>
  </si>
  <si>
    <t>18.129297256469727</t>
  </si>
  <si>
    <t>251.7532958984375</t>
  </si>
  <si>
    <t>0.04635525741720414</t>
  </si>
  <si>
    <t>6457</t>
  </si>
  <si>
    <t>17.75708770751953</t>
  </si>
  <si>
    <t>534.0385131835938</t>
  </si>
  <si>
    <t>0.01545095115571904</t>
  </si>
  <si>
    <t>18.209135055541992</t>
  </si>
  <si>
    <t>454.1828918457031</t>
  </si>
  <si>
    <t>0.03917901633086984</t>
  </si>
  <si>
    <t>7092</t>
  </si>
  <si>
    <t>17.669281005859375</t>
  </si>
  <si>
    <t>362.09765625</t>
  </si>
  <si>
    <t>0.05462355823676113</t>
  </si>
  <si>
    <t>17.7719783782959</t>
  </si>
  <si>
    <t>422.5886535644531</t>
  </si>
  <si>
    <t>0.012053404513453714</t>
  </si>
  <si>
    <t>7442</t>
  </si>
  <si>
    <t>18.188396453857422</t>
  </si>
  <si>
    <t>367.202392578125</t>
  </si>
  <si>
    <t>0.036118837199015985</t>
  </si>
  <si>
    <t>7644</t>
  </si>
  <si>
    <t>17.83502769470215</t>
  </si>
  <si>
    <t>353.71295166015625</t>
  </si>
  <si>
    <t>0.026781396453595008</t>
  </si>
  <si>
    <t>8272</t>
  </si>
  <si>
    <t>17.64512825012207</t>
  </si>
  <si>
    <t>539.3909912109375</t>
  </si>
  <si>
    <t>0.07895529138804669</t>
  </si>
  <si>
    <t>8775</t>
  </si>
  <si>
    <t>18.35725212097168</t>
  </si>
  <si>
    <t>544.8878173828125</t>
  </si>
  <si>
    <t>0.059030451585856625</t>
  </si>
  <si>
    <t>18.305919647216797</t>
  </si>
  <si>
    <t>667.7852172851562</t>
  </si>
  <si>
    <t>0.03625774802262427</t>
  </si>
  <si>
    <t>9466</t>
  </si>
  <si>
    <t>18.131563186645508</t>
  </si>
  <si>
    <t>464.4886169433594</t>
  </si>
  <si>
    <t>0.039541914109502585</t>
  </si>
  <si>
    <t>18.09116554260254</t>
  </si>
  <si>
    <t>401.9556884765625</t>
  </si>
  <si>
    <t>0.015825934246288753</t>
  </si>
  <si>
    <t>17.902875900268555</t>
  </si>
  <si>
    <t>418.7004089355469</t>
  </si>
  <si>
    <t>0.02627139289896796</t>
  </si>
  <si>
    <t>18.17377471923828</t>
  </si>
  <si>
    <t>406.48907470703125</t>
  </si>
  <si>
    <t>0.012981314367399577</t>
  </si>
  <si>
    <t>10301</t>
  </si>
  <si>
    <t>18.603395462036133</t>
  </si>
  <si>
    <t>220.43458557128906</t>
  </si>
  <si>
    <t>0.029455904904843067</t>
  </si>
  <si>
    <t>18.35797119140625</t>
  </si>
  <si>
    <t>400.080078125</t>
  </si>
  <si>
    <t>-0.007503080266376472</t>
  </si>
  <si>
    <t>18.796968460083008</t>
  </si>
  <si>
    <t>397.4479675292969</t>
  </si>
  <si>
    <t>0.03705905499071349</t>
  </si>
  <si>
    <t>10810</t>
  </si>
  <si>
    <t>17.556726455688477</t>
  </si>
  <si>
    <t>564.7761840820312</t>
  </si>
  <si>
    <t>0.01867467902522435</t>
  </si>
  <si>
    <t>11003</t>
  </si>
  <si>
    <t>18.186914443969727</t>
  </si>
  <si>
    <t>357.1905212402344</t>
  </si>
  <si>
    <t>0.01769633123665848</t>
  </si>
  <si>
    <t>18.52052116394043</t>
  </si>
  <si>
    <t>467.2884826660156</t>
  </si>
  <si>
    <t>-0.0853355534421798</t>
  </si>
  <si>
    <t>18.47732162475586</t>
  </si>
  <si>
    <t>280.63983154296875</t>
  </si>
  <si>
    <t>0.0663432857101629</t>
  </si>
  <si>
    <t>10817</t>
  </si>
  <si>
    <t>19.02507209777832</t>
  </si>
  <si>
    <t>326.25543212890625</t>
  </si>
  <si>
    <t>0.0019432754923940365</t>
  </si>
  <si>
    <t>17.328096389770508</t>
  </si>
  <si>
    <t>330.0188903808594</t>
  </si>
  <si>
    <t>470.4172668457031</t>
  </si>
  <si>
    <t>16.616796493530273</t>
  </si>
  <si>
    <t>398.0565185546875</t>
  </si>
  <si>
    <t>0.05866288959318311</t>
  </si>
  <si>
    <t>4131</t>
  </si>
  <si>
    <t>16.706233978271484</t>
  </si>
  <si>
    <t>338.6752624511719</t>
  </si>
  <si>
    <t>-0.03192267252901537</t>
  </si>
  <si>
    <t>16.469099044799805</t>
  </si>
  <si>
    <t>407.1951599121094</t>
  </si>
  <si>
    <t>17.389379501342773</t>
  </si>
  <si>
    <t>232.25889587402344</t>
  </si>
  <si>
    <t>0.09106817768524422</t>
  </si>
  <si>
    <t>17.82621955871582</t>
  </si>
  <si>
    <t>369.4490661621094</t>
  </si>
  <si>
    <t>-0.065048472703225</t>
  </si>
  <si>
    <t>16.829702377319336</t>
  </si>
  <si>
    <t>464.3828430175781</t>
  </si>
  <si>
    <t>0.1071112625705446</t>
  </si>
  <si>
    <t>17.64906883239746</t>
  </si>
  <si>
    <t>317.5146484375</t>
  </si>
  <si>
    <t>-0.024892114913617647</t>
  </si>
  <si>
    <t>17.1385498046875</t>
  </si>
  <si>
    <t>279.10394287109375</t>
  </si>
  <si>
    <t>0.06110570673719984</t>
  </si>
  <si>
    <t>16.99689483642578</t>
  </si>
  <si>
    <t>294.5732116699219</t>
  </si>
  <si>
    <t>0.008285051534105747</t>
  </si>
  <si>
    <t>17.56127166748047</t>
  </si>
  <si>
    <t>354.5986328125</t>
  </si>
  <si>
    <t>0.0175837693401526</t>
  </si>
  <si>
    <t>5633</t>
  </si>
  <si>
    <t>17.577085494995117</t>
  </si>
  <si>
    <t>285.1772766113281</t>
  </si>
  <si>
    <t>0.13249214180541102</t>
  </si>
  <si>
    <t>17.13881492614746</t>
  </si>
  <si>
    <t>416.9801330566406</t>
  </si>
  <si>
    <t>0.02524235688655274</t>
  </si>
  <si>
    <t>6101</t>
  </si>
  <si>
    <t>17.63747215270996</t>
  </si>
  <si>
    <t>405.3955993652344</t>
  </si>
  <si>
    <t>0.05456817537058711</t>
  </si>
  <si>
    <t>6251</t>
  </si>
  <si>
    <t>16.9494686126709</t>
  </si>
  <si>
    <t>347.7542419433594</t>
  </si>
  <si>
    <t>0.024288758779960062</t>
  </si>
  <si>
    <t>17.073101043701172</t>
  </si>
  <si>
    <t>323.3406066894531</t>
  </si>
  <si>
    <t>0.004946950166779374</t>
  </si>
  <si>
    <t>17.7275390625</t>
  </si>
  <si>
    <t>322.42449951171875</t>
  </si>
  <si>
    <t>0.06829221220162296</t>
  </si>
  <si>
    <t>17.219514846801758</t>
  </si>
  <si>
    <t>390.5532531738281</t>
  </si>
  <si>
    <t>0.029590557942055895</t>
  </si>
  <si>
    <t>17.01365089416504</t>
  </si>
  <si>
    <t>463.1734619140625</t>
  </si>
  <si>
    <t>-0.10989348382861941</t>
  </si>
  <si>
    <t>5311</t>
  </si>
  <si>
    <t>17.780378341674805</t>
  </si>
  <si>
    <t>408.9573974609375</t>
  </si>
  <si>
    <t>-0.1558975459912535</t>
  </si>
  <si>
    <t>17.587270736694336</t>
  </si>
  <si>
    <t>472.51361083984375</t>
  </si>
  <si>
    <t>0.042033837610706115</t>
  </si>
  <si>
    <t>17.581552505493164</t>
  </si>
  <si>
    <t>396.1087951660156</t>
  </si>
  <si>
    <t>0.03964419340356251</t>
  </si>
  <si>
    <t>5855</t>
  </si>
  <si>
    <t>17.42037010192871</t>
  </si>
  <si>
    <t>386.6100769042969</t>
  </si>
  <si>
    <t>0.015837824595150707</t>
  </si>
  <si>
    <t>6011</t>
  </si>
  <si>
    <t>17.0579891204834</t>
  </si>
  <si>
    <t>416.2515869140625</t>
  </si>
  <si>
    <t>0.026295127007344377</t>
  </si>
  <si>
    <t>6090</t>
  </si>
  <si>
    <t>17.6401424407959</t>
  </si>
  <si>
    <t>310.55157470703125</t>
  </si>
  <si>
    <t>0.0130569576647801</t>
  </si>
  <si>
    <t>18.090486526489258</t>
  </si>
  <si>
    <t>264.9040832519531</t>
  </si>
  <si>
    <t>0.029287749839078003</t>
  </si>
  <si>
    <t>6225</t>
  </si>
  <si>
    <t>17.77112579345703</t>
  </si>
  <si>
    <t>395.7893981933594</t>
  </si>
  <si>
    <t>-0.007362389210111786</t>
  </si>
  <si>
    <t>6460</t>
  </si>
  <si>
    <t>18.30177116394043</t>
  </si>
  <si>
    <t>241.5992431640625</t>
  </si>
  <si>
    <t>0.03705587544373934</t>
  </si>
  <si>
    <t>17.05145263671875</t>
  </si>
  <si>
    <t>452.79095458984375</t>
  </si>
  <si>
    <t>0.01855739167947057</t>
  </si>
  <si>
    <t>6699</t>
  </si>
  <si>
    <t>17.65107536315918</t>
  </si>
  <si>
    <t>286.45391845703125</t>
  </si>
  <si>
    <t>0.01777155205214953</t>
  </si>
  <si>
    <t>6151</t>
  </si>
  <si>
    <t>18.007722854614258</t>
  </si>
  <si>
    <t>279.70135498046875</t>
  </si>
  <si>
    <t>-0.08534359129989966</t>
  </si>
  <si>
    <t>17.916593551635742</t>
  </si>
  <si>
    <t>205.636962890625</t>
  </si>
  <si>
    <t>0.06635567905520823</t>
  </si>
  <si>
    <t>18.464441299438477</t>
  </si>
  <si>
    <t>325.3475646972656</t>
  </si>
  <si>
    <t>0.0018239859138056147</t>
  </si>
  <si>
    <t>16.979684829711914</t>
  </si>
  <si>
    <t>414.3623046875</t>
  </si>
  <si>
    <t>1275.0589599609375</t>
  </si>
  <si>
    <t>North-Central</t>
  </si>
  <si>
    <t>16.386240005493164</t>
  </si>
  <si>
    <t>514.293212890625</t>
  </si>
  <si>
    <t>0.044109355445420384</t>
  </si>
  <si>
    <t>16.43778419494629</t>
  </si>
  <si>
    <t>442.736083984375</t>
  </si>
  <si>
    <t>-0.04661786778037946</t>
  </si>
  <si>
    <t>15.944694519042969</t>
  </si>
  <si>
    <t>491.19183349609375</t>
  </si>
  <si>
    <t>-0.03245499071424707</t>
  </si>
  <si>
    <t>16.893653869628906</t>
  </si>
  <si>
    <t>288.615234375</t>
  </si>
  <si>
    <t>0.07632937254887562</t>
  </si>
  <si>
    <t>17.443998336791992</t>
  </si>
  <si>
    <t>530.53662109375</t>
  </si>
  <si>
    <t>16.470170974731445</t>
  </si>
  <si>
    <t>780.1786499023438</t>
  </si>
  <si>
    <t>0.09232955166618684</t>
  </si>
  <si>
    <t>17.280866622924805</t>
  </si>
  <si>
    <t>490.0563659667969</t>
  </si>
  <si>
    <t>-0.03979075347871053</t>
  </si>
  <si>
    <t>16.83123779296875</t>
  </si>
  <si>
    <t>362.6456298828125</t>
  </si>
  <si>
    <t>0.045878022867360535</t>
  </si>
  <si>
    <t>16.537267684936523</t>
  </si>
  <si>
    <t>366.3040771484375</t>
  </si>
  <si>
    <t>-0.006765925675301432</t>
  </si>
  <si>
    <t>2953</t>
  </si>
  <si>
    <t>17.0626163482666</t>
  </si>
  <si>
    <t>519.0567626953125</t>
  </si>
  <si>
    <t>0.0023732847213473462</t>
  </si>
  <si>
    <t>17.124666213989258</t>
  </si>
  <si>
    <t>348.9414978027344</t>
  </si>
  <si>
    <t>-0.01811086576935761</t>
  </si>
  <si>
    <t>16.70273208618164</t>
  </si>
  <si>
    <t>621.4187622070312</t>
  </si>
  <si>
    <t>0.04153897880489321</t>
  </si>
  <si>
    <t>17.226879119873047</t>
  </si>
  <si>
    <t>548.1235961914062</t>
  </si>
  <si>
    <t>0.10777242438161494</t>
  </si>
  <si>
    <t>16.61418914794922</t>
  </si>
  <si>
    <t>424.7026672363281</t>
  </si>
  <si>
    <t>0.028113125241349124</t>
  </si>
  <si>
    <t>16.77613639831543</t>
  </si>
  <si>
    <t>434.7240295410156</t>
  </si>
  <si>
    <t>0.021143644803057526</t>
  </si>
  <si>
    <t>17.256433486938477</t>
  </si>
  <si>
    <t>427.1672058105469</t>
  </si>
  <si>
    <t>0.06644509940815269</t>
  </si>
  <si>
    <t>3769</t>
  </si>
  <si>
    <t>16.86581039428711</t>
  </si>
  <si>
    <t>452.51141357421875</t>
  </si>
  <si>
    <t>-0.002914295346498008</t>
  </si>
  <si>
    <t>16.6018009185791</t>
  </si>
  <si>
    <t>637.8302612304688</t>
  </si>
  <si>
    <t>0.11491935372299267</t>
  </si>
  <si>
    <t>17.415775299072266</t>
  </si>
  <si>
    <t>632.7782592773438</t>
  </si>
  <si>
    <t>0.09147553842652023</t>
  </si>
  <si>
    <t>17.23710823059082</t>
  </si>
  <si>
    <t>762.8565063476562</t>
  </si>
  <si>
    <t>-0.033135231055775094</t>
  </si>
  <si>
    <t>17.238061904907227</t>
  </si>
  <si>
    <t>521.2113647460938</t>
  </si>
  <si>
    <t>0.03937516523482998</t>
  </si>
  <si>
    <t>4737</t>
  </si>
  <si>
    <t>17.035234451293945</t>
  </si>
  <si>
    <t>522.0746459960938</t>
  </si>
  <si>
    <t>0.015959483328048307</t>
  </si>
  <si>
    <t>16.77436065673828</t>
  </si>
  <si>
    <t>535.8645629882812</t>
  </si>
  <si>
    <t>0.02625150748003513</t>
  </si>
  <si>
    <t>17.261035919189453</t>
  </si>
  <si>
    <t>436.8292236328125</t>
  </si>
  <si>
    <t>0.013074752140177281</t>
  </si>
  <si>
    <t>17.71376609802246</t>
  </si>
  <si>
    <t>326.8636169433594</t>
  </si>
  <si>
    <t>0.029202075022727314</t>
  </si>
  <si>
    <t>17.373125076293945</t>
  </si>
  <si>
    <t>521.0447387695312</t>
  </si>
  <si>
    <t>-0.007320242402453658</t>
  </si>
  <si>
    <t>17.95137596130371</t>
  </si>
  <si>
    <t>430.0732116699219</t>
  </si>
  <si>
    <t>0.03703405091632028</t>
  </si>
  <si>
    <t>16.659223556518555</t>
  </si>
  <si>
    <t>694.1986083984375</t>
  </si>
  <si>
    <t>0.018578733434445382</t>
  </si>
  <si>
    <t>17.28348159790039</t>
  </si>
  <si>
    <t>376.3907165527344</t>
  </si>
  <si>
    <t>0.01768639605111133</t>
  </si>
  <si>
    <t>17.650712966918945</t>
  </si>
  <si>
    <t>491.1523742675781</t>
  </si>
  <si>
    <t>-0.0852849411470995</t>
  </si>
  <si>
    <t>17.583105087280273</t>
  </si>
  <si>
    <t>317.82122802734375</t>
  </si>
  <si>
    <t>0.06628287908532471</t>
  </si>
  <si>
    <t>17.984376907348633</t>
  </si>
  <si>
    <t>457.27935791015625</t>
  </si>
  <si>
    <t>0.0020666987158861616</t>
  </si>
  <si>
    <t>3955</t>
  </si>
  <si>
    <t>17.9658203125</t>
  </si>
  <si>
    <t>483.45001220703125</t>
  </si>
  <si>
    <t>4001.845458984375</t>
  </si>
  <si>
    <t>Northwestern</t>
  </si>
  <si>
    <t>17.303550720214844</t>
  </si>
  <si>
    <t>544.6090087890625</t>
  </si>
  <si>
    <t>0.06485452682830406</t>
  </si>
  <si>
    <t>17.37192726135254</t>
  </si>
  <si>
    <t>436.7264404296875</t>
  </si>
  <si>
    <t>-0.02592559989505716</t>
  </si>
  <si>
    <t>16.93956756591797</t>
  </si>
  <si>
    <t>586.397705078125</t>
  </si>
  <si>
    <t>-0.011741817876682603</t>
  </si>
  <si>
    <t>17.8665714263916</t>
  </si>
  <si>
    <t>321.22137451171875</t>
  </si>
  <si>
    <t>0.09678546898264706</t>
  </si>
  <si>
    <t>18.48064422607422</t>
  </si>
  <si>
    <t>731.2349853515625</t>
  </si>
  <si>
    <t>-0.05935504611662701</t>
  </si>
  <si>
    <t>17.518186569213867</t>
  </si>
  <si>
    <t>1011.3356323242188</t>
  </si>
  <si>
    <t>0.11284605777177958</t>
  </si>
  <si>
    <t>18.26927375793457</t>
  </si>
  <si>
    <t>602.8212280273438</t>
  </si>
  <si>
    <t>-0.01945545064328691</t>
  </si>
  <si>
    <t>17.895540237426758</t>
  </si>
  <si>
    <t>399.828857421875</t>
  </si>
  <si>
    <t>0.0663988363099044</t>
  </si>
  <si>
    <t>5018</t>
  </si>
  <si>
    <t>17.552696228027344</t>
  </si>
  <si>
    <t>438.3599548339844</t>
  </si>
  <si>
    <t>0.013643871363631987</t>
  </si>
  <si>
    <t>5133</t>
  </si>
  <si>
    <t>18.031070709228516</t>
  </si>
  <si>
    <t>656.2620849609375</t>
  </si>
  <si>
    <t>0.022658835633935226</t>
  </si>
  <si>
    <t>5564</t>
  </si>
  <si>
    <t>18.147939682006836</t>
  </si>
  <si>
    <t>397.7852783203125</t>
  </si>
  <si>
    <t>0.08062699048303124</t>
  </si>
  <si>
    <t>5749</t>
  </si>
  <si>
    <t>17.776119232177734</t>
  </si>
  <si>
    <t>756.9067993164062</t>
  </si>
  <si>
    <t>0.03270865257995759</t>
  </si>
  <si>
    <t>5923</t>
  </si>
  <si>
    <t>18.27144432067871</t>
  </si>
  <si>
    <t>639.3465576171875</t>
  </si>
  <si>
    <t>0.029817150653673963</t>
  </si>
  <si>
    <t>6149</t>
  </si>
  <si>
    <t>17.704904556274414</t>
  </si>
  <si>
    <t>451.6177673339844</t>
  </si>
  <si>
    <t>0.0374463896765036</t>
  </si>
  <si>
    <t>17.866941452026367</t>
  </si>
  <si>
    <t>550.1815185546875</t>
  </si>
  <si>
    <t>-0.001790510773787446</t>
  </si>
  <si>
    <t>6360</t>
  </si>
  <si>
    <t>18.285810470581055</t>
  </si>
  <si>
    <t>498.9474182128906</t>
  </si>
  <si>
    <t>0.035529421154485874</t>
  </si>
  <si>
    <t>17.90486717224121</t>
  </si>
  <si>
    <t>476.7562255859375</t>
  </si>
  <si>
    <t>-0.017446913603720304</t>
  </si>
  <si>
    <t>17.677656173706055</t>
  </si>
  <si>
    <t>771.8634033203125</t>
  </si>
  <si>
    <t>0.0940002312871897</t>
  </si>
  <si>
    <t>18.428970336914062</t>
  </si>
  <si>
    <t>822.4376831054688</t>
  </si>
  <si>
    <t>0.07286922094784387</t>
  </si>
  <si>
    <t>18.275251388549805</t>
  </si>
  <si>
    <t>959.4461059570312</t>
  </si>
  <si>
    <t>-0.016657949359313307</t>
  </si>
  <si>
    <t>18.25701141357422</t>
  </si>
  <si>
    <t>573.5731201171875</t>
  </si>
  <si>
    <t>0.039548983015233574</t>
  </si>
  <si>
    <t>18.117660522460938</t>
  </si>
  <si>
    <t>580.5911254882812</t>
  </si>
  <si>
    <t>0.015886896206497525</t>
  </si>
  <si>
    <t>7881</t>
  </si>
  <si>
    <t>17.92958641052246</t>
  </si>
  <si>
    <t>582.29345703125</t>
  </si>
  <si>
    <t>0.026225953525750967</t>
  </si>
  <si>
    <t>18.29473876953125</t>
  </si>
  <si>
    <t>559.83935546875</t>
  </si>
  <si>
    <t>0.012984739637650122</t>
  </si>
  <si>
    <t>18.68937110900879</t>
  </si>
  <si>
    <t>316.3963928222656</t>
  </si>
  <si>
    <t>0.029373949466524607</t>
  </si>
  <si>
    <t>18.401628494262695</t>
  </si>
  <si>
    <t>582.0139770507812</t>
  </si>
  <si>
    <t>-0.007324251492073941</t>
  </si>
  <si>
    <t>18.93471908569336</t>
  </si>
  <si>
    <t>557.6381225585938</t>
  </si>
  <si>
    <t>17.673892974853516</t>
  </si>
  <si>
    <t>779.6121826171875</t>
  </si>
  <si>
    <t>0.018598114862207638</t>
  </si>
  <si>
    <t>8783</t>
  </si>
  <si>
    <t>18.329544067382812</t>
  </si>
  <si>
    <t>426.31768798828125</t>
  </si>
  <si>
    <t>0.017689411408809974</t>
  </si>
  <si>
    <t>18.670454025268555</t>
  </si>
  <si>
    <t>591.5408325195312</t>
  </si>
  <si>
    <t>-0.08528432335780778</t>
  </si>
  <si>
    <t>18.62544059753418</t>
  </si>
  <si>
    <t>352.924560546875</t>
  </si>
  <si>
    <t>0.06631932761647441</t>
  </si>
  <si>
    <t>8634</t>
  </si>
  <si>
    <t>19.05129051208496</t>
  </si>
  <si>
    <t>510.4468688964844</t>
  </si>
  <si>
    <t>0.0018548579396391318</t>
  </si>
  <si>
    <t>16.69963836669922</t>
  </si>
  <si>
    <t>391.2428894042969</t>
  </si>
  <si>
    <t>911.3839111328125</t>
  </si>
  <si>
    <t>South-Central</t>
  </si>
  <si>
    <t>3711</t>
  </si>
  <si>
    <t>16.05811882019043</t>
  </si>
  <si>
    <t>506.1158447265625</t>
  </si>
  <si>
    <t>0.03175739090545093</t>
  </si>
  <si>
    <t>16.107868194580078</t>
  </si>
  <si>
    <t>411.9071960449219</t>
  </si>
  <si>
    <t>-0.05911000548205081</t>
  </si>
  <si>
    <t>15.633599281311035</t>
  </si>
  <si>
    <t>449.1565246582031</t>
  </si>
  <si>
    <t>-0.04532276915844946</t>
  </si>
  <si>
    <t>16.611291885375977</t>
  </si>
  <si>
    <t>272.802978515625</t>
  </si>
  <si>
    <t>0.06317279685768007</t>
  </si>
  <si>
    <t>17.19210433959961</t>
  </si>
  <si>
    <t>551.2322998046875</t>
  </si>
  <si>
    <t>-0.0938509809821575</t>
  </si>
  <si>
    <t>16.214927673339844</t>
  </si>
  <si>
    <t>806.169677734375</t>
  </si>
  <si>
    <t>0.07828536318555912</t>
  </si>
  <si>
    <t>3320</t>
  </si>
  <si>
    <t>16.924718856811523</t>
  </si>
  <si>
    <t>509.46673583984375</t>
  </si>
  <si>
    <t>-0.054511003570645755</t>
  </si>
  <si>
    <t>3424</t>
  </si>
  <si>
    <t>16.59025764465332</t>
  </si>
  <si>
    <t>362.6270751953125</t>
  </si>
  <si>
    <t>0.030844675351097806</t>
  </si>
  <si>
    <t>16.26178741455078</t>
  </si>
  <si>
    <t>385.9874267578125</t>
  </si>
  <si>
    <t>-0.022446305652266574</t>
  </si>
  <si>
    <t>3302</t>
  </si>
  <si>
    <t>16.770353317260742</t>
  </si>
  <si>
    <t>509.388916015625</t>
  </si>
  <si>
    <t>-0.013834807129292415</t>
  </si>
  <si>
    <t>16.892141342163086</t>
  </si>
  <si>
    <t>343.79241943359375</t>
  </si>
  <si>
    <t>0.043555988456768446</t>
  </si>
  <si>
    <t>16.50411033630371</t>
  </si>
  <si>
    <t>617.5999145507812</t>
  </si>
  <si>
    <t>0.025477261782889116</t>
  </si>
  <si>
    <t>3808</t>
  </si>
  <si>
    <t>16.970556259155273</t>
  </si>
  <si>
    <t>531.9763793945312</t>
  </si>
  <si>
    <t>0.07354252119152527</t>
  </si>
  <si>
    <t>16.391572952270508</t>
  </si>
  <si>
    <t>432.8924560546875</t>
  </si>
  <si>
    <t>-0.06257965665223786</t>
  </si>
  <si>
    <t>16.548717498779297</t>
  </si>
  <si>
    <t>459.6063232421875</t>
  </si>
  <si>
    <t>0.11226977588466092</t>
  </si>
  <si>
    <t>4198</t>
  </si>
  <si>
    <t>16.974153518676758</t>
  </si>
  <si>
    <t>435.1614074707031</t>
  </si>
  <si>
    <t>0.047813985236899725</t>
  </si>
  <si>
    <t>16.626495361328125</t>
  </si>
  <si>
    <t>463.943359375</t>
  </si>
  <si>
    <t>0.05874521201485727</t>
  </si>
  <si>
    <t>4888</t>
  </si>
  <si>
    <t>16.39129066467285</t>
  </si>
  <si>
    <t>650.6289672851562</t>
  </si>
  <si>
    <t>0.09342978845599603</t>
  </si>
  <si>
    <t>17.121685028076172</t>
  </si>
  <si>
    <t>628.8434448242188</t>
  </si>
  <si>
    <t>0.07239678245962011</t>
  </si>
  <si>
    <t>17.02593421936035</t>
  </si>
  <si>
    <t>743.8964233398438</t>
  </si>
  <si>
    <t>0.007205188546935304</t>
  </si>
  <si>
    <t>16.922561645507812</t>
  </si>
  <si>
    <t>522.7720336914062</t>
  </si>
  <si>
    <t>0.039634817404493816</t>
  </si>
  <si>
    <t>16.829362869262695</t>
  </si>
  <si>
    <t>521.9581298828125</t>
  </si>
  <si>
    <t>0.01585333148354451</t>
  </si>
  <si>
    <t>16.59147071838379</t>
  </si>
  <si>
    <t>514.4569091796875</t>
  </si>
  <si>
    <t>0.026282489982033752</t>
  </si>
  <si>
    <t>16.968603134155273</t>
  </si>
  <si>
    <t>454.4924011230469</t>
  </si>
  <si>
    <t>0.01297259392861072</t>
  </si>
  <si>
    <t>17.390727996826172</t>
  </si>
  <si>
    <t>297.6681213378906</t>
  </si>
  <si>
    <t>0.029463695801515755</t>
  </si>
  <si>
    <t>17.126344680786133</t>
  </si>
  <si>
    <t>509.72479248046875</t>
  </si>
  <si>
    <t>-0.007537092878139973</t>
  </si>
  <si>
    <t>446.8692626953125</t>
  </si>
  <si>
    <t>0.03712991481384975</t>
  </si>
  <si>
    <t>16.332304000854492</t>
  </si>
  <si>
    <t>705.5474243164062</t>
  </si>
  <si>
    <t>0.018617132149607585</t>
  </si>
  <si>
    <t>16.992061614990234</t>
  </si>
  <si>
    <t>389.09405517578125</t>
  </si>
  <si>
    <t>0.017652152598500948</t>
  </si>
  <si>
    <t>5878</t>
  </si>
  <si>
    <t>17.36638641357422</t>
  </si>
  <si>
    <t>508.7164306640625</t>
  </si>
  <si>
    <t>-0.08523766016314127</t>
  </si>
  <si>
    <t>17.335905075073242</t>
  </si>
  <si>
    <t>325.088134765625</t>
  </si>
  <si>
    <t>0.06631263547551747</t>
  </si>
  <si>
    <t>17.78632164001465</t>
  </si>
  <si>
    <t>423.40283203125</t>
  </si>
  <si>
    <t>0.0019087010725531428</t>
  </si>
  <si>
    <t>18.061155319213867</t>
  </si>
  <si>
    <t>184.66256713867188</t>
  </si>
  <si>
    <t>1095.7215576171875</t>
  </si>
  <si>
    <t>17.286659240722656</t>
  </si>
  <si>
    <t>260.1756591796875</t>
  </si>
  <si>
    <t>0.08742697277403266</t>
  </si>
  <si>
    <t>17.47095489501953</t>
  </si>
  <si>
    <t>225.82310485839844</t>
  </si>
  <si>
    <t>-0.004097872433277416</t>
  </si>
  <si>
    <t>4178</t>
  </si>
  <si>
    <t>17.148183822631836</t>
  </si>
  <si>
    <t>228.4818572998047</t>
  </si>
  <si>
    <t>0.009136875297150127</t>
  </si>
  <si>
    <t>18.02223777770996</t>
  </si>
  <si>
    <t>116.00948333740234</t>
  </si>
  <si>
    <t>0.11666544952585234</t>
  </si>
  <si>
    <t>4509</t>
  </si>
  <si>
    <t>18.656408309936523</t>
  </si>
  <si>
    <t>375.7560729980469</t>
  </si>
  <si>
    <t>-0.04042271322127888</t>
  </si>
  <si>
    <t>17.75047492980957</t>
  </si>
  <si>
    <t>405.0218505859375</t>
  </si>
  <si>
    <t>0.13117221363442155</t>
  </si>
  <si>
    <t>18.34282684326172</t>
  </si>
  <si>
    <t>283.82342529296875</t>
  </si>
  <si>
    <t>-0.001752166319977988</t>
  </si>
  <si>
    <t>18.177364349365234</t>
  </si>
  <si>
    <t>202.07814025878906</t>
  </si>
  <si>
    <t>0.08315555065402691</t>
  </si>
  <si>
    <t>5747</t>
  </si>
  <si>
    <t>17.730772018432617</t>
  </si>
  <si>
    <t>231.98936462402344</t>
  </si>
  <si>
    <t>0.030026982118187107</t>
  </si>
  <si>
    <t>18.17789077758789</t>
  </si>
  <si>
    <t>163.36581420898438</t>
  </si>
  <si>
    <t>0.038236438039250586</t>
  </si>
  <si>
    <t>18.520837783813477</t>
  </si>
  <si>
    <t>132.67578125</t>
  </si>
  <si>
    <t>0.08504159365747732</t>
  </si>
  <si>
    <t>18.14994239807129</t>
  </si>
  <si>
    <t>316.7703552246094</t>
  </si>
  <si>
    <t>0.01131856684149568</t>
  </si>
  <si>
    <t>18.476526260375977</t>
  </si>
  <si>
    <t>245.80007934570312</t>
  </si>
  <si>
    <t>0.016292410465105434</t>
  </si>
  <si>
    <t>6800</t>
  </si>
  <si>
    <t>18.039764404296875</t>
  </si>
  <si>
    <t>228.60935974121094</t>
  </si>
  <si>
    <t>0.017355623653127594</t>
  </si>
  <si>
    <t>18.188865661621094</t>
  </si>
  <si>
    <t>275.09576416015625</t>
  </si>
  <si>
    <t>0.02095536517598795</t>
  </si>
  <si>
    <t>18.494104385375977</t>
  </si>
  <si>
    <t>192.18231201171875</t>
  </si>
  <si>
    <t>0.061302082718979634</t>
  </si>
  <si>
    <t>18.2375431060791</t>
  </si>
  <si>
    <t>138.71060180664062</t>
  </si>
  <si>
    <t>0.005403228058382226</t>
  </si>
  <si>
    <t>18.02266502380371</t>
  </si>
  <si>
    <t>247.960205078125</t>
  </si>
  <si>
    <t>-0.11147132464706822</t>
  </si>
  <si>
    <t>18.760705947875977</t>
  </si>
  <si>
    <t>353.43414306640625</t>
  </si>
  <si>
    <t>-0.15809922814617572</t>
  </si>
  <si>
    <t>18.8192081451416</t>
  </si>
  <si>
    <t>347.9427795410156</t>
  </si>
  <si>
    <t>0.036203832654559065</t>
  </si>
  <si>
    <t>18.3349552154541</t>
  </si>
  <si>
    <t>266.3540954589844</t>
  </si>
  <si>
    <t>0.03952820114241007</t>
  </si>
  <si>
    <t>18.48056411743164</t>
  </si>
  <si>
    <t>233.90414428710938</t>
  </si>
  <si>
    <t>0.015899101942421723</t>
  </si>
  <si>
    <t>18.175048828125</t>
  </si>
  <si>
    <t>188.5205535888672</t>
  </si>
  <si>
    <t>0.026210697506307667</t>
  </si>
  <si>
    <t>18.393545150756836</t>
  </si>
  <si>
    <t>263.775146484375</t>
  </si>
  <si>
    <t>0.013084298814440842</t>
  </si>
  <si>
    <t>18.70353126525879</t>
  </si>
  <si>
    <t>142.1763153076172</t>
  </si>
  <si>
    <t>0.02927931019397967</t>
  </si>
  <si>
    <t>6605</t>
  </si>
  <si>
    <t>18.55862808227539</t>
  </si>
  <si>
    <t>177.80783081054688</t>
  </si>
  <si>
    <t>-0.007391239621997059</t>
  </si>
  <si>
    <t>6854</t>
  </si>
  <si>
    <t>18.95245933532715</t>
  </si>
  <si>
    <t>190.28895568847656</t>
  </si>
  <si>
    <t>0.03700548547812765</t>
  </si>
  <si>
    <t>17.744096755981445</t>
  </si>
  <si>
    <t>249.81056213378906</t>
  </si>
  <si>
    <t>0.018646200411481573</t>
  </si>
  <si>
    <t>18.266895294189453</t>
  </si>
  <si>
    <t>217.25637817382812</t>
  </si>
  <si>
    <t>0.017742286428507725</t>
  </si>
  <si>
    <t>18.588218688964844</t>
  </si>
  <si>
    <t>225.362060546875</t>
  </si>
  <si>
    <t>-0.08527349063932554</t>
  </si>
  <si>
    <t>18.5380802154541</t>
  </si>
  <si>
    <t>203.14678955078125</t>
  </si>
  <si>
    <t>0.06624152860037924</t>
  </si>
  <si>
    <t>19.156421661376953</t>
  </si>
  <si>
    <t>190.70558166503906</t>
  </si>
  <si>
    <t>0.0020054440183514544</t>
  </si>
  <si>
    <t>2885</t>
  </si>
  <si>
    <t>18.44586753845215</t>
  </si>
  <si>
    <t>241.4681396484375</t>
  </si>
  <si>
    <t>1974.441650390625</t>
  </si>
  <si>
    <t>Tansift</t>
  </si>
  <si>
    <t>17.74647331237793</t>
  </si>
  <si>
    <t>298.6556396484375</t>
  </si>
  <si>
    <t>0.06084888048955861</t>
  </si>
  <si>
    <t>17.89536476135254</t>
  </si>
  <si>
    <t>193.07643127441406</t>
  </si>
  <si>
    <t>-0.029121846187804223</t>
  </si>
  <si>
    <t>17.476770401000977</t>
  </si>
  <si>
    <t>293.88482666015625</t>
  </si>
  <si>
    <t>-0.015226144266503816</t>
  </si>
  <si>
    <t>18.39688491821289</t>
  </si>
  <si>
    <t>154.1767578125</t>
  </si>
  <si>
    <t>0.09335556956100266</t>
  </si>
  <si>
    <t>3024</t>
  </si>
  <si>
    <t>19.049245834350586</t>
  </si>
  <si>
    <t>457.7619323730469</t>
  </si>
  <si>
    <t>-0.06280090123902937</t>
  </si>
  <si>
    <t>18.089494705200195</t>
  </si>
  <si>
    <t>564.0980224609375</t>
  </si>
  <si>
    <t>0.10981486600720558</t>
  </si>
  <si>
    <t>18.699573516845703</t>
  </si>
  <si>
    <t>349.14959716796875</t>
  </si>
  <si>
    <t>-0.022775932078047845</t>
  </si>
  <si>
    <t>18.4737491607666</t>
  </si>
  <si>
    <t>239.57054138183594</t>
  </si>
  <si>
    <t>0.06313559751846043</t>
  </si>
  <si>
    <t>18.051424026489258</t>
  </si>
  <si>
    <t>297.2851257324219</t>
  </si>
  <si>
    <t>0.010755835365017674</t>
  </si>
  <si>
    <t>18.584012985229492</t>
  </si>
  <si>
    <t>265.5503234863281</t>
  </si>
  <si>
    <t>0.019791586783016513</t>
  </si>
  <si>
    <t>18.803524017333984</t>
  </si>
  <si>
    <t>169.353759765625</t>
  </si>
  <si>
    <t>0.03685055266910098</t>
  </si>
  <si>
    <t>3856</t>
  </si>
  <si>
    <t>18.417577743530273</t>
  </si>
  <si>
    <t>381.7716064453125</t>
  </si>
  <si>
    <t>0.025477412166258873</t>
  </si>
  <si>
    <t>18.781885147094727</t>
  </si>
  <si>
    <t>317.6062316894531</t>
  </si>
  <si>
    <t>4325</t>
  </si>
  <si>
    <t>18.293331146240234</t>
  </si>
  <si>
    <t>277.793212890625</t>
  </si>
  <si>
    <t>0.031234193365101248</t>
  </si>
  <si>
    <t>18.418251037597656</t>
  </si>
  <si>
    <t>374.5740661621094</t>
  </si>
  <si>
    <t>0.029839362241141032</t>
  </si>
  <si>
    <t>5193</t>
  </si>
  <si>
    <t>18.774930953979492</t>
  </si>
  <si>
    <t>243.543212890625</t>
  </si>
  <si>
    <t>0.15306006223719848</t>
  </si>
  <si>
    <t>5578</t>
  </si>
  <si>
    <t>18.50865364074707</t>
  </si>
  <si>
    <t>223.21006774902344</t>
  </si>
  <si>
    <t>0.07151872434311457</t>
  </si>
  <si>
    <t>18.316429138183594</t>
  </si>
  <si>
    <t>351.7249755859375</t>
  </si>
  <si>
    <t>0.0421262708677137</t>
  </si>
  <si>
    <t>5955</t>
  </si>
  <si>
    <t>19.06355857849121</t>
  </si>
  <si>
    <t>448.6883850097656</t>
  </si>
  <si>
    <t>0.02327464273425406</t>
  </si>
  <si>
    <t>19.0693302154541</t>
  </si>
  <si>
    <t>489.0833435058594</t>
  </si>
  <si>
    <t>0.06138493921150179</t>
  </si>
  <si>
    <t>6588</t>
  </si>
  <si>
    <t>18.70941734313965</t>
  </si>
  <si>
    <t>357.1485900878906</t>
  </si>
  <si>
    <t>0.039633670296627344</t>
  </si>
  <si>
    <t>18.79070472717285</t>
  </si>
  <si>
    <t>273.06781005859375</t>
  </si>
  <si>
    <t>0.015812391803111225</t>
  </si>
  <si>
    <t>18.443506240844727</t>
  </si>
  <si>
    <t>276.0316467285156</t>
  </si>
  <si>
    <t>0.026247451930434096</t>
  </si>
  <si>
    <t>18.740354537963867</t>
  </si>
  <si>
    <t>0.013013486137591457</t>
  </si>
  <si>
    <t>7169</t>
  </si>
  <si>
    <t>19.151968002319336</t>
  </si>
  <si>
    <t>146.55770874023438</t>
  </si>
  <si>
    <t>0.02944303268420434</t>
  </si>
  <si>
    <t>19.015483856201172</t>
  </si>
  <si>
    <t>250.80950927734375</t>
  </si>
  <si>
    <t>-0.007420405067145808</t>
  </si>
  <si>
    <t>19.412694931030273</t>
  </si>
  <si>
    <t>297.72857666015625</t>
  </si>
  <si>
    <t>0.03696972739696314</t>
  </si>
  <si>
    <t>18.09287452697754</t>
  </si>
  <si>
    <t>388.4603271484375</t>
  </si>
  <si>
    <t>0.018649497377532853</t>
  </si>
  <si>
    <t>7657</t>
  </si>
  <si>
    <t>18.7381534576416</t>
  </si>
  <si>
    <t>296.62200927734375</t>
  </si>
  <si>
    <t>0.017655267552902032</t>
  </si>
  <si>
    <t>19.033063888549805</t>
  </si>
  <si>
    <t>337.42236328125</t>
  </si>
  <si>
    <t>-0.08529131891396169</t>
  </si>
  <si>
    <t>18.95475196838379</t>
  </si>
  <si>
    <t>211.07421875</t>
  </si>
  <si>
    <t>0.06630591016999787</t>
  </si>
  <si>
    <t>19.582429885864258</t>
  </si>
  <si>
    <t>222.3287811279297</t>
  </si>
  <si>
    <t>0.001994548896055548</t>
  </si>
  <si>
    <t>MEX</t>
  </si>
  <si>
    <t>18.069686889648438</t>
  </si>
  <si>
    <t>580.136962890625</t>
  </si>
  <si>
    <t>339.4717712402344</t>
  </si>
  <si>
    <t>Aguascalientes</t>
  </si>
  <si>
    <t>Mexico</t>
  </si>
  <si>
    <t>17436</t>
  </si>
  <si>
    <t>18.057296752929688</t>
  </si>
  <si>
    <t>597.6023559570312</t>
  </si>
  <si>
    <t>0.020453217411224855</t>
  </si>
  <si>
    <t>17.992326736450195</t>
  </si>
  <si>
    <t>514.8519287109375</t>
  </si>
  <si>
    <t>0.016721085709971106</t>
  </si>
  <si>
    <t>17910</t>
  </si>
  <si>
    <t>18.032958984375</t>
  </si>
  <si>
    <t>430.01556396484375</t>
  </si>
  <si>
    <t>0.010101095986502884</t>
  </si>
  <si>
    <t>18677</t>
  </si>
  <si>
    <t>18.475954055786133</t>
  </si>
  <si>
    <t>480.01458740234375</t>
  </si>
  <si>
    <t>0.0419336042588494</t>
  </si>
  <si>
    <t>18.3729305267334</t>
  </si>
  <si>
    <t>495.3365173339844</t>
  </si>
  <si>
    <t>-0.06064470018901602</t>
  </si>
  <si>
    <t>18.103240966796875</t>
  </si>
  <si>
    <t>470.2359924316406</t>
  </si>
  <si>
    <t>0.07230213931255314</t>
  </si>
  <si>
    <t>18.15773582458496</t>
  </si>
  <si>
    <t>484.8128662109375</t>
  </si>
  <si>
    <t>0.06816695896554847</t>
  </si>
  <si>
    <t>18.635690689086914</t>
  </si>
  <si>
    <t>528.0039672851562</t>
  </si>
  <si>
    <t>0.05238765803050249</t>
  </si>
  <si>
    <t>21359</t>
  </si>
  <si>
    <t>18.328685760498047</t>
  </si>
  <si>
    <t>354.0715026855469</t>
  </si>
  <si>
    <t>0.001968320065609319</t>
  </si>
  <si>
    <t>18.192180633544922</t>
  </si>
  <si>
    <t>456.0420227050781</t>
  </si>
  <si>
    <t>0.06704018827114311</t>
  </si>
  <si>
    <t>24220</t>
  </si>
  <si>
    <t>18.17182731628418</t>
  </si>
  <si>
    <t>502.43048095703125</t>
  </si>
  <si>
    <t>0.05866535333713685</t>
  </si>
  <si>
    <t>18.276029586791992</t>
  </si>
  <si>
    <t>603.0834350585938</t>
  </si>
  <si>
    <t>-0.03439998163167246</t>
  </si>
  <si>
    <t>19089</t>
  </si>
  <si>
    <t>18.18863868713379</t>
  </si>
  <si>
    <t>678.4046020507812</t>
  </si>
  <si>
    <t>-0.20366650357451022</t>
  </si>
  <si>
    <t>722.6497192382812</t>
  </si>
  <si>
    <t>0.011562628819824283</t>
  </si>
  <si>
    <t>18.24454116821289</t>
  </si>
  <si>
    <t>409.6527099609375</t>
  </si>
  <si>
    <t>-0.001399145195213336</t>
  </si>
  <si>
    <t>20047</t>
  </si>
  <si>
    <t>18.45331382751465</t>
  </si>
  <si>
    <t>569.37744140625</t>
  </si>
  <si>
    <t>0.03880378007896468</t>
  </si>
  <si>
    <t>18.294466018676758</t>
  </si>
  <si>
    <t>525.787109375</t>
  </si>
  <si>
    <t>0.056676097381112456</t>
  </si>
  <si>
    <t>20411</t>
  </si>
  <si>
    <t>18.23465919494629</t>
  </si>
  <si>
    <t>529.8836059570312</t>
  </si>
  <si>
    <t>-0.03868164279154662</t>
  </si>
  <si>
    <t>18.549259185791016</t>
  </si>
  <si>
    <t>429.9315185546875</t>
  </si>
  <si>
    <t>-0.05389848118675822</t>
  </si>
  <si>
    <t>17.951322555541992</t>
  </si>
  <si>
    <t>454.1987609863281</t>
  </si>
  <si>
    <t>0.026834237768015967</t>
  </si>
  <si>
    <t>19902</t>
  </si>
  <si>
    <t>18.868141174316406</t>
  </si>
  <si>
    <t>338.9200134277344</t>
  </si>
  <si>
    <t>0.001810501399805986</t>
  </si>
  <si>
    <t>20733</t>
  </si>
  <si>
    <t>18.739526748657227</t>
  </si>
  <si>
    <t>430.054443359375</t>
  </si>
  <si>
    <t>0.04090640458439765</t>
  </si>
  <si>
    <t>20843</t>
  </si>
  <si>
    <t>18.233327865600586</t>
  </si>
  <si>
    <t>623.720703125</t>
  </si>
  <si>
    <t>0.005291526682166037</t>
  </si>
  <si>
    <t>18.374921798706055</t>
  </si>
  <si>
    <t>527.7730712890625</t>
  </si>
  <si>
    <t>0.07155160635782742</t>
  </si>
  <si>
    <t>18.51710319519043</t>
  </si>
  <si>
    <t>651.510986328125</t>
  </si>
  <si>
    <t>0.0528464223775611</t>
  </si>
  <si>
    <t>19.106042861938477</t>
  </si>
  <si>
    <t>532.600341796875</t>
  </si>
  <si>
    <t>0.07435608333300969</t>
  </si>
  <si>
    <t>25610</t>
  </si>
  <si>
    <t>18.97145652770996</t>
  </si>
  <si>
    <t>509.63323974609375</t>
  </si>
  <si>
    <t>0.007210627683502224</t>
  </si>
  <si>
    <t>18.926469802856445</t>
  </si>
  <si>
    <t>735.0249633789062</t>
  </si>
  <si>
    <t>0.026852163253893835</t>
  </si>
  <si>
    <t>25749</t>
  </si>
  <si>
    <t>19.283845901489258</t>
  </si>
  <si>
    <t>541.0975341796875</t>
  </si>
  <si>
    <t>23447</t>
  </si>
  <si>
    <t>19.117399215698242</t>
  </si>
  <si>
    <t>445.374755859375</t>
  </si>
  <si>
    <t>-0.09365323646559354</t>
  </si>
  <si>
    <t>24697</t>
  </si>
  <si>
    <t>19.042619705200195</t>
  </si>
  <si>
    <t>620.0826416015625</t>
  </si>
  <si>
    <t>0.05193922382889582</t>
  </si>
  <si>
    <t>18.98746109008789</t>
  </si>
  <si>
    <t>488.3517150878906</t>
  </si>
  <si>
    <t>0.032741493988366344</t>
  </si>
  <si>
    <t>20461</t>
  </si>
  <si>
    <t>17.63875961303711</t>
  </si>
  <si>
    <t>146.48284912109375</t>
  </si>
  <si>
    <t>364.1734619140625</t>
  </si>
  <si>
    <t>Baja California Norte</t>
  </si>
  <si>
    <t>20883</t>
  </si>
  <si>
    <t>17.316953659057617</t>
  </si>
  <si>
    <t>327.74468994140625</t>
  </si>
  <si>
    <t>0.020414795670216535</t>
  </si>
  <si>
    <t>21235</t>
  </si>
  <si>
    <t>18.366376876831055</t>
  </si>
  <si>
    <t>574.8216552734375</t>
  </si>
  <si>
    <t>0.016715332910594682</t>
  </si>
  <si>
    <t>21450</t>
  </si>
  <si>
    <t>18.036352157592773</t>
  </si>
  <si>
    <t>221.11434936523438</t>
  </si>
  <si>
    <t>0.010073881608791524</t>
  </si>
  <si>
    <t>17.581336975097656</t>
  </si>
  <si>
    <t>376.6643371582031</t>
  </si>
  <si>
    <t>0.025635939193373147</t>
  </si>
  <si>
    <t>20082</t>
  </si>
  <si>
    <t>18.308549880981445</t>
  </si>
  <si>
    <t>210.89520263671875</t>
  </si>
  <si>
    <t>-0.09153669311015378</t>
  </si>
  <si>
    <t>18.472129821777344</t>
  </si>
  <si>
    <t>261.6927185058594</t>
  </si>
  <si>
    <t>0.0440316572784738</t>
  </si>
  <si>
    <t>18.145185470581055</t>
  </si>
  <si>
    <t>210.10569763183594</t>
  </si>
  <si>
    <t>0.07886173657276174</t>
  </si>
  <si>
    <t>16.981624603271484</t>
  </si>
  <si>
    <t>296.6654968261719</t>
  </si>
  <si>
    <t>0.016075831086162395</t>
  </si>
  <si>
    <t>17.554443359375</t>
  </si>
  <si>
    <t>81.02240753173828</t>
  </si>
  <si>
    <t>0.034624985548774134</t>
  </si>
  <si>
    <t>24624</t>
  </si>
  <si>
    <t>17.743587493896484</t>
  </si>
  <si>
    <t>213.19442749023438</t>
  </si>
  <si>
    <t>0.030303475153106163</t>
  </si>
  <si>
    <t>18.005918502807617</t>
  </si>
  <si>
    <t>185.20530700683594</t>
  </si>
  <si>
    <t>0.03146057404598679</t>
  </si>
  <si>
    <t>18.207101821899414</t>
  </si>
  <si>
    <t>89.14588928222656</t>
  </si>
  <si>
    <t>-0.08449951759069663</t>
  </si>
  <si>
    <t>18.107961654663086</t>
  </si>
  <si>
    <t>241.77171325683594</t>
  </si>
  <si>
    <t>0.09190971793370295</t>
  </si>
  <si>
    <t>25694</t>
  </si>
  <si>
    <t>18.09208869934082</t>
  </si>
  <si>
    <t>444.8543701171875</t>
  </si>
  <si>
    <t>0.0036651501239024498</t>
  </si>
  <si>
    <t>18.294879913330078</t>
  </si>
  <si>
    <t>253.72621154785156</t>
  </si>
  <si>
    <t>-0.02116106492816172</t>
  </si>
  <si>
    <t>18.096982955932617</t>
  </si>
  <si>
    <t>139.23963928222656</t>
  </si>
  <si>
    <t>0.023066308811836578</t>
  </si>
  <si>
    <t>18.4659423828125</t>
  </si>
  <si>
    <t>164.4803466796875</t>
  </si>
  <si>
    <t>-0.030087240795662495</t>
  </si>
  <si>
    <t>18.295503616333008</t>
  </si>
  <si>
    <t>137.47581481933594</t>
  </si>
  <si>
    <t>-0.050661409453830686</t>
  </si>
  <si>
    <t>18.108983993530273</t>
  </si>
  <si>
    <t>252.12197875976562</t>
  </si>
  <si>
    <t>-0.12170188938458892</t>
  </si>
  <si>
    <t>17.932586669921875</t>
  </si>
  <si>
    <t>235.96490478515625</t>
  </si>
  <si>
    <t>-0.0029532268772651804</t>
  </si>
  <si>
    <t>20536</t>
  </si>
  <si>
    <t>17.698566436767578</t>
  </si>
  <si>
    <t>216.58255004882812</t>
  </si>
  <si>
    <t>-0.02057953541290658</t>
  </si>
  <si>
    <t>21022</t>
  </si>
  <si>
    <t>18.35444450378418</t>
  </si>
  <si>
    <t>191.3571319580078</t>
  </si>
  <si>
    <t>0.02339006483232353</t>
  </si>
  <si>
    <t>18.694196701049805</t>
  </si>
  <si>
    <t>104.99341583251953</t>
  </si>
  <si>
    <t>-0.010856935206287943</t>
  </si>
  <si>
    <t>21302</t>
  </si>
  <si>
    <t>19.5472469329834</t>
  </si>
  <si>
    <t>207.15615844726562</t>
  </si>
  <si>
    <t>0.024088391826099453</t>
  </si>
  <si>
    <t>23499</t>
  </si>
  <si>
    <t>19.099348068237305</t>
  </si>
  <si>
    <t>176.18899536132812</t>
  </si>
  <si>
    <t>0.09815690203223681</t>
  </si>
  <si>
    <t>18.91197395324707</t>
  </si>
  <si>
    <t>261.553466796875</t>
  </si>
  <si>
    <t>0.03864933087563571</t>
  </si>
  <si>
    <t>24582</t>
  </si>
  <si>
    <t>19.458559036254883</t>
  </si>
  <si>
    <t>165.6001434326172</t>
  </si>
  <si>
    <t>0.006407269863942133</t>
  </si>
  <si>
    <t>24830</t>
  </si>
  <si>
    <t>18.89093017578125</t>
  </si>
  <si>
    <t>221.35560607910156</t>
  </si>
  <si>
    <t>0.010038131727286626</t>
  </si>
  <si>
    <t>18.22337532043457</t>
  </si>
  <si>
    <t>306.38140869140625</t>
  </si>
  <si>
    <t>0.007423045420091867</t>
  </si>
  <si>
    <t>19.0822696685791</t>
  </si>
  <si>
    <t>214.47950744628906</t>
  </si>
  <si>
    <t>-0.06669688844689325</t>
  </si>
  <si>
    <t>24648</t>
  </si>
  <si>
    <t>18.682140350341797</t>
  </si>
  <si>
    <t>208.1990509033203</t>
  </si>
  <si>
    <t>0.0519170048010924</t>
  </si>
  <si>
    <t>25468</t>
  </si>
  <si>
    <t>18.455629348754883</t>
  </si>
  <si>
    <t>247.83651733398438</t>
  </si>
  <si>
    <t>0.03272700086041169</t>
  </si>
  <si>
    <t>21447</t>
  </si>
  <si>
    <t>22.910659790039062</t>
  </si>
  <si>
    <t>380.19598388671875</t>
  </si>
  <si>
    <t>208.07261657714844</t>
  </si>
  <si>
    <t>Baja California Sur</t>
  </si>
  <si>
    <t>21889</t>
  </si>
  <si>
    <t>22.840133666992188</t>
  </si>
  <si>
    <t>352.4774169921875</t>
  </si>
  <si>
    <t>0.020399452078192937</t>
  </si>
  <si>
    <t>23.225921630859375</t>
  </si>
  <si>
    <t>317.1205749511719</t>
  </si>
  <si>
    <t>0.016717267020215587</t>
  </si>
  <si>
    <t>22484</t>
  </si>
  <si>
    <t>22.71356201171875</t>
  </si>
  <si>
    <t>298.90655517578125</t>
  </si>
  <si>
    <t>0.010102450588595602</t>
  </si>
  <si>
    <t>22508</t>
  </si>
  <si>
    <t>23.079214096069336</t>
  </si>
  <si>
    <t>212.5177459716797</t>
  </si>
  <si>
    <t>0.0010668564312030782</t>
  </si>
  <si>
    <t>21831</t>
  </si>
  <si>
    <t>22.86806297302246</t>
  </si>
  <si>
    <t>217.12893676757812</t>
  </si>
  <si>
    <t>-0.03053982353797302</t>
  </si>
  <si>
    <t>23304</t>
  </si>
  <si>
    <t>23.036542892456055</t>
  </si>
  <si>
    <t>326.68878173828125</t>
  </si>
  <si>
    <t>0.0652940416240746</t>
  </si>
  <si>
    <t>23.01294708251953</t>
  </si>
  <si>
    <t>328.8963928222656</t>
  </si>
  <si>
    <t>0.014357473170527157</t>
  </si>
  <si>
    <t>22.617116928100586</t>
  </si>
  <si>
    <t>371.0009460449219</t>
  </si>
  <si>
    <t>-0.010417425246881606</t>
  </si>
  <si>
    <t>22.609695434570312</t>
  </si>
  <si>
    <t>151.7864532470703</t>
  </si>
  <si>
    <t>-0.0033394730696798547</t>
  </si>
  <si>
    <t>23712</t>
  </si>
  <si>
    <t>22.701658248901367</t>
  </si>
  <si>
    <t>233.67831420898438</t>
  </si>
  <si>
    <t>0.016755654602576442</t>
  </si>
  <si>
    <t>22.78844451904297</t>
  </si>
  <si>
    <t>236.17572021484375</t>
  </si>
  <si>
    <t>0.0367245425918874</t>
  </si>
  <si>
    <t>23.135147094726562</t>
  </si>
  <si>
    <t>153.70135498046875</t>
  </si>
  <si>
    <t>-0.043792308010045744</t>
  </si>
  <si>
    <t>24879</t>
  </si>
  <si>
    <t>22.925729751586914</t>
  </si>
  <si>
    <t>448.7384338378906</t>
  </si>
  <si>
    <t>0.05511059044165911</t>
  </si>
  <si>
    <t>22.884923934936523</t>
  </si>
  <si>
    <t>232.85617065429688</t>
  </si>
  <si>
    <t>0.026143464865313604</t>
  </si>
  <si>
    <t>22.875207901000977</t>
  </si>
  <si>
    <t>159.10220336914062</t>
  </si>
  <si>
    <t>0.02970553643661411</t>
  </si>
  <si>
    <t>23.079172134399414</t>
  </si>
  <si>
    <t>290.7714538574219</t>
  </si>
  <si>
    <t>0.013553770488544004</t>
  </si>
  <si>
    <t>22.95655632019043</t>
  </si>
  <si>
    <t>187.77117919921875</t>
  </si>
  <si>
    <t>0.08027633130692635</t>
  </si>
  <si>
    <t>22.938812255859375</t>
  </si>
  <si>
    <t>220.90347290039062</t>
  </si>
  <si>
    <t>-0.0173844570824091</t>
  </si>
  <si>
    <t>23.298654556274414</t>
  </si>
  <si>
    <t>192.06773376464844</t>
  </si>
  <si>
    <t>-0.027561361874397505</t>
  </si>
  <si>
    <t>26641</t>
  </si>
  <si>
    <t>22.65399932861328</t>
  </si>
  <si>
    <t>78.75113677978516</t>
  </si>
  <si>
    <t>-0.03630597577255834</t>
  </si>
  <si>
    <t>23.079614639282227</t>
  </si>
  <si>
    <t>89.85831451416016</t>
  </si>
  <si>
    <t>-0.022011438559315977</t>
  </si>
  <si>
    <t>23.340856552124023</t>
  </si>
  <si>
    <t>318.16949462890625</t>
  </si>
  <si>
    <t>-0.029121846187806</t>
  </si>
  <si>
    <t>23.355199813842773</t>
  </si>
  <si>
    <t>277.6752624511719</t>
  </si>
  <si>
    <t>-0.04542011338709351</t>
  </si>
  <si>
    <t>24.07330894470215</t>
  </si>
  <si>
    <t>411.71533203125</t>
  </si>
  <si>
    <t>-0.028131898969769864</t>
  </si>
  <si>
    <t>23.735815048217773</t>
  </si>
  <si>
    <t>219.33628845214844</t>
  </si>
  <si>
    <t>0.11096600181840621</t>
  </si>
  <si>
    <t>23.907249450683594</t>
  </si>
  <si>
    <t>241.25106811523438</t>
  </si>
  <si>
    <t>0.004480396301545397</t>
  </si>
  <si>
    <t>23.977027893066406</t>
  </si>
  <si>
    <t>209.2739715576172</t>
  </si>
  <si>
    <t>0.08155694176056727</t>
  </si>
  <si>
    <t>23.677352905273438</t>
  </si>
  <si>
    <t>357.2467956542969</t>
  </si>
  <si>
    <t>0.1412531701228552</t>
  </si>
  <si>
    <t>23.39153289794922</t>
  </si>
  <si>
    <t>188.69271850585938</t>
  </si>
  <si>
    <t>-0.1278306153564266</t>
  </si>
  <si>
    <t>23504</t>
  </si>
  <si>
    <t>23.863815307617188</t>
  </si>
  <si>
    <t>122.14221954345703</t>
  </si>
  <si>
    <t>-0.21102136061665</t>
  </si>
  <si>
    <t>23.851882934570312</t>
  </si>
  <si>
    <t>262.0916748046875</t>
  </si>
  <si>
    <t>0.05193765787762672</t>
  </si>
  <si>
    <t>25581</t>
  </si>
  <si>
    <t>23.225095748901367</t>
  </si>
  <si>
    <t>250.39047241210938</t>
  </si>
  <si>
    <t>0.0327416111188743</t>
  </si>
  <si>
    <t>27.035524368286133</t>
  </si>
  <si>
    <t>1435.1268310546875</t>
  </si>
  <si>
    <t>591.723876953125</t>
  </si>
  <si>
    <t>Campeche</t>
  </si>
  <si>
    <t>27.044912338256836</t>
  </si>
  <si>
    <t>1517.995849609375</t>
  </si>
  <si>
    <t>0.02042151271244741</t>
  </si>
  <si>
    <t>29025</t>
  </si>
  <si>
    <t>26.843544006347656</t>
  </si>
  <si>
    <t>1655.5079345703125</t>
  </si>
  <si>
    <t>0.016710771186355444</t>
  </si>
  <si>
    <t>29319</t>
  </si>
  <si>
    <t>26.855567932128906</t>
  </si>
  <si>
    <t>1390.919189453125</t>
  </si>
  <si>
    <t>0.010078242440853202</t>
  </si>
  <si>
    <t>29376</t>
  </si>
  <si>
    <t>27.19492530822754</t>
  </si>
  <si>
    <t>1239.3597412109375</t>
  </si>
  <si>
    <t>0.00194224441327151</t>
  </si>
  <si>
    <t>27582</t>
  </si>
  <si>
    <t>27.1754207611084</t>
  </si>
  <si>
    <t>1664.831787109375</t>
  </si>
  <si>
    <t>-0.0630146283859343</t>
  </si>
  <si>
    <t>28649</t>
  </si>
  <si>
    <t>26.91033935546875</t>
  </si>
  <si>
    <t>1281.2606201171875</t>
  </si>
  <si>
    <t>0.0379551524854822</t>
  </si>
  <si>
    <t>29064</t>
  </si>
  <si>
    <t>27.34730339050293</t>
  </si>
  <si>
    <t>1603.653564453125</t>
  </si>
  <si>
    <t>0.014381756381272481</t>
  </si>
  <si>
    <t>29551</t>
  </si>
  <si>
    <t>27.634641647338867</t>
  </si>
  <si>
    <t>1371.2401123046875</t>
  </si>
  <si>
    <t>0.01661728930816153</t>
  </si>
  <si>
    <t>26.919042587280273</t>
  </si>
  <si>
    <t>1641.8973388671875</t>
  </si>
  <si>
    <t>-0.05227156492260221</t>
  </si>
  <si>
    <t>27.064573287963867</t>
  </si>
  <si>
    <t>1352.1611328125</t>
  </si>
  <si>
    <t>0.04452617171575213</t>
  </si>
  <si>
    <t>31769</t>
  </si>
  <si>
    <t>27.24115562438965</t>
  </si>
  <si>
    <t>1535.5570068359375</t>
  </si>
  <si>
    <t>0.08011878053038402</t>
  </si>
  <si>
    <t>33180</t>
  </si>
  <si>
    <t>27.280935287475586</t>
  </si>
  <si>
    <t>1290.8966064453125</t>
  </si>
  <si>
    <t>0.043456313211702735</t>
  </si>
  <si>
    <t>116249</t>
  </si>
  <si>
    <t>27.53904914855957</t>
  </si>
  <si>
    <t>1564.615234375</t>
  </si>
  <si>
    <t>1.2537871575176318</t>
  </si>
  <si>
    <t>143619</t>
  </si>
  <si>
    <t>27.39772605895996</t>
  </si>
  <si>
    <t>1427.9488525390625</t>
  </si>
  <si>
    <t>0.21142951755945205</t>
  </si>
  <si>
    <t>158142</t>
  </si>
  <si>
    <t>27.409194946289062</t>
  </si>
  <si>
    <t>1563.123291015625</t>
  </si>
  <si>
    <t>0.09632940374505239</t>
  </si>
  <si>
    <t>165619</t>
  </si>
  <si>
    <t>27.341712951660156</t>
  </si>
  <si>
    <t>1511.6068115234375</t>
  </si>
  <si>
    <t>0.046196606084764724</t>
  </si>
  <si>
    <t>165612</t>
  </si>
  <si>
    <t>27.369062423706055</t>
  </si>
  <si>
    <t>1453.0838623046875</t>
  </si>
  <si>
    <t>-4.226657529571298e-05</t>
  </si>
  <si>
    <t>170433</t>
  </si>
  <si>
    <t>27.199846267700195</t>
  </si>
  <si>
    <t>1434.929443359375</t>
  </si>
  <si>
    <t>0.028694554523083227</t>
  </si>
  <si>
    <t>118509</t>
  </si>
  <si>
    <t>27.47313690185547</t>
  </si>
  <si>
    <t>1394.7911376953125</t>
  </si>
  <si>
    <t>-0.36335335055871987</t>
  </si>
  <si>
    <t>127341</t>
  </si>
  <si>
    <t>26.983869552612305</t>
  </si>
  <si>
    <t>1559.113037109375</t>
  </si>
  <si>
    <t>0.07187962049176733</t>
  </si>
  <si>
    <t>147259</t>
  </si>
  <si>
    <t>27.505752563476562</t>
  </si>
  <si>
    <t>1547.7169189453125</t>
  </si>
  <si>
    <t>0.1453244136571712</t>
  </si>
  <si>
    <t>137763</t>
  </si>
  <si>
    <t>27.59912872314453</t>
  </si>
  <si>
    <t>1420.9112548828125</t>
  </si>
  <si>
    <t>-0.06665812376141567</t>
  </si>
  <si>
    <t>123712</t>
  </si>
  <si>
    <t>27.321260452270508</t>
  </si>
  <si>
    <t>1841.5399169921875</t>
  </si>
  <si>
    <t>-0.10757853385992355</t>
  </si>
  <si>
    <t>113524</t>
  </si>
  <si>
    <t>27.26631736755371</t>
  </si>
  <si>
    <t>1541.27099609375</t>
  </si>
  <si>
    <t>-0.0859420152731083</t>
  </si>
  <si>
    <t>67771</t>
  </si>
  <si>
    <t>27.716161727905273</t>
  </si>
  <si>
    <t>1372.23046875</t>
  </si>
  <si>
    <t>-0.5158798934819533</t>
  </si>
  <si>
    <t>59661</t>
  </si>
  <si>
    <t>27.978652954101562</t>
  </si>
  <si>
    <t>1411.4521484375</t>
  </si>
  <si>
    <t>-0.1274558342353309</t>
  </si>
  <si>
    <t>64714</t>
  </si>
  <si>
    <t>27.56078338623047</t>
  </si>
  <si>
    <t>1417.4495849609375</t>
  </si>
  <si>
    <t>0.08129902081146412</t>
  </si>
  <si>
    <t>68565</t>
  </si>
  <si>
    <t>27.4276065826416</t>
  </si>
  <si>
    <t>1271.1007080078125</t>
  </si>
  <si>
    <t>0.05780463904488009</t>
  </si>
  <si>
    <t>74134</t>
  </si>
  <si>
    <t>27.84897804260254</t>
  </si>
  <si>
    <t>1497.8984375</t>
  </si>
  <si>
    <t>0.07809206602182073</t>
  </si>
  <si>
    <t>54392</t>
  </si>
  <si>
    <t>28.026147842407227</t>
  </si>
  <si>
    <t>1602.984130859375</t>
  </si>
  <si>
    <t>-0.3096571822494809</t>
  </si>
  <si>
    <t>57292</t>
  </si>
  <si>
    <t>27.763246536254883</t>
  </si>
  <si>
    <t>1559.3818359375</t>
  </si>
  <si>
    <t>0.051943913693460075</t>
  </si>
  <si>
    <t>59198</t>
  </si>
  <si>
    <t>27.50908851623535</t>
  </si>
  <si>
    <t>1607.4796142578125</t>
  </si>
  <si>
    <t>0.03272675961787286</t>
  </si>
  <si>
    <t>23.536529541015625</t>
  </si>
  <si>
    <t>1709.2518310546875</t>
  </si>
  <si>
    <t>1520.5479736328125</t>
  </si>
  <si>
    <t>Chiapas</t>
  </si>
  <si>
    <t>23.436235427856445</t>
  </si>
  <si>
    <t>1519.207275390625</t>
  </si>
  <si>
    <t>0.02044730909346093</t>
  </si>
  <si>
    <t>7637</t>
  </si>
  <si>
    <t>23.311668395996094</t>
  </si>
  <si>
    <t>1661.4727783203125</t>
  </si>
  <si>
    <t>0.016769390130203732</t>
  </si>
  <si>
    <t>23.25824737548828</t>
  </si>
  <si>
    <t>1907.99072265625</t>
  </si>
  <si>
    <t>0.010032003879789642</t>
  </si>
  <si>
    <t>23.66118812561035</t>
  </si>
  <si>
    <t>1352.2049560546875</t>
  </si>
  <si>
    <t>0.02116413247751403</t>
  </si>
  <si>
    <t>23.5844669342041</t>
  </si>
  <si>
    <t>2401.849609375</t>
  </si>
  <si>
    <t>-0.01715351839471957</t>
  </si>
  <si>
    <t>7721</t>
  </si>
  <si>
    <t>23.41632652282715</t>
  </si>
  <si>
    <t>2149.15869140625</t>
  </si>
  <si>
    <t>-0.0031035845421527597</t>
  </si>
  <si>
    <t>23.74559211730957</t>
  </si>
  <si>
    <t>1719.622314453125</t>
  </si>
  <si>
    <t>0.026330764528340822</t>
  </si>
  <si>
    <t>24.05553436279297</t>
  </si>
  <si>
    <t>2235.945556640625</t>
  </si>
  <si>
    <t>0.035321845301668375</t>
  </si>
  <si>
    <t>23.31952476501465</t>
  </si>
  <si>
    <t>2374.068115234375</t>
  </si>
  <si>
    <t>-0.00880631914223784</t>
  </si>
  <si>
    <t>23.527082443237305</t>
  </si>
  <si>
    <t>1961.3902587890625</t>
  </si>
  <si>
    <t>-0.0009832842483490367</t>
  </si>
  <si>
    <t>7685</t>
  </si>
  <si>
    <t>23.75464630126953</t>
  </si>
  <si>
    <t>1773.1082763671875</t>
  </si>
  <si>
    <t>-0.05653651877554111</t>
  </si>
  <si>
    <t>23.788209915161133</t>
  </si>
  <si>
    <t>1920.796630859375</t>
  </si>
  <si>
    <t>0.0038961088245645925</t>
  </si>
  <si>
    <t>8931</t>
  </si>
  <si>
    <t>23.968198776245117</t>
  </si>
  <si>
    <t>1760.28125</t>
  </si>
  <si>
    <t>0.14636188488662505</t>
  </si>
  <si>
    <t>23.845998764038086</t>
  </si>
  <si>
    <t>1782.6033935546875</t>
  </si>
  <si>
    <t>-0.05465212213381321</t>
  </si>
  <si>
    <t>23.95751190185547</t>
  </si>
  <si>
    <t>2158.853271484375</t>
  </si>
  <si>
    <t>-0.01393294346308771</t>
  </si>
  <si>
    <t>23.83020782470703</t>
  </si>
  <si>
    <t>1924.485107421875</t>
  </si>
  <si>
    <t>0.02533879349379653</t>
  </si>
  <si>
    <t>23.724287033081055</t>
  </si>
  <si>
    <t>1784.5025634765625</t>
  </si>
  <si>
    <t>-0.00951549029954002</t>
  </si>
  <si>
    <t>8579</t>
  </si>
  <si>
    <t>23.781522750854492</t>
  </si>
  <si>
    <t>1974.0018310546875</t>
  </si>
  <si>
    <t>0.012550748291722869</t>
  </si>
  <si>
    <t>8106</t>
  </si>
  <si>
    <t>24.022401809692383</t>
  </si>
  <si>
    <t>1802.6373291015625</t>
  </si>
  <si>
    <t>-0.056712828384711145</t>
  </si>
  <si>
    <t>23.59015655517578</t>
  </si>
  <si>
    <t>2347.30908203125</t>
  </si>
  <si>
    <t>0.03824280153362025</t>
  </si>
  <si>
    <t>24.048070907592773</t>
  </si>
  <si>
    <t>2100.508544921875</t>
  </si>
  <si>
    <t>0.003910652610807475</t>
  </si>
  <si>
    <t>8545</t>
  </si>
  <si>
    <t>23.98444938659668</t>
  </si>
  <si>
    <t>1616.7646484375</t>
  </si>
  <si>
    <t>0.010588334217009887</t>
  </si>
  <si>
    <t>8288</t>
  </si>
  <si>
    <t>23.726173400878906</t>
  </si>
  <si>
    <t>2370.71923828125</t>
  </si>
  <si>
    <t>-0.03053763105042684</t>
  </si>
  <si>
    <t>8438</t>
  </si>
  <si>
    <t>23.855417251586914</t>
  </si>
  <si>
    <t>1915.150634765625</t>
  </si>
  <si>
    <t>0.017936628185019288</t>
  </si>
  <si>
    <t>24.305410385131836</t>
  </si>
  <si>
    <t>1769.0528564453125</t>
  </si>
  <si>
    <t>-0.038415159528559784</t>
  </si>
  <si>
    <t>7986</t>
  </si>
  <si>
    <t>24.49745750427246</t>
  </si>
  <si>
    <t>1759.3045654296875</t>
  </si>
  <si>
    <t>-0.016640145532557327</t>
  </si>
  <si>
    <t>7467</t>
  </si>
  <si>
    <t>24.092300415039062</t>
  </si>
  <si>
    <t>1744.2083740234375</t>
  </si>
  <si>
    <t>-0.06719669658746419</t>
  </si>
  <si>
    <t>7101</t>
  </si>
  <si>
    <t>23.874130249023438</t>
  </si>
  <si>
    <t>1534.68212890625</t>
  </si>
  <si>
    <t>-0.05025769285360937</t>
  </si>
  <si>
    <t>6922</t>
  </si>
  <si>
    <t>24.402359008789062</t>
  </si>
  <si>
    <t>1785.9022216796875</t>
  </si>
  <si>
    <t>-0.02553087398680276</t>
  </si>
  <si>
    <t>24.558507919311523</t>
  </si>
  <si>
    <t>2096.5810546875</t>
  </si>
  <si>
    <t>-0.03618573941356473</t>
  </si>
  <si>
    <t>24.226816177368164</t>
  </si>
  <si>
    <t>1558.619384765625</t>
  </si>
  <si>
    <t>0.051952154583286614</t>
  </si>
  <si>
    <t>24.148000717163086</t>
  </si>
  <si>
    <t>1937.33447265625</t>
  </si>
  <si>
    <t>0.03273477341613429</t>
  </si>
  <si>
    <t>20872</t>
  </si>
  <si>
    <t>16.595701217651367</t>
  </si>
  <si>
    <t>572.1249389648438</t>
  </si>
  <si>
    <t>655.9675903320312</t>
  </si>
  <si>
    <t>Chihuahua</t>
  </si>
  <si>
    <t>21303</t>
  </si>
  <si>
    <t>16.022140502929688</t>
  </si>
  <si>
    <t>571.9834594726562</t>
  </si>
  <si>
    <t>0.020439360033639886</t>
  </si>
  <si>
    <t>21662</t>
  </si>
  <si>
    <t>16.464494705200195</t>
  </si>
  <si>
    <t>355.8150329589844</t>
  </si>
  <si>
    <t>0.016711665545479093</t>
  </si>
  <si>
    <t>21882</t>
  </si>
  <si>
    <t>16.69160270690918</t>
  </si>
  <si>
    <t>431.8194580078125</t>
  </si>
  <si>
    <t>0.010104807641052815</t>
  </si>
  <si>
    <t>22630</t>
  </si>
  <si>
    <t>17.58896255493164</t>
  </si>
  <si>
    <t>287.9015808105469</t>
  </si>
  <si>
    <t>0.03361207859084736</t>
  </si>
  <si>
    <t>20780</t>
  </si>
  <si>
    <t>17.50287437438965</t>
  </si>
  <si>
    <t>265.96942138671875</t>
  </si>
  <si>
    <t>-0.08528547397436448</t>
  </si>
  <si>
    <t>17.459186553955078</t>
  </si>
  <si>
    <t>393.88055419921875</t>
  </si>
  <si>
    <t>0.0630787217888269</t>
  </si>
  <si>
    <t>23419</t>
  </si>
  <si>
    <t>16.43210220336914</t>
  </si>
  <si>
    <t>334.7293701171875</t>
  </si>
  <si>
    <t>0.05647795124980526</t>
  </si>
  <si>
    <t>24971</t>
  </si>
  <si>
    <t>17.322994232177734</t>
  </si>
  <si>
    <t>288.5084228515625</t>
  </si>
  <si>
    <t>0.06416749283773449</t>
  </si>
  <si>
    <t>17.2065372467041</t>
  </si>
  <si>
    <t>383.5664367675781</t>
  </si>
  <si>
    <t>0.033511690205077826</t>
  </si>
  <si>
    <t>27499</t>
  </si>
  <si>
    <t>17.196256637573242</t>
  </si>
  <si>
    <t>408.1151428222656</t>
  </si>
  <si>
    <t>0.06292279862246275</t>
  </si>
  <si>
    <t>17.331281661987305</t>
  </si>
  <si>
    <t>325.9748840332031</t>
  </si>
  <si>
    <t>-0.029373721730085123</t>
  </si>
  <si>
    <t>17.105674743652344</t>
  </si>
  <si>
    <t>349.6217956542969</t>
  </si>
  <si>
    <t>-0.056266644808465216</t>
  </si>
  <si>
    <t>17.277982711791992</t>
  </si>
  <si>
    <t>397.6180725097656</t>
  </si>
  <si>
    <t>-0.26230880288848546</t>
  </si>
  <si>
    <t>19497</t>
  </si>
  <si>
    <t>16.942638397216797</t>
  </si>
  <si>
    <t>496.0096435546875</t>
  </si>
  <si>
    <t>0.004060136632368483</t>
  </si>
  <si>
    <t>19445</t>
  </si>
  <si>
    <t>17.465852737426758</t>
  </si>
  <si>
    <t>363.72674560546875</t>
  </si>
  <si>
    <t>-0.0026706399726101893</t>
  </si>
  <si>
    <t>17.352968215942383</t>
  </si>
  <si>
    <t>509.4012145996094</t>
  </si>
  <si>
    <t>0.04725842313851025</t>
  </si>
  <si>
    <t>17.22462272644043</t>
  </si>
  <si>
    <t>351.4646301269531</t>
  </si>
  <si>
    <t>0.01277007167009181</t>
  </si>
  <si>
    <t>20100</t>
  </si>
  <si>
    <t>17.294410705566406</t>
  </si>
  <si>
    <t>448.8161926269531</t>
  </si>
  <si>
    <t>-0.02689864735128289</t>
  </si>
  <si>
    <t>18278</t>
  </si>
  <si>
    <t>17.306495666503906</t>
  </si>
  <si>
    <t>421.86297607421875</t>
  </si>
  <si>
    <t>-0.0950216642150199</t>
  </si>
  <si>
    <t>18616</t>
  </si>
  <si>
    <t>17.015962600708008</t>
  </si>
  <si>
    <t>404.9757080078125</t>
  </si>
  <si>
    <t>0.01832327514997978</t>
  </si>
  <si>
    <t>18394</t>
  </si>
  <si>
    <t>18.00838851928711</t>
  </si>
  <si>
    <t>281.4230041503906</t>
  </si>
  <si>
    <t>-0.011996901519484737</t>
  </si>
  <si>
    <t>19752</t>
  </si>
  <si>
    <t>18.08150291442871</t>
  </si>
  <si>
    <t>366.157470703125</t>
  </si>
  <si>
    <t>0.0712302275623724</t>
  </si>
  <si>
    <t>17.310306549072266</t>
  </si>
  <si>
    <t>509.9677429199219</t>
  </si>
  <si>
    <t>0.0016187781762369013</t>
  </si>
  <si>
    <t>20267</t>
  </si>
  <si>
    <t>17.544700622558594</t>
  </si>
  <si>
    <t>511.8385925292969</t>
  </si>
  <si>
    <t>0.024120417318060916</t>
  </si>
  <si>
    <t>22354</t>
  </si>
  <si>
    <t>17.61991310119629</t>
  </si>
  <si>
    <t>515.7254638671875</t>
  </si>
  <si>
    <t>0.09801132842624405</t>
  </si>
  <si>
    <t>23353</t>
  </si>
  <si>
    <t>18.106407165527344</t>
  </si>
  <si>
    <t>479.91534423828125</t>
  </si>
  <si>
    <t>0.043720179556069994</t>
  </si>
  <si>
    <t>23526</t>
  </si>
  <si>
    <t>18.27934455871582</t>
  </si>
  <si>
    <t>449.88641357421875</t>
  </si>
  <si>
    <t>0.007380737018760186</t>
  </si>
  <si>
    <t>23611</t>
  </si>
  <si>
    <t>17.922075271606445</t>
  </si>
  <si>
    <t>398.8869934082031</t>
  </si>
  <si>
    <t>0.0036065125965762945</t>
  </si>
  <si>
    <t>17.87978172302246</t>
  </si>
  <si>
    <t>358.9530334472656</t>
  </si>
  <si>
    <t>0.0015235518626948164</t>
  </si>
  <si>
    <t>18.224363327026367</t>
  </si>
  <si>
    <t>260.60711669921875</t>
  </si>
  <si>
    <t>-0.022667979398081073</t>
  </si>
  <si>
    <t>24349</t>
  </si>
  <si>
    <t>17.93671226501465</t>
  </si>
  <si>
    <t>377.28717041015625</t>
  </si>
  <si>
    <t>0.05192250332404846</t>
  </si>
  <si>
    <t>17.883928298950195</t>
  </si>
  <si>
    <t>410.503173828125</t>
  </si>
  <si>
    <t>0.032764650908751136</t>
  </si>
  <si>
    <t>19588</t>
  </si>
  <si>
    <t>20.588346481323242</t>
  </si>
  <si>
    <t>400.2084045410156</t>
  </si>
  <si>
    <t>858.8203735351562</t>
  </si>
  <si>
    <t>Coahuila</t>
  </si>
  <si>
    <t>20.59326934814453</t>
  </si>
  <si>
    <t>380.4378662109375</t>
  </si>
  <si>
    <t>0.020415059692579618</t>
  </si>
  <si>
    <t>20329</t>
  </si>
  <si>
    <t>20.27448081970215</t>
  </si>
  <si>
    <t>297.615234375</t>
  </si>
  <si>
    <t>0.016716244506277178</t>
  </si>
  <si>
    <t>20.295238494873047</t>
  </si>
  <si>
    <t>304.7220153808594</t>
  </si>
  <si>
    <t>0.010082309369593645</t>
  </si>
  <si>
    <t>21043</t>
  </si>
  <si>
    <t>20.933265686035156</t>
  </si>
  <si>
    <t>264.7320251464844</t>
  </si>
  <si>
    <t>0.024437215847965987</t>
  </si>
  <si>
    <t>20649</t>
  </si>
  <si>
    <t>20.84901237487793</t>
  </si>
  <si>
    <t>241.3528594970703</t>
  </si>
  <si>
    <t>-0.018901071172150452</t>
  </si>
  <si>
    <t>20.628814697265625</t>
  </si>
  <si>
    <t>301.0542907714844</t>
  </si>
  <si>
    <t>0.06337556127397903</t>
  </si>
  <si>
    <t>20.032936096191406</t>
  </si>
  <si>
    <t>349.8028869628906</t>
  </si>
  <si>
    <t>0.07109369351725547</t>
  </si>
  <si>
    <t>24958</t>
  </si>
  <si>
    <t>21.391510009765625</t>
  </si>
  <si>
    <t>240.15623474121094</t>
  </si>
  <si>
    <t>0.05505826521009105</t>
  </si>
  <si>
    <t>25137</t>
  </si>
  <si>
    <t>21.161108016967773</t>
  </si>
  <si>
    <t>232.19801330566406</t>
  </si>
  <si>
    <t>0.007146452213596888</t>
  </si>
  <si>
    <t>20.730005264282227</t>
  </si>
  <si>
    <t>311.6347351074219</t>
  </si>
  <si>
    <t>0.012178395741536008</t>
  </si>
  <si>
    <t>20.6870059967041</t>
  </si>
  <si>
    <t>262.88037109375</t>
  </si>
  <si>
    <t>-0.02923030442451413</t>
  </si>
  <si>
    <t>20.36168098449707</t>
  </si>
  <si>
    <t>366.0258483886719</t>
  </si>
  <si>
    <t>0.022249817420172846</t>
  </si>
  <si>
    <t>20.500261306762695</t>
  </si>
  <si>
    <t>427.5559997558594</t>
  </si>
  <si>
    <t>0.054487885467752406</t>
  </si>
  <si>
    <t>26959</t>
  </si>
  <si>
    <t>20.714277267456055</t>
  </si>
  <si>
    <t>403.6145935058594</t>
  </si>
  <si>
    <t>0.010290534863845124</t>
  </si>
  <si>
    <t>21.169832229614258</t>
  </si>
  <si>
    <t>286.4044494628906</t>
  </si>
  <si>
    <t>-0.017851936450487216</t>
  </si>
  <si>
    <t>27264</t>
  </si>
  <si>
    <t>21.070362091064453</t>
  </si>
  <si>
    <t>296.8462219238281</t>
  </si>
  <si>
    <t>0.029101893729340134</t>
  </si>
  <si>
    <t>20.528905868530273</t>
  </si>
  <si>
    <t>354.53759765625</t>
  </si>
  <si>
    <t>0.020223980565422295</t>
  </si>
  <si>
    <t>20.98723030090332</t>
  </si>
  <si>
    <t>339.0531005859375</t>
  </si>
  <si>
    <t>-0.0056230548622533405</t>
  </si>
  <si>
    <t>20.900053024291992</t>
  </si>
  <si>
    <t>282.0045471191406</t>
  </si>
  <si>
    <t>-0.15406031702052836</t>
  </si>
  <si>
    <t>20.47437286376953</t>
  </si>
  <si>
    <t>376.7520446777344</t>
  </si>
  <si>
    <t>0.12177160363538597</t>
  </si>
  <si>
    <t>28147</t>
  </si>
  <si>
    <t>22.057281494140625</t>
  </si>
  <si>
    <t>179.4684295654297</t>
  </si>
  <si>
    <t>0.0495614140055185</t>
  </si>
  <si>
    <t>21.845415115356445</t>
  </si>
  <si>
    <t>264.30902099609375</t>
  </si>
  <si>
    <t>0.036111303871381395</t>
  </si>
  <si>
    <t>20.640108108520508</t>
  </si>
  <si>
    <t>412.77984619140625</t>
  </si>
  <si>
    <t>-0.03689322031724629</t>
  </si>
  <si>
    <t>28875</t>
  </si>
  <si>
    <t>20.469654083251953</t>
  </si>
  <si>
    <t>407.0488586425781</t>
  </si>
  <si>
    <t>29912</t>
  </si>
  <si>
    <t>20.935091018676758</t>
  </si>
  <si>
    <t>385.1054382324219</t>
  </si>
  <si>
    <t>0.035283568832856105</t>
  </si>
  <si>
    <t>21.75507926940918</t>
  </si>
  <si>
    <t>450.9152526855469</t>
  </si>
  <si>
    <t>0.018679750935950423</t>
  </si>
  <si>
    <t>21.498327255249023</t>
  </si>
  <si>
    <t>351.7525329589844</t>
  </si>
  <si>
    <t>0.037071697544005744</t>
  </si>
  <si>
    <t>21.323863983154297</t>
  </si>
  <si>
    <t>346.9427795410156</t>
  </si>
  <si>
    <t>0.0067435813633984765</t>
  </si>
  <si>
    <t>21.64496421813965</t>
  </si>
  <si>
    <t>289.007080078125</t>
  </si>
  <si>
    <t>-0.01621058135264697</t>
  </si>
  <si>
    <t>21.74445915222168</t>
  </si>
  <si>
    <t>247.4112091064453</t>
  </si>
  <si>
    <t>-0.12607645210236207</t>
  </si>
  <si>
    <t>21.207603454589844</t>
  </si>
  <si>
    <t>393.8591613769531</t>
  </si>
  <si>
    <t>0.05196111392736036</t>
  </si>
  <si>
    <t>21.761850357055664</t>
  </si>
  <si>
    <t>262.85284423828125</t>
  </si>
  <si>
    <t>0.03273326898122342</t>
  </si>
  <si>
    <t>16769</t>
  </si>
  <si>
    <t>25.295631408691406</t>
  </si>
  <si>
    <t>944.9093017578125</t>
  </si>
  <si>
    <t>207.20376586914062</t>
  </si>
  <si>
    <t>Colima</t>
  </si>
  <si>
    <t>25.151939392089844</t>
  </si>
  <si>
    <t>791.341796875</t>
  </si>
  <si>
    <t>0.020423328217175296</t>
  </si>
  <si>
    <t>17403</t>
  </si>
  <si>
    <t>25.194501876831055</t>
  </si>
  <si>
    <t>1015.449462890625</t>
  </si>
  <si>
    <t>0.01668733316988913</t>
  </si>
  <si>
    <t>17580</t>
  </si>
  <si>
    <t>25.090883255004883</t>
  </si>
  <si>
    <t>1053.02685546875</t>
  </si>
  <si>
    <t>0.010119287104993546</t>
  </si>
  <si>
    <t>18054</t>
  </si>
  <si>
    <t>918.759765625</t>
  </si>
  <si>
    <t>0.02660537461893142</t>
  </si>
  <si>
    <t>17050</t>
  </si>
  <si>
    <t>25.241104125976562</t>
  </si>
  <si>
    <t>931.8121948242188</t>
  </si>
  <si>
    <t>-0.05721706314643704</t>
  </si>
  <si>
    <t>18213</t>
  </si>
  <si>
    <t>24.99515724182129</t>
  </si>
  <si>
    <t>1099.8619384765625</t>
  </si>
  <si>
    <t>0.06598542108688044</t>
  </si>
  <si>
    <t>18418</t>
  </si>
  <si>
    <t>25.362062454223633</t>
  </si>
  <si>
    <t>898.4901733398438</t>
  </si>
  <si>
    <t>0.011192822482769316</t>
  </si>
  <si>
    <t>19136</t>
  </si>
  <si>
    <t>25.346755981445312</t>
  </si>
  <si>
    <t>1164.6539306640625</t>
  </si>
  <si>
    <t>0.038242930469046144</t>
  </si>
  <si>
    <t>24.821304321289062</t>
  </si>
  <si>
    <t>1185.882568359375</t>
  </si>
  <si>
    <t>0.019150732781602287</t>
  </si>
  <si>
    <t>24.978967666625977</t>
  </si>
  <si>
    <t>1022.351318359375</t>
  </si>
  <si>
    <t>-0.009426014316959552</t>
  </si>
  <si>
    <t>24.908918380737305</t>
  </si>
  <si>
    <t>687.2985229492188</t>
  </si>
  <si>
    <t>-0.05959981460546793</t>
  </si>
  <si>
    <t>18366</t>
  </si>
  <si>
    <t>25.256208419799805</t>
  </si>
  <si>
    <t>915.3370971679688</t>
  </si>
  <si>
    <t>0.00880484756393507</t>
  </si>
  <si>
    <t>19624</t>
  </si>
  <si>
    <t>25.13233757019043</t>
  </si>
  <si>
    <t>1132.33056640625</t>
  </si>
  <si>
    <t>0.06625217776485748</t>
  </si>
  <si>
    <t>18732</t>
  </si>
  <si>
    <t>25.217458724975586</t>
  </si>
  <si>
    <t>968.8399047851562</t>
  </si>
  <si>
    <t>18437</t>
  </si>
  <si>
    <t>25.03211784362793</t>
  </si>
  <si>
    <t>721.195068359375</t>
  </si>
  <si>
    <t>-0.015873776233041426</t>
  </si>
  <si>
    <t>25.38166618347168</t>
  </si>
  <si>
    <t>1002.1832885742188</t>
  </si>
  <si>
    <t>0.02300184513940806</t>
  </si>
  <si>
    <t>19652</t>
  </si>
  <si>
    <t>25.153268814086914</t>
  </si>
  <si>
    <t>966.015869140625</t>
  </si>
  <si>
    <t>0.040817754078739554</t>
  </si>
  <si>
    <t>25.013429641723633</t>
  </si>
  <si>
    <t>1070.31298828125</t>
  </si>
  <si>
    <t>-0.013318504419498112</t>
  </si>
  <si>
    <t>25.565444946289062</t>
  </si>
  <si>
    <t>765.1860961914062</t>
  </si>
  <si>
    <t>-0.05397841424930583</t>
  </si>
  <si>
    <t>18998</t>
  </si>
  <si>
    <t>24.75507354736328</t>
  </si>
  <si>
    <t>911.2163696289062</t>
  </si>
  <si>
    <t>0.03345151483039288</t>
  </si>
  <si>
    <t>25.455984115600586</t>
  </si>
  <si>
    <t>926.2005004882812</t>
  </si>
  <si>
    <t>0.026644698619771034</t>
  </si>
  <si>
    <t>19562</t>
  </si>
  <si>
    <t>25.418825149536133</t>
  </si>
  <si>
    <t>804.1978759765625</t>
  </si>
  <si>
    <t>0.0026104997805393992</t>
  </si>
  <si>
    <t>19773</t>
  </si>
  <si>
    <t>25.28865623474121</t>
  </si>
  <si>
    <t>1137.844482421875</t>
  </si>
  <si>
    <t>0.010728461870391115</t>
  </si>
  <si>
    <t>25.57874298095703</t>
  </si>
  <si>
    <t>1087.2161865234375</t>
  </si>
  <si>
    <t>0.001213040330702242</t>
  </si>
  <si>
    <t>19878</t>
  </si>
  <si>
    <t>25.787073135375977</t>
  </si>
  <si>
    <t>892.92529296875</t>
  </si>
  <si>
    <t>0.004083181476419284</t>
  </si>
  <si>
    <t>26.02086639404297</t>
  </si>
  <si>
    <t>983.2213745117188</t>
  </si>
  <si>
    <t>0.004517399641203568</t>
  </si>
  <si>
    <t>20416</t>
  </si>
  <si>
    <t>25.9161319732666</t>
  </si>
  <si>
    <t>1004.0413818359375</t>
  </si>
  <si>
    <t>0.022187914975361878</t>
  </si>
  <si>
    <t>25.94270133972168</t>
  </si>
  <si>
    <t>1233.6490478515625</t>
  </si>
  <si>
    <t>0.018345576393398844</t>
  </si>
  <si>
    <t>21737</t>
  </si>
  <si>
    <t>26.16499900817871</t>
  </si>
  <si>
    <t>1021.6602172851562</t>
  </si>
  <si>
    <t>0.04435139413495115</t>
  </si>
  <si>
    <t>25.919267654418945</t>
  </si>
  <si>
    <t>945.2521362304688</t>
  </si>
  <si>
    <t>-0.034017362833820286</t>
  </si>
  <si>
    <t>25.94877815246582</t>
  </si>
  <si>
    <t>1163.882080078125</t>
  </si>
  <si>
    <t>0.051935639206050155</t>
  </si>
  <si>
    <t>22866</t>
  </si>
  <si>
    <t>25.7210750579834</t>
  </si>
  <si>
    <t>965.8252563476562</t>
  </si>
  <si>
    <t>0.03271693705682033</t>
  </si>
  <si>
    <t>1334.4000244140625</t>
  </si>
  <si>
    <t>3402.960693359375</t>
  </si>
  <si>
    <t>1220.9000244140625</t>
  </si>
  <si>
    <t>0.020407369807241338</t>
  </si>
  <si>
    <t>1035.7000732421875</t>
  </si>
  <si>
    <t>0.01673346777038276</t>
  </si>
  <si>
    <t>0.01007277961099895</t>
  </si>
  <si>
    <t>43703</t>
  </si>
  <si>
    <t>988.5000610351562</t>
  </si>
  <si>
    <t>0.03248782966587349</t>
  </si>
  <si>
    <t>39983</t>
  </si>
  <si>
    <t>1115.7001953125</t>
  </si>
  <si>
    <t>-0.08896238585499283</t>
  </si>
  <si>
    <t>879.5</t>
  </si>
  <si>
    <t>0.0456374331596443</t>
  </si>
  <si>
    <t>1053.5</t>
  </si>
  <si>
    <t>0.06352994818268698</t>
  </si>
  <si>
    <t>46130</t>
  </si>
  <si>
    <t>1032.199951171875</t>
  </si>
  <si>
    <t>0.03384175245155774</t>
  </si>
  <si>
    <t>46969</t>
  </si>
  <si>
    <t>0.01802431205731203</t>
  </si>
  <si>
    <t>49478</t>
  </si>
  <si>
    <t>13.933334350585938</t>
  </si>
  <si>
    <t>957.0000610351562</t>
  </si>
  <si>
    <t>0.052040316708453105</t>
  </si>
  <si>
    <t>48286</t>
  </si>
  <si>
    <t>-0.02438646276553058</t>
  </si>
  <si>
    <t>49909</t>
  </si>
  <si>
    <t>1067.9000244140625</t>
  </si>
  <si>
    <t>0.03305968364591294</t>
  </si>
  <si>
    <t>1160.0999755859375</t>
  </si>
  <si>
    <t>-0.2137506276056218</t>
  </si>
  <si>
    <t>1279.2000732421875</t>
  </si>
  <si>
    <t>0.01122595458658715</t>
  </si>
  <si>
    <t>41522</t>
  </si>
  <si>
    <t>944.4000244140625</t>
  </si>
  <si>
    <t>0.018546733057515752</t>
  </si>
  <si>
    <t>1204.0</t>
  </si>
  <si>
    <t>0.028022350290831</t>
  </si>
  <si>
    <t>43026</t>
  </si>
  <si>
    <t>1152.5001220703125</t>
  </si>
  <si>
    <t>0.007558826583304423</t>
  </si>
  <si>
    <t>-0.008542871085287729</t>
  </si>
  <si>
    <t>41881</t>
  </si>
  <si>
    <t>989.3999633789062</t>
  </si>
  <si>
    <t>-0.01842944957999748</t>
  </si>
  <si>
    <t>42795</t>
  </si>
  <si>
    <t>1111.60009765625</t>
  </si>
  <si>
    <t>0.021589009870366382</t>
  </si>
  <si>
    <t>43163</t>
  </si>
  <si>
    <t>1009.7999877929688</t>
  </si>
  <si>
    <t>0.008562373445183624</t>
  </si>
  <si>
    <t>44077</t>
  </si>
  <si>
    <t>0.020954457673621363</t>
  </si>
  <si>
    <t>1220.800048828125</t>
  </si>
  <si>
    <t>0.029397773614116218</t>
  </si>
  <si>
    <t>1230.800048828125</t>
  </si>
  <si>
    <t>0.011956783201068077</t>
  </si>
  <si>
    <t>47308</t>
  </si>
  <si>
    <t>1109.699951171875</t>
  </si>
  <si>
    <t>0.029386753121308118</t>
  </si>
  <si>
    <t>0.009153044932858734</t>
  </si>
  <si>
    <t>47669</t>
  </si>
  <si>
    <t>1345.300048828125</t>
  </si>
  <si>
    <t>-0.0015511678790449679</t>
  </si>
  <si>
    <t>1212.0</t>
  </si>
  <si>
    <t>0.017591737034578614</t>
  </si>
  <si>
    <t>14.883332252502441</t>
  </si>
  <si>
    <t>-0.007905015918382219</t>
  </si>
  <si>
    <t>41394</t>
  </si>
  <si>
    <t>1097.300048828125</t>
  </si>
  <si>
    <t>-0.15083206976685481</t>
  </si>
  <si>
    <t>14.616668701171875</t>
  </si>
  <si>
    <t>1326.9000244140625</t>
  </si>
  <si>
    <t>0.05192120756296248</t>
  </si>
  <si>
    <t>1015.7000122070312</t>
  </si>
  <si>
    <t>0.03273803101126482</t>
  </si>
  <si>
    <t>13125</t>
  </si>
  <si>
    <t>17.5737247467041</t>
  </si>
  <si>
    <t>670.6216430664062</t>
  </si>
  <si>
    <t>414.94482421875</t>
  </si>
  <si>
    <t>Durango</t>
  </si>
  <si>
    <t>13396</t>
  </si>
  <si>
    <t>17.456565856933594</t>
  </si>
  <si>
    <t>682.0215454101562</t>
  </si>
  <si>
    <t>0.020437346454270866</t>
  </si>
  <si>
    <t>13622</t>
  </si>
  <si>
    <t>17.42333221435547</t>
  </si>
  <si>
    <t>368.1009826660156</t>
  </si>
  <si>
    <t>0.016729977887168346</t>
  </si>
  <si>
    <t>17.254898071289062</t>
  </si>
  <si>
    <t>545.4832153320312</t>
  </si>
  <si>
    <t>0.010079699686070143</t>
  </si>
  <si>
    <t>14279</t>
  </si>
  <si>
    <t>17.817764282226562</t>
  </si>
  <si>
    <t>455.00634765625</t>
  </si>
  <si>
    <t>0.03702409394296069</t>
  </si>
  <si>
    <t>17.611177444458008</t>
  </si>
  <si>
    <t>334.9837646484375</t>
  </si>
  <si>
    <t>-0.04380575846549384</t>
  </si>
  <si>
    <t>14392</t>
  </si>
  <si>
    <t>17.57075309753418</t>
  </si>
  <si>
    <t>583.6465454101562</t>
  </si>
  <si>
    <t>0.05168832866556805</t>
  </si>
  <si>
    <t>14729</t>
  </si>
  <si>
    <t>17.423551559448242</t>
  </si>
  <si>
    <t>485.3570251464844</t>
  </si>
  <si>
    <t>0.023145842859173982</t>
  </si>
  <si>
    <t>16022</t>
  </si>
  <si>
    <t>18.036258697509766</t>
  </si>
  <si>
    <t>374.9294738769531</t>
  </si>
  <si>
    <t>0.0841444382855201</t>
  </si>
  <si>
    <t>15742</t>
  </si>
  <si>
    <t>17.79991340637207</t>
  </si>
  <si>
    <t>390.3706359863281</t>
  </si>
  <si>
    <t>-0.017630478072668154</t>
  </si>
  <si>
    <t>17.653575897216797</t>
  </si>
  <si>
    <t>524.421142578125</t>
  </si>
  <si>
    <t>0.003930772828885765</t>
  </si>
  <si>
    <t>16141</t>
  </si>
  <si>
    <t>17.68461799621582</t>
  </si>
  <si>
    <t>362.74530029296875</t>
  </si>
  <si>
    <t>0.021099546241998723</t>
  </si>
  <si>
    <t>17.703466415405273</t>
  </si>
  <si>
    <t>508.25164794921875</t>
  </si>
  <si>
    <t>-0.014351924865422916</t>
  </si>
  <si>
    <t>15743</t>
  </si>
  <si>
    <t>17.618619918823242</t>
  </si>
  <si>
    <t>643.3859252929688</t>
  </si>
  <si>
    <t>-0.010614871893228184</t>
  </si>
  <si>
    <t>15732</t>
  </si>
  <si>
    <t>17.64776611328125</t>
  </si>
  <si>
    <t>624.3334350585938</t>
  </si>
  <si>
    <t>-0.0006989674629274134</t>
  </si>
  <si>
    <t>15159</t>
  </si>
  <si>
    <t>17.708627700805664</t>
  </si>
  <si>
    <t>394.05908203125</t>
  </si>
  <si>
    <t>-0.03710243959168302</t>
  </si>
  <si>
    <t>15264</t>
  </si>
  <si>
    <t>17.917150497436523</t>
  </si>
  <si>
    <t>538.5360717773438</t>
  </si>
  <si>
    <t>0.00690269972804991</t>
  </si>
  <si>
    <t>15292</t>
  </si>
  <si>
    <t>17.545198440551758</t>
  </si>
  <si>
    <t>485.68994140625</t>
  </si>
  <si>
    <t>0.0018327011282366357</t>
  </si>
  <si>
    <t>15299</t>
  </si>
  <si>
    <t>17.808658599853516</t>
  </si>
  <si>
    <t>549.44189453125</t>
  </si>
  <si>
    <t>0.0004576509510751947</t>
  </si>
  <si>
    <t>18.00465965270996</t>
  </si>
  <si>
    <t>595.7284545898438</t>
  </si>
  <si>
    <t>-0.013423903626440747</t>
  </si>
  <si>
    <t>17.41091537475586</t>
  </si>
  <si>
    <t>548.099853515625</t>
  </si>
  <si>
    <t>-0.00013250298151135098</t>
  </si>
  <si>
    <t>15754</t>
  </si>
  <si>
    <t>18.457496643066406</t>
  </si>
  <si>
    <t>390.9823303222656</t>
  </si>
  <si>
    <t>0.04286324110384143</t>
  </si>
  <si>
    <t>18.404136657714844</t>
  </si>
  <si>
    <t>365.17950439453125</t>
  </si>
  <si>
    <t>0.023834545233651028</t>
  </si>
  <si>
    <t>16519</t>
  </si>
  <si>
    <t>17.713844299316406</t>
  </si>
  <si>
    <t>562.2601928710938</t>
  </si>
  <si>
    <t>0.023582387058221244</t>
  </si>
  <si>
    <t>17.89639663696289</t>
  </si>
  <si>
    <t>691.6278076171875</t>
  </si>
  <si>
    <t>0.007238103860366607</t>
  </si>
  <si>
    <t>18.06596565246582</t>
  </si>
  <si>
    <t>494.25274658203125</t>
  </si>
  <si>
    <t>0.01010562610932908</t>
  </si>
  <si>
    <t>17463</t>
  </si>
  <si>
    <t>18.595516204833984</t>
  </si>
  <si>
    <t>583.9492797851562</t>
  </si>
  <si>
    <t>0.03822939341500842</t>
  </si>
  <si>
    <t>17098</t>
  </si>
  <si>
    <t>18.36156463623047</t>
  </si>
  <si>
    <t>535.0657348632812</t>
  </si>
  <si>
    <t>-0.021122859353665646</t>
  </si>
  <si>
    <t>18.17591094970703</t>
  </si>
  <si>
    <t>498.52685546875</t>
  </si>
  <si>
    <t>-0.010642464110887317</t>
  </si>
  <si>
    <t>17158</t>
  </si>
  <si>
    <t>18.524229049682617</t>
  </si>
  <si>
    <t>431.89703369140625</t>
  </si>
  <si>
    <t>0.014145503657617908</t>
  </si>
  <si>
    <t>16083</t>
  </si>
  <si>
    <t>18.400907516479492</t>
  </si>
  <si>
    <t>372.3414611816406</t>
  </si>
  <si>
    <t>-0.06470172363726334</t>
  </si>
  <si>
    <t>16940</t>
  </si>
  <si>
    <t>18.2380428314209</t>
  </si>
  <si>
    <t>597.7369384765625</t>
  </si>
  <si>
    <t>0.051914875710398434</t>
  </si>
  <si>
    <t>18.274988174438477</t>
  </si>
  <si>
    <t>461.1827697753906</t>
  </si>
  <si>
    <t>0.03275173701566203</t>
  </si>
  <si>
    <t>18.690555572509766</t>
  </si>
  <si>
    <t>740.613525390625</t>
  </si>
  <si>
    <t>1117.86376953125</t>
  </si>
  <si>
    <t>Guanajuato</t>
  </si>
  <si>
    <t>18.820148468017578</t>
  </si>
  <si>
    <t>731.792236328125</t>
  </si>
  <si>
    <t>0.02048094188532268</t>
  </si>
  <si>
    <t>18.670196533203125</t>
  </si>
  <si>
    <t>701.5047607421875</t>
  </si>
  <si>
    <t>0.01672410193807572</t>
  </si>
  <si>
    <t>18.78265953063965</t>
  </si>
  <si>
    <t>567.0905151367188</t>
  </si>
  <si>
    <t>0.01008900486609221</t>
  </si>
  <si>
    <t>11925</t>
  </si>
  <si>
    <t>19.22222137451172</t>
  </si>
  <si>
    <t>621.3126220703125</t>
  </si>
  <si>
    <t>0.014358354782372018</t>
  </si>
  <si>
    <t>11332</t>
  </si>
  <si>
    <t>19.139265060424805</t>
  </si>
  <si>
    <t>673.6469116210938</t>
  </si>
  <si>
    <t>-0.05100645480613508</t>
  </si>
  <si>
    <t>11760</t>
  </si>
  <si>
    <t>18.82877540588379</t>
  </si>
  <si>
    <t>606.144775390625</t>
  </si>
  <si>
    <t>0.03707336050221066</t>
  </si>
  <si>
    <t>18.904693603515625</t>
  </si>
  <si>
    <t>608.9966430664062</t>
  </si>
  <si>
    <t>0.035419673122380146</t>
  </si>
  <si>
    <t>19.586091995239258</t>
  </si>
  <si>
    <t>697.1056518554688</t>
  </si>
  <si>
    <t>0.054386830140847664</t>
  </si>
  <si>
    <t>12782</t>
  </si>
  <si>
    <t>19.243427276611328</t>
  </si>
  <si>
    <t>536.3898315429688</t>
  </si>
  <si>
    <t>-0.006472514505617255</t>
  </si>
  <si>
    <t>13194</t>
  </si>
  <si>
    <t>19.12734031677246</t>
  </si>
  <si>
    <t>624.0347900390625</t>
  </si>
  <si>
    <t>0.0317242495725889</t>
  </si>
  <si>
    <t>18.969074249267578</t>
  </si>
  <si>
    <t>694.2396850585938</t>
  </si>
  <si>
    <t>0.024629758690542403</t>
  </si>
  <si>
    <t>13777</t>
  </si>
  <si>
    <t>19.088838577270508</t>
  </si>
  <si>
    <t>651.1489868164062</t>
  </si>
  <si>
    <t>0.018608595571240727</t>
  </si>
  <si>
    <t>13633</t>
  </si>
  <si>
    <t>19.108694076538086</t>
  </si>
  <si>
    <t>717.1998901367188</t>
  </si>
  <si>
    <t>-0.010507210858470728</t>
  </si>
  <si>
    <t>13735</t>
  </si>
  <si>
    <t>18.894268035888672</t>
  </si>
  <si>
    <t>855.5281982421875</t>
  </si>
  <si>
    <t>0.007453995343245978</t>
  </si>
  <si>
    <t>19.150426864624023</t>
  </si>
  <si>
    <t>536.8966064453125</t>
  </si>
  <si>
    <t>-0.029405191906979766</t>
  </si>
  <si>
    <t>19.15193748474121</t>
  </si>
  <si>
    <t>722.954345703125</t>
  </si>
  <si>
    <t>0.07362584564510222</t>
  </si>
  <si>
    <t>19.058618545532227</t>
  </si>
  <si>
    <t>689.3680419921875</t>
  </si>
  <si>
    <t>-0.013111493703270583</t>
  </si>
  <si>
    <t>19.066133499145508</t>
  </si>
  <si>
    <t>660.6471557617188</t>
  </si>
  <si>
    <t>0.015129517421421212</t>
  </si>
  <si>
    <t>13485</t>
  </si>
  <si>
    <t>19.23406982421875</t>
  </si>
  <si>
    <t>558.7306518554688</t>
  </si>
  <si>
    <t>-0.06460804041181767</t>
  </si>
  <si>
    <t>14206</t>
  </si>
  <si>
    <t>18.74651527404785</t>
  </si>
  <si>
    <t>633.3289794921875</t>
  </si>
  <si>
    <t>0.052086453983925196</t>
  </si>
  <si>
    <t>14750</t>
  </si>
  <si>
    <t>19.677339553833008</t>
  </si>
  <si>
    <t>547.5958862304688</t>
  </si>
  <si>
    <t>0.03757867221021094</t>
  </si>
  <si>
    <t>15293</t>
  </si>
  <si>
    <t>19.45273208618164</t>
  </si>
  <si>
    <t>572.2406616210938</t>
  </si>
  <si>
    <t>0.03615212458015726</t>
  </si>
  <si>
    <t>15700</t>
  </si>
  <si>
    <t>18.980342864990234</t>
  </si>
  <si>
    <t>741.839111328125</t>
  </si>
  <si>
    <t>0.026265504988275623</t>
  </si>
  <si>
    <t>19.00673484802246</t>
  </si>
  <si>
    <t>760.6011962890625</t>
  </si>
  <si>
    <t>0.044412991395535784</t>
  </si>
  <si>
    <t>17508</t>
  </si>
  <si>
    <t>19.135889053344727</t>
  </si>
  <si>
    <t>728.4338989257812</t>
  </si>
  <si>
    <t>0.06458421557885075</t>
  </si>
  <si>
    <t>17806</t>
  </si>
  <si>
    <t>19.6956787109375</t>
  </si>
  <si>
    <t>695.4283447265625</t>
  </si>
  <si>
    <t>0.01687755982283079</t>
  </si>
  <si>
    <t>18768</t>
  </si>
  <si>
    <t>19.67786407470703</t>
  </si>
  <si>
    <t>694.859130859375</t>
  </si>
  <si>
    <t>0.052617812759640614</t>
  </si>
  <si>
    <t>19.649229049682617</t>
  </si>
  <si>
    <t>868.854736328125</t>
  </si>
  <si>
    <t>0.016749394286073027</t>
  </si>
  <si>
    <t>18455</t>
  </si>
  <si>
    <t>20.152379989624023</t>
  </si>
  <si>
    <t>673.6911010742188</t>
  </si>
  <si>
    <t>-0.03356734971523068</t>
  </si>
  <si>
    <t>19.89390754699707</t>
  </si>
  <si>
    <t>609.13525390625</t>
  </si>
  <si>
    <t>-0.08571668087771833</t>
  </si>
  <si>
    <t>17842</t>
  </si>
  <si>
    <t>19.778261184692383</t>
  </si>
  <si>
    <t>745.6572875976562</t>
  </si>
  <si>
    <t>0.051936572887347765</t>
  </si>
  <si>
    <t>18436</t>
  </si>
  <si>
    <t>19.901395797729492</t>
  </si>
  <si>
    <t>626.0228271484375</t>
  </si>
  <si>
    <t>0.03275004636667056</t>
  </si>
  <si>
    <t>25.123083114624023</t>
  </si>
  <si>
    <t>1428.781005859375</t>
  </si>
  <si>
    <t>1231.959228515625</t>
  </si>
  <si>
    <t>Guerrero</t>
  </si>
  <si>
    <t>25.218271255493164</t>
  </si>
  <si>
    <t>1206.9742431640625</t>
  </si>
  <si>
    <t>0.02039926377582546</t>
  </si>
  <si>
    <t>9820</t>
  </si>
  <si>
    <t>25.073593139648438</t>
  </si>
  <si>
    <t>1249.68994140625</t>
  </si>
  <si>
    <t>0.01673808138159316</t>
  </si>
  <si>
    <t>25.21464729309082</t>
  </si>
  <si>
    <t>1367.0738525390625</t>
  </si>
  <si>
    <t>0.010030987397481539</t>
  </si>
  <si>
    <t>10114</t>
  </si>
  <si>
    <t>25.61419677734375</t>
  </si>
  <si>
    <t>989.192626953125</t>
  </si>
  <si>
    <t>0.019468492893935263</t>
  </si>
  <si>
    <t>25.443933486938477</t>
  </si>
  <si>
    <t>1403.5428466796875</t>
  </si>
  <si>
    <t>-0.06189223328089888</t>
  </si>
  <si>
    <t>25.182870864868164</t>
  </si>
  <si>
    <t>1276.6246337890625</t>
  </si>
  <si>
    <t>0.005663954726417231</t>
  </si>
  <si>
    <t>25.391027450561523</t>
  </si>
  <si>
    <t>1130.568359375</t>
  </si>
  <si>
    <t>0.0041749356121769665</t>
  </si>
  <si>
    <t>25.755155563354492</t>
  </si>
  <si>
    <t>1508.90625</t>
  </si>
  <si>
    <t>0.03490094795699328</t>
  </si>
  <si>
    <t>25.241086959838867</t>
  </si>
  <si>
    <t>1361.33203125</t>
  </si>
  <si>
    <t>0.005516840312564497</t>
  </si>
  <si>
    <t>9973</t>
  </si>
  <si>
    <t>25.41925621032715</t>
  </si>
  <si>
    <t>1210.6319580078125</t>
  </si>
  <si>
    <t>-0.002403606565312799</t>
  </si>
  <si>
    <t>25.220151901245117</t>
  </si>
  <si>
    <t>1103.728515625</t>
  </si>
  <si>
    <t>0.07502431315394098</t>
  </si>
  <si>
    <t>25.456998825073242</t>
  </si>
  <si>
    <t>1350.4664306640625</t>
  </si>
  <si>
    <t>-0.020962369304484696</t>
  </si>
  <si>
    <t>25.462121963500977</t>
  </si>
  <si>
    <t>1252.419189453125</t>
  </si>
  <si>
    <t>-0.12931983374485334</t>
  </si>
  <si>
    <t>9396</t>
  </si>
  <si>
    <t>25.418474197387695</t>
  </si>
  <si>
    <t>1424.5767822265625</t>
  </si>
  <si>
    <t>0.01566051527233192</t>
  </si>
  <si>
    <t>25.414705276489258</t>
  </si>
  <si>
    <t>1034.3304443359375</t>
  </si>
  <si>
    <t>-0.004586919344252038</t>
  </si>
  <si>
    <t>25.46198844909668</t>
  </si>
  <si>
    <t>1424.0284423828125</t>
  </si>
  <si>
    <t>-0.006112947342858277</t>
  </si>
  <si>
    <t>25.51971435546875</t>
  </si>
  <si>
    <t>1277.3895263671875</t>
  </si>
  <si>
    <t>0.022338978082261818</t>
  </si>
  <si>
    <t>25.28837776184082</t>
  </si>
  <si>
    <t>1276.9344482421875</t>
  </si>
  <si>
    <t>-0.025895207919926833</t>
  </si>
  <si>
    <t>25.717498779296875</t>
  </si>
  <si>
    <t>1153.9261474609375</t>
  </si>
  <si>
    <t>-0.026361931285686424</t>
  </si>
  <si>
    <t>9291</t>
  </si>
  <si>
    <t>25.18922996520996</t>
  </si>
  <si>
    <t>1317.44482421875</t>
  </si>
  <si>
    <t>0.02938015067297073</t>
  </si>
  <si>
    <t>9170</t>
  </si>
  <si>
    <t>25.82657814025879</t>
  </si>
  <si>
    <t>1312.454833984375</t>
  </si>
  <si>
    <t>-0.013108903390801174</t>
  </si>
  <si>
    <t>9297</t>
  </si>
  <si>
    <t>25.70502471923828</t>
  </si>
  <si>
    <t>1239.5343017578125</t>
  </si>
  <si>
    <t>0.01375448120534628</t>
  </si>
  <si>
    <t>25.426910400390625</t>
  </si>
  <si>
    <t>1463.8951416015625</t>
  </si>
  <si>
    <t>0.008674753193673723</t>
  </si>
  <si>
    <t>25.595848083496094</t>
  </si>
  <si>
    <t>1396.963623046875</t>
  </si>
  <si>
    <t>0.02547774401022096</t>
  </si>
  <si>
    <t>25.74534797668457</t>
  </si>
  <si>
    <t>1082.6595458984375</t>
  </si>
  <si>
    <t>0.018436074976065697</t>
  </si>
  <si>
    <t>26.141660690307617</t>
  </si>
  <si>
    <t>1293.292724609375</t>
  </si>
  <si>
    <t>0.005597124468090797</t>
  </si>
  <si>
    <t>26.0779972076416</t>
  </si>
  <si>
    <t>1468.689208984375</t>
  </si>
  <si>
    <t>-0.011123131162246835</t>
  </si>
  <si>
    <t>9880</t>
  </si>
  <si>
    <t>26.066740036010742</t>
  </si>
  <si>
    <t>1242.0130615234375</t>
  </si>
  <si>
    <t>0.013758178800252097</t>
  </si>
  <si>
    <t>9916</t>
  </si>
  <si>
    <t>26.42386817932129</t>
  </si>
  <si>
    <t>1262.3270263671875</t>
  </si>
  <si>
    <t>0.0036371024131671703</t>
  </si>
  <si>
    <t>9414</t>
  </si>
  <si>
    <t>26.30826759338379</t>
  </si>
  <si>
    <t>1165.44384765625</t>
  </si>
  <si>
    <t>-0.051951671193993576</t>
  </si>
  <si>
    <t>26.163808822631836</t>
  </si>
  <si>
    <t>1549.2779541015625</t>
  </si>
  <si>
    <t>0.051951671193993576</t>
  </si>
  <si>
    <t>26.144241333007812</t>
  </si>
  <si>
    <t>1145.6683349609375</t>
  </si>
  <si>
    <t>0.03273777134406686</t>
  </si>
  <si>
    <t>10547</t>
  </si>
  <si>
    <t>16.054414749145508</t>
  </si>
  <si>
    <t>1081.5611572265625</t>
  </si>
  <si>
    <t>583.9586181640625</t>
  </si>
  <si>
    <t>Hidalgo</t>
  </si>
  <si>
    <t>16.159509658813477</t>
  </si>
  <si>
    <t>1128.6527099609375</t>
  </si>
  <si>
    <t>0.0203657735701821</t>
  </si>
  <si>
    <t>15.96768569946289</t>
  </si>
  <si>
    <t>1053.6031494140625</t>
  </si>
  <si>
    <t>0.016766859857066052</t>
  </si>
  <si>
    <t>16.083284378051758</t>
  </si>
  <si>
    <t>962.507080078125</t>
  </si>
  <si>
    <t>0.010089618838538428</t>
  </si>
  <si>
    <t>11155</t>
  </si>
  <si>
    <t>16.566343307495117</t>
  </si>
  <si>
    <t>930.9623413085938</t>
  </si>
  <si>
    <t>0.008824116324230857</t>
  </si>
  <si>
    <t>16.50811004638672</t>
  </si>
  <si>
    <t>928.2129516601562</t>
  </si>
  <si>
    <t>-0.13636565444013904</t>
  </si>
  <si>
    <t>16.19684410095215</t>
  </si>
  <si>
    <t>787.0887451171875</t>
  </si>
  <si>
    <t>0.081266973563201</t>
  </si>
  <si>
    <t>10993</t>
  </si>
  <si>
    <t>16.260358810424805</t>
  </si>
  <si>
    <t>989.8455810546875</t>
  </si>
  <si>
    <t>0.040469559589169535</t>
  </si>
  <si>
    <t>16.92338752746582</t>
  </si>
  <si>
    <t>1120.6971435546875</t>
  </si>
  <si>
    <t>0.07295722778127</t>
  </si>
  <si>
    <t>16.479162216186523</t>
  </si>
  <si>
    <t>949.25048828125</t>
  </si>
  <si>
    <t>-0.005937252385963987</t>
  </si>
  <si>
    <t>16.47121238708496</t>
  </si>
  <si>
    <t>942.7421875</t>
  </si>
  <si>
    <t>0.016870918918256095</t>
  </si>
  <si>
    <t>16.287580490112305</t>
  </si>
  <si>
    <t>1058.3519287109375</t>
  </si>
  <si>
    <t>-0.10745388045829074</t>
  </si>
  <si>
    <t>16.431346893310547</t>
  </si>
  <si>
    <t>1007.4754028320312</t>
  </si>
  <si>
    <t>-0.015675920569851343</t>
  </si>
  <si>
    <t>16.48396873474121</t>
  </si>
  <si>
    <t>1069.9473876953125</t>
  </si>
  <si>
    <t>0.03896596853338252</t>
  </si>
  <si>
    <t>12073</t>
  </si>
  <si>
    <t>16.262651443481445</t>
  </si>
  <si>
    <t>1104.529296875</t>
  </si>
  <si>
    <t>0.09398578593472173</t>
  </si>
  <si>
    <t>10835</t>
  </si>
  <si>
    <t>16.509979248046875</t>
  </si>
  <si>
    <t>970.4096069335938</t>
  </si>
  <si>
    <t>-0.10818991936192823</t>
  </si>
  <si>
    <t>16.49728775024414</t>
  </si>
  <si>
    <t>1077.4793701171875</t>
  </si>
  <si>
    <t>0.14166618942021003</t>
  </si>
  <si>
    <t>16.455276489257812</t>
  </si>
  <si>
    <t>1115.0006103515625</t>
  </si>
  <si>
    <t>-0.028436394888426975</t>
  </si>
  <si>
    <t>16.394174575805664</t>
  </si>
  <si>
    <t>1020.0350341796875</t>
  </si>
  <si>
    <t>0.031874885341949266</t>
  </si>
  <si>
    <t>16.598066329956055</t>
  </si>
  <si>
    <t>949.6336669921875</t>
  </si>
  <si>
    <t>-0.1302638065332573</t>
  </si>
  <si>
    <t>16.074222564697266</t>
  </si>
  <si>
    <t>945.332275390625</t>
  </si>
  <si>
    <t>0.06827120227727157</t>
  </si>
  <si>
    <t>17.01912498474121</t>
  </si>
  <si>
    <t>975.6018676757812</t>
  </si>
  <si>
    <t>0.01826265779122771</t>
  </si>
  <si>
    <t>12815</t>
  </si>
  <si>
    <t>16.84198570251465</t>
  </si>
  <si>
    <t>1081.256103515625</t>
  </si>
  <si>
    <t>0.06645999141873737</t>
  </si>
  <si>
    <t>12431</t>
  </si>
  <si>
    <t>16.365022659301758</t>
  </si>
  <si>
    <t>1239.2613525390625</t>
  </si>
  <si>
    <t>-0.030423007006456615</t>
  </si>
  <si>
    <t>13141</t>
  </si>
  <si>
    <t>16.425283432006836</t>
  </si>
  <si>
    <t>1237.4810791015625</t>
  </si>
  <si>
    <t>0.05554376085192381</t>
  </si>
  <si>
    <t>14185</t>
  </si>
  <si>
    <t>16.557926177978516</t>
  </si>
  <si>
    <t>1030.8172607421875</t>
  </si>
  <si>
    <t>0.0764479545993133</t>
  </si>
  <si>
    <t>17.132688522338867</t>
  </si>
  <si>
    <t>1028.9205322265625</t>
  </si>
  <si>
    <t>-0.03238337271267078</t>
  </si>
  <si>
    <t>14577</t>
  </si>
  <si>
    <t>17.121301651000977</t>
  </si>
  <si>
    <t>1177.5245361328125</t>
  </si>
  <si>
    <t>0.05964324854373082</t>
  </si>
  <si>
    <t>15176</t>
  </si>
  <si>
    <t>16.994916915893555</t>
  </si>
  <si>
    <t>1076.9327392578125</t>
  </si>
  <si>
    <t>0.040270288540838806</t>
  </si>
  <si>
    <t>14459</t>
  </si>
  <si>
    <t>17.45115089416504</t>
  </si>
  <si>
    <t>992.1452026367188</t>
  </si>
  <si>
    <t>-0.04839817458672435</t>
  </si>
  <si>
    <t>17.290719985961914</t>
  </si>
  <si>
    <t>913.7454223632812</t>
  </si>
  <si>
    <t>-0.1380171482414152</t>
  </si>
  <si>
    <t>17.199535369873047</t>
  </si>
  <si>
    <t>1094.7496337890625</t>
  </si>
  <si>
    <t>0.051904461298789784</t>
  </si>
  <si>
    <t>13708</t>
  </si>
  <si>
    <t>17.265920639038086</t>
  </si>
  <si>
    <t>944.77490234375</t>
  </si>
  <si>
    <t>0.032775232908997864</t>
  </si>
  <si>
    <t>19.71096420288086</t>
  </si>
  <si>
    <t>897.6873168945312</t>
  </si>
  <si>
    <t>2567.4345703125</t>
  </si>
  <si>
    <t>Jalisco</t>
  </si>
  <si>
    <t>16575</t>
  </si>
  <si>
    <t>19.673593521118164</t>
  </si>
  <si>
    <t>806.1522827148438</t>
  </si>
  <si>
    <t>0.020418201338394226</t>
  </si>
  <si>
    <t>16854</t>
  </si>
  <si>
    <t>19.60659408569336</t>
  </si>
  <si>
    <t>829.8975830078125</t>
  </si>
  <si>
    <t>0.01669248127823586</t>
  </si>
  <si>
    <t>17025</t>
  </si>
  <si>
    <t>19.614107131958008</t>
  </si>
  <si>
    <t>716.4821166992188</t>
  </si>
  <si>
    <t>0.010094834685414611</t>
  </si>
  <si>
    <t>17250</t>
  </si>
  <si>
    <t>19.925134658813477</t>
  </si>
  <si>
    <t>754.87744140625</t>
  </si>
  <si>
    <t>0.013129291441792645</t>
  </si>
  <si>
    <t>19.793846130371094</t>
  </si>
  <si>
    <t>794.3564453125</t>
  </si>
  <si>
    <t>-0.09861999904398466</t>
  </si>
  <si>
    <t>16242</t>
  </si>
  <si>
    <t>19.567005157470703</t>
  </si>
  <si>
    <t>802.7258911132812</t>
  </si>
  <si>
    <t>0.03840833542683342</t>
  </si>
  <si>
    <t>19.79985809326172</t>
  </si>
  <si>
    <t>756.0682983398438</t>
  </si>
  <si>
    <t>0.048373755308569244</t>
  </si>
  <si>
    <t>18276</t>
  </si>
  <si>
    <t>20.162296295166016</t>
  </si>
  <si>
    <t>847.9247436523438</t>
  </si>
  <si>
    <t>0.06961448853223828</t>
  </si>
  <si>
    <t>18604</t>
  </si>
  <si>
    <t>19.63435173034668</t>
  </si>
  <si>
    <t>709.181884765625</t>
  </si>
  <si>
    <t>0.017787887660825064</t>
  </si>
  <si>
    <t>19042</t>
  </si>
  <si>
    <t>19.719533920288086</t>
  </si>
  <si>
    <t>754.5230712890625</t>
  </si>
  <si>
    <t>0.023270454501648885</t>
  </si>
  <si>
    <t>19138</t>
  </si>
  <si>
    <t>19.627248764038086</t>
  </si>
  <si>
    <t>769.157958984375</t>
  </si>
  <si>
    <t>0.0050288214935712006</t>
  </si>
  <si>
    <t>18368</t>
  </si>
  <si>
    <t>19.773834228515625</t>
  </si>
  <si>
    <t>863.4269409179688</t>
  </si>
  <si>
    <t>-0.04106586721991512</t>
  </si>
  <si>
    <t>19.783071517944336</t>
  </si>
  <si>
    <t>946.4967651367188</t>
  </si>
  <si>
    <t>0.08181679640810913</t>
  </si>
  <si>
    <t>19567</t>
  </si>
  <si>
    <t>19.682727813720703</t>
  </si>
  <si>
    <t>982.91796875</t>
  </si>
  <si>
    <t>-0.018582342749303038</t>
  </si>
  <si>
    <t>19.818037033081055</t>
  </si>
  <si>
    <t>602.559814453125</t>
  </si>
  <si>
    <t>-0.00010221813358590737</t>
  </si>
  <si>
    <t>19895</t>
  </si>
  <si>
    <t>19.938976287841797</t>
  </si>
  <si>
    <t>846.880615234375</t>
  </si>
  <si>
    <t>0.01672618821651639</t>
  </si>
  <si>
    <t>19.7194881439209</t>
  </si>
  <si>
    <t>811.3868408203125</t>
  </si>
  <si>
    <t>0.0010549849010441648</t>
  </si>
  <si>
    <t>19405</t>
  </si>
  <si>
    <t>19.68849754333496</t>
  </si>
  <si>
    <t>885.0537109375</t>
  </si>
  <si>
    <t>-0.02599266395906774</t>
  </si>
  <si>
    <t>18263</t>
  </si>
  <si>
    <t>20.07317543029785</t>
  </si>
  <si>
    <t>651.718994140625</t>
  </si>
  <si>
    <t>-0.060653609610964665</t>
  </si>
  <si>
    <t>19.3908634185791</t>
  </si>
  <si>
    <t>742.3519897460938</t>
  </si>
  <si>
    <t>0.036821229851600634</t>
  </si>
  <si>
    <t>20.19615364074707</t>
  </si>
  <si>
    <t>662.7164306640625</t>
  </si>
  <si>
    <t>-0.003595224344151049</t>
  </si>
  <si>
    <t>20.118366241455078</t>
  </si>
  <si>
    <t>671.679443359375</t>
  </si>
  <si>
    <t>0.029641076296467617</t>
  </si>
  <si>
    <t>19870</t>
  </si>
  <si>
    <t>19.8431453704834</t>
  </si>
  <si>
    <t>895.8754272460938</t>
  </si>
  <si>
    <t>0.021466819549903704</t>
  </si>
  <si>
    <t>20582</t>
  </si>
  <si>
    <t>19.97013282775879</t>
  </si>
  <si>
    <t>884.34619140625</t>
  </si>
  <si>
    <t>0.03520585085017558</t>
  </si>
  <si>
    <t>21432</t>
  </si>
  <si>
    <t>20.204946517944336</t>
  </si>
  <si>
    <t>851.5631103515625</t>
  </si>
  <si>
    <t>0.04046822482840717</t>
  </si>
  <si>
    <t>22277</t>
  </si>
  <si>
    <t>20.58228874206543</t>
  </si>
  <si>
    <t>828.1807861328125</t>
  </si>
  <si>
    <t>0.03866962384042871</t>
  </si>
  <si>
    <t>22287</t>
  </si>
  <si>
    <t>20.49534034729004</t>
  </si>
  <si>
    <t>795.828369140625</t>
  </si>
  <si>
    <t>0.00044879275504250415</t>
  </si>
  <si>
    <t>20.527528762817383</t>
  </si>
  <si>
    <t>1019.779541015625</t>
  </si>
  <si>
    <t>0.016067998971818653</t>
  </si>
  <si>
    <t>22709</t>
  </si>
  <si>
    <t>20.819272994995117</t>
  </si>
  <si>
    <t>759.9232788085938</t>
  </si>
  <si>
    <t>0.0026897738729338982</t>
  </si>
  <si>
    <t>20969</t>
  </si>
  <si>
    <t>20.621673583984375</t>
  </si>
  <si>
    <t>761.2387084960938</t>
  </si>
  <si>
    <t>-0.07971616507792234</t>
  </si>
  <si>
    <t>20.54928970336914</t>
  </si>
  <si>
    <t>964.6690063476562</t>
  </si>
  <si>
    <t>0.05194404354672244</t>
  </si>
  <si>
    <t>22822</t>
  </si>
  <si>
    <t>20.472013473510742</t>
  </si>
  <si>
    <t>772.3446044921875</t>
  </si>
  <si>
    <t>0.03273578286115608</t>
  </si>
  <si>
    <t>14.789399147033691</t>
  </si>
  <si>
    <t>1067.4476318359375</t>
  </si>
  <si>
    <t>4142.3701171875</t>
  </si>
  <si>
    <t>13635</t>
  </si>
  <si>
    <t>14.900630950927734</t>
  </si>
  <si>
    <t>963.12646484375</t>
  </si>
  <si>
    <t>0.020374848189051775</t>
  </si>
  <si>
    <t>13865</t>
  </si>
  <si>
    <t>14.708661079406738</t>
  </si>
  <si>
    <t>849.0057373046875</t>
  </si>
  <si>
    <t>0.016727662770188445</t>
  </si>
  <si>
    <t>14006</t>
  </si>
  <si>
    <t>14.864330291748047</t>
  </si>
  <si>
    <t>728.51806640625</t>
  </si>
  <si>
    <t>0.01011813016558527</t>
  </si>
  <si>
    <t>14137</t>
  </si>
  <si>
    <t>15.305953979492188</t>
  </si>
  <si>
    <t>751.3890380859375</t>
  </si>
  <si>
    <t>0.00930966465156935</t>
  </si>
  <si>
    <t>12634</t>
  </si>
  <si>
    <t>15.237289428710938</t>
  </si>
  <si>
    <t>858.5232543945312</t>
  </si>
  <si>
    <t>-0.11240388140838675</t>
  </si>
  <si>
    <t>13431</t>
  </si>
  <si>
    <t>14.904884338378906</t>
  </si>
  <si>
    <t>709.6343994140625</t>
  </si>
  <si>
    <t>0.06117387545042874</t>
  </si>
  <si>
    <t>15.043862342834473</t>
  </si>
  <si>
    <t>854.2103271484375</t>
  </si>
  <si>
    <t>0.06122445852122027</t>
  </si>
  <si>
    <t>14792</t>
  </si>
  <si>
    <t>15.68569564819336</t>
  </si>
  <si>
    <t>820.8931274414062</t>
  </si>
  <si>
    <t>0.035296567636665444</t>
  </si>
  <si>
    <t>15.180085182189941</t>
  </si>
  <si>
    <t>844.4723510742188</t>
  </si>
  <si>
    <t>0.0012836538600122793</t>
  </si>
  <si>
    <t>15398</t>
  </si>
  <si>
    <t>15.23263168334961</t>
  </si>
  <si>
    <t>759.2096557617188</t>
  </si>
  <si>
    <t>0.03886748291102293</t>
  </si>
  <si>
    <t>14075</t>
  </si>
  <si>
    <t>15.019259452819824</t>
  </si>
  <si>
    <t>888.6821899414062</t>
  </si>
  <si>
    <t>-0.08983745683010369</t>
  </si>
  <si>
    <t>15.181622505187988</t>
  </si>
  <si>
    <t>857.44287109375</t>
  </si>
  <si>
    <t>-0.05543385431297665</t>
  </si>
  <si>
    <t>12438</t>
  </si>
  <si>
    <t>15.263358116149902</t>
  </si>
  <si>
    <t>911.562744140625</t>
  </si>
  <si>
    <t>-0.0682100170310811</t>
  </si>
  <si>
    <t>12218</t>
  </si>
  <si>
    <t>15.018863677978516</t>
  </si>
  <si>
    <t>1016.6273803710938</t>
  </si>
  <si>
    <t>-0.01784602845412131</t>
  </si>
  <si>
    <t>15.241928100585938</t>
  </si>
  <si>
    <t>766.8545532226562</t>
  </si>
  <si>
    <t>-0.005169666459488909</t>
  </si>
  <si>
    <t>12277</t>
  </si>
  <si>
    <t>15.23376750946045</t>
  </si>
  <si>
    <t>969.849853515625</t>
  </si>
  <si>
    <t>0.009986985430616713</t>
  </si>
  <si>
    <t>12345</t>
  </si>
  <si>
    <t>15.185428619384766</t>
  </si>
  <si>
    <t>875.7864379882812</t>
  </si>
  <si>
    <t>0.005523529598439936</t>
  </si>
  <si>
    <t>12162</t>
  </si>
  <si>
    <t>15.13476276397705</t>
  </si>
  <si>
    <t>921.6596069335938</t>
  </si>
  <si>
    <t>-0.01493478609922505</t>
  </si>
  <si>
    <t>15.34768295288086</t>
  </si>
  <si>
    <t>794.7783813476562</t>
  </si>
  <si>
    <t>-0.058232730518238185</t>
  </si>
  <si>
    <t>11972</t>
  </si>
  <si>
    <t>14.852710723876953</t>
  </si>
  <si>
    <t>856.4050903320312</t>
  </si>
  <si>
    <t>0.04248698381077176</t>
  </si>
  <si>
    <t>12074</t>
  </si>
  <si>
    <t>15.714459419250488</t>
  </si>
  <si>
    <t>782.713623046875</t>
  </si>
  <si>
    <t>0.00848379038378333</t>
  </si>
  <si>
    <t>12369</t>
  </si>
  <si>
    <t>15.562442779541016</t>
  </si>
  <si>
    <t>945.019287109375</t>
  </si>
  <si>
    <t>0.024138962018637855</t>
  </si>
  <si>
    <t>15.141039848327637</t>
  </si>
  <si>
    <t>979.9247436523438</t>
  </si>
  <si>
    <t>0.018503471564558893</t>
  </si>
  <si>
    <t>12726</t>
  </si>
  <si>
    <t>15.203617095947266</t>
  </si>
  <si>
    <t>1008.3086547851562</t>
  </si>
  <si>
    <t>13129</t>
  </si>
  <si>
    <t>15.329245567321777</t>
  </si>
  <si>
    <t>901.1715087890625</t>
  </si>
  <si>
    <t>0.031176379141372834</t>
  </si>
  <si>
    <t>15.879496574401855</t>
  </si>
  <si>
    <t>906.3534545898438</t>
  </si>
  <si>
    <t>0.005999182665853198</t>
  </si>
  <si>
    <t>13351</t>
  </si>
  <si>
    <t>15.868416786193848</t>
  </si>
  <si>
    <t>1037.980224609375</t>
  </si>
  <si>
    <t>0.010768581790131293</t>
  </si>
  <si>
    <t>13504</t>
  </si>
  <si>
    <t>15.776118278503418</t>
  </si>
  <si>
    <t>997.8019409179688</t>
  </si>
  <si>
    <t>0.011394649445643168</t>
  </si>
  <si>
    <t>16.22532844543457</t>
  </si>
  <si>
    <t>879.5571899414062</t>
  </si>
  <si>
    <t>-0.03542460994341212</t>
  </si>
  <si>
    <t>16.06076431274414</t>
  </si>
  <si>
    <t>838.9410400390625</t>
  </si>
  <si>
    <t>-0.00948166671760653</t>
  </si>
  <si>
    <t>15.946590423583984</t>
  </si>
  <si>
    <t>1030.009033203125</t>
  </si>
  <si>
    <t>0.05191659943423943</t>
  </si>
  <si>
    <t>14051</t>
  </si>
  <si>
    <t>16.014196395874023</t>
  </si>
  <si>
    <t>802.7132568359375</t>
  </si>
  <si>
    <t>0.03269730699738105</t>
  </si>
  <si>
    <t>8840</t>
  </si>
  <si>
    <t>18.631439208984375</t>
  </si>
  <si>
    <t>1069.2261962890625</t>
  </si>
  <si>
    <t>1275.4488525390625</t>
  </si>
  <si>
    <t>Michoacan</t>
  </si>
  <si>
    <t>18.656991958618164</t>
  </si>
  <si>
    <t>978.8858032226562</t>
  </si>
  <si>
    <t>0.020379162336652712</t>
  </si>
  <si>
    <t>18.594120025634766</t>
  </si>
  <si>
    <t>995.4840698242188</t>
  </si>
  <si>
    <t>0.016707357188774807</t>
  </si>
  <si>
    <t>9267</t>
  </si>
  <si>
    <t>18.64769172668457</t>
  </si>
  <si>
    <t>883.5497436523438</t>
  </si>
  <si>
    <t>0.010086306429574421</t>
  </si>
  <si>
    <t>19.092966079711914</t>
  </si>
  <si>
    <t>878.415283203125</t>
  </si>
  <si>
    <t>0.04669657969867913</t>
  </si>
  <si>
    <t>18.95560646057129</t>
  </si>
  <si>
    <t>982.021728515625</t>
  </si>
  <si>
    <t>-0.03010890202538441</t>
  </si>
  <si>
    <t>18.65666389465332</t>
  </si>
  <si>
    <t>887.0195922851562</t>
  </si>
  <si>
    <t>0.031549676176028996</t>
  </si>
  <si>
    <t>18.832672119140625</t>
  </si>
  <si>
    <t>853.0360717773438</t>
  </si>
  <si>
    <t>0.09255780718946838</t>
  </si>
  <si>
    <t>19.185962677001953</t>
  </si>
  <si>
    <t>1036.3575439453125</t>
  </si>
  <si>
    <t>0.002340934633325631</t>
  </si>
  <si>
    <t>18.82166290283203</t>
  </si>
  <si>
    <t>906.934326171875</t>
  </si>
  <si>
    <t>0.04382533631203955</t>
  </si>
  <si>
    <t>18.847700119018555</t>
  </si>
  <si>
    <t>847.5698852539062</t>
  </si>
  <si>
    <t>-0.002509636523795322</t>
  </si>
  <si>
    <t>10343</t>
  </si>
  <si>
    <t>18.67775535583496</t>
  </si>
  <si>
    <t>936.2593994140625</t>
  </si>
  <si>
    <t>-0.07450153566924911</t>
  </si>
  <si>
    <t>9913</t>
  </si>
  <si>
    <t>18.938573837280273</t>
  </si>
  <si>
    <t>1037.628662109375</t>
  </si>
  <si>
    <t>-0.04246293534490597</t>
  </si>
  <si>
    <t>18.887575149536133</t>
  </si>
  <si>
    <t>1114.139892578125</t>
  </si>
  <si>
    <t>0.06549639976189425</t>
  </si>
  <si>
    <t>18.834484100341797</t>
  </si>
  <si>
    <t>1119.070556640625</t>
  </si>
  <si>
    <t>0.012301202112885434</t>
  </si>
  <si>
    <t>10846</t>
  </si>
  <si>
    <t>18.80790138244629</t>
  </si>
  <si>
    <t>742.8299560546875</t>
  </si>
  <si>
    <t>0.012151719493328272</t>
  </si>
  <si>
    <t>11210</t>
  </si>
  <si>
    <t>18.977420806884766</t>
  </si>
  <si>
    <t>1053.9925537109375</t>
  </si>
  <si>
    <t>0.03300988866519994</t>
  </si>
  <si>
    <t>11479</t>
  </si>
  <si>
    <t>18.886272430419922</t>
  </si>
  <si>
    <t>990.4215087890625</t>
  </si>
  <si>
    <t>0.02371304199929014</t>
  </si>
  <si>
    <t>11630</t>
  </si>
  <si>
    <t>18.82887077331543</t>
  </si>
  <si>
    <t>979.378662109375</t>
  </si>
  <si>
    <t>0.013068687447214344</t>
  </si>
  <si>
    <t>11042</t>
  </si>
  <si>
    <t>19.104684829711914</t>
  </si>
  <si>
    <t>811.556884765625</t>
  </si>
  <si>
    <t>-0.05188178266872079</t>
  </si>
  <si>
    <t>11273</t>
  </si>
  <si>
    <t>18.53023338317871</t>
  </si>
  <si>
    <t>913.7349243164062</t>
  </si>
  <si>
    <t>0.0207043022005422</t>
  </si>
  <si>
    <t>11838</t>
  </si>
  <si>
    <t>19.282974243164062</t>
  </si>
  <si>
    <t>882.55224609375</t>
  </si>
  <si>
    <t>0.048904210206139</t>
  </si>
  <si>
    <t>11872</t>
  </si>
  <si>
    <t>19.159826278686523</t>
  </si>
  <si>
    <t>870.091064453125</t>
  </si>
  <si>
    <t>0.0028679901564903076</t>
  </si>
  <si>
    <t>11984</t>
  </si>
  <si>
    <t>18.831836700439453</t>
  </si>
  <si>
    <t>1080.466064453125</t>
  </si>
  <si>
    <t>0.00938974034983886</t>
  </si>
  <si>
    <t>18.98255157470703</t>
  </si>
  <si>
    <t>1121.57373046875</t>
  </si>
  <si>
    <t>0.043275590801309605</t>
  </si>
  <si>
    <t>12539</t>
  </si>
  <si>
    <t>19.125272750854492</t>
  </si>
  <si>
    <t>975.6918334960938</t>
  </si>
  <si>
    <t>0.0019957696322290275</t>
  </si>
  <si>
    <t>13148</t>
  </si>
  <si>
    <t>19.577524185180664</t>
  </si>
  <si>
    <t>995.0579223632812</t>
  </si>
  <si>
    <t>0.0474258685935709</t>
  </si>
  <si>
    <t>13710</t>
  </si>
  <si>
    <t>19.505613327026367</t>
  </si>
  <si>
    <t>998.5712280273438</t>
  </si>
  <si>
    <t>0.04185583777224977</t>
  </si>
  <si>
    <t>13812</t>
  </si>
  <si>
    <t>19.470582962036133</t>
  </si>
  <si>
    <t>1217.3306884765625</t>
  </si>
  <si>
    <t>0.007412285953524389</t>
  </si>
  <si>
    <t>19.875131607055664</t>
  </si>
  <si>
    <t>1009.3883056640625</t>
  </si>
  <si>
    <t>0.0023863770951777497</t>
  </si>
  <si>
    <t>12904</t>
  </si>
  <si>
    <t>19.658681869506836</t>
  </si>
  <si>
    <t>896.5365600585938</t>
  </si>
  <si>
    <t>-0.07038681580001693</t>
  </si>
  <si>
    <t>19.619285583496094</t>
  </si>
  <si>
    <t>1130.528076171875</t>
  </si>
  <si>
    <t>0.05194404354672422</t>
  </si>
  <si>
    <t>14044</t>
  </si>
  <si>
    <t>19.52469253540039</t>
  </si>
  <si>
    <t>934.0322875976562</t>
  </si>
  <si>
    <t>0.03271387393655445</t>
  </si>
  <si>
    <t>15664</t>
  </si>
  <si>
    <t>22.614011764526367</t>
  </si>
  <si>
    <t>1327.608642578125</t>
  </si>
  <si>
    <t>543.2127685546875</t>
  </si>
  <si>
    <t>Morelos</t>
  </si>
  <si>
    <t>22.697486877441406</t>
  </si>
  <si>
    <t>1075.101806640625</t>
  </si>
  <si>
    <t>0.020410806194600895</t>
  </si>
  <si>
    <t>22.53110694885254</t>
  </si>
  <si>
    <t>1084.1859130859375</t>
  </si>
  <si>
    <t>0.016686179413316182</t>
  </si>
  <si>
    <t>16421</t>
  </si>
  <si>
    <t>22.71114158630371</t>
  </si>
  <si>
    <t>845.6272583007812</t>
  </si>
  <si>
    <t>0.010098932113628223</t>
  </si>
  <si>
    <t>23.111570358276367</t>
  </si>
  <si>
    <t>935.6911010742188</t>
  </si>
  <si>
    <t>-0.01324116691619004</t>
  </si>
  <si>
    <t>14240</t>
  </si>
  <si>
    <t>23.00295066833496</t>
  </si>
  <si>
    <t>997.8833618164062</t>
  </si>
  <si>
    <t>-0.12926493060968092</t>
  </si>
  <si>
    <t>14608</t>
  </si>
  <si>
    <t>22.73915672302246</t>
  </si>
  <si>
    <t>853.0226440429688</t>
  </si>
  <si>
    <t>0.025514417868784278</t>
  </si>
  <si>
    <t>15060</t>
  </si>
  <si>
    <t>22.87493324279785</t>
  </si>
  <si>
    <t>952.371337890625</t>
  </si>
  <si>
    <t>0.03047289851913426</t>
  </si>
  <si>
    <t>15983</t>
  </si>
  <si>
    <t>23.521774291992188</t>
  </si>
  <si>
    <t>1071.083740234375</t>
  </si>
  <si>
    <t>0.05948343501476927</t>
  </si>
  <si>
    <t>16408</t>
  </si>
  <si>
    <t>22.961713790893555</t>
  </si>
  <si>
    <t>0.026243363383562368</t>
  </si>
  <si>
    <t>23.094757080078125</t>
  </si>
  <si>
    <t>907.7843627929688</t>
  </si>
  <si>
    <t>0.032793754807523</t>
  </si>
  <si>
    <t>22.83628273010254</t>
  </si>
  <si>
    <t>1050.8819580078125</t>
  </si>
  <si>
    <t>0.003591302320334222</t>
  </si>
  <si>
    <t>23.03642463684082</t>
  </si>
  <si>
    <t>1036.7816162109375</t>
  </si>
  <si>
    <t>-0.062440738694109044</t>
  </si>
  <si>
    <t>16543</t>
  </si>
  <si>
    <t>23.124649047851562</t>
  </si>
  <si>
    <t>1048.878173828125</t>
  </si>
  <si>
    <t>0.034249712421051015</t>
  </si>
  <si>
    <t>22.872488021850586</t>
  </si>
  <si>
    <t>1163.1566162109375</t>
  </si>
  <si>
    <t>-0.027143779634460685</t>
  </si>
  <si>
    <t>23.074363708496094</t>
  </si>
  <si>
    <t>805.1763916015625</t>
  </si>
  <si>
    <t>0.03904152844322972</t>
  </si>
  <si>
    <t>15859</t>
  </si>
  <si>
    <t>23.066884994506836</t>
  </si>
  <si>
    <t>1181.3985595703125</t>
  </si>
  <si>
    <t>-0.05412363791718455</t>
  </si>
  <si>
    <t>15594</t>
  </si>
  <si>
    <t>23.044904708862305</t>
  </si>
  <si>
    <t>1073.318603515625</t>
  </si>
  <si>
    <t>-0.016850937629055096</t>
  </si>
  <si>
    <t>14921</t>
  </si>
  <si>
    <t>22.95568084716797</t>
  </si>
  <si>
    <t>990.7069702148438</t>
  </si>
  <si>
    <t>-0.04411660822912289</t>
  </si>
  <si>
    <t>23.21099853515625</t>
  </si>
  <si>
    <t>897.6654663085938</t>
  </si>
  <si>
    <t>-0.023393276140682318</t>
  </si>
  <si>
    <t>22.71588706970215</t>
  </si>
  <si>
    <t>973.2799072265625</t>
  </si>
  <si>
    <t>0.020574482327957</t>
  </si>
  <si>
    <t>14391</t>
  </si>
  <si>
    <t>1004.9627075195312</t>
  </si>
  <si>
    <t>-0.03334781165752254</t>
  </si>
  <si>
    <t>14223</t>
  </si>
  <si>
    <t>23.37795066833496</t>
  </si>
  <si>
    <t>1067.9803466796875</t>
  </si>
  <si>
    <t>-0.011742638599946176</t>
  </si>
  <si>
    <t>14676</t>
  </si>
  <si>
    <t>23.004966735839844</t>
  </si>
  <si>
    <t>1136.8388671875</t>
  </si>
  <si>
    <t>0.031353133904945096</t>
  </si>
  <si>
    <t>14517</t>
  </si>
  <si>
    <t>23.074934005737305</t>
  </si>
  <si>
    <t>1237.782470703125</t>
  </si>
  <si>
    <t>-0.010893130013744923</t>
  </si>
  <si>
    <t>14633</t>
  </si>
  <si>
    <t>23.196916580200195</t>
  </si>
  <si>
    <t>978.866455078125</t>
  </si>
  <si>
    <t>0.007958875630997397</t>
  </si>
  <si>
    <t>23.749937057495117</t>
  </si>
  <si>
    <t>1005.2487182617188</t>
  </si>
  <si>
    <t>0.02876297026145913</t>
  </si>
  <si>
    <t>15431</t>
  </si>
  <si>
    <t>23.711713790893555</t>
  </si>
  <si>
    <t>1202.1995849609375</t>
  </si>
  <si>
    <t>0.024336250717320596</t>
  </si>
  <si>
    <t>14875</t>
  </si>
  <si>
    <t>23.639158248901367</t>
  </si>
  <si>
    <t>1131.9014892578125</t>
  </si>
  <si>
    <t>-0.03669652165737425</t>
  </si>
  <si>
    <t>24.069475173950195</t>
  </si>
  <si>
    <t>1003.5307006835938</t>
  </si>
  <si>
    <t>-0.02505065987492827</t>
  </si>
  <si>
    <t>23.930395126342773</t>
  </si>
  <si>
    <t>938.591552734375</t>
  </si>
  <si>
    <t>-0.0983616357547934</t>
  </si>
  <si>
    <t>13849</t>
  </si>
  <si>
    <t>23.791887283325195</t>
  </si>
  <si>
    <t>1163.7493896484375</t>
  </si>
  <si>
    <t>0.05194337205860755</t>
  </si>
  <si>
    <t>14310</t>
  </si>
  <si>
    <t>23.84160041809082</t>
  </si>
  <si>
    <t>925.84716796875</t>
  </si>
  <si>
    <t>0.032745565707779534</t>
  </si>
  <si>
    <t>10752</t>
  </si>
  <si>
    <t>23.985376358032227</t>
  </si>
  <si>
    <t>1310.2313232421875</t>
  </si>
  <si>
    <t>435.5868835449219</t>
  </si>
  <si>
    <t>Nayarit</t>
  </si>
  <si>
    <t>23.996484756469727</t>
  </si>
  <si>
    <t>1118.5953369140625</t>
  </si>
  <si>
    <t>0.020437054855989345</t>
  </si>
  <si>
    <t>23.981794357299805</t>
  </si>
  <si>
    <t>1333.46923828125</t>
  </si>
  <si>
    <t>0.016717508566781447</t>
  </si>
  <si>
    <t>23.845970153808594</t>
  </si>
  <si>
    <t>1211.9364013671875</t>
  </si>
  <si>
    <t>0.010075427392814973</t>
  </si>
  <si>
    <t>11345</t>
  </si>
  <si>
    <t>24.1320858001709</t>
  </si>
  <si>
    <t>1197.4163818359375</t>
  </si>
  <si>
    <t>0.006455343635424882</t>
  </si>
  <si>
    <t>23.944215774536133</t>
  </si>
  <si>
    <t>1110.5860595703125</t>
  </si>
  <si>
    <t>-0.11386827554892776</t>
  </si>
  <si>
    <t>23.783491134643555</t>
  </si>
  <si>
    <t>1189.8626708984375</t>
  </si>
  <si>
    <t>0.02535731727885704</t>
  </si>
  <si>
    <t>24.08649253845215</t>
  </si>
  <si>
    <t>1238.9554443359375</t>
  </si>
  <si>
    <t>0.0067185203289952256</t>
  </si>
  <si>
    <t>24.263757705688477</t>
  </si>
  <si>
    <t>1483.083740234375</t>
  </si>
  <si>
    <t>0.07071321980382095</t>
  </si>
  <si>
    <t>23.722732543945312</t>
  </si>
  <si>
    <t>1446.321044921875</t>
  </si>
  <si>
    <t>0.020029786841789132</t>
  </si>
  <si>
    <t>11409</t>
  </si>
  <si>
    <t>23.86805534362793</t>
  </si>
  <si>
    <t>1310.1700439453125</t>
  </si>
  <si>
    <t>-0.0033251693221068024</t>
  </si>
  <si>
    <t>23.772531509399414</t>
  </si>
  <si>
    <t>1059.7391357421875</t>
  </si>
  <si>
    <t>0.021504340323462046</t>
  </si>
  <si>
    <t>11363</t>
  </si>
  <si>
    <t>23.9946231842041</t>
  </si>
  <si>
    <t>1128.3568115234375</t>
  </si>
  <si>
    <t>-0.02554439500182326</t>
  </si>
  <si>
    <t>23.940322875976562</t>
  </si>
  <si>
    <t>1285.978759765625</t>
  </si>
  <si>
    <t>0.11877015915140099</t>
  </si>
  <si>
    <t>23.885709762573242</t>
  </si>
  <si>
    <t>1195.1533203125</t>
  </si>
  <si>
    <t>0.09292021650778537</t>
  </si>
  <si>
    <t>14233</t>
  </si>
  <si>
    <t>23.919301986694336</t>
  </si>
  <si>
    <t>930.9605712890625</t>
  </si>
  <si>
    <t>0.013510373493430095</t>
  </si>
  <si>
    <t>14023</t>
  </si>
  <si>
    <t>24.14684295654297</t>
  </si>
  <si>
    <t>1338.658935546875</t>
  </si>
  <si>
    <t>-0.014864373343973725</t>
  </si>
  <si>
    <t>13640</t>
  </si>
  <si>
    <t>23.86878204345703</t>
  </si>
  <si>
    <t>1321.9876708984375</t>
  </si>
  <si>
    <t>-0.027692186329197455</t>
  </si>
  <si>
    <t>23.857637405395508</t>
  </si>
  <si>
    <t>1426.6817626953125</t>
  </si>
  <si>
    <t>0.049697446920015764</t>
  </si>
  <si>
    <t>13271</t>
  </si>
  <si>
    <t>24.278146743774414</t>
  </si>
  <si>
    <t>1207.9427490234375</t>
  </si>
  <si>
    <t>-0.07712289588022081</t>
  </si>
  <si>
    <t>23.52232551574707</t>
  </si>
  <si>
    <t>1173.6900634765625</t>
  </si>
  <si>
    <t>0.02661867199026524</t>
  </si>
  <si>
    <t>24.3013973236084</t>
  </si>
  <si>
    <t>1224.1934814453125</t>
  </si>
  <si>
    <t>-0.005591950411497848</t>
  </si>
  <si>
    <t>24.269033432006836</t>
  </si>
  <si>
    <t>955.93701171875</t>
  </si>
  <si>
    <t>-0.031632078157011634</t>
  </si>
  <si>
    <t>24.098112106323242</t>
  </si>
  <si>
    <t>1364.1226806640625</t>
  </si>
  <si>
    <t>0.0114338882416547</t>
  </si>
  <si>
    <t>13645</t>
  </si>
  <si>
    <t>24.441484451293945</t>
  </si>
  <si>
    <t>1477.6617431640625</t>
  </si>
  <si>
    <t>0.026963419041779346</t>
  </si>
  <si>
    <t>24.487340927124023</t>
  </si>
  <si>
    <t>1056.49169921875</t>
  </si>
  <si>
    <t>0.0386709101521685</t>
  </si>
  <si>
    <t>14580</t>
  </si>
  <si>
    <t>24.81087303161621</t>
  </si>
  <si>
    <t>1367.8720703125</t>
  </si>
  <si>
    <t>0.02760666226804176</t>
  </si>
  <si>
    <t>24.731651306152344</t>
  </si>
  <si>
    <t>1176.910888671875</t>
  </si>
  <si>
    <t>-0.004468129103917917</t>
  </si>
  <si>
    <t>14236</t>
  </si>
  <si>
    <t>24.73991584777832</t>
  </si>
  <si>
    <t>1370.98779296875</t>
  </si>
  <si>
    <t>-0.019408629828648216</t>
  </si>
  <si>
    <t>24.918020248413086</t>
  </si>
  <si>
    <t>1205.98876953125</t>
  </si>
  <si>
    <t>-0.0012652001406543434</t>
  </si>
  <si>
    <t>24.84254264831543</t>
  </si>
  <si>
    <t>1129.9527587890625</t>
  </si>
  <si>
    <t>-0.07778287262813244</t>
  </si>
  <si>
    <t>13855</t>
  </si>
  <si>
    <t>24.81318473815918</t>
  </si>
  <si>
    <t>1534.509033203125</t>
  </si>
  <si>
    <t>0.051920283435782366</t>
  </si>
  <si>
    <t>24.589380264282227</t>
  </si>
  <si>
    <t>1234.267578125</t>
  </si>
  <si>
    <t>0.03273161458883855</t>
  </si>
  <si>
    <t>26914</t>
  </si>
  <si>
    <t>21.880258560180664</t>
  </si>
  <si>
    <t>481.62548828125</t>
  </si>
  <si>
    <t>1489.56103515625</t>
  </si>
  <si>
    <t>Nuevo Leon</t>
  </si>
  <si>
    <t>27469</t>
  </si>
  <si>
    <t>22.002317428588867</t>
  </si>
  <si>
    <t>514.944580078125</t>
  </si>
  <si>
    <t>0.020411498776107706</t>
  </si>
  <si>
    <t>21.72661590576172</t>
  </si>
  <si>
    <t>435.9476318359375</t>
  </si>
  <si>
    <t>0.01671488888833217</t>
  </si>
  <si>
    <t>21.64501190185547</t>
  </si>
  <si>
    <t>535.0485229492188</t>
  </si>
  <si>
    <t>0.010080766437313926</t>
  </si>
  <si>
    <t>22.208559036254883</t>
  </si>
  <si>
    <t>417.30322265625</t>
  </si>
  <si>
    <t>0.0300249469836249</t>
  </si>
  <si>
    <t>22.2388916015625</t>
  </si>
  <si>
    <t>502.1805725097656</t>
  </si>
  <si>
    <t>-0.08566467222839158</t>
  </si>
  <si>
    <t>27694</t>
  </si>
  <si>
    <t>21.98343849182129</t>
  </si>
  <si>
    <t>430.45123291015625</t>
  </si>
  <si>
    <t>0.03700175705618669</t>
  </si>
  <si>
    <t>21.436948776245117</t>
  </si>
  <si>
    <t>454.0511474609375</t>
  </si>
  <si>
    <t>0.06999860037623051</t>
  </si>
  <si>
    <t>22.839828491210938</t>
  </si>
  <si>
    <t>397.9891052246094</t>
  </si>
  <si>
    <t>0.05969337361906213</t>
  </si>
  <si>
    <t>22.6243953704834</t>
  </si>
  <si>
    <t>407.8604736328125</t>
  </si>
  <si>
    <t>0.025366174983574297</t>
  </si>
  <si>
    <t>33732</t>
  </si>
  <si>
    <t>22.05354881286621</t>
  </si>
  <si>
    <t>433.0838317871094</t>
  </si>
  <si>
    <t>0.04217300950100622</t>
  </si>
  <si>
    <t>22.0924129486084</t>
  </si>
  <si>
    <t>516.7192993164062</t>
  </si>
  <si>
    <t>-0.009531824818736823</t>
  </si>
  <si>
    <t>21.708192825317383</t>
  </si>
  <si>
    <t>620.9544067382812</t>
  </si>
  <si>
    <t>-0.002007280809388945</t>
  </si>
  <si>
    <t>32545</t>
  </si>
  <si>
    <t>21.911901473999023</t>
  </si>
  <si>
    <t>810.6682739257812</t>
  </si>
  <si>
    <t>-0.024284089059920078</t>
  </si>
  <si>
    <t>33603</t>
  </si>
  <si>
    <t>22.14672088623047</t>
  </si>
  <si>
    <t>648.1724853515625</t>
  </si>
  <si>
    <t>0.03199160167336146</t>
  </si>
  <si>
    <t>33881</t>
  </si>
  <si>
    <t>22.65355110168457</t>
  </si>
  <si>
    <t>483.6343994140625</t>
  </si>
  <si>
    <t>0.008239036589161586</t>
  </si>
  <si>
    <t>22.510719299316406</t>
  </si>
  <si>
    <t>490.9342346191406</t>
  </si>
  <si>
    <t>0.04365967518670821</t>
  </si>
  <si>
    <t>36329</t>
  </si>
  <si>
    <t>21.89984130859375</t>
  </si>
  <si>
    <t>598.4786987304688</t>
  </si>
  <si>
    <t>0.026102259919644766</t>
  </si>
  <si>
    <t>35672</t>
  </si>
  <si>
    <t>22.439146041870117</t>
  </si>
  <si>
    <t>607.8079833984375</t>
  </si>
  <si>
    <t>-0.01825025306805017</t>
  </si>
  <si>
    <t>22.35090446472168</t>
  </si>
  <si>
    <t>414.0519714355469</t>
  </si>
  <si>
    <t>-0.07782820328752038</t>
  </si>
  <si>
    <t>21.890928268432617</t>
  </si>
  <si>
    <t>729.3133544921875</t>
  </si>
  <si>
    <t>0.03846170691362971</t>
  </si>
  <si>
    <t>23.47933006286621</t>
  </si>
  <si>
    <t>308.6430969238281</t>
  </si>
  <si>
    <t>-0.004676320081040686</t>
  </si>
  <si>
    <t>34896</t>
  </si>
  <si>
    <t>23.220029830932617</t>
  </si>
  <si>
    <t>452.9942321777344</t>
  </si>
  <si>
    <t>0.022048958589028445</t>
  </si>
  <si>
    <t>34387</t>
  </si>
  <si>
    <t>21.943994522094727</t>
  </si>
  <si>
    <t>734.6998291015625</t>
  </si>
  <si>
    <t>-0.014693623481500495</t>
  </si>
  <si>
    <t>21.680429458618164</t>
  </si>
  <si>
    <t>701.3408203125</t>
  </si>
  <si>
    <t>0.020664984491439498</t>
  </si>
  <si>
    <t>37106</t>
  </si>
  <si>
    <t>22.293609619140625</t>
  </si>
  <si>
    <t>619.2362670898438</t>
  </si>
  <si>
    <t>0.05543511113547339</t>
  </si>
  <si>
    <t>37206</t>
  </si>
  <si>
    <t>23.166425704956055</t>
  </si>
  <si>
    <t>714.6112060546875</t>
  </si>
  <si>
    <t>0.0026913569911108937</t>
  </si>
  <si>
    <t>37933</t>
  </si>
  <si>
    <t>22.866073608398438</t>
  </si>
  <si>
    <t>566.0355834960938</t>
  </si>
  <si>
    <t>0.019351407043494362</t>
  </si>
  <si>
    <t>22.62532615661621</t>
  </si>
  <si>
    <t>595.03125</t>
  </si>
  <si>
    <t>0.025095681188524566</t>
  </si>
  <si>
    <t>39154</t>
  </si>
  <si>
    <t>22.94523048400879</t>
  </si>
  <si>
    <t>490.99224853515625</t>
  </si>
  <si>
    <t>0.0065854615265354965</t>
  </si>
  <si>
    <t>23.0057430267334</t>
  </si>
  <si>
    <t>441.6556091308594</t>
  </si>
  <si>
    <t>-0.16555530359205228</t>
  </si>
  <si>
    <t>34949</t>
  </si>
  <si>
    <t>22.436662673950195</t>
  </si>
  <si>
    <t>695.7278442382812</t>
  </si>
  <si>
    <t>0.05194257120488999</t>
  </si>
  <si>
    <t>36112</t>
  </si>
  <si>
    <t>23.13786506652832</t>
  </si>
  <si>
    <t>479.7830505371094</t>
  </si>
  <si>
    <t>0.03273536410799238</t>
  </si>
  <si>
    <t>21.616437911987305</t>
  </si>
  <si>
    <t>1178.646240234375</t>
  </si>
  <si>
    <t>1081.8287353515625</t>
  </si>
  <si>
    <t>Oaxaca</t>
  </si>
  <si>
    <t>21.68665313720703</t>
  </si>
  <si>
    <t>1069.6519775390625</t>
  </si>
  <si>
    <t>0.020357609849416036</t>
  </si>
  <si>
    <t>21.4293212890625</t>
  </si>
  <si>
    <t>1259.7747802734375</t>
  </si>
  <si>
    <t>0.01673950720239681</t>
  </si>
  <si>
    <t>21.581192016601562</t>
  </si>
  <si>
    <t>1348.654052734375</t>
  </si>
  <si>
    <t>0.010114675567212572</t>
  </si>
  <si>
    <t>21.940214157104492</t>
  </si>
  <si>
    <t>930.2437744140625</t>
  </si>
  <si>
    <t>0.022297327355122576</t>
  </si>
  <si>
    <t>7626</t>
  </si>
  <si>
    <t>21.80120086669922</t>
  </si>
  <si>
    <t>1382.4425048828125</t>
  </si>
  <si>
    <t>-0.051247397714067944</t>
  </si>
  <si>
    <t>7717</t>
  </si>
  <si>
    <t>21.599868774414062</t>
  </si>
  <si>
    <t>1261.296630859375</t>
  </si>
  <si>
    <t>0.011862226040094015</t>
  </si>
  <si>
    <t>21.85436248779297</t>
  </si>
  <si>
    <t>1025.4306640625</t>
  </si>
  <si>
    <t>-0.008589329225751285</t>
  </si>
  <si>
    <t>22.3853816986084</t>
  </si>
  <si>
    <t>1382.5816650390625</t>
  </si>
  <si>
    <t>0.0336706183773412</t>
  </si>
  <si>
    <t>7953</t>
  </si>
  <si>
    <t>21.724294662475586</t>
  </si>
  <si>
    <t>1530.4715576171875</t>
  </si>
  <si>
    <t>0.005042239347941901</t>
  </si>
  <si>
    <t>21.918527603149414</t>
  </si>
  <si>
    <t>1188.729248046875</t>
  </si>
  <si>
    <t>0.01361244871997691</t>
  </si>
  <si>
    <t>21.73893928527832</t>
  </si>
  <si>
    <t>1104.4154052734375</t>
  </si>
  <si>
    <t>0.03414133107977868</t>
  </si>
  <si>
    <t>21.931617736816406</t>
  </si>
  <si>
    <t>1198.463134765625</t>
  </si>
  <si>
    <t>-0.0028811544540339185</t>
  </si>
  <si>
    <t>8868</t>
  </si>
  <si>
    <t>22.11163330078125</t>
  </si>
  <si>
    <t>1093.6414794921875</t>
  </si>
  <si>
    <t>0.06402745043334512</t>
  </si>
  <si>
    <t>9212</t>
  </si>
  <si>
    <t>21.8228816986084</t>
  </si>
  <si>
    <t>1256.7554931640625</t>
  </si>
  <si>
    <t>0.038057690204373884</t>
  </si>
  <si>
    <t>21.981287002563477</t>
  </si>
  <si>
    <t>1200.9803466796875</t>
  </si>
  <si>
    <t>-0.08208923517830513</t>
  </si>
  <si>
    <t>21.858869552612305</t>
  </si>
  <si>
    <t>1390.64794921875</t>
  </si>
  <si>
    <t>0.1291617370150977</t>
  </si>
  <si>
    <t>21.86097526550293</t>
  </si>
  <si>
    <t>1157.4825439453125</t>
  </si>
  <si>
    <t>-0.045879119541648805</t>
  </si>
  <si>
    <t>21.7491512298584</t>
  </si>
  <si>
    <t>1326.5274658203125</t>
  </si>
  <si>
    <t>0.023043729050613138</t>
  </si>
  <si>
    <t>8935</t>
  </si>
  <si>
    <t>22.0915584564209</t>
  </si>
  <si>
    <t>1133.7105712890625</t>
  </si>
  <si>
    <t>-0.054767944692803994</t>
  </si>
  <si>
    <t>9268</t>
  </si>
  <si>
    <t>21.592519760131836</t>
  </si>
  <si>
    <t>1493.8902587890625</t>
  </si>
  <si>
    <t>0.03659145795873897</t>
  </si>
  <si>
    <t>22.28761863708496</t>
  </si>
  <si>
    <t>1256.6322021484375</t>
  </si>
  <si>
    <t>0.006988900013480404</t>
  </si>
  <si>
    <t>22.163175582885742</t>
  </si>
  <si>
    <t>1327.1239013671875</t>
  </si>
  <si>
    <t>0.0383631720995492</t>
  </si>
  <si>
    <t>21.89165687561035</t>
  </si>
  <si>
    <t>1351.329833984375</t>
  </si>
  <si>
    <t>-0.03494034278710778</t>
  </si>
  <si>
    <t>21.877471923828125</t>
  </si>
  <si>
    <t>1302.2862548828125</t>
  </si>
  <si>
    <t>0.035970951968302245</t>
  </si>
  <si>
    <t>22.144975662231445</t>
  </si>
  <si>
    <t>1056.056884765625</t>
  </si>
  <si>
    <t>0.05051528270904626</t>
  </si>
  <si>
    <t>9385</t>
  </si>
  <si>
    <t>22.59398078918457</t>
  </si>
  <si>
    <t>1121.6549072265625</t>
  </si>
  <si>
    <t>-0.0843529005349275</t>
  </si>
  <si>
    <t>22.373563766479492</t>
  </si>
  <si>
    <t>1417.3123779296875</t>
  </si>
  <si>
    <t>0.01910247521963271</t>
  </si>
  <si>
    <t>22.37652587890625</t>
  </si>
  <si>
    <t>1114.9527587890625</t>
  </si>
  <si>
    <t>0.06740264684651187</t>
  </si>
  <si>
    <t>9731</t>
  </si>
  <si>
    <t>22.788667678833008</t>
  </si>
  <si>
    <t>1167.667236328125</t>
  </si>
  <si>
    <t>-0.05030112626476502</t>
  </si>
  <si>
    <t>22.747987747192383</t>
  </si>
  <si>
    <t>1155.0330810546875</t>
  </si>
  <si>
    <t>-0.03705678340236496</t>
  </si>
  <si>
    <t>9877</t>
  </si>
  <si>
    <t>22.495689392089844</t>
  </si>
  <si>
    <t>1243.4886474609375</t>
  </si>
  <si>
    <t>0.05194893948850243</t>
  </si>
  <si>
    <t>10206</t>
  </si>
  <si>
    <t>22.515443801879883</t>
  </si>
  <si>
    <t>1136.3756103515625</t>
  </si>
  <si>
    <t>0.032766960715790105</t>
  </si>
  <si>
    <t>19.07697868347168</t>
  </si>
  <si>
    <t>1163.411376953125</t>
  </si>
  <si>
    <t>1095.087158203125</t>
  </si>
  <si>
    <t>Puebla</t>
  </si>
  <si>
    <t>10543</t>
  </si>
  <si>
    <t>19.154821395874023</t>
  </si>
  <si>
    <t>1144.191162109375</t>
  </si>
  <si>
    <t>0.020409849463264962</t>
  </si>
  <si>
    <t>10721</t>
  </si>
  <si>
    <t>18.92188835144043</t>
  </si>
  <si>
    <t>1128.1337890625</t>
  </si>
  <si>
    <t>0.0167423022792903</t>
  </si>
  <si>
    <t>19.10767364501953</t>
  </si>
  <si>
    <t>967.9022827148438</t>
  </si>
  <si>
    <t>0.010115626138796685</t>
  </si>
  <si>
    <t>11035</t>
  </si>
  <si>
    <t>19.527902603149414</t>
  </si>
  <si>
    <t>882.2850341796875</t>
  </si>
  <si>
    <t>0.01875197869579992</t>
  </si>
  <si>
    <t>9976</t>
  </si>
  <si>
    <t>19.433107376098633</t>
  </si>
  <si>
    <t>1006.199951171875</t>
  </si>
  <si>
    <t>-0.10088983133096363</t>
  </si>
  <si>
    <t>19.171592712402344</t>
  </si>
  <si>
    <t>878.2825317382812</t>
  </si>
  <si>
    <t>0.07509557000975065</t>
  </si>
  <si>
    <t>19.321863174438477</t>
  </si>
  <si>
    <t>1061.4482421875</t>
  </si>
  <si>
    <t>0.06593818277578123</t>
  </si>
  <si>
    <t>12100</t>
  </si>
  <si>
    <t>19.998517990112305</t>
  </si>
  <si>
    <t>1155.74560546875</t>
  </si>
  <si>
    <t>0.05198949143942855</t>
  </si>
  <si>
    <t>12476</t>
  </si>
  <si>
    <t>19.3674373626709</t>
  </si>
  <si>
    <t>1042.0228271484375</t>
  </si>
  <si>
    <t>0.03060134614286092</t>
  </si>
  <si>
    <t>19.518491744995117</t>
  </si>
  <si>
    <t>1006.9721069335938</t>
  </si>
  <si>
    <t>0.01598252921103338</t>
  </si>
  <si>
    <t>19.293689727783203</t>
  </si>
  <si>
    <t>1125.568115234375</t>
  </si>
  <si>
    <t>0.07819027605577133</t>
  </si>
  <si>
    <t>19.46611976623535</t>
  </si>
  <si>
    <t>1031.314453125</t>
  </si>
  <si>
    <t>-0.04926810153225247</t>
  </si>
  <si>
    <t>19.60495376586914</t>
  </si>
  <si>
    <t>1154.766357421875</t>
  </si>
  <si>
    <t>-0.09798829720858393</t>
  </si>
  <si>
    <t>19.3162784576416</t>
  </si>
  <si>
    <t>1090.401611328125</t>
  </si>
  <si>
    <t>-0.01541702525981492</t>
  </si>
  <si>
    <t>19.579570770263672</t>
  </si>
  <si>
    <t>985.78955078125</t>
  </si>
  <si>
    <t>0.03930324523767581</t>
  </si>
  <si>
    <t>19.488481521606445</t>
  </si>
  <si>
    <t>1194.01025390625</t>
  </si>
  <si>
    <t>0.01880369333622056</t>
  </si>
  <si>
    <t>12624</t>
  </si>
  <si>
    <t>19.487062454223633</t>
  </si>
  <si>
    <t>1143.9517822265625</t>
  </si>
  <si>
    <t>0.022186645517912496</t>
  </si>
  <si>
    <t>19.388254165649414</t>
  </si>
  <si>
    <t>1114.6612548828125</t>
  </si>
  <si>
    <t>-0.006038473775086928</t>
  </si>
  <si>
    <t>19.65932273864746</t>
  </si>
  <si>
    <t>1022.8090209960938</t>
  </si>
  <si>
    <t>-0.07786677474654624</t>
  </si>
  <si>
    <t>19.216693878173828</t>
  </si>
  <si>
    <t>1042.572509765625</t>
  </si>
  <si>
    <t>0.04924951190373861</t>
  </si>
  <si>
    <t>12523</t>
  </si>
  <si>
    <t>19.90928077697754</t>
  </si>
  <si>
    <t>1056.280029296875</t>
  </si>
  <si>
    <t>0.02662292609627137</t>
  </si>
  <si>
    <t>19.81688690185547</t>
  </si>
  <si>
    <t>1206.4705810546875</t>
  </si>
  <si>
    <t>0.04870270222007633</t>
  </si>
  <si>
    <t>19.473384857177734</t>
  </si>
  <si>
    <t>1276.9105224609375</t>
  </si>
  <si>
    <t>-0.01710623540748024</t>
  </si>
  <si>
    <t>19.509103775024414</t>
  </si>
  <si>
    <t>1312.8778076171875</t>
  </si>
  <si>
    <t>-0.0057417910694876895</t>
  </si>
  <si>
    <t>19.684717178344727</t>
  </si>
  <si>
    <t>1043.8717041015625</t>
  </si>
  <si>
    <t>0.0282335592722589</t>
  </si>
  <si>
    <t>20.18739891052246</t>
  </si>
  <si>
    <t>1110.0789794921875</t>
  </si>
  <si>
    <t>0.012778285717979898</t>
  </si>
  <si>
    <t>20.081510543823242</t>
  </si>
  <si>
    <t>1306.9730224609375</t>
  </si>
  <si>
    <t>0.024348259028784014</t>
  </si>
  <si>
    <t>13793</t>
  </si>
  <si>
    <t>20.006084442138672</t>
  </si>
  <si>
    <t>1056.9122314453125</t>
  </si>
  <si>
    <t>0.005379483749354819</t>
  </si>
  <si>
    <t>13547</t>
  </si>
  <si>
    <t>20.473724365234375</t>
  </si>
  <si>
    <t>1073.6318359375</t>
  </si>
  <si>
    <t>-0.017996096494782066</t>
  </si>
  <si>
    <t>11868</t>
  </si>
  <si>
    <t>20.378719329833984</t>
  </si>
  <si>
    <t>969.6665649414062</t>
  </si>
  <si>
    <t>-0.1323194181700238</t>
  </si>
  <si>
    <t>12501</t>
  </si>
  <si>
    <t>20.20100975036621</t>
  </si>
  <si>
    <t>1197.83203125</t>
  </si>
  <si>
    <t>0.05196293867984991</t>
  </si>
  <si>
    <t>12917</t>
  </si>
  <si>
    <t>20.232555389404297</t>
  </si>
  <si>
    <t>985.5257568359375</t>
  </si>
  <si>
    <t>0.0327356321414527</t>
  </si>
  <si>
    <t>1861</t>
  </si>
  <si>
    <t>16967</t>
  </si>
  <si>
    <t>17.850690841674805</t>
  </si>
  <si>
    <t>710.78759765625</t>
  </si>
  <si>
    <t>464.416015625</t>
  </si>
  <si>
    <t>Queretaro</t>
  </si>
  <si>
    <t>17317</t>
  </si>
  <si>
    <t>18.00483512878418</t>
  </si>
  <si>
    <t>726.0702514648438</t>
  </si>
  <si>
    <t>0.020418396909210657</t>
  </si>
  <si>
    <t>17.832029342651367</t>
  </si>
  <si>
    <t>619.0296630859375</t>
  </si>
  <si>
    <t>0.016721457008626928</t>
  </si>
  <si>
    <t>17788</t>
  </si>
  <si>
    <t>17.93475914001465</t>
  </si>
  <si>
    <t>541.3460693359375</t>
  </si>
  <si>
    <t>0.010113937669808948</t>
  </si>
  <si>
    <t>18657</t>
  </si>
  <si>
    <t>18.425853729248047</t>
  </si>
  <si>
    <t>601.763671875</t>
  </si>
  <si>
    <t>0.04769733814141297</t>
  </si>
  <si>
    <t>18.378925323486328</t>
  </si>
  <si>
    <t>592.8367309570312</t>
  </si>
  <si>
    <t>-0.05644926436407616</t>
  </si>
  <si>
    <t>18786</t>
  </si>
  <si>
    <t>18.000463485717773</t>
  </si>
  <si>
    <t>526.911865234375</t>
  </si>
  <si>
    <t>0.06333976514653727</t>
  </si>
  <si>
    <t>20566</t>
  </si>
  <si>
    <t>18.062545776367188</t>
  </si>
  <si>
    <t>556.691162109375</t>
  </si>
  <si>
    <t>0.0905273152346755</t>
  </si>
  <si>
    <t>22067</t>
  </si>
  <si>
    <t>18.679950714111328</t>
  </si>
  <si>
    <t>628.9573974609375</t>
  </si>
  <si>
    <t>0.07044405309394541</t>
  </si>
  <si>
    <t>18.38933563232422</t>
  </si>
  <si>
    <t>529.2091674804688</t>
  </si>
  <si>
    <t>0.010593080642225416</t>
  </si>
  <si>
    <t>23005</t>
  </si>
  <si>
    <t>18.280519485473633</t>
  </si>
  <si>
    <t>557.9403076171875</t>
  </si>
  <si>
    <t>0.03103522306426143</t>
  </si>
  <si>
    <t>18.10982322692871</t>
  </si>
  <si>
    <t>657.1924438476562</t>
  </si>
  <si>
    <t>-0.030362863730116985</t>
  </si>
  <si>
    <t>18.271427154541016</t>
  </si>
  <si>
    <t>669.5220947265625</t>
  </si>
  <si>
    <t>-0.031175020016760868</t>
  </si>
  <si>
    <t>20721</t>
  </si>
  <si>
    <t>18.262088775634766</t>
  </si>
  <si>
    <t>746.4583129882812</t>
  </si>
  <si>
    <t>-0.04302602108560727</t>
  </si>
  <si>
    <t>21398</t>
  </si>
  <si>
    <t>18.089059829711914</t>
  </si>
  <si>
    <t>774.088623046875</t>
  </si>
  <si>
    <t>0.032149780941468364</t>
  </si>
  <si>
    <t>22576</t>
  </si>
  <si>
    <t>18.2801570892334</t>
  </si>
  <si>
    <t>560.059326171875</t>
  </si>
  <si>
    <t>0.053589935394043664</t>
  </si>
  <si>
    <t>18.318544387817383</t>
  </si>
  <si>
    <t>675.2286376953125</t>
  </si>
  <si>
    <t>0.032681223158400385</t>
  </si>
  <si>
    <t>18.24613380432129</t>
  </si>
  <si>
    <t>722.1304321289062</t>
  </si>
  <si>
    <t>0.02015897833261171</t>
  </si>
  <si>
    <t>23902</t>
  </si>
  <si>
    <t>18.240549087524414</t>
  </si>
  <si>
    <t>601.4722900390625</t>
  </si>
  <si>
    <t>0.004234540843219392</t>
  </si>
  <si>
    <t>23182</t>
  </si>
  <si>
    <t>18.379058837890625</t>
  </si>
  <si>
    <t>540.4603271484375</t>
  </si>
  <si>
    <t>-0.030586021978136202</t>
  </si>
  <si>
    <t>17.857973098754883</t>
  </si>
  <si>
    <t>568.6873168945312</t>
  </si>
  <si>
    <t>0.026099359106520836</t>
  </si>
  <si>
    <t>24631</t>
  </si>
  <si>
    <t>18.88538360595703</t>
  </si>
  <si>
    <t>569.9656982421875</t>
  </si>
  <si>
    <t>0.0345303376283983</t>
  </si>
  <si>
    <t>18.649620056152344</t>
  </si>
  <si>
    <t>593.5969848632812</t>
  </si>
  <si>
    <t>0.013509087027387068</t>
  </si>
  <si>
    <t>24861</t>
  </si>
  <si>
    <t>18.172880172729492</t>
  </si>
  <si>
    <t>722.9064331054688</t>
  </si>
  <si>
    <t>-0.004214588693844945</t>
  </si>
  <si>
    <t>18.229307174682617</t>
  </si>
  <si>
    <t>754.1505737304688</t>
  </si>
  <si>
    <t>0.034435043013738564</t>
  </si>
  <si>
    <t>18.29837989807129</t>
  </si>
  <si>
    <t>686.2970581054688</t>
  </si>
  <si>
    <t>0.060103276367543756</t>
  </si>
  <si>
    <t>28321</t>
  </si>
  <si>
    <t>18.895221710205078</t>
  </si>
  <si>
    <t>635.3759155273438</t>
  </si>
  <si>
    <t>0.03576494902027605</t>
  </si>
  <si>
    <t>18.933429718017578</t>
  </si>
  <si>
    <t>682.411865234375</t>
  </si>
  <si>
    <t>0.019130136273453502</t>
  </si>
  <si>
    <t>29297</t>
  </si>
  <si>
    <t>18.82236671447754</t>
  </si>
  <si>
    <t>738.0294189453125</t>
  </si>
  <si>
    <t>0.014751406492377939</t>
  </si>
  <si>
    <t>19.303319931030273</t>
  </si>
  <si>
    <t>603.2969360351562</t>
  </si>
  <si>
    <t>-0.018186703171954477</t>
  </si>
  <si>
    <t>23141</t>
  </si>
  <si>
    <t>19.03766632080078</t>
  </si>
  <si>
    <t>562.1105346679688</t>
  </si>
  <si>
    <t>-0.21769248248691575</t>
  </si>
  <si>
    <t>24375</t>
  </si>
  <si>
    <t>19.010602951049805</t>
  </si>
  <si>
    <t>691.0944213867188</t>
  </si>
  <si>
    <t>0.05195208084037617</t>
  </si>
  <si>
    <t>19.075437545776367</t>
  </si>
  <si>
    <t>575.5380859375</t>
  </si>
  <si>
    <t>0.032730267699744076</t>
  </si>
  <si>
    <t>26.129425048828125</t>
  </si>
  <si>
    <t>1258.2098388671875</t>
  </si>
  <si>
    <t>178.67111206054688</t>
  </si>
  <si>
    <t>Quintana Roo</t>
  </si>
  <si>
    <t>25.888303756713867</t>
  </si>
  <si>
    <t>1116.0472412109375</t>
  </si>
  <si>
    <t>0.02040646220041964</t>
  </si>
  <si>
    <t>25.651887893676758</t>
  </si>
  <si>
    <t>1257.7449951171875</t>
  </si>
  <si>
    <t>0.016720306094502035</t>
  </si>
  <si>
    <t>30765</t>
  </si>
  <si>
    <t>25.572891235351562</t>
  </si>
  <si>
    <t>1285.61669921875</t>
  </si>
  <si>
    <t>0.010094661112256986</t>
  </si>
  <si>
    <t>30252</t>
  </si>
  <si>
    <t>25.976533889770508</t>
  </si>
  <si>
    <t>1126.372314453125</t>
  </si>
  <si>
    <t>-0.016815382198670292</t>
  </si>
  <si>
    <t>25.89818572998047</t>
  </si>
  <si>
    <t>1373.57568359375</t>
  </si>
  <si>
    <t>-0.10535316998130817</t>
  </si>
  <si>
    <t>25.748594284057617</t>
  </si>
  <si>
    <t>1086.4737548828125</t>
  </si>
  <si>
    <t>0.024345873657567907</t>
  </si>
  <si>
    <t>26.21970558166504</t>
  </si>
  <si>
    <t>1302.7530517578125</t>
  </si>
  <si>
    <t>0.05654687282722648</t>
  </si>
  <si>
    <t>26.34843635559082</t>
  </si>
  <si>
    <t>1275.1060791015625</t>
  </si>
  <si>
    <t>0.02736509942311649</t>
  </si>
  <si>
    <t>25.841516494750977</t>
  </si>
  <si>
    <t>1344.5943603515625</t>
  </si>
  <si>
    <t>-0.06116036187169627</t>
  </si>
  <si>
    <t>25.819395065307617</t>
  </si>
  <si>
    <t>1138.969970703125</t>
  </si>
  <si>
    <t>-0.004037572412089574</t>
  </si>
  <si>
    <t>26.240827560424805</t>
  </si>
  <si>
    <t>1266.988037109375</t>
  </si>
  <si>
    <t>0.08858738451039727</t>
  </si>
  <si>
    <t>26.17588996887207</t>
  </si>
  <si>
    <t>1226.4849853515625</t>
  </si>
  <si>
    <t>-0.06381325991519304</t>
  </si>
  <si>
    <t>26.399126052856445</t>
  </si>
  <si>
    <t>1279.5272216796875</t>
  </si>
  <si>
    <t>-0.150331364544396</t>
  </si>
  <si>
    <t>26.20478057861328</t>
  </si>
  <si>
    <t>1211.20263671875</t>
  </si>
  <si>
    <t>0.008855413770376686</t>
  </si>
  <si>
    <t>26.205778121948242</t>
  </si>
  <si>
    <t>1538.8843994140625</t>
  </si>
  <si>
    <t>-0.023035490290242322</t>
  </si>
  <si>
    <t>25012</t>
  </si>
  <si>
    <t>26.255678176879883</t>
  </si>
  <si>
    <t>1485.4366455078125</t>
  </si>
  <si>
    <t>0.011823986537509157</t>
  </si>
  <si>
    <t>26129</t>
  </si>
  <si>
    <t>26.328529357910156</t>
  </si>
  <si>
    <t>1275.6630859375</t>
  </si>
  <si>
    <t>0.04369009890762321</t>
  </si>
  <si>
    <t>25866</t>
  </si>
  <si>
    <t>26.14652442932129</t>
  </si>
  <si>
    <t>1300.6705322265625</t>
  </si>
  <si>
    <t>-0.010116443619622828</t>
  </si>
  <si>
    <t>26.3488826751709</t>
  </si>
  <si>
    <t>1088.33447265625</t>
  </si>
  <si>
    <t>-0.11197183928628185</t>
  </si>
  <si>
    <t>25.672340393066406</t>
  </si>
  <si>
    <t>1358.573486328125</t>
  </si>
  <si>
    <t>-0.006420289275597568</t>
  </si>
  <si>
    <t>26.384801864624023</t>
  </si>
  <si>
    <t>1377.7467041015625</t>
  </si>
  <si>
    <t>-0.024271646287020943</t>
  </si>
  <si>
    <t>22719</t>
  </si>
  <si>
    <t>26.432897567749023</t>
  </si>
  <si>
    <t>1349.6080322265625</t>
  </si>
  <si>
    <t>0.012935988655643271</t>
  </si>
  <si>
    <t>22911</t>
  </si>
  <si>
    <t>26.2163143157959</t>
  </si>
  <si>
    <t>1798.61865234375</t>
  </si>
  <si>
    <t>0.008415565774560818</t>
  </si>
  <si>
    <t>23477</t>
  </si>
  <si>
    <t>26.22758674621582</t>
  </si>
  <si>
    <t>1518.2161865234375</t>
  </si>
  <si>
    <t>0.024404073909014556</t>
  </si>
  <si>
    <t>23817</t>
  </si>
  <si>
    <t>26.7215576171875</t>
  </si>
  <si>
    <t>1137.511474609375</t>
  </si>
  <si>
    <t>0.014378392927715922</t>
  </si>
  <si>
    <t>26.81101417541504</t>
  </si>
  <si>
    <t>1235.2900390625</t>
  </si>
  <si>
    <t>0.04358426737668708</t>
  </si>
  <si>
    <t>26.48029327392578</t>
  </si>
  <si>
    <t>1385.15478515625</t>
  </si>
  <si>
    <t>-0.015106700426262165</t>
  </si>
  <si>
    <t>24852</t>
  </si>
  <si>
    <t>26.3006591796875</t>
  </si>
  <si>
    <t>1422.8765869140625</t>
  </si>
  <si>
    <t>0.014061053839935056</t>
  </si>
  <si>
    <t>26.81629180908203</t>
  </si>
  <si>
    <t>1365.6019287109375</t>
  </si>
  <si>
    <t>-0.01581733913627481</t>
  </si>
  <si>
    <t>17277</t>
  </si>
  <si>
    <t>26.923202514648438</t>
  </si>
  <si>
    <t>1465.7508544921875</t>
  </si>
  <si>
    <t>-0.34774475587252596</t>
  </si>
  <si>
    <t>26.674013137817383</t>
  </si>
  <si>
    <t>1435.34423828125</t>
  </si>
  <si>
    <t>0.05193556074185324</t>
  </si>
  <si>
    <t>26.451669692993164</t>
  </si>
  <si>
    <t>1583.32958984375</t>
  </si>
  <si>
    <t>0.03275791522738558</t>
  </si>
  <si>
    <t>11790</t>
  </si>
  <si>
    <t>20.297243118286133</t>
  </si>
  <si>
    <t>829.5840454101562</t>
  </si>
  <si>
    <t>852.6589965820312</t>
  </si>
  <si>
    <t>San Luis Potosi</t>
  </si>
  <si>
    <t>20.35141944885254</t>
  </si>
  <si>
    <t>910.2939453125</t>
  </si>
  <si>
    <t>0.02040116090674715</t>
  </si>
  <si>
    <t>12236</t>
  </si>
  <si>
    <t>20.098920822143555</t>
  </si>
  <si>
    <t>808.3426513671875</t>
  </si>
  <si>
    <t>0.016729550832630835</t>
  </si>
  <si>
    <t>12360</t>
  </si>
  <si>
    <t>20.18924903869629</t>
  </si>
  <si>
    <t>907.7202758789062</t>
  </si>
  <si>
    <t>0.010083025740888374</t>
  </si>
  <si>
    <t>13035</t>
  </si>
  <si>
    <t>20.698503494262695</t>
  </si>
  <si>
    <t>725.7408447265625</t>
  </si>
  <si>
    <t>0.05317259535591923</t>
  </si>
  <si>
    <t>11452</t>
  </si>
  <si>
    <t>20.59522819519043</t>
  </si>
  <si>
    <t>753.1085815429688</t>
  </si>
  <si>
    <t>-0.12947366014959627</t>
  </si>
  <si>
    <t>20.34264373779297</t>
  </si>
  <si>
    <t>662.8920288085938</t>
  </si>
  <si>
    <t>0.055702003923602916</t>
  </si>
  <si>
    <t>20.275978088378906</t>
  </si>
  <si>
    <t>695.0956420898438</t>
  </si>
  <si>
    <t>0.0500164637288254</t>
  </si>
  <si>
    <t>21.10392951965332</t>
  </si>
  <si>
    <t>797.6134643554688</t>
  </si>
  <si>
    <t>0.05813994156838298</t>
  </si>
  <si>
    <t>13570</t>
  </si>
  <si>
    <t>20.81895637512207</t>
  </si>
  <si>
    <t>749.8360595703125</t>
  </si>
  <si>
    <t>0.005838677390098468</t>
  </si>
  <si>
    <t>14107</t>
  </si>
  <si>
    <t>20.632991790771484</t>
  </si>
  <si>
    <t>719.2845458984375</t>
  </si>
  <si>
    <t>0.038809654245586245</t>
  </si>
  <si>
    <t>13323</t>
  </si>
  <si>
    <t>20.520122528076172</t>
  </si>
  <si>
    <t>817.7498168945312</t>
  </si>
  <si>
    <t>-0.057179263114289114</t>
  </si>
  <si>
    <t>20.44318199157715</t>
  </si>
  <si>
    <t>860.8648681640625</t>
  </si>
  <si>
    <t>-0.015354081462131575</t>
  </si>
  <si>
    <t>20.551494598388672</t>
  </si>
  <si>
    <t>919.5073852539062</t>
  </si>
  <si>
    <t>0.1024217504948961</t>
  </si>
  <si>
    <t>15190</t>
  </si>
  <si>
    <t>20.47342872619629</t>
  </si>
  <si>
    <t>928.8491821289062</t>
  </si>
  <si>
    <t>0.04407778259684214</t>
  </si>
  <si>
    <t>15701</t>
  </si>
  <si>
    <t>20.789993286132812</t>
  </si>
  <si>
    <t>852.1121215820312</t>
  </si>
  <si>
    <t>0.03308708798570237</t>
  </si>
  <si>
    <t>16407</t>
  </si>
  <si>
    <t>20.756114959716797</t>
  </si>
  <si>
    <t>813.7421264648438</t>
  </si>
  <si>
    <t>0.04398366843936152</t>
  </si>
  <si>
    <t>16578</t>
  </si>
  <si>
    <t>20.537965774536133</t>
  </si>
  <si>
    <t>938.6456909179688</t>
  </si>
  <si>
    <t>0.010368442136588385</t>
  </si>
  <si>
    <t>16439</t>
  </si>
  <si>
    <t>20.663131713867188</t>
  </si>
  <si>
    <t>891.2770385742188</t>
  </si>
  <si>
    <t>-0.008419954641960103</t>
  </si>
  <si>
    <t>20.746564865112305</t>
  </si>
  <si>
    <t>716.7582397460938</t>
  </si>
  <si>
    <t>-0.05797817844518072</t>
  </si>
  <si>
    <t>20.22089195251465</t>
  </si>
  <si>
    <t>811.4154052734375</t>
  </si>
  <si>
    <t>0.03496461048562871</t>
  </si>
  <si>
    <t>16458</t>
  </si>
  <si>
    <t>21.394189834594727</t>
  </si>
  <si>
    <t>694.5108032226562</t>
  </si>
  <si>
    <t>0.024168688615699097</t>
  </si>
  <si>
    <t>17017</t>
  </si>
  <si>
    <t>21.200239181518555</t>
  </si>
  <si>
    <t>758.056396484375</t>
  </si>
  <si>
    <t>0.03340116320577913</t>
  </si>
  <si>
    <t>20.49352264404297</t>
  </si>
  <si>
    <t>1050.0947265625</t>
  </si>
  <si>
    <t>0.011219658393473608</t>
  </si>
  <si>
    <t>20.362939834594727</t>
  </si>
  <si>
    <t>921.4703979492188</t>
  </si>
  <si>
    <t>0.024509764712917104</t>
  </si>
  <si>
    <t>20.654752731323242</t>
  </si>
  <si>
    <t>841.0096435546875</t>
  </si>
  <si>
    <t>0.057778795441755904</t>
  </si>
  <si>
    <t>19214</t>
  </si>
  <si>
    <t>21.44342041015625</t>
  </si>
  <si>
    <t>818.1028442382812</t>
  </si>
  <si>
    <t>0.027918117050099056</t>
  </si>
  <si>
    <t>21.40374755859375</t>
  </si>
  <si>
    <t>883.769775390625</t>
  </si>
  <si>
    <t>0.04667140892656718</t>
  </si>
  <si>
    <t>20952</t>
  </si>
  <si>
    <t>21.283342361450195</t>
  </si>
  <si>
    <t>846.7459716796875</t>
  </si>
  <si>
    <t>0.03992351829129781</t>
  </si>
  <si>
    <t>21.67512321472168</t>
  </si>
  <si>
    <t>699.8164672851562</t>
  </si>
  <si>
    <t>-0.0029635316369365228</t>
  </si>
  <si>
    <t>21.545259475708008</t>
  </si>
  <si>
    <t>730.6664428710938</t>
  </si>
  <si>
    <t>-0.049656983022661194</t>
  </si>
  <si>
    <t>20938</t>
  </si>
  <si>
    <t>21.341569900512695</t>
  </si>
  <si>
    <t>895.9146728515625</t>
  </si>
  <si>
    <t>0.05195209735135009</t>
  </si>
  <si>
    <t>21.56507110595703</t>
  </si>
  <si>
    <t>708.5654296875</t>
  </si>
  <si>
    <t>0.032700461310934514</t>
  </si>
  <si>
    <t>14088</t>
  </si>
  <si>
    <t>25.42298698425293</t>
  </si>
  <si>
    <t>842.5958251953125</t>
  </si>
  <si>
    <t>1019.954345703125</t>
  </si>
  <si>
    <t>Sinaloa</t>
  </si>
  <si>
    <t>14379</t>
  </si>
  <si>
    <t>25.26371192932129</t>
  </si>
  <si>
    <t>773.647216796875</t>
  </si>
  <si>
    <t>0.020445437651698484</t>
  </si>
  <si>
    <t>14621</t>
  </si>
  <si>
    <t>25.58336639404297</t>
  </si>
  <si>
    <t>575.9178466796875</t>
  </si>
  <si>
    <t>0.01669004258969764</t>
  </si>
  <si>
    <t>25.173362731933594</t>
  </si>
  <si>
    <t>641.9132690429688</t>
  </si>
  <si>
    <t>0.010139245107987804</t>
  </si>
  <si>
    <t>25.551025390625</t>
  </si>
  <si>
    <t>568.3003540039062</t>
  </si>
  <si>
    <t>-0.01356484451157236</t>
  </si>
  <si>
    <t>13998</t>
  </si>
  <si>
    <t>25.345739364624023</t>
  </si>
  <si>
    <t>530.5018310546875</t>
  </si>
  <si>
    <t>-0.04011878976436911</t>
  </si>
  <si>
    <t>25.45694923400879</t>
  </si>
  <si>
    <t>0.012494838120716167</t>
  </si>
  <si>
    <t>14406</t>
  </si>
  <si>
    <t>25.46747589111328</t>
  </si>
  <si>
    <t>614.52783203125</t>
  </si>
  <si>
    <t>0.01623548607910763</t>
  </si>
  <si>
    <t>14742</t>
  </si>
  <si>
    <t>25.19687843322754</t>
  </si>
  <si>
    <t>663.6431884765625</t>
  </si>
  <si>
    <t>0.023055776299925057</t>
  </si>
  <si>
    <t>24.967201232910156</t>
  </si>
  <si>
    <t>531.1434936523438</t>
  </si>
  <si>
    <t>-0.01779406380046744</t>
  </si>
  <si>
    <t>15078</t>
  </si>
  <si>
    <t>25.147050857543945</t>
  </si>
  <si>
    <t>561.935302734375</t>
  </si>
  <si>
    <t>0.04033022882288151</t>
  </si>
  <si>
    <t>13867</t>
  </si>
  <si>
    <t>25.251665115356445</t>
  </si>
  <si>
    <t>488.439453125</t>
  </si>
  <si>
    <t>-0.08372481101778284</t>
  </si>
  <si>
    <t>13841</t>
  </si>
  <si>
    <t>25.647005081176758</t>
  </si>
  <si>
    <t>405.7198791503906</t>
  </si>
  <si>
    <t>-0.0018767148571630088</t>
  </si>
  <si>
    <t>15970</t>
  </si>
  <si>
    <t>25.44899559020996</t>
  </si>
  <si>
    <t>739.6578979492188</t>
  </si>
  <si>
    <t>0.14307676031235594</t>
  </si>
  <si>
    <t>25.404451370239258</t>
  </si>
  <si>
    <t>664.037353515625</t>
  </si>
  <si>
    <t>0.05007150886252809</t>
  </si>
  <si>
    <t>16316</t>
  </si>
  <si>
    <t>25.3494873046875</t>
  </si>
  <si>
    <t>444.6406555175781</t>
  </si>
  <si>
    <t>-0.028637249634137163</t>
  </si>
  <si>
    <t>16275</t>
  </si>
  <si>
    <t>25.596778869628906</t>
  </si>
  <si>
    <t>738.8427734375</t>
  </si>
  <si>
    <t>-0.0025160333606777385</t>
  </si>
  <si>
    <t>16944</t>
  </si>
  <si>
    <t>25.406776428222656</t>
  </si>
  <si>
    <t>531.8717041015625</t>
  </si>
  <si>
    <t>0.040283600764416505</t>
  </si>
  <si>
    <t>25.388427734375</t>
  </si>
  <si>
    <t>659.699462890625</t>
  </si>
  <si>
    <t>0.026901185508272363</t>
  </si>
  <si>
    <t>25.802125930786133</t>
  </si>
  <si>
    <t>640.562255859375</t>
  </si>
  <si>
    <t>-0.042065154606056865</t>
  </si>
  <si>
    <t>25.02179527282715</t>
  </si>
  <si>
    <t>456.4501953125</t>
  </si>
  <si>
    <t>-0.00011984659649932894</t>
  </si>
  <si>
    <t>16748</t>
  </si>
  <si>
    <t>25.50531005859375</t>
  </si>
  <si>
    <t>527.7825317382812</t>
  </si>
  <si>
    <t>0.003648874992130402</t>
  </si>
  <si>
    <t>25.76267433166504</t>
  </si>
  <si>
    <t>581.1321411132812</t>
  </si>
  <si>
    <t>0.023427737757986122</t>
  </si>
  <si>
    <t>17207</t>
  </si>
  <si>
    <t>25.724699020385742</t>
  </si>
  <si>
    <t>650.1660766601562</t>
  </si>
  <si>
    <t>0.0036096918561376867</t>
  </si>
  <si>
    <t>16965</t>
  </si>
  <si>
    <t>26.336355209350586</t>
  </si>
  <si>
    <t>892.1861572265625</t>
  </si>
  <si>
    <t>-0.014163879534827117</t>
  </si>
  <si>
    <t>17946</t>
  </si>
  <si>
    <t>26.20023536682129</t>
  </si>
  <si>
    <t>594.2847290039062</t>
  </si>
  <si>
    <t>0.05621485063967313</t>
  </si>
  <si>
    <t>26.281272888183594</t>
  </si>
  <si>
    <t>653.13525390625</t>
  </si>
  <si>
    <t>0.04345310050098128</t>
  </si>
  <si>
    <t>18542</t>
  </si>
  <si>
    <t>26.270156860351562</t>
  </si>
  <si>
    <t>503.3030090332031</t>
  </si>
  <si>
    <t>-0.01078192019205737</t>
  </si>
  <si>
    <t>18678</t>
  </si>
  <si>
    <t>26.079927444458008</t>
  </si>
  <si>
    <t>651.4539184570312</t>
  </si>
  <si>
    <t>0.007307931502735343</t>
  </si>
  <si>
    <t>19117</t>
  </si>
  <si>
    <t>25.961669921875</t>
  </si>
  <si>
    <t>543.5870361328125</t>
  </si>
  <si>
    <t>0.02323163085935498</t>
  </si>
  <si>
    <t>26.22014808654785</t>
  </si>
  <si>
    <t>385.25775146484375</t>
  </si>
  <si>
    <t>-0.038662204086000074</t>
  </si>
  <si>
    <t>19373</t>
  </si>
  <si>
    <t>26.21358299255371</t>
  </si>
  <si>
    <t>601.7244873046875</t>
  </si>
  <si>
    <t>0.051964556643927295</t>
  </si>
  <si>
    <t>20017</t>
  </si>
  <si>
    <t>25.655141830444336</t>
  </si>
  <si>
    <t>615.9144287109375</t>
  </si>
  <si>
    <t>0.03270156840376082</t>
  </si>
  <si>
    <t>18634</t>
  </si>
  <si>
    <t>22.118066787719727</t>
  </si>
  <si>
    <t>431.7474670410156</t>
  </si>
  <si>
    <t>834.8921508789062</t>
  </si>
  <si>
    <t>Sonora</t>
  </si>
  <si>
    <t>19018</t>
  </si>
  <si>
    <t>21.714975357055664</t>
  </si>
  <si>
    <t>412.9137878417969</t>
  </si>
  <si>
    <t>0.020398030089019414</t>
  </si>
  <si>
    <t>22.114839553833008</t>
  </si>
  <si>
    <t>381.2375793457031</t>
  </si>
  <si>
    <t>0.016737883262909037</t>
  </si>
  <si>
    <t>19535</t>
  </si>
  <si>
    <t>22.239709854125977</t>
  </si>
  <si>
    <t>346.38165283203125</t>
  </si>
  <si>
    <t>0.010083946126870913</t>
  </si>
  <si>
    <t>22.724626541137695</t>
  </si>
  <si>
    <t>302.3420104980469</t>
  </si>
  <si>
    <t>0.04518818468298491</t>
  </si>
  <si>
    <t>22.83624267578125</t>
  </si>
  <si>
    <t>227.16552734375</t>
  </si>
  <si>
    <t>-0.043142671313150416</t>
  </si>
  <si>
    <t>20172</t>
  </si>
  <si>
    <t>22.99629020690918</t>
  </si>
  <si>
    <t>296.9512939453125</t>
  </si>
  <si>
    <t>0.030042262337611092</t>
  </si>
  <si>
    <t>22.267501831054688</t>
  </si>
  <si>
    <t>290.5661926269531</t>
  </si>
  <si>
    <t>0.04497753626754175</t>
  </si>
  <si>
    <t>22397</t>
  </si>
  <si>
    <t>22.176759719848633</t>
  </si>
  <si>
    <t>237.26242065429688</t>
  </si>
  <si>
    <t>0.05965398083831275</t>
  </si>
  <si>
    <t>22848</t>
  </si>
  <si>
    <t>22.54319190979004</t>
  </si>
  <si>
    <t>310.50897216796875</t>
  </si>
  <si>
    <t>0.01993656483683992</t>
  </si>
  <si>
    <t>22.629335403442383</t>
  </si>
  <si>
    <t>318.6419677734375</t>
  </si>
  <si>
    <t>0.015719634129172988</t>
  </si>
  <si>
    <t>22.89990997314453</t>
  </si>
  <si>
    <t>247.3899688720703</t>
  </si>
  <si>
    <t>-0.04246595602834091</t>
  </si>
  <si>
    <t>20657</t>
  </si>
  <si>
    <t>22.98444175720215</t>
  </si>
  <si>
    <t>231.98626708984375</t>
  </si>
  <si>
    <t>-0.07406301924188874</t>
  </si>
  <si>
    <t>22.94489288330078</t>
  </si>
  <si>
    <t>385.2152404785156</t>
  </si>
  <si>
    <t>0.12399778279282891</t>
  </si>
  <si>
    <t>22.615882873535156</t>
  </si>
  <si>
    <t>363.9945373535156</t>
  </si>
  <si>
    <t>0.02412504252614056</t>
  </si>
  <si>
    <t>23.006399154663086</t>
  </si>
  <si>
    <t>266.2069091796875</t>
  </si>
  <si>
    <t>0.03470690460356174</t>
  </si>
  <si>
    <t>22.770296096801758</t>
  </si>
  <si>
    <t>388.90264892578125</t>
  </si>
  <si>
    <t>0.06024268572796565</t>
  </si>
  <si>
    <t>23.055631637573242</t>
  </si>
  <si>
    <t>321.18560791015625</t>
  </si>
  <si>
    <t>-0.00129159720128591</t>
  </si>
  <si>
    <t>22.90431785583496</t>
  </si>
  <si>
    <t>342.44085693359375</t>
  </si>
  <si>
    <t>-0.03037260498873806</t>
  </si>
  <si>
    <t>22.982995986938477</t>
  </si>
  <si>
    <t>318.3477783203125</t>
  </si>
  <si>
    <t>-0.06994495915093069</t>
  </si>
  <si>
    <t>22.743513107299805</t>
  </si>
  <si>
    <t>277.908447265625</t>
  </si>
  <si>
    <t>0.020506073635512934</t>
  </si>
  <si>
    <t>23.072067260742188</t>
  </si>
  <si>
    <t>309.89453125</t>
  </si>
  <si>
    <t>0.06618657155371999</t>
  </si>
  <si>
    <t>26639</t>
  </si>
  <si>
    <t>23.3333740234375</t>
  </si>
  <si>
    <t>339.9005126953125</t>
  </si>
  <si>
    <t>0.026166162915208346</t>
  </si>
  <si>
    <t>27029</t>
  </si>
  <si>
    <t>23.02250862121582</t>
  </si>
  <si>
    <t>365.0934753417969</t>
  </si>
  <si>
    <t>0.014534056243443061</t>
  </si>
  <si>
    <t>23.48457908630371</t>
  </si>
  <si>
    <t>412.0246887207031</t>
  </si>
  <si>
    <t>-0.001629207602936944</t>
  </si>
  <si>
    <t>23.335615158081055</t>
  </si>
  <si>
    <t>431.5622253417969</t>
  </si>
  <si>
    <t>0.04839303934788397</t>
  </si>
  <si>
    <t>23.60938835144043</t>
  </si>
  <si>
    <t>368.0208435058594</t>
  </si>
  <si>
    <t>0.04905409115228565</t>
  </si>
  <si>
    <t>23.98827362060547</t>
  </si>
  <si>
    <t>373.4401550292969</t>
  </si>
  <si>
    <t>0.001847218782492277</t>
  </si>
  <si>
    <t>23.481735229492188</t>
  </si>
  <si>
    <t>381.2105407714844</t>
  </si>
  <si>
    <t>-0.008153409273267798</t>
  </si>
  <si>
    <t>23.103593826293945</t>
  </si>
  <si>
    <t>309.2351989746094</t>
  </si>
  <si>
    <t>-0.028515030516711448</t>
  </si>
  <si>
    <t>23.680009841918945</t>
  </si>
  <si>
    <t>245.94927978515625</t>
  </si>
  <si>
    <t>0.01978283429682648</t>
  </si>
  <si>
    <t>23.541017532348633</t>
  </si>
  <si>
    <t>342.18994140625</t>
  </si>
  <si>
    <t>0.051932955985744655</t>
  </si>
  <si>
    <t>23.218732833862305</t>
  </si>
  <si>
    <t>325.6641845703125</t>
  </si>
  <si>
    <t>0.03276369412871816</t>
  </si>
  <si>
    <t>27.17753791809082</t>
  </si>
  <si>
    <t>2304.87353515625</t>
  </si>
  <si>
    <t>595.1654663085938</t>
  </si>
  <si>
    <t>Tabasco</t>
  </si>
  <si>
    <t>27.079599380493164</t>
  </si>
  <si>
    <t>2114.37060546875</t>
  </si>
  <si>
    <t>0.020469338434951467</t>
  </si>
  <si>
    <t>26.855504989624023</t>
  </si>
  <si>
    <t>2168.752197265625</t>
  </si>
  <si>
    <t>0.016656036078476433</t>
  </si>
  <si>
    <t>11559</t>
  </si>
  <si>
    <t>26.84150505065918</t>
  </si>
  <si>
    <t>2221.982177734375</t>
  </si>
  <si>
    <t>0.01017355846579271</t>
  </si>
  <si>
    <t>27.31397247314453</t>
  </si>
  <si>
    <t>1780.890869140625</t>
  </si>
  <si>
    <t>0.007240786742748639</t>
  </si>
  <si>
    <t>11348</t>
  </si>
  <si>
    <t>27.25372314453125</t>
  </si>
  <si>
    <t>3008.45263671875</t>
  </si>
  <si>
    <t>-0.025663624108274163</t>
  </si>
  <si>
    <t>11319</t>
  </si>
  <si>
    <t>27.071916580200195</t>
  </si>
  <si>
    <t>2326.9033203125</t>
  </si>
  <si>
    <t>-0.0025587872963210856</t>
  </si>
  <si>
    <t>27.325653076171875</t>
  </si>
  <si>
    <t>2304.594970703125</t>
  </si>
  <si>
    <t>0.025728537299574583</t>
  </si>
  <si>
    <t>27.640077590942383</t>
  </si>
  <si>
    <t>2769.801025390625</t>
  </si>
  <si>
    <t>-0.005179569590783473</t>
  </si>
  <si>
    <t>27.005361557006836</t>
  </si>
  <si>
    <t>2858.0439453125</t>
  </si>
  <si>
    <t>-0.009129307417399701</t>
  </si>
  <si>
    <t>11631</t>
  </si>
  <si>
    <t>27.11246681213379</t>
  </si>
  <si>
    <t>2044.9913330078125</t>
  </si>
  <si>
    <t>0.015771557415227733</t>
  </si>
  <si>
    <t>12180</t>
  </si>
  <si>
    <t>27.2689208984375</t>
  </si>
  <si>
    <t>2215.198974609375</t>
  </si>
  <si>
    <t>0.04612131492484828</t>
  </si>
  <si>
    <t>27.323957443237305</t>
  </si>
  <si>
    <t>2434.250244140625</t>
  </si>
  <si>
    <t>-0.03220433470343842</t>
  </si>
  <si>
    <t>27.547706604003906</t>
  </si>
  <si>
    <t>2372.406494140625</t>
  </si>
  <si>
    <t>0.6332668340166787</t>
  </si>
  <si>
    <t>27.32765007019043</t>
  </si>
  <si>
    <t>2157.472900390625</t>
  </si>
  <si>
    <t>0.1304603361630967</t>
  </si>
  <si>
    <t>27.421422958374023</t>
  </si>
  <si>
    <t>2472.721923828125</t>
  </si>
  <si>
    <t>0.09407757048778542</t>
  </si>
  <si>
    <t>30358</t>
  </si>
  <si>
    <t>27.357580184936523</t>
  </si>
  <si>
    <t>2531.19140625</t>
  </si>
  <si>
    <t>0.08766440595879388</t>
  </si>
  <si>
    <t>31467</t>
  </si>
  <si>
    <t>27.319787979125977</t>
  </si>
  <si>
    <t>2126.365234375</t>
  </si>
  <si>
    <t>0.03587930344290946</t>
  </si>
  <si>
    <t>27.21897315979004</t>
  </si>
  <si>
    <t>2283.419677734375</t>
  </si>
  <si>
    <t>0.1099737500063327</t>
  </si>
  <si>
    <t>27.488006591796875</t>
  </si>
  <si>
    <t>2282.603759765625</t>
  </si>
  <si>
    <t>-0.13696585507315717</t>
  </si>
  <si>
    <t>34257</t>
  </si>
  <si>
    <t>26.98311424255371</t>
  </si>
  <si>
    <t>2296.419921875</t>
  </si>
  <si>
    <t>0.11194365080686808</t>
  </si>
  <si>
    <t>39374</t>
  </si>
  <si>
    <t>27.7066650390625</t>
  </si>
  <si>
    <t>2267.471923828125</t>
  </si>
  <si>
    <t>0.1392147766102756</t>
  </si>
  <si>
    <t>27.59795379638672</t>
  </si>
  <si>
    <t>2169.737060546875</t>
  </si>
  <si>
    <t>-0.0012452510535538863</t>
  </si>
  <si>
    <t>27.315034866333008</t>
  </si>
  <si>
    <t>2951.81201171875</t>
  </si>
  <si>
    <t>-0.0934657280056772</t>
  </si>
  <si>
    <t>27.232751846313477</t>
  </si>
  <si>
    <t>2251.48486328125</t>
  </si>
  <si>
    <t>-0.006976479271756375</t>
  </si>
  <si>
    <t>27669</t>
  </si>
  <si>
    <t>27.711992263793945</t>
  </si>
  <si>
    <t>2293.405517578125</t>
  </si>
  <si>
    <t>-0.25110558874521693</t>
  </si>
  <si>
    <t>25149</t>
  </si>
  <si>
    <t>27.99242401123047</t>
  </si>
  <si>
    <t>2245.136474609375</t>
  </si>
  <si>
    <t>-0.09549451859786018</t>
  </si>
  <si>
    <t>27.633882522583008</t>
  </si>
  <si>
    <t>2276.6142578125</t>
  </si>
  <si>
    <t>0.002898495209851859</t>
  </si>
  <si>
    <t>23918</t>
  </si>
  <si>
    <t>27.593284606933594</t>
  </si>
  <si>
    <t>2172.40283203125</t>
  </si>
  <si>
    <t>-0.053085315987067005</t>
  </si>
  <si>
    <t>28.062118530273438</t>
  </si>
  <si>
    <t>2255.991943359375</t>
  </si>
  <si>
    <t>0.006916406055585966</t>
  </si>
  <si>
    <t>23160</t>
  </si>
  <si>
    <t>28.114866256713867</t>
  </si>
  <si>
    <t>2434.763916015625</t>
  </si>
  <si>
    <t>-0.039121066897406465</t>
  </si>
  <si>
    <t>24394</t>
  </si>
  <si>
    <t>27.820730209350586</t>
  </si>
  <si>
    <t>2241.986328125</t>
  </si>
  <si>
    <t>0.05191054771625048</t>
  </si>
  <si>
    <t>25206</t>
  </si>
  <si>
    <t>27.68583106994629</t>
  </si>
  <si>
    <t>2359.541015625</t>
  </si>
  <si>
    <t>0.032744860994254665</t>
  </si>
  <si>
    <t>16351</t>
  </si>
  <si>
    <t>23.64789581298828</t>
  </si>
  <si>
    <t>516.8555297851562</t>
  </si>
  <si>
    <t>670.3662719726562</t>
  </si>
  <si>
    <t>Tamaulipas</t>
  </si>
  <si>
    <t>16688</t>
  </si>
  <si>
    <t>23.61774253845215</t>
  </si>
  <si>
    <t>735.9688110351562</t>
  </si>
  <si>
    <t>0.020400840705967482</t>
  </si>
  <si>
    <t>16969</t>
  </si>
  <si>
    <t>23.338233947753906</t>
  </si>
  <si>
    <t>640.4544677734375</t>
  </si>
  <si>
    <t>0.01669825173227224</t>
  </si>
  <si>
    <t>17141</t>
  </si>
  <si>
    <t>23.21484375</t>
  </si>
  <si>
    <t>719.4307250976562</t>
  </si>
  <si>
    <t>0.010085104534232059</t>
  </si>
  <si>
    <t>18070</t>
  </si>
  <si>
    <t>23.818275451660156</t>
  </si>
  <si>
    <t>558.8951416015625</t>
  </si>
  <si>
    <t>0.05277985007921693</t>
  </si>
  <si>
    <t>16798</t>
  </si>
  <si>
    <t>23.62455177307129</t>
  </si>
  <si>
    <t>630.0238037109375</t>
  </si>
  <si>
    <t>-0.07299327290070146</t>
  </si>
  <si>
    <t>17543</t>
  </si>
  <si>
    <t>23.55074119567871</t>
  </si>
  <si>
    <t>456.79095458984375</t>
  </si>
  <si>
    <t>0.043395178243612165</t>
  </si>
  <si>
    <t>18192</t>
  </si>
  <si>
    <t>23.091238021850586</t>
  </si>
  <si>
    <t>624.8552856445312</t>
  </si>
  <si>
    <t>0.03632692706113261</t>
  </si>
  <si>
    <t>24.333860397338867</t>
  </si>
  <si>
    <t>583.5439453125</t>
  </si>
  <si>
    <t>0.06701936280749976</t>
  </si>
  <si>
    <t>20005</t>
  </si>
  <si>
    <t>24.156564712524414</t>
  </si>
  <si>
    <t>595.296142578125</t>
  </si>
  <si>
    <t>0.027980942493517347</t>
  </si>
  <si>
    <t>23.688631057739258</t>
  </si>
  <si>
    <t>497.3218688964844</t>
  </si>
  <si>
    <t>0.0337649098320707</t>
  </si>
  <si>
    <t>23.667085647583008</t>
  </si>
  <si>
    <t>635.354248046875</t>
  </si>
  <si>
    <t>-0.01863377654897569</t>
  </si>
  <si>
    <t>20272</t>
  </si>
  <si>
    <t>23.288719177246094</t>
  </si>
  <si>
    <t>785.72314453125</t>
  </si>
  <si>
    <t>-0.001872752013509782</t>
  </si>
  <si>
    <t>22926</t>
  </si>
  <si>
    <t>23.594518661499023</t>
  </si>
  <si>
    <t>792.9692993164062</t>
  </si>
  <si>
    <t>0.12303101411403539</t>
  </si>
  <si>
    <t>23313</t>
  </si>
  <si>
    <t>23.931251525878906</t>
  </si>
  <si>
    <t>713.9000854492188</t>
  </si>
  <si>
    <t>23940</t>
  </si>
  <si>
    <t>24.253400802612305</t>
  </si>
  <si>
    <t>594.7681274414062</t>
  </si>
  <si>
    <t>0.02653955523461171</t>
  </si>
  <si>
    <t>24.161523818969727</t>
  </si>
  <si>
    <t>697.6876220703125</t>
  </si>
  <si>
    <t>0.018089364670112573</t>
  </si>
  <si>
    <t>23.601991653442383</t>
  </si>
  <si>
    <t>769.8246459960938</t>
  </si>
  <si>
    <t>-0.009811275009306897</t>
  </si>
  <si>
    <t>24.006555557250977</t>
  </si>
  <si>
    <t>688.7684326171875</t>
  </si>
  <si>
    <t>0.024430882614378646</t>
  </si>
  <si>
    <t>21230</t>
  </si>
  <si>
    <t>23.93394660949707</t>
  </si>
  <si>
    <t>604.349853515625</t>
  </si>
  <si>
    <t>-0.15284439668984717</t>
  </si>
  <si>
    <t>23.520387649536133</t>
  </si>
  <si>
    <t>840.3822021484375</t>
  </si>
  <si>
    <t>-0.01318116850975315</t>
  </si>
  <si>
    <t>20468</t>
  </si>
  <si>
    <t>25.02781105041504</t>
  </si>
  <si>
    <t>508.318603515625</t>
  </si>
  <si>
    <t>-0.023371416262564892</t>
  </si>
  <si>
    <t>24.85679817199707</t>
  </si>
  <si>
    <t>597.0386962890625</t>
  </si>
  <si>
    <t>0.012333246886713667</t>
  </si>
  <si>
    <t>23.627614974975586</t>
  </si>
  <si>
    <t>898.0099487304688</t>
  </si>
  <si>
    <t>-0.003577475413246489</t>
  </si>
  <si>
    <t>20741</t>
  </si>
  <si>
    <t>23.429183959960938</t>
  </si>
  <si>
    <t>831.10498046875</t>
  </si>
  <si>
    <t>0.0044939552304281705</t>
  </si>
  <si>
    <t>736.1345825195312</t>
  </si>
  <si>
    <t>0.04284684635855207</t>
  </si>
  <si>
    <t>21527</t>
  </si>
  <si>
    <t>24.91425132751465</t>
  </si>
  <si>
    <t>699.148681640625</t>
  </si>
  <si>
    <t>-0.00565130279298387</t>
  </si>
  <si>
    <t>21482</t>
  </si>
  <si>
    <t>24.49403190612793</t>
  </si>
  <si>
    <t>697.3419189453125</t>
  </si>
  <si>
    <t>-0.002092586036454236</t>
  </si>
  <si>
    <t>24.433523178100586</t>
  </si>
  <si>
    <t>632.3128662109375</t>
  </si>
  <si>
    <t>0.006958324684697814</t>
  </si>
  <si>
    <t>24.606552124023438</t>
  </si>
  <si>
    <t>556.3641967773438</t>
  </si>
  <si>
    <t>0.013499447391794206</t>
  </si>
  <si>
    <t>21045</t>
  </si>
  <si>
    <t>24.74318504333496</t>
  </si>
  <si>
    <t>618.3927001953125</t>
  </si>
  <si>
    <t>-0.04101014502981393</t>
  </si>
  <si>
    <t>22167</t>
  </si>
  <si>
    <t>24.1165714263916</t>
  </si>
  <si>
    <t>900.3473510742188</t>
  </si>
  <si>
    <t>0.05194169425208628</t>
  </si>
  <si>
    <t>24.678693771362305</t>
  </si>
  <si>
    <t>585.9962768554688</t>
  </si>
  <si>
    <t>0.03270687132119399</t>
  </si>
  <si>
    <t>8593</t>
  </si>
  <si>
    <t>1095.800048828125</t>
  </si>
  <si>
    <t>800.3856201171875</t>
  </si>
  <si>
    <t>Tlaxcala</t>
  </si>
  <si>
    <t>8771</t>
  </si>
  <si>
    <t>963.4000854492188</t>
  </si>
  <si>
    <t>0.02050290663815879</t>
  </si>
  <si>
    <t>920.199951171875</t>
  </si>
  <si>
    <t>0.01662088123604022</t>
  </si>
  <si>
    <t>9009</t>
  </si>
  <si>
    <t>0.010152371464018373</t>
  </si>
  <si>
    <t>9181</t>
  </si>
  <si>
    <t>0.018912053492259773</t>
  </si>
  <si>
    <t>847.2999267578125</t>
  </si>
  <si>
    <t>-0.05761342100935529</t>
  </si>
  <si>
    <t>663.8999633789062</t>
  </si>
  <si>
    <t>0.0700614899573484</t>
  </si>
  <si>
    <t>15.508334159851074</t>
  </si>
  <si>
    <t>876.10009765625</t>
  </si>
  <si>
    <t>0.06567411749802865</t>
  </si>
  <si>
    <t>0.01777203324799892</t>
  </si>
  <si>
    <t>823.2000732421875</t>
  </si>
  <si>
    <t>0.012880567441959201</t>
  </si>
  <si>
    <t>10561</t>
  </si>
  <si>
    <t>0.03125705246679367</t>
  </si>
  <si>
    <t>10582</t>
  </si>
  <si>
    <t>0.0019864737176025216</t>
  </si>
  <si>
    <t>15.625000953674316</t>
  </si>
  <si>
    <t>856.2999877929688</t>
  </si>
  <si>
    <t>-0.061179964045576796</t>
  </si>
  <si>
    <t>938.2999877929688</t>
  </si>
  <si>
    <t>0.1963873281223929</t>
  </si>
  <si>
    <t>12864</t>
  </si>
  <si>
    <t>15.47499942779541</t>
  </si>
  <si>
    <t>940.9999389648438</t>
  </si>
  <si>
    <t>0.06007090387785574</t>
  </si>
  <si>
    <t>11132</t>
  </si>
  <si>
    <t>819.8001708984375</t>
  </si>
  <si>
    <t>-0.1446088687729663</t>
  </si>
  <si>
    <t>10691</t>
  </si>
  <si>
    <t>15.675002098083496</t>
  </si>
  <si>
    <t>1007.0001220703125</t>
  </si>
  <si>
    <t>-0.040421577632281824</t>
  </si>
  <si>
    <t>10607</t>
  </si>
  <si>
    <t>865.60009765625</t>
  </si>
  <si>
    <t>-0.007888105508030208</t>
  </si>
  <si>
    <t>15.575000762939453</t>
  </si>
  <si>
    <t>0.0346523460922441</t>
  </si>
  <si>
    <t>15.858336448669434</t>
  </si>
  <si>
    <t>827.4000854492188</t>
  </si>
  <si>
    <t>-0.02901164297223069</t>
  </si>
  <si>
    <t>0.0626794302661633</t>
  </si>
  <si>
    <t>872.300048828125</t>
  </si>
  <si>
    <t>-0.06258568758974192</t>
  </si>
  <si>
    <t>11023</t>
  </si>
  <si>
    <t>0.032735392661411566</t>
  </si>
  <si>
    <t>1042.10009765625</t>
  </si>
  <si>
    <t>-0.03414245635211799</t>
  </si>
  <si>
    <t>15.72499942779541</t>
  </si>
  <si>
    <t>1108.39990234375</t>
  </si>
  <si>
    <t>0.01777038900735839</t>
  </si>
  <si>
    <t>11549</t>
  </si>
  <si>
    <t>0.06298692149653107</t>
  </si>
  <si>
    <t>-0.02188462690584103</t>
  </si>
  <si>
    <t>16.249998092651367</t>
  </si>
  <si>
    <t>1048.5001220703125</t>
  </si>
  <si>
    <t>-0.03366048524545562</t>
  </si>
  <si>
    <t>878.2999877929688</t>
  </si>
  <si>
    <t>0.026109256719827556</t>
  </si>
  <si>
    <t>841.5999755859375</t>
  </si>
  <si>
    <t>0.025010109499618238</t>
  </si>
  <si>
    <t>16.566665649414062</t>
  </si>
  <si>
    <t>744.9000854492188</t>
  </si>
  <si>
    <t>-0.1292417221529103</t>
  </si>
  <si>
    <t>16.383331298828125</t>
  </si>
  <si>
    <t>966.7999877929688</t>
  </si>
  <si>
    <t>0.05197101401071791</t>
  </si>
  <si>
    <t>790.2999877929688</t>
  </si>
  <si>
    <t>0.03272010926989033</t>
  </si>
  <si>
    <t>23.592103958129883</t>
  </si>
  <si>
    <t>1451.74755859375</t>
  </si>
  <si>
    <t>3426.1689453125</t>
  </si>
  <si>
    <t>Veracruz</t>
  </si>
  <si>
    <t>10078</t>
  </si>
  <si>
    <t>23.674362182617188</t>
  </si>
  <si>
    <t>1522.90625</t>
  </si>
  <si>
    <t>0.02044979042173445</t>
  </si>
  <si>
    <t>23.4635066986084</t>
  </si>
  <si>
    <t>1492.856201171875</t>
  </si>
  <si>
    <t>0.016727734336027922</t>
  </si>
  <si>
    <t>10352</t>
  </si>
  <si>
    <t>23.55119514465332</t>
  </si>
  <si>
    <t>1618.6595458984375</t>
  </si>
  <si>
    <t>0.010097173164110629</t>
  </si>
  <si>
    <t>10797</t>
  </si>
  <si>
    <t>24.05461311340332</t>
  </si>
  <si>
    <t>1157.3134765625</t>
  </si>
  <si>
    <t>0.04208858000645854</t>
  </si>
  <si>
    <t>23.977569580078125</t>
  </si>
  <si>
    <t>1598.798828125</t>
  </si>
  <si>
    <t>-0.03123196186703936</t>
  </si>
  <si>
    <t>23.686309814453125</t>
  </si>
  <si>
    <t>1267.3946533203125</t>
  </si>
  <si>
    <t>0.016208117482809925</t>
  </si>
  <si>
    <t>23.773542404174805</t>
  </si>
  <si>
    <t>1323.1016845703125</t>
  </si>
  <si>
    <t>0.026717730230684467</t>
  </si>
  <si>
    <t>11188</t>
  </si>
  <si>
    <t>24.427940368652344</t>
  </si>
  <si>
    <t>1721.353515625</t>
  </si>
  <si>
    <t>0.023879571728254945</t>
  </si>
  <si>
    <t>10994</t>
  </si>
  <si>
    <t>23.91736602783203</t>
  </si>
  <si>
    <t>1660.2607421875</t>
  </si>
  <si>
    <t>-0.01749210590124406</t>
  </si>
  <si>
    <t>23.99943733215332</t>
  </si>
  <si>
    <t>1440.38134765625</t>
  </si>
  <si>
    <t>0.017313326960927355</t>
  </si>
  <si>
    <t>23.845949172973633</t>
  </si>
  <si>
    <t>1430.323974609375</t>
  </si>
  <si>
    <t>-0.030774452341315595</t>
  </si>
  <si>
    <t>23.9484806060791</t>
  </si>
  <si>
    <t>1390.6453857421875</t>
  </si>
  <si>
    <t>-0.007309771155709299</t>
  </si>
  <si>
    <t>12502</t>
  </si>
  <si>
    <t>24.082612991333008</t>
  </si>
  <si>
    <t>1461.82177734375</t>
  </si>
  <si>
    <t>0.14930985860724988</t>
  </si>
  <si>
    <t>23.85771369934082</t>
  </si>
  <si>
    <t>1416.80419921875</t>
  </si>
  <si>
    <t>0.05015282667222287</t>
  </si>
  <si>
    <t>24.045473098754883</t>
  </si>
  <si>
    <t>1522.2144775390625</t>
  </si>
  <si>
    <t>-0.012169604095548792</t>
  </si>
  <si>
    <t>13980</t>
  </si>
  <si>
    <t>24.0500545501709</t>
  </si>
  <si>
    <t>1582.71875</t>
  </si>
  <si>
    <t>0.07375588271936806</t>
  </si>
  <si>
    <t>14219</t>
  </si>
  <si>
    <t>24.02620506286621</t>
  </si>
  <si>
    <t>1545.7806396484375</t>
  </si>
  <si>
    <t>0.016951361608573023</t>
  </si>
  <si>
    <t>23.9235897064209</t>
  </si>
  <si>
    <t>1609.737060546875</t>
  </si>
  <si>
    <t>0.0047709344687838495</t>
  </si>
  <si>
    <t>24.118940353393555</t>
  </si>
  <si>
    <t>1423.59375</t>
  </si>
  <si>
    <t>-0.048177906757297606</t>
  </si>
  <si>
    <t>23.596738815307617</t>
  </si>
  <si>
    <t>1546.5711669921875</t>
  </si>
  <si>
    <t>0.044391085962764976</t>
  </si>
  <si>
    <t>14479</t>
  </si>
  <si>
    <t>24.43546485900879</t>
  </si>
  <si>
    <t>1404.494384765625</t>
  </si>
  <si>
    <t>0.017136111710795987</t>
  </si>
  <si>
    <t>15162</t>
  </si>
  <si>
    <t>24.337617874145508</t>
  </si>
  <si>
    <t>1674.5406494140625</t>
  </si>
  <si>
    <t>0.04609297383482769</t>
  </si>
  <si>
    <t>14894</t>
  </si>
  <si>
    <t>23.902280807495117</t>
  </si>
  <si>
    <t>1845.337890625</t>
  </si>
  <si>
    <t>-0.01783385034565832</t>
  </si>
  <si>
    <t>14788</t>
  </si>
  <si>
    <t>23.876869201660156</t>
  </si>
  <si>
    <t>1682.2562255859375</t>
  </si>
  <si>
    <t>-0.00714240621406681</t>
  </si>
  <si>
    <t>24.148984909057617</t>
  </si>
  <si>
    <t>1347.653076171875</t>
  </si>
  <si>
    <t>-0.011904497581870288</t>
  </si>
  <si>
    <t>24.693166732788086</t>
  </si>
  <si>
    <t>1457.92431640625</t>
  </si>
  <si>
    <t>-0.029655980712620433</t>
  </si>
  <si>
    <t>13938</t>
  </si>
  <si>
    <t>24.576936721801758</t>
  </si>
  <si>
    <t>1771.9267578125</t>
  </si>
  <si>
    <t>-0.017636639763567885</t>
  </si>
  <si>
    <t>14133</t>
  </si>
  <si>
    <t>24.45775032043457</t>
  </si>
  <si>
    <t>1350.9078369140625</t>
  </si>
  <si>
    <t>0.013893565369686556</t>
  </si>
  <si>
    <t>24.88335609436035</t>
  </si>
  <si>
    <t>1348.1273193359375</t>
  </si>
  <si>
    <t>0.014540346785459235</t>
  </si>
  <si>
    <t>24.816904067993164</t>
  </si>
  <si>
    <t>1388.2672119140625</t>
  </si>
  <si>
    <t>-0.06065948992780612</t>
  </si>
  <si>
    <t>24.661043167114258</t>
  </si>
  <si>
    <t>1540.2584228515625</t>
  </si>
  <si>
    <t>0.05190439985929629</t>
  </si>
  <si>
    <t>14688</t>
  </si>
  <si>
    <t>24.641143798828125</t>
  </si>
  <si>
    <t>1391.0301513671875</t>
  </si>
  <si>
    <t>0.03273308877517067</t>
  </si>
  <si>
    <t>26.764198303222656</t>
  </si>
  <si>
    <t>952.6973876953125</t>
  </si>
  <si>
    <t>678.9081420898438</t>
  </si>
  <si>
    <t>Yucatan</t>
  </si>
  <si>
    <t>26.368268966674805</t>
  </si>
  <si>
    <t>860.2577514648438</t>
  </si>
  <si>
    <t>0.020368275155300708</t>
  </si>
  <si>
    <t>26.20642852783203</t>
  </si>
  <si>
    <t>933.3114624023438</t>
  </si>
  <si>
    <t>0.016713916104928117</t>
  </si>
  <si>
    <t>25.957956314086914</t>
  </si>
  <si>
    <t>873.1207885742188</t>
  </si>
  <si>
    <t>0.01009525777842768</t>
  </si>
  <si>
    <t>26.515724182128906</t>
  </si>
  <si>
    <t>842.1357421875</t>
  </si>
  <si>
    <t>0.03629096587462932</t>
  </si>
  <si>
    <t>12462</t>
  </si>
  <si>
    <t>26.39130210876465</t>
  </si>
  <si>
    <t>1045.6009521484375</t>
  </si>
  <si>
    <t>-0.08178187072360998</t>
  </si>
  <si>
    <t>12964</t>
  </si>
  <si>
    <t>26.401832580566406</t>
  </si>
  <si>
    <t>777.1386108398438</t>
  </si>
  <si>
    <t>0.03949227115727183</t>
  </si>
  <si>
    <t>13513</t>
  </si>
  <si>
    <t>26.601369857788086</t>
  </si>
  <si>
    <t>905.9281616210938</t>
  </si>
  <si>
    <t>0.041475899776648006</t>
  </si>
  <si>
    <t>14164</t>
  </si>
  <si>
    <t>26.769826889038086</t>
  </si>
  <si>
    <t>863.8140258789062</t>
  </si>
  <si>
    <t>0.04705134919370835</t>
  </si>
  <si>
    <t>14466</t>
  </si>
  <si>
    <t>26.48404884338379</t>
  </si>
  <si>
    <t>1054.2265625</t>
  </si>
  <si>
    <t>0.02109753417743221</t>
  </si>
  <si>
    <t>26.31479835510254</t>
  </si>
  <si>
    <t>811.718505859375</t>
  </si>
  <si>
    <t>0.04896790508289506</t>
  </si>
  <si>
    <t>16010</t>
  </si>
  <si>
    <t>26.675745010375977</t>
  </si>
  <si>
    <t>915.4061279296875</t>
  </si>
  <si>
    <t>0.05244455349863841</t>
  </si>
  <si>
    <t>15141</t>
  </si>
  <si>
    <t>26.606534957885742</t>
  </si>
  <si>
    <t>890.0224609375</t>
  </si>
  <si>
    <t>-0.05580723098238849</t>
  </si>
  <si>
    <t>14659</t>
  </si>
  <si>
    <t>26.8603515625</t>
  </si>
  <si>
    <t>991.6602783203125</t>
  </si>
  <si>
    <t>-0.03235181471834103</t>
  </si>
  <si>
    <t>26.6987247467041</t>
  </si>
  <si>
    <t>886.2984619140625</t>
  </si>
  <si>
    <t>-0.00013644426273096144</t>
  </si>
  <si>
    <t>15139</t>
  </si>
  <si>
    <t>26.636606216430664</t>
  </si>
  <si>
    <t>1137.3101806640625</t>
  </si>
  <si>
    <t>0.03235615858457841</t>
  </si>
  <si>
    <t>26.72472381591797</t>
  </si>
  <si>
    <t>1096.4097900390625</t>
  </si>
  <si>
    <t>0.015403575297199268</t>
  </si>
  <si>
    <t>15556</t>
  </si>
  <si>
    <t>26.800399780273438</t>
  </si>
  <si>
    <t>946.2086181640625</t>
  </si>
  <si>
    <t>0.011768645366560193</t>
  </si>
  <si>
    <t>15393</t>
  </si>
  <si>
    <t>26.71156120300293</t>
  </si>
  <si>
    <t>895.0323486328125</t>
  </si>
  <si>
    <t>-0.01053355566556391</t>
  </si>
  <si>
    <t>15173</t>
  </si>
  <si>
    <t>26.83448600769043</t>
  </si>
  <si>
    <t>669.0993041992188</t>
  </si>
  <si>
    <t>-0.01439532808483257</t>
  </si>
  <si>
    <t>15238</t>
  </si>
  <si>
    <t>26.115036010742188</t>
  </si>
  <si>
    <t>1070.083251953125</t>
  </si>
  <si>
    <t>0.004274775507713713</t>
  </si>
  <si>
    <t>15092</t>
  </si>
  <si>
    <t>26.976348876953125</t>
  </si>
  <si>
    <t>935.8679809570312</t>
  </si>
  <si>
    <t>-0.009627505948753168</t>
  </si>
  <si>
    <t>27.07893180847168</t>
  </si>
  <si>
    <t>993.0223999023438</t>
  </si>
  <si>
    <t>0.041786278984693226</t>
  </si>
  <si>
    <t>26.67497444152832</t>
  </si>
  <si>
    <t>1239.74267578125</t>
  </si>
  <si>
    <t>0.003362413952993748</t>
  </si>
  <si>
    <t>26.660375595092773</t>
  </si>
  <si>
    <t>1124.3170166015625</t>
  </si>
  <si>
    <t>0.02532730822417051</t>
  </si>
  <si>
    <t>27.227354049682617</t>
  </si>
  <si>
    <t>818.5389404296875</t>
  </si>
  <si>
    <t>0.01853774292986543</t>
  </si>
  <si>
    <t>17117</t>
  </si>
  <si>
    <t>27.357275009155273</t>
  </si>
  <si>
    <t>888.4326171875</t>
  </si>
  <si>
    <t>0.036893575519739485</t>
  </si>
  <si>
    <t>27.00898551940918</t>
  </si>
  <si>
    <t>1128.2742919921875</t>
  </si>
  <si>
    <t>0.015708191413018824</t>
  </si>
  <si>
    <t>26.881906509399414</t>
  </si>
  <si>
    <t>1039.26171875</t>
  </si>
  <si>
    <t>0.021281030709765503</t>
  </si>
  <si>
    <t>17818</t>
  </si>
  <si>
    <t>27.382505416870117</t>
  </si>
  <si>
    <t>1135.4686279296875</t>
  </si>
  <si>
    <t>0.0031478384621408395</t>
  </si>
  <si>
    <t>27.446359634399414</t>
  </si>
  <si>
    <t>1058.271484375</t>
  </si>
  <si>
    <t>-0.12374984198855543</t>
  </si>
  <si>
    <t>27.32233238220215</t>
  </si>
  <si>
    <t>1235.177001953125</t>
  </si>
  <si>
    <t>0.05191873392206503</t>
  </si>
  <si>
    <t>17135</t>
  </si>
  <si>
    <t>27.051950454711914</t>
  </si>
  <si>
    <t>1130.34814453125</t>
  </si>
  <si>
    <t>0.032745081094610384</t>
  </si>
  <si>
    <t>16.66055679321289</t>
  </si>
  <si>
    <t>607.6571044921875</t>
  </si>
  <si>
    <t>400.1209716796875</t>
  </si>
  <si>
    <t>Zacatecas</t>
  </si>
  <si>
    <t>16.62323760986328</t>
  </si>
  <si>
    <t>541.124755859375</t>
  </si>
  <si>
    <t>0.02047703631935427</t>
  </si>
  <si>
    <t>16.37674903869629</t>
  </si>
  <si>
    <t>386.54315185546875</t>
  </si>
  <si>
    <t>0.016660782008184327</t>
  </si>
  <si>
    <t>16.338911056518555</t>
  </si>
  <si>
    <t>449.5027160644531</t>
  </si>
  <si>
    <t>0.010075919152725987</t>
  </si>
  <si>
    <t>9549</t>
  </si>
  <si>
    <t>16.938589096069336</t>
  </si>
  <si>
    <t>432.56903076171875</t>
  </si>
  <si>
    <t>0.007674150671526547</t>
  </si>
  <si>
    <t>16.84819221496582</t>
  </si>
  <si>
    <t>343.6317443847656</t>
  </si>
  <si>
    <t>0.00792744320578187</t>
  </si>
  <si>
    <t>16.62165069580078</t>
  </si>
  <si>
    <t>479.7142639160156</t>
  </si>
  <si>
    <t>0.001453488627984001</t>
  </si>
  <si>
    <t>16.50162124633789</t>
  </si>
  <si>
    <t>443.50048828125</t>
  </si>
  <si>
    <t>0.009910270022331247</t>
  </si>
  <si>
    <t>17.46341323852539</t>
  </si>
  <si>
    <t>418.3498840332031</t>
  </si>
  <si>
    <t>0.09264519470788635</t>
  </si>
  <si>
    <t>17.27378273010254</t>
  </si>
  <si>
    <t>354.9830017089844</t>
  </si>
  <si>
    <t>-0.03574361918962765</t>
  </si>
  <si>
    <t>10630</t>
  </si>
  <si>
    <t>16.915369033813477</t>
  </si>
  <si>
    <t>461.0977783203125</t>
  </si>
  <si>
    <t>0.031050978011434083</t>
  </si>
  <si>
    <t>17.06777572631836</t>
  </si>
  <si>
    <t>384.9873046875</t>
  </si>
  <si>
    <t>-0.04178278832743665</t>
  </si>
  <si>
    <t>16.87923240661621</t>
  </si>
  <si>
    <t>533.6053466796875</t>
  </si>
  <si>
    <t>-0.017513929090993585</t>
  </si>
  <si>
    <t>16.798620223999023</t>
  </si>
  <si>
    <t>613.1023559570312</t>
  </si>
  <si>
    <t>0.06903279881921165</t>
  </si>
  <si>
    <t>11331</t>
  </si>
  <si>
    <t>16.81814956665039</t>
  </si>
  <si>
    <t>608.2547607421875</t>
  </si>
  <si>
    <t>0.05412605864379216</t>
  </si>
  <si>
    <t>11110</t>
  </si>
  <si>
    <t>17.104703903198242</t>
  </si>
  <si>
    <t>363.9483642578125</t>
  </si>
  <si>
    <t>-0.019696728746890102</t>
  </si>
  <si>
    <t>11994</t>
  </si>
  <si>
    <t>17.179101943969727</t>
  </si>
  <si>
    <t>502.44610595703125</t>
  </si>
  <si>
    <t>0.07656092109477797</t>
  </si>
  <si>
    <t>12324</t>
  </si>
  <si>
    <t>16.941986083984375</t>
  </si>
  <si>
    <t>475.5198669433594</t>
  </si>
  <si>
    <t>0.027142055988104374</t>
  </si>
  <si>
    <t>17.027040481567383</t>
  </si>
  <si>
    <t>509.4161071777344</t>
  </si>
  <si>
    <t>0.04807894857929362</t>
  </si>
  <si>
    <t>13425</t>
  </si>
  <si>
    <t>17.20332145690918</t>
  </si>
  <si>
    <t>428.8212890625</t>
  </si>
  <si>
    <t>0.037491111081212836</t>
  </si>
  <si>
    <t>14814</t>
  </si>
  <si>
    <t>16.689847946166992</t>
  </si>
  <si>
    <t>451.3330078125</t>
  </si>
  <si>
    <t>0.09845403919617013</t>
  </si>
  <si>
    <t>15619</t>
  </si>
  <si>
    <t>17.961435317993164</t>
  </si>
  <si>
    <t>299.0178527832031</t>
  </si>
  <si>
    <t>0.05291544228448686</t>
  </si>
  <si>
    <t>15717</t>
  </si>
  <si>
    <t>17.66947364807129</t>
  </si>
  <si>
    <t>341.1612854003906</t>
  </si>
  <si>
    <t>0.006254807218606828</t>
  </si>
  <si>
    <t>16.816421508789062</t>
  </si>
  <si>
    <t>556.2997436523438</t>
  </si>
  <si>
    <t>-0.09392410769742021</t>
  </si>
  <si>
    <t>14611</t>
  </si>
  <si>
    <t>16.829904556274414</t>
  </si>
  <si>
    <t>552.7669067382812</t>
  </si>
  <si>
    <t>0.020955848293175094</t>
  </si>
  <si>
    <t>17.012338638305664</t>
  </si>
  <si>
    <t>550.97412109375</t>
  </si>
  <si>
    <t>0.038533428807765446</t>
  </si>
  <si>
    <t>17.66779899597168</t>
  </si>
  <si>
    <t>518.0315551757812</t>
  </si>
  <si>
    <t>0.03449845394627182</t>
  </si>
  <si>
    <t>15632</t>
  </si>
  <si>
    <t>17.539846420288086</t>
  </si>
  <si>
    <t>483.2166748046875</t>
  </si>
  <si>
    <t>-0.005486457143556223</t>
  </si>
  <si>
    <t>17.43565559387207</t>
  </si>
  <si>
    <t>562.1041259765625</t>
  </si>
  <si>
    <t>-0.030857623850907956</t>
  </si>
  <si>
    <t>17.883100509643555</t>
  </si>
  <si>
    <t>443.3181457519531</t>
  </si>
  <si>
    <t>-0.04583221557857087</t>
  </si>
  <si>
    <t>14423</t>
  </si>
  <si>
    <t>17.69147300720215</t>
  </si>
  <si>
    <t>376.8982849121094</t>
  </si>
  <si>
    <t>-0.003806101269574924</t>
  </si>
  <si>
    <t>17.475669860839844</t>
  </si>
  <si>
    <t>576.9517822265625</t>
  </si>
  <si>
    <t>0.05194481890861091</t>
  </si>
  <si>
    <t>15697</t>
  </si>
  <si>
    <t>17.80909538269043</t>
  </si>
  <si>
    <t>421.3184509277344</t>
  </si>
  <si>
    <t>0.032700637783085185</t>
  </si>
  <si>
    <t>MKD</t>
  </si>
  <si>
    <t>11.37303638458252</t>
  </si>
  <si>
    <t>472.4057312011719</t>
  </si>
  <si>
    <t>105.5728759765625</t>
  </si>
  <si>
    <t>East</t>
  </si>
  <si>
    <t>Macedonia, the former Yugoslav Republic of</t>
  </si>
  <si>
    <t>10.048036575317383</t>
  </si>
  <si>
    <t>569.9963989257812</t>
  </si>
  <si>
    <t>-0.08769549256106757</t>
  </si>
  <si>
    <t>10.457343101501465</t>
  </si>
  <si>
    <t>551.43505859375</t>
  </si>
  <si>
    <t>-0.08713152081910103</t>
  </si>
  <si>
    <t>8819</t>
  </si>
  <si>
    <t>10.503663063049316</t>
  </si>
  <si>
    <t>502.7449951171875</t>
  </si>
  <si>
    <t>-0.09624779739719003</t>
  </si>
  <si>
    <t>8469</t>
  </si>
  <si>
    <t>11.289703369140625</t>
  </si>
  <si>
    <t>552.958984375</t>
  </si>
  <si>
    <t>-0.040496046966580934</t>
  </si>
  <si>
    <t>10.526717185974121</t>
  </si>
  <si>
    <t>593.1605224609375</t>
  </si>
  <si>
    <t>-0.04294472452653508</t>
  </si>
  <si>
    <t>10.323037147521973</t>
  </si>
  <si>
    <t>504.7161560058594</t>
  </si>
  <si>
    <t>-0.0239502529307849</t>
  </si>
  <si>
    <t>7776</t>
  </si>
  <si>
    <t>10.173036575317383</t>
  </si>
  <si>
    <t>429.0242004394531</t>
  </si>
  <si>
    <t>-0.01847539332400494</t>
  </si>
  <si>
    <t>7740</t>
  </si>
  <si>
    <t>10.99338436126709</t>
  </si>
  <si>
    <t>567.4619750976562</t>
  </si>
  <si>
    <t>7772</t>
  </si>
  <si>
    <t>11.512757301330566</t>
  </si>
  <si>
    <t>522.3129272460938</t>
  </si>
  <si>
    <t>0.004125843913557858</t>
  </si>
  <si>
    <t>11.86838436126709</t>
  </si>
  <si>
    <t>389.6197509765625</t>
  </si>
  <si>
    <t>0.005133481499239423</t>
  </si>
  <si>
    <t>6900</t>
  </si>
  <si>
    <t>11.326717376708984</t>
  </si>
  <si>
    <t>422.3590087890625</t>
  </si>
  <si>
    <t>-0.12413960141121905</t>
  </si>
  <si>
    <t>11.61102294921875</t>
  </si>
  <si>
    <t>770.0507202148438</t>
  </si>
  <si>
    <t>0.015102768185757398</t>
  </si>
  <si>
    <t>10.443384170532227</t>
  </si>
  <si>
    <t>515.0899658203125</t>
  </si>
  <si>
    <t>0.03644411723327501</t>
  </si>
  <si>
    <t>7627</t>
  </si>
  <si>
    <t>11.489704132080078</t>
  </si>
  <si>
    <t>579.9797973632812</t>
  </si>
  <si>
    <t>0.048626286159855425</t>
  </si>
  <si>
    <t>10.600744247436523</t>
  </si>
  <si>
    <t>663.0477905273438</t>
  </si>
  <si>
    <t>0.0538532769294946</t>
  </si>
  <si>
    <t>8539</t>
  </si>
  <si>
    <t>11.35539722442627</t>
  </si>
  <si>
    <t>628.43994140625</t>
  </si>
  <si>
    <t>0.05909604481387376</t>
  </si>
  <si>
    <t>11.629425048828125</t>
  </si>
  <si>
    <t>647.1405029296875</t>
  </si>
  <si>
    <t>0.09935823063627858</t>
  </si>
  <si>
    <t>11.859077453613281</t>
  </si>
  <si>
    <t>546.7450561523438</t>
  </si>
  <si>
    <t>0.1897866430476416</t>
  </si>
  <si>
    <t>11.535050392150879</t>
  </si>
  <si>
    <t>673.1110229492188</t>
  </si>
  <si>
    <t>-0.019841217761882746</t>
  </si>
  <si>
    <t>11.942410469055176</t>
  </si>
  <si>
    <t>720.8507080078125</t>
  </si>
  <si>
    <t>0.16982355085461798</t>
  </si>
  <si>
    <t>13765</t>
  </si>
  <si>
    <t>10.585049629211426</t>
  </si>
  <si>
    <t>420.9991455078125</t>
  </si>
  <si>
    <t>0.03835802689244616</t>
  </si>
  <si>
    <t>11.862757682800293</t>
  </si>
  <si>
    <t>586.9224853515625</t>
  </si>
  <si>
    <t>-0.04883012137889864</t>
  </si>
  <si>
    <t>13214</t>
  </si>
  <si>
    <t>11.838729858398438</t>
  </si>
  <si>
    <t>504.270263671875</t>
  </si>
  <si>
    <t>0.007977856392020755</t>
  </si>
  <si>
    <t>11.588729858398438</t>
  </si>
  <si>
    <t>729.2659912109375</t>
  </si>
  <si>
    <t>0.05949327401124016</t>
  </si>
  <si>
    <t>14280</t>
  </si>
  <si>
    <t>11.554424285888672</t>
  </si>
  <si>
    <t>691.6558227539062</t>
  </si>
  <si>
    <t>0.01808980929250481</t>
  </si>
  <si>
    <t>14476</t>
  </si>
  <si>
    <t>11.747063636779785</t>
  </si>
  <si>
    <t>656.0641479492188</t>
  </si>
  <si>
    <t>0.01363214879005703</t>
  </si>
  <si>
    <t>15356</t>
  </si>
  <si>
    <t>11.875744819641113</t>
  </si>
  <si>
    <t>646.7554321289062</t>
  </si>
  <si>
    <t>0.05901417143705601</t>
  </si>
  <si>
    <t>16036</t>
  </si>
  <si>
    <t>618.5397338867188</t>
  </si>
  <si>
    <t>0.04332991764170835</t>
  </si>
  <si>
    <t>16920</t>
  </si>
  <si>
    <t>12.542410850524902</t>
  </si>
  <si>
    <t>534.0008544921875</t>
  </si>
  <si>
    <t>0.05366015939781832</t>
  </si>
  <si>
    <t>16164</t>
  </si>
  <si>
    <t>12.535050392150879</t>
  </si>
  <si>
    <t>694.1480102539062</t>
  </si>
  <si>
    <t>-0.045709806961850674</t>
  </si>
  <si>
    <t>17392</t>
  </si>
  <si>
    <t>11.851716041564941</t>
  </si>
  <si>
    <t>632.2534790039062</t>
  </si>
  <si>
    <t>0.07322378316262679</t>
  </si>
  <si>
    <t>12.291438102722168</t>
  </si>
  <si>
    <t>593.3471069335938</t>
  </si>
  <si>
    <t>0.025208556386376202</t>
  </si>
  <si>
    <t>529.7000732421875</t>
  </si>
  <si>
    <t>33.727806091308594</t>
  </si>
  <si>
    <t>Northeast</t>
  </si>
  <si>
    <t>694.0</t>
  </si>
  <si>
    <t>-0.0967183510395273</t>
  </si>
  <si>
    <t>-0.09663259594160145</t>
  </si>
  <si>
    <t>609.4000244140625</t>
  </si>
  <si>
    <t>-0.10661383925842927</t>
  </si>
  <si>
    <t>-0.05146633415187907</t>
  </si>
  <si>
    <t>-0.05453023205957486</t>
  </si>
  <si>
    <t>620.2000122070312</t>
  </si>
  <si>
    <t>-0.03667353354661351</t>
  </si>
  <si>
    <t>544.8999633789062</t>
  </si>
  <si>
    <t>-0.03210663163859451</t>
  </si>
  <si>
    <t>6763</t>
  </si>
  <si>
    <t>8.333334922790527</t>
  </si>
  <si>
    <t>-0.01947495476859018</t>
  </si>
  <si>
    <t>-0.01204923465823704</t>
  </si>
  <si>
    <t>6600</t>
  </si>
  <si>
    <t>497.2999267578125</t>
  </si>
  <si>
    <t>-0.01234769490218568</t>
  </si>
  <si>
    <t>5313</t>
  </si>
  <si>
    <t>537.199951171875</t>
  </si>
  <si>
    <t>-0.21691300156357407</t>
  </si>
  <si>
    <t>852.8999633789062</t>
  </si>
  <si>
    <t>0.023806220034982672</t>
  </si>
  <si>
    <t>597.4000244140625</t>
  </si>
  <si>
    <t>0.04808100947833438</t>
  </si>
  <si>
    <t>-0.03784138810359927</t>
  </si>
  <si>
    <t>0.015523777449699239</t>
  </si>
  <si>
    <t>0.08313798263193739</t>
  </si>
  <si>
    <t>6509</t>
  </si>
  <si>
    <t>772.2999267578125</t>
  </si>
  <si>
    <t>0.07032158563009006</t>
  </si>
  <si>
    <t>0.2067555821312368</t>
  </si>
  <si>
    <t>-0.1527773104872292</t>
  </si>
  <si>
    <t>6962</t>
  </si>
  <si>
    <t>840.2000122070312</t>
  </si>
  <si>
    <t>0.013302683154989836</t>
  </si>
  <si>
    <t>0.2518569093472607</t>
  </si>
  <si>
    <t>-0.0014525953724646712</t>
  </si>
  <si>
    <t>8821</t>
  </si>
  <si>
    <t>-0.013735861087413426</t>
  </si>
  <si>
    <t>901.4000244140625</t>
  </si>
  <si>
    <t>-0.03237423447615129</t>
  </si>
  <si>
    <t>9242</t>
  </si>
  <si>
    <t>789.2000122070312</t>
  </si>
  <si>
    <t>0.07899730464759536</t>
  </si>
  <si>
    <t>809.9000854492188</t>
  </si>
  <si>
    <t>-0.009130498213171023</t>
  </si>
  <si>
    <t>0.006638757581553634</t>
  </si>
  <si>
    <t>9511</t>
  </si>
  <si>
    <t>0.031182451683791967</t>
  </si>
  <si>
    <t>0.04180143270373904</t>
  </si>
  <si>
    <t>-0.05727112030793613</t>
  </si>
  <si>
    <t>730.5</t>
  </si>
  <si>
    <t>0.06169813226697585</t>
  </si>
  <si>
    <t>731.9000244140625</t>
  </si>
  <si>
    <t>0.025277650567209875</t>
  </si>
  <si>
    <t>10581</t>
  </si>
  <si>
    <t>10.774235725402832</t>
  </si>
  <si>
    <t>518.9205932617188</t>
  </si>
  <si>
    <t>94.38557434082031</t>
  </si>
  <si>
    <t>Pelagonia</t>
  </si>
  <si>
    <t>10140</t>
  </si>
  <si>
    <t>9.714122772216797</t>
  </si>
  <si>
    <t>602.7014770507812</t>
  </si>
  <si>
    <t>-0.04257194175898782</t>
  </si>
  <si>
    <t>9727</t>
  </si>
  <si>
    <t>10.30127239227295</t>
  </si>
  <si>
    <t>563.7549438476562</t>
  </si>
  <si>
    <t>-0.04158247427573336</t>
  </si>
  <si>
    <t>10.47315502166748</t>
  </si>
  <si>
    <t>603.5792846679688</t>
  </si>
  <si>
    <t>-0.05039008631518094</t>
  </si>
  <si>
    <t>11.144719123840332</t>
  </si>
  <si>
    <t>624.2747192382812</t>
  </si>
  <si>
    <t>0.0060364525220908405</t>
  </si>
  <si>
    <t>10.206870079040527</t>
  </si>
  <si>
    <t>683.1319580078125</t>
  </si>
  <si>
    <t>0.00428955081331317</t>
  </si>
  <si>
    <t>9571</t>
  </si>
  <si>
    <t>10.022582054138184</t>
  </si>
  <si>
    <t>631.1556396484375</t>
  </si>
  <si>
    <t>0.02389625230624226</t>
  </si>
  <si>
    <t>10.090203285217285</t>
  </si>
  <si>
    <t>485.6572265625</t>
  </si>
  <si>
    <t>0.029951294588165922</t>
  </si>
  <si>
    <t>10313</t>
  </si>
  <si>
    <t>10.65578842163086</t>
  </si>
  <si>
    <t>621.3281860351562</t>
  </si>
  <si>
    <t>0.044716247531997766</t>
  </si>
  <si>
    <t>10888</t>
  </si>
  <si>
    <t>10.852099418640137</t>
  </si>
  <si>
    <t>604.0388793945312</t>
  </si>
  <si>
    <t>0.054256030015231715</t>
  </si>
  <si>
    <t>11.714375495910645</t>
  </si>
  <si>
    <t>454.447998046875</t>
  </si>
  <si>
    <t>0.05633658059520563</t>
  </si>
  <si>
    <t>11592</t>
  </si>
  <si>
    <t>10.753052711486816</t>
  </si>
  <si>
    <t>439.579345703125</t>
  </si>
  <si>
    <t>0.006317359074010653</t>
  </si>
  <si>
    <t>12617</t>
  </si>
  <si>
    <t>11.298409461975098</t>
  </si>
  <si>
    <t>820.7625122070312</t>
  </si>
  <si>
    <t>0.08472990592722418</t>
  </si>
  <si>
    <t>10.694847106933594</t>
  </si>
  <si>
    <t>579.7144165039062</t>
  </si>
  <si>
    <t>0.023886174190369758</t>
  </si>
  <si>
    <t>10.735305786132812</t>
  </si>
  <si>
    <t>629.0167846679688</t>
  </si>
  <si>
    <t>-0.05226314356646178</t>
  </si>
  <si>
    <t>10.047455787658691</t>
  </si>
  <si>
    <t>662.6747436523438</t>
  </si>
  <si>
    <t>-0.04264470269793641</t>
  </si>
  <si>
    <t>11.048538208007812</t>
  </si>
  <si>
    <t>652.049560546875</t>
  </si>
  <si>
    <t>-0.014830326241440872</t>
  </si>
  <si>
    <t>11.234604835510254</t>
  </si>
  <si>
    <t>679.8236083984375</t>
  </si>
  <si>
    <t>0.058534480568567915</t>
  </si>
  <si>
    <t>11.406615257263184</t>
  </si>
  <si>
    <t>647.7403564453125</t>
  </si>
  <si>
    <t>0.11032495825505961</t>
  </si>
  <si>
    <t>14400</t>
  </si>
  <si>
    <t>11.23734188079834</t>
  </si>
  <si>
    <t>744.8915405273438</t>
  </si>
  <si>
    <t>0.049175655128191664</t>
  </si>
  <si>
    <t>14443</t>
  </si>
  <si>
    <t>11.220675468444824</t>
  </si>
  <si>
    <t>800.904541015625</t>
  </si>
  <si>
    <t>0.002981661537075908</t>
  </si>
  <si>
    <t>13767</t>
  </si>
  <si>
    <t>10.821755409240723</t>
  </si>
  <si>
    <t>466.2403869628906</t>
  </si>
  <si>
    <t>-0.04793544403822381</t>
  </si>
  <si>
    <t>13281</t>
  </si>
  <si>
    <t>11.664249420166016</t>
  </si>
  <si>
    <t>672.5457153320312</t>
  </si>
  <si>
    <t>-0.0359399816626933</t>
  </si>
  <si>
    <t>11.622455596923828</t>
  </si>
  <si>
    <t>576.6022338867188</t>
  </si>
  <si>
    <t>0.06465145806241956</t>
  </si>
  <si>
    <t>11.441031455993652</t>
  </si>
  <si>
    <t>761.6793823242188</t>
  </si>
  <si>
    <t>0.020884293166920642</t>
  </si>
  <si>
    <t>11.403053283691406</t>
  </si>
  <si>
    <t>696.2686767578125</t>
  </si>
  <si>
    <t>0.014956371003130187</t>
  </si>
  <si>
    <t>11.114949226379395</t>
  </si>
  <si>
    <t>728.4259033203125</t>
  </si>
  <si>
    <t>0.045265630931863754</t>
  </si>
  <si>
    <t>11.71234130859375</t>
  </si>
  <si>
    <t>648.4732055664062</t>
  </si>
  <si>
    <t>-0.005023988644476063</t>
  </si>
  <si>
    <t>11.673282623291016</t>
  </si>
  <si>
    <t>656.9312133789062</t>
  </si>
  <si>
    <t>0.01885564659231953</t>
  </si>
  <si>
    <t>16044</t>
  </si>
  <si>
    <t>11.972455024719238</t>
  </si>
  <si>
    <t>619.6976318359375</t>
  </si>
  <si>
    <t>0.029411094377515212</t>
  </si>
  <si>
    <t>11.843894004821777</t>
  </si>
  <si>
    <t>745.477783203125</t>
  </si>
  <si>
    <t>-0.06982129445759355</t>
  </si>
  <si>
    <t>11.316157341003418</t>
  </si>
  <si>
    <t>639.7915649414062</t>
  </si>
  <si>
    <t>0.049229275643979165</t>
  </si>
  <si>
    <t>16119</t>
  </si>
  <si>
    <t>12.22805404663086</t>
  </si>
  <si>
    <t>626.4816284179688</t>
  </si>
  <si>
    <t>0.02525577132060164</t>
  </si>
  <si>
    <t>7.283334255218506</t>
  </si>
  <si>
    <t>800.5999755859375</t>
  </si>
  <si>
    <t>102.2406234741211</t>
  </si>
  <si>
    <t>Polog</t>
  </si>
  <si>
    <t>6.274999618530273</t>
  </si>
  <si>
    <t>-0.04311202044189777</t>
  </si>
  <si>
    <t>6.7833333015441895</t>
  </si>
  <si>
    <t>-0.04176834761804038</t>
  </si>
  <si>
    <t>7.016666889190674</t>
  </si>
  <si>
    <t>-0.05071373791698086</t>
  </si>
  <si>
    <t>896.9999389648438</t>
  </si>
  <si>
    <t>0.0056545940465380085</t>
  </si>
  <si>
    <t>6.658332824707031</t>
  </si>
  <si>
    <t>1179.0001220703125</t>
  </si>
  <si>
    <t>0.004159027401785309</t>
  </si>
  <si>
    <t>6.424999713897705</t>
  </si>
  <si>
    <t>1126.5</t>
  </si>
  <si>
    <t>0.023405580451418828</t>
  </si>
  <si>
    <t>919.8999633789062</t>
  </si>
  <si>
    <t>0.029838934067393907</t>
  </si>
  <si>
    <t>7.183332920074463</t>
  </si>
  <si>
    <t>1048.300048828125</t>
  </si>
  <si>
    <t>0.044371244031397694</t>
  </si>
  <si>
    <t>0.05409052993527297</t>
  </si>
  <si>
    <t>0.055887298877804525</t>
  </si>
  <si>
    <t>7.241668224334717</t>
  </si>
  <si>
    <t>858.6000366210938</t>
  </si>
  <si>
    <t>-0.13010823347163658</t>
  </si>
  <si>
    <t>1194.7000732421875</t>
  </si>
  <si>
    <t>0.03921202320624673</t>
  </si>
  <si>
    <t>0.12655512713902617</t>
  </si>
  <si>
    <t>5078</t>
  </si>
  <si>
    <t>1043.3001708984375</t>
  </si>
  <si>
    <t>-0.028345908691642663</t>
  </si>
  <si>
    <t>0.06628473095425313</t>
  </si>
  <si>
    <t>0.043104680243228444</t>
  </si>
  <si>
    <t>0.0526075230848857</t>
  </si>
  <si>
    <t>1076.5999755859375</t>
  </si>
  <si>
    <t>0.045667046183455184</t>
  </si>
  <si>
    <t>7.6750006675720215</t>
  </si>
  <si>
    <t>1178.699951171875</t>
  </si>
  <si>
    <t>-0.014342361715875995</t>
  </si>
  <si>
    <t>6333</t>
  </si>
  <si>
    <t>1223.9000244140625</t>
  </si>
  <si>
    <t>0.027534955501860026</t>
  </si>
  <si>
    <t>7.349999904632568</t>
  </si>
  <si>
    <t>797.7999877929688</t>
  </si>
  <si>
    <t>0.09985033641120289</t>
  </si>
  <si>
    <t>977.2000122070312</t>
  </si>
  <si>
    <t>-0.06937060174100118</t>
  </si>
  <si>
    <t>962.8999633789062</t>
  </si>
  <si>
    <t>0.05686055290476233</t>
  </si>
  <si>
    <t>7.975001811981201</t>
  </si>
  <si>
    <t>1303.0999755859375</t>
  </si>
  <si>
    <t>-0.025945024370376046</t>
  </si>
  <si>
    <t>1084.60009765625</t>
  </si>
  <si>
    <t>0.018246533301846668</t>
  </si>
  <si>
    <t>1104.0999755859375</t>
  </si>
  <si>
    <t>0.05033045130034175</t>
  </si>
  <si>
    <t>0.030990125868134655</t>
  </si>
  <si>
    <t>1047.3001708984375</t>
  </si>
  <si>
    <t>0.06756693261450764</t>
  </si>
  <si>
    <t>931.9999389648438</t>
  </si>
  <si>
    <t>0.07652817394279587</t>
  </si>
  <si>
    <t>8388</t>
  </si>
  <si>
    <t>1154.5</t>
  </si>
  <si>
    <t>-0.024029424726835558</t>
  </si>
  <si>
    <t>7.716665744781494</t>
  </si>
  <si>
    <t>1000.9000244140625</t>
  </si>
  <si>
    <t>0.09370486891876517</t>
  </si>
  <si>
    <t>0.025190248828559803</t>
  </si>
  <si>
    <t>423.79998779296875</t>
  </si>
  <si>
    <t>60.66636657714844</t>
  </si>
  <si>
    <t>Southeast</t>
  </si>
  <si>
    <t>506.20001220703125</t>
  </si>
  <si>
    <t>-0.07148356660584021</t>
  </si>
  <si>
    <t>9145</t>
  </si>
  <si>
    <t>472.8999938964844</t>
  </si>
  <si>
    <t>-0.07029692333842519</t>
  </si>
  <si>
    <t>429.4999694824219</t>
  </si>
  <si>
    <t>-0.07880418208901752</t>
  </si>
  <si>
    <t>517.5</t>
  </si>
  <si>
    <t>-0.02237336848082272</t>
  </si>
  <si>
    <t>8070</t>
  </si>
  <si>
    <t>518.2999877929688</t>
  </si>
  <si>
    <t>-0.023876248991131277</t>
  </si>
  <si>
    <t>12.6416654586792</t>
  </si>
  <si>
    <t>467.4000244140625</t>
  </si>
  <si>
    <t>-0.004222035329169316</t>
  </si>
  <si>
    <t>12.525001525878906</t>
  </si>
  <si>
    <t>367.0</t>
  </si>
  <si>
    <t>0.0021132458607198146</t>
  </si>
  <si>
    <t>484.4000244140625</t>
  </si>
  <si>
    <t>0.01686920505157019</t>
  </si>
  <si>
    <t>482.1000061035156</t>
  </si>
  <si>
    <t>0.026626475115323345</t>
  </si>
  <si>
    <t>331.1999816894531</t>
  </si>
  <si>
    <t>0.02882786925333569</t>
  </si>
  <si>
    <t>365.5</t>
  </si>
  <si>
    <t>-0.05046072824312908</t>
  </si>
  <si>
    <t>701.5999755859375</t>
  </si>
  <si>
    <t>0.017701708534335836</t>
  </si>
  <si>
    <t>473.3000183105469</t>
  </si>
  <si>
    <t>0.07792871686796765</t>
  </si>
  <si>
    <t>466.6999816894531</t>
  </si>
  <si>
    <t>0.048805937164488</t>
  </si>
  <si>
    <t>10593</t>
  </si>
  <si>
    <t>0.10784952905705936</t>
  </si>
  <si>
    <t>13.72500228881836</t>
  </si>
  <si>
    <t>532.4000244140625</t>
  </si>
  <si>
    <t>0.008179427917690774</t>
  </si>
  <si>
    <t>11445</t>
  </si>
  <si>
    <t>0.06918011987248107</t>
  </si>
  <si>
    <t>478.5000305175781</t>
  </si>
  <si>
    <t>-0.036571538554291294</t>
  </si>
  <si>
    <t>13.900001525878906</t>
  </si>
  <si>
    <t>0.11905103691313457</t>
  </si>
  <si>
    <t>0.12443876769596507</t>
  </si>
  <si>
    <t>15421</t>
  </si>
  <si>
    <t>387.2999572753906</t>
  </si>
  <si>
    <t>0.09125899741618149</t>
  </si>
  <si>
    <t>14.258332252502441</t>
  </si>
  <si>
    <t>505.9000244140625</t>
  </si>
  <si>
    <t>-0.005462007206878283</t>
  </si>
  <si>
    <t>15522</t>
  </si>
  <si>
    <t>422.2000427246094</t>
  </si>
  <si>
    <t>0.01199016276330589</t>
  </si>
  <si>
    <t>17461</t>
  </si>
  <si>
    <t>13.949999809265137</t>
  </si>
  <si>
    <t>710.4999389648438</t>
  </si>
  <si>
    <t>0.11771145010804318</t>
  </si>
  <si>
    <t>17774</t>
  </si>
  <si>
    <t>13.991665840148926</t>
  </si>
  <si>
    <t>0.017766892776291954</t>
  </si>
  <si>
    <t>18602</t>
  </si>
  <si>
    <t>570.699951171875</t>
  </si>
  <si>
    <t>0.04553238650399294</t>
  </si>
  <si>
    <t>-0.005336220720696616</t>
  </si>
  <si>
    <t>18687</t>
  </si>
  <si>
    <t>584.199951171875</t>
  </si>
  <si>
    <t>0.009895213840538375</t>
  </si>
  <si>
    <t>452.29998779296875</t>
  </si>
  <si>
    <t>0.020130997142189244</t>
  </si>
  <si>
    <t>17614</t>
  </si>
  <si>
    <t>631.8999633789062</t>
  </si>
  <si>
    <t>-0.07926505169903919</t>
  </si>
  <si>
    <t>517.0000610351562</t>
  </si>
  <si>
    <t>0.039517635641228566</t>
  </si>
  <si>
    <t>18792</t>
  </si>
  <si>
    <t>14.650002479553223</t>
  </si>
  <si>
    <t>492.0000305175781</t>
  </si>
  <si>
    <t>9.433008193969727</t>
  </si>
  <si>
    <t>637.838623046875</t>
  </si>
  <si>
    <t>255.61746215820312</t>
  </si>
  <si>
    <t>Southwest</t>
  </si>
  <si>
    <t>8.367542266845703</t>
  </si>
  <si>
    <t>727.2099609375</t>
  </si>
  <si>
    <t>-0.036372873188787125</t>
  </si>
  <si>
    <t>8.930028915405273</t>
  </si>
  <si>
    <t>658.7869262695312</t>
  </si>
  <si>
    <t>-0.035619591512116244</t>
  </si>
  <si>
    <t>9.105931282043457</t>
  </si>
  <si>
    <t>704.7963256835938</t>
  </si>
  <si>
    <t>-0.044520729515005186</t>
  </si>
  <si>
    <t>9.766341209411621</t>
  </si>
  <si>
    <t>694.066162109375</t>
  </si>
  <si>
    <t>0.011513414777557074</t>
  </si>
  <si>
    <t>8.835084915161133</t>
  </si>
  <si>
    <t>811.5551147460938</t>
  </si>
  <si>
    <t>0.009675481222911841</t>
  </si>
  <si>
    <t>8.616040229797363</t>
  </si>
  <si>
    <t>858.3064575195312</t>
  </si>
  <si>
    <t>0.028929851008269836</t>
  </si>
  <si>
    <t>8.701751708984375</t>
  </si>
  <si>
    <t>641.8768920898438</t>
  </si>
  <si>
    <t>0.034841564362182</t>
  </si>
  <si>
    <t>9.274673461914062</t>
  </si>
  <si>
    <t>755.6043701171875</t>
  </si>
  <si>
    <t>0.04946297400812405</t>
  </si>
  <si>
    <t>7648</t>
  </si>
  <si>
    <t>9.4940185546875</t>
  </si>
  <si>
    <t>780.86962890625</t>
  </si>
  <si>
    <t>0.05883653781447862</t>
  </si>
  <si>
    <t>10.295193672180176</t>
  </si>
  <si>
    <t>640.0966186523438</t>
  </si>
  <si>
    <t>0.06074767602196651</t>
  </si>
  <si>
    <t>7413</t>
  </si>
  <si>
    <t>9.422296524047852</t>
  </si>
  <si>
    <t>618.4163818359375</t>
  </si>
  <si>
    <t>-0.09195663609648541</t>
  </si>
  <si>
    <t>9.9434175491333</t>
  </si>
  <si>
    <t>944.1234130859375</t>
  </si>
  <si>
    <t>0.052553797340024744</t>
  </si>
  <si>
    <t>6883</t>
  </si>
  <si>
    <t>9.319318771362305</t>
  </si>
  <si>
    <t>754.7467041015625</t>
  </si>
  <si>
    <t>-0.12673440959837912</t>
  </si>
  <si>
    <t>9.407707214355469</t>
  </si>
  <si>
    <t>792.8298950195312</t>
  </si>
  <si>
    <t>0.0798303448004738</t>
  </si>
  <si>
    <t>8.688963890075684</t>
  </si>
  <si>
    <t>815.8511962890625</t>
  </si>
  <si>
    <t>0.0026791710600484464</t>
  </si>
  <si>
    <t>9.684483528137207</t>
  </si>
  <si>
    <t>806.816650390625</t>
  </si>
  <si>
    <t>0.0642458361690359</t>
  </si>
  <si>
    <t>8093</t>
  </si>
  <si>
    <t>9.837461471557617</t>
  </si>
  <si>
    <t>881.0121459960938</t>
  </si>
  <si>
    <t>0.015189535067779758</t>
  </si>
  <si>
    <t>10.043718338012695</t>
  </si>
  <si>
    <t>835.7362060546875</t>
  </si>
  <si>
    <t>0.20052465512105577</t>
  </si>
  <si>
    <t>9.820795059204102</t>
  </si>
  <si>
    <t>904.3439331054688</t>
  </si>
  <si>
    <t>-0.07275553873368601</t>
  </si>
  <si>
    <t>9.817816734313965</t>
  </si>
  <si>
    <t>970.1846923828125</t>
  </si>
  <si>
    <t>0.08051102908438423</t>
  </si>
  <si>
    <t>10702</t>
  </si>
  <si>
    <t>9.435385704040527</t>
  </si>
  <si>
    <t>595.1962280273438</t>
  </si>
  <si>
    <t>0.07115100390379325</t>
  </si>
  <si>
    <t>10365</t>
  </si>
  <si>
    <t>10.284483909606934</t>
  </si>
  <si>
    <t>782.082275390625</t>
  </si>
  <si>
    <t>-0.03199589400136915</t>
  </si>
  <si>
    <t>10409</t>
  </si>
  <si>
    <t>10.251751899719238</t>
  </si>
  <si>
    <t>724.2284545898438</t>
  </si>
  <si>
    <t>0.004236070645587731</t>
  </si>
  <si>
    <t>10857</t>
  </si>
  <si>
    <t>10.08806324005127</t>
  </si>
  <si>
    <t>1048.4127197265625</t>
  </si>
  <si>
    <t>0.0421392167163841</t>
  </si>
  <si>
    <t>11986</t>
  </si>
  <si>
    <t>10.038662910461426</t>
  </si>
  <si>
    <t>876.878173828125</t>
  </si>
  <si>
    <t>0.09892926878627861</t>
  </si>
  <si>
    <t>12087</t>
  </si>
  <si>
    <t>9.805930137634277</t>
  </si>
  <si>
    <t>896.3911743164062</t>
  </si>
  <si>
    <t>0.0083911928413265</t>
  </si>
  <si>
    <t>12633</t>
  </si>
  <si>
    <t>10.30412769317627</t>
  </si>
  <si>
    <t>750.3909301757812</t>
  </si>
  <si>
    <t>0.04418194297057987</t>
  </si>
  <si>
    <t>10.349674224853516</t>
  </si>
  <si>
    <t>824.02197265625</t>
  </si>
  <si>
    <t>0.05205292030833064</t>
  </si>
  <si>
    <t>14159</t>
  </si>
  <si>
    <t>10.593117713928223</t>
  </si>
  <si>
    <t>728.027099609375</t>
  </si>
  <si>
    <t>0.061985106146602575</t>
  </si>
  <si>
    <t>10.444894790649414</t>
  </si>
  <si>
    <t>945.4734497070312</t>
  </si>
  <si>
    <t>-0.037637110027176846</t>
  </si>
  <si>
    <t>9.906805992126465</t>
  </si>
  <si>
    <t>766.6279907226562</t>
  </si>
  <si>
    <t>0.08089979902878319</t>
  </si>
  <si>
    <t>15163</t>
  </si>
  <si>
    <t>10.83150577545166</t>
  </si>
  <si>
    <t>752.9064331054688</t>
  </si>
  <si>
    <t>0.025245096514362686</t>
  </si>
  <si>
    <t>11112</t>
  </si>
  <si>
    <t>12.1959867477417</t>
  </si>
  <si>
    <t>440.4612731933594</t>
  </si>
  <si>
    <t>100.8287353515625</t>
  </si>
  <si>
    <t>Vardar</t>
  </si>
  <si>
    <t>11.069591522216797</t>
  </si>
  <si>
    <t>525.708984375</t>
  </si>
  <si>
    <t>-0.07190902924920373</t>
  </si>
  <si>
    <t>11.562993049621582</t>
  </si>
  <si>
    <t>511.2710266113281</t>
  </si>
  <si>
    <t>-0.07061049145021414</t>
  </si>
  <si>
    <t>8902</t>
  </si>
  <si>
    <t>11.750645637512207</t>
  </si>
  <si>
    <t>493.5992126464844</t>
  </si>
  <si>
    <t>-0.0792301141589622</t>
  </si>
  <si>
    <t>8703</t>
  </si>
  <si>
    <t>12.472755432128906</t>
  </si>
  <si>
    <t>525.2730712890625</t>
  </si>
  <si>
    <t>-0.022608176786285128</t>
  </si>
  <si>
    <t>11.529354095458984</t>
  </si>
  <si>
    <t>565.9686279296875</t>
  </si>
  <si>
    <t>-0.024307761916297466</t>
  </si>
  <si>
    <t>11.291428565979004</t>
  </si>
  <si>
    <t>501.86981201171875</t>
  </si>
  <si>
    <t>-0.004483783323143697</t>
  </si>
  <si>
    <t>11.326224327087402</t>
  </si>
  <si>
    <t>410.8832702636719</t>
  </si>
  <si>
    <t>0.0016542600960267606</t>
  </si>
  <si>
    <t>11.992857933044434</t>
  </si>
  <si>
    <t>527.3082275390625</t>
  </si>
  <si>
    <t>0.01650994705006603</t>
  </si>
  <si>
    <t>12.321258544921875</t>
  </si>
  <si>
    <t>500.8449401855469</t>
  </si>
  <si>
    <t>0.026246420935523318</t>
  </si>
  <si>
    <t>12.931666374206543</t>
  </si>
  <si>
    <t>377.028564453125</t>
  </si>
  <si>
    <t>9857</t>
  </si>
  <si>
    <t>12.19398021697998</t>
  </si>
  <si>
    <t>389.4163513183594</t>
  </si>
  <si>
    <t>0.08045705071321585</t>
  </si>
  <si>
    <t>12.629353523254395</t>
  </si>
  <si>
    <t>701.7041625976562</t>
  </si>
  <si>
    <t>0.0005071251186326009</t>
  </si>
  <si>
    <t>11.830577850341797</t>
  </si>
  <si>
    <t>481.6515197753906</t>
  </si>
  <si>
    <t>0.07827836412137934</t>
  </si>
  <si>
    <t>12.231598854064941</t>
  </si>
  <si>
    <t>546.598388671875</t>
  </si>
  <si>
    <t>11021</t>
  </si>
  <si>
    <t>11.460646629333496</t>
  </si>
  <si>
    <t>593.9559326171875</t>
  </si>
  <si>
    <t>0.040270170273609907</t>
  </si>
  <si>
    <t>12.35751724243164</t>
  </si>
  <si>
    <t>566.663330078125</t>
  </si>
  <si>
    <t>0.1521395074147538</t>
  </si>
  <si>
    <t>12.55146312713623</t>
  </si>
  <si>
    <t>592.8494262695312</t>
  </si>
  <si>
    <t>0.013391847776455634</t>
  </si>
  <si>
    <t>12859</t>
  </si>
  <si>
    <t>12.77071475982666</t>
  </si>
  <si>
    <t>532.7999877929688</t>
  </si>
  <si>
    <t>-0.01128994361231328</t>
  </si>
  <si>
    <t>12.494864463806152</t>
  </si>
  <si>
    <t>626.3731079101562</t>
  </si>
  <si>
    <t>-0.010396810477701024</t>
  </si>
  <si>
    <t>12.618946075439453</t>
  </si>
  <si>
    <t>669.2734985351562</t>
  </si>
  <si>
    <t>0.03959540569826103</t>
  </si>
  <si>
    <t>13528</t>
  </si>
  <si>
    <t>11.927992820739746</t>
  </si>
  <si>
    <t>390.4057922363281</t>
  </si>
  <si>
    <t>0.021519061087417413</t>
  </si>
  <si>
    <t>14349</t>
  </si>
  <si>
    <t>12.908673286437988</t>
  </si>
  <si>
    <t>566.19189453125</t>
  </si>
  <si>
    <t>0.05891864176999029</t>
  </si>
  <si>
    <t>12.881088256835938</t>
  </si>
  <si>
    <t>486.3285827636719</t>
  </si>
  <si>
    <t>0.08711010141209918</t>
  </si>
  <si>
    <t>12.720475196838379</t>
  </si>
  <si>
    <t>662.9445190429688</t>
  </si>
  <si>
    <t>0.006303946502763225</t>
  </si>
  <si>
    <t>12.6810884475708</t>
  </si>
  <si>
    <t>612.9694213867188</t>
  </si>
  <si>
    <t>0.04085754041635958</t>
  </si>
  <si>
    <t>16448</t>
  </si>
  <si>
    <t>12.590816497802734</t>
  </si>
  <si>
    <t>625.8731079101562</t>
  </si>
  <si>
    <t>0.002252047575263205</t>
  </si>
  <si>
    <t>16313</t>
  </si>
  <si>
    <t>12.970442771911621</t>
  </si>
  <si>
    <t>574.9429321289062</t>
  </si>
  <si>
    <t>-0.008241553318589112</t>
  </si>
  <si>
    <t>16857</t>
  </si>
  <si>
    <t>13.069286346435547</t>
  </si>
  <si>
    <t>565.4127197265625</t>
  </si>
  <si>
    <t>0.0328036648440051</t>
  </si>
  <si>
    <t>17604</t>
  </si>
  <si>
    <t>13.352585792541504</t>
  </si>
  <si>
    <t>523.1869506835938</t>
  </si>
  <si>
    <t>0.043360148150673794</t>
  </si>
  <si>
    <t>13.236769676208496</t>
  </si>
  <si>
    <t>639.2861328125</t>
  </si>
  <si>
    <t>-0.05577599438612957</t>
  </si>
  <si>
    <t>17737</t>
  </si>
  <si>
    <t>12.662075996398926</t>
  </si>
  <si>
    <t>565.4813232421875</t>
  </si>
  <si>
    <t>0.06330269866073479</t>
  </si>
  <si>
    <t>13.414729118347168</t>
  </si>
  <si>
    <t>539.3967895507812</t>
  </si>
  <si>
    <t>0.02521913930658215</t>
  </si>
  <si>
    <t>MNG</t>
  </si>
  <si>
    <t>4306</t>
  </si>
  <si>
    <t>-1.4430623054504395</t>
  </si>
  <si>
    <t>394.67730712890625</t>
  </si>
  <si>
    <t>47.17570495605469</t>
  </si>
  <si>
    <t>Arhangay</t>
  </si>
  <si>
    <t>Mongolia</t>
  </si>
  <si>
    <t>3844</t>
  </si>
  <si>
    <t>-1.850934386253357</t>
  </si>
  <si>
    <t>351.6722717285156</t>
  </si>
  <si>
    <t>-0.11349590783412467</t>
  </si>
  <si>
    <t>-2.2842116355895996</t>
  </si>
  <si>
    <t>310.9654235839844</t>
  </si>
  <si>
    <t>-0.11804321518172323</t>
  </si>
  <si>
    <t>-2.355151891708374</t>
  </si>
  <si>
    <t>430.4444274902344</t>
  </si>
  <si>
    <t>-0.05135492577026923</t>
  </si>
  <si>
    <t>-1.5921756029129028</t>
  </si>
  <si>
    <t>435.3772888183594</t>
  </si>
  <si>
    <t>0.003076925504478467</t>
  </si>
  <si>
    <t>3406</t>
  </si>
  <si>
    <t>-1.1927157640457153</t>
  </si>
  <si>
    <t>299.3896484375</t>
  </si>
  <si>
    <t>0.045346306579963525</t>
  </si>
  <si>
    <t>-1.9874272346496582</t>
  </si>
  <si>
    <t>284.1036682128906</t>
  </si>
  <si>
    <t>0.004101968834017811</t>
  </si>
  <si>
    <t>3494</t>
  </si>
  <si>
    <t>-1.1885753870010376</t>
  </si>
  <si>
    <t>295.33953857421875</t>
  </si>
  <si>
    <t>0.02140666063735175</t>
  </si>
  <si>
    <t>-0.04494393244385719</t>
  </si>
  <si>
    <t>365.54815673828125</t>
  </si>
  <si>
    <t>0.01674510532702378</t>
  </si>
  <si>
    <t>3605</t>
  </si>
  <si>
    <t>-1.4150762557983398</t>
  </si>
  <si>
    <t>357.1278076171875</t>
  </si>
  <si>
    <t>0.01452945369802272</t>
  </si>
  <si>
    <t>-1.6529992818832397</t>
  </si>
  <si>
    <t>284.2165832519531</t>
  </si>
  <si>
    <t>-0.003891055492966089</t>
  </si>
  <si>
    <t>3858</t>
  </si>
  <si>
    <t>-0.5888622403144836</t>
  </si>
  <si>
    <t>277.2126770019531</t>
  </si>
  <si>
    <t>0.07171819923959077</t>
  </si>
  <si>
    <t>-1.023929476737976</t>
  </si>
  <si>
    <t>220.96173095703125</t>
  </si>
  <si>
    <t>-0.04859578181873658</t>
  </si>
  <si>
    <t>-1.8141063451766968</t>
  </si>
  <si>
    <t>-0.22552734266948615</t>
  </si>
  <si>
    <t>-1.174606204032898</t>
  </si>
  <si>
    <t>239.3168487548828</t>
  </si>
  <si>
    <t>0.20407437471817236</t>
  </si>
  <si>
    <t>-1.7739132642745972</t>
  </si>
  <si>
    <t>291.46331787109375</t>
  </si>
  <si>
    <t>-0.03479349689457223</t>
  </si>
  <si>
    <t>-0.6928276419639587</t>
  </si>
  <si>
    <t>274.95770263671875</t>
  </si>
  <si>
    <t>-0.07437371757117894</t>
  </si>
  <si>
    <t>3972</t>
  </si>
  <si>
    <t>-0.09618035703897476</t>
  </si>
  <si>
    <t>312.735595703125</t>
  </si>
  <si>
    <t>0.20833679593519072</t>
  </si>
  <si>
    <t>-0.44856902956962585</t>
  </si>
  <si>
    <t>281.76605224609375</t>
  </si>
  <si>
    <t>0.2577833332841486</t>
  </si>
  <si>
    <t>-1.6801786422729492</t>
  </si>
  <si>
    <t>269.3929443359375</t>
  </si>
  <si>
    <t>-0.03887835931168482</t>
  </si>
  <si>
    <t>-2.5921308994293213</t>
  </si>
  <si>
    <t>328.0168151855469</t>
  </si>
  <si>
    <t>-0.467095241349778</t>
  </si>
  <si>
    <t>3937</t>
  </si>
  <si>
    <t>-2.153047800064087</t>
  </si>
  <si>
    <t>335.13397216796875</t>
  </si>
  <si>
    <t>0.23933953315598977</t>
  </si>
  <si>
    <t>-2.45320200920105</t>
  </si>
  <si>
    <t>327.7451171875</t>
  </si>
  <si>
    <t>0.2303817070768357</t>
  </si>
  <si>
    <t>-0.8115742802619934</t>
  </si>
  <si>
    <t>370.66522216796875</t>
  </si>
  <si>
    <t>0.18878973290477852</t>
  </si>
  <si>
    <t>-0.8642160892486572</t>
  </si>
  <si>
    <t>333.1722106933594</t>
  </si>
  <si>
    <t>-0.020076591662480325</t>
  </si>
  <si>
    <t>-1.0720922946929932</t>
  </si>
  <si>
    <t>272.3768005371094</t>
  </si>
  <si>
    <t>0.17080928190579492</t>
  </si>
  <si>
    <t>-0.9687438011169434</t>
  </si>
  <si>
    <t>435.31903076171875</t>
  </si>
  <si>
    <t>-0.17833583129214503</t>
  </si>
  <si>
    <t>-0.27899739146232605</t>
  </si>
  <si>
    <t>244.2411346435547</t>
  </si>
  <si>
    <t>-0.05017333184341766</t>
  </si>
  <si>
    <t>-0.4694310128688812</t>
  </si>
  <si>
    <t>386.6678466796875</t>
  </si>
  <si>
    <t>-0.04788788133279809</t>
  </si>
  <si>
    <t>6687</t>
  </si>
  <si>
    <t>-0.702494204044342</t>
  </si>
  <si>
    <t>308.7178039550781</t>
  </si>
  <si>
    <t>0.2362392453536728</t>
  </si>
  <si>
    <t>-0.7098152041435242</t>
  </si>
  <si>
    <t>372.1504821777344</t>
  </si>
  <si>
    <t>0.03915169051382783</t>
  </si>
  <si>
    <t>-0.10425331443548203</t>
  </si>
  <si>
    <t>421.95294189453125</t>
  </si>
  <si>
    <t>-0.0031686617323103405</t>
  </si>
  <si>
    <t>-1.1284661293029785</t>
  </si>
  <si>
    <t>279.4219665527344</t>
  </si>
  <si>
    <t>0.030963984852556692</t>
  </si>
  <si>
    <t>-1.9287599325180054</t>
  </si>
  <si>
    <t>210.65835571289062</t>
  </si>
  <si>
    <t>46.233985900878906</t>
  </si>
  <si>
    <t>Bayan-Ölgiy</t>
  </si>
  <si>
    <t>-2.4349963665008545</t>
  </si>
  <si>
    <t>199.20326232910156</t>
  </si>
  <si>
    <t>-0.11359717772370548</t>
  </si>
  <si>
    <t>-2.848614454269409</t>
  </si>
  <si>
    <t>242.31484985351562</t>
  </si>
  <si>
    <t>-0.11788197208980566</t>
  </si>
  <si>
    <t>-2.674083948135376</t>
  </si>
  <si>
    <t>249.88284301757812</t>
  </si>
  <si>
    <t>-0.05162141682703769</t>
  </si>
  <si>
    <t>-2.3394649028778076</t>
  </si>
  <si>
    <t>255.14959716796875</t>
  </si>
  <si>
    <t>0.003276389544546454</t>
  </si>
  <si>
    <t>-2.2327022552490234</t>
  </si>
  <si>
    <t>212.05767822265625</t>
  </si>
  <si>
    <t>0.04522350858285762</t>
  </si>
  <si>
    <t>-2.1953423023223877</t>
  </si>
  <si>
    <t>223.2017364501953</t>
  </si>
  <si>
    <t>0.004456335360560892</t>
  </si>
  <si>
    <t>-1.417373776435852</t>
  </si>
  <si>
    <t>219.825439453125</t>
  </si>
  <si>
    <t>0.02111825072978224</t>
  </si>
  <si>
    <t>-0.32613271474838257</t>
  </si>
  <si>
    <t>213.13754272460938</t>
  </si>
  <si>
    <t>0.01683614125902011</t>
  </si>
  <si>
    <t>-1.4802325963974</t>
  </si>
  <si>
    <t>224.91641235351562</t>
  </si>
  <si>
    <t>0.014449890181058578</t>
  </si>
  <si>
    <t>-2.094090700149536</t>
  </si>
  <si>
    <t>245.04067993164062</t>
  </si>
  <si>
    <t>-0.0038046970436633742</t>
  </si>
  <si>
    <t>-1.3614215850830078</t>
  </si>
  <si>
    <t>213.8834686279297</t>
  </si>
  <si>
    <t>0.024268973524514514</t>
  </si>
  <si>
    <t>-1.3411989212036133</t>
  </si>
  <si>
    <t>187.26193237304688</t>
  </si>
  <si>
    <t>-0.15628883286448492</t>
  </si>
  <si>
    <t>-2.727841377258301</t>
  </si>
  <si>
    <t>225.14825439453125</t>
  </si>
  <si>
    <t>0.21059535884694203</t>
  </si>
  <si>
    <t>-1.8619848489761353</t>
  </si>
  <si>
    <t>185.5167236328125</t>
  </si>
  <si>
    <t>0.06664085158652089</t>
  </si>
  <si>
    <t>-3.010493516921997</t>
  </si>
  <si>
    <t>232.4119415283203</t>
  </si>
  <si>
    <t>-0.17269768548990783</t>
  </si>
  <si>
    <t>-1.265879511833191</t>
  </si>
  <si>
    <t>181.86343383789062</t>
  </si>
  <si>
    <t>-0.023789668168889833</t>
  </si>
  <si>
    <t>-1.1433759927749634</t>
  </si>
  <si>
    <t>193.2369842529297</t>
  </si>
  <si>
    <t>0.08663978172690978</t>
  </si>
  <si>
    <t>-1.0746948719024658</t>
  </si>
  <si>
    <t>186.21490478515625</t>
  </si>
  <si>
    <t>0.14970206560707044</t>
  </si>
  <si>
    <t>-2.5128471851348877</t>
  </si>
  <si>
    <t>187.4628143310547</t>
  </si>
  <si>
    <t>-0.19657256900768694</t>
  </si>
  <si>
    <t>2681</t>
  </si>
  <si>
    <t>-3.353839159011841</t>
  </si>
  <si>
    <t>230.10028076171875</t>
  </si>
  <si>
    <t>0.13860632538945783</t>
  </si>
  <si>
    <t>-2.6469833850860596</t>
  </si>
  <si>
    <t>191.02340698242188</t>
  </si>
  <si>
    <t>0.13222505671046658</t>
  </si>
  <si>
    <t>-2.5685620307922363</t>
  </si>
  <si>
    <t>275.90576171875</t>
  </si>
  <si>
    <t>0.08124861677354822</t>
  </si>
  <si>
    <t>-1.189381718635559</t>
  </si>
  <si>
    <t>257.25286865234375</t>
  </si>
  <si>
    <t>0.20520721395498853</t>
  </si>
  <si>
    <t>-1.6916180849075317</t>
  </si>
  <si>
    <t>200.5079803466797</t>
  </si>
  <si>
    <t>0.10430474380288146</t>
  </si>
  <si>
    <t>-1.6394168138504028</t>
  </si>
  <si>
    <t>210.9249267578125</t>
  </si>
  <si>
    <t>0.054009037420930994</t>
  </si>
  <si>
    <t>-1.4291300773620605</t>
  </si>
  <si>
    <t>233.10696411132812</t>
  </si>
  <si>
    <t>-0.0317081569522486</t>
  </si>
  <si>
    <t>-1.1617259979248047</t>
  </si>
  <si>
    <t>163.01092529296875</t>
  </si>
  <si>
    <t>-0.11198904248873376</t>
  </si>
  <si>
    <t>-1.5783576965332031</t>
  </si>
  <si>
    <t>160.66845703125</t>
  </si>
  <si>
    <t>0.01773776131277849</t>
  </si>
  <si>
    <t>-1.3602309226989746</t>
  </si>
  <si>
    <t>260.2591247558594</t>
  </si>
  <si>
    <t>-0.023558781872692336</t>
  </si>
  <si>
    <t>-1.3773751258850098</t>
  </si>
  <si>
    <t>282.0124816894531</t>
  </si>
  <si>
    <t>0.044948714783775046</t>
  </si>
  <si>
    <t>4286</t>
  </si>
  <si>
    <t>-0.7064734101295471</t>
  </si>
  <si>
    <t>233.18325805664062</t>
  </si>
  <si>
    <t>-0.0032611256481320794</t>
  </si>
  <si>
    <t>-1.595110535621643</t>
  </si>
  <si>
    <t>150.74005126953125</t>
  </si>
  <si>
    <t>0.03101201779272067</t>
  </si>
  <si>
    <t>-0.4627719223499298</t>
  </si>
  <si>
    <t>223.44122314453125</t>
  </si>
  <si>
    <t>41.64906692504883</t>
  </si>
  <si>
    <t>Bayanhongor</t>
  </si>
  <si>
    <t>-0.8738816380500793</t>
  </si>
  <si>
    <t>216.66465759277344</t>
  </si>
  <si>
    <t>-0.11326678688229741</t>
  </si>
  <si>
    <t>-1.3350554704666138</t>
  </si>
  <si>
    <t>185.88587951660156</t>
  </si>
  <si>
    <t>-0.11795636090163963</t>
  </si>
  <si>
    <t>-1.4613890647888184</t>
  </si>
  <si>
    <t>261.8941345214844</t>
  </si>
  <si>
    <t>-0.05162178252387051</t>
  </si>
  <si>
    <t>-0.563217282295227</t>
  </si>
  <si>
    <t>244.98794555664062</t>
  </si>
  <si>
    <t>0.003280035741050291</t>
  </si>
  <si>
    <t>-0.3460233211517334</t>
  </si>
  <si>
    <t>179.28530883789062</t>
  </si>
  <si>
    <t>0.045216744239684914</t>
  </si>
  <si>
    <t>-1.027788519859314</t>
  </si>
  <si>
    <t>174.00584411621094</t>
  </si>
  <si>
    <t>0.004294365373715081</t>
  </si>
  <si>
    <t>2622</t>
  </si>
  <si>
    <t>-0.3147228956222534</t>
  </si>
  <si>
    <t>182.5890350341797</t>
  </si>
  <si>
    <t>0.021199483452504886</t>
  </si>
  <si>
    <t>0.9218870997428894</t>
  </si>
  <si>
    <t>251.54098510742188</t>
  </si>
  <si>
    <t>0.017016859858369315</t>
  </si>
  <si>
    <t>-0.39056071639060974</t>
  </si>
  <si>
    <t>243.0634765625</t>
  </si>
  <si>
    <t>-0.57867431640625</t>
  </si>
  <si>
    <t>149.7719268798828</t>
  </si>
  <si>
    <t>-0.003703707937484424</t>
  </si>
  <si>
    <t>0.4034467935562134</t>
  </si>
  <si>
    <t>150.29942321777344</t>
  </si>
  <si>
    <t>-0.056089466651043196</t>
  </si>
  <si>
    <t>-0.012186055071651936</t>
  </si>
  <si>
    <t>121.95800018310547</t>
  </si>
  <si>
    <t>-0.4842331183497004</t>
  </si>
  <si>
    <t>-0.8448190093040466</t>
  </si>
  <si>
    <t>252.0547332763672</t>
  </si>
  <si>
    <t>0.10108386789875112</t>
  </si>
  <si>
    <t>-0.1855328232049942</t>
  </si>
  <si>
    <t>152.55697631835938</t>
  </si>
  <si>
    <t>0.33284695457542135</t>
  </si>
  <si>
    <t>-0.8243390917778015</t>
  </si>
  <si>
    <t>183.82180786132812</t>
  </si>
  <si>
    <t>0.2258637442292235</t>
  </si>
  <si>
    <t>0.30166563391685486</t>
  </si>
  <si>
    <t>141.01235961914062</t>
  </si>
  <si>
    <t>-0.13292007380272963</t>
  </si>
  <si>
    <t>0.8090205192565918</t>
  </si>
  <si>
    <t>196.9709014892578</t>
  </si>
  <si>
    <t>0.12863034605640422</t>
  </si>
  <si>
    <t>4057</t>
  </si>
  <si>
    <t>0.4856835901737213</t>
  </si>
  <si>
    <t>133.9895782470703</t>
  </si>
  <si>
    <t>0.29386332590702224</t>
  </si>
  <si>
    <t>-0.6813355088233948</t>
  </si>
  <si>
    <t>141.79046630859375</t>
  </si>
  <si>
    <t>-0.1635198797586881</t>
  </si>
  <si>
    <t>-1.534857153892517</t>
  </si>
  <si>
    <t>191.7389678955078</t>
  </si>
  <si>
    <t>-0.13199825374091922</t>
  </si>
  <si>
    <t>-1.0338325500488281</t>
  </si>
  <si>
    <t>212.1243438720703</t>
  </si>
  <si>
    <t>0.17600819473736173</t>
  </si>
  <si>
    <t>-1.3091953992843628</t>
  </si>
  <si>
    <t>199.9171600341797</t>
  </si>
  <si>
    <t>0.14554230529065926</t>
  </si>
  <si>
    <t>0.3042265772819519</t>
  </si>
  <si>
    <t>185.37681579589844</t>
  </si>
  <si>
    <t>0.2610332971015321</t>
  </si>
  <si>
    <t>0.1673538088798523</t>
  </si>
  <si>
    <t>197.98367309570312</t>
  </si>
  <si>
    <t>0.08438739227754866</t>
  </si>
  <si>
    <t>5905</t>
  </si>
  <si>
    <t>-0.06575952470302582</t>
  </si>
  <si>
    <t>186.0630645751953</t>
  </si>
  <si>
    <t>0.003902609517520972</t>
  </si>
  <si>
    <t>0.10015229135751724</t>
  </si>
  <si>
    <t>285.1148376464844</t>
  </si>
  <si>
    <t>-0.1300296079678347</t>
  </si>
  <si>
    <t>0.6741065979003906</t>
  </si>
  <si>
    <t>133.32644653320312</t>
  </si>
  <si>
    <t>0.020804262123419903</t>
  </si>
  <si>
    <t>0.4626455008983612</t>
  </si>
  <si>
    <t>236.48489379882812</t>
  </si>
  <si>
    <t>-0.08430185944357937</t>
  </si>
  <si>
    <t>0.30079731345176697</t>
  </si>
  <si>
    <t>173.885498046875</t>
  </si>
  <si>
    <t>0.09799684883336113</t>
  </si>
  <si>
    <t>0.22827571630477905</t>
  </si>
  <si>
    <t>190.95831298828125</t>
  </si>
  <si>
    <t>0.1939915975451072</t>
  </si>
  <si>
    <t>0.8542032241821289</t>
  </si>
  <si>
    <t>223.83486938476562</t>
  </si>
  <si>
    <t>-0.0032280406172358056</t>
  </si>
  <si>
    <t>-0.09785596281290054</t>
  </si>
  <si>
    <t>129.2280731201172</t>
  </si>
  <si>
    <t>0.030925611403567643</t>
  </si>
  <si>
    <t>4966</t>
  </si>
  <si>
    <t>-0.3200291395187378</t>
  </si>
  <si>
    <t>598.7791748046875</t>
  </si>
  <si>
    <t>64.0435791015625</t>
  </si>
  <si>
    <t>Bulgan</t>
  </si>
  <si>
    <t>-0.8662635684013367</t>
  </si>
  <si>
    <t>534.4337768554688</t>
  </si>
  <si>
    <t>-0.11331257589185562</t>
  </si>
  <si>
    <t>3941</t>
  </si>
  <si>
    <t>-1.1832839250564575</t>
  </si>
  <si>
    <t>425.94476318359375</t>
  </si>
  <si>
    <t>-0.11786761298125192</t>
  </si>
  <si>
    <t>-0.8779482245445251</t>
  </si>
  <si>
    <t>550.4826049804688</t>
  </si>
  <si>
    <t>-0.0515470692905744</t>
  </si>
  <si>
    <t>3755</t>
  </si>
  <si>
    <t>-0.5062318444252014</t>
  </si>
  <si>
    <t>570.413330078125</t>
  </si>
  <si>
    <t>0.0032008562938052876</t>
  </si>
  <si>
    <t>-0.03679898753762245</t>
  </si>
  <si>
    <t>474.298828125</t>
  </si>
  <si>
    <t>0.0452966553602252</t>
  </si>
  <si>
    <t>-0.7880921363830566</t>
  </si>
  <si>
    <t>399.89849853515625</t>
  </si>
  <si>
    <t>0.004064013721514215</t>
  </si>
  <si>
    <t>4030</t>
  </si>
  <si>
    <t>0.005366396624594927</t>
  </si>
  <si>
    <t>408.7265930175781</t>
  </si>
  <si>
    <t>0.02131742166075412</t>
  </si>
  <si>
    <t>0.9860402941703796</t>
  </si>
  <si>
    <t>455.10418701171875</t>
  </si>
  <si>
    <t>0.016732673858117053</t>
  </si>
  <si>
    <t>-0.4561886489391327</t>
  </si>
  <si>
    <t>433.28997802734375</t>
  </si>
  <si>
    <t>0.014535139619113124</t>
  </si>
  <si>
    <t>-0.8325939178466797</t>
  </si>
  <si>
    <t>483.0789489746094</t>
  </si>
  <si>
    <t>-0.0038554264624295342</t>
  </si>
  <si>
    <t>0.4984956681728363</t>
  </si>
  <si>
    <t>440.27783203125</t>
  </si>
  <si>
    <t>-0.04039958254161213</t>
  </si>
  <si>
    <t>4070</t>
  </si>
  <si>
    <t>-0.037550073117017746</t>
  </si>
  <si>
    <t>366.31103515625</t>
  </si>
  <si>
    <t>0.022863819022724385</t>
  </si>
  <si>
    <t>-0.6313088536262512</t>
  </si>
  <si>
    <t>456.6341857910156</t>
  </si>
  <si>
    <t>-0.35843148751350995</t>
  </si>
  <si>
    <t>-0.20607618987560272</t>
  </si>
  <si>
    <t>336.67730712890625</t>
  </si>
  <si>
    <t>0.20640794585229472</t>
  </si>
  <si>
    <t>3647</t>
  </si>
  <si>
    <t>-0.7731040120124817</t>
  </si>
  <si>
    <t>405.0787658691406</t>
  </si>
  <si>
    <t>0.042285454033253345</t>
  </si>
  <si>
    <t>0.21587419509887695</t>
  </si>
  <si>
    <t>442.1357727050781</t>
  </si>
  <si>
    <t>0.054427943006229995</t>
  </si>
  <si>
    <t>1.0559197664260864</t>
  </si>
  <si>
    <t>413.178466796875</t>
  </si>
  <si>
    <t>0.1777234486622774</t>
  </si>
  <si>
    <t>0.6661394238471985</t>
  </si>
  <si>
    <t>469.9613342285156</t>
  </si>
  <si>
    <t>0.2823963886746661</t>
  </si>
  <si>
    <t>6208</t>
  </si>
  <si>
    <t>-0.7374300360679626</t>
  </si>
  <si>
    <t>445.3220520019531</t>
  </si>
  <si>
    <t>0.01738609071120223</t>
  </si>
  <si>
    <t>-1.6618520021438599</t>
  </si>
  <si>
    <t>443.0665283203125</t>
  </si>
  <si>
    <t>-0.15098773189858505</t>
  </si>
  <si>
    <t>-1.1950913667678833</t>
  </si>
  <si>
    <t>438.68804931640625</t>
  </si>
  <si>
    <t>0.042364453625198806</t>
  </si>
  <si>
    <t>-1.652377963066101</t>
  </si>
  <si>
    <t>487.3808288574219</t>
  </si>
  <si>
    <t>0.035283250667220045</t>
  </si>
  <si>
    <t>7661</t>
  </si>
  <si>
    <t>0.042095527052879333</t>
  </si>
  <si>
    <t>560.4051513671875</t>
  </si>
  <si>
    <t>0.28364376825993176</t>
  </si>
  <si>
    <t>0.07149168103933334</t>
  </si>
  <si>
    <t>466.3453674316406</t>
  </si>
  <si>
    <t>-0.059426084377660615</t>
  </si>
  <si>
    <t>0.1151450052857399</t>
  </si>
  <si>
    <t>378.1011962890625</t>
  </si>
  <si>
    <t>0.02624894381219889</t>
  </si>
  <si>
    <t>-0.04407672584056854</t>
  </si>
  <si>
    <t>535.6358642578125</t>
  </si>
  <si>
    <t>-0.13193273284665885</t>
  </si>
  <si>
    <t>0.7892202734947205</t>
  </si>
  <si>
    <t>410.73272705078125</t>
  </si>
  <si>
    <t>-0.13902318530028168</t>
  </si>
  <si>
    <t>0.5938981175422668</t>
  </si>
  <si>
    <t>535.0065307617188</t>
  </si>
  <si>
    <t>0.0008842515387375016</t>
  </si>
  <si>
    <t>0.31109437346458435</t>
  </si>
  <si>
    <t>443.2851867675781</t>
  </si>
  <si>
    <t>0.09888742721652122</t>
  </si>
  <si>
    <t>0.4934273958206177</t>
  </si>
  <si>
    <t>523.3245239257812</t>
  </si>
  <si>
    <t>0.04401305459358795</t>
  </si>
  <si>
    <t>1.043375849723816</t>
  </si>
  <si>
    <t>607.0404663085938</t>
  </si>
  <si>
    <t>-0.0030693701199684398</t>
  </si>
  <si>
    <t>6710</t>
  </si>
  <si>
    <t>-0.18483410775661469</t>
  </si>
  <si>
    <t>485.117919921875</t>
  </si>
  <si>
    <t>0.03087412293243119</t>
  </si>
  <si>
    <t>1884</t>
  </si>
  <si>
    <t>0.1666666567325592</t>
  </si>
  <si>
    <t>469.50006103515625</t>
  </si>
  <si>
    <t>10.767350196838379</t>
  </si>
  <si>
    <t>Darhan-Uul</t>
  </si>
  <si>
    <t>-0.45000049471855164</t>
  </si>
  <si>
    <t>429.5000305175781</t>
  </si>
  <si>
    <t>-0.11343592966337113</t>
  </si>
  <si>
    <t>-0.7666668891906738</t>
  </si>
  <si>
    <t>360.79998779296875</t>
  </si>
  <si>
    <t>-0.11778303565638382</t>
  </si>
  <si>
    <t>-0.3416670262813568</t>
  </si>
  <si>
    <t>350.9000244140625</t>
  </si>
  <si>
    <t>-0.05160944993871386</t>
  </si>
  <si>
    <t>0.016667161136865616</t>
  </si>
  <si>
    <t>464.0000305175781</t>
  </si>
  <si>
    <t>0.0031570665527667074</t>
  </si>
  <si>
    <t>0.42500054836273193</t>
  </si>
  <si>
    <t>320.70001220703125</t>
  </si>
  <si>
    <t>-0.2833331227302551</t>
  </si>
  <si>
    <t>278.6000061035156</t>
  </si>
  <si>
    <t>0.004133013585690293</t>
  </si>
  <si>
    <t>0.5083329081535339</t>
  </si>
  <si>
    <t>332.7999572753906</t>
  </si>
  <si>
    <t>0.021147143087388187</t>
  </si>
  <si>
    <t>1.5166659355163574</t>
  </si>
  <si>
    <t>0.016745931911981593</t>
  </si>
  <si>
    <t>-0.03333384916186333</t>
  </si>
  <si>
    <t>306.800048828125</t>
  </si>
  <si>
    <t>0.014692971725147608</t>
  </si>
  <si>
    <t>-0.4333334267139435</t>
  </si>
  <si>
    <t>402.9999694824219</t>
  </si>
  <si>
    <t>-0.00392087474323688</t>
  </si>
  <si>
    <t>0.9499993920326233</t>
  </si>
  <si>
    <t>336.8999938964844</t>
  </si>
  <si>
    <t>0.27247778513797716</t>
  </si>
  <si>
    <t>0.4166663885116577</t>
  </si>
  <si>
    <t>306.5</t>
  </si>
  <si>
    <t>-0.01424291401249711</t>
  </si>
  <si>
    <t>-0.14166662096977234</t>
  </si>
  <si>
    <t>361.0000305175781</t>
  </si>
  <si>
    <t>-0.0408219945202557</t>
  </si>
  <si>
    <t>3490</t>
  </si>
  <si>
    <t>0.19166679680347443</t>
  </si>
  <si>
    <t>343.39996337890625</t>
  </si>
  <si>
    <t>0.0028694424279525066</t>
  </si>
  <si>
    <t>-0.2916664779186249</t>
  </si>
  <si>
    <t>294.79998779296875</t>
  </si>
  <si>
    <t>-0.12237810405180483</t>
  </si>
  <si>
    <t>0.8749995827674866</t>
  </si>
  <si>
    <t>338.29998779296875</t>
  </si>
  <si>
    <t>-0.1083153662816887</t>
  </si>
  <si>
    <t>1.6333327293395996</t>
  </si>
  <si>
    <t>332.0000305175781</t>
  </si>
  <si>
    <t>0.21597246556928695</t>
  </si>
  <si>
    <t>1.166666865348816</t>
  </si>
  <si>
    <t>437.10003662109375</t>
  </si>
  <si>
    <t>0.2821418920761669</t>
  </si>
  <si>
    <t>-0.1499994844198227</t>
  </si>
  <si>
    <t>348.5</t>
  </si>
  <si>
    <t>-0.09397335445539312</t>
  </si>
  <si>
    <t>-1.1500000953674316</t>
  </si>
  <si>
    <t>341.20001220703125</t>
  </si>
  <si>
    <t>-0.09707034036099849</t>
  </si>
  <si>
    <t>-0.6666666269302368</t>
  </si>
  <si>
    <t>284.8000183105469</t>
  </si>
  <si>
    <t>0.00898526129720878</t>
  </si>
  <si>
    <t>-1.1999999284744263</t>
  </si>
  <si>
    <t>403.1000061035156</t>
  </si>
  <si>
    <t>0.1481568818435015</t>
  </si>
  <si>
    <t>5004</t>
  </si>
  <si>
    <t>0.6583333611488342</t>
  </si>
  <si>
    <t>431.1999816894531</t>
  </si>
  <si>
    <t>0.12681652075405125</t>
  </si>
  <si>
    <t>0.5583333373069763</t>
  </si>
  <si>
    <t>309.8000183105469</t>
  </si>
  <si>
    <t>0.07300824697415464</t>
  </si>
  <si>
    <t>0.6166667938232422</t>
  </si>
  <si>
    <t>269.9000244140625</t>
  </si>
  <si>
    <t>-0.014784586695258284</t>
  </si>
  <si>
    <t>0.4250009059906006</t>
  </si>
  <si>
    <t>342.9000244140625</t>
  </si>
  <si>
    <t>-0.005103498460030664</t>
  </si>
  <si>
    <t>1.3750004768371582</t>
  </si>
  <si>
    <t>342.5000305175781</t>
  </si>
  <si>
    <t>-0.04634857649311286</t>
  </si>
  <si>
    <t>1.1250003576278687</t>
  </si>
  <si>
    <t>396.6000061035156</t>
  </si>
  <si>
    <t>-0.09073550675708653</t>
  </si>
  <si>
    <t>0.8166670799255371</t>
  </si>
  <si>
    <t>308.5000305175781</t>
  </si>
  <si>
    <t>0.10980617220718969</t>
  </si>
  <si>
    <t>1.1166669130325317</t>
  </si>
  <si>
    <t>444.2000427246094</t>
  </si>
  <si>
    <t>0.19857946016275463</t>
  </si>
  <si>
    <t>1.649999737739563</t>
  </si>
  <si>
    <t>473.1999816894531</t>
  </si>
  <si>
    <t>-0.003038300890089829</t>
  </si>
  <si>
    <t>6440</t>
  </si>
  <si>
    <t>0.35833311080932617</t>
  </si>
  <si>
    <t>371.5999755859375</t>
  </si>
  <si>
    <t>0.03090753746307584</t>
  </si>
  <si>
    <t>2487</t>
  </si>
  <si>
    <t>1.1910557746887207</t>
  </si>
  <si>
    <t>478.785400390625</t>
  </si>
  <si>
    <t>55.51514434814453</t>
  </si>
  <si>
    <t>Dornod</t>
  </si>
  <si>
    <t>0.36689892411231995</t>
  </si>
  <si>
    <t>350.59100341796875</t>
  </si>
  <si>
    <t>-0.11311961990897679</t>
  </si>
  <si>
    <t>0.6232605576515198</t>
  </si>
  <si>
    <t>257.8365478515625</t>
  </si>
  <si>
    <t>-0.11789560390100018</t>
  </si>
  <si>
    <t>0.679257333278656</t>
  </si>
  <si>
    <t>373.0318298339844</t>
  </si>
  <si>
    <t>-0.05198675719505985</t>
  </si>
  <si>
    <t>1.2802362442016602</t>
  </si>
  <si>
    <t>389.4842224121094</t>
  </si>
  <si>
    <t>0.0037283665026626167</t>
  </si>
  <si>
    <t>1.1488673686981201</t>
  </si>
  <si>
    <t>280.1471862792969</t>
  </si>
  <si>
    <t>0.0452142483111686</t>
  </si>
  <si>
    <t>-0.07327281683683395</t>
  </si>
  <si>
    <t>330.77178955078125</t>
  </si>
  <si>
    <t>0.004056800695614093</t>
  </si>
  <si>
    <t>0.6691315174102783</t>
  </si>
  <si>
    <t>287.39288330078125</t>
  </si>
  <si>
    <t>0.02103232260574117</t>
  </si>
  <si>
    <t>1.6142425537109375</t>
  </si>
  <si>
    <t>478.5621643066406</t>
  </si>
  <si>
    <t>0.017195216105379885</t>
  </si>
  <si>
    <t>0.359564870595932</t>
  </si>
  <si>
    <t>247.47909545898438</t>
  </si>
  <si>
    <t>0.014507024242037758</t>
  </si>
  <si>
    <t>0.15554441511631012</t>
  </si>
  <si>
    <t>261.2420654296875</t>
  </si>
  <si>
    <t>-0.0038480085961731803</t>
  </si>
  <si>
    <t>1.2610212564468384</t>
  </si>
  <si>
    <t>238.88243103027344</t>
  </si>
  <si>
    <t>0.11375888535665801</t>
  </si>
  <si>
    <t>1.078445315361023</t>
  </si>
  <si>
    <t>311.4091796875</t>
  </si>
  <si>
    <t>0.09979667908842682</t>
  </si>
  <si>
    <t>0.7366690039634705</t>
  </si>
  <si>
    <t>283.12969970703125</t>
  </si>
  <si>
    <t>-0.05274894348467729</t>
  </si>
  <si>
    <t>1.0187475681304932</t>
  </si>
  <si>
    <t>211.01966857910156</t>
  </si>
  <si>
    <t>0.14419448694858517</t>
  </si>
  <si>
    <t>0.27634677290916443</t>
  </si>
  <si>
    <t>264.8038635253906</t>
  </si>
  <si>
    <t>-0.03653870017897631</t>
  </si>
  <si>
    <t>0.5173324346542358</t>
  </si>
  <si>
    <t>237.9484405517578</t>
  </si>
  <si>
    <t>-0.09663751574140456</t>
  </si>
  <si>
    <t>1.8498554229736328</t>
  </si>
  <si>
    <t>200.57723999023438</t>
  </si>
  <si>
    <t>0.2576077152566958</t>
  </si>
  <si>
    <t>1.5947121381759644</t>
  </si>
  <si>
    <t>299.707763671875</t>
  </si>
  <si>
    <t>0.0962222765498062</t>
  </si>
  <si>
    <t>-0.12632083892822266</t>
  </si>
  <si>
    <t>299.0229797363281</t>
  </si>
  <si>
    <t>-0.060179564174125844</t>
  </si>
  <si>
    <t>4372</t>
  </si>
  <si>
    <t>-0.7111434936523438</t>
  </si>
  <si>
    <t>296.4668273925781</t>
  </si>
  <si>
    <t>0.27978409701064244</t>
  </si>
  <si>
    <t>0.4427430331707001</t>
  </si>
  <si>
    <t>278.28759765625</t>
  </si>
  <si>
    <t>0.2544861745107525</t>
  </si>
  <si>
    <t>5804</t>
  </si>
  <si>
    <t>-0.5208197832107544</t>
  </si>
  <si>
    <t>411.6571350097656</t>
  </si>
  <si>
    <t>0.028840590196896443</t>
  </si>
  <si>
    <t>8711</t>
  </si>
  <si>
    <t>0.6149746179580688</t>
  </si>
  <si>
    <t>449.89947509765625</t>
  </si>
  <si>
    <t>0.4060392598148148</t>
  </si>
  <si>
    <t>13173</t>
  </si>
  <si>
    <t>1.4196778535842896</t>
  </si>
  <si>
    <t>305.3702697753906</t>
  </si>
  <si>
    <t>0.413582685410935</t>
  </si>
  <si>
    <t>11388</t>
  </si>
  <si>
    <t>1.1083356142044067</t>
  </si>
  <si>
    <t>258.4415283203125</t>
  </si>
  <si>
    <t>-0.14560911083189865</t>
  </si>
  <si>
    <t>12460</t>
  </si>
  <si>
    <t>0.698800802230835</t>
  </si>
  <si>
    <t>286.12274169921875</t>
  </si>
  <si>
    <t>0.08996334394351457</t>
  </si>
  <si>
    <t>12793</t>
  </si>
  <si>
    <t>1.246771216392517</t>
  </si>
  <si>
    <t>269.2100524902344</t>
  </si>
  <si>
    <t>0.02637463297559073</t>
  </si>
  <si>
    <t>12038</t>
  </si>
  <si>
    <t>1.7023005485534668</t>
  </si>
  <si>
    <t>368.2151184082031</t>
  </si>
  <si>
    <t>-0.06082983320931845</t>
  </si>
  <si>
    <t>1.379620909690857</t>
  </si>
  <si>
    <t>310.0232238769531</t>
  </si>
  <si>
    <t>0.010001323188703282</t>
  </si>
  <si>
    <t>9563</t>
  </si>
  <si>
    <t>1.5237194299697876</t>
  </si>
  <si>
    <t>369.3360595703125</t>
  </si>
  <si>
    <t>-0.24016815094687693</t>
  </si>
  <si>
    <t>1.7189067602157593</t>
  </si>
  <si>
    <t>377.2297058105469</t>
  </si>
  <si>
    <t>-0.003142021855964572</t>
  </si>
  <si>
    <t>0.824439525604248</t>
  </si>
  <si>
    <t>302.7862243652344</t>
  </si>
  <si>
    <t>0.030882908752293048</t>
  </si>
  <si>
    <t>5.235087871551514</t>
  </si>
  <si>
    <t>249.3885498046875</t>
  </si>
  <si>
    <t>46.833946228027344</t>
  </si>
  <si>
    <t>Dornogovi</t>
  </si>
  <si>
    <t>4.386299133300781</t>
  </si>
  <si>
    <t>188.88339233398438</t>
  </si>
  <si>
    <t>-0.11338510438795169</t>
  </si>
  <si>
    <t>4.218664646148682</t>
  </si>
  <si>
    <t>209.1915283203125</t>
  </si>
  <si>
    <t>-0.11807928806560053</t>
  </si>
  <si>
    <t>4.35437536239624</t>
  </si>
  <si>
    <t>198.02389526367188</t>
  </si>
  <si>
    <t>-0.05152723987931829</t>
  </si>
  <si>
    <t>5.235595226287842</t>
  </si>
  <si>
    <t>199.3704071044922</t>
  </si>
  <si>
    <t>0.003270266871544969</t>
  </si>
  <si>
    <t>5.11484956741333</t>
  </si>
  <si>
    <t>221.30409240722656</t>
  </si>
  <si>
    <t>0.045141012329515284</t>
  </si>
  <si>
    <t>4.272887706756592</t>
  </si>
  <si>
    <t>208.54464721679688</t>
  </si>
  <si>
    <t>0.0040044547393733865</t>
  </si>
  <si>
    <t>5.003234386444092</t>
  </si>
  <si>
    <t>174.94009399414062</t>
  </si>
  <si>
    <t>0.021525100775784622</t>
  </si>
  <si>
    <t>6.1830315589904785</t>
  </si>
  <si>
    <t>278.9873046875</t>
  </si>
  <si>
    <t>0.01680711831638071</t>
  </si>
  <si>
    <t>5.165046691894531</t>
  </si>
  <si>
    <t>185.17047119140625</t>
  </si>
  <si>
    <t>0.01442536681786688</t>
  </si>
  <si>
    <t>4.923492908477783</t>
  </si>
  <si>
    <t>168.8998565673828</t>
  </si>
  <si>
    <t>-0.0037982742435804795</t>
  </si>
  <si>
    <t>5.91752290725708</t>
  </si>
  <si>
    <t>141.7178497314453</t>
  </si>
  <si>
    <t>0.00042274361229921453</t>
  </si>
  <si>
    <t>5.319759368896484</t>
  </si>
  <si>
    <t>199.67857360839844</t>
  </si>
  <si>
    <t>0.10120990193151247</t>
  </si>
  <si>
    <t>4.802237033843994</t>
  </si>
  <si>
    <t>269.5946350097656</t>
  </si>
  <si>
    <t>-0.027494471490387973</t>
  </si>
  <si>
    <t>5.621126651763916</t>
  </si>
  <si>
    <t>167.47596740722656</t>
  </si>
  <si>
    <t>0.1342672819799775</t>
  </si>
  <si>
    <t>5.045617580413818</t>
  </si>
  <si>
    <t>120.71651458740234</t>
  </si>
  <si>
    <t>-0.06598137411384553</t>
  </si>
  <si>
    <t>5.69752836227417</t>
  </si>
  <si>
    <t>176.46604919433594</t>
  </si>
  <si>
    <t>-0.4678790084970732</t>
  </si>
  <si>
    <t>6.480640888214111</t>
  </si>
  <si>
    <t>165.12107849121094</t>
  </si>
  <si>
    <t>0.1044233084664512</t>
  </si>
  <si>
    <t>5.900063991546631</t>
  </si>
  <si>
    <t>219.70907592773438</t>
  </si>
  <si>
    <t>0.4253091013064374</t>
  </si>
  <si>
    <t>5.1547417640686035</t>
  </si>
  <si>
    <t>167.60897827148438</t>
  </si>
  <si>
    <t>-0.006571007561936959</t>
  </si>
  <si>
    <t>4.5897955894470215</t>
  </si>
  <si>
    <t>189.291748046875</t>
  </si>
  <si>
    <t>0.31040934886239313</t>
  </si>
  <si>
    <t>5468</t>
  </si>
  <si>
    <t>4.863263130187988</t>
  </si>
  <si>
    <t>168.8893280029297</t>
  </si>
  <si>
    <t>0.3300190724219796</t>
  </si>
  <si>
    <t>6477</t>
  </si>
  <si>
    <t>4.188724517822266</t>
  </si>
  <si>
    <t>260.3148498535156</t>
  </si>
  <si>
    <t>0.1693445213390774</t>
  </si>
  <si>
    <t>6.051841735839844</t>
  </si>
  <si>
    <t>219.41226196289062</t>
  </si>
  <si>
    <t>0.0901457731019999</t>
  </si>
  <si>
    <t>6.373385906219482</t>
  </si>
  <si>
    <t>172.7703094482422</t>
  </si>
  <si>
    <t>0.014148866698954876</t>
  </si>
  <si>
    <t>5.398971080780029</t>
  </si>
  <si>
    <t>185.10995483398438</t>
  </si>
  <si>
    <t>-0.03309125462632956</t>
  </si>
  <si>
    <t>6408</t>
  </si>
  <si>
    <t>5.940968990325928</t>
  </si>
  <si>
    <t>255.95164489746094</t>
  </si>
  <si>
    <t>-0.08191361560934673</t>
  </si>
  <si>
    <t>6363</t>
  </si>
  <si>
    <t>6.255482196807861</t>
  </si>
  <si>
    <t>131.78811645507812</t>
  </si>
  <si>
    <t>-0.0070472455154035885</t>
  </si>
  <si>
    <t>6.0952019691467285</t>
  </si>
  <si>
    <t>255.4221649169922</t>
  </si>
  <si>
    <t>0.10266948648624918</t>
  </si>
  <si>
    <t>5.82025671005249</t>
  </si>
  <si>
    <t>241.9288787841797</t>
  </si>
  <si>
    <t>-0.03624683855484356</t>
  </si>
  <si>
    <t>5.397368907928467</t>
  </si>
  <si>
    <t>278.5978088378906</t>
  </si>
  <si>
    <t>0.06985524463435588</t>
  </si>
  <si>
    <t>6.352569580078125</t>
  </si>
  <si>
    <t>261.8052062988281</t>
  </si>
  <si>
    <t>-0.0031591263139176817</t>
  </si>
  <si>
    <t>5.507484436035156</t>
  </si>
  <si>
    <t>183.38853454589844</t>
  </si>
  <si>
    <t>0.030884210018426117</t>
  </si>
  <si>
    <t>2775</t>
  </si>
  <si>
    <t>2.156956195831299</t>
  </si>
  <si>
    <t>228.32275390625</t>
  </si>
  <si>
    <t>24.273197174072266</t>
  </si>
  <si>
    <t>Dundgovi</t>
  </si>
  <si>
    <t>1.6815522909164429</t>
  </si>
  <si>
    <t>219.25767517089844</t>
  </si>
  <si>
    <t>-0.11319896399144724</t>
  </si>
  <si>
    <t>1.6498993635177612</t>
  </si>
  <si>
    <t>194.56947326660156</t>
  </si>
  <si>
    <t>-0.11808574490646251</t>
  </si>
  <si>
    <t>1.4981037378311157</t>
  </si>
  <si>
    <t>261.79901123046875</t>
  </si>
  <si>
    <t>-0.05172361785399193</t>
  </si>
  <si>
    <t>2.3535001277923584</t>
  </si>
  <si>
    <t>250.15809631347656</t>
  </si>
  <si>
    <t>0.003342089527609282</t>
  </si>
  <si>
    <t>2.434030771255493</t>
  </si>
  <si>
    <t>171.56764221191406</t>
  </si>
  <si>
    <t>0.045197536553029494</t>
  </si>
  <si>
    <t>1.3723446130752563</t>
  </si>
  <si>
    <t>192.475830078125</t>
  </si>
  <si>
    <t>0.004091844763532748</t>
  </si>
  <si>
    <t>2.178130865097046</t>
  </si>
  <si>
    <t>229.1555938720703</t>
  </si>
  <si>
    <t>0.021544818986776626</t>
  </si>
  <si>
    <t>3.170408010482788</t>
  </si>
  <si>
    <t>247.5503692626953</t>
  </si>
  <si>
    <t>0.016733107288703586</t>
  </si>
  <si>
    <t>2.1379213333129883</t>
  </si>
  <si>
    <t>182.60426330566406</t>
  </si>
  <si>
    <t>0.014307636222124387</t>
  </si>
  <si>
    <t>1.9646292924880981</t>
  </si>
  <si>
    <t>157.46945190429688</t>
  </si>
  <si>
    <t>-0.0038818250167871327</t>
  </si>
  <si>
    <t>2.930875062942505</t>
  </si>
  <si>
    <t>181.9737548828125</t>
  </si>
  <si>
    <t>0.16788480128705707</t>
  </si>
  <si>
    <t>2.551980972290039</t>
  </si>
  <si>
    <t>146.78465270996094</t>
  </si>
  <si>
    <t>0.1373603698616206</t>
  </si>
  <si>
    <t>3484</t>
  </si>
  <si>
    <t>1.9494305849075317</t>
  </si>
  <si>
    <t>241.02114868164062</t>
  </si>
  <si>
    <t>0.10395825907009382</t>
  </si>
  <si>
    <t>2.714953660964966</t>
  </si>
  <si>
    <t>129.4638671875</t>
  </si>
  <si>
    <t>0.11944003686401317</t>
  </si>
  <si>
    <t>2.129873514175415</t>
  </si>
  <si>
    <t>118.7728042602539</t>
  </si>
  <si>
    <t>0.05933524698451009</t>
  </si>
  <si>
    <t>2.856581687927246</t>
  </si>
  <si>
    <t>126.8884048461914</t>
  </si>
  <si>
    <t>-0.1311338848829653</t>
  </si>
  <si>
    <t>3636</t>
  </si>
  <si>
    <t>3.9870479106903076</t>
  </si>
  <si>
    <t>134.9521484375</t>
  </si>
  <si>
    <t>-0.004938281640582076</t>
  </si>
  <si>
    <t>3.26230788230896</t>
  </si>
  <si>
    <t>188.59701538085938</t>
  </si>
  <si>
    <t>0.14443841587201334</t>
  </si>
  <si>
    <t>3841</t>
  </si>
  <si>
    <t>1.8896175622940063</t>
  </si>
  <si>
    <t>135.10960388183594</t>
  </si>
  <si>
    <t>-0.0895898428234787</t>
  </si>
  <si>
    <t>1.159332513809204</t>
  </si>
  <si>
    <t>155.0199432373047</t>
  </si>
  <si>
    <t>0.019593305319926202</t>
  </si>
  <si>
    <t>1.746376633644104</t>
  </si>
  <si>
    <t>177.71083068847656</t>
  </si>
  <si>
    <t>0.13094315964476877</t>
  </si>
  <si>
    <t>5379</t>
  </si>
  <si>
    <t>1.2293753623962402</t>
  </si>
  <si>
    <t>229.85643005371094</t>
  </si>
  <si>
    <t>0.1862332689626438</t>
  </si>
  <si>
    <t>7793</t>
  </si>
  <si>
    <t>2.904749631881714</t>
  </si>
  <si>
    <t>191.2073516845703</t>
  </si>
  <si>
    <t>0.3707234115703173</t>
  </si>
  <si>
    <t>3.2753121852874756</t>
  </si>
  <si>
    <t>173.73562622070312</t>
  </si>
  <si>
    <t>-0.08765318434110014</t>
  </si>
  <si>
    <t>2.5937411785125732</t>
  </si>
  <si>
    <t>169.39773559570312</t>
  </si>
  <si>
    <t>0.11624101530456876</t>
  </si>
  <si>
    <t>2.7852351665496826</t>
  </si>
  <si>
    <t>222.0559844970703</t>
  </si>
  <si>
    <t>-0.08453171404002902</t>
  </si>
  <si>
    <t>3.3351008892059326</t>
  </si>
  <si>
    <t>146.1405487060547</t>
  </si>
  <si>
    <t>3.258643865585327</t>
  </si>
  <si>
    <t>254.9096221923828</t>
  </si>
  <si>
    <t>0.06437736009917572</t>
  </si>
  <si>
    <t>3.066798210144043</t>
  </si>
  <si>
    <t>168.6992950439453</t>
  </si>
  <si>
    <t>0.05375241358502869</t>
  </si>
  <si>
    <t>2.7509889602661133</t>
  </si>
  <si>
    <t>168.90126037597656</t>
  </si>
  <si>
    <t>-0.09917631969302398</t>
  </si>
  <si>
    <t>3.6334316730499268</t>
  </si>
  <si>
    <t>211.34361267089844</t>
  </si>
  <si>
    <t>-0.0030672825274944415</t>
  </si>
  <si>
    <t>2.516360282897949</t>
  </si>
  <si>
    <t>161.5145263671875</t>
  </si>
  <si>
    <t>0.0309052145934956</t>
  </si>
  <si>
    <t>-3.720186471939087</t>
  </si>
  <si>
    <t>286.0381164550781</t>
  </si>
  <si>
    <t>42.90287399291992</t>
  </si>
  <si>
    <t>Dzavhan</t>
  </si>
  <si>
    <t>-4.343105316162109</t>
  </si>
  <si>
    <t>262.5857238769531</t>
  </si>
  <si>
    <t>-0.11344463405778527</t>
  </si>
  <si>
    <t>-4.917068958282471</t>
  </si>
  <si>
    <t>228.48411560058594</t>
  </si>
  <si>
    <t>-0.11788450184286337</t>
  </si>
  <si>
    <t>-4.6409382820129395</t>
  </si>
  <si>
    <t>338.31134033203125</t>
  </si>
  <si>
    <t>-0.05153365011518307</t>
  </si>
  <si>
    <t>-3.8848721981048584</t>
  </si>
  <si>
    <t>310.1695251464844</t>
  </si>
  <si>
    <t>-3.7983436584472656</t>
  </si>
  <si>
    <t>204.5554656982422</t>
  </si>
  <si>
    <t>0.04497244947274304</t>
  </si>
  <si>
    <t>-4.058883190155029</t>
  </si>
  <si>
    <t>236.66476440429688</t>
  </si>
  <si>
    <t>0.004114291517962165</t>
  </si>
  <si>
    <t>-3.391070604324341</t>
  </si>
  <si>
    <t>212.16281127929688</t>
  </si>
  <si>
    <t>0.02166149678117968</t>
  </si>
  <si>
    <t>-1.9941372871398926</t>
  </si>
  <si>
    <t>262.3127136230469</t>
  </si>
  <si>
    <t>0.016821999158041834</t>
  </si>
  <si>
    <t>-3.423614263534546</t>
  </si>
  <si>
    <t>253.2106170654297</t>
  </si>
  <si>
    <t>0.01438246626725359</t>
  </si>
  <si>
    <t>-3.9168004989624023</t>
  </si>
  <si>
    <t>220.71343994140625</t>
  </si>
  <si>
    <t>-0.0039020209925526572</t>
  </si>
  <si>
    <t>-2.9242804050445557</t>
  </si>
  <si>
    <t>211.07205200195312</t>
  </si>
  <si>
    <t>0.05122813153469785</t>
  </si>
  <si>
    <t>-3.082942008972168</t>
  </si>
  <si>
    <t>161.81101989746094</t>
  </si>
  <si>
    <t>0.06549246136950337</t>
  </si>
  <si>
    <t>-4.286565780639648</t>
  </si>
  <si>
    <t>300.6086730957031</t>
  </si>
  <si>
    <t>0.01990115431729489</t>
  </si>
  <si>
    <t>-3.514702081680298</t>
  </si>
  <si>
    <t>184.73678588867188</t>
  </si>
  <si>
    <t>-0.030392799029716144</t>
  </si>
  <si>
    <t>-4.5526123046875</t>
  </si>
  <si>
    <t>223.18626403808594</t>
  </si>
  <si>
    <t>0.1499005895464922</t>
  </si>
  <si>
    <t>-3.075023651123047</t>
  </si>
  <si>
    <t>217.82208251953125</t>
  </si>
  <si>
    <t>0.07729723209575745</t>
  </si>
  <si>
    <t>-2.71675968170166</t>
  </si>
  <si>
    <t>198.72866821289062</t>
  </si>
  <si>
    <t>0.1675327940717679</t>
  </si>
  <si>
    <t>4758</t>
  </si>
  <si>
    <t>-2.886098623275757</t>
  </si>
  <si>
    <t>195.5862579345703</t>
  </si>
  <si>
    <t>0.22508953767527728</t>
  </si>
  <si>
    <t>-4.343744277954102</t>
  </si>
  <si>
    <t>204.12738037109375</t>
  </si>
  <si>
    <t>-0.29937976062685046</t>
  </si>
  <si>
    <t>-5.100138187408447</t>
  </si>
  <si>
    <t>275.53656005859375</t>
  </si>
  <si>
    <t>-0.05298095767372324</t>
  </si>
  <si>
    <t>-4.329624652862549</t>
  </si>
  <si>
    <t>236.3108367919922</t>
  </si>
  <si>
    <t>0.19199065406597882</t>
  </si>
  <si>
    <t>-4.5143537521362305</t>
  </si>
  <si>
    <t>241.1918182373047</t>
  </si>
  <si>
    <t>0.20516900779070646</t>
  </si>
  <si>
    <t>6350</t>
  </si>
  <si>
    <t>-2.948577880859375</t>
  </si>
  <si>
    <t>300.89154052734375</t>
  </si>
  <si>
    <t>0.24382845746772297</t>
  </si>
  <si>
    <t>6459</t>
  </si>
  <si>
    <t>-3.225506544113159</t>
  </si>
  <si>
    <t>207.0280303955078</t>
  </si>
  <si>
    <t>0.017019694145735897</t>
  </si>
  <si>
    <t>-3.171478509902954</t>
  </si>
  <si>
    <t>226.63563537597656</t>
  </si>
  <si>
    <t>0.04732195722055188</t>
  </si>
  <si>
    <t>-3.2011473178863525</t>
  </si>
  <si>
    <t>324.83349609375</t>
  </si>
  <si>
    <t>-0.1036883567082203</t>
  </si>
  <si>
    <t>-2.6801769733428955</t>
  </si>
  <si>
    <t>185.07334899902344</t>
  </si>
  <si>
    <t>-0.06811575538826631</t>
  </si>
  <si>
    <t>-3.0304486751556396</t>
  </si>
  <si>
    <t>260.2574157714844</t>
  </si>
  <si>
    <t>0.004199481237318281</t>
  </si>
  <si>
    <t>-3.062023878097534</t>
  </si>
  <si>
    <t>229.5738983154297</t>
  </si>
  <si>
    <t>0.06702364438371688</t>
  </si>
  <si>
    <t>6801</t>
  </si>
  <si>
    <t>-3.0570201873779297</t>
  </si>
  <si>
    <t>279.5487365722656</t>
  </si>
  <si>
    <t>0.10485418239806421</t>
  </si>
  <si>
    <t>-2.326563596725464</t>
  </si>
  <si>
    <t>301.2249450683594</t>
  </si>
  <si>
    <t>-0.003240061744673284</t>
  </si>
  <si>
    <t>-3.398941993713379</t>
  </si>
  <si>
    <t>163.27952575683594</t>
  </si>
  <si>
    <t>0.03093703990440666</t>
  </si>
  <si>
    <t>3684</t>
  </si>
  <si>
    <t>1.2719883918762207</t>
  </si>
  <si>
    <t>156.9531707763672</t>
  </si>
  <si>
    <t>29.20330810546875</t>
  </si>
  <si>
    <t>Govi-Altay</t>
  </si>
  <si>
    <t>0.6698864102363586</t>
  </si>
  <si>
    <t>142.47622680664062</t>
  </si>
  <si>
    <t>-0.1134155511861401</t>
  </si>
  <si>
    <t>0.11660289019346237</t>
  </si>
  <si>
    <t>143.8660125732422</t>
  </si>
  <si>
    <t>-0.11797308107781035</t>
  </si>
  <si>
    <t>0.2968599498271942</t>
  </si>
  <si>
    <t>182.93911743164062</t>
  </si>
  <si>
    <t>-0.05159944348455081</t>
  </si>
  <si>
    <t>1.159031629562378</t>
  </si>
  <si>
    <t>135.0299835205078</t>
  </si>
  <si>
    <t>0.0032368307346892777</t>
  </si>
  <si>
    <t>1.1735633611679077</t>
  </si>
  <si>
    <t>134.403564453125</t>
  </si>
  <si>
    <t>0.045278834393765344</t>
  </si>
  <si>
    <t>0.892927348613739</t>
  </si>
  <si>
    <t>118.55850219726562</t>
  </si>
  <si>
    <t>0.004109594824919682</t>
  </si>
  <si>
    <t>1.5705715417861938</t>
  </si>
  <si>
    <t>124.9344482421875</t>
  </si>
  <si>
    <t>0.02130258070386759</t>
  </si>
  <si>
    <t>2.915848970413208</t>
  </si>
  <si>
    <t>160.07937622070312</t>
  </si>
  <si>
    <t>0.01691863211632949</t>
  </si>
  <si>
    <t>1.4961501359939575</t>
  </si>
  <si>
    <t>160.17385864257812</t>
  </si>
  <si>
    <t>0.014369940282954019</t>
  </si>
  <si>
    <t>1.1623010635375977</t>
  </si>
  <si>
    <t>117.88945770263672</t>
  </si>
  <si>
    <t>-0.003573172552735926</t>
  </si>
  <si>
    <t>1.9796452522277832</t>
  </si>
  <si>
    <t>122.61083221435547</t>
  </si>
  <si>
    <t>-0.045606172396079</t>
  </si>
  <si>
    <t>1.8393274545669556</t>
  </si>
  <si>
    <t>94.78079223632812</t>
  </si>
  <si>
    <t>-0.34419956334077195</t>
  </si>
  <si>
    <t>0.6980328559875488</t>
  </si>
  <si>
    <t>178.42527770996094</t>
  </si>
  <si>
    <t>-0.029751035998383912</t>
  </si>
  <si>
    <t>1.4527344703674316</t>
  </si>
  <si>
    <t>103.50578308105469</t>
  </si>
  <si>
    <t>0.3400020673247379</t>
  </si>
  <si>
    <t>0.5087458491325378</t>
  </si>
  <si>
    <t>142.4342498779297</t>
  </si>
  <si>
    <t>-0.03696814286390637</t>
  </si>
  <si>
    <t>2.0133914947509766</t>
  </si>
  <si>
    <t>100.35355377197266</t>
  </si>
  <si>
    <t>0.20670199688418833</t>
  </si>
  <si>
    <t>2.2470548152923584</t>
  </si>
  <si>
    <t>130.9603729248047</t>
  </si>
  <si>
    <t>0.0810714790684095</t>
  </si>
  <si>
    <t>2.0904581546783447</t>
  </si>
  <si>
    <t>95.79267120361328</t>
  </si>
  <si>
    <t>0.10579913620326664</t>
  </si>
  <si>
    <t>0.7601866722106934</t>
  </si>
  <si>
    <t>96.3989486694336</t>
  </si>
  <si>
    <t>-0.17975947419417437</t>
  </si>
  <si>
    <t>-0.06372794508934021</t>
  </si>
  <si>
    <t>149.12115478515625</t>
  </si>
  <si>
    <t>-0.23040338022188678</t>
  </si>
  <si>
    <t>0.722348153591156</t>
  </si>
  <si>
    <t>124.2093734741211</t>
  </si>
  <si>
    <t>0.172045894215751</t>
  </si>
  <si>
    <t>3919</t>
  </si>
  <si>
    <t>0.5635673999786377</t>
  </si>
  <si>
    <t>138.525390625</t>
  </si>
  <si>
    <t>0.20424943138799634</t>
  </si>
  <si>
    <t>2.094482183456421</t>
  </si>
  <si>
    <t>138.73486328125</t>
  </si>
  <si>
    <t>0.24679628411312393</t>
  </si>
  <si>
    <t>1.721531867980957</t>
  </si>
  <si>
    <t>129.0887451171875</t>
  </si>
  <si>
    <t>0.13674094940099835</t>
  </si>
  <si>
    <t>1.743230938911438</t>
  </si>
  <si>
    <t>122.07649993896484</t>
  </si>
  <si>
    <t>0.05332565653477239</t>
  </si>
  <si>
    <t>1.904056429862976</t>
  </si>
  <si>
    <t>176.8961181640625</t>
  </si>
  <si>
    <t>-0.013108957323174408</t>
  </si>
  <si>
    <t>2.306006669998169</t>
  </si>
  <si>
    <t>102.75670623779297</t>
  </si>
  <si>
    <t>-0.01396036464504391</t>
  </si>
  <si>
    <t>1.9443625211715698</t>
  </si>
  <si>
    <t>141.94570922851562</t>
  </si>
  <si>
    <t>0.07628330474963008</t>
  </si>
  <si>
    <t>6052</t>
  </si>
  <si>
    <t>1.923293948173523</t>
  </si>
  <si>
    <t>110.99784851074219</t>
  </si>
  <si>
    <t>-0.05152459612169302</t>
  </si>
  <si>
    <t>1.8749042749404907</t>
  </si>
  <si>
    <t>137.48013305664062</t>
  </si>
  <si>
    <t>0.17438643352537753</t>
  </si>
  <si>
    <t>2.5916621685028076</t>
  </si>
  <si>
    <t>153.6282501220703</t>
  </si>
  <si>
    <t>-0.003197333647595002</t>
  </si>
  <si>
    <t>7408</t>
  </si>
  <si>
    <t>1.6328154802322388</t>
  </si>
  <si>
    <t>80.93223571777344</t>
  </si>
  <si>
    <t>0.030982601539987442</t>
  </si>
  <si>
    <t>1.176209568977356</t>
  </si>
  <si>
    <t>324.11328125</t>
  </si>
  <si>
    <t>6.367377281188965</t>
  </si>
  <si>
    <t>Govisümber</t>
  </si>
  <si>
    <t>0.530149519443512</t>
  </si>
  <si>
    <t>283.4358215332031</t>
  </si>
  <si>
    <t>-0.11341116293499276</t>
  </si>
  <si>
    <t>0.551512598991394</t>
  </si>
  <si>
    <t>260.1751708984375</t>
  </si>
  <si>
    <t>-0.11786552008749407</t>
  </si>
  <si>
    <t>2558</t>
  </si>
  <si>
    <t>0.6229806542396545</t>
  </si>
  <si>
    <t>329.5870361328125</t>
  </si>
  <si>
    <t>-0.0518013748315207</t>
  </si>
  <si>
    <t>1.420510172843933</t>
  </si>
  <si>
    <t>314.95880126953125</t>
  </si>
  <si>
    <t>0.00351219873235209</t>
  </si>
  <si>
    <t>1.4526726007461548</t>
  </si>
  <si>
    <t>251.0190887451172</t>
  </si>
  <si>
    <t>0.04531519621204261</t>
  </si>
  <si>
    <t>0.2553516924381256</t>
  </si>
  <si>
    <t>232.06016540527344</t>
  </si>
  <si>
    <t>0.004086946056546914</t>
  </si>
  <si>
    <t>1.090370774269104</t>
  </si>
  <si>
    <t>256.7364807128906</t>
  </si>
  <si>
    <t>0.02127739844728449</t>
  </si>
  <si>
    <t>2802</t>
  </si>
  <si>
    <t>2.1346116065979004</t>
  </si>
  <si>
    <t>318.22869873046875</t>
  </si>
  <si>
    <t>0.016916005309937532</t>
  </si>
  <si>
    <t>1.0765079259872437</t>
  </si>
  <si>
    <t>242.6727294921875</t>
  </si>
  <si>
    <t>0.014174581760094007</t>
  </si>
  <si>
    <t>0.7598016262054443</t>
  </si>
  <si>
    <t>219.1352996826172</t>
  </si>
  <si>
    <t>-0.0035248538434355936</t>
  </si>
  <si>
    <t>1.8877805471420288</t>
  </si>
  <si>
    <t>210.5467529296875</t>
  </si>
  <si>
    <t>0.29349143655862076</t>
  </si>
  <si>
    <t>1.5081939697265625</t>
  </si>
  <si>
    <t>226.2841033935547</t>
  </si>
  <si>
    <t>-0.09755070792447285</t>
  </si>
  <si>
    <t>0.9148721098899841</t>
  </si>
  <si>
    <t>274.5605773925781</t>
  </si>
  <si>
    <t>-0.07377309465993953</t>
  </si>
  <si>
    <t>1.7347866296768188</t>
  </si>
  <si>
    <t>164.2414093017578</t>
  </si>
  <si>
    <t>0.43360704947104445</t>
  </si>
  <si>
    <t>4356</t>
  </si>
  <si>
    <t>1.1545525789260864</t>
  </si>
  <si>
    <t>158.70181274414062</t>
  </si>
  <si>
    <t>-0.12520365420601287</t>
  </si>
  <si>
    <t>1.741165041923523</t>
  </si>
  <si>
    <t>178.5175323486328</t>
  </si>
  <si>
    <t>-0.09002116105253322</t>
  </si>
  <si>
    <t>3.0298073291778564</t>
  </si>
  <si>
    <t>175.4377899169922</t>
  </si>
  <si>
    <t>-0.43957456539544726</t>
  </si>
  <si>
    <t>2.2631990909576416</t>
  </si>
  <si>
    <t>273.40155029296875</t>
  </si>
  <si>
    <t>0.6256152297126691</t>
  </si>
  <si>
    <t>0.9139511585235596</t>
  </si>
  <si>
    <t>241.49533081054688</t>
  </si>
  <si>
    <t>-0.0971680045968597</t>
  </si>
  <si>
    <t>0.2908567786216736</t>
  </si>
  <si>
    <t>218.0344696044922</t>
  </si>
  <si>
    <t>0.1019532004541368</t>
  </si>
  <si>
    <t>0.8095560073852539</t>
  </si>
  <si>
    <t>261.7629089355469</t>
  </si>
  <si>
    <t>-0.02352061388750748</t>
  </si>
  <si>
    <t>4729</t>
  </si>
  <si>
    <t>0.07514394074678421</t>
  </si>
  <si>
    <t>298.850830078125</t>
  </si>
  <si>
    <t>0.004875473356566573</t>
  </si>
  <si>
    <t>6321</t>
  </si>
  <si>
    <t>1.800012230873108</t>
  </si>
  <si>
    <t>262.68719482421875</t>
  </si>
  <si>
    <t>0.29016365982842274</t>
  </si>
  <si>
    <t>6741</t>
  </si>
  <si>
    <t>2.3982608318328857</t>
  </si>
  <si>
    <t>262.1374816894531</t>
  </si>
  <si>
    <t>0.06433085838114039</t>
  </si>
  <si>
    <t>1.5656157732009888</t>
  </si>
  <si>
    <t>185.9635772705078</t>
  </si>
  <si>
    <t>0.13366118690077755</t>
  </si>
  <si>
    <t>7872</t>
  </si>
  <si>
    <t>1.7620576620101929</t>
  </si>
  <si>
    <t>235.80508422851562</t>
  </si>
  <si>
    <t>0.021442690977872658</t>
  </si>
  <si>
    <t>7272</t>
  </si>
  <si>
    <t>2.3408944606781006</t>
  </si>
  <si>
    <t>191.56602478027344</t>
  </si>
  <si>
    <t>-0.07928080287477357</t>
  </si>
  <si>
    <t>2.2795426845550537</t>
  </si>
  <si>
    <t>311.8351135253906</t>
  </si>
  <si>
    <t>-0.12445748806326584</t>
  </si>
  <si>
    <t>6587</t>
  </si>
  <si>
    <t>2.080904245376587</t>
  </si>
  <si>
    <t>224.7756805419922</t>
  </si>
  <si>
    <t>0.02552414084664356</t>
  </si>
  <si>
    <t>1.6374549865722656</t>
  </si>
  <si>
    <t>319.5891418457031</t>
  </si>
  <si>
    <t>0.0636652083791649</t>
  </si>
  <si>
    <t>2.5737602710723877</t>
  </si>
  <si>
    <t>310.8809814453125</t>
  </si>
  <si>
    <t>-0.0031388240922236577</t>
  </si>
  <si>
    <t>1.5050100088119507</t>
  </si>
  <si>
    <t>233.717041015625</t>
  </si>
  <si>
    <t>0.030953512275100792</t>
  </si>
  <si>
    <t>-0.8194316029548645</t>
  </si>
  <si>
    <t>415.20074462890625</t>
  </si>
  <si>
    <t>34.5318603515625</t>
  </si>
  <si>
    <t>Hentiy</t>
  </si>
  <si>
    <t>-1.3271363973617554</t>
  </si>
  <si>
    <t>353.6516418457031</t>
  </si>
  <si>
    <t>-0.11339268735509123</t>
  </si>
  <si>
    <t>-1.18010675907135</t>
  </si>
  <si>
    <t>296.4716491699219</t>
  </si>
  <si>
    <t>-0.11778303565638293</t>
  </si>
  <si>
    <t>-1.1433215141296387</t>
  </si>
  <si>
    <t>390.1858215332031</t>
  </si>
  <si>
    <t>-0.05171783270850927</t>
  </si>
  <si>
    <t>-0.5425957441329956</t>
  </si>
  <si>
    <t>378.3892517089844</t>
  </si>
  <si>
    <t>0.0031796529173790944</t>
  </si>
  <si>
    <t>2967</t>
  </si>
  <si>
    <t>-0.4695424735546112</t>
  </si>
  <si>
    <t>291.99957275390625</t>
  </si>
  <si>
    <t>0.04550940412896942</t>
  </si>
  <si>
    <t>-1.7414313554763794</t>
  </si>
  <si>
    <t>287.0112609863281</t>
  </si>
  <si>
    <t>0.004036332422460376</t>
  </si>
  <si>
    <t>-0.9502812027931213</t>
  </si>
  <si>
    <t>296.4443054199219</t>
  </si>
  <si>
    <t>0.021256197183688208</t>
  </si>
  <si>
    <t>0.11017822474241257</t>
  </si>
  <si>
    <t>410.34490966796875</t>
  </si>
  <si>
    <t>0.016944035221726494</t>
  </si>
  <si>
    <t>-0.9810652136802673</t>
  </si>
  <si>
    <t>278.8818359375</t>
  </si>
  <si>
    <t>0.014434893783603187</t>
  </si>
  <si>
    <t>-1.3306066989898682</t>
  </si>
  <si>
    <t>270.6519775390625</t>
  </si>
  <si>
    <t>-0.0038289772370987407</t>
  </si>
  <si>
    <t>-0.23470909893512726</t>
  </si>
  <si>
    <t>245.97817993164062</t>
  </si>
  <si>
    <t>-0.03911841659547122</t>
  </si>
  <si>
    <t>-0.5692124366760254</t>
  </si>
  <si>
    <t>298.8337097167969</t>
  </si>
  <si>
    <t>0.02072783537109224</t>
  </si>
  <si>
    <t>-1.1779009103775024</t>
  </si>
  <si>
    <t>286.4057922363281</t>
  </si>
  <si>
    <t>0.040209628619019</t>
  </si>
  <si>
    <t>-0.5794705748558044</t>
  </si>
  <si>
    <t>213.01181030273438</t>
  </si>
  <si>
    <t>0.028370697129215472</t>
  </si>
  <si>
    <t>-1.0980767011642456</t>
  </si>
  <si>
    <t>234.86842346191406</t>
  </si>
  <si>
    <t>-0.02089169685785741</t>
  </si>
  <si>
    <t>-0.5345519185066223</t>
  </si>
  <si>
    <t>223.58836364746094</t>
  </si>
  <si>
    <t>-0.03828975885796204</t>
  </si>
  <si>
    <t>0.7982085347175598</t>
  </si>
  <si>
    <t>197.93406677246094</t>
  </si>
  <si>
    <t>0.0961895584334691</t>
  </si>
  <si>
    <t>3779</t>
  </si>
  <si>
    <t>0.214124396443367</t>
  </si>
  <si>
    <t>317.55682373046875</t>
  </si>
  <si>
    <t>0.1018677544427824</t>
  </si>
  <si>
    <t>-1.4355562925338745</t>
  </si>
  <si>
    <t>312.77313232421875</t>
  </si>
  <si>
    <t>-0.10421448476587614</t>
  </si>
  <si>
    <t>-2.119849920272827</t>
  </si>
  <si>
    <t>284.5376892089844</t>
  </si>
  <si>
    <t>0.08065248444638584</t>
  </si>
  <si>
    <t>-1.176188588142395</t>
  </si>
  <si>
    <t>281.623291015625</t>
  </si>
  <si>
    <t>0.20084309014789703</t>
  </si>
  <si>
    <t>-2.0683672428131104</t>
  </si>
  <si>
    <t>383.8428649902344</t>
  </si>
  <si>
    <t>0.12602322354183926</t>
  </si>
  <si>
    <t>-0.6250689625740051</t>
  </si>
  <si>
    <t>379.624267578125</t>
  </si>
  <si>
    <t>0.2857752145215837</t>
  </si>
  <si>
    <t>0.022157376632094383</t>
  </si>
  <si>
    <t>305.89105224609375</t>
  </si>
  <si>
    <t>-0.02965277230040364</t>
  </si>
  <si>
    <t>-0.3966222107410431</t>
  </si>
  <si>
    <t>220.29220581054688</t>
  </si>
  <si>
    <t>0.022284628149762398</t>
  </si>
  <si>
    <t>-0.6963624954223633</t>
  </si>
  <si>
    <t>274.5962219238281</t>
  </si>
  <si>
    <t>-0.09325638140363424</t>
  </si>
  <si>
    <t>0.01943647302687168</t>
  </si>
  <si>
    <t>253.0275421142578</t>
  </si>
  <si>
    <t>-0.12156514228150961</t>
  </si>
  <si>
    <t>6043</t>
  </si>
  <si>
    <t>0.21289192140102386</t>
  </si>
  <si>
    <t>358.1765441894531</t>
  </si>
  <si>
    <t>0.10255129295602572</t>
  </si>
  <si>
    <t>6396</t>
  </si>
  <si>
    <t>-0.0650160014629364</t>
  </si>
  <si>
    <t>273.5613098144531</t>
  </si>
  <si>
    <t>0.05677221759228601</t>
  </si>
  <si>
    <t>-0.18055181205272675</t>
  </si>
  <si>
    <t>406.1393127441406</t>
  </si>
  <si>
    <t>-0.02645698869969948</t>
  </si>
  <si>
    <t>0.3909970819950104</t>
  </si>
  <si>
    <t>397.33001708984375</t>
  </si>
  <si>
    <t>-0.003215953889252887</t>
  </si>
  <si>
    <t>6404</t>
  </si>
  <si>
    <t>-0.6879260540008545</t>
  </si>
  <si>
    <t>285.5262451171875</t>
  </si>
  <si>
    <t>0.030922942751713478</t>
  </si>
  <si>
    <t>0.0027863038703799248</t>
  </si>
  <si>
    <t>151.83026123046875</t>
  </si>
  <si>
    <t>41.15777587890625</t>
  </si>
  <si>
    <t>Hovd</t>
  </si>
  <si>
    <t>-0.6227604746818542</t>
  </si>
  <si>
    <t>142.69215393066406</t>
  </si>
  <si>
    <t>-0.11327032692818229</t>
  </si>
  <si>
    <t>-1.1131922006607056</t>
  </si>
  <si>
    <t>183.03822326660156</t>
  </si>
  <si>
    <t>-0.11815075031395494</t>
  </si>
  <si>
    <t>-0.8243110179901123</t>
  </si>
  <si>
    <t>196.12594604492188</t>
  </si>
  <si>
    <t>-0.05131265153663023</t>
  </si>
  <si>
    <t>2591</t>
  </si>
  <si>
    <t>-0.24326185882091522</t>
  </si>
  <si>
    <t>181.87716674804688</t>
  </si>
  <si>
    <t>0.003092387466269386</t>
  </si>
  <si>
    <t>-0.3270169198513031</t>
  </si>
  <si>
    <t>153.54783630371094</t>
  </si>
  <si>
    <t>0.04527366893655582</t>
  </si>
  <si>
    <t>-0.34806910157203674</t>
  </si>
  <si>
    <t>151.004150390625</t>
  </si>
  <si>
    <t>0.004049333712745629</t>
  </si>
  <si>
    <t>0.3980569839477539</t>
  </si>
  <si>
    <t>155.53367614746094</t>
  </si>
  <si>
    <t>0.021443671022553623</t>
  </si>
  <si>
    <t>2828</t>
  </si>
  <si>
    <t>1.7073804140090942</t>
  </si>
  <si>
    <t>145.01182556152344</t>
  </si>
  <si>
    <t>0.016759172782498055</t>
  </si>
  <si>
    <t>0.43084225058555603</t>
  </si>
  <si>
    <t>144.10137939453125</t>
  </si>
  <si>
    <t>0.01439378896490151</t>
  </si>
  <si>
    <t>-0.0690474808216095</t>
  </si>
  <si>
    <t>160.83602905273438</t>
  </si>
  <si>
    <t>-0.0038414574915517363</t>
  </si>
  <si>
    <t>0.5741751790046692</t>
  </si>
  <si>
    <t>160.3027801513672</t>
  </si>
  <si>
    <t>-0.019431807325024586</t>
  </si>
  <si>
    <t>0.48682960867881775</t>
  </si>
  <si>
    <t>117.15806579589844</t>
  </si>
  <si>
    <t>-0.08290087324912498</t>
  </si>
  <si>
    <t>-0.7965682148933411</t>
  </si>
  <si>
    <t>182.02651977539062</t>
  </si>
  <si>
    <t>0.10198272431510969</t>
  </si>
  <si>
    <t>0.06259041279554367</t>
  </si>
  <si>
    <t>121.9896011352539</t>
  </si>
  <si>
    <t>0.16484384117578</t>
  </si>
  <si>
    <t>-1.134409785270691</t>
  </si>
  <si>
    <t>163.41212463378906</t>
  </si>
  <si>
    <t>-0.009543764655179032</t>
  </si>
  <si>
    <t>0.6807923913002014</t>
  </si>
  <si>
    <t>114.75248718261719</t>
  </si>
  <si>
    <t>-0.040672170563123444</t>
  </si>
  <si>
    <t>0.7804791927337646</t>
  </si>
  <si>
    <t>133.55221557617188</t>
  </si>
  <si>
    <t>0.15575452940923284</t>
  </si>
  <si>
    <t>4436</t>
  </si>
  <si>
    <t>0.7544236183166504</t>
  </si>
  <si>
    <t>115.56275939941406</t>
  </si>
  <si>
    <t>0.169598510872774</t>
  </si>
  <si>
    <t>-0.5864445567131042</t>
  </si>
  <si>
    <t>116.68822479248047</t>
  </si>
  <si>
    <t>-0.2952247239901844</t>
  </si>
  <si>
    <t>-1.4694029092788696</t>
  </si>
  <si>
    <t>151.71527099609375</t>
  </si>
  <si>
    <t>-0.02638999418121557</t>
  </si>
  <si>
    <t>-0.6784894466400146</t>
  </si>
  <si>
    <t>131.9582061767578</t>
  </si>
  <si>
    <t>3836</t>
  </si>
  <si>
    <t>-0.6467368006706238</t>
  </si>
  <si>
    <t>177.82925415039062</t>
  </si>
  <si>
    <t>0.09624909803093473</t>
  </si>
  <si>
    <t>5195</t>
  </si>
  <si>
    <t>0.7430681586265564</t>
  </si>
  <si>
    <t>172.36859130859375</t>
  </si>
  <si>
    <t>0.3032664675299994</t>
  </si>
  <si>
    <t>0.2946305572986603</t>
  </si>
  <si>
    <t>129.8011932373047</t>
  </si>
  <si>
    <t>0.04184553212457054</t>
  </si>
  <si>
    <t>0.3913271427154541</t>
  </si>
  <si>
    <t>128.64178466796875</t>
  </si>
  <si>
    <t>0.023715084397336383</t>
  </si>
  <si>
    <t>5429</t>
  </si>
  <si>
    <t>0.5862414240837097</t>
  </si>
  <si>
    <t>157.408203125</t>
  </si>
  <si>
    <t>-0.02150228614978289</t>
  </si>
  <si>
    <t>0.8459615111351013</t>
  </si>
  <si>
    <t>105.90913391113281</t>
  </si>
  <si>
    <t>0.04853576592954845</t>
  </si>
  <si>
    <t>6013</t>
  </si>
  <si>
    <t>0.35906997323036194</t>
  </si>
  <si>
    <t>120.3370132446289</t>
  </si>
  <si>
    <t>0.05363307120456895</t>
  </si>
  <si>
    <t>0.5148195028305054</t>
  </si>
  <si>
    <t>156.5859832763672</t>
  </si>
  <si>
    <t>0.03641515913809812</t>
  </si>
  <si>
    <t>0.5331730246543884</t>
  </si>
  <si>
    <t>181.1185760498047</t>
  </si>
  <si>
    <t>0.036373371268926036</t>
  </si>
  <si>
    <t>1.2205809354782104</t>
  </si>
  <si>
    <t>156.24331665039062</t>
  </si>
  <si>
    <t>-0.0032525390712105917</t>
  </si>
  <si>
    <t>0.32914647459983826</t>
  </si>
  <si>
    <t>88.59015655517578</t>
  </si>
  <si>
    <t>0.03100668402707285</t>
  </si>
  <si>
    <t>-3.325822114944458</t>
  </si>
  <si>
    <t>406.6556701660156</t>
  </si>
  <si>
    <t>63.072235107421875</t>
  </si>
  <si>
    <t>Hövsgöl</t>
  </si>
  <si>
    <t>-3.9672200679779053</t>
  </si>
  <si>
    <t>334.95404052734375</t>
  </si>
  <si>
    <t>-0.11332868530700146</t>
  </si>
  <si>
    <t>-4.3945536613464355</t>
  </si>
  <si>
    <t>297.4327087402344</t>
  </si>
  <si>
    <t>-0.11829097713681858</t>
  </si>
  <si>
    <t>-3.9494736194610596</t>
  </si>
  <si>
    <t>400.77581787109375</t>
  </si>
  <si>
    <t>-0.051608059658580174</t>
  </si>
  <si>
    <t>-3.688889503479004</t>
  </si>
  <si>
    <t>412.9041748046875</t>
  </si>
  <si>
    <t>0.0033277900926753645</t>
  </si>
  <si>
    <t>-3.2321417331695557</t>
  </si>
  <si>
    <t>281.6718444824219</t>
  </si>
  <si>
    <t>0.045462374076756795</t>
  </si>
  <si>
    <t>-3.683152914047241</t>
  </si>
  <si>
    <t>270.4505615234375</t>
  </si>
  <si>
    <t>0.00387256248794543</t>
  </si>
  <si>
    <t>-2.8271572589874268</t>
  </si>
  <si>
    <t>308.1119384765625</t>
  </si>
  <si>
    <t>0.0215510600036124</t>
  </si>
  <si>
    <t>-1.7658185958862305</t>
  </si>
  <si>
    <t>342.5879821777344</t>
  </si>
  <si>
    <t>0.01670968119906746</t>
  </si>
  <si>
    <t>-3.291447639465332</t>
  </si>
  <si>
    <t>309.99725341796875</t>
  </si>
  <si>
    <t>0.014437047797768443</t>
  </si>
  <si>
    <t>-3.784295082092285</t>
  </si>
  <si>
    <t>341.91796875</t>
  </si>
  <si>
    <t>-0.0036734053663085575</t>
  </si>
  <si>
    <t>-2.670602560043335</t>
  </si>
  <si>
    <t>313.0821838378906</t>
  </si>
  <si>
    <t>-0.0943070029938946</t>
  </si>
  <si>
    <t>-2.9316720962524414</t>
  </si>
  <si>
    <t>244.57379150390625</t>
  </si>
  <si>
    <t>-0.02268176804702282</t>
  </si>
  <si>
    <t>-3.7129592895507812</t>
  </si>
  <si>
    <t>351.46917724609375</t>
  </si>
  <si>
    <t>0.018629450842075457</t>
  </si>
  <si>
    <t>-3.16385817527771</t>
  </si>
  <si>
    <t>268.5738830566406</t>
  </si>
  <si>
    <t>0.17311230724610382</t>
  </si>
  <si>
    <t>-4.101053714752197</t>
  </si>
  <si>
    <t>305.5744323730469</t>
  </si>
  <si>
    <t>-0.03990396421250253</t>
  </si>
  <si>
    <t>2903</t>
  </si>
  <si>
    <t>-2.850855827331543</t>
  </si>
  <si>
    <t>321.7145690917969</t>
  </si>
  <si>
    <t>-0.06404322109406646</t>
  </si>
  <si>
    <t>-2.2621967792510986</t>
  </si>
  <si>
    <t>291.6235046386719</t>
  </si>
  <si>
    <t>0.2079407316947437</t>
  </si>
  <si>
    <t>-2.4076435565948486</t>
  </si>
  <si>
    <t>329.54400634765625</t>
  </si>
  <si>
    <t>0.23150247432306514</t>
  </si>
  <si>
    <t>-3.90606427192688</t>
  </si>
  <si>
    <t>320.5343933105469</t>
  </si>
  <si>
    <t>-0.11415477559323861</t>
  </si>
  <si>
    <t>-4.712815761566162</t>
  </si>
  <si>
    <t>321.0511169433594</t>
  </si>
  <si>
    <t>-0.09657995801275199</t>
  </si>
  <si>
    <t>-4.1628899574279785</t>
  </si>
  <si>
    <t>284.04058837890625</t>
  </si>
  <si>
    <t>0.03632849373532032</t>
  </si>
  <si>
    <t>-4.5567779541015625</t>
  </si>
  <si>
    <t>318.16412353515625</t>
  </si>
  <si>
    <t>0.08458595741596575</t>
  </si>
  <si>
    <t>-2.8076696395874023</t>
  </si>
  <si>
    <t>432.91680908203125</t>
  </si>
  <si>
    <t>0.20481240036040482</t>
  </si>
  <si>
    <t>5204</t>
  </si>
  <si>
    <t>-2.898847818374634</t>
  </si>
  <si>
    <t>291.3446044921875</t>
  </si>
  <si>
    <t>0.02924755168425719</t>
  </si>
  <si>
    <t>-2.7528235912323</t>
  </si>
  <si>
    <t>242.21722412109375</t>
  </si>
  <si>
    <t>0.03456108304813732</t>
  </si>
  <si>
    <t>-3.0580265522003174</t>
  </si>
  <si>
    <t>406.54376220703125</t>
  </si>
  <si>
    <t>-0.09475343858181517</t>
  </si>
  <si>
    <t>4517</t>
  </si>
  <si>
    <t>-2.21047043800354</t>
  </si>
  <si>
    <t>278.8478088378906</t>
  </si>
  <si>
    <t>-0.0813871484441151</t>
  </si>
  <si>
    <t>-2.532580614089966</t>
  </si>
  <si>
    <t>374.5937194824219</t>
  </si>
  <si>
    <t>0.086476217951585</t>
  </si>
  <si>
    <t>-2.7235186100006104</t>
  </si>
  <si>
    <t>335.41644287109375</t>
  </si>
  <si>
    <t>0.10805738345278648</t>
  </si>
  <si>
    <t>-2.4371602535247803</t>
  </si>
  <si>
    <t>391.2280578613281</t>
  </si>
  <si>
    <t>-0.06805603013495798</t>
  </si>
  <si>
    <t>5110</t>
  </si>
  <si>
    <t>-1.8736258745193481</t>
  </si>
  <si>
    <t>440.4254150390625</t>
  </si>
  <si>
    <t>-0.003126223726267696</t>
  </si>
  <si>
    <t>-3.152928590774536</t>
  </si>
  <si>
    <t>324.0474853515625</t>
  </si>
  <si>
    <t>0.030830958337658032</t>
  </si>
  <si>
    <t>0.49382856488227844</t>
  </si>
  <si>
    <t>497.66839599609375</t>
  </si>
  <si>
    <t>89.91740417480469</t>
  </si>
  <si>
    <t>Selenge</t>
  </si>
  <si>
    <t>-0.0720348209142685</t>
  </si>
  <si>
    <t>457.334716796875</t>
  </si>
  <si>
    <t>-0.11339948427336743</t>
  </si>
  <si>
    <t>-0.2988082468509674</t>
  </si>
  <si>
    <t>385.3160705566406</t>
  </si>
  <si>
    <t>-0.11799546263540783</t>
  </si>
  <si>
    <t>0.0019281492568552494</t>
  </si>
  <si>
    <t>389.7920227050781</t>
  </si>
  <si>
    <t>-0.051662353793528126</t>
  </si>
  <si>
    <t>0.3908766210079193</t>
  </si>
  <si>
    <t>489.6796875</t>
  </si>
  <si>
    <t>0.0033500868852822663</t>
  </si>
  <si>
    <t>0.7771525382995605</t>
  </si>
  <si>
    <t>368.2008056640625</t>
  </si>
  <si>
    <t>0.04544007728414989</t>
  </si>
  <si>
    <t>-0.0534699521958828</t>
  </si>
  <si>
    <t>312.07489013671875</t>
  </si>
  <si>
    <t>0.00414607514668397</t>
  </si>
  <si>
    <t>0.7377805709838867</t>
  </si>
  <si>
    <t>353.126953125</t>
  </si>
  <si>
    <t>0.02109982229429086</t>
  </si>
  <si>
    <t>1.748636245727539</t>
  </si>
  <si>
    <t>408.9722900390625</t>
  </si>
  <si>
    <t>0.016994074974139295</t>
  </si>
  <si>
    <t>0.36954203248023987</t>
  </si>
  <si>
    <t>332.21539306640625</t>
  </si>
  <si>
    <t>0.014296821463249287</t>
  </si>
  <si>
    <t>-0.05056636407971382</t>
  </si>
  <si>
    <t>446.6440124511719</t>
  </si>
  <si>
    <t>-0.003630866318664161</t>
  </si>
  <si>
    <t>1.2272636890411377</t>
  </si>
  <si>
    <t>375.3763427734375</t>
  </si>
  <si>
    <t>0.2137023360655217</t>
  </si>
  <si>
    <t>0.6996409296989441</t>
  </si>
  <si>
    <t>328.1946105957031</t>
  </si>
  <si>
    <t>-0.018281141524051137</t>
  </si>
  <si>
    <t>0.13802848756313324</t>
  </si>
  <si>
    <t>389.69000244140625</t>
  </si>
  <si>
    <t>-0.18008024095094122</t>
  </si>
  <si>
    <t>0.6005070805549622</t>
  </si>
  <si>
    <t>370.8671875</t>
  </si>
  <si>
    <t>-0.0898920486014827</t>
  </si>
  <si>
    <t>0.026955144479870796</t>
  </si>
  <si>
    <t>336.4541320800781</t>
  </si>
  <si>
    <t>-0.0016342543267935383</t>
  </si>
  <si>
    <t>1.018065333366394</t>
  </si>
  <si>
    <t>368.13836669921875</t>
  </si>
  <si>
    <t>0.37367068256353697</t>
  </si>
  <si>
    <t>1.9843159914016724</t>
  </si>
  <si>
    <t>362.9914855957031</t>
  </si>
  <si>
    <t>0.16368888868266218</t>
  </si>
  <si>
    <t>1.463845133781433</t>
  </si>
  <si>
    <t>457.1572265625</t>
  </si>
  <si>
    <t>0.2501457197831165</t>
  </si>
  <si>
    <t>5958</t>
  </si>
  <si>
    <t>0.06863177567720413</t>
  </si>
  <si>
    <t>388.90020751953125</t>
  </si>
  <si>
    <t>-0.12020447964692238</t>
  </si>
  <si>
    <t>8813</t>
  </si>
  <si>
    <t>-0.8209492564201355</t>
  </si>
  <si>
    <t>365.12945556640625</t>
  </si>
  <si>
    <t>0.3914930498264315</t>
  </si>
  <si>
    <t>6920</t>
  </si>
  <si>
    <t>-0.28613200783729553</t>
  </si>
  <si>
    <t>323.1767883300781</t>
  </si>
  <si>
    <t>-0.2418121344879438</t>
  </si>
  <si>
    <t>7176</t>
  </si>
  <si>
    <t>-0.8557413220405579</t>
  </si>
  <si>
    <t>427.4214172363281</t>
  </si>
  <si>
    <t>0.03632635512691529</t>
  </si>
  <si>
    <t>0.8776068091392517</t>
  </si>
  <si>
    <t>461.6477966308594</t>
  </si>
  <si>
    <t>0.0766926207882559</t>
  </si>
  <si>
    <t>1.0152336359024048</t>
  </si>
  <si>
    <t>342.7092590332031</t>
  </si>
  <si>
    <t>0.056821352509524914</t>
  </si>
  <si>
    <t>7403</t>
  </si>
  <si>
    <t>0.8707886338233948</t>
  </si>
  <si>
    <t>299.3774108886719</t>
  </si>
  <si>
    <t>-0.10237077459331445</t>
  </si>
  <si>
    <t>0.6817291378974915</t>
  </si>
  <si>
    <t>385.24920654296875</t>
  </si>
  <si>
    <t>-0.07646946942023192</t>
  </si>
  <si>
    <t>1.5856813192367554</t>
  </si>
  <si>
    <t>367.7295837402344</t>
  </si>
  <si>
    <t>-0.06304260548468221</t>
  </si>
  <si>
    <t>1.4003897905349731</t>
  </si>
  <si>
    <t>424.6060791015625</t>
  </si>
  <si>
    <t>0.0532249575756083</t>
  </si>
  <si>
    <t>1.1495453119277954</t>
  </si>
  <si>
    <t>342.1910400390625</t>
  </si>
  <si>
    <t>0.03671993921898853</t>
  </si>
  <si>
    <t>1.3068138360977173</t>
  </si>
  <si>
    <t>468.94268798828125</t>
  </si>
  <si>
    <t>0.13161330160204443</t>
  </si>
  <si>
    <t>1.8112664222717285</t>
  </si>
  <si>
    <t>504.8888854980469</t>
  </si>
  <si>
    <t>-0.003115849719707242</t>
  </si>
  <si>
    <t>0.6137559413909912</t>
  </si>
  <si>
    <t>402.91729736328125</t>
  </si>
  <si>
    <t>0.030851091741592285</t>
  </si>
  <si>
    <t>1.8057090044021606</t>
  </si>
  <si>
    <t>341.6407165527344</t>
  </si>
  <si>
    <t>25.634563446044922</t>
  </si>
  <si>
    <t>Sühbaatar</t>
  </si>
  <si>
    <t>1.1808563470840454</t>
  </si>
  <si>
    <t>252.76214599609375</t>
  </si>
  <si>
    <t>-0.11346806784259655</t>
  </si>
  <si>
    <t>1.4147368669509888</t>
  </si>
  <si>
    <t>211.25587463378906</t>
  </si>
  <si>
    <t>-0.1179224376221768</t>
  </si>
  <si>
    <t>1.3927496671676636</t>
  </si>
  <si>
    <t>286.3365173339844</t>
  </si>
  <si>
    <t>-0.05149142535276674</t>
  </si>
  <si>
    <t>2.0684731006622314</t>
  </si>
  <si>
    <t>276.66943359375</t>
  </si>
  <si>
    <t>0.0032970685983784165</t>
  </si>
  <si>
    <t>2.094151735305786</t>
  </si>
  <si>
    <t>196.02627563476562</t>
  </si>
  <si>
    <t>0.045052663940943205</t>
  </si>
  <si>
    <t>0.7642796039581299</t>
  </si>
  <si>
    <t>250.62734985351562</t>
  </si>
  <si>
    <t>0.00439561147303813</t>
  </si>
  <si>
    <t>1.5710129737854004</t>
  </si>
  <si>
    <t>206.39503479003906</t>
  </si>
  <si>
    <t>0.021079515791054604</t>
  </si>
  <si>
    <t>2.631523370742798</t>
  </si>
  <si>
    <t>359.5968322753906</t>
  </si>
  <si>
    <t>0.017032041894431416</t>
  </si>
  <si>
    <t>1.5377607345581055</t>
  </si>
  <si>
    <t>185.91407775878906</t>
  </si>
  <si>
    <t>0.014371504837653148</t>
  </si>
  <si>
    <t>1.2161827087402344</t>
  </si>
  <si>
    <t>188.59521484375</t>
  </si>
  <si>
    <t>-0.0038719333555281565</t>
  </si>
  <si>
    <t>2.2851083278656006</t>
  </si>
  <si>
    <t>162.70657348632812</t>
  </si>
  <si>
    <t>-0.08368007185724835</t>
  </si>
  <si>
    <t>1.9804638624191284</t>
  </si>
  <si>
    <t>244.13531494140625</t>
  </si>
  <si>
    <t>0.09731395228052264</t>
  </si>
  <si>
    <t>1.4506736993789673</t>
  </si>
  <si>
    <t>221.53428649902344</t>
  </si>
  <si>
    <t>0.12621888081372745</t>
  </si>
  <si>
    <t>2.103851556777954</t>
  </si>
  <si>
    <t>182.07830810546875</t>
  </si>
  <si>
    <t>0.038182291460799433</t>
  </si>
  <si>
    <t>4003</t>
  </si>
  <si>
    <t>1.465893268585205</t>
  </si>
  <si>
    <t>145.48558044433594</t>
  </si>
  <si>
    <t>-0.0002497814425375111</t>
  </si>
  <si>
    <t>1.8794552087783813</t>
  </si>
  <si>
    <t>167.98220825195312</t>
  </si>
  <si>
    <t>0.9432534515501452</t>
  </si>
  <si>
    <t>10572</t>
  </si>
  <si>
    <t>3.236766815185547</t>
  </si>
  <si>
    <t>146.8596649169922</t>
  </si>
  <si>
    <t>0.027911465181460926</t>
  </si>
  <si>
    <t>2.677650213241577</t>
  </si>
  <si>
    <t>223.52664184570312</t>
  </si>
  <si>
    <t>-0.4454125324711544</t>
  </si>
  <si>
    <t>6449</t>
  </si>
  <si>
    <t>1.12389075756073</t>
  </si>
  <si>
    <t>198.24191284179688</t>
  </si>
  <si>
    <t>-0.048871384242648475</t>
  </si>
  <si>
    <t>0.5594146847724915</t>
  </si>
  <si>
    <t>192.10780334472656</t>
  </si>
  <si>
    <t>-0.05908487126165518</t>
  </si>
  <si>
    <t>1.4051461219787598</t>
  </si>
  <si>
    <t>222.1688995361328</t>
  </si>
  <si>
    <t>0.07386119059527907</t>
  </si>
  <si>
    <t>7440</t>
  </si>
  <si>
    <t>0.46966424584388733</t>
  </si>
  <si>
    <t>310.9952392578125</t>
  </si>
  <si>
    <t>0.1281694494831367</t>
  </si>
  <si>
    <t>8511</t>
  </si>
  <si>
    <t>1.834903359413147</t>
  </si>
  <si>
    <t>272.903076171875</t>
  </si>
  <si>
    <t>0.13448859564982385</t>
  </si>
  <si>
    <t>8741</t>
  </si>
  <si>
    <t>2.6453826427459717</t>
  </si>
  <si>
    <t>225.94618225097656</t>
  </si>
  <si>
    <t>0.02666515510352596</t>
  </si>
  <si>
    <t>7965</t>
  </si>
  <si>
    <t>2.1079413890838623</t>
  </si>
  <si>
    <t>180.10975646972656</t>
  </si>
  <si>
    <t>-0.09296765623633796</t>
  </si>
  <si>
    <t>1.8994420766830444</t>
  </si>
  <si>
    <t>223.55531311035156</t>
  </si>
  <si>
    <t>-0.038001118178614846</t>
  </si>
  <si>
    <t>8474</t>
  </si>
  <si>
    <t>2.5385372638702393</t>
  </si>
  <si>
    <t>161.8634796142578</t>
  </si>
  <si>
    <t>0.09994682702097002</t>
  </si>
  <si>
    <t>9035</t>
  </si>
  <si>
    <t>2.748054265975952</t>
  </si>
  <si>
    <t>253.22215270996094</t>
  </si>
  <si>
    <t>0.06410327183982467</t>
  </si>
  <si>
    <t>2.4913489818573</t>
  </si>
  <si>
    <t>210.1304931640625</t>
  </si>
  <si>
    <t>-0.05716492448974364</t>
  </si>
  <si>
    <t>7473</t>
  </si>
  <si>
    <t>2.3167991638183594</t>
  </si>
  <si>
    <t>278.93914794921875</t>
  </si>
  <si>
    <t>-0.1326444746062947</t>
  </si>
  <si>
    <t>2.9199421405792236</t>
  </si>
  <si>
    <t>280.21112060546875</t>
  </si>
  <si>
    <t>-0.0032167297540137696</t>
  </si>
  <si>
    <t>1.8783830404281616</t>
  </si>
  <si>
    <t>183.55609130859375</t>
  </si>
  <si>
    <t>0.030930300691357715</t>
  </si>
  <si>
    <t>-1.2555500268936157</t>
  </si>
  <si>
    <t>462.1281433105469</t>
  </si>
  <si>
    <t>188.58880615234375</t>
  </si>
  <si>
    <t>Töv</t>
  </si>
  <si>
    <t>-1.7820578813552856</t>
  </si>
  <si>
    <t>417.9542541503906</t>
  </si>
  <si>
    <t>-0.11345190768434321</t>
  </si>
  <si>
    <t>-1.820746898651123</t>
  </si>
  <si>
    <t>368.7508544921875</t>
  </si>
  <si>
    <t>-0.11805754007958935</t>
  </si>
  <si>
    <t>-1.7329522371292114</t>
  </si>
  <si>
    <t>433.4911804199219</t>
  </si>
  <si>
    <t>-0.05142334910361068</t>
  </si>
  <si>
    <t>-1.3026416301727295</t>
  </si>
  <si>
    <t>428.35186767578125</t>
  </si>
  <si>
    <t>0.0033389012655140604</t>
  </si>
  <si>
    <t>-0.923611581325531</t>
  </si>
  <si>
    <t>409.5922546386719</t>
  </si>
  <si>
    <t>0.0452565915881209</t>
  </si>
  <si>
    <t>-1.9408798217773438</t>
  </si>
  <si>
    <t>303.3115539550781</t>
  </si>
  <si>
    <t>0.003886244071477307</t>
  </si>
  <si>
    <t>2897</t>
  </si>
  <si>
    <t>-1.0546616315841675</t>
  </si>
  <si>
    <t>340.8450012207031</t>
  </si>
  <si>
    <t>0.021281110117332247</t>
  </si>
  <si>
    <t>-0.1257433146238327</t>
  </si>
  <si>
    <t>365.0735778808594</t>
  </si>
  <si>
    <t>0.017111984968344096</t>
  </si>
  <si>
    <t>-1.2954989671707153</t>
  </si>
  <si>
    <t>334.906982421875</t>
  </si>
  <si>
    <t>0.014151179546242787</t>
  </si>
  <si>
    <t>-1.5549321174621582</t>
  </si>
  <si>
    <t>405.7881774902344</t>
  </si>
  <si>
    <t>-0.0036869490399826788</t>
  </si>
  <si>
    <t>4387</t>
  </si>
  <si>
    <t>-0.6091015934944153</t>
  </si>
  <si>
    <t>346.2375183105469</t>
  </si>
  <si>
    <t>0.38739368792225903</t>
  </si>
  <si>
    <t>-1.1057740449905396</t>
  </si>
  <si>
    <t>281.3992004394531</t>
  </si>
  <si>
    <t>-0.37604131224643034</t>
  </si>
  <si>
    <t>-1.6537846326828003</t>
  </si>
  <si>
    <t>357.9114074707031</t>
  </si>
  <si>
    <t>0.008265876125966187</t>
  </si>
  <si>
    <t>-0.9152533411979675</t>
  </si>
  <si>
    <t>248.96282958984375</t>
  </si>
  <si>
    <t>0.17588004471989116</t>
  </si>
  <si>
    <t>-1.5204774141311646</t>
  </si>
  <si>
    <t>320.8356018066406</t>
  </si>
  <si>
    <t>-0.03255971029695104</t>
  </si>
  <si>
    <t>-0.7632365822792053</t>
  </si>
  <si>
    <t>343.1656799316406</t>
  </si>
  <si>
    <t>0.046545952271690894</t>
  </si>
  <si>
    <t>4104</t>
  </si>
  <si>
    <t>0.42271146178245544</t>
  </si>
  <si>
    <t>298.0496520996094</t>
  </si>
  <si>
    <t>0.11122563511022499</t>
  </si>
  <si>
    <t>5129</t>
  </si>
  <si>
    <t>-0.22228609025478363</t>
  </si>
  <si>
    <t>385.6801452636719</t>
  </si>
  <si>
    <t>0.22294860053866294</t>
  </si>
  <si>
    <t>-1.6885360479354858</t>
  </si>
  <si>
    <t>385.3226013183594</t>
  </si>
  <si>
    <t>0.053892759407709434</t>
  </si>
  <si>
    <t>-2.433492660522461</t>
  </si>
  <si>
    <t>338.60504150390625</t>
  </si>
  <si>
    <t>-0.17830230324076446</t>
  </si>
  <si>
    <t>-2.0692288875579834</t>
  </si>
  <si>
    <t>362.4803771972656</t>
  </si>
  <si>
    <t>0.047222312173344605</t>
  </si>
  <si>
    <t>-2.462691068649292</t>
  </si>
  <si>
    <t>399.4515686035156</t>
  </si>
  <si>
    <t>0.12142704809797955</t>
  </si>
  <si>
    <t>7076</t>
  </si>
  <si>
    <t>-0.8286826610565186</t>
  </si>
  <si>
    <t>403.41168212890625</t>
  </si>
  <si>
    <t>0.2775582514521382</t>
  </si>
  <si>
    <t>7824</t>
  </si>
  <si>
    <t>-0.44760242104530334</t>
  </si>
  <si>
    <t>359.1630554199219</t>
  </si>
  <si>
    <t>0.10048715643497808</t>
  </si>
  <si>
    <t>-0.9295812249183655</t>
  </si>
  <si>
    <t>294.9833068847656</t>
  </si>
  <si>
    <t>0.060744908097928985</t>
  </si>
  <si>
    <t>-1.0100528001785278</t>
  </si>
  <si>
    <t>379.6731262207031</t>
  </si>
  <si>
    <t>-0.09137278875767763</t>
  </si>
  <si>
    <t>-0.20337288081645966</t>
  </si>
  <si>
    <t>341.2535705566406</t>
  </si>
  <si>
    <t>-0.2029869705217564</t>
  </si>
  <si>
    <t>-0.26706504821777344</t>
  </si>
  <si>
    <t>397.2778015136719</t>
  </si>
  <si>
    <t>0.03832614757912545</t>
  </si>
  <si>
    <t>-0.5492739081382751</t>
  </si>
  <si>
    <t>346.3622131347656</t>
  </si>
  <si>
    <t>0.07841591305639284</t>
  </si>
  <si>
    <t>-0.6357438564300537</t>
  </si>
  <si>
    <t>447.13714599609375</t>
  </si>
  <si>
    <t>0.09412103356257084</t>
  </si>
  <si>
    <t>0.07107064872980118</t>
  </si>
  <si>
    <t>468.0382080078125</t>
  </si>
  <si>
    <t>-0.003143009397199137</t>
  </si>
  <si>
    <t>-1.1233948469161987</t>
  </si>
  <si>
    <t>421.96728515625</t>
  </si>
  <si>
    <t>0.030994216492963744</t>
  </si>
  <si>
    <t>8407</t>
  </si>
  <si>
    <t>-0.9199156165122986</t>
  </si>
  <si>
    <t>424.9560852050781</t>
  </si>
  <si>
    <t>224.70492553710938</t>
  </si>
  <si>
    <t>Ulaanbaatar</t>
  </si>
  <si>
    <t>-1.4953819513320923</t>
  </si>
  <si>
    <t>389.6755065917969</t>
  </si>
  <si>
    <t>-0.1133619914403301</t>
  </si>
  <si>
    <t>6670</t>
  </si>
  <si>
    <t>-1.473023772239685</t>
  </si>
  <si>
    <t>363.5841064453125</t>
  </si>
  <si>
    <t>-0.11808284078529674</t>
  </si>
  <si>
    <t>-1.48502779006958</t>
  </si>
  <si>
    <t>415.7075500488281</t>
  </si>
  <si>
    <t>-0.05153004615442924</t>
  </si>
  <si>
    <t>6356</t>
  </si>
  <si>
    <t>-0.7360982894897461</t>
  </si>
  <si>
    <t>406.80902099609375</t>
  </si>
  <si>
    <t>0.0033094349013662594</t>
  </si>
  <si>
    <t>-0.6676821112632751</t>
  </si>
  <si>
    <t>382.1599426269531</t>
  </si>
  <si>
    <t>0.04521760599329383</t>
  </si>
  <si>
    <t>-1.7019480466842651</t>
  </si>
  <si>
    <t>282.8152770996094</t>
  </si>
  <si>
    <t>0.004201686853699371</t>
  </si>
  <si>
    <t>-0.8278405666351318</t>
  </si>
  <si>
    <t>315.60223388671875</t>
  </si>
  <si>
    <t>0.021334142474991324</t>
  </si>
  <si>
    <t>0.05529854819178581</t>
  </si>
  <si>
    <t>337.5990295410156</t>
  </si>
  <si>
    <t>0.016716720406710905</t>
  </si>
  <si>
    <t>-0.9607279896736145</t>
  </si>
  <si>
    <t>330.07470703125</t>
  </si>
  <si>
    <t>0.014454634496228635</t>
  </si>
  <si>
    <t>-1.1870886087417603</t>
  </si>
  <si>
    <t>369.116943359375</t>
  </si>
  <si>
    <t>-0.0037010718404051346</t>
  </si>
  <si>
    <t>-0.23285265266895294</t>
  </si>
  <si>
    <t>327.5794372558594</t>
  </si>
  <si>
    <t>0.036958293596887515</t>
  </si>
  <si>
    <t>-0.5422368049621582</t>
  </si>
  <si>
    <t>265.3049621582031</t>
  </si>
  <si>
    <t>0.059880562127933246</t>
  </si>
  <si>
    <t>-1.1583201885223389</t>
  </si>
  <si>
    <t>334.0277404785156</t>
  </si>
  <si>
    <t>0.07347901804663692</t>
  </si>
  <si>
    <t>8064</t>
  </si>
  <si>
    <t>-0.4002198278903961</t>
  </si>
  <si>
    <t>233.12303161621094</t>
  </si>
  <si>
    <t>-0.03053112950143344</t>
  </si>
  <si>
    <t>-0.985088050365448</t>
  </si>
  <si>
    <t>300.3561706542969</t>
  </si>
  <si>
    <t>0.09954003806610956</t>
  </si>
  <si>
    <t>-0.32397642731666565</t>
  </si>
  <si>
    <t>320.83233642578125</t>
  </si>
  <si>
    <t>-0.020528081213948113</t>
  </si>
  <si>
    <t>0.8741591572761536</t>
  </si>
  <si>
    <t>271.8749694824219</t>
  </si>
  <si>
    <t>0.00742054892014643</t>
  </si>
  <si>
    <t>0.1426713913679123</t>
  </si>
  <si>
    <t>373.98431396484375</t>
  </si>
  <si>
    <t>0.10229622587774223</t>
  </si>
  <si>
    <t>-1.3113890886306763</t>
  </si>
  <si>
    <t>381.9150390625</t>
  </si>
  <si>
    <t>0.025346044570950355</t>
  </si>
  <si>
    <t>-2.0302317142486572</t>
  </si>
  <si>
    <t>320.9830627441406</t>
  </si>
  <si>
    <t>0.07759857641675794</t>
  </si>
  <si>
    <t>-1.4706565141677856</t>
  </si>
  <si>
    <t>364.2137451171875</t>
  </si>
  <si>
    <t>0.16589903726337063</t>
  </si>
  <si>
    <t>14116</t>
  </si>
  <si>
    <t>-1.9369721412658691</t>
  </si>
  <si>
    <t>372.48077392578125</t>
  </si>
  <si>
    <t>0.10232680458288179</t>
  </si>
  <si>
    <t>14494</t>
  </si>
  <si>
    <t>-0.23547695577144623</t>
  </si>
  <si>
    <t>377.5252990722656</t>
  </si>
  <si>
    <t>0.026425864874067173</t>
  </si>
  <si>
    <t>0.11174589395523071</t>
  </si>
  <si>
    <t>337.7056579589844</t>
  </si>
  <si>
    <t>0.0565334389815515</t>
  </si>
  <si>
    <t>-0.5505298376083374</t>
  </si>
  <si>
    <t>266.88690185546875</t>
  </si>
  <si>
    <t>0.009086841261980894</t>
  </si>
  <si>
    <t>-0.378561407327652</t>
  </si>
  <si>
    <t>365.2778625488281</t>
  </si>
  <si>
    <t>-0.0007756447935900468</t>
  </si>
  <si>
    <t>0.1762179136276245</t>
  </si>
  <si>
    <t>311.40679931640625</t>
  </si>
  <si>
    <t>0.019973777138284632</t>
  </si>
  <si>
    <t>16896</t>
  </si>
  <si>
    <t>0.1260634958744049</t>
  </si>
  <si>
    <t>376.74078369140625</t>
  </si>
  <si>
    <t>0.06852372424853392</t>
  </si>
  <si>
    <t>17169</t>
  </si>
  <si>
    <t>-0.1038319543004036</t>
  </si>
  <si>
    <t>339.2298583984375</t>
  </si>
  <si>
    <t>0.016028524571224168</t>
  </si>
  <si>
    <t>-0.3740140497684479</t>
  </si>
  <si>
    <t>425.997314453125</t>
  </si>
  <si>
    <t>-0.11335897291110442</t>
  </si>
  <si>
    <t>0.49300143122673035</t>
  </si>
  <si>
    <t>438.90087890625</t>
  </si>
  <si>
    <t>-0.0031362325608501607</t>
  </si>
  <si>
    <t>15761</t>
  </si>
  <si>
    <t>-0.6718590259552002</t>
  </si>
  <si>
    <t>405.808837890625</t>
  </si>
  <si>
    <t>0.03092830757028331</t>
  </si>
  <si>
    <t>-2.0702340602874756</t>
  </si>
  <si>
    <t>286.32720947265625</t>
  </si>
  <si>
    <t>48.35765838623047</t>
  </si>
  <si>
    <t>Uvs</t>
  </si>
  <si>
    <t>-2.5139896869659424</t>
  </si>
  <si>
    <t>316.6625671386719</t>
  </si>
  <si>
    <t>-0.11323412713001435</t>
  </si>
  <si>
    <t>-2.9168195724487305</t>
  </si>
  <si>
    <t>246.03305053710938</t>
  </si>
  <si>
    <t>-0.11830321631266383</t>
  </si>
  <si>
    <t>-2.708181381225586</t>
  </si>
  <si>
    <t>346.122314453125</t>
  </si>
  <si>
    <t>-0.05153979022638033</t>
  </si>
  <si>
    <t>-2.3559625148773193</t>
  </si>
  <si>
    <t>358.47509765625</t>
  </si>
  <si>
    <t>0.0035794221662222014</t>
  </si>
  <si>
    <t>-2.0932095050811768</t>
  </si>
  <si>
    <t>226.05567932128906</t>
  </si>
  <si>
    <t>0.04497592755890789</t>
  </si>
  <si>
    <t>2352</t>
  </si>
  <si>
    <t>-2.2291364669799805</t>
  </si>
  <si>
    <t>276.803955078125</t>
  </si>
  <si>
    <t>0.004260764860855026</t>
  </si>
  <si>
    <t>-1.4641720056533813</t>
  </si>
  <si>
    <t>306.7076416015625</t>
  </si>
  <si>
    <t>0.021451926717951153</t>
  </si>
  <si>
    <t>-0.3016955554485321</t>
  </si>
  <si>
    <t>276.8694763183594</t>
  </si>
  <si>
    <t>0.016508835521271692</t>
  </si>
  <si>
    <t>-1.510519027709961</t>
  </si>
  <si>
    <t>251.71109008789062</t>
  </si>
  <si>
    <t>0.014628460777450059</t>
  </si>
  <si>
    <t>-2.163469076156616</t>
  </si>
  <si>
    <t>309.02105712890625</t>
  </si>
  <si>
    <t>-0.0036371024131680585</t>
  </si>
  <si>
    <t>-1.3772554397583008</t>
  </si>
  <si>
    <t>271.53125</t>
  </si>
  <si>
    <t>0.05167783582662899</t>
  </si>
  <si>
    <t>2390</t>
  </si>
  <si>
    <t>-1.4125176668167114</t>
  </si>
  <si>
    <t>234.57354736328125</t>
  </si>
  <si>
    <t>-0.08460262052309542</t>
  </si>
  <si>
    <t>-2.735139846801758</t>
  </si>
  <si>
    <t>352.0262145996094</t>
  </si>
  <si>
    <t>0.11564220550006787</t>
  </si>
  <si>
    <t>-1.8517569303512573</t>
  </si>
  <si>
    <t>234.77919006347656</t>
  </si>
  <si>
    <t>0.1547362066850706</t>
  </si>
  <si>
    <t>2982</t>
  </si>
  <si>
    <t>-3.010775566101074</t>
  </si>
  <si>
    <t>274.135009765625</t>
  </si>
  <si>
    <t>-0.04907756178601019</t>
  </si>
  <si>
    <t>-1.3313039541244507</t>
  </si>
  <si>
    <t>263.518798828125</t>
  </si>
  <si>
    <t>-0.011806512586989726</t>
  </si>
  <si>
    <t>-1.1434763669967651</t>
  </si>
  <si>
    <t>235.7424774169922</t>
  </si>
  <si>
    <t>0.1549744230597856</t>
  </si>
  <si>
    <t>-1.1233292818069458</t>
  </si>
  <si>
    <t>246.96766662597656</t>
  </si>
  <si>
    <t>0.07769268812758945</t>
  </si>
  <si>
    <t>-2.530395746231079</t>
  </si>
  <si>
    <t>274.6330261230469</t>
  </si>
  <si>
    <t>-0.2052222828978323</t>
  </si>
  <si>
    <t>-3.3288633823394775</t>
  </si>
  <si>
    <t>314.67376708984375</t>
  </si>
  <si>
    <t>0.04360451786030772</t>
  </si>
  <si>
    <t>-2.693430185317993</t>
  </si>
  <si>
    <t>230.6376495361328</t>
  </si>
  <si>
    <t>0.1762983970409504</t>
  </si>
  <si>
    <t>-2.672966718673706</t>
  </si>
  <si>
    <t>346.7133483886719</t>
  </si>
  <si>
    <t>0.09376734164090017</t>
  </si>
  <si>
    <t>-1.2426468133926392</t>
  </si>
  <si>
    <t>351.6207275390625</t>
  </si>
  <si>
    <t>0.21651123208335932</t>
  </si>
  <si>
    <t>-1.676918625831604</t>
  </si>
  <si>
    <t>252.45254516601562</t>
  </si>
  <si>
    <t>0.10782493325562825</t>
  </si>
  <si>
    <t>-1.6531308889389038</t>
  </si>
  <si>
    <t>279.91473388671875</t>
  </si>
  <si>
    <t>-0.002969693858625888</t>
  </si>
  <si>
    <t>-1.4945589303970337</t>
  </si>
  <si>
    <t>336.409423828125</t>
  </si>
  <si>
    <t>-0.14793027201302067</t>
  </si>
  <si>
    <t>-1.1068705320358276</t>
  </si>
  <si>
    <t>236.35552978515625</t>
  </si>
  <si>
    <t>-0.08329342162914877</t>
  </si>
  <si>
    <t>-1.5311285257339478</t>
  </si>
  <si>
    <t>269.13433837890625</t>
  </si>
  <si>
    <t>0.09679216593661799</t>
  </si>
  <si>
    <t>-1.3751487731933594</t>
  </si>
  <si>
    <t>339.2645568847656</t>
  </si>
  <si>
    <t>-0.0006005405044877676</t>
  </si>
  <si>
    <t>-1.4329614639282227</t>
  </si>
  <si>
    <t>383.570556640625</t>
  </si>
  <si>
    <t>0.12377227296470039</t>
  </si>
  <si>
    <t>5634</t>
  </si>
  <si>
    <t>-0.7080243229866028</t>
  </si>
  <si>
    <t>314.69378662109375</t>
  </si>
  <si>
    <t>-0.003189795368101045</t>
  </si>
  <si>
    <t>-1.614244818687439</t>
  </si>
  <si>
    <t>179.88255310058594</t>
  </si>
  <si>
    <t>0.030933003638788037</t>
  </si>
  <si>
    <t>3559</t>
  </si>
  <si>
    <t>5.992930889129639</t>
  </si>
  <si>
    <t>110.20046997070312</t>
  </si>
  <si>
    <t>22.777633666992188</t>
  </si>
  <si>
    <t>Ömnögovi</t>
  </si>
  <si>
    <t>5.422275066375732</t>
  </si>
  <si>
    <t>101.91756439208984</t>
  </si>
  <si>
    <t>-0.11322753841353261</t>
  </si>
  <si>
    <t>5.165359020233154</t>
  </si>
  <si>
    <t>97.8770523071289</t>
  </si>
  <si>
    <t>-0.11809774848352816</t>
  </si>
  <si>
    <t>5.006035327911377</t>
  </si>
  <si>
    <t>116.13190460205078</t>
  </si>
  <si>
    <t>-0.05159153477150902</t>
  </si>
  <si>
    <t>6.012636661529541</t>
  </si>
  <si>
    <t>130.80166625976562</t>
  </si>
  <si>
    <t>6.005954742431641</t>
  </si>
  <si>
    <t>108.60853576660156</t>
  </si>
  <si>
    <t>0.04540456655102698</t>
  </si>
  <si>
    <t>5.241335391998291</t>
  </si>
  <si>
    <t>126.4432144165039</t>
  </si>
  <si>
    <t>0.0038986404156577947</t>
  </si>
  <si>
    <t>5.89039945602417</t>
  </si>
  <si>
    <t>123.8887939453125</t>
  </si>
  <si>
    <t>0.021348142319125962</t>
  </si>
  <si>
    <t>2937</t>
  </si>
  <si>
    <t>7.074928283691406</t>
  </si>
  <si>
    <t>109.19810485839844</t>
  </si>
  <si>
    <t>0.0168244311859036</t>
  </si>
  <si>
    <t>5.967936992645264</t>
  </si>
  <si>
    <t>106.87832641601562</t>
  </si>
  <si>
    <t>0.014534648300830177</t>
  </si>
  <si>
    <t>5.843937397003174</t>
  </si>
  <si>
    <t>79.42106628417969</t>
  </si>
  <si>
    <t>-0.003698104735690322</t>
  </si>
  <si>
    <t>6.830215930938721</t>
  </si>
  <si>
    <t>93.05706024169922</t>
  </si>
  <si>
    <t>0.009720203898782032</t>
  </si>
  <si>
    <t>6.37114953994751</t>
  </si>
  <si>
    <t>80.14733123779297</t>
  </si>
  <si>
    <t>-0.2030826152198708</t>
  </si>
  <si>
    <t>5.658615589141846</t>
  </si>
  <si>
    <t>129.15597534179688</t>
  </si>
  <si>
    <t>-0.3844372407158838</t>
  </si>
  <si>
    <t>6.283926486968994</t>
  </si>
  <si>
    <t>83.51235961914062</t>
  </si>
  <si>
    <t>0.8340046132765409</t>
  </si>
  <si>
    <t>5.802683353424072</t>
  </si>
  <si>
    <t>60.34773635864258</t>
  </si>
  <si>
    <t>0.19351175370783835</t>
  </si>
  <si>
    <t>6.700369358062744</t>
  </si>
  <si>
    <t>81.84989929199219</t>
  </si>
  <si>
    <t>0.028379710631442734</t>
  </si>
  <si>
    <t>7.344650745391846</t>
  </si>
  <si>
    <t>98.3379898071289</t>
  </si>
  <si>
    <t>0.1816601005216878</t>
  </si>
  <si>
    <t>6055</t>
  </si>
  <si>
    <t>6.771386623382568</t>
  </si>
  <si>
    <t>104.8560791015625</t>
  </si>
  <si>
    <t>0.052902655122895936</t>
  </si>
  <si>
    <t>7351</t>
  </si>
  <si>
    <t>5.743591785430908</t>
  </si>
  <si>
    <t>58.008941650390625</t>
  </si>
  <si>
    <t>0.19395198138689373</t>
  </si>
  <si>
    <t>8459</t>
  </si>
  <si>
    <t>4.960550785064697</t>
  </si>
  <si>
    <t>82.6438980102539</t>
  </si>
  <si>
    <t>0.14039460492992717</t>
  </si>
  <si>
    <t>10828</t>
  </si>
  <si>
    <t>5.5880913734436035</t>
  </si>
  <si>
    <t>80.8893814086914</t>
  </si>
  <si>
    <t>0.24690440843017747</t>
  </si>
  <si>
    <t>9328</t>
  </si>
  <si>
    <t>5.115206241607666</t>
  </si>
  <si>
    <t>124.85049438476562</t>
  </si>
  <si>
    <t>-0.14911474214391873</t>
  </si>
  <si>
    <t>6.71171760559082</t>
  </si>
  <si>
    <t>93.17112731933594</t>
  </si>
  <si>
    <t>0.1640561264786271</t>
  </si>
  <si>
    <t>6.6696648597717285</t>
  </si>
  <si>
    <t>93.66093444824219</t>
  </si>
  <si>
    <t>-0.2737379533697446</t>
  </si>
  <si>
    <t>6817</t>
  </si>
  <si>
    <t>6.182669162750244</t>
  </si>
  <si>
    <t>110.48341369628906</t>
  </si>
  <si>
    <t>-0.20391931033637078</t>
  </si>
  <si>
    <t>6.513078212738037</t>
  </si>
  <si>
    <t>138.41986083984375</t>
  </si>
  <si>
    <t>0.33345000836746586</t>
  </si>
  <si>
    <t>6.908798694610596</t>
  </si>
  <si>
    <t>84.94003295898438</t>
  </si>
  <si>
    <t>0.3833982272583967</t>
  </si>
  <si>
    <t>6.734737396240234</t>
  </si>
  <si>
    <t>147.22080993652344</t>
  </si>
  <si>
    <t>-0.16698245912146703</t>
  </si>
  <si>
    <t>12755</t>
  </si>
  <si>
    <t>6.580183029174805</t>
  </si>
  <si>
    <t>96.54676055908203</t>
  </si>
  <si>
    <t>0.0766380827087314</t>
  </si>
  <si>
    <t>15166</t>
  </si>
  <si>
    <t>6.3530354499816895</t>
  </si>
  <si>
    <t>76.20551300048828</t>
  </si>
  <si>
    <t>0.1731327286849691</t>
  </si>
  <si>
    <t>15119</t>
  </si>
  <si>
    <t>7.137697219848633</t>
  </si>
  <si>
    <t>83.38587188720703</t>
  </si>
  <si>
    <t>-0.003103849280678972</t>
  </si>
  <si>
    <t>6.252178192138672</t>
  </si>
  <si>
    <t>74.14636993408203</t>
  </si>
  <si>
    <t>0.03093399388934337</t>
  </si>
  <si>
    <t>1901</t>
  </si>
  <si>
    <t>1.2518216371536255</t>
  </si>
  <si>
    <t>289.9931335449219</t>
  </si>
  <si>
    <t>49.8132209777832</t>
  </si>
  <si>
    <t>Övörhangay</t>
  </si>
  <si>
    <t>0.7369594573974609</t>
  </si>
  <si>
    <t>278.8853454589844</t>
  </si>
  <si>
    <t>-0.11313546725983681</t>
  </si>
  <si>
    <t>0.410067081451416</t>
  </si>
  <si>
    <t>236.2703094482422</t>
  </si>
  <si>
    <t>-0.11797625370354936</t>
  </si>
  <si>
    <t>0.24956554174423218</t>
  </si>
  <si>
    <t>321.3899230957031</t>
  </si>
  <si>
    <t>-0.05175106505244553</t>
  </si>
  <si>
    <t>1.0492922067642212</t>
  </si>
  <si>
    <t>331.0966796875</t>
  </si>
  <si>
    <t>0.003200002730670448</t>
  </si>
  <si>
    <t>1.37485933303833</t>
  </si>
  <si>
    <t>235.6536407470703</t>
  </si>
  <si>
    <t>0.04550294326243787</t>
  </si>
  <si>
    <t>0.5627562403678894</t>
  </si>
  <si>
    <t>233.7849884033203</t>
  </si>
  <si>
    <t>0.003917306423923961</t>
  </si>
  <si>
    <t>1.2626415491104126</t>
  </si>
  <si>
    <t>259.5900573730469</t>
  </si>
  <si>
    <t>0.021487719736689392</t>
  </si>
  <si>
    <t>2.509178400039673</t>
  </si>
  <si>
    <t>304.7494812011719</t>
  </si>
  <si>
    <t>0.01686380605200455</t>
  </si>
  <si>
    <t>1.146129846572876</t>
  </si>
  <si>
    <t>272.7015686035156</t>
  </si>
  <si>
    <t>0.014113974433473508</t>
  </si>
  <si>
    <t>0.977903425693512</t>
  </si>
  <si>
    <t>198.07481384277344</t>
  </si>
  <si>
    <t>-0.003716708800512336</t>
  </si>
  <si>
    <t>1.9979887008666992</t>
  </si>
  <si>
    <t>199.14874267578125</t>
  </si>
  <si>
    <t>-0.05966831463974387</t>
  </si>
  <si>
    <t>1.584232211112976</t>
  </si>
  <si>
    <t>162.2808074951172</t>
  </si>
  <si>
    <t>-0.09918240148683388</t>
  </si>
  <si>
    <t>0.8705575466156006</t>
  </si>
  <si>
    <t>310.1136779785156</t>
  </si>
  <si>
    <t>0.0450419818122505</t>
  </si>
  <si>
    <t>1.4294157028198242</t>
  </si>
  <si>
    <t>192.71937561035156</t>
  </si>
  <si>
    <t>0.2377786323532849</t>
  </si>
  <si>
    <t>0.8680572509765625</t>
  </si>
  <si>
    <t>238.88299560546875</t>
  </si>
  <si>
    <t>0.011989244428520784</t>
  </si>
  <si>
    <t>1.9386898279190063</t>
  </si>
  <si>
    <t>181.15414428710938</t>
  </si>
  <si>
    <t>-0.08317750647890776</t>
  </si>
  <si>
    <t>2.5528810024261475</t>
  </si>
  <si>
    <t>240.84432983398438</t>
  </si>
  <si>
    <t>0.16829109246923224</t>
  </si>
  <si>
    <t>2.1529946327209473</t>
  </si>
  <si>
    <t>207.0425262451172</t>
  </si>
  <si>
    <t>0.12808541271332174</t>
  </si>
  <si>
    <t>3509</t>
  </si>
  <si>
    <t>0.9191694259643555</t>
  </si>
  <si>
    <t>191.88641357421875</t>
  </si>
  <si>
    <t>0.023645853708607945</t>
  </si>
  <si>
    <t>0.050097983330488205</t>
  </si>
  <si>
    <t>235.1118927001953</t>
  </si>
  <si>
    <t>-0.4515373959540696</t>
  </si>
  <si>
    <t>0.5105001926422119</t>
  </si>
  <si>
    <t>270.28057861328125</t>
  </si>
  <si>
    <t>0.21901687460481867</t>
  </si>
  <si>
    <t>0.13094912469387054</t>
  </si>
  <si>
    <t>266.699951171875</t>
  </si>
  <si>
    <t>0.19713399858380676</t>
  </si>
  <si>
    <t>1.9130316972732544</t>
  </si>
  <si>
    <t>258.4962463378906</t>
  </si>
  <si>
    <t>0.3707181832721318</t>
  </si>
  <si>
    <t>1.7966464757919312</t>
  </si>
  <si>
    <t>259.78924560546875</t>
  </si>
  <si>
    <t>0.0239616820136348</t>
  </si>
  <si>
    <t>5542</t>
  </si>
  <si>
    <t>1.5847845077514648</t>
  </si>
  <si>
    <t>217.54409790039062</t>
  </si>
  <si>
    <t>0.09773100731938555</t>
  </si>
  <si>
    <t>1.6895689964294434</t>
  </si>
  <si>
    <t>351.94024658203125</t>
  </si>
  <si>
    <t>-0.05508020459252627</t>
  </si>
  <si>
    <t>2.334632158279419</t>
  </si>
  <si>
    <t>172.8049774169922</t>
  </si>
  <si>
    <t>-0.012663254406506397</t>
  </si>
  <si>
    <t>2.124112606048584</t>
  </si>
  <si>
    <t>297.3816223144531</t>
  </si>
  <si>
    <t>-0.025619862202841404</t>
  </si>
  <si>
    <t>1.9396963119506836</t>
  </si>
  <si>
    <t>221.30909729003906</t>
  </si>
  <si>
    <t>0.14351016292202523</t>
  </si>
  <si>
    <t>5753</t>
  </si>
  <si>
    <t>1.8979841470718384</t>
  </si>
  <si>
    <t>234.2567901611328</t>
  </si>
  <si>
    <t>-0.012780830279782052</t>
  </si>
  <si>
    <t>2.510218620300293</t>
  </si>
  <si>
    <t>290.9951171875</t>
  </si>
  <si>
    <t>-0.003133707299822319</t>
  </si>
  <si>
    <t>1.4691632986068726</t>
  </si>
  <si>
    <t>206.7764892578125</t>
  </si>
  <si>
    <t>0.031072794267219095</t>
  </si>
  <si>
    <t>MOZ</t>
  </si>
  <si>
    <t>25.31587791442871</t>
  </si>
  <si>
    <t>926.5172119140625</t>
  </si>
  <si>
    <t>471.0995178222656</t>
  </si>
  <si>
    <t>Cabo Delgado</t>
  </si>
  <si>
    <t>Mozambique</t>
  </si>
  <si>
    <t>298</t>
  </si>
  <si>
    <t>25.109811782836914</t>
  </si>
  <si>
    <t>1301.6666259765625</t>
  </si>
  <si>
    <t>0.027212563524884992</t>
  </si>
  <si>
    <t>25.372831344604492</t>
  </si>
  <si>
    <t>1041.8492431640625</t>
  </si>
  <si>
    <t>-0.09867152750702957</t>
  </si>
  <si>
    <t>25.229177474975586</t>
  </si>
  <si>
    <t>1003.5921630859375</t>
  </si>
  <si>
    <t>0.0749013081731178</t>
  </si>
  <si>
    <t>25.243986129760742</t>
  </si>
  <si>
    <t>967.1279296875</t>
  </si>
  <si>
    <t>0.010256500167188598</t>
  </si>
  <si>
    <t>25.51227378845215</t>
  </si>
  <si>
    <t>866.3641967773438</t>
  </si>
  <si>
    <t>-0.024097551579060017</t>
  </si>
  <si>
    <t>25.198537826538086</t>
  </si>
  <si>
    <t>876.7299194335938</t>
  </si>
  <si>
    <t>25.317155838012695</t>
  </si>
  <si>
    <t>1320.9886474609375</t>
  </si>
  <si>
    <t>-0.006514681021193347</t>
  </si>
  <si>
    <t>25.705904006958008</t>
  </si>
  <si>
    <t>827.8759765625</t>
  </si>
  <si>
    <t>0.1680591098733908</t>
  </si>
  <si>
    <t>25.190393447875977</t>
  </si>
  <si>
    <t>0.05639077735487419</t>
  </si>
  <si>
    <t>25.123899459838867</t>
  </si>
  <si>
    <t>1089.5177001953125</t>
  </si>
  <si>
    <t>-0.10159621412292097</t>
  </si>
  <si>
    <t>380</t>
  </si>
  <si>
    <t>25.383291244506836</t>
  </si>
  <si>
    <t>999.4146728515625</t>
  </si>
  <si>
    <t>25.496389389038086</t>
  </si>
  <si>
    <t>1025.467529296875</t>
  </si>
  <si>
    <t>0.12361395596717628</t>
  </si>
  <si>
    <t>25.47809410095215</t>
  </si>
  <si>
    <t>766.1049194335938</t>
  </si>
  <si>
    <t>0.08681755975867134</t>
  </si>
  <si>
    <t>502</t>
  </si>
  <si>
    <t>25.276968002319336</t>
  </si>
  <si>
    <t>1211.623779296875</t>
  </si>
  <si>
    <t>0.0679973512454497</t>
  </si>
  <si>
    <t>25.69647216796875</t>
  </si>
  <si>
    <t>754.9943237304688</t>
  </si>
  <si>
    <t>0.03330376347415953</t>
  </si>
  <si>
    <t>25.391088485717773</t>
  </si>
  <si>
    <t>1102.7308349609375</t>
  </si>
  <si>
    <t>0.09373247766270776</t>
  </si>
  <si>
    <t>584</t>
  </si>
  <si>
    <t>25.56596565246582</t>
  </si>
  <si>
    <t>1043.479248046875</t>
  </si>
  <si>
    <t>0.024264621999630975</t>
  </si>
  <si>
    <t>25.339561462402344</t>
  </si>
  <si>
    <t>980.0319213867188</t>
  </si>
  <si>
    <t>0.053345980705292284</t>
  </si>
  <si>
    <t>644</t>
  </si>
  <si>
    <t>25.553186416625977</t>
  </si>
  <si>
    <t>868.240966796875</t>
  </si>
  <si>
    <t>25.67100715637207</t>
  </si>
  <si>
    <t>978.1808471679688</t>
  </si>
  <si>
    <t>0.08052037665801848</t>
  </si>
  <si>
    <t>25.339813232421875</t>
  </si>
  <si>
    <t>1140.3153076171875</t>
  </si>
  <si>
    <t>0.06650649744138803</t>
  </si>
  <si>
    <t>763</t>
  </si>
  <si>
    <t>25.44822883605957</t>
  </si>
  <si>
    <t>1005.2457275390625</t>
  </si>
  <si>
    <t>0.02253243108069647</t>
  </si>
  <si>
    <t>25.401254653930664</t>
  </si>
  <si>
    <t>935.2164306640625</t>
  </si>
  <si>
    <t>1.7600248634592237</t>
  </si>
  <si>
    <t>849</t>
  </si>
  <si>
    <t>25.48056983947754</t>
  </si>
  <si>
    <t>1112.2279052734375</t>
  </si>
  <si>
    <t>-1.653223708432333</t>
  </si>
  <si>
    <t>25.782175064086914</t>
  </si>
  <si>
    <t>1327.6085205078125</t>
  </si>
  <si>
    <t>0.09220009096571946</t>
  </si>
  <si>
    <t>25.63482093811035</t>
  </si>
  <si>
    <t>844.43408203125</t>
  </si>
  <si>
    <t>0.035868824061918936</t>
  </si>
  <si>
    <t>25.6553897857666</t>
  </si>
  <si>
    <t>1563.319580078125</t>
  </si>
  <si>
    <t>-0.040174535773131126</t>
  </si>
  <si>
    <t>793</t>
  </si>
  <si>
    <t>25.624589920043945</t>
  </si>
  <si>
    <t>965.15234375</t>
  </si>
  <si>
    <t>-0.15613034393100733</t>
  </si>
  <si>
    <t>748</t>
  </si>
  <si>
    <t>25.812028884887695</t>
  </si>
  <si>
    <t>1215.994140625</t>
  </si>
  <si>
    <t>-0.05842024366037002</t>
  </si>
  <si>
    <t>25.862424850463867</t>
  </si>
  <si>
    <t>821.6607666015625</t>
  </si>
  <si>
    <t>-0.039541620253430665</t>
  </si>
  <si>
    <t>717</t>
  </si>
  <si>
    <t>25.651885986328125</t>
  </si>
  <si>
    <t>1208.5836181640625</t>
  </si>
  <si>
    <t>-0.002785517121426828</t>
  </si>
  <si>
    <t>729</t>
  </si>
  <si>
    <t>25.490694046020508</t>
  </si>
  <si>
    <t>1082.744873046875</t>
  </si>
  <si>
    <t>23.44407081604004</t>
  </si>
  <si>
    <t>564.1910400390625</t>
  </si>
  <si>
    <t>368.8786926269531</t>
  </si>
  <si>
    <t>Gaza</t>
  </si>
  <si>
    <t>23.591352462768555</t>
  </si>
  <si>
    <t>589.0472412109375</t>
  </si>
  <si>
    <t>24.3120174407959</t>
  </si>
  <si>
    <t>483.8318786621094</t>
  </si>
  <si>
    <t>23.842599868774414</t>
  </si>
  <si>
    <t>901.8034057617188</t>
  </si>
  <si>
    <t>0.07145896398214457</t>
  </si>
  <si>
    <t>23.18328857421875</t>
  </si>
  <si>
    <t>581.533203125</t>
  </si>
  <si>
    <t>0.013698844358161821</t>
  </si>
  <si>
    <t>23.618013381958008</t>
  </si>
  <si>
    <t>724.2235107421875</t>
  </si>
  <si>
    <t>23.287458419799805</t>
  </si>
  <si>
    <t>851.22021484375</t>
  </si>
  <si>
    <t>23.409406661987305</t>
  </si>
  <si>
    <t>943.7711181640625</t>
  </si>
  <si>
    <t>0.1504332034271263</t>
  </si>
  <si>
    <t>391</t>
  </si>
  <si>
    <t>23.97612762451172</t>
  </si>
  <si>
    <t>847.146484375</t>
  </si>
  <si>
    <t>0.08817457358466552</t>
  </si>
  <si>
    <t>23.616432189941406</t>
  </si>
  <si>
    <t>1030.21044921875</t>
  </si>
  <si>
    <t>0.10433697411503928</t>
  </si>
  <si>
    <t>23.13334083557129</t>
  </si>
  <si>
    <t>1199.6253662109375</t>
  </si>
  <si>
    <t>0.15546646949077836</t>
  </si>
  <si>
    <t>23.43287467956543</t>
  </si>
  <si>
    <t>1021.0859985351562</t>
  </si>
  <si>
    <t>0.1047686245485071</t>
  </si>
  <si>
    <t>606</t>
  </si>
  <si>
    <t>23.629030227661133</t>
  </si>
  <si>
    <t>514.00830078125</t>
  </si>
  <si>
    <t>0.0736003579296236</t>
  </si>
  <si>
    <t>23.854949951171875</t>
  </si>
  <si>
    <t>724.37109375</t>
  </si>
  <si>
    <t>0.054588190284403204</t>
  </si>
  <si>
    <t>23.86743927001953</t>
  </si>
  <si>
    <t>807.9527587890625</t>
  </si>
  <si>
    <t>0.059152951204978876</t>
  </si>
  <si>
    <t>24.30283546447754</t>
  </si>
  <si>
    <t>714.8758544921875</t>
  </si>
  <si>
    <t>0.03331227646711454</t>
  </si>
  <si>
    <t>23.705251693725586</t>
  </si>
  <si>
    <t>727.69384765625</t>
  </si>
  <si>
    <t>0.08332462725864609</t>
  </si>
  <si>
    <t>820</t>
  </si>
  <si>
    <t>23.87300682067871</t>
  </si>
  <si>
    <t>679.901123046875</t>
  </si>
  <si>
    <t>0.07204630897384146</t>
  </si>
  <si>
    <t>881</t>
  </si>
  <si>
    <t>23.86454200744629</t>
  </si>
  <si>
    <t>795.445556640625</t>
  </si>
  <si>
    <t>0.07175328567788153</t>
  </si>
  <si>
    <t>23.848007202148438</t>
  </si>
  <si>
    <t>770.287353515625</t>
  </si>
  <si>
    <t>0.04331604410690648</t>
  </si>
  <si>
    <t>24.029802322387695</t>
  </si>
  <si>
    <t>677.2949829101562</t>
  </si>
  <si>
    <t>0.0320883145515003</t>
  </si>
  <si>
    <t>23.79808807373047</t>
  </si>
  <si>
    <t>734.8753662109375</t>
  </si>
  <si>
    <t>0.060253035759021856</t>
  </si>
  <si>
    <t>24.07746696472168</t>
  </si>
  <si>
    <t>819.3283081054688</t>
  </si>
  <si>
    <t>0.030260971781809864</t>
  </si>
  <si>
    <t>23.832609176635742</t>
  </si>
  <si>
    <t>627.6258544921875</t>
  </si>
  <si>
    <t>-0.26486739468560927</t>
  </si>
  <si>
    <t>23.931182861328125</t>
  </si>
  <si>
    <t>709.9581298828125</t>
  </si>
  <si>
    <t>0.28674178089213864</t>
  </si>
  <si>
    <t>24.4757137298584</t>
  </si>
  <si>
    <t>657.17431640625</t>
  </si>
  <si>
    <t>0.08040446291388914</t>
  </si>
  <si>
    <t>1197</t>
  </si>
  <si>
    <t>24.282594680786133</t>
  </si>
  <si>
    <t>855.0323486328125</t>
  </si>
  <si>
    <t>0.038318864302135935</t>
  </si>
  <si>
    <t>23.92481803894043</t>
  </si>
  <si>
    <t>692.8485717773438</t>
  </si>
  <si>
    <t>-0.041797128678461526</t>
  </si>
  <si>
    <t>1279</t>
  </si>
  <si>
    <t>24.38509178161621</t>
  </si>
  <si>
    <t>836.776123046875</t>
  </si>
  <si>
    <t>0.10805722469933166</t>
  </si>
  <si>
    <t>24.63962745666504</t>
  </si>
  <si>
    <t>624.0960693359375</t>
  </si>
  <si>
    <t>0.034578934918110704</t>
  </si>
  <si>
    <t>23.98455238342285</t>
  </si>
  <si>
    <t>719.8353881835938</t>
  </si>
  <si>
    <t>-0.03849590036484507</t>
  </si>
  <si>
    <t>23.782867431640625</t>
  </si>
  <si>
    <t>829.9892578125</t>
  </si>
  <si>
    <t>-0.0031446566794715025</t>
  </si>
  <si>
    <t>24.12647819519043</t>
  </si>
  <si>
    <t>876.21826171875</t>
  </si>
  <si>
    <t>0.016400211394005382</t>
  </si>
  <si>
    <t>23.721778869628906</t>
  </si>
  <si>
    <t>631.2615966796875</t>
  </si>
  <si>
    <t>465.2581481933594</t>
  </si>
  <si>
    <t>Inhambane</t>
  </si>
  <si>
    <t>23.856964111328125</t>
  </si>
  <si>
    <t>732.5285034179688</t>
  </si>
  <si>
    <t>0.025533302005164238</t>
  </si>
  <si>
    <t>24.59208106994629</t>
  </si>
  <si>
    <t>613.6065063476562</t>
  </si>
  <si>
    <t>-0.0969922659873097</t>
  </si>
  <si>
    <t>24.1329345703125</t>
  </si>
  <si>
    <t>1097.40625</t>
  </si>
  <si>
    <t>0.07432840641009797</t>
  </si>
  <si>
    <t>23.45894432067871</t>
  </si>
  <si>
    <t>625.8257446289062</t>
  </si>
  <si>
    <t>0.011396134730869534</t>
  </si>
  <si>
    <t>23.97525978088379</t>
  </si>
  <si>
    <t>775.27392578125</t>
  </si>
  <si>
    <t>-0.025826399559898405</t>
  </si>
  <si>
    <t>369</t>
  </si>
  <si>
    <t>23.6306209564209</t>
  </si>
  <si>
    <t>985.8955078125</t>
  </si>
  <si>
    <t>0.07015498666712894</t>
  </si>
  <si>
    <t>23.762191772460938</t>
  </si>
  <si>
    <t>988.7296142578125</t>
  </si>
  <si>
    <t>0.05791091594483877</t>
  </si>
  <si>
    <t>24.25720977783203</t>
  </si>
  <si>
    <t>990.5184936523438</t>
  </si>
  <si>
    <t>0.03270731797578463</t>
  </si>
  <si>
    <t>23.8496150970459</t>
  </si>
  <si>
    <t>1131.266845703125</t>
  </si>
  <si>
    <t>0.10783270480321505</t>
  </si>
  <si>
    <t>23.49846839904785</t>
  </si>
  <si>
    <t>1355.6876220703125</t>
  </si>
  <si>
    <t>0.2520548948086301</t>
  </si>
  <si>
    <t>23.729814529418945</t>
  </si>
  <si>
    <t>1222.961669921875</t>
  </si>
  <si>
    <t>0.10639624853135832</t>
  </si>
  <si>
    <t>703</t>
  </si>
  <si>
    <t>23.90630531311035</t>
  </si>
  <si>
    <t>723.855712890625</t>
  </si>
  <si>
    <t>0.08765816570631113</t>
  </si>
  <si>
    <t>737</t>
  </si>
  <si>
    <t>24.13694190979004</t>
  </si>
  <si>
    <t>876.2671508789062</t>
  </si>
  <si>
    <t>0.04723100037867134</t>
  </si>
  <si>
    <t>24.114952087402344</t>
  </si>
  <si>
    <t>894.1810913085938</t>
  </si>
  <si>
    <t>0.11763226294595874</t>
  </si>
  <si>
    <t>885</t>
  </si>
  <si>
    <t>24.57000732421875</t>
  </si>
  <si>
    <t>853.5369873046875</t>
  </si>
  <si>
    <t>0.06536748987263419</t>
  </si>
  <si>
    <t>24.054685592651367</t>
  </si>
  <si>
    <t>855.7582397460938</t>
  </si>
  <si>
    <t>0.10908239442555256</t>
  </si>
  <si>
    <t>24.176286697387695</t>
  </si>
  <si>
    <t>837.3551635742188</t>
  </si>
  <si>
    <t>0.07041030616792465</t>
  </si>
  <si>
    <t>24.179182052612305</t>
  </si>
  <si>
    <t>842.4515380859375</t>
  </si>
  <si>
    <t>0.05421630811363798</t>
  </si>
  <si>
    <t>24.211515426635742</t>
  </si>
  <si>
    <t>814.4407348632812</t>
  </si>
  <si>
    <t>0.04375150967312802</t>
  </si>
  <si>
    <t>24.32279396057129</t>
  </si>
  <si>
    <t>869.3450927734375</t>
  </si>
  <si>
    <t>0.22656235806299474</t>
  </si>
  <si>
    <t>24.05931282043457</t>
  </si>
  <si>
    <t>833.1929321289062</t>
  </si>
  <si>
    <t>0.06985711680445394</t>
  </si>
  <si>
    <t>24.33293342590332</t>
  </si>
  <si>
    <t>868.4779663085938</t>
  </si>
  <si>
    <t>0.05450265193482284</t>
  </si>
  <si>
    <t>24.008455276489258</t>
  </si>
  <si>
    <t>818.9855346679688</t>
  </si>
  <si>
    <t>-0.2782829431623002</t>
  </si>
  <si>
    <t>24.190155029296875</t>
  </si>
  <si>
    <t>924.3366088867188</t>
  </si>
  <si>
    <t>0.36040999814781216</t>
  </si>
  <si>
    <t>24.604019165039062</t>
  </si>
  <si>
    <t>586.2391967773438</t>
  </si>
  <si>
    <t>0.057713506832275385</t>
  </si>
  <si>
    <t>24.3646297454834</t>
  </si>
  <si>
    <t>937.8966674804688</t>
  </si>
  <si>
    <t>0.039563341113058925</t>
  </si>
  <si>
    <t>24.07769012451172</t>
  </si>
  <si>
    <t>821.4553833007812</t>
  </si>
  <si>
    <t>0.08541480507786314</t>
  </si>
  <si>
    <t>24.53956413269043</t>
  </si>
  <si>
    <t>918.26171875</t>
  </si>
  <si>
    <t>0.19595012697265712</t>
  </si>
  <si>
    <t>24.733671188354492</t>
  </si>
  <si>
    <t>692.1227416992188</t>
  </si>
  <si>
    <t>0.24644411690701773</t>
  </si>
  <si>
    <t>24.286909103393555</t>
  </si>
  <si>
    <t>802.8640747070312</t>
  </si>
  <si>
    <t>-0.03878098815258468</t>
  </si>
  <si>
    <t>24.109800338745117</t>
  </si>
  <si>
    <t>860.9849853515625</t>
  </si>
  <si>
    <t>-0.0030940618742825166</t>
  </si>
  <si>
    <t>24.29587745666504</t>
  </si>
  <si>
    <t>1029.528076171875</t>
  </si>
  <si>
    <t>0.017204725449632363</t>
  </si>
  <si>
    <t>23.274606704711914</t>
  </si>
  <si>
    <t>695.7662353515625</t>
  </si>
  <si>
    <t>342.0237731933594</t>
  </si>
  <si>
    <t>Manica</t>
  </si>
  <si>
    <t>23.266969680786133</t>
  </si>
  <si>
    <t>645.4165649414062</t>
  </si>
  <si>
    <t>0.028348355004255588</t>
  </si>
  <si>
    <t>23.772504806518555</t>
  </si>
  <si>
    <t>720.494140625</t>
  </si>
  <si>
    <t>-0.09779774327612678</t>
  </si>
  <si>
    <t>23.468843460083008</t>
  </si>
  <si>
    <t>1101.9473876953125</t>
  </si>
  <si>
    <t>0.07263918363997135</t>
  </si>
  <si>
    <t>22.98565101623535</t>
  </si>
  <si>
    <t>621.1970825195312</t>
  </si>
  <si>
    <t>0.012658396871923827</t>
  </si>
  <si>
    <t>23.683401107788086</t>
  </si>
  <si>
    <t>989.5619506835938</t>
  </si>
  <si>
    <t>-0.02547908530098475</t>
  </si>
  <si>
    <t>23.158109664916992</t>
  </si>
  <si>
    <t>1113.6534423828125</t>
  </si>
  <si>
    <t>0.07157019250125174</t>
  </si>
  <si>
    <t>23.207117080688477</t>
  </si>
  <si>
    <t>1217.31884765625</t>
  </si>
  <si>
    <t>0.17579379070674683</t>
  </si>
  <si>
    <t>23.59642791748047</t>
  </si>
  <si>
    <t>1077.5662841796875</t>
  </si>
  <si>
    <t>0.1981486260294414</t>
  </si>
  <si>
    <t>23.140167236328125</t>
  </si>
  <si>
    <t>0.12053406902827302</t>
  </si>
  <si>
    <t>508</t>
  </si>
  <si>
    <t>23.013051986694336</t>
  </si>
  <si>
    <t>1293.20751953125</t>
  </si>
  <si>
    <t>-0.07213752816642316</t>
  </si>
  <si>
    <t>23.332914352416992</t>
  </si>
  <si>
    <t>1315.4849853515625</t>
  </si>
  <si>
    <t>0.07761699393104848</t>
  </si>
  <si>
    <t>587</t>
  </si>
  <si>
    <t>23.560392379760742</t>
  </si>
  <si>
    <t>772.2630004882812</t>
  </si>
  <si>
    <t>0.06692637831856629</t>
  </si>
  <si>
    <t>611</t>
  </si>
  <si>
    <t>23.519906997680664</t>
  </si>
  <si>
    <t>1154.834228515625</t>
  </si>
  <si>
    <t>0.04007213934349885</t>
  </si>
  <si>
    <t>641</t>
  </si>
  <si>
    <t>23.47216033935547</t>
  </si>
  <si>
    <t>1071.7286376953125</t>
  </si>
  <si>
    <t>0.047932497749074265</t>
  </si>
  <si>
    <t>647</t>
  </si>
  <si>
    <t>24.230247497558594</t>
  </si>
  <si>
    <t>896.9701538085938</t>
  </si>
  <si>
    <t>0.009316837580231052</t>
  </si>
  <si>
    <t>699</t>
  </si>
  <si>
    <t>23.478078842163086</t>
  </si>
  <si>
    <t>1085.602294921875</t>
  </si>
  <si>
    <t>0.07730444773290923</t>
  </si>
  <si>
    <t>23.584495544433594</t>
  </si>
  <si>
    <t>1075.05224609375</t>
  </si>
  <si>
    <t>0.03098839505113915</t>
  </si>
  <si>
    <t>23.51055335998535</t>
  </si>
  <si>
    <t>720.5516967773438</t>
  </si>
  <si>
    <t>0.04607861196407548</t>
  </si>
  <si>
    <t>778</t>
  </si>
  <si>
    <t>23.597646713256836</t>
  </si>
  <si>
    <t>872.4989013671875</t>
  </si>
  <si>
    <t>0.03000877492936649</t>
  </si>
  <si>
    <t>597</t>
  </si>
  <si>
    <t>23.676225662231445</t>
  </si>
  <si>
    <t>1122.68701171875</t>
  </si>
  <si>
    <t>-0.264809410785789</t>
  </si>
  <si>
    <t>23.25904655456543</t>
  </si>
  <si>
    <t>843.0199584960938</t>
  </si>
  <si>
    <t>0.029705154413915302</t>
  </si>
  <si>
    <t>23.555288314819336</t>
  </si>
  <si>
    <t>980.1815185546875</t>
  </si>
  <si>
    <t>0.006483004878078624</t>
  </si>
  <si>
    <t>23.278413772583008</t>
  </si>
  <si>
    <t>964.5150756835938</t>
  </si>
  <si>
    <t>-0.2668979509895193</t>
  </si>
  <si>
    <t>23.437583923339844</t>
  </si>
  <si>
    <t>860.7901000976562</t>
  </si>
  <si>
    <t>0.2986971326824577</t>
  </si>
  <si>
    <t>660</t>
  </si>
  <si>
    <t>24.00063133239746</t>
  </si>
  <si>
    <t>585.2420654296875</t>
  </si>
  <si>
    <t>0.032335380642936506</t>
  </si>
  <si>
    <t>23.77143669128418</t>
  </si>
  <si>
    <t>1159.201171875</t>
  </si>
  <si>
    <t>0.009049835519918226</t>
  </si>
  <si>
    <t>628</t>
  </si>
  <si>
    <t>23.401639938354492</t>
  </si>
  <si>
    <t>982.6162109375</t>
  </si>
  <si>
    <t>-0.05874950407219082</t>
  </si>
  <si>
    <t>787</t>
  </si>
  <si>
    <t>23.734880447387695</t>
  </si>
  <si>
    <t>1146.867431640625</t>
  </si>
  <si>
    <t>0.22568808194920464</t>
  </si>
  <si>
    <t>23.961524963378906</t>
  </si>
  <si>
    <t>1198.8538818359375</t>
  </si>
  <si>
    <t>-0.230476598681002</t>
  </si>
  <si>
    <t>601</t>
  </si>
  <si>
    <t>23.710172653198242</t>
  </si>
  <si>
    <t>765.6671142578125</t>
  </si>
  <si>
    <t>-0.03915671520119357</t>
  </si>
  <si>
    <t>23.591947555541992</t>
  </si>
  <si>
    <t>887.9526977539062</t>
  </si>
  <si>
    <t>-0.0016652793190612414</t>
  </si>
  <si>
    <t>23.55878448486328</t>
  </si>
  <si>
    <t>975.468994140625</t>
  </si>
  <si>
    <t>0.01652930195121094</t>
  </si>
  <si>
    <t>23.40131950378418</t>
  </si>
  <si>
    <t>613.3111572265625</t>
  </si>
  <si>
    <t>1286.9598388671875</t>
  </si>
  <si>
    <t>Maputo</t>
  </si>
  <si>
    <t>23.56621551513672</t>
  </si>
  <si>
    <t>528.9403686523438</t>
  </si>
  <si>
    <t>24.265871047973633</t>
  </si>
  <si>
    <t>491.4223937988281</t>
  </si>
  <si>
    <t>-0.09900552377544969</t>
  </si>
  <si>
    <t>23.803375244140625</t>
  </si>
  <si>
    <t>800.656982421875</t>
  </si>
  <si>
    <t>0.07470803217772826</t>
  </si>
  <si>
    <t>23.15046501159668</t>
  </si>
  <si>
    <t>576.6248168945312</t>
  </si>
  <si>
    <t>0.01251879240510867</t>
  </si>
  <si>
    <t>23.546831130981445</t>
  </si>
  <si>
    <t>733.2689819335938</t>
  </si>
  <si>
    <t>-0.02519629391888767</t>
  </si>
  <si>
    <t>23.238935470581055</t>
  </si>
  <si>
    <t>812.273193359375</t>
  </si>
  <si>
    <t>0.07036899992688994</t>
  </si>
  <si>
    <t>23.349517822265625</t>
  </si>
  <si>
    <t>1021.0279541015625</t>
  </si>
  <si>
    <t>0.042134835651347124</t>
  </si>
  <si>
    <t>23.92523956298828</t>
  </si>
  <si>
    <t>776.5735473632812</t>
  </si>
  <si>
    <t>0.126790482613381</t>
  </si>
  <si>
    <t>23.624168395996094</t>
  </si>
  <si>
    <t>1029.5557861328125</t>
  </si>
  <si>
    <t>0.08477709581758841</t>
  </si>
  <si>
    <t>23.06427574157715</t>
  </si>
  <si>
    <t>1354.558349609375</t>
  </si>
  <si>
    <t>-0.20615338004009676</t>
  </si>
  <si>
    <t>23.358917236328125</t>
  </si>
  <si>
    <t>961.9449462890625</t>
  </si>
  <si>
    <t>0.10546850118786999</t>
  </si>
  <si>
    <t>23.581327438354492</t>
  </si>
  <si>
    <t>520.5416870117188</t>
  </si>
  <si>
    <t>0.04652001563489261</t>
  </si>
  <si>
    <t>23.829343795776367</t>
  </si>
  <si>
    <t>769.83203125</t>
  </si>
  <si>
    <t>0.03955960249132051</t>
  </si>
  <si>
    <t>23.853525161743164</t>
  </si>
  <si>
    <t>796.492919921875</t>
  </si>
  <si>
    <t>0.05211774266669966</t>
  </si>
  <si>
    <t>24.2718505859375</t>
  </si>
  <si>
    <t>779.2890014648438</t>
  </si>
  <si>
    <t>0.025074443629618415</t>
  </si>
  <si>
    <t>23.614709854125977</t>
  </si>
  <si>
    <t>799.2740478515625</t>
  </si>
  <si>
    <t>0.042026386571667906</t>
  </si>
  <si>
    <t>23.78713035583496</t>
  </si>
  <si>
    <t>767.9541625976562</t>
  </si>
  <si>
    <t>0.03461360518889567</t>
  </si>
  <si>
    <t>23.805830001831055</t>
  </si>
  <si>
    <t>742.0986938476562</t>
  </si>
  <si>
    <t>0.035671136921576085</t>
  </si>
  <si>
    <t>23.754989624023438</t>
  </si>
  <si>
    <t>763.4766845703125</t>
  </si>
  <si>
    <t>0.017913109212529754</t>
  </si>
  <si>
    <t>24.008859634399414</t>
  </si>
  <si>
    <t>772.3397827148438</t>
  </si>
  <si>
    <t>0.057721862158473414</t>
  </si>
  <si>
    <t>23.717453002929688</t>
  </si>
  <si>
    <t>797.9974365234375</t>
  </si>
  <si>
    <t>0.02465924644699502</t>
  </si>
  <si>
    <t>24.0097713470459</t>
  </si>
  <si>
    <t>798.4913940429688</t>
  </si>
  <si>
    <t>-0.00938659255290375</t>
  </si>
  <si>
    <t>23.851072311401367</t>
  </si>
  <si>
    <t>745.0571899414062</t>
  </si>
  <si>
    <t>-0.21400724032937557</t>
  </si>
  <si>
    <t>23.89961051940918</t>
  </si>
  <si>
    <t>785.6226806640625</t>
  </si>
  <si>
    <t>0.34217736887224515</t>
  </si>
  <si>
    <t>24.515966415405273</t>
  </si>
  <si>
    <t>591.39453125</t>
  </si>
  <si>
    <t>0.005908436686166141</t>
  </si>
  <si>
    <t>24.357664108276367</t>
  </si>
  <si>
    <t>798.3389282226562</t>
  </si>
  <si>
    <t>-0.007687796586242968</t>
  </si>
  <si>
    <t>3355</t>
  </si>
  <si>
    <t>24.01555824279785</t>
  </si>
  <si>
    <t>738.04150390625</t>
  </si>
  <si>
    <t>-0.004164194000770394</t>
  </si>
  <si>
    <t>24.430099487304688</t>
  </si>
  <si>
    <t>783.6184692382812</t>
  </si>
  <si>
    <t>-0.0416917218534536</t>
  </si>
  <si>
    <t>24.70765495300293</t>
  </si>
  <si>
    <t>641.542724609375</t>
  </si>
  <si>
    <t>0.05029839317378482</t>
  </si>
  <si>
    <t>23.934247970581055</t>
  </si>
  <si>
    <t>846.7928466796875</t>
  </si>
  <si>
    <t>-0.03855899360368298</t>
  </si>
  <si>
    <t>23.702913284301758</t>
  </si>
  <si>
    <t>840.8414916992188</t>
  </si>
  <si>
    <t>-0.0030759790478942506</t>
  </si>
  <si>
    <t>24.18079376220703</t>
  </si>
  <si>
    <t>868.5591430664062</t>
  </si>
  <si>
    <t>0.016801983778655938</t>
  </si>
  <si>
    <t>25.044883728027344</t>
  </si>
  <si>
    <t>819.3034057617188</t>
  </si>
  <si>
    <t>1049.934814453125</t>
  </si>
  <si>
    <t>Nampula</t>
  </si>
  <si>
    <t>24.93807029724121</t>
  </si>
  <si>
    <t>1447.6788330078125</t>
  </si>
  <si>
    <t>25.250625610351562</t>
  </si>
  <si>
    <t>945.3565673828125</t>
  </si>
  <si>
    <t>-0.09763846956391564</t>
  </si>
  <si>
    <t>25.0773868560791</t>
  </si>
  <si>
    <t>1191.908935546875</t>
  </si>
  <si>
    <t>0.07410797215372167</t>
  </si>
  <si>
    <t>24.88941192626953</t>
  </si>
  <si>
    <t>1068.2548828125</t>
  </si>
  <si>
    <t>25.3140811920166</t>
  </si>
  <si>
    <t>925.4407958984375</t>
  </si>
  <si>
    <t>-0.023810648693719294</t>
  </si>
  <si>
    <t>24.954084396362305</t>
  </si>
  <si>
    <t>1203.8538818359375</t>
  </si>
  <si>
    <t>0.06979576193554227</t>
  </si>
  <si>
    <t>25.022001266479492</t>
  </si>
  <si>
    <t>0.20728817952441592</t>
  </si>
  <si>
    <t>25.445268630981445</t>
  </si>
  <si>
    <t>924.032470703125</t>
  </si>
  <si>
    <t>0.03146326945578526</t>
  </si>
  <si>
    <t>24.932348251342773</t>
  </si>
  <si>
    <t>1165.230224609375</t>
  </si>
  <si>
    <t>0.03692058861404757</t>
  </si>
  <si>
    <t>24.93682098388672</t>
  </si>
  <si>
    <t>1281.676025390625</t>
  </si>
  <si>
    <t>0.06400532997591224</t>
  </si>
  <si>
    <t>25.157333374023438</t>
  </si>
  <si>
    <t>1056.5445556640625</t>
  </si>
  <si>
    <t>0.08434114843375085</t>
  </si>
  <si>
    <t>25.25895118713379</t>
  </si>
  <si>
    <t>1001.0993041992188</t>
  </si>
  <si>
    <t>0.00914919465358821</t>
  </si>
  <si>
    <t>561</t>
  </si>
  <si>
    <t>25.23526954650879</t>
  </si>
  <si>
    <t>1041.7469482421875</t>
  </si>
  <si>
    <t>25.058671951293945</t>
  </si>
  <si>
    <t>1168.142822265625</t>
  </si>
  <si>
    <t>0.026386755173195553</t>
  </si>
  <si>
    <t>602</t>
  </si>
  <si>
    <t>25.5263729095459</t>
  </si>
  <si>
    <t>944.8077392578125</t>
  </si>
  <si>
    <t>0.04414978461292929</t>
  </si>
  <si>
    <t>25.188634872436523</t>
  </si>
  <si>
    <t>1095.5738525390625</t>
  </si>
  <si>
    <t>0.06588727892879831</t>
  </si>
  <si>
    <t>686</t>
  </si>
  <si>
    <t>25.34363555908203</t>
  </si>
  <si>
    <t>1190.0416259765625</t>
  </si>
  <si>
    <t>0.06473290348826577</t>
  </si>
  <si>
    <t>25.124420166015625</t>
  </si>
  <si>
    <t>1050.0364990234375</t>
  </si>
  <si>
    <t>0.05391376465983111</t>
  </si>
  <si>
    <t>25.309478759765625</t>
  </si>
  <si>
    <t>890.7725219726562</t>
  </si>
  <si>
    <t>0.03261158558876165</t>
  </si>
  <si>
    <t>25.45551300048828</t>
  </si>
  <si>
    <t>1032.5283203125</t>
  </si>
  <si>
    <t>0.13603494062330235</t>
  </si>
  <si>
    <t>25.127912521362305</t>
  </si>
  <si>
    <t>1139.721435546875</t>
  </si>
  <si>
    <t>0.05006733901055771</t>
  </si>
  <si>
    <t>25.214754104614258</t>
  </si>
  <si>
    <t>1143.7196044921875</t>
  </si>
  <si>
    <t>0.017602214648126946</t>
  </si>
  <si>
    <t>25.060319900512695</t>
  </si>
  <si>
    <t>999.8161010742188</t>
  </si>
  <si>
    <t>-0.258663378562745</t>
  </si>
  <si>
    <t>25.244115829467773</t>
  </si>
  <si>
    <t>1041.63232421875</t>
  </si>
  <si>
    <t>0.3453111852884172</t>
  </si>
  <si>
    <t>25.52777862548828</t>
  </si>
  <si>
    <t>1351.2474365234375</t>
  </si>
  <si>
    <t>0.040181789632832476</t>
  </si>
  <si>
    <t>25.36204719543457</t>
  </si>
  <si>
    <t>780.9266357421875</t>
  </si>
  <si>
    <t>0.034925682853972795</t>
  </si>
  <si>
    <t>25.350257873535156</t>
  </si>
  <si>
    <t>1561.78125</t>
  </si>
  <si>
    <t>978</t>
  </si>
  <si>
    <t>25.348604202270508</t>
  </si>
  <si>
    <t>1039.5169677734375</t>
  </si>
  <si>
    <t>-0.09735308143412436</t>
  </si>
  <si>
    <t>25.532493591308594</t>
  </si>
  <si>
    <t>1246.968994140625</t>
  </si>
  <si>
    <t>-0.010277582758241088</t>
  </si>
  <si>
    <t>25.56559181213379</t>
  </si>
  <si>
    <t>688.3893432617188</t>
  </si>
  <si>
    <t>-0.03897280999950947</t>
  </si>
  <si>
    <t>25.35150909423828</t>
  </si>
  <si>
    <t>1202.812744140625</t>
  </si>
  <si>
    <t>-0.003227544490866485</t>
  </si>
  <si>
    <t>25.236597061157227</t>
  </si>
  <si>
    <t>1231.8162841796875</t>
  </si>
  <si>
    <t>22.916006088256836</t>
  </si>
  <si>
    <t>929.3558349609375</t>
  </si>
  <si>
    <t>352.248779296875</t>
  </si>
  <si>
    <t>Niassa</t>
  </si>
  <si>
    <t>22.798934936523438</t>
  </si>
  <si>
    <t>1129.3760986328125</t>
  </si>
  <si>
    <t>0.02794593039055915</t>
  </si>
  <si>
    <t>23.240219116210938</t>
  </si>
  <si>
    <t>849.6337890625</t>
  </si>
  <si>
    <t>-0.09925495809534102</t>
  </si>
  <si>
    <t>22.939298629760742</t>
  </si>
  <si>
    <t>1110.183349609375</t>
  </si>
  <si>
    <t>0.07534943724178689</t>
  </si>
  <si>
    <t>22.859407424926758</t>
  </si>
  <si>
    <t>936.5344848632812</t>
  </si>
  <si>
    <t>0.012024192966801017</t>
  </si>
  <si>
    <t>23.33939552307129</t>
  </si>
  <si>
    <t>964.7714233398438</t>
  </si>
  <si>
    <t>-0.02419472858705607</t>
  </si>
  <si>
    <t>22.86908721923828</t>
  </si>
  <si>
    <t>1237.985107421875</t>
  </si>
  <si>
    <t>0.07089582163303731</t>
  </si>
  <si>
    <t>22.91407012939453</t>
  </si>
  <si>
    <t>1363.986572265625</t>
  </si>
  <si>
    <t>0.14815774442964713</t>
  </si>
  <si>
    <t>23.196044921875</t>
  </si>
  <si>
    <t>942.8556518554688</t>
  </si>
  <si>
    <t>-0.006578971098043063</t>
  </si>
  <si>
    <t>22.659774780273438</t>
  </si>
  <si>
    <t>1279.99462890625</t>
  </si>
  <si>
    <t>0.12399764165657068</t>
  </si>
  <si>
    <t>22.560495376586914</t>
  </si>
  <si>
    <t>1196.587890625</t>
  </si>
  <si>
    <t>0.04837358428421634</t>
  </si>
  <si>
    <t>22.91684913635254</t>
  </si>
  <si>
    <t>1250.952880859375</t>
  </si>
  <si>
    <t>0.07747531216829007</t>
  </si>
  <si>
    <t>440</t>
  </si>
  <si>
    <t>23.05546760559082</t>
  </si>
  <si>
    <t>990.8333740234375</t>
  </si>
  <si>
    <t>0.1231953832938606</t>
  </si>
  <si>
    <t>23.08496856689453</t>
  </si>
  <si>
    <t>1151.6490478515625</t>
  </si>
  <si>
    <t>0.059554530756591006</t>
  </si>
  <si>
    <t>22.93611717224121</t>
  </si>
  <si>
    <t>1143.9163818359375</t>
  </si>
  <si>
    <t>0.03987936623159616</t>
  </si>
  <si>
    <t>23.648374557495117</t>
  </si>
  <si>
    <t>828.7349243164062</t>
  </si>
  <si>
    <t>0.024391453124159135</t>
  </si>
  <si>
    <t>523</t>
  </si>
  <si>
    <t>22.98979377746582</t>
  </si>
  <si>
    <t>1196.96826171875</t>
  </si>
  <si>
    <t>0.04898138704027044</t>
  </si>
  <si>
    <t>23.08984375</t>
  </si>
  <si>
    <t>1141.0760498046875</t>
  </si>
  <si>
    <t>0.031987675493397205</t>
  </si>
  <si>
    <t>22.941450119018555</t>
  </si>
  <si>
    <t>1188.65380859375</t>
  </si>
  <si>
    <t>0.03099610036896383</t>
  </si>
  <si>
    <t>575</t>
  </si>
  <si>
    <t>23.007200241088867</t>
  </si>
  <si>
    <t>1126.425537109375</t>
  </si>
  <si>
    <t>0.03180480087006643</t>
  </si>
  <si>
    <t>23.316673278808594</t>
  </si>
  <si>
    <t>1028.9349365234375</t>
  </si>
  <si>
    <t>22.814592361450195</t>
  </si>
  <si>
    <t>1234.428955078125</t>
  </si>
  <si>
    <t>0.05415875026214767</t>
  </si>
  <si>
    <t>608</t>
  </si>
  <si>
    <t>22.893373489379883</t>
  </si>
  <si>
    <t>1115.66552734375</t>
  </si>
  <si>
    <t>0.0016460909066688956</t>
  </si>
  <si>
    <t>22.83409309387207</t>
  </si>
  <si>
    <t>1066.5831298828125</t>
  </si>
  <si>
    <t>-0.2833056978519819</t>
  </si>
  <si>
    <t>22.952550888061523</t>
  </si>
  <si>
    <t>1093.13037109375</t>
  </si>
  <si>
    <t>0.23788157273772548</t>
  </si>
  <si>
    <t>23.311256408691406</t>
  </si>
  <si>
    <t>1138.2447509765625</t>
  </si>
  <si>
    <t>0.032178898364235486</t>
  </si>
  <si>
    <t>23.201303482055664</t>
  </si>
  <si>
    <t>959.0130615234375</t>
  </si>
  <si>
    <t>0.0033277900926744763</t>
  </si>
  <si>
    <t>547</t>
  </si>
  <si>
    <t>23.02464485168457</t>
  </si>
  <si>
    <t>1342.7215576171875</t>
  </si>
  <si>
    <t>-0.09580864288683966</t>
  </si>
  <si>
    <t>23.010229110717773</t>
  </si>
  <si>
    <t>1246.4525146484375</t>
  </si>
  <si>
    <t>0.07736721498411736</t>
  </si>
  <si>
    <t>603</t>
  </si>
  <si>
    <t>23.23402976989746</t>
  </si>
  <si>
    <t>1458.5089111328125</t>
  </si>
  <si>
    <t>23.20070457458496</t>
  </si>
  <si>
    <t>989.6268920898438</t>
  </si>
  <si>
    <t>-0.037166439875274904</t>
  </si>
  <si>
    <t>23.09623146057129</t>
  </si>
  <si>
    <t>987.1865234375</t>
  </si>
  <si>
    <t>-0.003448279278915223</t>
  </si>
  <si>
    <t>22.887773513793945</t>
  </si>
  <si>
    <t>1236.6416015625</t>
  </si>
  <si>
    <t>0.017123706078590928</t>
  </si>
  <si>
    <t>638</t>
  </si>
  <si>
    <t>24.91493797302246</t>
  </si>
  <si>
    <t>842.6085205078125</t>
  </si>
  <si>
    <t>480.905029296875</t>
  </si>
  <si>
    <t>Sofala</t>
  </si>
  <si>
    <t>24.894577026367188</t>
  </si>
  <si>
    <t>778.8621215820312</t>
  </si>
  <si>
    <t>0.026296952290461917</t>
  </si>
  <si>
    <t>593</t>
  </si>
  <si>
    <t>25.400545120239258</t>
  </si>
  <si>
    <t>737.7872924804688</t>
  </si>
  <si>
    <t>-0.0994408366375259</t>
  </si>
  <si>
    <t>25.134660720825195</t>
  </si>
  <si>
    <t>1184.5074462890625</t>
  </si>
  <si>
    <t>0.07471005537980879</t>
  </si>
  <si>
    <t>24.655065536499023</t>
  </si>
  <si>
    <t>702.6309204101562</t>
  </si>
  <si>
    <t>0.012441840123366354</t>
  </si>
  <si>
    <t>631</t>
  </si>
  <si>
    <t>25.32208251953125</t>
  </si>
  <si>
    <t>1070.874755859375</t>
  </si>
  <si>
    <t>-0.025040431959688192</t>
  </si>
  <si>
    <t>24.830184936523438</t>
  </si>
  <si>
    <t>1299.9940185546875</t>
  </si>
  <si>
    <t>0.07036541037106225</t>
  </si>
  <si>
    <t>690</t>
  </si>
  <si>
    <t>24.871139526367188</t>
  </si>
  <si>
    <t>1409.2470703125</t>
  </si>
  <si>
    <t>0.0190203246790297</t>
  </si>
  <si>
    <t>25.240793228149414</t>
  </si>
  <si>
    <t>1258.48779296875</t>
  </si>
  <si>
    <t>0.05908891637000657</t>
  </si>
  <si>
    <t>821</t>
  </si>
  <si>
    <t>24.7921142578125</t>
  </si>
  <si>
    <t>1203.98291015625</t>
  </si>
  <si>
    <t>0.11474259549111654</t>
  </si>
  <si>
    <t>24.59665870666504</t>
  </si>
  <si>
    <t>1565.83544921875</t>
  </si>
  <si>
    <t>0.15953030234569798</t>
  </si>
  <si>
    <t>24.936248779296875</t>
  </si>
  <si>
    <t>1570.8558349609375</t>
  </si>
  <si>
    <t>0.11002252876363716</t>
  </si>
  <si>
    <t>25.171430587768555</t>
  </si>
  <si>
    <t>972.500732421875</t>
  </si>
  <si>
    <t>0.020258519713467038</t>
  </si>
  <si>
    <t>1149</t>
  </si>
  <si>
    <t>25.199111938476562</t>
  </si>
  <si>
    <t>1246.218017578125</t>
  </si>
  <si>
    <t>0.04631281757352568</t>
  </si>
  <si>
    <t>25.12614631652832</t>
  </si>
  <si>
    <t>1197.849853515625</t>
  </si>
  <si>
    <t>0.05090157276603691</t>
  </si>
  <si>
    <t>25.845338821411133</t>
  </si>
  <si>
    <t>971.2893676757812</t>
  </si>
  <si>
    <t>0.05236798551731603</t>
  </si>
  <si>
    <t>1362</t>
  </si>
  <si>
    <t>25.162649154663086</t>
  </si>
  <si>
    <t>1250.124267578125</t>
  </si>
  <si>
    <t>0.06679265057734884</t>
  </si>
  <si>
    <t>25.238990783691406</t>
  </si>
  <si>
    <t>1109.8023681640625</t>
  </si>
  <si>
    <t>0.05777007206441365</t>
  </si>
  <si>
    <t>25.18430519104004</t>
  </si>
  <si>
    <t>825.8905639648438</t>
  </si>
  <si>
    <t>0.04604740349886871</t>
  </si>
  <si>
    <t>25.238792419433594</t>
  </si>
  <si>
    <t>978.7076416015625</t>
  </si>
  <si>
    <t>0.0325549582426925</t>
  </si>
  <si>
    <t>25.3502140045166</t>
  </si>
  <si>
    <t>1197.87744140625</t>
  </si>
  <si>
    <t>-0.07307366763124445</t>
  </si>
  <si>
    <t>24.952102661132812</t>
  </si>
  <si>
    <t>1009.0149536132812</t>
  </si>
  <si>
    <t>0.041180303855290035</t>
  </si>
  <si>
    <t>25.21001434326172</t>
  </si>
  <si>
    <t>1140.9422607421875</t>
  </si>
  <si>
    <t>24.928497314453125</t>
  </si>
  <si>
    <t>1088.1968994140625</t>
  </si>
  <si>
    <t>-0.2318299945258877</t>
  </si>
  <si>
    <t>25.12282371520996</t>
  </si>
  <si>
    <t>1037.4188232421875</t>
  </si>
  <si>
    <t>0.3556868015658381</t>
  </si>
  <si>
    <t>25.652494430541992</t>
  </si>
  <si>
    <t>735.786865234375</t>
  </si>
  <si>
    <t>0.04620540182075139</t>
  </si>
  <si>
    <t>25.403345108032227</t>
  </si>
  <si>
    <t>1147.5020751953125</t>
  </si>
  <si>
    <t>0.027160822246051097</t>
  </si>
  <si>
    <t>25.07294464111328</t>
  </si>
  <si>
    <t>1097.7244873046875</t>
  </si>
  <si>
    <t>-0.029365894804365134</t>
  </si>
  <si>
    <t>25.374773025512695</t>
  </si>
  <si>
    <t>1192.9686279296875</t>
  </si>
  <si>
    <t>-0.049784035379285996</t>
  </si>
  <si>
    <t>25.606109619140625</t>
  </si>
  <si>
    <t>1320.490966796875</t>
  </si>
  <si>
    <t>-0.04387188432901201</t>
  </si>
  <si>
    <t>25.373926162719727</t>
  </si>
  <si>
    <t>861.6171264648438</t>
  </si>
  <si>
    <t>-0.038929846368216836</t>
  </si>
  <si>
    <t>25.262184143066406</t>
  </si>
  <si>
    <t>1022.0070190429688</t>
  </si>
  <si>
    <t>-0.0031555721988105745</t>
  </si>
  <si>
    <t>25.22020721435547</t>
  </si>
  <si>
    <t>1180.46044921875</t>
  </si>
  <si>
    <t>0.01754430965091025</t>
  </si>
  <si>
    <t>253</t>
  </si>
  <si>
    <t>23.776954650878906</t>
  </si>
  <si>
    <t>673.015625</t>
  </si>
  <si>
    <t>471.443359375</t>
  </si>
  <si>
    <t>Tete</t>
  </si>
  <si>
    <t>23.67771339416504</t>
  </si>
  <si>
    <t>699.5173950195312</t>
  </si>
  <si>
    <t>24.208280563354492</t>
  </si>
  <si>
    <t>638.328125</t>
  </si>
  <si>
    <t>-0.0968498259899171</t>
  </si>
  <si>
    <t>23.870285034179688</t>
  </si>
  <si>
    <t>847.4489135742188</t>
  </si>
  <si>
    <t>0.0735024619929261</t>
  </si>
  <si>
    <t>23.570043563842773</t>
  </si>
  <si>
    <t>638.8609619140625</t>
  </si>
  <si>
    <t>0.011741817876683491</t>
  </si>
  <si>
    <t>24.175756454467773</t>
  </si>
  <si>
    <t>713.7181396484375</t>
  </si>
  <si>
    <t>-0.023623145763436604</t>
  </si>
  <si>
    <t>23.60733985900879</t>
  </si>
  <si>
    <t>957.3416137695312</t>
  </si>
  <si>
    <t>0.06925844047005558</t>
  </si>
  <si>
    <t>23.692230224609375</t>
  </si>
  <si>
    <t>1022.3358154296875</t>
  </si>
  <si>
    <t>0.15786125922379401</t>
  </si>
  <si>
    <t>24.05628776550293</t>
  </si>
  <si>
    <t>897.8244018554688</t>
  </si>
  <si>
    <t>-0.03226086221822122</t>
  </si>
  <si>
    <t>23.55388832092285</t>
  </si>
  <si>
    <t>855.6630859375</t>
  </si>
  <si>
    <t>0.13189070316706264</t>
  </si>
  <si>
    <t>963.7066650390625</t>
  </si>
  <si>
    <t>0.12160713209478669</t>
  </si>
  <si>
    <t>23.846086502075195</t>
  </si>
  <si>
    <t>1122.5130615234375</t>
  </si>
  <si>
    <t>0.08764730705875579</t>
  </si>
  <si>
    <t>538</t>
  </si>
  <si>
    <t>24.01185417175293</t>
  </si>
  <si>
    <t>685.4459838867188</t>
  </si>
  <si>
    <t>0.2264016412337675</t>
  </si>
  <si>
    <t>571</t>
  </si>
  <si>
    <t>23.98448371887207</t>
  </si>
  <si>
    <t>946.1079711914062</t>
  </si>
  <si>
    <t>23.920869827270508</t>
  </si>
  <si>
    <t>878.4302978515625</t>
  </si>
  <si>
    <t>0.06606974751134675</t>
  </si>
  <si>
    <t>629</t>
  </si>
  <si>
    <t>24.707292556762695</t>
  </si>
  <si>
    <t>607.5060424804688</t>
  </si>
  <si>
    <t>0.030672299533083702</t>
  </si>
  <si>
    <t>23.959083557128906</t>
  </si>
  <si>
    <t>910.2234497070312</t>
  </si>
  <si>
    <t>0.09400856706722927</t>
  </si>
  <si>
    <t>24.046981811523438</t>
  </si>
  <si>
    <t>824.7676391601562</t>
  </si>
  <si>
    <t>0.03274313857191391</t>
  </si>
  <si>
    <t>674</t>
  </si>
  <si>
    <t>23.92662811279297</t>
  </si>
  <si>
    <t>855.8877563476562</t>
  </si>
  <si>
    <t>-0.05765285142727716</t>
  </si>
  <si>
    <t>24.021636962890625</t>
  </si>
  <si>
    <t>802.2283935546875</t>
  </si>
  <si>
    <t>0.03498899185006543</t>
  </si>
  <si>
    <t>676</t>
  </si>
  <si>
    <t>24.232629776000977</t>
  </si>
  <si>
    <t>811.5414428710938</t>
  </si>
  <si>
    <t>-0.03202602671940813</t>
  </si>
  <si>
    <t>718</t>
  </si>
  <si>
    <t>23.72673225402832</t>
  </si>
  <si>
    <t>983.3015747070312</t>
  </si>
  <si>
    <t>0.060276493005259724</t>
  </si>
  <si>
    <t>23.884870529174805</t>
  </si>
  <si>
    <t>905.5252685546875</t>
  </si>
  <si>
    <t>0.028828351899977456</t>
  </si>
  <si>
    <t>23.664289474487305</t>
  </si>
  <si>
    <t>769.1000366210938</t>
  </si>
  <si>
    <t>-0.27914844779310233</t>
  </si>
  <si>
    <t>23.810279846191406</t>
  </si>
  <si>
    <t>805.8798217773438</t>
  </si>
  <si>
    <t>0.4706742451197563</t>
  </si>
  <si>
    <t>24.31494140625</t>
  </si>
  <si>
    <t>787.20361328125</t>
  </si>
  <si>
    <t>0.044791758202736176</t>
  </si>
  <si>
    <t>24.07921028137207</t>
  </si>
  <si>
    <t>792.5449829101562</t>
  </si>
  <si>
    <t>23.904481887817383</t>
  </si>
  <si>
    <t>785.8298950195312</t>
  </si>
  <si>
    <t>23.995018005371094</t>
  </si>
  <si>
    <t>1188.6041259765625</t>
  </si>
  <si>
    <t>0.07438372012182803</t>
  </si>
  <si>
    <t>24.27339744567871</t>
  </si>
  <si>
    <t>1128.5955810546875</t>
  </si>
  <si>
    <t>-0.3241824746713071</t>
  </si>
  <si>
    <t>24.156539916992188</t>
  </si>
  <si>
    <t>633.6194458007812</t>
  </si>
  <si>
    <t>-0.037883317902301705</t>
  </si>
  <si>
    <t>24.118051528930664</t>
  </si>
  <si>
    <t>735.9173583984375</t>
  </si>
  <si>
    <t>-0.0038684767779200158</t>
  </si>
  <si>
    <t>23.860441207885742</t>
  </si>
  <si>
    <t>929.5872192382812</t>
  </si>
  <si>
    <t>0.01792621626815194</t>
  </si>
  <si>
    <t>1911</t>
  </si>
  <si>
    <t>24.500017166137695</t>
  </si>
  <si>
    <t>931.0029907226562</t>
  </si>
  <si>
    <t>1176.5565185546875</t>
  </si>
  <si>
    <t>Zambezia</t>
  </si>
  <si>
    <t>24.43145751953125</t>
  </si>
  <si>
    <t>1136.245361328125</t>
  </si>
  <si>
    <t>0.0262679268206103</t>
  </si>
  <si>
    <t>24.930265426635742</t>
  </si>
  <si>
    <t>850.3702392578125</t>
  </si>
  <si>
    <t>-0.10125373370517288</t>
  </si>
  <si>
    <t>24.7278995513916</t>
  </si>
  <si>
    <t>1246.2958984375</t>
  </si>
  <si>
    <t>0.07498580688456258</t>
  </si>
  <si>
    <t>24.304855346679688</t>
  </si>
  <si>
    <t>1101.283203125</t>
  </si>
  <si>
    <t>0.01509462622248492</t>
  </si>
  <si>
    <t>24.995819091796875</t>
  </si>
  <si>
    <t>1165.9527587890625</t>
  </si>
  <si>
    <t>-0.026567027384722053</t>
  </si>
  <si>
    <t>279</t>
  </si>
  <si>
    <t>24.4942626953125</t>
  </si>
  <si>
    <t>1343.1507568359375</t>
  </si>
  <si>
    <t>0.0705301508058378</t>
  </si>
  <si>
    <t>24.554548263549805</t>
  </si>
  <si>
    <t>1577.022216796875</t>
  </si>
  <si>
    <t>0.04896082719570227</t>
  </si>
  <si>
    <t>24.89550018310547</t>
  </si>
  <si>
    <t>1159.68994140625</t>
  </si>
  <si>
    <t>-0.07437054272106991</t>
  </si>
  <si>
    <t>24.367990493774414</t>
  </si>
  <si>
    <t>1307.5394287109375</t>
  </si>
  <si>
    <t>0.09129142020940684</t>
  </si>
  <si>
    <t>24.354276657104492</t>
  </si>
  <si>
    <t>1356.3453369140625</t>
  </si>
  <si>
    <t>0.08055883671725184</t>
  </si>
  <si>
    <t>24.619932174682617</t>
  </si>
  <si>
    <t>1410.153564453125</t>
  </si>
  <si>
    <t>0.08313390024320899</t>
  </si>
  <si>
    <t>24.72211456298828</t>
  </si>
  <si>
    <t>1146.7318115234375</t>
  </si>
  <si>
    <t>0.12566578181857224</t>
  </si>
  <si>
    <t>24.772642135620117</t>
  </si>
  <si>
    <t>1362.9083251953125</t>
  </si>
  <si>
    <t>24.66845703125</t>
  </si>
  <si>
    <t>1378.8419189453125</t>
  </si>
  <si>
    <t>0.046737477851690024</t>
  </si>
  <si>
    <t>25.337411880493164</t>
  </si>
  <si>
    <t>927.99560546875</t>
  </si>
  <si>
    <t>0.044650273737739</t>
  </si>
  <si>
    <t>24.80327606201172</t>
  </si>
  <si>
    <t>1303.282958984375</t>
  </si>
  <si>
    <t>0.08573691163733344</t>
  </si>
  <si>
    <t>24.915151596069336</t>
  </si>
  <si>
    <t>1269.4158935546875</t>
  </si>
  <si>
    <t>0.05269511698619134</t>
  </si>
  <si>
    <t>24.765146255493164</t>
  </si>
  <si>
    <t>1232.9898681640625</t>
  </si>
  <si>
    <t>0.05186347400957381</t>
  </si>
  <si>
    <t>24.855314254760742</t>
  </si>
  <si>
    <t>1106.713134765625</t>
  </si>
  <si>
    <t>0.03546470957228287</t>
  </si>
  <si>
    <t>25.100252151489258</t>
  </si>
  <si>
    <t>1169.7540283203125</t>
  </si>
  <si>
    <t>-0.006993035490970634</t>
  </si>
  <si>
    <t>24.598617553710938</t>
  </si>
  <si>
    <t>1508.5155029296875</t>
  </si>
  <si>
    <t>-0.01769957709940151</t>
  </si>
  <si>
    <t>24.739059448242188</t>
  </si>
  <si>
    <t>1357.8726806640625</t>
  </si>
  <si>
    <t>0.3001045924503387</t>
  </si>
  <si>
    <t>24.57012367248535</t>
  </si>
  <si>
    <t>1173.73095703125</t>
  </si>
  <si>
    <t>-0.23277977806408412</t>
  </si>
  <si>
    <t>24.79998207092285</t>
  </si>
  <si>
    <t>1144.01513671875</t>
  </si>
  <si>
    <t>0.06932670557451193</t>
  </si>
  <si>
    <t>25.1293888092041</t>
  </si>
  <si>
    <t>1217.490234375</t>
  </si>
  <si>
    <t>0.07499765192770802</t>
  </si>
  <si>
    <t>700</t>
  </si>
  <si>
    <t>24.956369400024414</t>
  </si>
  <si>
    <t>1002.4937133789062</t>
  </si>
  <si>
    <t>0.011494379425735168</t>
  </si>
  <si>
    <t>24.770429611206055</t>
  </si>
  <si>
    <t>1432.224609375</t>
  </si>
  <si>
    <t>-0.02458547547261425</t>
  </si>
  <si>
    <t>715</t>
  </si>
  <si>
    <t>24.84191131591797</t>
  </si>
  <si>
    <t>1325.7899169921875</t>
  </si>
  <si>
    <t>25.061967849731445</t>
  </si>
  <si>
    <t>1469.618408203125</t>
  </si>
  <si>
    <t>-0.035590945102702776</t>
  </si>
  <si>
    <t>25.028715133666992</t>
  </si>
  <si>
    <t>1004.5018920898438</t>
  </si>
  <si>
    <t>-0.038409448114871125</t>
  </si>
  <si>
    <t>662</t>
  </si>
  <si>
    <t>24.932167053222656</t>
  </si>
  <si>
    <t>1160.588623046875</t>
  </si>
  <si>
    <t>-0.003016593539425294</t>
  </si>
  <si>
    <t>24.78814125061035</t>
  </si>
  <si>
    <t>1469.111328125</t>
  </si>
  <si>
    <t>0.017964554975298697</t>
  </si>
  <si>
    <t>1912</t>
  </si>
  <si>
    <t>MYS</t>
  </si>
  <si>
    <t>9529</t>
  </si>
  <si>
    <t>27.44602394104004</t>
  </si>
  <si>
    <t>2111.58740234375</t>
  </si>
  <si>
    <t>666.7669677734375</t>
  </si>
  <si>
    <t>Johor</t>
  </si>
  <si>
    <t>Malaysia</t>
  </si>
  <si>
    <t>27.350976943969727</t>
  </si>
  <si>
    <t>2560.0224609375</t>
  </si>
  <si>
    <t>0.05799760407067289</t>
  </si>
  <si>
    <t>10644</t>
  </si>
  <si>
    <t>27.307153701782227</t>
  </si>
  <si>
    <t>2611.819091796875</t>
  </si>
  <si>
    <t>0.052658968678718665</t>
  </si>
  <si>
    <t>27.263437271118164</t>
  </si>
  <si>
    <t>2581.86669921875</t>
  </si>
  <si>
    <t>0.06219290310313497</t>
  </si>
  <si>
    <t>27.305715560913086</t>
  </si>
  <si>
    <t>2825.235107421875</t>
  </si>
  <si>
    <t>0.05613280543918542</t>
  </si>
  <si>
    <t>12751</t>
  </si>
  <si>
    <t>27.375154495239258</t>
  </si>
  <si>
    <t>2861.984619140625</t>
  </si>
  <si>
    <t>0.06228763824364236</t>
  </si>
  <si>
    <t>13574</t>
  </si>
  <si>
    <t>27.411399841308594</t>
  </si>
  <si>
    <t>2582.914306640625</t>
  </si>
  <si>
    <t>0.06254649838016135</t>
  </si>
  <si>
    <t>27.829565048217773</t>
  </si>
  <si>
    <t>2206.76416015625</t>
  </si>
  <si>
    <t>0.03851492981079829</t>
  </si>
  <si>
    <t>27.961435317993164</t>
  </si>
  <si>
    <t>2155.939208984375</t>
  </si>
  <si>
    <t>-0.10759199941597153</t>
  </si>
  <si>
    <t>13047</t>
  </si>
  <si>
    <t>27.31075096130371</t>
  </si>
  <si>
    <t>2654.447021484375</t>
  </si>
  <si>
    <t>0.029479093607218232</t>
  </si>
  <si>
    <t>27.494768142700195</t>
  </si>
  <si>
    <t>2959.596923828125</t>
  </si>
  <si>
    <t>0.05487772642869082</t>
  </si>
  <si>
    <t>13494</t>
  </si>
  <si>
    <t>27.656089782714844</t>
  </si>
  <si>
    <t>2405.60595703125</t>
  </si>
  <si>
    <t>-0.02119080650706806</t>
  </si>
  <si>
    <t>27.988800048828125</t>
  </si>
  <si>
    <t>2505.26513671875</t>
  </si>
  <si>
    <t>0.026689698881432022</t>
  </si>
  <si>
    <t>14299</t>
  </si>
  <si>
    <t>27.757837295532227</t>
  </si>
  <si>
    <t>2690.098876953125</t>
  </si>
  <si>
    <t>0.03125476366404456</t>
  </si>
  <si>
    <t>14902</t>
  </si>
  <si>
    <t>27.59941291809082</t>
  </si>
  <si>
    <t>2256.2197265625</t>
  </si>
  <si>
    <t>0.04130582738082467</t>
  </si>
  <si>
    <t>15331</t>
  </si>
  <si>
    <t>27.697853088378906</t>
  </si>
  <si>
    <t>2462.609130859375</t>
  </si>
  <si>
    <t>0.028381490196782266</t>
  </si>
  <si>
    <t>15335</t>
  </si>
  <si>
    <t>27.478286743164062</t>
  </si>
  <si>
    <t>2936.58203125</t>
  </si>
  <si>
    <t>0.0002608752378971957</t>
  </si>
  <si>
    <t>16045</t>
  </si>
  <si>
    <t>27.488035202026367</t>
  </si>
  <si>
    <t>2681.13330078125</t>
  </si>
  <si>
    <t>0.0452594769956054</t>
  </si>
  <si>
    <t>27.30830955505371</t>
  </si>
  <si>
    <t>2797.750244140625</t>
  </si>
  <si>
    <t>-0.019064974841562332</t>
  </si>
  <si>
    <t>27.68190574645996</t>
  </si>
  <si>
    <t>2516.556396484375</t>
  </si>
  <si>
    <t>-0.04117408715866944</t>
  </si>
  <si>
    <t>27.883705139160156</t>
  </si>
  <si>
    <t>3026.034423828125</t>
  </si>
  <si>
    <t>0.07680412339257714</t>
  </si>
  <si>
    <t>16958</t>
  </si>
  <si>
    <t>27.65268898010254</t>
  </si>
  <si>
    <t>2580.383544921875</t>
  </si>
  <si>
    <t>0.038777362927646664</t>
  </si>
  <si>
    <t>27.716354370117188</t>
  </si>
  <si>
    <t>2680.452880859375</t>
  </si>
  <si>
    <t>0.028542641534281543</t>
  </si>
  <si>
    <t>17809</t>
  </si>
  <si>
    <t>27.762170791625977</t>
  </si>
  <si>
    <t>2688.86279296875</t>
  </si>
  <si>
    <t>0.020421607077775406</t>
  </si>
  <si>
    <t>27.903427124023438</t>
  </si>
  <si>
    <t>2241.4150390625</t>
  </si>
  <si>
    <t>0.0588757945558136</t>
  </si>
  <si>
    <t>28.014503479003906</t>
  </si>
  <si>
    <t>2236.24951171875</t>
  </si>
  <si>
    <t>0.0504299857434809</t>
  </si>
  <si>
    <t>20909</t>
  </si>
  <si>
    <t>28.11818504333496</t>
  </si>
  <si>
    <t>2667.61572265625</t>
  </si>
  <si>
    <t>0.05116996049612332</t>
  </si>
  <si>
    <t>27.69725799560547</t>
  </si>
  <si>
    <t>2550.613037109375</t>
  </si>
  <si>
    <t>0.02675634427103546</t>
  </si>
  <si>
    <t>21871</t>
  </si>
  <si>
    <t>27.893661499023438</t>
  </si>
  <si>
    <t>2464.470947265625</t>
  </si>
  <si>
    <t>0.018225525820092514</t>
  </si>
  <si>
    <t>28.22617530822754</t>
  </si>
  <si>
    <t>1997.5255126953125</t>
  </si>
  <si>
    <t>0.008967037029769642</t>
  </si>
  <si>
    <t>27.96331214904785</t>
  </si>
  <si>
    <t>2872.005126953125</t>
  </si>
  <si>
    <t>-0.05136961642843829</t>
  </si>
  <si>
    <t>27.81056022644043</t>
  </si>
  <si>
    <t>2922.87939453125</t>
  </si>
  <si>
    <t>0.020117792201574503</t>
  </si>
  <si>
    <t>22964</t>
  </si>
  <si>
    <t>27.69121551513672</t>
  </si>
  <si>
    <t>3107.3017578125</t>
  </si>
  <si>
    <t>0.07105100112207019</t>
  </si>
  <si>
    <t>28.123207092285156</t>
  </si>
  <si>
    <t>1981.85302734375</t>
  </si>
  <si>
    <t>705.6787109375</t>
  </si>
  <si>
    <t>Kedah</t>
  </si>
  <si>
    <t>27.953031539916992</t>
  </si>
  <si>
    <t>2136.4853515625</t>
  </si>
  <si>
    <t>0.058078105469265395</t>
  </si>
  <si>
    <t>27.972549438476562</t>
  </si>
  <si>
    <t>1703.9285888671875</t>
  </si>
  <si>
    <t>0.0525509338903003</t>
  </si>
  <si>
    <t>6818</t>
  </si>
  <si>
    <t>27.822219848632812</t>
  </si>
  <si>
    <t>2381.394775390625</t>
  </si>
  <si>
    <t>0.06217503105882649</t>
  </si>
  <si>
    <t>27.882097244262695</t>
  </si>
  <si>
    <t>2324.250244140625</t>
  </si>
  <si>
    <t>0.05618013162535895</t>
  </si>
  <si>
    <t>7676</t>
  </si>
  <si>
    <t>27.89949607849121</t>
  </si>
  <si>
    <t>2405.89794921875</t>
  </si>
  <si>
    <t>0.06235227280438238</t>
  </si>
  <si>
    <t>8171</t>
  </si>
  <si>
    <t>27.7923526763916</t>
  </si>
  <si>
    <t>2344.557861328125</t>
  </si>
  <si>
    <t>0.062492722257116995</t>
  </si>
  <si>
    <t>28.273345947265625</t>
  </si>
  <si>
    <t>2112.4951171875</t>
  </si>
  <si>
    <t>0.03853324343844022</t>
  </si>
  <si>
    <t>28.502111434936523</t>
  </si>
  <si>
    <t>2405.405029296875</t>
  </si>
  <si>
    <t>-0.10756108240563833</t>
  </si>
  <si>
    <t>7854</t>
  </si>
  <si>
    <t>27.628929138183594</t>
  </si>
  <si>
    <t>2699.316650390625</t>
  </si>
  <si>
    <t>0.029459494720446955</t>
  </si>
  <si>
    <t>2526.7939453125</t>
  </si>
  <si>
    <t>0.054871047526329875</t>
  </si>
  <si>
    <t>8123</t>
  </si>
  <si>
    <t>28.021596908569336</t>
  </si>
  <si>
    <t>2047.6490478515625</t>
  </si>
  <si>
    <t>-0.021194459613331773</t>
  </si>
  <si>
    <t>8343</t>
  </si>
  <si>
    <t>28.38409423828125</t>
  </si>
  <si>
    <t>2123.198486328125</t>
  </si>
  <si>
    <t>0.02672331985112031</t>
  </si>
  <si>
    <t>8608</t>
  </si>
  <si>
    <t>28.22606086730957</t>
  </si>
  <si>
    <t>2476.0546875</t>
  </si>
  <si>
    <t>0.03126913949949106</t>
  </si>
  <si>
    <t>28.107973098754883</t>
  </si>
  <si>
    <t>1910.8363037109375</t>
  </si>
  <si>
    <t>0.041305149157718546</t>
  </si>
  <si>
    <t>9229</t>
  </si>
  <si>
    <t>28.12847328186035</t>
  </si>
  <si>
    <t>2041.773193359375</t>
  </si>
  <si>
    <t>0.028353547706293725</t>
  </si>
  <si>
    <t>28.00950813293457</t>
  </si>
  <si>
    <t>2313.724609375</t>
  </si>
  <si>
    <t>0.05624902996009418</t>
  </si>
  <si>
    <t>27.9942684173584</t>
  </si>
  <si>
    <t>2419.91552734375</t>
  </si>
  <si>
    <t>0.06359061734286975</t>
  </si>
  <si>
    <t>27.69013023376465</t>
  </si>
  <si>
    <t>2415.34423828125</t>
  </si>
  <si>
    <t>-0.022944813699250943</t>
  </si>
  <si>
    <t>28.11342430114746</t>
  </si>
  <si>
    <t>2451.197998046875</t>
  </si>
  <si>
    <t>-0.017861161469626907</t>
  </si>
  <si>
    <t>28.358739852905273</t>
  </si>
  <si>
    <t>2282.5146484375</t>
  </si>
  <si>
    <t>0.05113308932472904</t>
  </si>
  <si>
    <t>11078</t>
  </si>
  <si>
    <t>27.92609214782715</t>
  </si>
  <si>
    <t>2525.86962890625</t>
  </si>
  <si>
    <t>0.052443697868657324</t>
  </si>
  <si>
    <t>28.211618423461914</t>
  </si>
  <si>
    <t>2520.466796875</t>
  </si>
  <si>
    <t>0.01139894764197713</t>
  </si>
  <si>
    <t>11484</t>
  </si>
  <si>
    <t>28.144182205200195</t>
  </si>
  <si>
    <t>2257.206298828125</t>
  </si>
  <si>
    <t>0.02459465500592728</t>
  </si>
  <si>
    <t>11933</t>
  </si>
  <si>
    <t>28.318313598632812</t>
  </si>
  <si>
    <t>2083.60693359375</t>
  </si>
  <si>
    <t>0.03835290912870093</t>
  </si>
  <si>
    <t>28.47699546813965</t>
  </si>
  <si>
    <t>2327.721435546875</t>
  </si>
  <si>
    <t>0.030291590990852768</t>
  </si>
  <si>
    <t>12608</t>
  </si>
  <si>
    <t>28.646188735961914</t>
  </si>
  <si>
    <t>2286.2607421875</t>
  </si>
  <si>
    <t>0.024732270737152007</t>
  </si>
  <si>
    <t>28.148788452148438</t>
  </si>
  <si>
    <t>2261.9306640625</t>
  </si>
  <si>
    <t>0.010964416685261824</t>
  </si>
  <si>
    <t>28.314455032348633</t>
  </si>
  <si>
    <t>2182.5615234375</t>
  </si>
  <si>
    <t>0.008903526483164725</t>
  </si>
  <si>
    <t>13213</t>
  </si>
  <si>
    <t>28.680959701538086</t>
  </si>
  <si>
    <t>1905.98828125</t>
  </si>
  <si>
    <t>0.0270017171481296</t>
  </si>
  <si>
    <t>28.39385223388672</t>
  </si>
  <si>
    <t>2410.169189453125</t>
  </si>
  <si>
    <t>-0.023276450907506074</t>
  </si>
  <si>
    <t>13171</t>
  </si>
  <si>
    <t>28.272056579589844</t>
  </si>
  <si>
    <t>2419.47509765625</t>
  </si>
  <si>
    <t>0.020092700492336135</t>
  </si>
  <si>
    <t>14141</t>
  </si>
  <si>
    <t>28.12678337097168</t>
  </si>
  <si>
    <t>2603.526123046875</t>
  </si>
  <si>
    <t>0.07106093630873112</t>
  </si>
  <si>
    <t>27.72110939025879</t>
  </si>
  <si>
    <t>2064.5205078125</t>
  </si>
  <si>
    <t>917.6954345703125</t>
  </si>
  <si>
    <t>Kelantan</t>
  </si>
  <si>
    <t>27.53003692626953</t>
  </si>
  <si>
    <t>2441.679443359375</t>
  </si>
  <si>
    <t>0.057971396593210045</t>
  </si>
  <si>
    <t>27.565534591674805</t>
  </si>
  <si>
    <t>2192.39599609375</t>
  </si>
  <si>
    <t>0.052527919809060464</t>
  </si>
  <si>
    <t>27.418901443481445</t>
  </si>
  <si>
    <t>2735.846923828125</t>
  </si>
  <si>
    <t>0.06229880789393505</t>
  </si>
  <si>
    <t>27.48933982849121</t>
  </si>
  <si>
    <t>2889.517822265625</t>
  </si>
  <si>
    <t>0.05618420399183677</t>
  </si>
  <si>
    <t>27.46929931640625</t>
  </si>
  <si>
    <t>3081.488525390625</t>
  </si>
  <si>
    <t>0.062282844213907396</t>
  </si>
  <si>
    <t>27.370378494262695</t>
  </si>
  <si>
    <t>2927.8388671875</t>
  </si>
  <si>
    <t>0.06239283767792614</t>
  </si>
  <si>
    <t>5258</t>
  </si>
  <si>
    <t>27.85569953918457</t>
  </si>
  <si>
    <t>2503.716552734375</t>
  </si>
  <si>
    <t>0.03858189099789122</t>
  </si>
  <si>
    <t>28.109588623046875</t>
  </si>
  <si>
    <t>2883.6884765625</t>
  </si>
  <si>
    <t>-0.10751828764436944</t>
  </si>
  <si>
    <t>27.216054916381836</t>
  </si>
  <si>
    <t>3630.526123046875</t>
  </si>
  <si>
    <t>0.02942309275832855</t>
  </si>
  <si>
    <t>27.550737380981445</t>
  </si>
  <si>
    <t>3536.372802734375</t>
  </si>
  <si>
    <t>0.05500836726604241</t>
  </si>
  <si>
    <t>5030</t>
  </si>
  <si>
    <t>27.628156661987305</t>
  </si>
  <si>
    <t>2318.11279296875</t>
  </si>
  <si>
    <t>-0.021243914576043466</t>
  </si>
  <si>
    <t>27.926050186157227</t>
  </si>
  <si>
    <t>2600.477783203125</t>
  </si>
  <si>
    <t>0.026678710562000774</t>
  </si>
  <si>
    <t>27.791227340698242</t>
  </si>
  <si>
    <t>2979.750732421875</t>
  </si>
  <si>
    <t>27.585098266601562</t>
  </si>
  <si>
    <t>2225.294189453125</t>
  </si>
  <si>
    <t>0.04134718491384071</t>
  </si>
  <si>
    <t>5715</t>
  </si>
  <si>
    <t>27.69727325439453</t>
  </si>
  <si>
    <t>3158.08349609375</t>
  </si>
  <si>
    <t>0.028395874155179968</t>
  </si>
  <si>
    <t>27.525291442871094</t>
  </si>
  <si>
    <t>2794.150634765625</t>
  </si>
  <si>
    <t>0.06388213778614116</t>
  </si>
  <si>
    <t>27.56422233581543</t>
  </si>
  <si>
    <t>2541.622314453125</t>
  </si>
  <si>
    <t>0.07325168218274847</t>
  </si>
  <si>
    <t>6691</t>
  </si>
  <si>
    <t>27.238248825073242</t>
  </si>
  <si>
    <t>3673.15625</t>
  </si>
  <si>
    <t>0.020535222585015944</t>
  </si>
  <si>
    <t>6739</t>
  </si>
  <si>
    <t>27.68632698059082</t>
  </si>
  <si>
    <t>2822.60400390625</t>
  </si>
  <si>
    <t>0.0071482061634000615</t>
  </si>
  <si>
    <t>27.98784828186035</t>
  </si>
  <si>
    <t>3143.68359375</t>
  </si>
  <si>
    <t>0.0563996884621254</t>
  </si>
  <si>
    <t>27.587425231933594</t>
  </si>
  <si>
    <t>3389.532958984375</t>
  </si>
  <si>
    <t>0.04497604733042415</t>
  </si>
  <si>
    <t>27.826171875</t>
  </si>
  <si>
    <t>3235.12890625</t>
  </si>
  <si>
    <t>0.006282183328796265</t>
  </si>
  <si>
    <t>7515</t>
  </si>
  <si>
    <t>27.607637405395508</t>
  </si>
  <si>
    <t>2887.749267578125</t>
  </si>
  <si>
    <t>0.0013315581195119108</t>
  </si>
  <si>
    <t>27.822622299194336</t>
  </si>
  <si>
    <t>2705.97216796875</t>
  </si>
  <si>
    <t>0.030920844094437072</t>
  </si>
  <si>
    <t>7928</t>
  </si>
  <si>
    <t>28.141386032104492</t>
  </si>
  <si>
    <t>2523.910888671875</t>
  </si>
  <si>
    <t>0.022578929728313213</t>
  </si>
  <si>
    <t>28.290891647338867</t>
  </si>
  <si>
    <t>2967.5888671875</t>
  </si>
  <si>
    <t>0.034342927514366295</t>
  </si>
  <si>
    <t>27.739423751831055</t>
  </si>
  <si>
    <t>3029.529541015625</t>
  </si>
  <si>
    <t>0.014879606770614728</t>
  </si>
  <si>
    <t>8229</t>
  </si>
  <si>
    <t>27.85878562927246</t>
  </si>
  <si>
    <t>2838.61328125</t>
  </si>
  <si>
    <t>-0.011958830689092537</t>
  </si>
  <si>
    <t>28.216087341308594</t>
  </si>
  <si>
    <t>2007.459716796875</t>
  </si>
  <si>
    <t>0.028629852649043386</t>
  </si>
  <si>
    <t>27.978111267089844</t>
  </si>
  <si>
    <t>3204.881591796875</t>
  </si>
  <si>
    <t>-0.031063239906490736</t>
  </si>
  <si>
    <t>8376</t>
  </si>
  <si>
    <t>27.850303649902344</t>
  </si>
  <si>
    <t>2906.725341796875</t>
  </si>
  <si>
    <t>0.020139360202106715</t>
  </si>
  <si>
    <t>8993</t>
  </si>
  <si>
    <t>27.609153747558594</t>
  </si>
  <si>
    <t>3769.7578125</t>
  </si>
  <si>
    <t>0.07107602336414232</t>
  </si>
  <si>
    <t>15524</t>
  </si>
  <si>
    <t>2622.599853515625</t>
  </si>
  <si>
    <t>209.5697784423828</t>
  </si>
  <si>
    <t>Labuan</t>
  </si>
  <si>
    <t>16452</t>
  </si>
  <si>
    <t>2837.800048828125</t>
  </si>
  <si>
    <t>0.058059836861517056</t>
  </si>
  <si>
    <t>17341</t>
  </si>
  <si>
    <t>2757.900146484375</t>
  </si>
  <si>
    <t>0.052626589448234284</t>
  </si>
  <si>
    <t>2932.400146484375</t>
  </si>
  <si>
    <t>0.06215331907792887</t>
  </si>
  <si>
    <t>19518</t>
  </si>
  <si>
    <t>28.0</t>
  </si>
  <si>
    <t>2832.5</t>
  </si>
  <si>
    <t>0.056110157824928564</t>
  </si>
  <si>
    <t>20773</t>
  </si>
  <si>
    <t>27.933332443237305</t>
  </si>
  <si>
    <t>3760.500244140625</t>
  </si>
  <si>
    <t>0.06231694983327962</t>
  </si>
  <si>
    <t>27.89166831970215</t>
  </si>
  <si>
    <t>3344.7001953125</t>
  </si>
  <si>
    <t>0.06251160432271341</t>
  </si>
  <si>
    <t>22982</t>
  </si>
  <si>
    <t>28.291669845581055</t>
  </si>
  <si>
    <t>2661.500244140625</t>
  </si>
  <si>
    <t>0.03854562996018096</t>
  </si>
  <si>
    <t>20638</t>
  </si>
  <si>
    <t>28.46666717529297</t>
  </si>
  <si>
    <t>3486.39990234375</t>
  </si>
  <si>
    <t>-0.10757726414191993</t>
  </si>
  <si>
    <t>3627.699951171875</t>
  </si>
  <si>
    <t>0.029458125117230338</t>
  </si>
  <si>
    <t>22454</t>
  </si>
  <si>
    <t>28.124998092651367</t>
  </si>
  <si>
    <t>3974.100341796875</t>
  </si>
  <si>
    <t>0.054876610225834455</t>
  </si>
  <si>
    <t>21983</t>
  </si>
  <si>
    <t>3146.5</t>
  </si>
  <si>
    <t>-0.02119934465860851</t>
  </si>
  <si>
    <t>22579</t>
  </si>
  <si>
    <t>28.308332443237305</t>
  </si>
  <si>
    <t>2860.39990234375</t>
  </si>
  <si>
    <t>0.026750843383211986</t>
  </si>
  <si>
    <t>23295</t>
  </si>
  <si>
    <t>3159.500244140625</t>
  </si>
  <si>
    <t>0.031218474507568317</t>
  </si>
  <si>
    <t>2776.699951171875</t>
  </si>
  <si>
    <t>0.041331845206851625</t>
  </si>
  <si>
    <t>3887.399658203125</t>
  </si>
  <si>
    <t>0.02838481093284706</t>
  </si>
  <si>
    <t>28.133333206176758</t>
  </si>
  <si>
    <t>3761.800048828125</t>
  </si>
  <si>
    <t>0.12218184694923373</t>
  </si>
  <si>
    <t>28.03333282470703</t>
  </si>
  <si>
    <t>3543.60009765625</t>
  </si>
  <si>
    <t>0.021001736058478215</t>
  </si>
  <si>
    <t>4580.60009765625</t>
  </si>
  <si>
    <t>-0.17115658320295069</t>
  </si>
  <si>
    <t>24967</t>
  </si>
  <si>
    <t>3032.10009765625</t>
  </si>
  <si>
    <t>0.027572551687566005</t>
  </si>
  <si>
    <t>4330.1005859375</t>
  </si>
  <si>
    <t>-0.00792170939951653</t>
  </si>
  <si>
    <t>3633.699951171875</t>
  </si>
  <si>
    <t>0.07540478362060021</t>
  </si>
  <si>
    <t>28.25</t>
  </si>
  <si>
    <t>3463.800048828125</t>
  </si>
  <si>
    <t>0.07818053658250435</t>
  </si>
  <si>
    <t>30863</t>
  </si>
  <si>
    <t>28.166664123535156</t>
  </si>
  <si>
    <t>3836.199951171875</t>
  </si>
  <si>
    <t>0.06633949172674036</t>
  </si>
  <si>
    <t>3230.800048828125</t>
  </si>
  <si>
    <t>0.15304379596251216</t>
  </si>
  <si>
    <t>41122</t>
  </si>
  <si>
    <t>2541.7998046875</t>
  </si>
  <si>
    <t>0.13394140670278354</t>
  </si>
  <si>
    <t>28.783334732055664</t>
  </si>
  <si>
    <t>2835.499755859375</t>
  </si>
  <si>
    <t>0.025236947752979688</t>
  </si>
  <si>
    <t>42998</t>
  </si>
  <si>
    <t>4261.80029296875</t>
  </si>
  <si>
    <t>0.019373397134566872</t>
  </si>
  <si>
    <t>28.491668701171875</t>
  </si>
  <si>
    <t>3303.799560546875</t>
  </si>
  <si>
    <t>0.03749911627188318</t>
  </si>
  <si>
    <t>28.59166717529297</t>
  </si>
  <si>
    <t>3100.39990234375</t>
  </si>
  <si>
    <t>0.028531093735228552</t>
  </si>
  <si>
    <t>44784</t>
  </si>
  <si>
    <t>28.350000381469727</t>
  </si>
  <si>
    <t>4188.10009765625</t>
  </si>
  <si>
    <t>-0.0253328802179702</t>
  </si>
  <si>
    <t>28.316667556762695</t>
  </si>
  <si>
    <t>3664.80029296875</t>
  </si>
  <si>
    <t>0.020116065479193423</t>
  </si>
  <si>
    <t>49059</t>
  </si>
  <si>
    <t>4309.89990234375</t>
  </si>
  <si>
    <t>0.07105665716607135</t>
  </si>
  <si>
    <t>344.8172912597656</t>
  </si>
  <si>
    <t>Melaka</t>
  </si>
  <si>
    <t>2222.5</t>
  </si>
  <si>
    <t>0.05803328824890386</t>
  </si>
  <si>
    <t>13329</t>
  </si>
  <si>
    <t>2226.89990234375</t>
  </si>
  <si>
    <t>0.052601152985459976</t>
  </si>
  <si>
    <t>27.424997329711914</t>
  </si>
  <si>
    <t>2266.89990234375</t>
  </si>
  <si>
    <t>0.06217245615002476</t>
  </si>
  <si>
    <t>15003</t>
  </si>
  <si>
    <t>27.48333168029785</t>
  </si>
  <si>
    <t>2240.800048828125</t>
  </si>
  <si>
    <t>0.05613561233296949</t>
  </si>
  <si>
    <t>2455.10009765625</t>
  </si>
  <si>
    <t>0.062336538464231595</t>
  </si>
  <si>
    <t>16998</t>
  </si>
  <si>
    <t>2403.499755859375</t>
  </si>
  <si>
    <t>0.06250897050732718</t>
  </si>
  <si>
    <t>2146.900146484375</t>
  </si>
  <si>
    <t>0.038546198246505625</t>
  </si>
  <si>
    <t>2134.699951171875</t>
  </si>
  <si>
    <t>-0.10758949710544563</t>
  </si>
  <si>
    <t>16338</t>
  </si>
  <si>
    <t>2446.300048828125</t>
  </si>
  <si>
    <t>0.02944129170218268</t>
  </si>
  <si>
    <t>17260</t>
  </si>
  <si>
    <t>27.791669845581055</t>
  </si>
  <si>
    <t>2695.099853515625</t>
  </si>
  <si>
    <t>0.05489800273560341</t>
  </si>
  <si>
    <t>16898</t>
  </si>
  <si>
    <t>2197.39990234375</t>
  </si>
  <si>
    <t>-0.021196413924627677</t>
  </si>
  <si>
    <t>28.125</t>
  </si>
  <si>
    <t>2219.7001953125</t>
  </si>
  <si>
    <t>0.026742996205451064</t>
  </si>
  <si>
    <t>17907</t>
  </si>
  <si>
    <t>28.008337020874023</t>
  </si>
  <si>
    <t>2525.199951171875</t>
  </si>
  <si>
    <t>0.031253429918518094</t>
  </si>
  <si>
    <t>18662</t>
  </si>
  <si>
    <t>1944.5001220703125</t>
  </si>
  <si>
    <t>0.04129767295720832</t>
  </si>
  <si>
    <t>19199</t>
  </si>
  <si>
    <t>2255.500244140625</t>
  </si>
  <si>
    <t>0.028368823532188614</t>
  </si>
  <si>
    <t>27.666669845581055</t>
  </si>
  <si>
    <t>2620.5</t>
  </si>
  <si>
    <t>0.0362634666522883</t>
  </si>
  <si>
    <t>20033</t>
  </si>
  <si>
    <t>2440.2001953125</t>
  </si>
  <si>
    <t>0.0062592528032077155</t>
  </si>
  <si>
    <t>20211</t>
  </si>
  <si>
    <t>27.508331298828125</t>
  </si>
  <si>
    <t>2448.30029296875</t>
  </si>
  <si>
    <t>0.008846096847117124</t>
  </si>
  <si>
    <t>20324</t>
  </si>
  <si>
    <t>2265.199951171875</t>
  </si>
  <si>
    <t>0.005575443084852694</t>
  </si>
  <si>
    <t>21666</t>
  </si>
  <si>
    <t>28.083330154418945</t>
  </si>
  <si>
    <t>2563.7001953125</t>
  </si>
  <si>
    <t>0.06394175779188949</t>
  </si>
  <si>
    <t>27.93332862854004</t>
  </si>
  <si>
    <t>2300.499755859375</t>
  </si>
  <si>
    <t>0.0345213786207772</t>
  </si>
  <si>
    <t>23879</t>
  </si>
  <si>
    <t>2356.7001953125</t>
  </si>
  <si>
    <t>0.06273382145652207</t>
  </si>
  <si>
    <t>24008</t>
  </si>
  <si>
    <t>27.93333625793457</t>
  </si>
  <si>
    <t>2241.10009765625</t>
  </si>
  <si>
    <t>0.005387696537392017</t>
  </si>
  <si>
    <t>25308</t>
  </si>
  <si>
    <t>28.06667137145996</t>
  </si>
  <si>
    <t>1971.4998779296875</t>
  </si>
  <si>
    <t>0.0527334431465718</t>
  </si>
  <si>
    <t>26460</t>
  </si>
  <si>
    <t>2130.199951171875</t>
  </si>
  <si>
    <t>0.04451360740217147</t>
  </si>
  <si>
    <t>28.391664505004883</t>
  </si>
  <si>
    <t>2304.30029296875</t>
  </si>
  <si>
    <t>0.011012457899628458</t>
  </si>
  <si>
    <t>28477</t>
  </si>
  <si>
    <t>27.899999618530273</t>
  </si>
  <si>
    <t>2039.0001220703125</t>
  </si>
  <si>
    <t>0.062450127330345495</t>
  </si>
  <si>
    <t>28791</t>
  </si>
  <si>
    <t>2260.199951171875</t>
  </si>
  <si>
    <t>0.010966094386816394</t>
  </si>
  <si>
    <t>28.44167137145996</t>
  </si>
  <si>
    <t>1911.5</t>
  </si>
  <si>
    <t>0.006991583235855359</t>
  </si>
  <si>
    <t>2405.7998046875</t>
  </si>
  <si>
    <t>-0.08044518463716344</t>
  </si>
  <si>
    <t>27296</t>
  </si>
  <si>
    <t>27.991666793823242</t>
  </si>
  <si>
    <t>2708.400146484375</t>
  </si>
  <si>
    <t>0.020130934406976664</t>
  </si>
  <si>
    <t>2621.10009765625</t>
  </si>
  <si>
    <t>0.07105210190656486</t>
  </si>
  <si>
    <t>12142</t>
  </si>
  <si>
    <t>27.733251571655273</t>
  </si>
  <si>
    <t>1911.973388671875</t>
  </si>
  <si>
    <t>511.8502197265625</t>
  </si>
  <si>
    <t>Negeri Sembilan</t>
  </si>
  <si>
    <t>27.627290725708008</t>
  </si>
  <si>
    <t>2159.681640625</t>
  </si>
  <si>
    <t>0.058073092668537996</t>
  </si>
  <si>
    <t>27.624313354492188</t>
  </si>
  <si>
    <t>2016.0340576171875</t>
  </si>
  <si>
    <t>0.05260188760379769</t>
  </si>
  <si>
    <t>14433</t>
  </si>
  <si>
    <t>27.532045364379883</t>
  </si>
  <si>
    <t>2290.594970703125</t>
  </si>
  <si>
    <t>0.06217175440484901</t>
  </si>
  <si>
    <t>15267</t>
  </si>
  <si>
    <t>27.605560302734375</t>
  </si>
  <si>
    <t>2164.696044921875</t>
  </si>
  <si>
    <t>0.05617638488937793</t>
  </si>
  <si>
    <t>27.679067611694336</t>
  </si>
  <si>
    <t>2500.62109375</t>
  </si>
  <si>
    <t>0.06227618800327939</t>
  </si>
  <si>
    <t>27.715377807617188</t>
  </si>
  <si>
    <t>2367.52685546875</t>
  </si>
  <si>
    <t>0.06250543661876762</t>
  </si>
  <si>
    <t>17976</t>
  </si>
  <si>
    <t>28.11626625061035</t>
  </si>
  <si>
    <t>2002.7159423828125</t>
  </si>
  <si>
    <t>0.03856227398617662</t>
  </si>
  <si>
    <t>16142</t>
  </si>
  <si>
    <t>28.27104949951172</t>
  </si>
  <si>
    <t>2127.211181640625</t>
  </si>
  <si>
    <t>-0.10761296398084852</t>
  </si>
  <si>
    <t>27.576406478881836</t>
  </si>
  <si>
    <t>2488.24169921875</t>
  </si>
  <si>
    <t>17563</t>
  </si>
  <si>
    <t>27.81658172607422</t>
  </si>
  <si>
    <t>2513.29248046875</t>
  </si>
  <si>
    <t>0.05488682989768101</t>
  </si>
  <si>
    <t>17195</t>
  </si>
  <si>
    <t>27.949312210083008</t>
  </si>
  <si>
    <t>2087.72314453125</t>
  </si>
  <si>
    <t>-0.02117577255536851</t>
  </si>
  <si>
    <t>17660</t>
  </si>
  <si>
    <t>28.26924705505371</t>
  </si>
  <si>
    <t>2210.32177734375</t>
  </si>
  <si>
    <t>0.026683551291583285</t>
  </si>
  <si>
    <t>18221</t>
  </si>
  <si>
    <t>27.980873107910156</t>
  </si>
  <si>
    <t>2614.698974609375</t>
  </si>
  <si>
    <t>0.031272579891927776</t>
  </si>
  <si>
    <t>27.83445167541504</t>
  </si>
  <si>
    <t>2183.01708984375</t>
  </si>
  <si>
    <t>0.04133774975645288</t>
  </si>
  <si>
    <t>19536</t>
  </si>
  <si>
    <t>27.893674850463867</t>
  </si>
  <si>
    <t>2276.5380859375</t>
  </si>
  <si>
    <t>0.028346392544154497</t>
  </si>
  <si>
    <t>27.68474006652832</t>
  </si>
  <si>
    <t>2497.691162109375</t>
  </si>
  <si>
    <t>0.051477552595240894</t>
  </si>
  <si>
    <t>21052</t>
  </si>
  <si>
    <t>27.746938705444336</t>
  </si>
  <si>
    <t>2394.112548828125</t>
  </si>
  <si>
    <t>0.02325909752794253</t>
  </si>
  <si>
    <t>27.500516891479492</t>
  </si>
  <si>
    <t>2614.470947265625</t>
  </si>
  <si>
    <t>-0.00047512710543529124</t>
  </si>
  <si>
    <t>27.852895736694336</t>
  </si>
  <si>
    <t>2461.787109375</t>
  </si>
  <si>
    <t>-0.026973988732850174</t>
  </si>
  <si>
    <t>21863</t>
  </si>
  <si>
    <t>28.179670333862305</t>
  </si>
  <si>
    <t>2493.2431640625</t>
  </si>
  <si>
    <t>0.06524925864150433</t>
  </si>
  <si>
    <t>22471</t>
  </si>
  <si>
    <t>27.875516891479492</t>
  </si>
  <si>
    <t>2440.84033203125</t>
  </si>
  <si>
    <t>0.027429878695045318</t>
  </si>
  <si>
    <t>27.95289421081543</t>
  </si>
  <si>
    <t>2494.546630859375</t>
  </si>
  <si>
    <t>0.028169640804756924</t>
  </si>
  <si>
    <t>23251</t>
  </si>
  <si>
    <t>27.985626220703125</t>
  </si>
  <si>
    <t>2510.3046875</t>
  </si>
  <si>
    <t>0.005952912066565119</t>
  </si>
  <si>
    <t>23756</t>
  </si>
  <si>
    <t>28.10466766357422</t>
  </si>
  <si>
    <t>2033.95654296875</t>
  </si>
  <si>
    <t>0.02148698829249618</t>
  </si>
  <si>
    <t>28.225229263305664</t>
  </si>
  <si>
    <t>1970.083251953125</t>
  </si>
  <si>
    <t>0.012923372601457928</t>
  </si>
  <si>
    <t>24627</t>
  </si>
  <si>
    <t>28.377893447875977</t>
  </si>
  <si>
    <t>2253.318359375</t>
  </si>
  <si>
    <t>0.02308489927916746</t>
  </si>
  <si>
    <t>25383</t>
  </si>
  <si>
    <t>27.92729377746582</t>
  </si>
  <si>
    <t>2203.669189453125</t>
  </si>
  <si>
    <t>0.03023625657623441</t>
  </si>
  <si>
    <t>28.144845962524414</t>
  </si>
  <si>
    <t>2284.801513671875</t>
  </si>
  <si>
    <t>0.01846302372821107</t>
  </si>
  <si>
    <t>28.465978622436523</t>
  </si>
  <si>
    <t>1930.463134765625</t>
  </si>
  <si>
    <t>0.0355979770311734</t>
  </si>
  <si>
    <t>28.174028396606445</t>
  </si>
  <si>
    <t>2526.725341796875</t>
  </si>
  <si>
    <t>-0.046251680192657574</t>
  </si>
  <si>
    <t>26101</t>
  </si>
  <si>
    <t>28.03264808654785</t>
  </si>
  <si>
    <t>2692.60595703125</t>
  </si>
  <si>
    <t>0.020084648593723387</t>
  </si>
  <si>
    <t>27.917757034301758</t>
  </si>
  <si>
    <t>2600.8359375</t>
  </si>
  <si>
    <t>0.07108765812426121</t>
  </si>
  <si>
    <t>27.065614700317383</t>
  </si>
  <si>
    <t>2264.705810546875</t>
  </si>
  <si>
    <t>419.08868408203125</t>
  </si>
  <si>
    <t>Pahang</t>
  </si>
  <si>
    <t>26.9744930267334</t>
  </si>
  <si>
    <t>2454.0341796875</t>
  </si>
  <si>
    <t>0.05807175820839383</t>
  </si>
  <si>
    <t>26.93287467956543</t>
  </si>
  <si>
    <t>2335.715576171875</t>
  </si>
  <si>
    <t>0.05257115010523172</t>
  </si>
  <si>
    <t>26.862775802612305</t>
  </si>
  <si>
    <t>2677.02734375</t>
  </si>
  <si>
    <t>0.06220318847940298</t>
  </si>
  <si>
    <t>26.905351638793945</t>
  </si>
  <si>
    <t>2848.021240234375</t>
  </si>
  <si>
    <t>0.05609421343766563</t>
  </si>
  <si>
    <t>12935</t>
  </si>
  <si>
    <t>26.9649600982666</t>
  </si>
  <si>
    <t>2799.9931640625</t>
  </si>
  <si>
    <t>0.062278481924829876</t>
  </si>
  <si>
    <t>26.98850440979004</t>
  </si>
  <si>
    <t>2551.781005859375</t>
  </si>
  <si>
    <t>0.06255549710257036</t>
  </si>
  <si>
    <t>14311</t>
  </si>
  <si>
    <t>27.40180206298828</t>
  </si>
  <si>
    <t>2297.950927734375</t>
  </si>
  <si>
    <t>0.03853615958817613</t>
  </si>
  <si>
    <t>27.59649658203125</t>
  </si>
  <si>
    <t>2510.9267578125</t>
  </si>
  <si>
    <t>-0.10760684300373491</t>
  </si>
  <si>
    <t>26.870031356811523</t>
  </si>
  <si>
    <t>2964.43603515625</t>
  </si>
  <si>
    <t>0.029518760734362104</t>
  </si>
  <si>
    <t>27.089759826660156</t>
  </si>
  <si>
    <t>3073.803955078125</t>
  </si>
  <si>
    <t>0.05483039803042722</t>
  </si>
  <si>
    <t>13689</t>
  </si>
  <si>
    <t>27.219261169433594</t>
  </si>
  <si>
    <t>2379.62353515625</t>
  </si>
  <si>
    <t>-0.021178197476418248</t>
  </si>
  <si>
    <t>27.544281005859375</t>
  </si>
  <si>
    <t>2436.607666015625</t>
  </si>
  <si>
    <t>0.026741295769143747</t>
  </si>
  <si>
    <t>14506</t>
  </si>
  <si>
    <t>27.37255096435547</t>
  </si>
  <si>
    <t>2817.99609375</t>
  </si>
  <si>
    <t>0.031228470558701815</t>
  </si>
  <si>
    <t>27.216293334960938</t>
  </si>
  <si>
    <t>2195.111572265625</t>
  </si>
  <si>
    <t>0.04132372992876299</t>
  </si>
  <si>
    <t>27.308191299438477</t>
  </si>
  <si>
    <t>2548.873291015625</t>
  </si>
  <si>
    <t>0.028367459192438105</t>
  </si>
  <si>
    <t>27.09309959411621</t>
  </si>
  <si>
    <t>2919.535888671875</t>
  </si>
  <si>
    <t>0.04924013685725548</t>
  </si>
  <si>
    <t>27.096948623657227</t>
  </si>
  <si>
    <t>2579.985595703125</t>
  </si>
  <si>
    <t>0.054202511806909826</t>
  </si>
  <si>
    <t>26.92359733581543</t>
  </si>
  <si>
    <t>2960.4052734375</t>
  </si>
  <si>
    <t>0.011700758870146544</t>
  </si>
  <si>
    <t>16443</t>
  </si>
  <si>
    <t>27.296737670898438</t>
  </si>
  <si>
    <t>2696.034423828125</t>
  </si>
  <si>
    <t>-0.059497098864644826</t>
  </si>
  <si>
    <t>17597</t>
  </si>
  <si>
    <t>27.522903442382812</t>
  </si>
  <si>
    <t>2786.144775390625</t>
  </si>
  <si>
    <t>0.06782857823753474</t>
  </si>
  <si>
    <t>27.229942321777344</t>
  </si>
  <si>
    <t>2806.0673828125</t>
  </si>
  <si>
    <t>0.06362530664816113</t>
  </si>
  <si>
    <t>27.327354431152344</t>
  </si>
  <si>
    <t>2884.0302734375</t>
  </si>
  <si>
    <t>-0.004971544198587807</t>
  </si>
  <si>
    <t>18835</t>
  </si>
  <si>
    <t>27.365907669067383</t>
  </si>
  <si>
    <t>2624.010498046875</t>
  </si>
  <si>
    <t>0.0093346457248078</t>
  </si>
  <si>
    <t>27.508928298950195</t>
  </si>
  <si>
    <t>2254.62353515625</t>
  </si>
  <si>
    <t>0.0353640689688568</t>
  </si>
  <si>
    <t>27.61944580078125</t>
  </si>
  <si>
    <t>2118.2939453125</t>
  </si>
  <si>
    <t>0.027247989288394336</t>
  </si>
  <si>
    <t>20778</t>
  </si>
  <si>
    <t>27.73639678955078</t>
  </si>
  <si>
    <t>2683.931884765625</t>
  </si>
  <si>
    <t>0.03556583524708401</t>
  </si>
  <si>
    <t>21741</t>
  </si>
  <si>
    <t>27.317644119262695</t>
  </si>
  <si>
    <t>2540.596923828125</t>
  </si>
  <si>
    <t>0.04530514414691389</t>
  </si>
  <si>
    <t>21384</t>
  </si>
  <si>
    <t>27.498693466186523</t>
  </si>
  <si>
    <t>2397.8076171875</t>
  </si>
  <si>
    <t>-0.01655689995863696</t>
  </si>
  <si>
    <t>21585</t>
  </si>
  <si>
    <t>27.82295036315918</t>
  </si>
  <si>
    <t>2034.0523681640625</t>
  </si>
  <si>
    <t>0.009355650170823182</t>
  </si>
  <si>
    <t>21050</t>
  </si>
  <si>
    <t>27.588712692260742</t>
  </si>
  <si>
    <t>2824.110107421875</t>
  </si>
  <si>
    <t>-0.025098068879049862</t>
  </si>
  <si>
    <t>27.428741455078125</t>
  </si>
  <si>
    <t>2930.18505859375</t>
  </si>
  <si>
    <t>0.020128595307634</t>
  </si>
  <si>
    <t>27.300323486328125</t>
  </si>
  <si>
    <t>3243.45361328125</t>
  </si>
  <si>
    <t>0.0710703594048887</t>
  </si>
  <si>
    <t>26.37898063659668</t>
  </si>
  <si>
    <t>2585.417724609375</t>
  </si>
  <si>
    <t>699.371337890625</t>
  </si>
  <si>
    <t>Perak</t>
  </si>
  <si>
    <t>26.261823654174805</t>
  </si>
  <si>
    <t>2840.29736328125</t>
  </si>
  <si>
    <t>0.058114348415811534</t>
  </si>
  <si>
    <t>8046</t>
  </si>
  <si>
    <t>26.26041603088379</t>
  </si>
  <si>
    <t>2508.921142578125</t>
  </si>
  <si>
    <t>0.05256311920455836</t>
  </si>
  <si>
    <t>26.14069366455078</t>
  </si>
  <si>
    <t>3082.111572265625</t>
  </si>
  <si>
    <t>0.06215873419515816</t>
  </si>
  <si>
    <t>26.196985244750977</t>
  </si>
  <si>
    <t>2893.383056640625</t>
  </si>
  <si>
    <t>0.0560937137380737</t>
  </si>
  <si>
    <t>26.25383949279785</t>
  </si>
  <si>
    <t>3334.01171875</t>
  </si>
  <si>
    <t>0.06238984734100406</t>
  </si>
  <si>
    <t>26.228309631347656</t>
  </si>
  <si>
    <t>3044.34765625</t>
  </si>
  <si>
    <t>0.06253293207823951</t>
  </si>
  <si>
    <t>26.64699363708496</t>
  </si>
  <si>
    <t>2835.171630859375</t>
  </si>
  <si>
    <t>0.03852328199633703</t>
  </si>
  <si>
    <t>26.875160217285156</t>
  </si>
  <si>
    <t>2859.07177734375</t>
  </si>
  <si>
    <t>-0.10761361462073538</t>
  </si>
  <si>
    <t>26.08233070373535</t>
  </si>
  <si>
    <t>3439.5458984375</t>
  </si>
  <si>
    <t>0.02942901954626187</t>
  </si>
  <si>
    <t>26.343149185180664</t>
  </si>
  <si>
    <t>3082.777587890625</t>
  </si>
  <si>
    <t>0.05494207462811218</t>
  </si>
  <si>
    <t>10200</t>
  </si>
  <si>
    <t>26.476104736328125</t>
  </si>
  <si>
    <t>2564.091064453125</t>
  </si>
  <si>
    <t>-0.021243342139822374</t>
  </si>
  <si>
    <t>26.82082176208496</t>
  </si>
  <si>
    <t>2847.16259765625</t>
  </si>
  <si>
    <t>0.026699206355241145</t>
  </si>
  <si>
    <t>10809</t>
  </si>
  <si>
    <t>26.622642517089844</t>
  </si>
  <si>
    <t>3341.189208984375</t>
  </si>
  <si>
    <t>0.03129219378859993</t>
  </si>
  <si>
    <t>26.511945724487305</t>
  </si>
  <si>
    <t>2601.819580078125</t>
  </si>
  <si>
    <t>0.04132145345014138</t>
  </si>
  <si>
    <t>26.530136108398438</t>
  </si>
  <si>
    <t>2836.818115234375</t>
  </si>
  <si>
    <t>0.0283557984680467</t>
  </si>
  <si>
    <t>11939</t>
  </si>
  <si>
    <t>26.340707778930664</t>
  </si>
  <si>
    <t>3252.97998046875</t>
  </si>
  <si>
    <t>0.02975398001099805</t>
  </si>
  <si>
    <t>26.343650817871094</t>
  </si>
  <si>
    <t>2954.655517578125</t>
  </si>
  <si>
    <t>0.06100392936304466</t>
  </si>
  <si>
    <t>26.131378173828125</t>
  </si>
  <si>
    <t>3363.575439453125</t>
  </si>
  <si>
    <t>0.018271766235955056</t>
  </si>
  <si>
    <t>26.486534118652344</t>
  </si>
  <si>
    <t>3295.369140625</t>
  </si>
  <si>
    <t>-0.021349784529718363</t>
  </si>
  <si>
    <t>26.746641159057617</t>
  </si>
  <si>
    <t>2915.908447265625</t>
  </si>
  <si>
    <t>0.047241940079683076</t>
  </si>
  <si>
    <t>26.395658493041992</t>
  </si>
  <si>
    <t>3200.767333984375</t>
  </si>
  <si>
    <t>0.04877939300813949</t>
  </si>
  <si>
    <t>26.53827667236328</t>
  </si>
  <si>
    <t>3345.429443359375</t>
  </si>
  <si>
    <t>0.044932449275368214</t>
  </si>
  <si>
    <t>14887</t>
  </si>
  <si>
    <t>26.58136749267578</t>
  </si>
  <si>
    <t>3042.260009765625</t>
  </si>
  <si>
    <t>0.021798303099195948</t>
  </si>
  <si>
    <t>26.72028350830078</t>
  </si>
  <si>
    <t>2591.759521484375</t>
  </si>
  <si>
    <t>0.061608020624376536</t>
  </si>
  <si>
    <t>16698</t>
  </si>
  <si>
    <t>26.8388729095459</t>
  </si>
  <si>
    <t>2841.82763671875</t>
  </si>
  <si>
    <t>0.05319258225251211</t>
  </si>
  <si>
    <t>17380</t>
  </si>
  <si>
    <t>26.980676651000977</t>
  </si>
  <si>
    <t>2762.107666015625</t>
  </si>
  <si>
    <t>0.04003116806543794</t>
  </si>
  <si>
    <t>17843</t>
  </si>
  <si>
    <t>26.53106689453125</t>
  </si>
  <si>
    <t>2851.30419921875</t>
  </si>
  <si>
    <t>0.026291154612044565</t>
  </si>
  <si>
    <t>26.708871841430664</t>
  </si>
  <si>
    <t>2784.687255859375</t>
  </si>
  <si>
    <t>0.020524350367114863</t>
  </si>
  <si>
    <t>27.063783645629883</t>
  </si>
  <si>
    <t>2412.1357421875</t>
  </si>
  <si>
    <t>0.027510263609725527</t>
  </si>
  <si>
    <t>18337</t>
  </si>
  <si>
    <t>26.801651000976562</t>
  </si>
  <si>
    <t>2939.87548828125</t>
  </si>
  <si>
    <t>-0.02072501185910447</t>
  </si>
  <si>
    <t>26.65656280517578</t>
  </si>
  <si>
    <t>3173.336669921875</t>
  </si>
  <si>
    <t>0.020083814936254996</t>
  </si>
  <si>
    <t>26.544607162475586</t>
  </si>
  <si>
    <t>3309.11328125</t>
  </si>
  <si>
    <t>0.07106814814912887</t>
  </si>
  <si>
    <t>15688</t>
  </si>
  <si>
    <t>27.950002670288086</t>
  </si>
  <si>
    <t>2406.10009765625</t>
  </si>
  <si>
    <t>1183.6954345703125</t>
  </si>
  <si>
    <t>Pulau Pinang</t>
  </si>
  <si>
    <t>16626</t>
  </si>
  <si>
    <t>2462.2001953125</t>
  </si>
  <si>
    <t>0.0580716462148505</t>
  </si>
  <si>
    <t>17524</t>
  </si>
  <si>
    <t>2204.699951171875</t>
  </si>
  <si>
    <t>0.05260363484275565</t>
  </si>
  <si>
    <t>18648</t>
  </si>
  <si>
    <t>27.675003051757812</t>
  </si>
  <si>
    <t>2855.300048828125</t>
  </si>
  <si>
    <t>0.0621675317818049</t>
  </si>
  <si>
    <t>2560.80029296875</t>
  </si>
  <si>
    <t>0.05614796499848218</t>
  </si>
  <si>
    <t>2840.60009765625</t>
  </si>
  <si>
    <t>0.06230218209024585</t>
  </si>
  <si>
    <t>22347</t>
  </si>
  <si>
    <t>27.766664505004883</t>
  </si>
  <si>
    <t>2776.5</t>
  </si>
  <si>
    <t>0.0625030350400646</t>
  </si>
  <si>
    <t>2346.400146484375</t>
  </si>
  <si>
    <t>0.038580256961317616</t>
  </si>
  <si>
    <t>20856</t>
  </si>
  <si>
    <t>-0.10763066419236544</t>
  </si>
  <si>
    <t>3393.199951171875</t>
  </si>
  <si>
    <t>0.029480593009463263</t>
  </si>
  <si>
    <t>2942.100341796875</t>
  </si>
  <si>
    <t>0.05489016982365591</t>
  </si>
  <si>
    <t>28.033334732055664</t>
  </si>
  <si>
    <t>2520.39990234375</t>
  </si>
  <si>
    <t>-0.02119968945982187</t>
  </si>
  <si>
    <t>22818</t>
  </si>
  <si>
    <t>28.3416690826416</t>
  </si>
  <si>
    <t>2522.599853515625</t>
  </si>
  <si>
    <t>0.02673694816967931</t>
  </si>
  <si>
    <t>23542</t>
  </si>
  <si>
    <t>3093.60009765625</t>
  </si>
  <si>
    <t>0.031236361816111113</t>
  </si>
  <si>
    <t>2089.5</t>
  </si>
  <si>
    <t>0.041314609551577064</t>
  </si>
  <si>
    <t>25241</t>
  </si>
  <si>
    <t>2489.800048828125</t>
  </si>
  <si>
    <t>0.028368986997655554</t>
  </si>
  <si>
    <t>27.816665649414062</t>
  </si>
  <si>
    <t>0.057242048514932975</t>
  </si>
  <si>
    <t>26849</t>
  </si>
  <si>
    <t>27.81667137145996</t>
  </si>
  <si>
    <t>2490.400146484375</t>
  </si>
  <si>
    <t>0.004516871258987365</t>
  </si>
  <si>
    <t>-0.020355500874337906</t>
  </si>
  <si>
    <t>24085</t>
  </si>
  <si>
    <t>3039.30029296875</t>
  </si>
  <si>
    <t>-0.08828383535692019</t>
  </si>
  <si>
    <t>28.26666831970215</t>
  </si>
  <si>
    <t>2545.300048828125</t>
  </si>
  <si>
    <t>0.06486284055612046</t>
  </si>
  <si>
    <t>25239</t>
  </si>
  <si>
    <t>2840.400146484375</t>
  </si>
  <si>
    <t>-0.018061663401518047</t>
  </si>
  <si>
    <t>28.116662979125977</t>
  </si>
  <si>
    <t>2945.80029296875</t>
  </si>
  <si>
    <t>0.0345405698275858</t>
  </si>
  <si>
    <t>2547.100341796875</t>
  </si>
  <si>
    <t>0.0327947616555484</t>
  </si>
  <si>
    <t>28581</t>
  </si>
  <si>
    <t>2266.800048828125</t>
  </si>
  <si>
    <t>0.05701641267283186</t>
  </si>
  <si>
    <t>30006</t>
  </si>
  <si>
    <t>28.34166717529297</t>
  </si>
  <si>
    <t>2476.400146484375</t>
  </si>
  <si>
    <t>0.048655200272069266</t>
  </si>
  <si>
    <t>30913</t>
  </si>
  <si>
    <t>2560.400146484375</t>
  </si>
  <si>
    <t>0.029779445738519428</t>
  </si>
  <si>
    <t>31093</t>
  </si>
  <si>
    <t>2423.7998046875</t>
  </si>
  <si>
    <t>0.005805906061603139</t>
  </si>
  <si>
    <t>2443.400146484375</t>
  </si>
  <si>
    <t>0.022766555146827017</t>
  </si>
  <si>
    <t>32592</t>
  </si>
  <si>
    <t>2072.500244140625</t>
  </si>
  <si>
    <t>0.024317590872678707</t>
  </si>
  <si>
    <t>31925</t>
  </si>
  <si>
    <t>2579.7001953125</t>
  </si>
  <si>
    <t>-0.02067745756584749</t>
  </si>
  <si>
    <t>2627.099853515625</t>
  </si>
  <si>
    <t>0.02012502223276691</t>
  </si>
  <si>
    <t>28.05833625793457</t>
  </si>
  <si>
    <t>2843.0</t>
  </si>
  <si>
    <t>0.07103331716727546</t>
  </si>
  <si>
    <t>24.576332092285156</t>
  </si>
  <si>
    <t>1912.0941162109375</t>
  </si>
  <si>
    <t>865.9861450195312</t>
  </si>
  <si>
    <t>Sabah</t>
  </si>
  <si>
    <t>24.52657127380371</t>
  </si>
  <si>
    <t>2081.9892578125</t>
  </si>
  <si>
    <t>0.058190638973721676</t>
  </si>
  <si>
    <t>7271</t>
  </si>
  <si>
    <t>24.397613525390625</t>
  </si>
  <si>
    <t>1893.80810546875</t>
  </si>
  <si>
    <t>0.05251736010394836</t>
  </si>
  <si>
    <t>24.415998458862305</t>
  </si>
  <si>
    <t>2168.203369140625</t>
  </si>
  <si>
    <t>0.06224942261040134</t>
  </si>
  <si>
    <t>8185</t>
  </si>
  <si>
    <t>24.448659896850586</t>
  </si>
  <si>
    <t>2324.508056640625</t>
  </si>
  <si>
    <t>0.056159954544776625</t>
  </si>
  <si>
    <t>24.36876106262207</t>
  </si>
  <si>
    <t>2727.026123046875</t>
  </si>
  <si>
    <t>0.062283384013657184</t>
  </si>
  <si>
    <t>9273</t>
  </si>
  <si>
    <t>24.31774139404297</t>
  </si>
  <si>
    <t>2456.073974609375</t>
  </si>
  <si>
    <t>9637</t>
  </si>
  <si>
    <t>24.63142967224121</t>
  </si>
  <si>
    <t>1898.520751953125</t>
  </si>
  <si>
    <t>0.0385029050510628</t>
  </si>
  <si>
    <t>24.878721237182617</t>
  </si>
  <si>
    <t>2357.373779296875</t>
  </si>
  <si>
    <t>-0.10758821506645866</t>
  </si>
  <si>
    <t>24.435224533081055</t>
  </si>
  <si>
    <t>2833.506103515625</t>
  </si>
  <si>
    <t>0.029489243345887317</t>
  </si>
  <si>
    <t>24.517274856567383</t>
  </si>
  <si>
    <t>2895.84130859375</t>
  </si>
  <si>
    <t>0.05489948480939688</t>
  </si>
  <si>
    <t>24.603578567504883</t>
  </si>
  <si>
    <t>2349.22265625</t>
  </si>
  <si>
    <t>-0.021252275659659148</t>
  </si>
  <si>
    <t>9468</t>
  </si>
  <si>
    <t>24.63697052001953</t>
  </si>
  <si>
    <t>1958.292724609375</t>
  </si>
  <si>
    <t>0.02675959735342026</t>
  </si>
  <si>
    <t>24.476579666137695</t>
  </si>
  <si>
    <t>2259.748291015625</t>
  </si>
  <si>
    <t>0.03119404515666524</t>
  </si>
  <si>
    <t>24.492143630981445</t>
  </si>
  <si>
    <t>1963.2073974609375</t>
  </si>
  <si>
    <t>0.04141150131665583</t>
  </si>
  <si>
    <t>24.543128967285156</t>
  </si>
  <si>
    <t>2835.229248046875</t>
  </si>
  <si>
    <t>0.02837275773223702</t>
  </si>
  <si>
    <t>24.483360290527344</t>
  </si>
  <si>
    <t>2852.631103515625</t>
  </si>
  <si>
    <t>0.04453478043632586</t>
  </si>
  <si>
    <t>24.394742965698242</t>
  </si>
  <si>
    <t>2512.14208984375</t>
  </si>
  <si>
    <t>0.09704367779784207</t>
  </si>
  <si>
    <t>24.134721755981445</t>
  </si>
  <si>
    <t>3369.468994140625</t>
  </si>
  <si>
    <t>0.12560664624734308</t>
  </si>
  <si>
    <t>24.455434799194336</t>
  </si>
  <si>
    <t>2446.817138671875</t>
  </si>
  <si>
    <t>-0.09709513689794314</t>
  </si>
  <si>
    <t>24.474767684936523</t>
  </si>
  <si>
    <t>2819.168701171875</t>
  </si>
  <si>
    <t>0.053015393198069916</t>
  </si>
  <si>
    <t>13625</t>
  </si>
  <si>
    <t>24.47888946533203</t>
  </si>
  <si>
    <t>3077.978515625</t>
  </si>
  <si>
    <t>0.03990498391037356</t>
  </si>
  <si>
    <t>24.622167587280273</t>
  </si>
  <si>
    <t>2724.490966796875</t>
  </si>
  <si>
    <t>-0.0248944678241525</t>
  </si>
  <si>
    <t>13094</t>
  </si>
  <si>
    <t>24.54811668395996</t>
  </si>
  <si>
    <t>2805.28515625</t>
  </si>
  <si>
    <t>-0.014857762706254718</t>
  </si>
  <si>
    <t>13078</t>
  </si>
  <si>
    <t>24.580167770385742</t>
  </si>
  <si>
    <t>2444.3173828125</t>
  </si>
  <si>
    <t>-0.0012226808798150302</t>
  </si>
  <si>
    <t>12930</t>
  </si>
  <si>
    <t>24.915802001953125</t>
  </si>
  <si>
    <t>1690.5772705078125</t>
  </si>
  <si>
    <t>-0.011381236355319402</t>
  </si>
  <si>
    <t>13456</t>
  </si>
  <si>
    <t>25.101661682128906</t>
  </si>
  <si>
    <t>2246.74951171875</t>
  </si>
  <si>
    <t>0.03987491044682656</t>
  </si>
  <si>
    <t>24.622224807739258</t>
  </si>
  <si>
    <t>3126.26318359375</t>
  </si>
  <si>
    <t>0.10755786191119476</t>
  </si>
  <si>
    <t>24.833946228027344</t>
  </si>
  <si>
    <t>2549.705322265625</t>
  </si>
  <si>
    <t>0.0355974788572464</t>
  </si>
  <si>
    <t>14978</t>
  </si>
  <si>
    <t>24.94849395751953</t>
  </si>
  <si>
    <t>2201.768310546875</t>
  </si>
  <si>
    <t>-0.03599798617185712</t>
  </si>
  <si>
    <t>24.750059127807617</t>
  </si>
  <si>
    <t>2820.687255859375</t>
  </si>
  <si>
    <t>-0.1732825480226019</t>
  </si>
  <si>
    <t>12850</t>
  </si>
  <si>
    <t>24.736391067504883</t>
  </si>
  <si>
    <t>2536.67626953125</t>
  </si>
  <si>
    <t>0.020043901536654474</t>
  </si>
  <si>
    <t>24.534135818481445</t>
  </si>
  <si>
    <t>3235.300048828125</t>
  </si>
  <si>
    <t>0.07110736588466793</t>
  </si>
  <si>
    <t>14786</t>
  </si>
  <si>
    <t>26.954360961914062</t>
  </si>
  <si>
    <t>3316.252685546875</t>
  </si>
  <si>
    <t>816.7387084960938</t>
  </si>
  <si>
    <t>Sarawak</t>
  </si>
  <si>
    <t>15670</t>
  </si>
  <si>
    <t>26.91139793395996</t>
  </si>
  <si>
    <t>3152.098388671875</t>
  </si>
  <si>
    <t>0.05806726923302108</t>
  </si>
  <si>
    <t>16517</t>
  </si>
  <si>
    <t>26.78972816467285</t>
  </si>
  <si>
    <t>3455.04296875</t>
  </si>
  <si>
    <t>0.05264209717102375</t>
  </si>
  <si>
    <t>26.79582405090332</t>
  </si>
  <si>
    <t>3666.264892578125</t>
  </si>
  <si>
    <t>0.062144181543356325</t>
  </si>
  <si>
    <t>18591</t>
  </si>
  <si>
    <t>26.882009506225586</t>
  </si>
  <si>
    <t>4183.0146484375</t>
  </si>
  <si>
    <t>0.0561432575657701</t>
  </si>
  <si>
    <t>26.831872940063477</t>
  </si>
  <si>
    <t>4277.14599609375</t>
  </si>
  <si>
    <t>0.062297024252950806</t>
  </si>
  <si>
    <t>21063</t>
  </si>
  <si>
    <t>26.890562057495117</t>
  </si>
  <si>
    <t>3629.45458984375</t>
  </si>
  <si>
    <t>0.06254332980219068</t>
  </si>
  <si>
    <t>27.26215171813965</t>
  </si>
  <si>
    <t>3218.409423828125</t>
  </si>
  <si>
    <t>0.038557646748371255</t>
  </si>
  <si>
    <t>27.413414001464844</t>
  </si>
  <si>
    <t>3642.01953125</t>
  </si>
  <si>
    <t>-0.10764208447593049</t>
  </si>
  <si>
    <t>20246</t>
  </si>
  <si>
    <t>26.933881759643555</t>
  </si>
  <si>
    <t>4188.92578125</t>
  </si>
  <si>
    <t>0.029523734200898488</t>
  </si>
  <si>
    <t>27.07033348083496</t>
  </si>
  <si>
    <t>3899.738525390625</t>
  </si>
  <si>
    <t>0.05487277390992418</t>
  </si>
  <si>
    <t>27.160429000854492</t>
  </si>
  <si>
    <t>3691.295654296875</t>
  </si>
  <si>
    <t>-0.021216568276305026</t>
  </si>
  <si>
    <t>27.264863967895508</t>
  </si>
  <si>
    <t>3776.5927734375</t>
  </si>
  <si>
    <t>0.02671851715815521</t>
  </si>
  <si>
    <t>27.018396377563477</t>
  </si>
  <si>
    <t>4374.80126953125</t>
  </si>
  <si>
    <t>0.03126470461594444</t>
  </si>
  <si>
    <t>26.978300094604492</t>
  </si>
  <si>
    <t>3992.73583984375</t>
  </si>
  <si>
    <t>0.041317612814209426</t>
  </si>
  <si>
    <t>23791</t>
  </si>
  <si>
    <t>27.077451705932617</t>
  </si>
  <si>
    <t>3514.378173828125</t>
  </si>
  <si>
    <t>0.028393074501217086</t>
  </si>
  <si>
    <t>25066</t>
  </si>
  <si>
    <t>27.0321102142334</t>
  </si>
  <si>
    <t>3820.32958984375</t>
  </si>
  <si>
    <t>0.052204988289624055</t>
  </si>
  <si>
    <t>26.958343505859375</t>
  </si>
  <si>
    <t>4273.28564453125</t>
  </si>
  <si>
    <t>0.04969023885663759</t>
  </si>
  <si>
    <t>26.69526481628418</t>
  </si>
  <si>
    <t>5152.2890625</t>
  </si>
  <si>
    <t>0.09564486857277643</t>
  </si>
  <si>
    <t>27.163347244262695</t>
  </si>
  <si>
    <t>4088.038818359375</t>
  </si>
  <si>
    <t>-0.14653266455628966</t>
  </si>
  <si>
    <t>26108</t>
  </si>
  <si>
    <t>27.120948791503906</t>
  </si>
  <si>
    <t>4210.36376953125</t>
  </si>
  <si>
    <t>0.041926991710516504</t>
  </si>
  <si>
    <t>26.987098693847656</t>
  </si>
  <si>
    <t>3941.639404296875</t>
  </si>
  <si>
    <t>0.08681984646865537</t>
  </si>
  <si>
    <t>27.156204223632812</t>
  </si>
  <si>
    <t>3635.130126953125</t>
  </si>
  <si>
    <t>0.0074521467938897246</t>
  </si>
  <si>
    <t>28939</t>
  </si>
  <si>
    <t>27.1690731048584</t>
  </si>
  <si>
    <t>4036.627197265625</t>
  </si>
  <si>
    <t>0.00867639232063766</t>
  </si>
  <si>
    <t>29275</t>
  </si>
  <si>
    <t>27.14087677001953</t>
  </si>
  <si>
    <t>3690.6455078125</t>
  </si>
  <si>
    <t>0.011543743127626627</t>
  </si>
  <si>
    <t>27.520055770874023</t>
  </si>
  <si>
    <t>3601.552001953125</t>
  </si>
  <si>
    <t>0.002388264526517858</t>
  </si>
  <si>
    <t>28824</t>
  </si>
  <si>
    <t>27.602388381958008</t>
  </si>
  <si>
    <t>4734.1435546875</t>
  </si>
  <si>
    <t>-0.017913800564505422</t>
  </si>
  <si>
    <t>27.19554328918457</t>
  </si>
  <si>
    <t>4676.08251953125</t>
  </si>
  <si>
    <t>0.056977221245217535</t>
  </si>
  <si>
    <t>31488</t>
  </si>
  <si>
    <t>27.34907341003418</t>
  </si>
  <si>
    <t>3877.13720703125</t>
  </si>
  <si>
    <t>0.031420926178832076</t>
  </si>
  <si>
    <t>27.5725040435791</t>
  </si>
  <si>
    <t>3288.774169921875</t>
  </si>
  <si>
    <t>0.003867005357683695</t>
  </si>
  <si>
    <t>28337</t>
  </si>
  <si>
    <t>27.314035415649414</t>
  </si>
  <si>
    <t>4234.2958984375</t>
  </si>
  <si>
    <t>-0.10930515501359395</t>
  </si>
  <si>
    <t>28913</t>
  </si>
  <si>
    <t>27.206541061401367</t>
  </si>
  <si>
    <t>3760.175537109375</t>
  </si>
  <si>
    <t>0.020122949752243713</t>
  </si>
  <si>
    <t>26.988996505737305</t>
  </si>
  <si>
    <t>4139.07177734375</t>
  </si>
  <si>
    <t>0.07104980526281679</t>
  </si>
  <si>
    <t>13736</t>
  </si>
  <si>
    <t>27.07872200012207</t>
  </si>
  <si>
    <t>2078.16796875</t>
  </si>
  <si>
    <t>1634.298095703125</t>
  </si>
  <si>
    <t>Selangor</t>
  </si>
  <si>
    <t>14557</t>
  </si>
  <si>
    <t>26.975852966308594</t>
  </si>
  <si>
    <t>2538.832763671875</t>
  </si>
  <si>
    <t>0.058051853987349133</t>
  </si>
  <si>
    <t>26.989181518554688</t>
  </si>
  <si>
    <t>2324.425048828125</t>
  </si>
  <si>
    <t>0.05265254055855806</t>
  </si>
  <si>
    <t>16327</t>
  </si>
  <si>
    <t>26.90165138244629</t>
  </si>
  <si>
    <t>2782.83447265625</t>
  </si>
  <si>
    <t>0.062095661002945945</t>
  </si>
  <si>
    <t>17270</t>
  </si>
  <si>
    <t>26.963380813598633</t>
  </si>
  <si>
    <t>2576.404296875</t>
  </si>
  <si>
    <t>0.05615071301455998</t>
  </si>
  <si>
    <t>18381</t>
  </si>
  <si>
    <t>27.043317794799805</t>
  </si>
  <si>
    <t>2794.428466796875</t>
  </si>
  <si>
    <t>0.06234663025303888</t>
  </si>
  <si>
    <t>27.074304580688477</t>
  </si>
  <si>
    <t>2600.00732421875</t>
  </si>
  <si>
    <t>0.06252695138433495</t>
  </si>
  <si>
    <t>27.496309280395508</t>
  </si>
  <si>
    <t>2402.308349609375</t>
  </si>
  <si>
    <t>0.03854824065113682</t>
  </si>
  <si>
    <t>18261</t>
  </si>
  <si>
    <t>27.628379821777344</t>
  </si>
  <si>
    <t>2277.722900390625</t>
  </si>
  <si>
    <t>-0.10762507626720108</t>
  </si>
  <si>
    <t>18807</t>
  </si>
  <si>
    <t>26.906715393066406</t>
  </si>
  <si>
    <t>2892.631591796875</t>
  </si>
  <si>
    <t>0.029461502780042892</t>
  </si>
  <si>
    <t>19868</t>
  </si>
  <si>
    <t>27.164705276489258</t>
  </si>
  <si>
    <t>2887.8740234375</t>
  </si>
  <si>
    <t>0.054881256285163715</t>
  </si>
  <si>
    <t>19452</t>
  </si>
  <si>
    <t>27.300851821899414</t>
  </si>
  <si>
    <t>2270.20751953125</t>
  </si>
  <si>
    <t>-0.021160504703564342</t>
  </si>
  <si>
    <t>19978</t>
  </si>
  <si>
    <t>27.64458656311035</t>
  </si>
  <si>
    <t>2447.18115234375</t>
  </si>
  <si>
    <t>0.02668177556841833</t>
  </si>
  <si>
    <t>27.380884170532227</t>
  </si>
  <si>
    <t>2845.924560546875</t>
  </si>
  <si>
    <t>0.03124176235601972</t>
  </si>
  <si>
    <t>27.191068649291992</t>
  </si>
  <si>
    <t>2262.374267578125</t>
  </si>
  <si>
    <t>0.04134194470987751</t>
  </si>
  <si>
    <t>22100</t>
  </si>
  <si>
    <t>27.246007919311523</t>
  </si>
  <si>
    <t>2407.465087890625</t>
  </si>
  <si>
    <t>0.028362233347850818</t>
  </si>
  <si>
    <t>27.019460678100586</t>
  </si>
  <si>
    <t>2771.87158203125</t>
  </si>
  <si>
    <t>0.003117308088109283</t>
  </si>
  <si>
    <t>22552</t>
  </si>
  <si>
    <t>27.084985733032227</t>
  </si>
  <si>
    <t>2453.51025390625</t>
  </si>
  <si>
    <t>0.017128837199996028</t>
  </si>
  <si>
    <t>22856</t>
  </si>
  <si>
    <t>26.8431339263916</t>
  </si>
  <si>
    <t>2808.44091796875</t>
  </si>
  <si>
    <t>0.013389911116659547</t>
  </si>
  <si>
    <t>27.225324630737305</t>
  </si>
  <si>
    <t>2671.52294921875</t>
  </si>
  <si>
    <t>-0.003286809716653849</t>
  </si>
  <si>
    <t>24059</t>
  </si>
  <si>
    <t>27.57233428955078</t>
  </si>
  <si>
    <t>2548.1611328125</t>
  </si>
  <si>
    <t>0.054582291711192</t>
  </si>
  <si>
    <t>24245</t>
  </si>
  <si>
    <t>27.282732009887695</t>
  </si>
  <si>
    <t>2643.122802734375</t>
  </si>
  <si>
    <t>0.007701263634306343</t>
  </si>
  <si>
    <t>27.339120864868164</t>
  </si>
  <si>
    <t>2705.085693359375</t>
  </si>
  <si>
    <t>0.050742513740063444</t>
  </si>
  <si>
    <t>26642</t>
  </si>
  <si>
    <t>27.367734909057617</t>
  </si>
  <si>
    <t>2464.618408203125</t>
  </si>
  <si>
    <t>0.043535993631891756</t>
  </si>
  <si>
    <t>27.48325538635254</t>
  </si>
  <si>
    <t>2198.492431640625</t>
  </si>
  <si>
    <t>0.035544222472115194</t>
  </si>
  <si>
    <t>28371</t>
  </si>
  <si>
    <t>27.570045471191406</t>
  </si>
  <si>
    <t>2239.169189453125</t>
  </si>
  <si>
    <t>0.027334356300098506</t>
  </si>
  <si>
    <t>28925</t>
  </si>
  <si>
    <t>27.719648361206055</t>
  </si>
  <si>
    <t>2468.682861328125</t>
  </si>
  <si>
    <t>0.019338776378255318</t>
  </si>
  <si>
    <t>27.305267333984375</t>
  </si>
  <si>
    <t>2243.61865234375</t>
  </si>
  <si>
    <t>0.03070775049334884</t>
  </si>
  <si>
    <t>27.512794494628906</t>
  </si>
  <si>
    <t>2420.223876953125</t>
  </si>
  <si>
    <t>0.03802464339608491</t>
  </si>
  <si>
    <t>27.8215274810791</t>
  </si>
  <si>
    <t>2162.6708984375</t>
  </si>
  <si>
    <t>0.04764756437713835</t>
  </si>
  <si>
    <t>27.565019607543945</t>
  </si>
  <si>
    <t>2621.271240234375</t>
  </si>
  <si>
    <t>-0.06908080096756386</t>
  </si>
  <si>
    <t>30942</t>
  </si>
  <si>
    <t>27.435203552246094</t>
  </si>
  <si>
    <t>2905.173583984375</t>
  </si>
  <si>
    <t>0.02010905391812834</t>
  </si>
  <si>
    <t>33221</t>
  </si>
  <si>
    <t>27.3183536529541</t>
  </si>
  <si>
    <t>2937.68408203125</t>
  </si>
  <si>
    <t>0.07106772178318899</t>
  </si>
  <si>
    <t>26.842458724975586</t>
  </si>
  <si>
    <t>2490.447021484375</t>
  </si>
  <si>
    <t>480.8584289550781</t>
  </si>
  <si>
    <t>Trengganu</t>
  </si>
  <si>
    <t>9829</t>
  </si>
  <si>
    <t>26.718719482421875</t>
  </si>
  <si>
    <t>2971.8544921875</t>
  </si>
  <si>
    <t>0.05812241361522297</t>
  </si>
  <si>
    <t>26.706863403320312</t>
  </si>
  <si>
    <t>2707.17431640625</t>
  </si>
  <si>
    <t>0.052615037246843244</t>
  </si>
  <si>
    <t>11024</t>
  </si>
  <si>
    <t>26.613191604614258</t>
  </si>
  <si>
    <t>3128.1162109375</t>
  </si>
  <si>
    <t>0.06212247743996713</t>
  </si>
  <si>
    <t>26.665802001953125</t>
  </si>
  <si>
    <t>3352.138916015625</t>
  </si>
  <si>
    <t>0.056175226266892864</t>
  </si>
  <si>
    <t>12410</t>
  </si>
  <si>
    <t>26.737035751342773</t>
  </si>
  <si>
    <t>3455.48828125</t>
  </si>
  <si>
    <t>0.06225265867831986</t>
  </si>
  <si>
    <t>13211</t>
  </si>
  <si>
    <t>26.76139259338379</t>
  </si>
  <si>
    <t>3233.575927734375</t>
  </si>
  <si>
    <t>0.06254721667970031</t>
  </si>
  <si>
    <t>13730</t>
  </si>
  <si>
    <t>27.131254196166992</t>
  </si>
  <si>
    <t>2844.557373046875</t>
  </si>
  <si>
    <t>0.03853340388366355</t>
  </si>
  <si>
    <t>12330</t>
  </si>
  <si>
    <t>27.327835083007812</t>
  </si>
  <si>
    <t>3083.46044921875</t>
  </si>
  <si>
    <t>-0.10754790260362768</t>
  </si>
  <si>
    <t>26.625547409057617</t>
  </si>
  <si>
    <t>4080.644287109375</t>
  </si>
  <si>
    <t>0.029487933030644342</t>
  </si>
  <si>
    <t>13415</t>
  </si>
  <si>
    <t>26.853233337402344</t>
  </si>
  <si>
    <t>3946.691650390625</t>
  </si>
  <si>
    <t>0.05485023367069175</t>
  </si>
  <si>
    <t>13134</t>
  </si>
  <si>
    <t>26.993715286254883</t>
  </si>
  <si>
    <t>2726.53564453125</t>
  </si>
  <si>
    <t>-0.021169196108807853</t>
  </si>
  <si>
    <t>13489</t>
  </si>
  <si>
    <t>27.28847312927246</t>
  </si>
  <si>
    <t>2921.376220703125</t>
  </si>
  <si>
    <t>0.02667025071876239</t>
  </si>
  <si>
    <t>13917</t>
  </si>
  <si>
    <t>27.031600952148438</t>
  </si>
  <si>
    <t>3386.480712890625</t>
  </si>
  <si>
    <t>0.031236575950172707</t>
  </si>
  <si>
    <t>26.967071533203125</t>
  </si>
  <si>
    <t>2619.555419921875</t>
  </si>
  <si>
    <t>0.041382303135652165</t>
  </si>
  <si>
    <t>14922</t>
  </si>
  <si>
    <t>26.940095901489258</t>
  </si>
  <si>
    <t>3253.46240234375</t>
  </si>
  <si>
    <t>0.028343216475954947</t>
  </si>
  <si>
    <t>15963</t>
  </si>
  <si>
    <t>26.7474365234375</t>
  </si>
  <si>
    <t>3228.352783203125</t>
  </si>
  <si>
    <t>0.06743691023301857</t>
  </si>
  <si>
    <t>16663</t>
  </si>
  <si>
    <t>26.7439022064209</t>
  </si>
  <si>
    <t>2933.4609375</t>
  </si>
  <si>
    <t>0.042917148274145944</t>
  </si>
  <si>
    <t>26.53655242919922</t>
  </si>
  <si>
    <t>3862.581787109375</t>
  </si>
  <si>
    <t>-0.01688544369939038</t>
  </si>
  <si>
    <t>26.944211959838867</t>
  </si>
  <si>
    <t>3252.123291015625</t>
  </si>
  <si>
    <t>-0.06936787203640371</t>
  </si>
  <si>
    <t>15741</t>
  </si>
  <si>
    <t>27.146974563598633</t>
  </si>
  <si>
    <t>3416.269287109375</t>
  </si>
  <si>
    <t>0.029331396551992128</t>
  </si>
  <si>
    <t>15938</t>
  </si>
  <si>
    <t>26.877927780151367</t>
  </si>
  <si>
    <t>3559.201416015625</t>
  </si>
  <si>
    <t>0.012437421602871979</t>
  </si>
  <si>
    <t>16133</t>
  </si>
  <si>
    <t>27.01845359802246</t>
  </si>
  <si>
    <t>3565.60791015625</t>
  </si>
  <si>
    <t>0.012160668708450117</t>
  </si>
  <si>
    <t>3348.00537109375</t>
  </si>
  <si>
    <t>0.01574351439768229</t>
  </si>
  <si>
    <t>27.113975524902344</t>
  </si>
  <si>
    <t>3103.311767578125</t>
  </si>
  <si>
    <t>0.03630880506639045</t>
  </si>
  <si>
    <t>17479</t>
  </si>
  <si>
    <t>27.28643798828125</t>
  </si>
  <si>
    <t>3012.814453125</t>
  </si>
  <si>
    <t>0.02808097720486913</t>
  </si>
  <si>
    <t>17438</t>
  </si>
  <si>
    <t>27.438711166381836</t>
  </si>
  <si>
    <t>3492.932861328125</t>
  </si>
  <si>
    <t>-0.0023484273473250994</t>
  </si>
  <si>
    <t>18151</t>
  </si>
  <si>
    <t>26.962738037109375</t>
  </si>
  <si>
    <t>3297.220458984375</t>
  </si>
  <si>
    <t>0.04007392260621678</t>
  </si>
  <si>
    <t>27.13062858581543</t>
  </si>
  <si>
    <t>3260.95068359375</t>
  </si>
  <si>
    <t>0.00011018069645274409</t>
  </si>
  <si>
    <t>27.478811264038086</t>
  </si>
  <si>
    <t>2876.548583984375</t>
  </si>
  <si>
    <t>0.0059318018716041365</t>
  </si>
  <si>
    <t>15680</t>
  </si>
  <si>
    <t>27.202035903930664</t>
  </si>
  <si>
    <t>3436.256591796875</t>
  </si>
  <si>
    <t>-0.15238162325763582</t>
  </si>
  <si>
    <t>15999</t>
  </si>
  <si>
    <t>27.059768676757812</t>
  </si>
  <si>
    <t>3340.202880859375</t>
  </si>
  <si>
    <t>0.0201402053643136</t>
  </si>
  <si>
    <t>17177</t>
  </si>
  <si>
    <t>26.956451416015625</t>
  </si>
  <si>
    <t>4315.279296875</t>
  </si>
  <si>
    <t>0.07104505936831274</t>
  </si>
  <si>
    <t>NGA</t>
  </si>
  <si>
    <t>26.916244506835938</t>
  </si>
  <si>
    <t>729.1620483398438</t>
  </si>
  <si>
    <t>10217.005859375</t>
  </si>
  <si>
    <t>North East</t>
  </si>
  <si>
    <t>Nigeria</t>
  </si>
  <si>
    <t>26.705244064331055</t>
  </si>
  <si>
    <t>861.4358520507812</t>
  </si>
  <si>
    <t>-0.021682174813872024</t>
  </si>
  <si>
    <t>26.11610221862793</t>
  </si>
  <si>
    <t>876.629150390625</t>
  </si>
  <si>
    <t>0.02006208535461873</t>
  </si>
  <si>
    <t>26.958616256713867</t>
  </si>
  <si>
    <t>791.9758911132812</t>
  </si>
  <si>
    <t>-0.060143383758947344</t>
  </si>
  <si>
    <t>26.310155868530273</t>
  </si>
  <si>
    <t>936.385498046875</t>
  </si>
  <si>
    <t>-0.05804508470250358</t>
  </si>
  <si>
    <t>27.10186004638672</t>
  </si>
  <si>
    <t>807.1175537109375</t>
  </si>
  <si>
    <t>-0.04049890195142414</t>
  </si>
  <si>
    <t>26.945398330688477</t>
  </si>
  <si>
    <t>927.4749755859375</t>
  </si>
  <si>
    <t>26.9510555267334</t>
  </si>
  <si>
    <t>901.1276245117188</t>
  </si>
  <si>
    <t>-0.010970775428351232</t>
  </si>
  <si>
    <t>27.334897994995117</t>
  </si>
  <si>
    <t>896.7413940429688</t>
  </si>
  <si>
    <t>-0.014493007302567307</t>
  </si>
  <si>
    <t>27.086647033691406</t>
  </si>
  <si>
    <t>946.0303955078125</t>
  </si>
  <si>
    <t>-0.03465693380904433</t>
  </si>
  <si>
    <t>26.40959930419922</t>
  </si>
  <si>
    <t>871.6383666992188</t>
  </si>
  <si>
    <t>0.0075282664207918515</t>
  </si>
  <si>
    <t>26.68428611755371</t>
  </si>
  <si>
    <t>932.2932739257812</t>
  </si>
  <si>
    <t>0.015381102038302785</t>
  </si>
  <si>
    <t>27.19769287109375</t>
  </si>
  <si>
    <t>793.8366088867188</t>
  </si>
  <si>
    <t>0.10017723859597005</t>
  </si>
  <si>
    <t>27.0516300201416</t>
  </si>
  <si>
    <t>1027.2996826171875</t>
  </si>
  <si>
    <t>0.02810900917814063</t>
  </si>
  <si>
    <t>27.118059158325195</t>
  </si>
  <si>
    <t>809.9175415039062</t>
  </si>
  <si>
    <t>0.04488475673217707</t>
  </si>
  <si>
    <t>27.46709632873535</t>
  </si>
  <si>
    <t>962.3997802734375</t>
  </si>
  <si>
    <t>0.019274740657726497</t>
  </si>
  <si>
    <t>26.990694046020508</t>
  </si>
  <si>
    <t>860.17724609375</t>
  </si>
  <si>
    <t>0.014916624090552943</t>
  </si>
  <si>
    <t>27.144180297851562</t>
  </si>
  <si>
    <t>869.848388671875</t>
  </si>
  <si>
    <t>0.019418085857101808</t>
  </si>
  <si>
    <t>27.04351043701172</t>
  </si>
  <si>
    <t>857.6398315429688</t>
  </si>
  <si>
    <t>0.020971642380396283</t>
  </si>
  <si>
    <t>27.792686462402344</t>
  </si>
  <si>
    <t>837.7820434570312</t>
  </si>
  <si>
    <t>0.05021661966999069</t>
  </si>
  <si>
    <t>27.69426727294922</t>
  </si>
  <si>
    <t>944.4573974609375</t>
  </si>
  <si>
    <t>0.0499034400984959</t>
  </si>
  <si>
    <t>27.3573055267334</t>
  </si>
  <si>
    <t>775.0579833984375</t>
  </si>
  <si>
    <t>0.024047878181638893</t>
  </si>
  <si>
    <t>27.27025604248047</t>
  </si>
  <si>
    <t>1047.897216796875</t>
  </si>
  <si>
    <t>0.014155949230131526</t>
  </si>
  <si>
    <t>27.408720016479492</t>
  </si>
  <si>
    <t>812.193359375</t>
  </si>
  <si>
    <t>0.03776511819567219</t>
  </si>
  <si>
    <t>27.303550720214844</t>
  </si>
  <si>
    <t>823.1099243164062</t>
  </si>
  <si>
    <t>0.03483569466747838</t>
  </si>
  <si>
    <t>27.02124786376953</t>
  </si>
  <si>
    <t>759.49560546875</t>
  </si>
  <si>
    <t>0.0009332711829994622</t>
  </si>
  <si>
    <t>27.577972412109375</t>
  </si>
  <si>
    <t>966.6166381835938</t>
  </si>
  <si>
    <t>-0.04158669395936876</t>
  </si>
  <si>
    <t>26.992692947387695</t>
  </si>
  <si>
    <t>896.4093627929688</t>
  </si>
  <si>
    <t>-0.017329189577226956</t>
  </si>
  <si>
    <t>27.14243507385254</t>
  </si>
  <si>
    <t>986.8824462890625</t>
  </si>
  <si>
    <t>-0.005954367575821351</t>
  </si>
  <si>
    <t>26.8691463470459</t>
  </si>
  <si>
    <t>953.617431640625</t>
  </si>
  <si>
    <t>-0.0026578088735202954</t>
  </si>
  <si>
    <t>26.98125457763672</t>
  </si>
  <si>
    <t>993.1246337890625</t>
  </si>
  <si>
    <t>-0.04281999718292795</t>
  </si>
  <si>
    <t>27.076017379760742</t>
  </si>
  <si>
    <t>783.5626220703125</t>
  </si>
  <si>
    <t>0.011736413625158093</t>
  </si>
  <si>
    <t>26.755517959594727</t>
  </si>
  <si>
    <t>978.326904296875</t>
  </si>
  <si>
    <t>0.008202369978672408</t>
  </si>
  <si>
    <t>27.33020782470703</t>
  </si>
  <si>
    <t>871.6849975585938</t>
  </si>
  <si>
    <t>9361.4609375</t>
  </si>
  <si>
    <t>North West</t>
  </si>
  <si>
    <t>26.941818237304688</t>
  </si>
  <si>
    <t>1125.6761474609375</t>
  </si>
  <si>
    <t>-0.021760858669969352</t>
  </si>
  <si>
    <t>26.643714904785156</t>
  </si>
  <si>
    <t>989.3252563476562</t>
  </si>
  <si>
    <t>0.020176825390867847</t>
  </si>
  <si>
    <t>27.29566764831543</t>
  </si>
  <si>
    <t>860.36474609375</t>
  </si>
  <si>
    <t>-0.04972592208261695</t>
  </si>
  <si>
    <t>26.728681564331055</t>
  </si>
  <si>
    <t>1141.08740234375</t>
  </si>
  <si>
    <t>-0.04777435239025696</t>
  </si>
  <si>
    <t>27.487760543823242</t>
  </si>
  <si>
    <t>955.84228515625</t>
  </si>
  <si>
    <t>-0.03016017142341454</t>
  </si>
  <si>
    <t>27.343421936035156</t>
  </si>
  <si>
    <t>989.1039428710938</t>
  </si>
  <si>
    <t>0.012529249279836563</t>
  </si>
  <si>
    <t>27.31346321105957</t>
  </si>
  <si>
    <t>1000.279541015625</t>
  </si>
  <si>
    <t>27.73101234436035</t>
  </si>
  <si>
    <t>1013.80908203125</t>
  </si>
  <si>
    <t>-0.0035637956464231735</t>
  </si>
  <si>
    <t>27.38001823425293</t>
  </si>
  <si>
    <t>1056.36572265625</t>
  </si>
  <si>
    <t>-0.023114066219429574</t>
  </si>
  <si>
    <t>26.969453811645508</t>
  </si>
  <si>
    <t>972.2276611328125</t>
  </si>
  <si>
    <t>0.019179165774732</t>
  </si>
  <si>
    <t>27.27851104736328</t>
  </si>
  <si>
    <t>991.8541870117188</t>
  </si>
  <si>
    <t>0.027224591067958492</t>
  </si>
  <si>
    <t>3207</t>
  </si>
  <si>
    <t>27.671539306640625</t>
  </si>
  <si>
    <t>968.1153564453125</t>
  </si>
  <si>
    <t>0.11206973380978447</t>
  </si>
  <si>
    <t>3338</t>
  </si>
  <si>
    <t>27.524749755859375</t>
  </si>
  <si>
    <t>1126.3233642578125</t>
  </si>
  <si>
    <t>0.04003590452862582</t>
  </si>
  <si>
    <t>27.519227981567383</t>
  </si>
  <si>
    <t>939.6800537109375</t>
  </si>
  <si>
    <t>0.05790708498370023</t>
  </si>
  <si>
    <t>27.95403289794922</t>
  </si>
  <si>
    <t>1067.6876220703125</t>
  </si>
  <si>
    <t>0.031722192450157394</t>
  </si>
  <si>
    <t>27.442672729492188</t>
  </si>
  <si>
    <t>1008.4601440429688</t>
  </si>
  <si>
    <t>0.028087182542597233</t>
  </si>
  <si>
    <t>3880</t>
  </si>
  <si>
    <t>27.542394638061523</t>
  </si>
  <si>
    <t>968.5730590820312</t>
  </si>
  <si>
    <t>0.0327468684190837</t>
  </si>
  <si>
    <t>27.395645141601562</t>
  </si>
  <si>
    <t>1023.5532836914062</t>
  </si>
  <si>
    <t>0.03470020174196442</t>
  </si>
  <si>
    <t>28.103487014770508</t>
  </si>
  <si>
    <t>1051.151611328125</t>
  </si>
  <si>
    <t>0.050010420574659875</t>
  </si>
  <si>
    <t>4439</t>
  </si>
  <si>
    <t>28.02287483215332</t>
  </si>
  <si>
    <t>1074.23876953125</t>
  </si>
  <si>
    <t>0.049883349900092355</t>
  </si>
  <si>
    <t>27.764108657836914</t>
  </si>
  <si>
    <t>888.8084106445312</t>
  </si>
  <si>
    <t>0.024038548990974462</t>
  </si>
  <si>
    <t>27.629709243774414</t>
  </si>
  <si>
    <t>1049.9261474609375</t>
  </si>
  <si>
    <t>0.014193927563939113</t>
  </si>
  <si>
    <t>27.802515029907227</t>
  </si>
  <si>
    <t>903.3831176757812</t>
  </si>
  <si>
    <t>0.03766001895366067</t>
  </si>
  <si>
    <t>27.69227409362793</t>
  </si>
  <si>
    <t>971.7372436523438</t>
  </si>
  <si>
    <t>0.03508411937636424</t>
  </si>
  <si>
    <t>27.574874877929688</t>
  </si>
  <si>
    <t>888.143798828125</t>
  </si>
  <si>
    <t>0.0008061266055232608</t>
  </si>
  <si>
    <t>27.991769790649414</t>
  </si>
  <si>
    <t>1067.540283203125</t>
  </si>
  <si>
    <t>-0.041544119277688196</t>
  </si>
  <si>
    <t>4680</t>
  </si>
  <si>
    <t>27.586294174194336</t>
  </si>
  <si>
    <t>993.613525390625</t>
  </si>
  <si>
    <t>-0.017369638135116716</t>
  </si>
  <si>
    <t>4652</t>
  </si>
  <si>
    <t>27.74452781677246</t>
  </si>
  <si>
    <t>1094.0450439453125</t>
  </si>
  <si>
    <t>-0.006000875273137751</t>
  </si>
  <si>
    <t>27.45454216003418</t>
  </si>
  <si>
    <t>1137.5477294921875</t>
  </si>
  <si>
    <t>-0.0025828684182531703</t>
  </si>
  <si>
    <t>27.71031379699707</t>
  </si>
  <si>
    <t>1168.863037109375</t>
  </si>
  <si>
    <t>-0.042709550696159226</t>
  </si>
  <si>
    <t>27.751771926879883</t>
  </si>
  <si>
    <t>938.1046752929688</t>
  </si>
  <si>
    <t>0.011628037995119911</t>
  </si>
  <si>
    <t>27.36326026916504</t>
  </si>
  <si>
    <t>1038.071044921875</t>
  </si>
  <si>
    <t>0.007971698548212558</t>
  </si>
  <si>
    <t>4488</t>
  </si>
  <si>
    <t>26.45270538330078</t>
  </si>
  <si>
    <t>2138.679931640625</t>
  </si>
  <si>
    <t>6400.11962890625</t>
  </si>
  <si>
    <t>South East</t>
  </si>
  <si>
    <t>4391</t>
  </si>
  <si>
    <t>26.245330810546875</t>
  </si>
  <si>
    <t>2120.9140625</t>
  </si>
  <si>
    <t>-0.021850176640816343</t>
  </si>
  <si>
    <t>4480</t>
  </si>
  <si>
    <t>26.264184951782227</t>
  </si>
  <si>
    <t>1849.7860107421875</t>
  </si>
  <si>
    <t>0.020066054847314163</t>
  </si>
  <si>
    <t>4217</t>
  </si>
  <si>
    <t>26.333908081054688</t>
  </si>
  <si>
    <t>2032.379638671875</t>
  </si>
  <si>
    <t>-0.06049907166247159</t>
  </si>
  <si>
    <t>26.318639755249023</t>
  </si>
  <si>
    <t>1920.8565673828125</t>
  </si>
  <si>
    <t>-0.05884768597009504</t>
  </si>
  <si>
    <t>26.542428970336914</t>
  </si>
  <si>
    <t>2195.3251953125</t>
  </si>
  <si>
    <t>-0.04107353520828738</t>
  </si>
  <si>
    <t>26.423782348632812</t>
  </si>
  <si>
    <t>2233.1318359375</t>
  </si>
  <si>
    <t>0.0007858546573391578</t>
  </si>
  <si>
    <t>26.359670639038086</t>
  </si>
  <si>
    <t>2321.564208984375</t>
  </si>
  <si>
    <t>-0.01185316129702052</t>
  </si>
  <si>
    <t>3717</t>
  </si>
  <si>
    <t>26.948514938354492</t>
  </si>
  <si>
    <t>1935.9156494140625</t>
  </si>
  <si>
    <t>-0.015218555631243191</t>
  </si>
  <si>
    <t>26.479543685913086</t>
  </si>
  <si>
    <t>2109.144287109375</t>
  </si>
  <si>
    <t>-0.035600692764969466</t>
  </si>
  <si>
    <t>3612</t>
  </si>
  <si>
    <t>26.635595321655273</t>
  </si>
  <si>
    <t>1994.3494873046875</t>
  </si>
  <si>
    <t>0.006945437004592492</t>
  </si>
  <si>
    <t>26.680465698242188</t>
  </si>
  <si>
    <t>2075.36767578125</t>
  </si>
  <si>
    <t>0.014566699783877368</t>
  </si>
  <si>
    <t>26.81288719177246</t>
  </si>
  <si>
    <t>2107.024169921875</t>
  </si>
  <si>
    <t>0.09914753055511305</t>
  </si>
  <si>
    <t>26.856355667114258</t>
  </si>
  <si>
    <t>2060.01123046875</t>
  </si>
  <si>
    <t>0.02705832354209292</t>
  </si>
  <si>
    <t>26.72833824157715</t>
  </si>
  <si>
    <t>2103.374267578125</t>
  </si>
  <si>
    <t>26.908889770507812</t>
  </si>
  <si>
    <t>1986.786865234375</t>
  </si>
  <si>
    <t>0.017784326453238464</t>
  </si>
  <si>
    <t>26.810712814331055</t>
  </si>
  <si>
    <t>2184.026611328125</t>
  </si>
  <si>
    <t>0.014136889760502314</t>
  </si>
  <si>
    <t>4572</t>
  </si>
  <si>
    <t>26.824838638305664</t>
  </si>
  <si>
    <t>1994.0621337890625</t>
  </si>
  <si>
    <t>0.018543577712168968</t>
  </si>
  <si>
    <t>26.790122985839844</t>
  </si>
  <si>
    <t>2059.1083984375</t>
  </si>
  <si>
    <t>0.019922703115625495</t>
  </si>
  <si>
    <t>26.93996238708496</t>
  </si>
  <si>
    <t>2001.3192138671875</t>
  </si>
  <si>
    <t>0.05017774958571941</t>
  </si>
  <si>
    <t>26.996782302856445</t>
  </si>
  <si>
    <t>2092.73974609375</t>
  </si>
  <si>
    <t>0.049721913596263434</t>
  </si>
  <si>
    <t>26.79285430908203</t>
  </si>
  <si>
    <t>2020.646240234375</t>
  </si>
  <si>
    <t>0.024152985487996048</t>
  </si>
  <si>
    <t>5355</t>
  </si>
  <si>
    <t>26.68589210510254</t>
  </si>
  <si>
    <t>1986.855712890625</t>
  </si>
  <si>
    <t>0.014104606181541968</t>
  </si>
  <si>
    <t>26.820472717285156</t>
  </si>
  <si>
    <t>1946.31396484375</t>
  </si>
  <si>
    <t>0.037747244305714744</t>
  </si>
  <si>
    <t>26.81732940673828</t>
  </si>
  <si>
    <t>2012.0546875</t>
  </si>
  <si>
    <t>0.034985900319108865</t>
  </si>
  <si>
    <t>27.019577026367188</t>
  </si>
  <si>
    <t>1980.224365234375</t>
  </si>
  <si>
    <t>0.0008678296127406782</t>
  </si>
  <si>
    <t>27.200551986694336</t>
  </si>
  <si>
    <t>2009.7904052734375</t>
  </si>
  <si>
    <t>-0.04144386260303179</t>
  </si>
  <si>
    <t>27.047409057617188</t>
  </si>
  <si>
    <t>1988.9886474609375</t>
  </si>
  <si>
    <t>-0.017328294961071578</t>
  </si>
  <si>
    <t>27.079833984375</t>
  </si>
  <si>
    <t>1972.98681640625</t>
  </si>
  <si>
    <t>-0.006090265202749023</t>
  </si>
  <si>
    <t>26.890838623046875</t>
  </si>
  <si>
    <t>2076.214111328125</t>
  </si>
  <si>
    <t>-0.0027806116720263674</t>
  </si>
  <si>
    <t>27.105504989624023</t>
  </si>
  <si>
    <t>2079.087890625</t>
  </si>
  <si>
    <t>-0.04247083780088445</t>
  </si>
  <si>
    <t>27.183820724487305</t>
  </si>
  <si>
    <t>1985.27001953125</t>
  </si>
  <si>
    <t>0.011554143556649521</t>
  </si>
  <si>
    <t>5265</t>
  </si>
  <si>
    <t>26.877355575561523</t>
  </si>
  <si>
    <t>1985.5882568359375</t>
  </si>
  <si>
    <t>0.008009196131776974</t>
  </si>
  <si>
    <t>26.483491897583008</t>
  </si>
  <si>
    <t>1821.258544921875</t>
  </si>
  <si>
    <t>11824.1708984375</t>
  </si>
  <si>
    <t>South West</t>
  </si>
  <si>
    <t>26.18610191345215</t>
  </si>
  <si>
    <t>2016.6917724609375</t>
  </si>
  <si>
    <t>-0.021695553053497463</t>
  </si>
  <si>
    <t>26.25813102722168</t>
  </si>
  <si>
    <t>1623.195068359375</t>
  </si>
  <si>
    <t>0.020139132505837765</t>
  </si>
  <si>
    <t>26.338348388671875</t>
  </si>
  <si>
    <t>1747.626953125</t>
  </si>
  <si>
    <t>-0.019821319059653675</t>
  </si>
  <si>
    <t>3090</t>
  </si>
  <si>
    <t>26.2838191986084</t>
  </si>
  <si>
    <t>1761.13427734375</t>
  </si>
  <si>
    <t>-0.018278527172615355</t>
  </si>
  <si>
    <t>26.537477493286133</t>
  </si>
  <si>
    <t>2009.40771484375</t>
  </si>
  <si>
    <t>-0.0012953369686847793</t>
  </si>
  <si>
    <t>26.48259735107422</t>
  </si>
  <si>
    <t>1958.9495849609375</t>
  </si>
  <si>
    <t>0.04032932619275087</t>
  </si>
  <si>
    <t>3303</t>
  </si>
  <si>
    <t>26.383140563964844</t>
  </si>
  <si>
    <t>2014.91943359375</t>
  </si>
  <si>
    <t>0.027626066274931915</t>
  </si>
  <si>
    <t>27.03801155090332</t>
  </si>
  <si>
    <t>1648.2188720703125</t>
  </si>
  <si>
    <t>0.02363610406773553</t>
  </si>
  <si>
    <t>26.517187118530273</t>
  </si>
  <si>
    <t>1916.260498046875</t>
  </si>
  <si>
    <t>0.0032472353257055886</t>
  </si>
  <si>
    <t>3550</t>
  </si>
  <si>
    <t>26.662107467651367</t>
  </si>
  <si>
    <t>1706.20703125</t>
  </si>
  <si>
    <t>0.045233117685230084</t>
  </si>
  <si>
    <t>26.805540084838867</t>
  </si>
  <si>
    <t>1643.8583984375</t>
  </si>
  <si>
    <t>0.05267262436457365</t>
  </si>
  <si>
    <t>4292</t>
  </si>
  <si>
    <t>26.944536209106445</t>
  </si>
  <si>
    <t>1813.4024658203125</t>
  </si>
  <si>
    <t>0.13713259691655466</t>
  </si>
  <si>
    <t>26.95456886291504</t>
  </si>
  <si>
    <t>1902.4998779296875</t>
  </si>
  <si>
    <t>0.06494617335764197</t>
  </si>
  <si>
    <t>26.721200942993164</t>
  </si>
  <si>
    <t>1897.6583251953125</t>
  </si>
  <si>
    <t>0.08212317552237103</t>
  </si>
  <si>
    <t>27.105440139770508</t>
  </si>
  <si>
    <t>1710.3924560546875</t>
  </si>
  <si>
    <t>0.05535783068044964</t>
  </si>
  <si>
    <t>26.938003540039062</t>
  </si>
  <si>
    <t>1791.930419921875</t>
  </si>
  <si>
    <t>0.05155015958705711</t>
  </si>
  <si>
    <t>26.89811897277832</t>
  </si>
  <si>
    <t>1910.283935546875</t>
  </si>
  <si>
    <t>0.05605331924190615</t>
  </si>
  <si>
    <t>26.935768127441406</t>
  </si>
  <si>
    <t>1959.5257568359375</t>
  </si>
  <si>
    <t>0.057281820822092655</t>
  </si>
  <si>
    <t>27.079421997070312</t>
  </si>
  <si>
    <t>1800.692138671875</t>
  </si>
  <si>
    <t>0.05019538675982815</t>
  </si>
  <si>
    <t>27.193456649780273</t>
  </si>
  <si>
    <t>1977.5452880859375</t>
  </si>
  <si>
    <t>0.049695948099641285</t>
  </si>
  <si>
    <t>7016</t>
  </si>
  <si>
    <t>26.91655921936035</t>
  </si>
  <si>
    <t>1740.5963134765625</t>
  </si>
  <si>
    <t>0.024236616230441044</t>
  </si>
  <si>
    <t>26.7945613861084</t>
  </si>
  <si>
    <t>1801.6373291015625</t>
  </si>
  <si>
    <t>0.014011976471934418</t>
  </si>
  <si>
    <t>7389</t>
  </si>
  <si>
    <t>26.95855712890625</t>
  </si>
  <si>
    <t>1700.63037109375</t>
  </si>
  <si>
    <t>0.03778717626469508</t>
  </si>
  <si>
    <t>26.922653198242188</t>
  </si>
  <si>
    <t>1826.022705078125</t>
  </si>
  <si>
    <t>0.03497464377149484</t>
  </si>
  <si>
    <t>7659</t>
  </si>
  <si>
    <t>27.186250686645508</t>
  </si>
  <si>
    <t>1678.6597900390625</t>
  </si>
  <si>
    <t>0.0009143753494509355</t>
  </si>
  <si>
    <t>27.39356803894043</t>
  </si>
  <si>
    <t>1735.6278076171875</t>
  </si>
  <si>
    <t>-0.04145325957457757</t>
  </si>
  <si>
    <t>27.185089111328125</t>
  </si>
  <si>
    <t>1744.3443603515625</t>
  </si>
  <si>
    <t>-0.01743471988383405</t>
  </si>
  <si>
    <t>27.21546173095703</t>
  </si>
  <si>
    <t>1876.3504638671875</t>
  </si>
  <si>
    <t>-0.005972654743629846</t>
  </si>
  <si>
    <t>26.96608543395996</t>
  </si>
  <si>
    <t>2005.9501953125</t>
  </si>
  <si>
    <t>-0.0027901803815808535</t>
  </si>
  <si>
    <t>6860</t>
  </si>
  <si>
    <t>27.3225040435791</t>
  </si>
  <si>
    <t>1714.0712890625</t>
  </si>
  <si>
    <t>-0.042523170606040495</t>
  </si>
  <si>
    <t>6940</t>
  </si>
  <si>
    <t>27.367704391479492</t>
  </si>
  <si>
    <t>1801.216064453125</t>
  </si>
  <si>
    <t>0.011594332780919814</t>
  </si>
  <si>
    <t>6996</t>
  </si>
  <si>
    <t>26.985986709594727</t>
  </si>
  <si>
    <t>1823.52001953125</t>
  </si>
  <si>
    <t>0.008036782637642403</t>
  </si>
  <si>
    <t>NIC</t>
  </si>
  <si>
    <t>2092</t>
  </si>
  <si>
    <t>25.868928909301758</t>
  </si>
  <si>
    <t>2758.609375</t>
  </si>
  <si>
    <t>184.24740600585938</t>
  </si>
  <si>
    <t>Atlantico Norte &amp; Sur</t>
  </si>
  <si>
    <t>Nicaragua</t>
  </si>
  <si>
    <t>25.9918270111084</t>
  </si>
  <si>
    <t>2606.133056640625</t>
  </si>
  <si>
    <t>-0.026642408958007735</t>
  </si>
  <si>
    <t>26.040443420410156</t>
  </si>
  <si>
    <t>2803.972900390625</t>
  </si>
  <si>
    <t>-0.019832082810990137</t>
  </si>
  <si>
    <t>25.97215461730957</t>
  </si>
  <si>
    <t>2610.492919921875</t>
  </si>
  <si>
    <t>-0.02741288403837494</t>
  </si>
  <si>
    <t>26.052114486694336</t>
  </si>
  <si>
    <t>2442.256103515625</t>
  </si>
  <si>
    <t>0.01024074489902116</t>
  </si>
  <si>
    <t>26.034208297729492</t>
  </si>
  <si>
    <t>3098.988037109375</t>
  </si>
  <si>
    <t>0.035530382332043864</t>
  </si>
  <si>
    <t>25.63059425354004</t>
  </si>
  <si>
    <t>3006.822265625</t>
  </si>
  <si>
    <t>0.043767504750011454</t>
  </si>
  <si>
    <t>26.242942810058594</t>
  </si>
  <si>
    <t>2462.896728515625</t>
  </si>
  <si>
    <t>0.02279698632263827</t>
  </si>
  <si>
    <t>26.28217887878418</t>
  </si>
  <si>
    <t>3018.16943359375</t>
  </si>
  <si>
    <t>0.02183890251842069</t>
  </si>
  <si>
    <t>25.45928382873535</t>
  </si>
  <si>
    <t>3038.246337890625</t>
  </si>
  <si>
    <t>0.053877710680803936</t>
  </si>
  <si>
    <t>25.718385696411133</t>
  </si>
  <si>
    <t>2632.597900390625</t>
  </si>
  <si>
    <t>0.026926321734491943</t>
  </si>
  <si>
    <t>26.113550186157227</t>
  </si>
  <si>
    <t>2668.321533203125</t>
  </si>
  <si>
    <t>0.024196382410407224</t>
  </si>
  <si>
    <t>26.13197135925293</t>
  </si>
  <si>
    <t>2581.781982421875</t>
  </si>
  <si>
    <t>0.0032362487792081396</t>
  </si>
  <si>
    <t>26.298744201660156</t>
  </si>
  <si>
    <t>2889.969482421875</t>
  </si>
  <si>
    <t>0.021179612865478425</t>
  </si>
  <si>
    <t>26.038490295410156</t>
  </si>
  <si>
    <t>3253.901611328125</t>
  </si>
  <si>
    <t>0.04824396822218713</t>
  </si>
  <si>
    <t>26.058881759643555</t>
  </si>
  <si>
    <t>2967.37890625</t>
  </si>
  <si>
    <t>0.03734950669486192</t>
  </si>
  <si>
    <t>26.190229415893555</t>
  </si>
  <si>
    <t>2741.82763671875</t>
  </si>
  <si>
    <t>25.993898391723633</t>
  </si>
  <si>
    <t>2827.577392578125</t>
  </si>
  <si>
    <t>0.03573667359102739</t>
  </si>
  <si>
    <t>25.91585350036621</t>
  </si>
  <si>
    <t>3173.523681640625</t>
  </si>
  <si>
    <t>0.01957538039144069</t>
  </si>
  <si>
    <t>26.230131149291992</t>
  </si>
  <si>
    <t>2756.80517578125</t>
  </si>
  <si>
    <t>-0.04757098788086722</t>
  </si>
  <si>
    <t>25.99054718017578</t>
  </si>
  <si>
    <t>3180.343017578125</t>
  </si>
  <si>
    <t>0.02833638104869607</t>
  </si>
  <si>
    <t>25.956594467163086</t>
  </si>
  <si>
    <t>2817.6318359375</t>
  </si>
  <si>
    <t>0.04822214370542355</t>
  </si>
  <si>
    <t>26.00578498840332</t>
  </si>
  <si>
    <t>2646.632568359375</t>
  </si>
  <si>
    <t>0.04940840221076215</t>
  </si>
  <si>
    <t>26.0792236328125</t>
  </si>
  <si>
    <t>2639.40966796875</t>
  </si>
  <si>
    <t>0.03492080955892796</t>
  </si>
  <si>
    <t>26.199792861938477</t>
  </si>
  <si>
    <t>2669.337158203125</t>
  </si>
  <si>
    <t>0.03345382388669371</t>
  </si>
  <si>
    <t>26.399377822875977</t>
  </si>
  <si>
    <t>2375.649658203125</t>
  </si>
  <si>
    <t>0.033766862470816505</t>
  </si>
  <si>
    <t>26.343774795532227</t>
  </si>
  <si>
    <t>2636.640869140625</t>
  </si>
  <si>
    <t>0.03050105928748259</t>
  </si>
  <si>
    <t>26.199026107788086</t>
  </si>
  <si>
    <t>3075.716552734375</t>
  </si>
  <si>
    <t>0.03117343139179063</t>
  </si>
  <si>
    <t>25.894441604614258</t>
  </si>
  <si>
    <t>2545.66357421875</t>
  </si>
  <si>
    <t>-0.04809523255289072</t>
  </si>
  <si>
    <t>26.27437400817871</t>
  </si>
  <si>
    <t>2450.391357421875</t>
  </si>
  <si>
    <t>-0.04302645945268324</t>
  </si>
  <si>
    <t>26.411865234375</t>
  </si>
  <si>
    <t>3095.849853515625</t>
  </si>
  <si>
    <t>-0.031229737706869543</t>
  </si>
  <si>
    <t>26.193086624145508</t>
  </si>
  <si>
    <t>2598.362060546875</t>
  </si>
  <si>
    <t>0.08520621075801671</t>
  </si>
  <si>
    <t>26.03443145751953</t>
  </si>
  <si>
    <t>2991.335205078125</t>
  </si>
  <si>
    <t>0.02314419774451082</t>
  </si>
  <si>
    <t>23.368408203125</t>
  </si>
  <si>
    <t>1274.47802734375</t>
  </si>
  <si>
    <t>323.1618957519531</t>
  </si>
  <si>
    <t>Interior Central</t>
  </si>
  <si>
    <t>2445</t>
  </si>
  <si>
    <t>23.464096069335938</t>
  </si>
  <si>
    <t>1417.510498046875</t>
  </si>
  <si>
    <t>-0.026237630216856545</t>
  </si>
  <si>
    <t>23.542503356933594</t>
  </si>
  <si>
    <t>1584.47607421875</t>
  </si>
  <si>
    <t>-0.02024444267363279</t>
  </si>
  <si>
    <t>23.56206512451172</t>
  </si>
  <si>
    <t>1579.8138427734375</t>
  </si>
  <si>
    <t>-0.02750332019958268</t>
  </si>
  <si>
    <t>23.473228454589844</t>
  </si>
  <si>
    <t>1347.61669921875</t>
  </si>
  <si>
    <t>0.01024336741476084</t>
  </si>
  <si>
    <t>23.583206176757812</t>
  </si>
  <si>
    <t>1654.0623779296875</t>
  </si>
  <si>
    <t>0.0358670639424421</t>
  </si>
  <si>
    <t>23.245031356811523</t>
  </si>
  <si>
    <t>1601.875732421875</t>
  </si>
  <si>
    <t>0.04368556775951138</t>
  </si>
  <si>
    <t>23.741905212402344</t>
  </si>
  <si>
    <t>1439.1689453125</t>
  </si>
  <si>
    <t>0.02287364698425698</t>
  </si>
  <si>
    <t>23.78984260559082</t>
  </si>
  <si>
    <t>1519.389404296875</t>
  </si>
  <si>
    <t>0.021612215601924945</t>
  </si>
  <si>
    <t>23.035301208496094</t>
  </si>
  <si>
    <t>1493.3248291015625</t>
  </si>
  <si>
    <t>0.05402773693568097</t>
  </si>
  <si>
    <t>2891</t>
  </si>
  <si>
    <t>23.29796028137207</t>
  </si>
  <si>
    <t>1461.8720703125</t>
  </si>
  <si>
    <t>0.026995504342011145</t>
  </si>
  <si>
    <t>23.657320022583008</t>
  </si>
  <si>
    <t>1487.1083984375</t>
  </si>
  <si>
    <t>0.025274569415479675</t>
  </si>
  <si>
    <t>23.707651138305664</t>
  </si>
  <si>
    <t>1474.917236328125</t>
  </si>
  <si>
    <t>0.004374901812129295</t>
  </si>
  <si>
    <t>23.907791137695312</t>
  </si>
  <si>
    <t>1498.125244140625</t>
  </si>
  <si>
    <t>0.021920505737622165</t>
  </si>
  <si>
    <t>23.613500595092773</t>
  </si>
  <si>
    <t>1498.1064453125</t>
  </si>
  <si>
    <t>0.04904043007826431</t>
  </si>
  <si>
    <t>23.6695499420166</t>
  </si>
  <si>
    <t>1503.12548828125</t>
  </si>
  <si>
    <t>0.0383541411133983</t>
  </si>
  <si>
    <t>23.763967514038086</t>
  </si>
  <si>
    <t>1566.5445556640625</t>
  </si>
  <si>
    <t>0.027317613181146783</t>
  </si>
  <si>
    <t>23.676162719726562</t>
  </si>
  <si>
    <t>1483.94140625</t>
  </si>
  <si>
    <t>0.0356769713653442</t>
  </si>
  <si>
    <t>23.41362953186035</t>
  </si>
  <si>
    <t>1567.39208984375</t>
  </si>
  <si>
    <t>0.019592006462783473</t>
  </si>
  <si>
    <t>3440</t>
  </si>
  <si>
    <t>23.75556182861328</t>
  </si>
  <si>
    <t>1386.8797607421875</t>
  </si>
  <si>
    <t>-0.047682130815069</t>
  </si>
  <si>
    <t>23.4949951171875</t>
  </si>
  <si>
    <t>1522.4139404296875</t>
  </si>
  <si>
    <t>0.02837272997801854</t>
  </si>
  <si>
    <t>23.55417823791504</t>
  </si>
  <si>
    <t>1496.5574951171875</t>
  </si>
  <si>
    <t>0.04799597383161647</t>
  </si>
  <si>
    <t>23.70174217224121</t>
  </si>
  <si>
    <t>1457.6817626953125</t>
  </si>
  <si>
    <t>0.04964906700597638</t>
  </si>
  <si>
    <t>23.714035034179688</t>
  </si>
  <si>
    <t>1524.49462890625</t>
  </si>
  <si>
    <t>0.03475544977214007</t>
  </si>
  <si>
    <t>23.759798049926758</t>
  </si>
  <si>
    <t>1445.957763671875</t>
  </si>
  <si>
    <t>0.033587971161313845</t>
  </si>
  <si>
    <t>24.005460739135742</t>
  </si>
  <si>
    <t>1463.2164306640625</t>
  </si>
  <si>
    <t>0.03365419381542267</t>
  </si>
  <si>
    <t>24.037229537963867</t>
  </si>
  <si>
    <t>1499.7620849609375</t>
  </si>
  <si>
    <t>0.03054020397297741</t>
  </si>
  <si>
    <t>23.82474708557129</t>
  </si>
  <si>
    <t>1532.4912109375</t>
  </si>
  <si>
    <t>0.03137685590131767</t>
  </si>
  <si>
    <t>23.68272590637207</t>
  </si>
  <si>
    <t>1480.5123291015625</t>
  </si>
  <si>
    <t>-0.048126907992330104</t>
  </si>
  <si>
    <t>24.04674530029297</t>
  </si>
  <si>
    <t>1402.63525390625</t>
  </si>
  <si>
    <t>-0.04290702448030714</t>
  </si>
  <si>
    <t>24.05821418762207</t>
  </si>
  <si>
    <t>1477.665283203125</t>
  </si>
  <si>
    <t>-0.03146435742636555</t>
  </si>
  <si>
    <t>23.884300231933594</t>
  </si>
  <si>
    <t>1499.5794677734375</t>
  </si>
  <si>
    <t>0.08526819801597263</t>
  </si>
  <si>
    <t>4533</t>
  </si>
  <si>
    <t>23.695167541503906</t>
  </si>
  <si>
    <t>1527.937744140625</t>
  </si>
  <si>
    <t>0.023210147017652005</t>
  </si>
  <si>
    <t>23.153165817260742</t>
  </si>
  <si>
    <t>1143.0186767578125</t>
  </si>
  <si>
    <t>82.49776458740234</t>
  </si>
  <si>
    <t>Interior Norte</t>
  </si>
  <si>
    <t>23.199003219604492</t>
  </si>
  <si>
    <t>1224.1435546875</t>
  </si>
  <si>
    <t>-0.026322328410294915</t>
  </si>
  <si>
    <t>23.26983070373535</t>
  </si>
  <si>
    <t>1649.654541015625</t>
  </si>
  <si>
    <t>-0.01991086662891295</t>
  </si>
  <si>
    <t>23.275558471679688</t>
  </si>
  <si>
    <t>1541.8563232421875</t>
  </si>
  <si>
    <t>-0.0275851990277598</t>
  </si>
  <si>
    <t>23.219831466674805</t>
  </si>
  <si>
    <t>1132.6927490234375</t>
  </si>
  <si>
    <t>0.010483966994200955</t>
  </si>
  <si>
    <t>23.3411922454834</t>
  </si>
  <si>
    <t>1552.8179931640625</t>
  </si>
  <si>
    <t>23.00212860107422</t>
  </si>
  <si>
    <t>1455.2952880859375</t>
  </si>
  <si>
    <t>0.04392981992216427</t>
  </si>
  <si>
    <t>23.501609802246094</t>
  </si>
  <si>
    <t>1347.076904296875</t>
  </si>
  <si>
    <t>0.022711598912149356</t>
  </si>
  <si>
    <t>23.53546142578125</t>
  </si>
  <si>
    <t>1343.758056640625</t>
  </si>
  <si>
    <t>0.021852920482604787</t>
  </si>
  <si>
    <t>22.809425354003906</t>
  </si>
  <si>
    <t>1341.35205078125</t>
  </si>
  <si>
    <t>0.05380608083119576</t>
  </si>
  <si>
    <t>23.052648544311523</t>
  </si>
  <si>
    <t>1330.0032958984375</t>
  </si>
  <si>
    <t>0.026836130906948696</t>
  </si>
  <si>
    <t>23.424522399902344</t>
  </si>
  <si>
    <t>1440.62060546875</t>
  </si>
  <si>
    <t>0.02326437717550256</t>
  </si>
  <si>
    <t>23.466188430786133</t>
  </si>
  <si>
    <t>1385.00537109375</t>
  </si>
  <si>
    <t>0.0019144868642726465</t>
  </si>
  <si>
    <t>23.647436141967773</t>
  </si>
  <si>
    <t>1311.7340087890625</t>
  </si>
  <si>
    <t>0.020196331779184007</t>
  </si>
  <si>
    <t>1334.759033203125</t>
  </si>
  <si>
    <t>0.04698850943591992</t>
  </si>
  <si>
    <t>23.436513900756836</t>
  </si>
  <si>
    <t>1333.169677734375</t>
  </si>
  <si>
    <t>0.03629312574615895</t>
  </si>
  <si>
    <t>23.487546920776367</t>
  </si>
  <si>
    <t>1553.6915283203125</t>
  </si>
  <si>
    <t>0.027220279976166495</t>
  </si>
  <si>
    <t>23.435461044311523</t>
  </si>
  <si>
    <t>1283.703125</t>
  </si>
  <si>
    <t>0.03571808260207909</t>
  </si>
  <si>
    <t>3778</t>
  </si>
  <si>
    <t>23.194311141967773</t>
  </si>
  <si>
    <t>1611.7838134765625</t>
  </si>
  <si>
    <t>0.01951151033126841</t>
  </si>
  <si>
    <t>23.505769729614258</t>
  </si>
  <si>
    <t>1117.4219970703125</t>
  </si>
  <si>
    <t>-0.04770552232555403</t>
  </si>
  <si>
    <t>23.2240047454834</t>
  </si>
  <si>
    <t>1311.1776123046875</t>
  </si>
  <si>
    <t>0.028733677414830794</t>
  </si>
  <si>
    <t>3889</t>
  </si>
  <si>
    <t>23.32192039489746</t>
  </si>
  <si>
    <t>1325.9564208984375</t>
  </si>
  <si>
    <t>0.047929131005014725</t>
  </si>
  <si>
    <t>4086</t>
  </si>
  <si>
    <t>23.490671157836914</t>
  </si>
  <si>
    <t>1276.6480712890625</t>
  </si>
  <si>
    <t>0.04941444122182048</t>
  </si>
  <si>
    <t>1446.9259033203125</t>
  </si>
  <si>
    <t>0.03487187534249969</t>
  </si>
  <si>
    <t>23.52348518371582</t>
  </si>
  <si>
    <t>1326.6146240234375</t>
  </si>
  <si>
    <t>0.03346814807164833</t>
  </si>
  <si>
    <t>23.795881271362305</t>
  </si>
  <si>
    <t>1308.23681640625</t>
  </si>
  <si>
    <t>0.033711057342310724</t>
  </si>
  <si>
    <t>23.824005126953125</t>
  </si>
  <si>
    <t>1343.845703125</t>
  </si>
  <si>
    <t>0.030470257147417357</t>
  </si>
  <si>
    <t>23.626609802246094</t>
  </si>
  <si>
    <t>1389.202392578125</t>
  </si>
  <si>
    <t>0.03144050506157292</t>
  </si>
  <si>
    <t>23.45733642578125</t>
  </si>
  <si>
    <t>1341.787841796875</t>
  </si>
  <si>
    <t>-0.04808414009375461</t>
  </si>
  <si>
    <t>23.831300735473633</t>
  </si>
  <si>
    <t>1169.6773681640625</t>
  </si>
  <si>
    <t>-0.042976668129984574</t>
  </si>
  <si>
    <t>23.86046028137207</t>
  </si>
  <si>
    <t>1266.251220703125</t>
  </si>
  <si>
    <t>-0.03143314019606436</t>
  </si>
  <si>
    <t>23.682336807250977</t>
  </si>
  <si>
    <t>0.08524884789226483</t>
  </si>
  <si>
    <t>23.472450256347656</t>
  </si>
  <si>
    <t>0.02322960073584035</t>
  </si>
  <si>
    <t>26.003087997436523</t>
  </si>
  <si>
    <t>1805.771240234375</t>
  </si>
  <si>
    <t>148.12571716308594</t>
  </si>
  <si>
    <t>Interior Sur</t>
  </si>
  <si>
    <t>26.17290687561035</t>
  </si>
  <si>
    <t>1702.158447265625</t>
  </si>
  <si>
    <t>-0.026423134022536487</t>
  </si>
  <si>
    <t>26.27454376220703</t>
  </si>
  <si>
    <t>1803.166748046875</t>
  </si>
  <si>
    <t>-0.019988907741928408</t>
  </si>
  <si>
    <t>26.23166847229004</t>
  </si>
  <si>
    <t>1744.3436279296875</t>
  </si>
  <si>
    <t>-0.027289012784456723</t>
  </si>
  <si>
    <t>2484</t>
  </si>
  <si>
    <t>26.19005012512207</t>
  </si>
  <si>
    <t>1468.0084228515625</t>
  </si>
  <si>
    <t>0.010522152927389783</t>
  </si>
  <si>
    <t>26.201614379882812</t>
  </si>
  <si>
    <t>2096.50146484375</t>
  </si>
  <si>
    <t>0.035590945102702776</t>
  </si>
  <si>
    <t>25.820390701293945</t>
  </si>
  <si>
    <t>2023.4725341796875</t>
  </si>
  <si>
    <t>0.04370826811279205</t>
  </si>
  <si>
    <t>26.41851234436035</t>
  </si>
  <si>
    <t>1573.8563232421875</t>
  </si>
  <si>
    <t>0.02279510465571022</t>
  </si>
  <si>
    <t>26.431180953979492</t>
  </si>
  <si>
    <t>1964.6671142578125</t>
  </si>
  <si>
    <t>0.021575809981957406</t>
  </si>
  <si>
    <t>25.6083984375</t>
  </si>
  <si>
    <t>1797.489990234375</t>
  </si>
  <si>
    <t>0.05401104938428958</t>
  </si>
  <si>
    <t>25.93132972717285</t>
  </si>
  <si>
    <t>1640.40625</t>
  </si>
  <si>
    <t>0.026934296515714884</t>
  </si>
  <si>
    <t>26.332069396972656</t>
  </si>
  <si>
    <t>1636.3709716796875</t>
  </si>
  <si>
    <t>0.01917199258651081</t>
  </si>
  <si>
    <t>26.34726905822754</t>
  </si>
  <si>
    <t>1619.0560302734375</t>
  </si>
  <si>
    <t>-0.0019329902925981912</t>
  </si>
  <si>
    <t>26.540964126586914</t>
  </si>
  <si>
    <t>1899.0201416015625</t>
  </si>
  <si>
    <t>0.015995222656824737</t>
  </si>
  <si>
    <t>26.246421813964844</t>
  </si>
  <si>
    <t>1890.413818359375</t>
  </si>
  <si>
    <t>0.043167702002143926</t>
  </si>
  <si>
    <t>3399</t>
  </si>
  <si>
    <t>26.283735275268555</t>
  </si>
  <si>
    <t>1862.0694580078125</t>
  </si>
  <si>
    <t>0.03259370593669786</t>
  </si>
  <si>
    <t>26.379838943481445</t>
  </si>
  <si>
    <t>1746.6051025390625</t>
  </si>
  <si>
    <t>0.026993367263377976</t>
  </si>
  <si>
    <t>3619</t>
  </si>
  <si>
    <t>26.27166748046875</t>
  </si>
  <si>
    <t>1840.2843017578125</t>
  </si>
  <si>
    <t>0.035723106604248045</t>
  </si>
  <si>
    <t>26.096879959106445</t>
  </si>
  <si>
    <t>2169.900146484375</t>
  </si>
  <si>
    <t>0.019699679466256725</t>
  </si>
  <si>
    <t>3519</t>
  </si>
  <si>
    <t>26.463388442993164</t>
  </si>
  <si>
    <t>1682.485107421875</t>
  </si>
  <si>
    <t>-0.04772056570841343</t>
  </si>
  <si>
    <t>26.244417190551758</t>
  </si>
  <si>
    <t>1998.78857421875</t>
  </si>
  <si>
    <t>26.191795349121094</t>
  </si>
  <si>
    <t>1778.2626953125</t>
  </si>
  <si>
    <t>0.04798764342198503</t>
  </si>
  <si>
    <t>26.23195457458496</t>
  </si>
  <si>
    <t>1493.25390625</t>
  </si>
  <si>
    <t>0.049554484243728325</t>
  </si>
  <si>
    <t>26.313180923461914</t>
  </si>
  <si>
    <t>1630.4693603515625</t>
  </si>
  <si>
    <t>0.03471117708037852</t>
  </si>
  <si>
    <t>26.402219772338867</t>
  </si>
  <si>
    <t>1647.1943359375</t>
  </si>
  <si>
    <t>0.03354662136736053</t>
  </si>
  <si>
    <t>26.617387771606445</t>
  </si>
  <si>
    <t>1683.8421630859375</t>
  </si>
  <si>
    <t>0.033815757947149194</t>
  </si>
  <si>
    <t>26.625566482543945</t>
  </si>
  <si>
    <t>1737.2396240234375</t>
  </si>
  <si>
    <t>0.030518015979387414</t>
  </si>
  <si>
    <t>26.383737564086914</t>
  </si>
  <si>
    <t>1850.3446044921875</t>
  </si>
  <si>
    <t>0.031316672139418245</t>
  </si>
  <si>
    <t>26.16465187072754</t>
  </si>
  <si>
    <t>1731.8372802734375</t>
  </si>
  <si>
    <t>-0.04813122758417521</t>
  </si>
  <si>
    <t>26.536285400390625</t>
  </si>
  <si>
    <t>1754.5570068359375</t>
  </si>
  <si>
    <t>-0.043083586136312135</t>
  </si>
  <si>
    <t>26.62561798095703</t>
  </si>
  <si>
    <t>1926.44384765625</t>
  </si>
  <si>
    <t>-0.031230359241618544</t>
  </si>
  <si>
    <t>26.448020935058594</t>
  </si>
  <si>
    <t>1778.583984375</t>
  </si>
  <si>
    <t>0.08518723568419695</t>
  </si>
  <si>
    <t>26.285795211791992</t>
  </si>
  <si>
    <t>1873.7685546875</t>
  </si>
  <si>
    <t>0.023124939724322502</t>
  </si>
  <si>
    <t>26.690834045410156</t>
  </si>
  <si>
    <t>1146.7174072265625</t>
  </si>
  <si>
    <t>730.3674926757812</t>
  </si>
  <si>
    <t>Pacfico Central</t>
  </si>
  <si>
    <t>26.889427185058594</t>
  </si>
  <si>
    <t>1212.728759765625</t>
  </si>
  <si>
    <t>-0.0263901248030578</t>
  </si>
  <si>
    <t>4544</t>
  </si>
  <si>
    <t>26.976160049438477</t>
  </si>
  <si>
    <t>1162.3138427734375</t>
  </si>
  <si>
    <t>-0.020259923990474604</t>
  </si>
  <si>
    <t>26.972169876098633</t>
  </si>
  <si>
    <t>1246.244384765625</t>
  </si>
  <si>
    <t>-0.027215598983595157</t>
  </si>
  <si>
    <t>4468</t>
  </si>
  <si>
    <t>27.023466110229492</t>
  </si>
  <si>
    <t>1037.818603515625</t>
  </si>
  <si>
    <t>0.010348798771699919</t>
  </si>
  <si>
    <t>27.017478942871094</t>
  </si>
  <si>
    <t>1400.7705078125</t>
  </si>
  <si>
    <t>0.03561598689118739</t>
  </si>
  <si>
    <t>4837</t>
  </si>
  <si>
    <t>26.567827224731445</t>
  </si>
  <si>
    <t>1483.1429443359375</t>
  </si>
  <si>
    <t>0.04373782574270457</t>
  </si>
  <si>
    <t>27.169471740722656</t>
  </si>
  <si>
    <t>1154.1943359375</t>
  </si>
  <si>
    <t>0.022890842128902023</t>
  </si>
  <si>
    <t>5057</t>
  </si>
  <si>
    <t>27.175809860229492</t>
  </si>
  <si>
    <t>1303.4010009765625</t>
  </si>
  <si>
    <t>0.021587886128097367</t>
  </si>
  <si>
    <t>26.338838577270508</t>
  </si>
  <si>
    <t>1248.089111328125</t>
  </si>
  <si>
    <t>0.05407762888448708</t>
  </si>
  <si>
    <t>5483</t>
  </si>
  <si>
    <t>26.67815589904785</t>
  </si>
  <si>
    <t>1172.6085205078125</t>
  </si>
  <si>
    <t>0.026801345439578128</t>
  </si>
  <si>
    <t>5551</t>
  </si>
  <si>
    <t>27.09881591796875</t>
  </si>
  <si>
    <t>1043.17822265625</t>
  </si>
  <si>
    <t>0.012325695286113714</t>
  </si>
  <si>
    <t>27.13214683532715</t>
  </si>
  <si>
    <t>1069.958740234375</t>
  </si>
  <si>
    <t>-0.008684693630403473</t>
  </si>
  <si>
    <t>27.276161193847656</t>
  </si>
  <si>
    <t>1323.481689453125</t>
  </si>
  <si>
    <t>0.009224990806986355</t>
  </si>
  <si>
    <t>5760</t>
  </si>
  <si>
    <t>27.03614044189453</t>
  </si>
  <si>
    <t>1284.530029296875</t>
  </si>
  <si>
    <t>0.03641908582319253</t>
  </si>
  <si>
    <t>5909</t>
  </si>
  <si>
    <t>27.013486862182617</t>
  </si>
  <si>
    <t>1254.3267822265625</t>
  </si>
  <si>
    <t>0.025539137655737676</t>
  </si>
  <si>
    <t>27.10914421081543</t>
  </si>
  <si>
    <t>1274.0078125</t>
  </si>
  <si>
    <t>0.02721142772979057</t>
  </si>
  <si>
    <t>27.036842346191406</t>
  </si>
  <si>
    <t>1293.2001953125</t>
  </si>
  <si>
    <t>0.03574986445146777</t>
  </si>
  <si>
    <t>26.790483474731445</t>
  </si>
  <si>
    <t>1466.633056640625</t>
  </si>
  <si>
    <t>0.019668638142869455</t>
  </si>
  <si>
    <t>27.19646644592285</t>
  </si>
  <si>
    <t>1181.647216796875</t>
  </si>
  <si>
    <t>-0.04787129695895409</t>
  </si>
  <si>
    <t>6296</t>
  </si>
  <si>
    <t>26.930152893066406</t>
  </si>
  <si>
    <t>1338.58740234375</t>
  </si>
  <si>
    <t>0.02867926538639054</t>
  </si>
  <si>
    <t>26.936491012573242</t>
  </si>
  <si>
    <t>1255.3055419921875</t>
  </si>
  <si>
    <t>0.0479124268591864</t>
  </si>
  <si>
    <t>26.99681854248047</t>
  </si>
  <si>
    <t>1192.8477783203125</t>
  </si>
  <si>
    <t>0.04961891838315857</t>
  </si>
  <si>
    <t>7187</t>
  </si>
  <si>
    <t>27.065834045410156</t>
  </si>
  <si>
    <t>1330.6534423828125</t>
  </si>
  <si>
    <t>0.03482798212885818</t>
  </si>
  <si>
    <t>27.13977813720703</t>
  </si>
  <si>
    <t>1061.0487060546875</t>
  </si>
  <si>
    <t>0.03352116302523278</t>
  </si>
  <si>
    <t>27.328508377075195</t>
  </si>
  <si>
    <t>1277.2559814453125</t>
  </si>
  <si>
    <t>0.033605490631114066</t>
  </si>
  <si>
    <t>27.372520446777344</t>
  </si>
  <si>
    <t>1281.1109619140625</t>
  </si>
  <si>
    <t>0.030621827620691988</t>
  </si>
  <si>
    <t>27.10515594482422</t>
  </si>
  <si>
    <t>1233.16943359375</t>
  </si>
  <si>
    <t>0.03130301541649594</t>
  </si>
  <si>
    <t>26.97087860107422</t>
  </si>
  <si>
    <t>1154.575439453125</t>
  </si>
  <si>
    <t>-0.04809944031841695</t>
  </si>
  <si>
    <t>27.2955265045166</t>
  </si>
  <si>
    <t>1139.9761962890625</t>
  </si>
  <si>
    <t>-0.043000463870269456</t>
  </si>
  <si>
    <t>27.34282684326172</t>
  </si>
  <si>
    <t>1344.2098388671875</t>
  </si>
  <si>
    <t>-0.031433297461248344</t>
  </si>
  <si>
    <t>27.15984535217285</t>
  </si>
  <si>
    <t>1287.0914306640625</t>
  </si>
  <si>
    <t>0.08528193101880888</t>
  </si>
  <si>
    <t>27.007850646972656</t>
  </si>
  <si>
    <t>1302.716552734375</t>
  </si>
  <si>
    <t>0.023211631154170576</t>
  </si>
  <si>
    <t>1936</t>
  </si>
  <si>
    <t>27.185562133789062</t>
  </si>
  <si>
    <t>1472.555419921875</t>
  </si>
  <si>
    <t>239.93063354492188</t>
  </si>
  <si>
    <t>Pacfico Norte</t>
  </si>
  <si>
    <t>27.244321823120117</t>
  </si>
  <si>
    <t>1761.9041748046875</t>
  </si>
  <si>
    <t>-0.026244600213114033</t>
  </si>
  <si>
    <t>27.297975540161133</t>
  </si>
  <si>
    <t>1955.92822265625</t>
  </si>
  <si>
    <t>-0.020145583229703945</t>
  </si>
  <si>
    <t>27.25396156311035</t>
  </si>
  <si>
    <t>1954.0347900390625</t>
  </si>
  <si>
    <t>-0.02714116300363134</t>
  </si>
  <si>
    <t>27.42060661315918</t>
  </si>
  <si>
    <t>1678.484375</t>
  </si>
  <si>
    <t>0.010219067032122275</t>
  </si>
  <si>
    <t>27.342187881469727</t>
  </si>
  <si>
    <t>1997.2286376953125</t>
  </si>
  <si>
    <t>0.03566711874818207</t>
  </si>
  <si>
    <t>27.014541625976562</t>
  </si>
  <si>
    <t>1974.9317626953125</t>
  </si>
  <si>
    <t>0.04387269728790244</t>
  </si>
  <si>
    <t>27.537275314331055</t>
  </si>
  <si>
    <t>1771.0516357421875</t>
  </si>
  <si>
    <t>0.02287518939198563</t>
  </si>
  <si>
    <t>3117</t>
  </si>
  <si>
    <t>27.599443435668945</t>
  </si>
  <si>
    <t>1848.3311767578125</t>
  </si>
  <si>
    <t>0.02140159505066741</t>
  </si>
  <si>
    <t>26.830129623413086</t>
  </si>
  <si>
    <t>1805.998779296875</t>
  </si>
  <si>
    <t>0.054016563992080435</t>
  </si>
  <si>
    <t>27.126981735229492</t>
  </si>
  <si>
    <t>1782.811279296875</t>
  </si>
  <si>
    <t>0.02698814471764699</t>
  </si>
  <si>
    <t>27.50349235534668</t>
  </si>
  <si>
    <t>1858.638671875</t>
  </si>
  <si>
    <t>0.014684551682920599</t>
  </si>
  <si>
    <t>27.54998207092285</t>
  </si>
  <si>
    <t>1806.3419189453125</t>
  </si>
  <si>
    <t>-0.005847969882422532</t>
  </si>
  <si>
    <t>27.70233917236328</t>
  </si>
  <si>
    <t>1821.9202880859375</t>
  </si>
  <si>
    <t>0.011661939747842354</t>
  </si>
  <si>
    <t>27.473756790161133</t>
  </si>
  <si>
    <t>1814.2021484375</t>
  </si>
  <si>
    <t>0.03894196750687762</t>
  </si>
  <si>
    <t>27.504865646362305</t>
  </si>
  <si>
    <t>1830.2022705078125</t>
  </si>
  <si>
    <t>0.02831025950228927</t>
  </si>
  <si>
    <t>27.55443572998047</t>
  </si>
  <si>
    <t>1938.107666015625</t>
  </si>
  <si>
    <t>0.027267126340341008</t>
  </si>
  <si>
    <t>27.47583770751953</t>
  </si>
  <si>
    <t>1813.4056396484375</t>
  </si>
  <si>
    <t>0.03549135618354704</t>
  </si>
  <si>
    <t>4008</t>
  </si>
  <si>
    <t>27.367013931274414</t>
  </si>
  <si>
    <t>2021.31689453125</t>
  </si>
  <si>
    <t>0.019907423206239727</t>
  </si>
  <si>
    <t>27.69774055480957</t>
  </si>
  <si>
    <t>1696.041259765625</t>
  </si>
  <si>
    <t>-0.04804194116407956</t>
  </si>
  <si>
    <t>27.404043197631836</t>
  </si>
  <si>
    <t>1823.3555908203125</t>
  </si>
  <si>
    <t>0.028643423821240077</t>
  </si>
  <si>
    <t>27.434160232543945</t>
  </si>
  <si>
    <t>1824.80224609375</t>
  </si>
  <si>
    <t>0.047929719714989716</t>
  </si>
  <si>
    <t>27.499441146850586</t>
  </si>
  <si>
    <t>1779.210205078125</t>
  </si>
  <si>
    <t>0.04966733695945358</t>
  </si>
  <si>
    <t>27.49725341796875</t>
  </si>
  <si>
    <t>1893.6624755859375</t>
  </si>
  <si>
    <t>0.03491626510622936</t>
  </si>
  <si>
    <t>27.654075622558594</t>
  </si>
  <si>
    <t>1788.1168212890625</t>
  </si>
  <si>
    <t>0.03352269203864289</t>
  </si>
  <si>
    <t>27.84807586669922</t>
  </si>
  <si>
    <t>1891.6470947265625</t>
  </si>
  <si>
    <t>0.03368605765480659</t>
  </si>
  <si>
    <t>27.83942222595215</t>
  </si>
  <si>
    <t>1835.4716796875</t>
  </si>
  <si>
    <t>0.030367536616395796</t>
  </si>
  <si>
    <t>27.650724411010742</t>
  </si>
  <si>
    <t>1860.3074951171875</t>
  </si>
  <si>
    <t>0.031432864289051565</t>
  </si>
  <si>
    <t>27.40355682373047</t>
  </si>
  <si>
    <t>1836.9964599609375</t>
  </si>
  <si>
    <t>-0.048144074457962205</t>
  </si>
  <si>
    <t>27.7882022857666</t>
  </si>
  <si>
    <t>1718.734375</t>
  </si>
  <si>
    <t>-0.04304222697072646</t>
  </si>
  <si>
    <t>27.846961975097656</t>
  </si>
  <si>
    <t>1800.1488037109375</t>
  </si>
  <si>
    <t>-0.03138196071813759</t>
  </si>
  <si>
    <t>4919</t>
  </si>
  <si>
    <t>27.657316207885742</t>
  </si>
  <si>
    <t>1834.7918701171875</t>
  </si>
  <si>
    <t>0.08525720114073643</t>
  </si>
  <si>
    <t>27.49468421936035</t>
  </si>
  <si>
    <t>1855.753662109375</t>
  </si>
  <si>
    <t>0.023308268357322248</t>
  </si>
  <si>
    <t>26.676467895507812</t>
  </si>
  <si>
    <t>1370.34619140625</t>
  </si>
  <si>
    <t>190.74383544921875</t>
  </si>
  <si>
    <t>Pacfico Sur</t>
  </si>
  <si>
    <t>26.971466064453125</t>
  </si>
  <si>
    <t>1407.9114990234375</t>
  </si>
  <si>
    <t>-0.02665747510868144</t>
  </si>
  <si>
    <t>27.016077041625977</t>
  </si>
  <si>
    <t>1443.27734375</t>
  </si>
  <si>
    <t>-0.01984356141272503</t>
  </si>
  <si>
    <t>27.015745162963867</t>
  </si>
  <si>
    <t>1511.683349609375</t>
  </si>
  <si>
    <t>-0.027514963285269367</t>
  </si>
  <si>
    <t>26.998411178588867</t>
  </si>
  <si>
    <t>1290.6787109375</t>
  </si>
  <si>
    <t>0.010247741260475784</t>
  </si>
  <si>
    <t>26.92150115966797</t>
  </si>
  <si>
    <t>1820.335205078125</t>
  </si>
  <si>
    <t>0.035882030467025317</t>
  </si>
  <si>
    <t>26.5518798828125</t>
  </si>
  <si>
    <t>1824.831787109375</t>
  </si>
  <si>
    <t>0.043703086088868304</t>
  </si>
  <si>
    <t>27.193700790405273</t>
  </si>
  <si>
    <t>1411.905029296875</t>
  </si>
  <si>
    <t>0.022882518670428453</t>
  </si>
  <si>
    <t>27.173341751098633</t>
  </si>
  <si>
    <t>1705.4930419921875</t>
  </si>
  <si>
    <t>0.02162041355340083</t>
  </si>
  <si>
    <t>26.36203956604004</t>
  </si>
  <si>
    <t>1515.8323974609375</t>
  </si>
  <si>
    <t>0.05404747188991177</t>
  </si>
  <si>
    <t>26.700868606567383</t>
  </si>
  <si>
    <t>1398.549072265625</t>
  </si>
  <si>
    <t>0.026658891976378385</t>
  </si>
  <si>
    <t>27.142988204956055</t>
  </si>
  <si>
    <t>1326.1326904296875</t>
  </si>
  <si>
    <t>0.0400324825222933</t>
  </si>
  <si>
    <t>3063</t>
  </si>
  <si>
    <t>27.200088500976562</t>
  </si>
  <si>
    <t>1401.3878173828125</t>
  </si>
  <si>
    <t>0.01845192384424621</t>
  </si>
  <si>
    <t>3175</t>
  </si>
  <si>
    <t>27.316301345825195</t>
  </si>
  <si>
    <t>1676.33544921875</t>
  </si>
  <si>
    <t>0.03591280449401779</t>
  </si>
  <si>
    <t>3379</t>
  </si>
  <si>
    <t>27.078413009643555</t>
  </si>
  <si>
    <t>1573.7613525390625</t>
  </si>
  <si>
    <t>0.06227217538749841</t>
  </si>
  <si>
    <t>27.068023681640625</t>
  </si>
  <si>
    <t>1574.0606689453125</t>
  </si>
  <si>
    <t>0.05133768523416471</t>
  </si>
  <si>
    <t>27.19279670715332</t>
  </si>
  <si>
    <t>1489.9774169921875</t>
  </si>
  <si>
    <t>0.02690496498949635</t>
  </si>
  <si>
    <t>27.077058792114258</t>
  </si>
  <si>
    <t>1650.575927734375</t>
  </si>
  <si>
    <t>0.035751690963843785</t>
  </si>
  <si>
    <t>26.876808166503906</t>
  </si>
  <si>
    <t>1871.6387939453125</t>
  </si>
  <si>
    <t>0.019869934764486175</t>
  </si>
  <si>
    <t>27.29773712158203</t>
  </si>
  <si>
    <t>1434.0626220703125</t>
  </si>
  <si>
    <t>-0.04798800087325894</t>
  </si>
  <si>
    <t>27.039628982543945</t>
  </si>
  <si>
    <t>1679.455810546875</t>
  </si>
  <si>
    <t>0.02864604922557845</t>
  </si>
  <si>
    <t>26.983718872070312</t>
  </si>
  <si>
    <t>1561.291259765625</t>
  </si>
  <si>
    <t>0.04792261606983139</t>
  </si>
  <si>
    <t>27.04559898376465</t>
  </si>
  <si>
    <t>1316.3555908203125</t>
  </si>
  <si>
    <t>0.04956853740874223</t>
  </si>
  <si>
    <t>27.121902465820312</t>
  </si>
  <si>
    <t>1472.1746826171875</t>
  </si>
  <si>
    <t>0.03481885486880465</t>
  </si>
  <si>
    <t>4473</t>
  </si>
  <si>
    <t>27.17534828186035</t>
  </si>
  <si>
    <t>1396.8828125</t>
  </si>
  <si>
    <t>0.03364718406686862</t>
  </si>
  <si>
    <t>4626</t>
  </si>
  <si>
    <t>27.392873764038086</t>
  </si>
  <si>
    <t>1577.1500244140625</t>
  </si>
  <si>
    <t>0.03363323935853657</t>
  </si>
  <si>
    <t>4769</t>
  </si>
  <si>
    <t>27.4354305267334</t>
  </si>
  <si>
    <t>1550.57861328125</t>
  </si>
  <si>
    <t>0.03044407550683914</t>
  </si>
  <si>
    <t>4921</t>
  </si>
  <si>
    <t>27.16193389892578</t>
  </si>
  <si>
    <t>1580.9190673828125</t>
  </si>
  <si>
    <t>0.03137512256775388</t>
  </si>
  <si>
    <t>26.931795120239258</t>
  </si>
  <si>
    <t>1584.1348876953125</t>
  </si>
  <si>
    <t>-0.04807917942565254</t>
  </si>
  <si>
    <t>4493</t>
  </si>
  <si>
    <t>27.319320678710938</t>
  </si>
  <si>
    <t>1587.959716796875</t>
  </si>
  <si>
    <t>-0.042911952370165096</t>
  </si>
  <si>
    <t>27.414060592651367</t>
  </si>
  <si>
    <t>1700.16357421875</t>
  </si>
  <si>
    <t>-0.03142566727566809</t>
  </si>
  <si>
    <t>27.22369956970215</t>
  </si>
  <si>
    <t>1627.9112548828125</t>
  </si>
  <si>
    <t>0.08515312110762707</t>
  </si>
  <si>
    <t>4853</t>
  </si>
  <si>
    <t>27.027807235717773</t>
  </si>
  <si>
    <t>1645.1280517578125</t>
  </si>
  <si>
    <t>0.02334898650309647</t>
  </si>
  <si>
    <t>NLD</t>
  </si>
  <si>
    <t>27698</t>
  </si>
  <si>
    <t>736.0999145507812</t>
  </si>
  <si>
    <t>480.4376525878906</t>
  </si>
  <si>
    <t>Alkmaar en omgeving</t>
  </si>
  <si>
    <t>Netherlands</t>
  </si>
  <si>
    <t>28145</t>
  </si>
  <si>
    <t>619.0000610351562</t>
  </si>
  <si>
    <t>0.01600951049546495</t>
  </si>
  <si>
    <t>877.3999633789062</t>
  </si>
  <si>
    <t>0.009195467093100262</t>
  </si>
  <si>
    <t>929.10009765625</t>
  </si>
  <si>
    <t>0.005336903928187198</t>
  </si>
  <si>
    <t>955.7000122070312</t>
  </si>
  <si>
    <t>0.022951316385276144</t>
  </si>
  <si>
    <t>0.025577014633750395</t>
  </si>
  <si>
    <t>0.029775449740558457</t>
  </si>
  <si>
    <t>32054</t>
  </si>
  <si>
    <t>727.2999877929688</t>
  </si>
  <si>
    <t>0.03721610987452095</t>
  </si>
  <si>
    <t>0.039425874706726205</t>
  </si>
  <si>
    <t>0.04248213388574129</t>
  </si>
  <si>
    <t>35991</t>
  </si>
  <si>
    <t>958.5999755859375</t>
  </si>
  <si>
    <t>0.03393891803704996</t>
  </si>
  <si>
    <t>37012</t>
  </si>
  <si>
    <t>964.300048828125</t>
  </si>
  <si>
    <t>0.027973277185882495</t>
  </si>
  <si>
    <t>37249</t>
  </si>
  <si>
    <t>939.8999633789062</t>
  </si>
  <si>
    <t>0.0063829144408504845</t>
  </si>
  <si>
    <t>0.013227917763954267</t>
  </si>
  <si>
    <t>0.0007680186820664403</t>
  </si>
  <si>
    <t>38371</t>
  </si>
  <si>
    <t>793.2999877929688</t>
  </si>
  <si>
    <t>0.015680930673223514</t>
  </si>
  <si>
    <t>878.6000366210938</t>
  </si>
  <si>
    <t>0.02755462580348933</t>
  </si>
  <si>
    <t>855.60009765625</t>
  </si>
  <si>
    <t>0.06421680268281804</t>
  </si>
  <si>
    <t>43298</t>
  </si>
  <si>
    <t>0.029033050132053262</t>
  </si>
  <si>
    <t>753.5000610351562</t>
  </si>
  <si>
    <t>-0.032701293014369526</t>
  </si>
  <si>
    <t>-0.004041085830778002</t>
  </si>
  <si>
    <t>42742</t>
  </si>
  <si>
    <t>0.023817977647908606</t>
  </si>
  <si>
    <t>41973</t>
  </si>
  <si>
    <t>834.9000244140625</t>
  </si>
  <si>
    <t>-0.018155488948741194</t>
  </si>
  <si>
    <t>41174</t>
  </si>
  <si>
    <t>745.0</t>
  </si>
  <si>
    <t>-0.019219565232141633</t>
  </si>
  <si>
    <t>41712</t>
  </si>
  <si>
    <t>813.9000854492188</t>
  </si>
  <si>
    <t>0.012981868004029451</t>
  </si>
  <si>
    <t>40488</t>
  </si>
  <si>
    <t>861.300048828125</t>
  </si>
  <si>
    <t>-0.02978322327937022</t>
  </si>
  <si>
    <t>40843</t>
  </si>
  <si>
    <t>0.008729814081537057</t>
  </si>
  <si>
    <t>40733</t>
  </si>
  <si>
    <t>918.5000610351562</t>
  </si>
  <si>
    <t>-0.0026968732634671255</t>
  </si>
  <si>
    <t>41212</t>
  </si>
  <si>
    <t>624.0000610351562</t>
  </si>
  <si>
    <t>0.011690901352976013</t>
  </si>
  <si>
    <t>42501</t>
  </si>
  <si>
    <t>11.399998664855957</t>
  </si>
  <si>
    <t>0.030798128982501893</t>
  </si>
  <si>
    <t>41461</t>
  </si>
  <si>
    <t>-0.02477437871518262</t>
  </si>
  <si>
    <t>0.054423865744574584</t>
  </si>
  <si>
    <t>770.6000366210938</t>
  </si>
  <si>
    <t>0.03242871488095744</t>
  </si>
  <si>
    <t>27613</t>
  </si>
  <si>
    <t>156.68075561523438</t>
  </si>
  <si>
    <t>Flevoland</t>
  </si>
  <si>
    <t>0.01602275979717227</t>
  </si>
  <si>
    <t>28317</t>
  </si>
  <si>
    <t>0.00915289489039317</t>
  </si>
  <si>
    <t>895.2000732421875</t>
  </si>
  <si>
    <t>0.005353444969484755</t>
  </si>
  <si>
    <t>0.022952794990942493</t>
  </si>
  <si>
    <t>0.025554649142211616</t>
  </si>
  <si>
    <t>585.6000366210938</t>
  </si>
  <si>
    <t>0.029801783558514927</t>
  </si>
  <si>
    <t>31956</t>
  </si>
  <si>
    <t>0.037234952947724054</t>
  </si>
  <si>
    <t>33241</t>
  </si>
  <si>
    <t>0.03942409715079087</t>
  </si>
  <si>
    <t>34682</t>
  </si>
  <si>
    <t>0.042436766605771226</t>
  </si>
  <si>
    <t>0.03395921681423886</t>
  </si>
  <si>
    <t>36624</t>
  </si>
  <si>
    <t>0.02052372601961494</t>
  </si>
  <si>
    <t>-0.018240937800763746</t>
  </si>
  <si>
    <t>0.026750933286233902</t>
  </si>
  <si>
    <t>0.014887145476075503</t>
  </si>
  <si>
    <t>0.014405884277508108</t>
  </si>
  <si>
    <t>40562</t>
  </si>
  <si>
    <t>0.06432487928267605</t>
  </si>
  <si>
    <t>42389</t>
  </si>
  <si>
    <t>0.04405722688489533</t>
  </si>
  <si>
    <t>791.9000854492188</t>
  </si>
  <si>
    <t>-0.018548371621985638</t>
  </si>
  <si>
    <t>39004</t>
  </si>
  <si>
    <t>738.699951171875</t>
  </si>
  <si>
    <t>-0.06467631802197715</t>
  </si>
  <si>
    <t>40057</t>
  </si>
  <si>
    <t>817.5999755859375</t>
  </si>
  <si>
    <t>0.026639234792080302</t>
  </si>
  <si>
    <t>-0.0017740469153118</t>
  </si>
  <si>
    <t>39254</t>
  </si>
  <si>
    <t>804.4000244140625</t>
  </si>
  <si>
    <t>-0.018476042985753338</t>
  </si>
  <si>
    <t>-0.02692991758815566</t>
  </si>
  <si>
    <t>38803</t>
  </si>
  <si>
    <t>772.4000854492188</t>
  </si>
  <si>
    <t>0.015374130952119813</t>
  </si>
  <si>
    <t>0.012752400616257376</t>
  </si>
  <si>
    <t>40362</t>
  </si>
  <si>
    <t>0.026638784427413853</t>
  </si>
  <si>
    <t>0.023893425518121347</t>
  </si>
  <si>
    <t>595.1000366210938</t>
  </si>
  <si>
    <t>0.009581891930446673</t>
  </si>
  <si>
    <t>41931</t>
  </si>
  <si>
    <t>0.004661344450788363</t>
  </si>
  <si>
    <t>-0.03519268193948477</t>
  </si>
  <si>
    <t>0.054419501246801616</t>
  </si>
  <si>
    <t>44154</t>
  </si>
  <si>
    <t>737.5999755859375</t>
  </si>
  <si>
    <t>0.03243129369431941</t>
  </si>
  <si>
    <t>11.083334922790527</t>
  </si>
  <si>
    <t>794.6103515625</t>
  </si>
  <si>
    <t>Groot-Rijnmond</t>
  </si>
  <si>
    <t>627.1000366210938</t>
  </si>
  <si>
    <t>0.01604291352367504</t>
  </si>
  <si>
    <t>38618</t>
  </si>
  <si>
    <t>0.009156715557535833</t>
  </si>
  <si>
    <t>38825</t>
  </si>
  <si>
    <t>0.005345880014402837</t>
  </si>
  <si>
    <t>39727</t>
  </si>
  <si>
    <t>928.3001098632812</t>
  </si>
  <si>
    <t>0.022966688250347644</t>
  </si>
  <si>
    <t>0.02554747426132309</t>
  </si>
  <si>
    <t>41987</t>
  </si>
  <si>
    <t>0.029781515015042004</t>
  </si>
  <si>
    <t>43580</t>
  </si>
  <si>
    <t>749.9000244140625</t>
  </si>
  <si>
    <t>0.03723828295501086</t>
  </si>
  <si>
    <t>1060.2999267578125</t>
  </si>
  <si>
    <t>0.03941485535422906</t>
  </si>
  <si>
    <t>910.9000854492188</t>
  </si>
  <si>
    <t>0.04247596875464765</t>
  </si>
  <si>
    <t>952.0</t>
  </si>
  <si>
    <t>0.03396286187465236</t>
  </si>
  <si>
    <t>49771</t>
  </si>
  <si>
    <t>0.01698046959376498</t>
  </si>
  <si>
    <t>941.800048828125</t>
  </si>
  <si>
    <t>-0.0028772945131425587</t>
  </si>
  <si>
    <t>50153</t>
  </si>
  <si>
    <t>668.4000244140625</t>
  </si>
  <si>
    <t>0.010523142576527533</t>
  </si>
  <si>
    <t>51985</t>
  </si>
  <si>
    <t>0.035876882272781074</t>
  </si>
  <si>
    <t>54799</t>
  </si>
  <si>
    <t>793.699951171875</t>
  </si>
  <si>
    <t>0.0527167301823539</t>
  </si>
  <si>
    <t>56178</t>
  </si>
  <si>
    <t>11.750000953674316</t>
  </si>
  <si>
    <t>850.7000732421875</t>
  </si>
  <si>
    <t>0.024853275572519706</t>
  </si>
  <si>
    <t>58641</t>
  </si>
  <si>
    <t>865.2000122070312</t>
  </si>
  <si>
    <t>0.04290888945418736</t>
  </si>
  <si>
    <t>59918</t>
  </si>
  <si>
    <t>824.7000122070312</t>
  </si>
  <si>
    <t>0.021542850175800154</t>
  </si>
  <si>
    <t>55727</t>
  </si>
  <si>
    <t>-0.07251219165303979</t>
  </si>
  <si>
    <t>56191</t>
  </si>
  <si>
    <t>0.00829183256498034</t>
  </si>
  <si>
    <t>55740</t>
  </si>
  <si>
    <t>744.699951171875</t>
  </si>
  <si>
    <t>-0.008058579672933774</t>
  </si>
  <si>
    <t>56255</t>
  </si>
  <si>
    <t>813.2000122070312</t>
  </si>
  <si>
    <t>0.009196903969233006</t>
  </si>
  <si>
    <t>55145</t>
  </si>
  <si>
    <t>10.416667938232422</t>
  </si>
  <si>
    <t>746.7000122070312</t>
  </si>
  <si>
    <t>-0.01992884626492497</t>
  </si>
  <si>
    <t>789.5</t>
  </si>
  <si>
    <t>0.0004894984551633286</t>
  </si>
  <si>
    <t>57542</t>
  </si>
  <si>
    <t>809.800048828125</t>
  </si>
  <si>
    <t>0.04205953773498727</t>
  </si>
  <si>
    <t>58059</t>
  </si>
  <si>
    <t>0.008944618938063087</t>
  </si>
  <si>
    <t>890.2000122070312</t>
  </si>
  <si>
    <t>0.017974214600023686</t>
  </si>
  <si>
    <t>59564</t>
  </si>
  <si>
    <t>11.6083345413208</t>
  </si>
  <si>
    <t>0.007617415241611525</t>
  </si>
  <si>
    <t>60111</t>
  </si>
  <si>
    <t>0.00914148835176043</t>
  </si>
  <si>
    <t>57418</t>
  </si>
  <si>
    <t>-0.045835010062731385</t>
  </si>
  <si>
    <t>60629</t>
  </si>
  <si>
    <t>811.4999389648438</t>
  </si>
  <si>
    <t>0.05441548344555969</t>
  </si>
  <si>
    <t>62628</t>
  </si>
  <si>
    <t>731.0</t>
  </si>
  <si>
    <t>0.03243913598672954</t>
  </si>
  <si>
    <t>26720</t>
  </si>
  <si>
    <t>361.3777770996094</t>
  </si>
  <si>
    <t>Midden-Limburg</t>
  </si>
  <si>
    <t>27152</t>
  </si>
  <si>
    <t>0.016038359823426163</t>
  </si>
  <si>
    <t>811.7000122070312</t>
  </si>
  <si>
    <t>0.00916529493904683</t>
  </si>
  <si>
    <t>27548</t>
  </si>
  <si>
    <t>796.5999755859375</t>
  </si>
  <si>
    <t>0.005313934251534036</t>
  </si>
  <si>
    <t>28188</t>
  </si>
  <si>
    <t>816.9999389648438</t>
  </si>
  <si>
    <t>0.022966417782324555</t>
  </si>
  <si>
    <t>0.025567883141158987</t>
  </si>
  <si>
    <t>29792</t>
  </si>
  <si>
    <t>0.029775662488722432</t>
  </si>
  <si>
    <t>713.9000244140625</t>
  </si>
  <si>
    <t>0.03726034249754484</t>
  </si>
  <si>
    <t>0.03940975048125317</t>
  </si>
  <si>
    <t>33561</t>
  </si>
  <si>
    <t>0.042454684459448444</t>
  </si>
  <si>
    <t>0.033951211259246605</t>
  </si>
  <si>
    <t>0.005915647725503348</t>
  </si>
  <si>
    <t>33438</t>
  </si>
  <si>
    <t>895.4999389648438</t>
  </si>
  <si>
    <t>-0.04353855970219911</t>
  </si>
  <si>
    <t>0.01386951832035166</t>
  </si>
  <si>
    <t>0.009948870744432625</t>
  </si>
  <si>
    <t>0.01911871854212599</t>
  </si>
  <si>
    <t>0.052976449497750266</t>
  </si>
  <si>
    <t>38336</t>
  </si>
  <si>
    <t>813.0</t>
  </si>
  <si>
    <t>0.04078286757286875</t>
  </si>
  <si>
    <t>0.012108160734868534</t>
  </si>
  <si>
    <t>39207</t>
  </si>
  <si>
    <t>725.7999267578125</t>
  </si>
  <si>
    <t>0.01035773905515569</t>
  </si>
  <si>
    <t>39229</t>
  </si>
  <si>
    <t>0.000560966917664274</t>
  </si>
  <si>
    <t>0.023778858980866957</t>
  </si>
  <si>
    <t>38980</t>
  </si>
  <si>
    <t>788.5</t>
  </si>
  <si>
    <t>-0.03014643410212514</t>
  </si>
  <si>
    <t>0.020441262750084732</t>
  </si>
  <si>
    <t>0.010078486770568773</t>
  </si>
  <si>
    <t>40236</t>
  </si>
  <si>
    <t>0.0011936736720237207</t>
  </si>
  <si>
    <t>41238</t>
  </si>
  <si>
    <t>0.024598044095432314</t>
  </si>
  <si>
    <t>0.038182109771382144</t>
  </si>
  <si>
    <t>0.029189583142535724</t>
  </si>
  <si>
    <t>709.1000366210938</t>
  </si>
  <si>
    <t>0.011741641459792618</t>
  </si>
  <si>
    <t>45786</t>
  </si>
  <si>
    <t>0.025504871794316486</t>
  </si>
  <si>
    <t>48347</t>
  </si>
  <si>
    <t>0.05442580486891835</t>
  </si>
  <si>
    <t>49940</t>
  </si>
  <si>
    <t>0.032418112447158975</t>
  </si>
  <si>
    <t>24352</t>
  </si>
  <si>
    <t>10.114057540893555</t>
  </si>
  <si>
    <t>790.99658203125</t>
  </si>
  <si>
    <t>391.5528564453125</t>
  </si>
  <si>
    <t>Noord-Friesland</t>
  </si>
  <si>
    <t>24746</t>
  </si>
  <si>
    <t>8.985299110412598</t>
  </si>
  <si>
    <t>661.8380737304688</t>
  </si>
  <si>
    <t>0.0160498781125078</t>
  </si>
  <si>
    <t>24973</t>
  </si>
  <si>
    <t>10.082846641540527</t>
  </si>
  <si>
    <t>862.5435180664062</t>
  </si>
  <si>
    <t>0.009131381456173315</t>
  </si>
  <si>
    <t>9.00556755065918</t>
  </si>
  <si>
    <t>907.9379272460938</t>
  </si>
  <si>
    <t>0.005351450470890029</t>
  </si>
  <si>
    <t>25690</t>
  </si>
  <si>
    <t>9.879749298095703</t>
  </si>
  <si>
    <t>964.959228515625</t>
  </si>
  <si>
    <t>0.02295511940294581</t>
  </si>
  <si>
    <t>9.316683769226074</t>
  </si>
  <si>
    <t>656.3931884765625</t>
  </si>
  <si>
    <t>0.025594141929779823</t>
  </si>
  <si>
    <t>7.78514289855957</t>
  </si>
  <si>
    <t>597.6737670898438</t>
  </si>
  <si>
    <t>0.029754755440297487</t>
  </si>
  <si>
    <t>9.980237007141113</t>
  </si>
  <si>
    <t>741.0460205078125</t>
  </si>
  <si>
    <t>0.03723276778104356</t>
  </si>
  <si>
    <t>29316</t>
  </si>
  <si>
    <t>9.711605072021484</t>
  </si>
  <si>
    <t>1049.7061767578125</t>
  </si>
  <si>
    <t>0.03944996579068949</t>
  </si>
  <si>
    <t>10.227784156799316</t>
  </si>
  <si>
    <t>881.9625854492188</t>
  </si>
  <si>
    <t>0.042441640024788896</t>
  </si>
  <si>
    <t>874.044189453125</t>
  </si>
  <si>
    <t>0.03397347507075743</t>
  </si>
  <si>
    <t>32866</t>
  </si>
  <si>
    <t>9.77696704864502</t>
  </si>
  <si>
    <t>940.4065551757812</t>
  </si>
  <si>
    <t>0.03789013159994781</t>
  </si>
  <si>
    <t>10.00066089630127</t>
  </si>
  <si>
    <t>939.1294555664062</t>
  </si>
  <si>
    <t>-0.00036518564008858334</t>
  </si>
  <si>
    <t>9.982202529907227</t>
  </si>
  <si>
    <t>677.7869873046875</t>
  </si>
  <si>
    <t>0.01974055634667593</t>
  </si>
  <si>
    <t>33542</t>
  </si>
  <si>
    <t>9.92451286315918</t>
  </si>
  <si>
    <t>831.0675659179688</t>
  </si>
  <si>
    <t>0.000984325443750933</t>
  </si>
  <si>
    <t>9.530567169189453</t>
  </si>
  <si>
    <t>779.3550415039062</t>
  </si>
  <si>
    <t>0.030737327532115444</t>
  </si>
  <si>
    <t>35716</t>
  </si>
  <si>
    <t>10.782029151916504</t>
  </si>
  <si>
    <t>851.54150390625</t>
  </si>
  <si>
    <t>0.03206305521341868</t>
  </si>
  <si>
    <t>10.47745418548584</t>
  </si>
  <si>
    <t>891.7260131835938</t>
  </si>
  <si>
    <t>0.027477670016670785</t>
  </si>
  <si>
    <t>38181</t>
  </si>
  <si>
    <t>9.682516098022461</t>
  </si>
  <si>
    <t>817.62451171875</t>
  </si>
  <si>
    <t>0.03926157200637981</t>
  </si>
  <si>
    <t>9.728601455688477</t>
  </si>
  <si>
    <t>750.5767211914062</t>
  </si>
  <si>
    <t>-0.04741215593851145</t>
  </si>
  <si>
    <t>8.856541633605957</t>
  </si>
  <si>
    <t>822.1236572265625</t>
  </si>
  <si>
    <t>0.0118483504555833</t>
  </si>
  <si>
    <t>10.381872177124023</t>
  </si>
  <si>
    <t>840.4794311523438</t>
  </si>
  <si>
    <t>0.03278369458613284</t>
  </si>
  <si>
    <t>9.48202896118164</t>
  </si>
  <si>
    <t>799.519775390625</t>
  </si>
  <si>
    <t>-0.010614241278286585</t>
  </si>
  <si>
    <t>9.462422370910645</t>
  </si>
  <si>
    <t>725.747314453125</t>
  </si>
  <si>
    <t>0.003682855060199941</t>
  </si>
  <si>
    <t>38701</t>
  </si>
  <si>
    <t>11.049182891845703</t>
  </si>
  <si>
    <t>800.5535278320312</t>
  </si>
  <si>
    <t>0.023238926932037884</t>
  </si>
  <si>
    <t>10.301148414611816</t>
  </si>
  <si>
    <t>844.493896484375</t>
  </si>
  <si>
    <t>-0.02694832655392254</t>
  </si>
  <si>
    <t>36999</t>
  </si>
  <si>
    <t>10.017154693603516</t>
  </si>
  <si>
    <t>717.9197387695312</t>
  </si>
  <si>
    <t>-0.01802622768929396</t>
  </si>
  <si>
    <t>10.611117362976074</t>
  </si>
  <si>
    <t>965.176513671875</t>
  </si>
  <si>
    <t>0.0019171319106803253</t>
  </si>
  <si>
    <t>10.654906272888184</t>
  </si>
  <si>
    <t>585.1923828125</t>
  </si>
  <si>
    <t>0.02504126583851729</t>
  </si>
  <si>
    <t>38795</t>
  </si>
  <si>
    <t>850.9894409179688</t>
  </si>
  <si>
    <t>0.020442089344754777</t>
  </si>
  <si>
    <t>37686</t>
  </si>
  <si>
    <t>10.839875221252441</t>
  </si>
  <si>
    <t>826.6458129882812</t>
  </si>
  <si>
    <t>-0.02900269964561275</t>
  </si>
  <si>
    <t>10.087091445922852</t>
  </si>
  <si>
    <t>828.5654296875</t>
  </si>
  <si>
    <t>0.054427474456757</t>
  </si>
  <si>
    <t>11.091839790344238</t>
  </si>
  <si>
    <t>772.6869506835938</t>
  </si>
  <si>
    <t>0.03243794909175968</t>
  </si>
  <si>
    <t>36129</t>
  </si>
  <si>
    <t>10.821150779724121</t>
  </si>
  <si>
    <t>724.517822265625</t>
  </si>
  <si>
    <t>997.4765014648438</t>
  </si>
  <si>
    <t>Noordoost-Noord-Brabant</t>
  </si>
  <si>
    <t>36712</t>
  </si>
  <si>
    <t>9.670304298400879</t>
  </si>
  <si>
    <t>606.8106689453125</t>
  </si>
  <si>
    <t>0.016007810146080104</t>
  </si>
  <si>
    <t>10.791878700256348</t>
  </si>
  <si>
    <t>833.3294677734375</t>
  </si>
  <si>
    <t>0.009164674649563054</t>
  </si>
  <si>
    <t>9.839128494262695</t>
  </si>
  <si>
    <t>861.557373046875</t>
  </si>
  <si>
    <t>0.005356747085539126</t>
  </si>
  <si>
    <t>10.762648582458496</t>
  </si>
  <si>
    <t>917.2380981445312</t>
  </si>
  <si>
    <t>0.022956569878550326</t>
  </si>
  <si>
    <t>10.293190002441406</t>
  </si>
  <si>
    <t>686.564453125</t>
  </si>
  <si>
    <t>0.025566373405659704</t>
  </si>
  <si>
    <t>8.6350679397583</t>
  </si>
  <si>
    <t>567.8939819335938</t>
  </si>
  <si>
    <t>0.029781501614573713</t>
  </si>
  <si>
    <t>10.848308563232422</t>
  </si>
  <si>
    <t>742.9046020507812</t>
  </si>
  <si>
    <t>0.03722991907906348</t>
  </si>
  <si>
    <t>43492</t>
  </si>
  <si>
    <t>10.489975929260254</t>
  </si>
  <si>
    <t>1037.005126953125</t>
  </si>
  <si>
    <t>0.03941755033002181</t>
  </si>
  <si>
    <t>45379</t>
  </si>
  <si>
    <t>10.967089653015137</t>
  </si>
  <si>
    <t>871.1710815429688</t>
  </si>
  <si>
    <t>0.042472429834123915</t>
  </si>
  <si>
    <t>10.997882843017578</t>
  </si>
  <si>
    <t>879.5345458984375</t>
  </si>
  <si>
    <t>0.033948562037068086</t>
  </si>
  <si>
    <t>47332</t>
  </si>
  <si>
    <t>10.557698249816895</t>
  </si>
  <si>
    <t>907.8680419921875</t>
  </si>
  <si>
    <t>0.008188594515617709</t>
  </si>
  <si>
    <t>46814</t>
  </si>
  <si>
    <t>10.793400764465332</t>
  </si>
  <si>
    <t>893.4924926757812</t>
  </si>
  <si>
    <t>-0.011004296034601069</t>
  </si>
  <si>
    <t>46721</t>
  </si>
  <si>
    <t>10.835067749023438</t>
  </si>
  <si>
    <t>653.6431884765625</t>
  </si>
  <si>
    <t>-0.001988561087216567</t>
  </si>
  <si>
    <t>47581</t>
  </si>
  <si>
    <t>10.605330467224121</t>
  </si>
  <si>
    <t>794.2720947265625</t>
  </si>
  <si>
    <t>0.018239779487588592</t>
  </si>
  <si>
    <t>10.394669532775879</t>
  </si>
  <si>
    <t>772.46142578125</t>
  </si>
  <si>
    <t>0.041577472929883896</t>
  </si>
  <si>
    <t>49968</t>
  </si>
  <si>
    <t>11.484177589416504</t>
  </si>
  <si>
    <t>822.9680786132812</t>
  </si>
  <si>
    <t>0.007371805722755198</t>
  </si>
  <si>
    <t>49985</t>
  </si>
  <si>
    <t>11.154061317443848</t>
  </si>
  <si>
    <t>848.9208984375</t>
  </si>
  <si>
    <t>0.0003401598784211757</t>
  </si>
  <si>
    <t>51414</t>
  </si>
  <si>
    <t>10.284603118896484</t>
  </si>
  <si>
    <t>773.3812255859375</t>
  </si>
  <si>
    <t>0.02818754849589311</t>
  </si>
  <si>
    <t>51890</t>
  </si>
  <si>
    <t>10.557064056396484</t>
  </si>
  <si>
    <t>726.7070922851562</t>
  </si>
  <si>
    <t>0.009215584464611126</t>
  </si>
  <si>
    <t>49934</t>
  </si>
  <si>
    <t>9.614551544189453</t>
  </si>
  <si>
    <t>804.3807373046875</t>
  </si>
  <si>
    <t>-0.03842395991891756</t>
  </si>
  <si>
    <t>50517</t>
  </si>
  <si>
    <t>11.227157592773438</t>
  </si>
  <si>
    <t>767.5543823242188</t>
  </si>
  <si>
    <t>0.011607779835550502</t>
  </si>
  <si>
    <t>51577</t>
  </si>
  <si>
    <t>10.223307609558105</t>
  </si>
  <si>
    <t>791.5802612304688</t>
  </si>
  <si>
    <t>0.02076592338711336</t>
  </si>
  <si>
    <t>49611</t>
  </si>
  <si>
    <t>10.214762687683105</t>
  </si>
  <si>
    <t>721.9421997070312</t>
  </si>
  <si>
    <t>-0.03886325334722507</t>
  </si>
  <si>
    <t>50480</t>
  </si>
  <si>
    <t>11.692089080810547</t>
  </si>
  <si>
    <t>766.4893798828125</t>
  </si>
  <si>
    <t>0.01736463489678819</t>
  </si>
  <si>
    <t>51456</t>
  </si>
  <si>
    <t>11.167132377624512</t>
  </si>
  <si>
    <t>789.9812622070312</t>
  </si>
  <si>
    <t>0.019149855323544074</t>
  </si>
  <si>
    <t>52785</t>
  </si>
  <si>
    <t>10.60854434967041</t>
  </si>
  <si>
    <t>717.94775390625</t>
  </si>
  <si>
    <t>0.025499985885156562</t>
  </si>
  <si>
    <t>54054</t>
  </si>
  <si>
    <t>11.480372428894043</t>
  </si>
  <si>
    <t>862.0101318359375</t>
  </si>
  <si>
    <t>0.02375648745569947</t>
  </si>
  <si>
    <t>54465</t>
  </si>
  <si>
    <t>11.43527889251709</t>
  </si>
  <si>
    <t>595.081787109375</t>
  </si>
  <si>
    <t>0.007574746637050822</t>
  </si>
  <si>
    <t>55497</t>
  </si>
  <si>
    <t>11.699153900146484</t>
  </si>
  <si>
    <t>781.3863525390625</t>
  </si>
  <si>
    <t>0.018770671702952768</t>
  </si>
  <si>
    <t>54440</t>
  </si>
  <si>
    <t>11.680373191833496</t>
  </si>
  <si>
    <t>798.8751831054688</t>
  </si>
  <si>
    <t>-0.01922978745409587</t>
  </si>
  <si>
    <t>57485</t>
  </si>
  <si>
    <t>10.730118751525879</t>
  </si>
  <si>
    <t>824.788330078125</t>
  </si>
  <si>
    <t>0.05442486642243871</t>
  </si>
  <si>
    <t>59380</t>
  </si>
  <si>
    <t>12.029314994812012</t>
  </si>
  <si>
    <t>729.8147583007812</t>
  </si>
  <si>
    <t>0.03243342512990921</t>
  </si>
  <si>
    <t>47824</t>
  </si>
  <si>
    <t>758.1000366210938</t>
  </si>
  <si>
    <t>292.25982666015625</t>
  </si>
  <si>
    <t>Overig Groningen</t>
  </si>
  <si>
    <t>48597</t>
  </si>
  <si>
    <t>648.5999755859375</t>
  </si>
  <si>
    <t>0.0160341950645293</t>
  </si>
  <si>
    <t>49044</t>
  </si>
  <si>
    <t>849.0</t>
  </si>
  <si>
    <t>0.009156053764028727</t>
  </si>
  <si>
    <t>49306</t>
  </si>
  <si>
    <t>867.2999877929688</t>
  </si>
  <si>
    <t>0.005327923127147471</t>
  </si>
  <si>
    <t>50452</t>
  </si>
  <si>
    <t>942.2999877929688</t>
  </si>
  <si>
    <t>0.022976611727658636</t>
  </si>
  <si>
    <t>51758</t>
  </si>
  <si>
    <t>0.025556620344806547</t>
  </si>
  <si>
    <t>558.5001220703125</t>
  </si>
  <si>
    <t>0.0297887482240089</t>
  </si>
  <si>
    <t>55346</t>
  </si>
  <si>
    <t>0.037236631360130446</t>
  </si>
  <si>
    <t>57571</t>
  </si>
  <si>
    <t>1016.4999389648438</t>
  </si>
  <si>
    <t>0.039414579541034556</t>
  </si>
  <si>
    <t>60068</t>
  </si>
  <si>
    <t>826.0</t>
  </si>
  <si>
    <t>0.04245828512310723</t>
  </si>
  <si>
    <t>62143</t>
  </si>
  <si>
    <t>814.199951171875</t>
  </si>
  <si>
    <t>0.03396092706326925</t>
  </si>
  <si>
    <t>67473</t>
  </si>
  <si>
    <t>0.08228933697584218</t>
  </si>
  <si>
    <t>65032</t>
  </si>
  <si>
    <t>939.7000122070312</t>
  </si>
  <si>
    <t>-0.03684806141287389</t>
  </si>
  <si>
    <t>64723</t>
  </si>
  <si>
    <t>652.4000244140625</t>
  </si>
  <si>
    <t>-0.004762831245457733</t>
  </si>
  <si>
    <t>65674</t>
  </si>
  <si>
    <t>792.89990234375</t>
  </si>
  <si>
    <t>0.014586483762766278</t>
  </si>
  <si>
    <t>68913</t>
  </si>
  <si>
    <t>0.04814173050562509</t>
  </si>
  <si>
    <t>75424</t>
  </si>
  <si>
    <t>0.09028068728651562</t>
  </si>
  <si>
    <t>74889</t>
  </si>
  <si>
    <t>-0.007118509499207448</t>
  </si>
  <si>
    <t>84080</t>
  </si>
  <si>
    <t>803.1000366210938</t>
  </si>
  <si>
    <t>0.11576170931418339</t>
  </si>
  <si>
    <t>74306</t>
  </si>
  <si>
    <t>-0.12357702440417562</t>
  </si>
  <si>
    <t>75663</t>
  </si>
  <si>
    <t>0.018097567324858232</t>
  </si>
  <si>
    <t>76896</t>
  </si>
  <si>
    <t>841.5000610351562</t>
  </si>
  <si>
    <t>0.01616459006467963</t>
  </si>
  <si>
    <t>79516</t>
  </si>
  <si>
    <t>806.5999755859375</t>
  </si>
  <si>
    <t>0.033504399718216504</t>
  </si>
  <si>
    <t>80988</t>
  </si>
  <si>
    <t>722.5</t>
  </si>
  <si>
    <t>0.018342736276993676</t>
  </si>
  <si>
    <t>73609</t>
  </si>
  <si>
    <t>816.5</t>
  </si>
  <si>
    <t>-0.09553369468165229</t>
  </si>
  <si>
    <t>68431</t>
  </si>
  <si>
    <t>833.9000244140625</t>
  </si>
  <si>
    <t>-0.07294136253636374</t>
  </si>
  <si>
    <t>-0.09094742306886161</t>
  </si>
  <si>
    <t>62607</t>
  </si>
  <si>
    <t>971.5999145507812</t>
  </si>
  <si>
    <t>0.001998577678412161</t>
  </si>
  <si>
    <t>62338</t>
  </si>
  <si>
    <t>-0.004305901246508981</t>
  </si>
  <si>
    <t>60869</t>
  </si>
  <si>
    <t>835.0000610351562</t>
  </si>
  <si>
    <t>-0.023847177777492234</t>
  </si>
  <si>
    <t>816.7000122070312</t>
  </si>
  <si>
    <t>-0.13977262110276456</t>
  </si>
  <si>
    <t>55889</t>
  </si>
  <si>
    <t>792.0</t>
  </si>
  <si>
    <t>0.05441618801907744</t>
  </si>
  <si>
    <t>57732</t>
  </si>
  <si>
    <t>0.032444031672202556</t>
  </si>
  <si>
    <t>24767</t>
  </si>
  <si>
    <t>701.0000610351562</t>
  </si>
  <si>
    <t>220.274169921875</t>
  </si>
  <si>
    <t>Overig Zeeland</t>
  </si>
  <si>
    <t>25167</t>
  </si>
  <si>
    <t>592.0</t>
  </si>
  <si>
    <t>0.01602149061703173</t>
  </si>
  <si>
    <t>824.0001220703125</t>
  </si>
  <si>
    <t>0.009176190638461534</t>
  </si>
  <si>
    <t>870.5000610351562</t>
  </si>
  <si>
    <t>0.005340256928878517</t>
  </si>
  <si>
    <t>26128</t>
  </si>
  <si>
    <t>873.3999633789062</t>
  </si>
  <si>
    <t>0.022957476128501852</t>
  </si>
  <si>
    <t>26805</t>
  </si>
  <si>
    <t>607.4000244140625</t>
  </si>
  <si>
    <t>0.025580901051391436</t>
  </si>
  <si>
    <t>0.02977066607365053</t>
  </si>
  <si>
    <t>28663</t>
  </si>
  <si>
    <t>0.03724798907470728</t>
  </si>
  <si>
    <t>29815</t>
  </si>
  <si>
    <t>0.03940453014721079</t>
  </si>
  <si>
    <t>863.2999877929688</t>
  </si>
  <si>
    <t>0.04248554381270431</t>
  </si>
  <si>
    <t>890.2999877929688</t>
  </si>
  <si>
    <t>0.033941196437194066</t>
  </si>
  <si>
    <t>32196</t>
  </si>
  <si>
    <t>899.800048828125</t>
  </si>
  <si>
    <t>0.00040385840651957494</t>
  </si>
  <si>
    <t>0.02645162267003265</t>
  </si>
  <si>
    <t>33706</t>
  </si>
  <si>
    <t>0.019382019152308416</t>
  </si>
  <si>
    <t>33890</t>
  </si>
  <si>
    <t>752.300048828125</t>
  </si>
  <si>
    <t>0.005444122565132048</t>
  </si>
  <si>
    <t>747.2999877929688</t>
  </si>
  <si>
    <t>-0.006156415585097719</t>
  </si>
  <si>
    <t>34175</t>
  </si>
  <si>
    <t>0.014530812576150964</t>
  </si>
  <si>
    <t>805.7999877929688</t>
  </si>
  <si>
    <t>0.09113842568499742</t>
  </si>
  <si>
    <t>38860</t>
  </si>
  <si>
    <t>785.300048828125</t>
  </si>
  <si>
    <t>0.03733263565428402</t>
  </si>
  <si>
    <t>37912</t>
  </si>
  <si>
    <t>-0.02469775928400786</t>
  </si>
  <si>
    <t>39772</t>
  </si>
  <si>
    <t>0.04789546245254073</t>
  </si>
  <si>
    <t>-0.009371950425364872</t>
  </si>
  <si>
    <t>791.3001098632812</t>
  </si>
  <si>
    <t>-0.01939967303719925</t>
  </si>
  <si>
    <t>38479</t>
  </si>
  <si>
    <t>709.0</t>
  </si>
  <si>
    <t>-0.004278885721426207</t>
  </si>
  <si>
    <t>39455</t>
  </si>
  <si>
    <t>752.0999145507812</t>
  </si>
  <si>
    <t>0.025048144039161002</t>
  </si>
  <si>
    <t>761.0</t>
  </si>
  <si>
    <t>0.0238670031927537</t>
  </si>
  <si>
    <t>41538</t>
  </si>
  <si>
    <t>707.0999755859375</t>
  </si>
  <si>
    <t>0.027580885758190732</t>
  </si>
  <si>
    <t>41661</t>
  </si>
  <si>
    <t>831.89990234375</t>
  </si>
  <si>
    <t>0.00295676846141113</t>
  </si>
  <si>
    <t>42686</t>
  </si>
  <si>
    <t>0.024305558236022762</t>
  </si>
  <si>
    <t>757.1000366210938</t>
  </si>
  <si>
    <t>0.026858110122438106</t>
  </si>
  <si>
    <t>42744</t>
  </si>
  <si>
    <t>-0.025500273088344017</t>
  </si>
  <si>
    <t>45134</t>
  </si>
  <si>
    <t>0.054407008094248255</t>
  </si>
  <si>
    <t>46622</t>
  </si>
  <si>
    <t>0.03243668998061189</t>
  </si>
  <si>
    <t>698.1000366210938</t>
  </si>
  <si>
    <t>350.2303466796875</t>
  </si>
  <si>
    <t>Twente</t>
  </si>
  <si>
    <t>0.016035752121595692</t>
  </si>
  <si>
    <t>0.009171418136672216</t>
  </si>
  <si>
    <t>0.005335053200480999</t>
  </si>
  <si>
    <t>28846</t>
  </si>
  <si>
    <t>868.7000732421875</t>
  </si>
  <si>
    <t>0.022968557092280406</t>
  </si>
  <si>
    <t>592.60009765625</t>
  </si>
  <si>
    <t>0.025532719368834833</t>
  </si>
  <si>
    <t>8.166667938232422</t>
  </si>
  <si>
    <t>526.2000122070312</t>
  </si>
  <si>
    <t>0.029796308713400776</t>
  </si>
  <si>
    <t>713.0999755859375</t>
  </si>
  <si>
    <t>0.03724819391559642</t>
  </si>
  <si>
    <t>963.60009765625</t>
  </si>
  <si>
    <t>0.039410304584317046</t>
  </si>
  <si>
    <t>0.0424684691787931</t>
  </si>
  <si>
    <t>0.03395007911067616</t>
  </si>
  <si>
    <t>0.02496029967263702</t>
  </si>
  <si>
    <t>35985</t>
  </si>
  <si>
    <t>-0.012235524745804582</t>
  </si>
  <si>
    <t>0.010119528957726942</t>
  </si>
  <si>
    <t>36773</t>
  </si>
  <si>
    <t>754.4000244140625</t>
  </si>
  <si>
    <t>0.011542166318836422</t>
  </si>
  <si>
    <t>37444</t>
  </si>
  <si>
    <t>0.018082603273166242</t>
  </si>
  <si>
    <t>0.033742189905876074</t>
  </si>
  <si>
    <t>830.6000366210938</t>
  </si>
  <si>
    <t>0.056861434632766716</t>
  </si>
  <si>
    <t>41839</t>
  </si>
  <si>
    <t>0.020378810849289053</t>
  </si>
  <si>
    <t>41673</t>
  </si>
  <si>
    <t>-0.00397548181406826</t>
  </si>
  <si>
    <t>-0.005317305761391111</t>
  </si>
  <si>
    <t>0.026942464548485034</t>
  </si>
  <si>
    <t>41051</t>
  </si>
  <si>
    <t>-0.03666339973279875</t>
  </si>
  <si>
    <t>40754</t>
  </si>
  <si>
    <t>681.2000122070312</t>
  </si>
  <si>
    <t>-0.00726120175891154</t>
  </si>
  <si>
    <t>41067</t>
  </si>
  <si>
    <t>729.0000610351562</t>
  </si>
  <si>
    <t>0.007650884902739463</t>
  </si>
  <si>
    <t>0.012197929503203753</t>
  </si>
  <si>
    <t>42846</t>
  </si>
  <si>
    <t>0.03020948301034032</t>
  </si>
  <si>
    <t>43932</t>
  </si>
  <si>
    <t>846.6000366210938</t>
  </si>
  <si>
    <t>0.025030692131069898</t>
  </si>
  <si>
    <t>45035</t>
  </si>
  <si>
    <t>558.699951171875</t>
  </si>
  <si>
    <t>0.024796981309608057</t>
  </si>
  <si>
    <t>46007</t>
  </si>
  <si>
    <t>736.5</t>
  </si>
  <si>
    <t>0.021353593589156006</t>
  </si>
  <si>
    <t>44969</t>
  </si>
  <si>
    <t>734.7000732421875</t>
  </si>
  <si>
    <t>-0.022820195336413107</t>
  </si>
  <si>
    <t>47484</t>
  </si>
  <si>
    <t>0.05441944870283777</t>
  </si>
  <si>
    <t>49049</t>
  </si>
  <si>
    <t>0.03242698625242291</t>
  </si>
  <si>
    <t>768.6000366210938</t>
  </si>
  <si>
    <t>858.6321411132812</t>
  </si>
  <si>
    <t>Utrecht</t>
  </si>
  <si>
    <t>48822</t>
  </si>
  <si>
    <t>9.400001525878906</t>
  </si>
  <si>
    <t>0.016022145609571936</t>
  </si>
  <si>
    <t>49271</t>
  </si>
  <si>
    <t>889.4999389648438</t>
  </si>
  <si>
    <t>0.009154641733692515</t>
  </si>
  <si>
    <t>49535</t>
  </si>
  <si>
    <t>0.005343817748725499</t>
  </si>
  <si>
    <t>50686</t>
  </si>
  <si>
    <t>980.0</t>
  </si>
  <si>
    <t>0.022970247917809772</t>
  </si>
  <si>
    <t>0.025555517960498264</t>
  </si>
  <si>
    <t>53570</t>
  </si>
  <si>
    <t>0.029783953589566536</t>
  </si>
  <si>
    <t>55602</t>
  </si>
  <si>
    <t>0.037229961939740264</t>
  </si>
  <si>
    <t>57838</t>
  </si>
  <si>
    <t>1093.4000244140625</t>
  </si>
  <si>
    <t>0.03942682727345215</t>
  </si>
  <si>
    <t>60347</t>
  </si>
  <si>
    <t>913.7999267578125</t>
  </si>
  <si>
    <t>0.04246523717704065</t>
  </si>
  <si>
    <t>62431</t>
  </si>
  <si>
    <t>0.033950710602358214</t>
  </si>
  <si>
    <t>64247</t>
  </si>
  <si>
    <t>974.8999633789062</t>
  </si>
  <si>
    <t>0.028673083192732207</t>
  </si>
  <si>
    <t>945.7998657226562</t>
  </si>
  <si>
    <t>-0.020171895585617605</t>
  </si>
  <si>
    <t>61255</t>
  </si>
  <si>
    <t>687.7000732421875</t>
  </si>
  <si>
    <t>-0.02751765574643983</t>
  </si>
  <si>
    <t>61734</t>
  </si>
  <si>
    <t>842.0999145507812</t>
  </si>
  <si>
    <t>0.007789353875594429</t>
  </si>
  <si>
    <t>62250</t>
  </si>
  <si>
    <t>807.3999633789062</t>
  </si>
  <si>
    <t>0.008323702723087578</t>
  </si>
  <si>
    <t>63379</t>
  </si>
  <si>
    <t>876.5</t>
  </si>
  <si>
    <t>0.0179740409455853</t>
  </si>
  <si>
    <t>65803</t>
  </si>
  <si>
    <t>0.03753285370672188</t>
  </si>
  <si>
    <t>66215</t>
  </si>
  <si>
    <t>0.006241593381803412</t>
  </si>
  <si>
    <t>66236</t>
  </si>
  <si>
    <t>0.0003170984013110001</t>
  </si>
  <si>
    <t>65834</t>
  </si>
  <si>
    <t>851.7000122070312</t>
  </si>
  <si>
    <t>-0.006087699576166727</t>
  </si>
  <si>
    <t>65595</t>
  </si>
  <si>
    <t>-0.0036369486710778887</t>
  </si>
  <si>
    <t>64571</t>
  </si>
  <si>
    <t>-0.01573407994624354</t>
  </si>
  <si>
    <t>64305</t>
  </si>
  <si>
    <t>-0.004128004868698909</t>
  </si>
  <si>
    <t>64671</t>
  </si>
  <si>
    <t>811.199951171875</t>
  </si>
  <si>
    <t>0.005675489741355122</t>
  </si>
  <si>
    <t>65018</t>
  </si>
  <si>
    <t>848.4000854492188</t>
  </si>
  <si>
    <t>0.005351276177036013</t>
  </si>
  <si>
    <t>65434</t>
  </si>
  <si>
    <t>0.006377846412970456</t>
  </si>
  <si>
    <t>67696</t>
  </si>
  <si>
    <t>932.7000732421875</t>
  </si>
  <si>
    <t>0.03398509292829921</t>
  </si>
  <si>
    <t>69044</t>
  </si>
  <si>
    <t>0.01971688854673026</t>
  </si>
  <si>
    <t>71006</t>
  </si>
  <si>
    <t>0.02802039798860889</t>
  </si>
  <si>
    <t>68202</t>
  </si>
  <si>
    <t>853.7000732421875</t>
  </si>
  <si>
    <t>-0.04029049058042311</t>
  </si>
  <si>
    <t>72017</t>
  </si>
  <si>
    <t>0.05442831232469736</t>
  </si>
  <si>
    <t>74391</t>
  </si>
  <si>
    <t>782.8001098632812</t>
  </si>
  <si>
    <t>0.032432764522598134</t>
  </si>
  <si>
    <t>10.558332443237305</t>
  </si>
  <si>
    <t>364.7333679199219</t>
  </si>
  <si>
    <t>Veluwe</t>
  </si>
  <si>
    <t>31242</t>
  </si>
  <si>
    <t>631.2999267578125</t>
  </si>
  <si>
    <t>0.01603596400338425</t>
  </si>
  <si>
    <t>864.4000854492188</t>
  </si>
  <si>
    <t>0.009144413818997776</t>
  </si>
  <si>
    <t>895.6000366210938</t>
  </si>
  <si>
    <t>0.005345830182418965</t>
  </si>
  <si>
    <t>32434</t>
  </si>
  <si>
    <t>957.7999877929688</t>
  </si>
  <si>
    <t>0.022953667886948637</t>
  </si>
  <si>
    <t>0.025569055940367846</t>
  </si>
  <si>
    <t>34280</t>
  </si>
  <si>
    <t>584.0</t>
  </si>
  <si>
    <t>0.0297857824920289</t>
  </si>
  <si>
    <t>35580</t>
  </si>
  <si>
    <t>761.9999389648438</t>
  </si>
  <si>
    <t>0.03722158850810864</t>
  </si>
  <si>
    <t>0.03943148351974912</t>
  </si>
  <si>
    <t>38617</t>
  </si>
  <si>
    <t>887.7999267578125</t>
  </si>
  <si>
    <t>0.04247742826711587</t>
  </si>
  <si>
    <t>39950</t>
  </si>
  <si>
    <t>893.5000610351562</t>
  </si>
  <si>
    <t>0.0339360781877307</t>
  </si>
  <si>
    <t>41158</t>
  </si>
  <si>
    <t>0.029789646708072937</t>
  </si>
  <si>
    <t>-0.003748695999201246</t>
  </si>
  <si>
    <t>41142</t>
  </si>
  <si>
    <t>0.0033598746091261233</t>
  </si>
  <si>
    <t>833.5000610351562</t>
  </si>
  <si>
    <t>0.025627662264126272</t>
  </si>
  <si>
    <t>0.0006157781498590253</t>
  </si>
  <si>
    <t>45219</t>
  </si>
  <si>
    <t>0.06824441455223429</t>
  </si>
  <si>
    <t>46397</t>
  </si>
  <si>
    <t>884.0000610351562</t>
  </si>
  <si>
    <t>0.025717449473058096</t>
  </si>
  <si>
    <t>801.0</t>
  </si>
  <si>
    <t>0.008541557639659914</t>
  </si>
  <si>
    <t>45605</t>
  </si>
  <si>
    <t>-0.025758999977098185</t>
  </si>
  <si>
    <t>45713</t>
  </si>
  <si>
    <t>832.0999755859375</t>
  </si>
  <si>
    <t>0.0023653617108223557</t>
  </si>
  <si>
    <t>48078</t>
  </si>
  <si>
    <t>0.05044197068104417</t>
  </si>
  <si>
    <t>815.9000244140625</t>
  </si>
  <si>
    <t>-0.03255550885923242</t>
  </si>
  <si>
    <t>46246</t>
  </si>
  <si>
    <t>-0.006294209432979869</t>
  </si>
  <si>
    <t>801.5000610351562</t>
  </si>
  <si>
    <t>0.013146778112671953</t>
  </si>
  <si>
    <t>46961</t>
  </si>
  <si>
    <t>0.0021957181675738013</t>
  </si>
  <si>
    <t>48050</t>
  </si>
  <si>
    <t>0.02292466540428073</t>
  </si>
  <si>
    <t>49580</t>
  </si>
  <si>
    <t>917.199951171875</t>
  </si>
  <si>
    <t>0.03134539119074198</t>
  </si>
  <si>
    <t>50232</t>
  </si>
  <si>
    <t>612.0999755859375</t>
  </si>
  <si>
    <t>0.013064747204763805</t>
  </si>
  <si>
    <t>50939</t>
  </si>
  <si>
    <t>0.013976564608455533</t>
  </si>
  <si>
    <t>49643</t>
  </si>
  <si>
    <t>820.9000244140625</t>
  </si>
  <si>
    <t>-0.025771444777028307</t>
  </si>
  <si>
    <t>52419</t>
  </si>
  <si>
    <t>0.05441172738177613</t>
  </si>
  <si>
    <t>54147</t>
  </si>
  <si>
    <t>761.0999755859375</t>
  </si>
  <si>
    <t>0.03243344922520919</t>
  </si>
  <si>
    <t>679.3430786132812</t>
  </si>
  <si>
    <t>West-Noord-Brabant</t>
  </si>
  <si>
    <t>37689</t>
  </si>
  <si>
    <t>0.016020883188891943</t>
  </si>
  <si>
    <t>38036</t>
  </si>
  <si>
    <t>925.5</t>
  </si>
  <si>
    <t>0.00916480498680805</t>
  </si>
  <si>
    <t>0.0053228575364538955</t>
  </si>
  <si>
    <t>0.02298238602340419</t>
  </si>
  <si>
    <t>40141</t>
  </si>
  <si>
    <t>0.025559932625998982</t>
  </si>
  <si>
    <t>591.2000122070312</t>
  </si>
  <si>
    <t>0.029770896115522305</t>
  </si>
  <si>
    <t>770.4000244140625</t>
  </si>
  <si>
    <t>0.037238660824895575</t>
  </si>
  <si>
    <t>0.03942409785165779</t>
  </si>
  <si>
    <t>46586</t>
  </si>
  <si>
    <t>0.04246815615403143</t>
  </si>
  <si>
    <t>1022.4000244140625</t>
  </si>
  <si>
    <t>0.03395521442676852</t>
  </si>
  <si>
    <t>49250</t>
  </si>
  <si>
    <t>0.021654086382167037</t>
  </si>
  <si>
    <t>960.9000854492188</t>
  </si>
  <si>
    <t>-0.01133301220493621</t>
  </si>
  <si>
    <t>48789</t>
  </si>
  <si>
    <t>680.8999633789062</t>
  </si>
  <si>
    <t>0.0019285222012577208</t>
  </si>
  <si>
    <t>48761</t>
  </si>
  <si>
    <t>-0.0005740645980303327</t>
  </si>
  <si>
    <t>49802</t>
  </si>
  <si>
    <t>792.0999755859375</t>
  </si>
  <si>
    <t>0.021124330850371464</t>
  </si>
  <si>
    <t>50703</t>
  </si>
  <si>
    <t>876.4999389648438</t>
  </si>
  <si>
    <t>0.01792993657744013</t>
  </si>
  <si>
    <t>52643</t>
  </si>
  <si>
    <t>889.1000366210938</t>
  </si>
  <si>
    <t>0.03754819583040181</t>
  </si>
  <si>
    <t>53817</t>
  </si>
  <si>
    <t>0.022056126110459928</t>
  </si>
  <si>
    <t>51037</t>
  </si>
  <si>
    <t>-0.053038542505456476</t>
  </si>
  <si>
    <t>51313</t>
  </si>
  <si>
    <t>0.005393271499938734</t>
  </si>
  <si>
    <t>52771</t>
  </si>
  <si>
    <t>0.02801766601955613</t>
  </si>
  <si>
    <t>51790</t>
  </si>
  <si>
    <t>880.1000366210938</t>
  </si>
  <si>
    <t>-0.018764716963300287</t>
  </si>
  <si>
    <t>51426</t>
  </si>
  <si>
    <t>838.7001342773438</t>
  </si>
  <si>
    <t>-0.007053199291000567</t>
  </si>
  <si>
    <t>51652</t>
  </si>
  <si>
    <t>0.004385035839604257</t>
  </si>
  <si>
    <t>52942</t>
  </si>
  <si>
    <t>813.7000732421875</t>
  </si>
  <si>
    <t>0.02466805771825875</t>
  </si>
  <si>
    <t>53585</t>
  </si>
  <si>
    <t>0.012072203462297537</t>
  </si>
  <si>
    <t>55265</t>
  </si>
  <si>
    <t>0.030870618597957034</t>
  </si>
  <si>
    <t>56394</t>
  </si>
  <si>
    <t>669.5000610351562</t>
  </si>
  <si>
    <t>0.020222973103301456</t>
  </si>
  <si>
    <t>11.708334922790527</t>
  </si>
  <si>
    <t>798.0000610351562</t>
  </si>
  <si>
    <t>-0.002219008037982917</t>
  </si>
  <si>
    <t>54226</t>
  </si>
  <si>
    <t>866.2999267578125</t>
  </si>
  <si>
    <t>-0.03698326360715143</t>
  </si>
  <si>
    <t>57259</t>
  </si>
  <si>
    <t>815.1000366210938</t>
  </si>
  <si>
    <t>0.05442433709798955</t>
  </si>
  <si>
    <t>59147</t>
  </si>
  <si>
    <t>0.03244103530683695</t>
  </si>
  <si>
    <t>26990</t>
  </si>
  <si>
    <t>156.2343292236328</t>
  </si>
  <si>
    <t>Zuidoost-Drenthe</t>
  </si>
  <si>
    <t>27426</t>
  </si>
  <si>
    <t>0.016025041547749197</t>
  </si>
  <si>
    <t>0.009146405226076126</t>
  </si>
  <si>
    <t>822.5000610351562</t>
  </si>
  <si>
    <t>0.005332961615946985</t>
  </si>
  <si>
    <t>28473</t>
  </si>
  <si>
    <t>887.7000122070312</t>
  </si>
  <si>
    <t>0.022985434396780136</t>
  </si>
  <si>
    <t>611.0999145507812</t>
  </si>
  <si>
    <t>0.025554846583183632</t>
  </si>
  <si>
    <t>7.908332347869873</t>
  </si>
  <si>
    <t>0.0297814701698087</t>
  </si>
  <si>
    <t>31235</t>
  </si>
  <si>
    <t>693.699951171875</t>
  </si>
  <si>
    <t>0.03724667437607643</t>
  </si>
  <si>
    <t>32491</t>
  </si>
  <si>
    <t>970.699951171875</t>
  </si>
  <si>
    <t>0.03942386696295941</t>
  </si>
  <si>
    <t>10.29999828338623</t>
  </si>
  <si>
    <t>0.042451886477911316</t>
  </si>
  <si>
    <t>35071</t>
  </si>
  <si>
    <t>0.03395956375892695</t>
  </si>
  <si>
    <t>36717</t>
  </si>
  <si>
    <t>0.04586528492297859</t>
  </si>
  <si>
    <t>873.6000366210938</t>
  </si>
  <si>
    <t>-0.0024268878228248525</t>
  </si>
  <si>
    <t>35733</t>
  </si>
  <si>
    <t>-0.02473834367861194</t>
  </si>
  <si>
    <t>36028</t>
  </si>
  <si>
    <t>766.7999877929688</t>
  </si>
  <si>
    <t>0.008221782354622675</t>
  </si>
  <si>
    <t>0.010272360721199192</t>
  </si>
  <si>
    <t>781.0</t>
  </si>
  <si>
    <t>0.08378043049805939</t>
  </si>
  <si>
    <t>41564</t>
  </si>
  <si>
    <t>841.4000854492188</t>
  </si>
  <si>
    <t>0.048885202849644926</t>
  </si>
  <si>
    <t>742.800048828125</t>
  </si>
  <si>
    <t>0.051874157316026626</t>
  </si>
  <si>
    <t>39121</t>
  </si>
  <si>
    <t>-0.11244915809433387</t>
  </si>
  <si>
    <t>38293</t>
  </si>
  <si>
    <t>-0.02139229535355014</t>
  </si>
  <si>
    <t>755.2000122070312</t>
  </si>
  <si>
    <t>0.008658512991864598</t>
  </si>
  <si>
    <t>0.0017330802718600324</t>
  </si>
  <si>
    <t>-0.0005945995030618434</t>
  </si>
  <si>
    <t>-0.04528197286397173</t>
  </si>
  <si>
    <t>35559</t>
  </si>
  <si>
    <t>767.2000732421875</t>
  </si>
  <si>
    <t>-0.03858884398976059</t>
  </si>
  <si>
    <t>35502</t>
  </si>
  <si>
    <t>-0.0016042558428601694</t>
  </si>
  <si>
    <t>36572</t>
  </si>
  <si>
    <t>872.9999389648438</t>
  </si>
  <si>
    <t>0.02969388737956713</t>
  </si>
  <si>
    <t>0.04242630683527793</t>
  </si>
  <si>
    <t>-0.043438521894277216</t>
  </si>
  <si>
    <t>-0.05262671921599704</t>
  </si>
  <si>
    <t>36600</t>
  </si>
  <si>
    <t>0.05440425438013641</t>
  </si>
  <si>
    <t>37807</t>
  </si>
  <si>
    <t>697.4000244140625</t>
  </si>
  <si>
    <t>0.032446030258746816</t>
  </si>
  <si>
    <t>27032</t>
  </si>
  <si>
    <t>182.11709594726562</t>
  </si>
  <si>
    <t>Zuidwest-Drenthe</t>
  </si>
  <si>
    <t>0.01603674668346855</t>
  </si>
  <si>
    <t>27722</t>
  </si>
  <si>
    <t>0.009168225695704635</t>
  </si>
  <si>
    <t>27870</t>
  </si>
  <si>
    <t>916.7000732421875</t>
  </si>
  <si>
    <t>0.005324519702694985</t>
  </si>
  <si>
    <t>0.022949559178638168</t>
  </si>
  <si>
    <t>0.025584280174586027</t>
  </si>
  <si>
    <t>30140</t>
  </si>
  <si>
    <t>587.9999389648438</t>
  </si>
  <si>
    <t>0.02976851235126965</t>
  </si>
  <si>
    <t>31284</t>
  </si>
  <si>
    <t>765.5</t>
  </si>
  <si>
    <t>0.03725359154101504</t>
  </si>
  <si>
    <t>0.03939404798682489</t>
  </si>
  <si>
    <t>0.04247638261754183</t>
  </si>
  <si>
    <t>0.03396438165581195</t>
  </si>
  <si>
    <t>35122</t>
  </si>
  <si>
    <t>932.4000854492188</t>
  </si>
  <si>
    <t>-0.00011388224588060325</t>
  </si>
  <si>
    <t>943.7998657226562</t>
  </si>
  <si>
    <t>0.022494367936472415</t>
  </si>
  <si>
    <t>0.009503430948413438</t>
  </si>
  <si>
    <t>0.005774164356092015</t>
  </si>
  <si>
    <t>37568</t>
  </si>
  <si>
    <t>794.6000366210938</t>
  </si>
  <si>
    <t>0.029552946210991138</t>
  </si>
  <si>
    <t>38908</t>
  </si>
  <si>
    <t>847.8999633789062</t>
  </si>
  <si>
    <t>0.035047260801562174</t>
  </si>
  <si>
    <t>39712</t>
  </si>
  <si>
    <t>897.4999389648438</t>
  </si>
  <si>
    <t>0.02045352401500189</t>
  </si>
  <si>
    <t>40791</t>
  </si>
  <si>
    <t>0.026808059819462216</t>
  </si>
  <si>
    <t>-0.0591807993410125</t>
  </si>
  <si>
    <t>825.7999877929688</t>
  </si>
  <si>
    <t>0.0010658348965062459</t>
  </si>
  <si>
    <t>40331</t>
  </si>
  <si>
    <t>0.04677389961836198</t>
  </si>
  <si>
    <t>39381</t>
  </si>
  <si>
    <t>-0.02383693752613425</t>
  </si>
  <si>
    <t>39056</t>
  </si>
  <si>
    <t>737.10009765625</t>
  </si>
  <si>
    <t>-0.008286952838775008</t>
  </si>
  <si>
    <t>796.9000854492188</t>
  </si>
  <si>
    <t>0.0353914626461993</t>
  </si>
  <si>
    <t>831.4000854492188</t>
  </si>
  <si>
    <t>-0.014588259709791274</t>
  </si>
  <si>
    <t>39502</t>
  </si>
  <si>
    <t>-0.009448413050346716</t>
  </si>
  <si>
    <t>40221</t>
  </si>
  <si>
    <t>939.2000122070312</t>
  </si>
  <si>
    <t>0.018037943750867313</t>
  </si>
  <si>
    <t>0.01928037563362217</t>
  </si>
  <si>
    <t>813.5000610351562</t>
  </si>
  <si>
    <t>0.04687911788314025</t>
  </si>
  <si>
    <t>817.0001220703125</t>
  </si>
  <si>
    <t>-0.04293606786748683</t>
  </si>
  <si>
    <t>43469</t>
  </si>
  <si>
    <t>835.10009765625</t>
  </si>
  <si>
    <t>0.054435367428457226</t>
  </si>
  <si>
    <t>753.9999389648438</t>
  </si>
  <si>
    <t>0.032434296820756714</t>
  </si>
  <si>
    <t>31983</t>
  </si>
  <si>
    <t>731.3999633789062</t>
  </si>
  <si>
    <t>286.59759521484375</t>
  </si>
  <si>
    <t>Zuidwest-Overijssel</t>
  </si>
  <si>
    <t>32499</t>
  </si>
  <si>
    <t>0.016004807995091852</t>
  </si>
  <si>
    <t>0.009188707488917203</t>
  </si>
  <si>
    <t>0.005321345018529655</t>
  </si>
  <si>
    <t>923.5</t>
  </si>
  <si>
    <t>0.022964704978834405</t>
  </si>
  <si>
    <t>688.699951171875</t>
  </si>
  <si>
    <t>0.025574147384986645</t>
  </si>
  <si>
    <t>0.029771387932186144</t>
  </si>
  <si>
    <t>37013</t>
  </si>
  <si>
    <t>739.0999145507812</t>
  </si>
  <si>
    <t>0.037239589851148835</t>
  </si>
  <si>
    <t>38501</t>
  </si>
  <si>
    <t>0.03941501269624936</t>
  </si>
  <si>
    <t>40171</t>
  </si>
  <si>
    <t>845.2000732421875</t>
  </si>
  <si>
    <t>0.04246112727859419</t>
  </si>
  <si>
    <t>0.033968762082864146</t>
  </si>
  <si>
    <t>905.0999755859375</t>
  </si>
  <si>
    <t>0.0008899044541355039</t>
  </si>
  <si>
    <t>41161</t>
  </si>
  <si>
    <t>-0.010512802694808698</t>
  </si>
  <si>
    <t>651.5000610351562</t>
  </si>
  <si>
    <t>-0.025267350738852556</t>
  </si>
  <si>
    <t>0.009349686808496571</t>
  </si>
  <si>
    <t>39629</t>
  </si>
  <si>
    <t>758.4999389648438</t>
  </si>
  <si>
    <t>-0.02201236869787948</t>
  </si>
  <si>
    <t>40359</t>
  </si>
  <si>
    <t>819.5999755859375</t>
  </si>
  <si>
    <t>0.018253244696573745</t>
  </si>
  <si>
    <t>41266</t>
  </si>
  <si>
    <t>10.95000171661377</t>
  </si>
  <si>
    <t>0.02222449819152139</t>
  </si>
  <si>
    <t>42439</t>
  </si>
  <si>
    <t>771.4999389648438</t>
  </si>
  <si>
    <t>0.028028834428420524</t>
  </si>
  <si>
    <t>41618</t>
  </si>
  <si>
    <t>-0.019534984800870347</t>
  </si>
  <si>
    <t>41889</t>
  </si>
  <si>
    <t>797.7000122070312</t>
  </si>
  <si>
    <t>0.006490496637580279</t>
  </si>
  <si>
    <t>0.0063300387464710894</t>
  </si>
  <si>
    <t>39652</t>
  </si>
  <si>
    <t>-0.06121191320398722</t>
  </si>
  <si>
    <t>39846</t>
  </si>
  <si>
    <t>709.2000732421875</t>
  </si>
  <si>
    <t>0.004880635615979401</t>
  </si>
  <si>
    <t>0.02086202914312807</t>
  </si>
  <si>
    <t>0.004854735537071164</t>
  </si>
  <si>
    <t>42896</t>
  </si>
  <si>
    <t>709.4999389648438</t>
  </si>
  <si>
    <t>0.048039793026772415</t>
  </si>
  <si>
    <t>0.040210095300363236</t>
  </si>
  <si>
    <t>45755</t>
  </si>
  <si>
    <t>0.024312398573375305</t>
  </si>
  <si>
    <t>783.800048828125</t>
  </si>
  <si>
    <t>0.0013977768890764963</t>
  </si>
  <si>
    <t>-0.07204679524541469</t>
  </si>
  <si>
    <t>0.054432565870818905</t>
  </si>
  <si>
    <t>46503</t>
  </si>
  <si>
    <t>732.2000122070312</t>
  </si>
  <si>
    <t>0.03243220375944489</t>
  </si>
  <si>
    <t>NOR</t>
  </si>
  <si>
    <t>39844</t>
  </si>
  <si>
    <t>6.082302093505859</t>
  </si>
  <si>
    <t>814.6185913085938</t>
  </si>
  <si>
    <t>672.9061889648438</t>
  </si>
  <si>
    <t>Akershus</t>
  </si>
  <si>
    <t>Norway</t>
  </si>
  <si>
    <t>40833</t>
  </si>
  <si>
    <t>5.2195725440979</t>
  </si>
  <si>
    <t>650.3515014648438</t>
  </si>
  <si>
    <t>0.024518748735127716</t>
  </si>
  <si>
    <t>42004</t>
  </si>
  <si>
    <t>5.659618854522705</t>
  </si>
  <si>
    <t>848.3043823242188</t>
  </si>
  <si>
    <t>0.028274273825701357</t>
  </si>
  <si>
    <t>4.404207706451416</t>
  </si>
  <si>
    <t>828.896728515625</t>
  </si>
  <si>
    <t>0.021037041575072024</t>
  </si>
  <si>
    <t>5.0559868812561035</t>
  </si>
  <si>
    <t>808.220947265625</t>
  </si>
  <si>
    <t>0.04255767177911807</t>
  </si>
  <si>
    <t>46333</t>
  </si>
  <si>
    <t>4.795955181121826</t>
  </si>
  <si>
    <t>741.728271484375</t>
  </si>
  <si>
    <t>0.03449488499416198</t>
  </si>
  <si>
    <t>49248</t>
  </si>
  <si>
    <t>3.830857038497925</t>
  </si>
  <si>
    <t>721.8056030273438</t>
  </si>
  <si>
    <t>0.061014307464368756</t>
  </si>
  <si>
    <t>52435</t>
  </si>
  <si>
    <t>5.632139205932617</t>
  </si>
  <si>
    <t>805.55322265625</t>
  </si>
  <si>
    <t>0.06270554962990005</t>
  </si>
  <si>
    <t>51777</t>
  </si>
  <si>
    <t>4.806210041046143</t>
  </si>
  <si>
    <t>965.226318359375</t>
  </si>
  <si>
    <t>-0.01262827206899253</t>
  </si>
  <si>
    <t>5.66105318069458</t>
  </si>
  <si>
    <t>1011.2826538085938</t>
  </si>
  <si>
    <t>-0.03186770206022338</t>
  </si>
  <si>
    <t>53928</t>
  </si>
  <si>
    <t>6.020427703857422</t>
  </si>
  <si>
    <t>1220.2542724609375</t>
  </si>
  <si>
    <t>0.07257149039398492</t>
  </si>
  <si>
    <t>52120</t>
  </si>
  <si>
    <t>4.902010440826416</t>
  </si>
  <si>
    <t>875.651611328125</t>
  </si>
  <si>
    <t>-0.03410107129449358</t>
  </si>
  <si>
    <t>59468</t>
  </si>
  <si>
    <t>5.530872821807861</t>
  </si>
  <si>
    <t>819.0811767578125</t>
  </si>
  <si>
    <t>0.13188960049446052</t>
  </si>
  <si>
    <t>57386</t>
  </si>
  <si>
    <t>5.4678521156311035</t>
  </si>
  <si>
    <t>809.0723876953125</t>
  </si>
  <si>
    <t>-0.03563798161364495</t>
  </si>
  <si>
    <t>59063</t>
  </si>
  <si>
    <t>5.9414825439453125</t>
  </si>
  <si>
    <t>836.7547607421875</t>
  </si>
  <si>
    <t>0.028804299689134893</t>
  </si>
  <si>
    <t>58496</t>
  </si>
  <si>
    <t>5.310792446136475</t>
  </si>
  <si>
    <t>724.7230224609375</t>
  </si>
  <si>
    <t>-0.00964629499491032</t>
  </si>
  <si>
    <t>61947</t>
  </si>
  <si>
    <t>6.5019354820251465</t>
  </si>
  <si>
    <t>1077.9818115234375</t>
  </si>
  <si>
    <t>0.05732080492076186</t>
  </si>
  <si>
    <t>60973</t>
  </si>
  <si>
    <t>5.986134052276611</t>
  </si>
  <si>
    <t>904.295654296875</t>
  </si>
  <si>
    <t>-0.015848037516407842</t>
  </si>
  <si>
    <t>63360</t>
  </si>
  <si>
    <t>6.038808345794678</t>
  </si>
  <si>
    <t>912.396240234375</t>
  </si>
  <si>
    <t>0.03840160427013295</t>
  </si>
  <si>
    <t>62186</t>
  </si>
  <si>
    <t>5.066595554351807</t>
  </si>
  <si>
    <t>887.4489135742188</t>
  </si>
  <si>
    <t>-0.018702853481281423</t>
  </si>
  <si>
    <t>3.9421539306640625</t>
  </si>
  <si>
    <t>804.6566162109375</t>
  </si>
  <si>
    <t>-0.07165433488369999</t>
  </si>
  <si>
    <t>57628</t>
  </si>
  <si>
    <t>6.001607418060303</t>
  </si>
  <si>
    <t>972.145751953125</t>
  </si>
  <si>
    <t>-0.004466998441962744</t>
  </si>
  <si>
    <t>58936</t>
  </si>
  <si>
    <t>4.869733810424805</t>
  </si>
  <si>
    <t>969.5906982421875</t>
  </si>
  <si>
    <t>0.022443548681286174</t>
  </si>
  <si>
    <t>59470</t>
  </si>
  <si>
    <t>5.3999481201171875</t>
  </si>
  <si>
    <t>763.5975952148438</t>
  </si>
  <si>
    <t>0.009019874337989009</t>
  </si>
  <si>
    <t>59889</t>
  </si>
  <si>
    <t>6.982458114624023</t>
  </si>
  <si>
    <t>1028.7830810546875</t>
  </si>
  <si>
    <t>0.007020865140123789</t>
  </si>
  <si>
    <t>59295</t>
  </si>
  <si>
    <t>5.647769451141357</t>
  </si>
  <si>
    <t>922.2225341796875</t>
  </si>
  <si>
    <t>-0.009967863441866953</t>
  </si>
  <si>
    <t>60947</t>
  </si>
  <si>
    <t>5.9210591316223145</t>
  </si>
  <si>
    <t>772.9486694335938</t>
  </si>
  <si>
    <t>0.02747964862646235</t>
  </si>
  <si>
    <t>61678</t>
  </si>
  <si>
    <t>5.477989196777344</t>
  </si>
  <si>
    <t>1033.9581298828125</t>
  </si>
  <si>
    <t>0.011922669264606611</t>
  </si>
  <si>
    <t>61153</t>
  </si>
  <si>
    <t>5.818970203399658</t>
  </si>
  <si>
    <t>646.9629516601562</t>
  </si>
  <si>
    <t>-0.008548382688745804</t>
  </si>
  <si>
    <t>61391</t>
  </si>
  <si>
    <t>6.3409552574157715</t>
  </si>
  <si>
    <t>1012.1024169921875</t>
  </si>
  <si>
    <t>0.003884323985584359</t>
  </si>
  <si>
    <t>60218</t>
  </si>
  <si>
    <t>6.271871566772461</t>
  </si>
  <si>
    <t>948.18017578125</t>
  </si>
  <si>
    <t>-0.019291933660216642</t>
  </si>
  <si>
    <t>62188</t>
  </si>
  <si>
    <t>5.805753231048584</t>
  </si>
  <si>
    <t>719.0790405273438</t>
  </si>
  <si>
    <t>0.032190744143044014</t>
  </si>
  <si>
    <t>6.147210597991943</t>
  </si>
  <si>
    <t>794.8751831054688</t>
  </si>
  <si>
    <t>0.019932522239098915</t>
  </si>
  <si>
    <t>7.195089817047119</t>
  </si>
  <si>
    <t>1448.9327392578125</t>
  </si>
  <si>
    <t>91.2086181640625</t>
  </si>
  <si>
    <t>Aust-Agder</t>
  </si>
  <si>
    <t>6.340210437774658</t>
  </si>
  <si>
    <t>1011.870361328125</t>
  </si>
  <si>
    <t>0.02451494230583151</t>
  </si>
  <si>
    <t>35893</t>
  </si>
  <si>
    <t>6.801351547241211</t>
  </si>
  <si>
    <t>1311.51806640625</t>
  </si>
  <si>
    <t>0.02825605438454204</t>
  </si>
  <si>
    <t>5.515185832977295</t>
  </si>
  <si>
    <t>1249.612060546875</t>
  </si>
  <si>
    <t>0.02103483530158634</t>
  </si>
  <si>
    <t>6.193989276885986</t>
  </si>
  <si>
    <t>1326.3350830078125</t>
  </si>
  <si>
    <t>0.04256643456140452</t>
  </si>
  <si>
    <t>5.909835338592529</t>
  </si>
  <si>
    <t>1045.1336669921875</t>
  </si>
  <si>
    <t>0.03450877468587521</t>
  </si>
  <si>
    <t>41283</t>
  </si>
  <si>
    <t>4.8920793533325195</t>
  </si>
  <si>
    <t>1048.3238525390625</t>
  </si>
  <si>
    <t>0.04179845799283477</t>
  </si>
  <si>
    <t>43130</t>
  </si>
  <si>
    <t>6.68777322769165</t>
  </si>
  <si>
    <t>1165.9354248046875</t>
  </si>
  <si>
    <t>0.04376801770849781</t>
  </si>
  <si>
    <t>43126</t>
  </si>
  <si>
    <t>5.827992916107178</t>
  </si>
  <si>
    <t>1444.930419921875</t>
  </si>
  <si>
    <t>-9.274717127816245e-05</t>
  </si>
  <si>
    <t>44587</t>
  </si>
  <si>
    <t>6.708882808685303</t>
  </si>
  <si>
    <t>1519.330322265625</t>
  </si>
  <si>
    <t>0.033316273228416904</t>
  </si>
  <si>
    <t>49123</t>
  </si>
  <si>
    <t>7.084104061126709</t>
  </si>
  <si>
    <t>1622.975341796875</t>
  </si>
  <si>
    <t>0.09688502017556644</t>
  </si>
  <si>
    <t>47423</t>
  </si>
  <si>
    <t>5.985493183135986</t>
  </si>
  <si>
    <t>1321.97900390625</t>
  </si>
  <si>
    <t>-0.03522001381092643</t>
  </si>
  <si>
    <t>6.621362209320068</t>
  </si>
  <si>
    <t>1295.3941650390625</t>
  </si>
  <si>
    <t>-0.007259060689454699</t>
  </si>
  <si>
    <t>45208</t>
  </si>
  <si>
    <t>6.484029769897461</t>
  </si>
  <si>
    <t>1254.796142578125</t>
  </si>
  <si>
    <t>-0.04057422006453315</t>
  </si>
  <si>
    <t>45030</t>
  </si>
  <si>
    <t>6.952476501464844</t>
  </si>
  <si>
    <t>1224.9254150390625</t>
  </si>
  <si>
    <t>-0.003945128014063215</t>
  </si>
  <si>
    <t>6.356267929077148</t>
  </si>
  <si>
    <t>1129.284912109375</t>
  </si>
  <si>
    <t>0.029345329524812058</t>
  </si>
  <si>
    <t>43910</t>
  </si>
  <si>
    <t>7.562567234039307</t>
  </si>
  <si>
    <t>1637.43212890625</t>
  </si>
  <si>
    <t>-0.05453217926466536</t>
  </si>
  <si>
    <t>45697</t>
  </si>
  <si>
    <t>7.099055767059326</t>
  </si>
  <si>
    <t>1384.796875</t>
  </si>
  <si>
    <t>0.039890565657549004</t>
  </si>
  <si>
    <t>51524</t>
  </si>
  <si>
    <t>7.147634029388428</t>
  </si>
  <si>
    <t>1356.1005859375</t>
  </si>
  <si>
    <t>0.12001506830266528</t>
  </si>
  <si>
    <t>49364</t>
  </si>
  <si>
    <t>6.135587692260742</t>
  </si>
  <si>
    <t>1271.1046142578125</t>
  </si>
  <si>
    <t>-0.04282630494290274</t>
  </si>
  <si>
    <t>46137</t>
  </si>
  <si>
    <t>4.992184162139893</t>
  </si>
  <si>
    <t>1168.3885498046875</t>
  </si>
  <si>
    <t>-0.0676061824650418</t>
  </si>
  <si>
    <t>7.046924591064453</t>
  </si>
  <si>
    <t>1478.9625244140625</t>
  </si>
  <si>
    <t>-0.014518479211206525</t>
  </si>
  <si>
    <t>46343</t>
  </si>
  <si>
    <t>5.957862854003906</t>
  </si>
  <si>
    <t>1416.3360595703125</t>
  </si>
  <si>
    <t>0.018973503880561182</t>
  </si>
  <si>
    <t>6.484254360198975</t>
  </si>
  <si>
    <t>1243.80810546875</t>
  </si>
  <si>
    <t>-0.027786858183890928</t>
  </si>
  <si>
    <t>45484</t>
  </si>
  <si>
    <t>8.074655532836914</t>
  </si>
  <si>
    <t>1649.8162841796875</t>
  </si>
  <si>
    <t>0.009077218151116284</t>
  </si>
  <si>
    <t>46463</t>
  </si>
  <si>
    <t>6.756948471069336</t>
  </si>
  <si>
    <t>1467.891845703125</t>
  </si>
  <si>
    <t>0.0212956811696845</t>
  </si>
  <si>
    <t>7.020183086395264</t>
  </si>
  <si>
    <t>1215.8123779296875</t>
  </si>
  <si>
    <t>-0.00321200573638869</t>
  </si>
  <si>
    <t>46873</t>
  </si>
  <si>
    <t>6.595653533935547</t>
  </si>
  <si>
    <t>1706.825439453125</t>
  </si>
  <si>
    <t>0.011997525517887908</t>
  </si>
  <si>
    <t>47144</t>
  </si>
  <si>
    <t>6.94782018661499</t>
  </si>
  <si>
    <t>1116.55810546875</t>
  </si>
  <si>
    <t>0.005764930821952063</t>
  </si>
  <si>
    <t>47327</t>
  </si>
  <si>
    <t>7.449390411376953</t>
  </si>
  <si>
    <t>1615.0980224609375</t>
  </si>
  <si>
    <t>0.003874209628241587</t>
  </si>
  <si>
    <t>46423</t>
  </si>
  <si>
    <t>7.340793132781982</t>
  </si>
  <si>
    <t>1405.525634765625</t>
  </si>
  <si>
    <t>-0.019285931090005093</t>
  </si>
  <si>
    <t>47942</t>
  </si>
  <si>
    <t>6.856138706207275</t>
  </si>
  <si>
    <t>1171.9041748046875</t>
  </si>
  <si>
    <t>0.032196920877369806</t>
  </si>
  <si>
    <t>7.260562419891357</t>
  </si>
  <si>
    <t>1387.089111328125</t>
  </si>
  <si>
    <t>0.019928588568980388</t>
  </si>
  <si>
    <t>5.4357476234436035</t>
  </si>
  <si>
    <t>879.0230102539062</t>
  </si>
  <si>
    <t>226.5318145751953</t>
  </si>
  <si>
    <t>Buskerud</t>
  </si>
  <si>
    <t>40203</t>
  </si>
  <si>
    <t>4.706286430358887</t>
  </si>
  <si>
    <t>697.9375610351562</t>
  </si>
  <si>
    <t>0.024525350505529175</t>
  </si>
  <si>
    <t>4.959989070892334</t>
  </si>
  <si>
    <t>920.61328125</t>
  </si>
  <si>
    <t>0.02827589401824504</t>
  </si>
  <si>
    <t>42235</t>
  </si>
  <si>
    <t>3.6477489471435547</t>
  </si>
  <si>
    <t>868.8193969726562</t>
  </si>
  <si>
    <t>0.021031747455014127</t>
  </si>
  <si>
    <t>44072</t>
  </si>
  <si>
    <t>4.263818740844727</t>
  </si>
  <si>
    <t>864.0658569335938</t>
  </si>
  <si>
    <t>0.04257539899095519</t>
  </si>
  <si>
    <t>45618</t>
  </si>
  <si>
    <t>3.996079444885254</t>
  </si>
  <si>
    <t>789.7473754882812</t>
  </si>
  <si>
    <t>0.034477715303939505</t>
  </si>
  <si>
    <t>3.324119806289673</t>
  </si>
  <si>
    <t>780.6284790039062</t>
  </si>
  <si>
    <t>0.03203431778713828</t>
  </si>
  <si>
    <t>4.973531723022461</t>
  </si>
  <si>
    <t>857.4905395507812</t>
  </si>
  <si>
    <t>0.03387607526683567</t>
  </si>
  <si>
    <t>49746</t>
  </si>
  <si>
    <t>3.967942237854004</t>
  </si>
  <si>
    <t>1022.2672729492188</t>
  </si>
  <si>
    <t>0.02071728983380794</t>
  </si>
  <si>
    <t>49719</t>
  </si>
  <si>
    <t>4.981709957122803</t>
  </si>
  <si>
    <t>1064.6939697265625</t>
  </si>
  <si>
    <t>-0.0005429045526206266</t>
  </si>
  <si>
    <t>49571</t>
  </si>
  <si>
    <t>5.385000228881836</t>
  </si>
  <si>
    <t>1273.5404052734375</t>
  </si>
  <si>
    <t>-0.0029811684884855083</t>
  </si>
  <si>
    <t>51733</t>
  </si>
  <si>
    <t>4.228106498718262</t>
  </si>
  <si>
    <t>931.348876953125</t>
  </si>
  <si>
    <t>0.04268989044025062</t>
  </si>
  <si>
    <t>52483</t>
  </si>
  <si>
    <t>4.7965168952941895</t>
  </si>
  <si>
    <t>878.0120239257812</t>
  </si>
  <si>
    <t>0.014393431874863083</t>
  </si>
  <si>
    <t>52009</t>
  </si>
  <si>
    <t>4.729434490203857</t>
  </si>
  <si>
    <t>870.6925048828125</t>
  </si>
  <si>
    <t>-0.00907252710772255</t>
  </si>
  <si>
    <t>53371</t>
  </si>
  <si>
    <t>5.20554780960083</t>
  </si>
  <si>
    <t>888.8679809570312</t>
  </si>
  <si>
    <t>0.02585074676012411</t>
  </si>
  <si>
    <t>53736</t>
  </si>
  <si>
    <t>4.6294426918029785</t>
  </si>
  <si>
    <t>789.7249755859375</t>
  </si>
  <si>
    <t>0.006815640676016699</t>
  </si>
  <si>
    <t>51721</t>
  </si>
  <si>
    <t>5.760091781616211</t>
  </si>
  <si>
    <t>1138.9241943359375</t>
  </si>
  <si>
    <t>-0.03821927936769853</t>
  </si>
  <si>
    <t>52612</t>
  </si>
  <si>
    <t>5.291679382324219</t>
  </si>
  <si>
    <t>979.28662109375</t>
  </si>
  <si>
    <t>0.01708034200966857</t>
  </si>
  <si>
    <t>56171</t>
  </si>
  <si>
    <t>5.333242416381836</t>
  </si>
  <si>
    <t>986.2796630859375</t>
  </si>
  <si>
    <t>0.06545637887707478</t>
  </si>
  <si>
    <t>54244</t>
  </si>
  <si>
    <t>4.267271518707275</t>
  </si>
  <si>
    <t>947.6094970703125</t>
  </si>
  <si>
    <t>-0.03490822225790957</t>
  </si>
  <si>
    <t>53725</t>
  </si>
  <si>
    <t>3.1563594341278076</t>
  </si>
  <si>
    <t>838.725830078125</t>
  </si>
  <si>
    <t>-0.009613944697123955</t>
  </si>
  <si>
    <t>52908</t>
  </si>
  <si>
    <t>5.324937343597412</t>
  </si>
  <si>
    <t>1049.1170654296875</t>
  </si>
  <si>
    <t>-0.015323886364773998</t>
  </si>
  <si>
    <t>53159</t>
  </si>
  <si>
    <t>4.110750675201416</t>
  </si>
  <si>
    <t>1021.6897583007812</t>
  </si>
  <si>
    <t>0.004732866368119204</t>
  </si>
  <si>
    <t>4.756213188171387</t>
  </si>
  <si>
    <t>831.1883544921875</t>
  </si>
  <si>
    <t>-0.00878582545864326</t>
  </si>
  <si>
    <t>52888</t>
  </si>
  <si>
    <t>6.271433353424072</t>
  </si>
  <si>
    <t>1107.6795654296875</t>
  </si>
  <si>
    <t>0.003674872958001174</t>
  </si>
  <si>
    <t>54170</t>
  </si>
  <si>
    <t>4.949231147766113</t>
  </si>
  <si>
    <t>996.3988037109375</t>
  </si>
  <si>
    <t>0.02395077963853076</t>
  </si>
  <si>
    <t>53875</t>
  </si>
  <si>
    <t>5.236488342285156</t>
  </si>
  <si>
    <t>842.426513671875</t>
  </si>
  <si>
    <t>-0.00546070124589626</t>
  </si>
  <si>
    <t>4.773474216461182</t>
  </si>
  <si>
    <t>1138.1593017578125</t>
  </si>
  <si>
    <t>0.005756024072804067</t>
  </si>
  <si>
    <t>54373</t>
  </si>
  <si>
    <t>5.096151828765869</t>
  </si>
  <si>
    <t>715.0460205078125</t>
  </si>
  <si>
    <t>0.0034451346264763316</t>
  </si>
  <si>
    <t>54585</t>
  </si>
  <si>
    <t>5.6226983070373535</t>
  </si>
  <si>
    <t>1095.11083984375</t>
  </si>
  <si>
    <t>0.0038914126090396906</t>
  </si>
  <si>
    <t>53542</t>
  </si>
  <si>
    <t>5.549044132232666</t>
  </si>
  <si>
    <t>1030.6185302734375</t>
  </si>
  <si>
    <t>-0.01929272708930263</t>
  </si>
  <si>
    <t>55293</t>
  </si>
  <si>
    <t>5.07619047164917</t>
  </si>
  <si>
    <t>782.707275390625</t>
  </si>
  <si>
    <t>0.03217992559466687</t>
  </si>
  <si>
    <t>5.426267147064209</t>
  </si>
  <si>
    <t>865.5570678710938</t>
  </si>
  <si>
    <t>0.01994694604015379</t>
  </si>
  <si>
    <t>34994</t>
  </si>
  <si>
    <t>1.858534336090088</t>
  </si>
  <si>
    <t>583.2581787109375</t>
  </si>
  <si>
    <t>100.3784408569336</t>
  </si>
  <si>
    <t>Finnmark Finnmrku</t>
  </si>
  <si>
    <t>0.7396799921989441</t>
  </si>
  <si>
    <t>688.830078125</t>
  </si>
  <si>
    <t>0.024529505127981466</t>
  </si>
  <si>
    <t>1.0311871767044067</t>
  </si>
  <si>
    <t>774.9423217773438</t>
  </si>
  <si>
    <t>0.02826149550801027</t>
  </si>
  <si>
    <t>37675</t>
  </si>
  <si>
    <t>-0.47119203209877014</t>
  </si>
  <si>
    <t>675.7645874023438</t>
  </si>
  <si>
    <t>0.02102912565413817</t>
  </si>
  <si>
    <t>0.7262089848518372</t>
  </si>
  <si>
    <t>571.2408447265625</t>
  </si>
  <si>
    <t>0.04258394502304874</t>
  </si>
  <si>
    <t>0.2858998477458954</t>
  </si>
  <si>
    <t>761.2799682617188</t>
  </si>
  <si>
    <t>0.034475397948945385</t>
  </si>
  <si>
    <t>40576</t>
  </si>
  <si>
    <t>-0.039117101579904556</t>
  </si>
  <si>
    <t>702.2552490234375</t>
  </si>
  <si>
    <t>-0.002879328669791903</t>
  </si>
  <si>
    <t>0.5921751856803894</t>
  </si>
  <si>
    <t>649.3685302734375</t>
  </si>
  <si>
    <t>-0.003184283697255097</t>
  </si>
  <si>
    <t>43043</t>
  </si>
  <si>
    <t>-1.2498825788497925</t>
  </si>
  <si>
    <t>689.123779296875</t>
  </si>
  <si>
    <t>0.06220714090913937</t>
  </si>
  <si>
    <t>43541</t>
  </si>
  <si>
    <t>0.8112972378730774</t>
  </si>
  <si>
    <t>803.137451171875</t>
  </si>
  <si>
    <t>0.01150340690232099</t>
  </si>
  <si>
    <t>44557</t>
  </si>
  <si>
    <t>1.7770963907241821</t>
  </si>
  <si>
    <t>666.7246704101562</t>
  </si>
  <si>
    <t>0.02306624546851843</t>
  </si>
  <si>
    <t>42077</t>
  </si>
  <si>
    <t>-0.20030838251113892</t>
  </si>
  <si>
    <t>723.29052734375</t>
  </si>
  <si>
    <t>-0.057267995285146256</t>
  </si>
  <si>
    <t>43279</t>
  </si>
  <si>
    <t>-0.21415071189403534</t>
  </si>
  <si>
    <t>624.8148803710938</t>
  </si>
  <si>
    <t>0.02816625579851184</t>
  </si>
  <si>
    <t>42812</t>
  </si>
  <si>
    <t>1.4133044481277466</t>
  </si>
  <si>
    <t>625.1421508789062</t>
  </si>
  <si>
    <t>-0.010849091788720955</t>
  </si>
  <si>
    <t>44143</t>
  </si>
  <si>
    <t>1.310270071029663</t>
  </si>
  <si>
    <t>666.19677734375</t>
  </si>
  <si>
    <t>0.03061592696102089</t>
  </si>
  <si>
    <t>1.4911531209945679</t>
  </si>
  <si>
    <t>745.23486328125</t>
  </si>
  <si>
    <t>0.0910318578161533</t>
  </si>
  <si>
    <t>43460</t>
  </si>
  <si>
    <t>0.9736557602882385</t>
  </si>
  <si>
    <t>679.8890380859375</t>
  </si>
  <si>
    <t>-0.10662524707102072</t>
  </si>
  <si>
    <t>42486</t>
  </si>
  <si>
    <t>1.6194411516189575</t>
  </si>
  <si>
    <t>730.344970703125</t>
  </si>
  <si>
    <t>-0.022666364930591598</t>
  </si>
  <si>
    <t>47818</t>
  </si>
  <si>
    <t>0.851499080657959</t>
  </si>
  <si>
    <t>633.6370849609375</t>
  </si>
  <si>
    <t>0.11822752775305112</t>
  </si>
  <si>
    <t>49935</t>
  </si>
  <si>
    <t>0.4200986623764038</t>
  </si>
  <si>
    <t>594.347412109375</t>
  </si>
  <si>
    <t>0.043320022044355255</t>
  </si>
  <si>
    <t>52256</t>
  </si>
  <si>
    <t>-0.4024010896682739</t>
  </si>
  <si>
    <t>736.67578125</t>
  </si>
  <si>
    <t>0.04543255709295657</t>
  </si>
  <si>
    <t>53757</t>
  </si>
  <si>
    <t>2.0416061878204346</t>
  </si>
  <si>
    <t>711.807373046875</t>
  </si>
  <si>
    <t>0.02831917429833375</t>
  </si>
  <si>
    <t>53091</t>
  </si>
  <si>
    <t>0.2532983720302582</t>
  </si>
  <si>
    <t>746.8699340820312</t>
  </si>
  <si>
    <t>-0.012466468729229518</t>
  </si>
  <si>
    <t>52650</t>
  </si>
  <si>
    <t>1.277969241142273</t>
  </si>
  <si>
    <t>611.7268676757812</t>
  </si>
  <si>
    <t>-0.008341183777174521</t>
  </si>
  <si>
    <t>54353</t>
  </si>
  <si>
    <t>1.5671213865280151</t>
  </si>
  <si>
    <t>623.2943725585938</t>
  </si>
  <si>
    <t>0.031833571255980075</t>
  </si>
  <si>
    <t>55976</t>
  </si>
  <si>
    <t>1.486946940422058</t>
  </si>
  <si>
    <t>691.3494262695312</t>
  </si>
  <si>
    <t>0.029423217607631003</t>
  </si>
  <si>
    <t>59911</t>
  </si>
  <si>
    <t>2.187032461166382</t>
  </si>
  <si>
    <t>724.4706420898438</t>
  </si>
  <si>
    <t>0.06793710021715604</t>
  </si>
  <si>
    <t>60848</t>
  </si>
  <si>
    <t>0.528534471988678</t>
  </si>
  <si>
    <t>722.2382202148438</t>
  </si>
  <si>
    <t>0.015518823525152214</t>
  </si>
  <si>
    <t>62242</t>
  </si>
  <si>
    <t>1.1382347345352173</t>
  </si>
  <si>
    <t>729.8795776367188</t>
  </si>
  <si>
    <t>0.022651061844049636</t>
  </si>
  <si>
    <t>62484</t>
  </si>
  <si>
    <t>0.6648289561271667</t>
  </si>
  <si>
    <t>773.4520263671875</t>
  </si>
  <si>
    <t>0.0038805109388100334</t>
  </si>
  <si>
    <t>61290</t>
  </si>
  <si>
    <t>1.7408407926559448</t>
  </si>
  <si>
    <t>790.626953125</t>
  </si>
  <si>
    <t>-0.01929382647112199</t>
  </si>
  <si>
    <t>63295</t>
  </si>
  <si>
    <t>0.5891525149345398</t>
  </si>
  <si>
    <t>733.8076782226562</t>
  </si>
  <si>
    <t>0.03218963959115051</t>
  </si>
  <si>
    <t>64570</t>
  </si>
  <si>
    <t>1.8465032577514648</t>
  </si>
  <si>
    <t>715.1582641601562</t>
  </si>
  <si>
    <t>0.019943569549583984</t>
  </si>
  <si>
    <t>32777</t>
  </si>
  <si>
    <t>3.561631917953491</t>
  </si>
  <si>
    <t>685.0635375976562</t>
  </si>
  <si>
    <t>155.74899291992188</t>
  </si>
  <si>
    <t>Hedmark</t>
  </si>
  <si>
    <t>2.8676421642303467</t>
  </si>
  <si>
    <t>562.047607421875</t>
  </si>
  <si>
    <t>0.024501353715693952</t>
  </si>
  <si>
    <t>3.126648187637329</t>
  </si>
  <si>
    <t>702.6412353515625</t>
  </si>
  <si>
    <t>0.028265973500085195</t>
  </si>
  <si>
    <t>1.813623309135437</t>
  </si>
  <si>
    <t>733.4072875976562</t>
  </si>
  <si>
    <t>0.02104858567835244</t>
  </si>
  <si>
    <t>36822</t>
  </si>
  <si>
    <t>2.4181888103485107</t>
  </si>
  <si>
    <t>652.6131591796875</t>
  </si>
  <si>
    <t>0.042552529832375896</t>
  </si>
  <si>
    <t>2.1699957847595215</t>
  </si>
  <si>
    <t>630.951416015625</t>
  </si>
  <si>
    <t>1.4627469778060913</t>
  </si>
  <si>
    <t>612.440185546875</t>
  </si>
  <si>
    <t>0.04222941000614533</t>
  </si>
  <si>
    <t>3.185272216796875</t>
  </si>
  <si>
    <t>682.1712646484375</t>
  </si>
  <si>
    <t>0.044206772292659124</t>
  </si>
  <si>
    <t>42396</t>
  </si>
  <si>
    <t>2.1909701824188232</t>
  </si>
  <si>
    <t>799.3966064453125</t>
  </si>
  <si>
    <t>0.020036167160020213</t>
  </si>
  <si>
    <t>3.171729803085327</t>
  </si>
  <si>
    <t>820.2467041015625</t>
  </si>
  <si>
    <t>-0.001392609952089785</t>
  </si>
  <si>
    <t>44176</t>
  </si>
  <si>
    <t>3.5546233654022217</t>
  </si>
  <si>
    <t>1014.7801513671875</t>
  </si>
  <si>
    <t>0.04252024697487933</t>
  </si>
  <si>
    <t>46086</t>
  </si>
  <si>
    <t>2.3233540058135986</t>
  </si>
  <si>
    <t>740.10400390625</t>
  </si>
  <si>
    <t>0.042327561056801244</t>
  </si>
  <si>
    <t>2.919900894165039</t>
  </si>
  <si>
    <t>684.32958984375</t>
  </si>
  <si>
    <t>0.0005856896663054556</t>
  </si>
  <si>
    <t>2.863342046737671</t>
  </si>
  <si>
    <t>684.0271606445312</t>
  </si>
  <si>
    <t>0.050407034449287735</t>
  </si>
  <si>
    <t>50083</t>
  </si>
  <si>
    <t>3.3788461685180664</t>
  </si>
  <si>
    <t>688.6168212890625</t>
  </si>
  <si>
    <t>0.03217968879082278</t>
  </si>
  <si>
    <t>49860</t>
  </si>
  <si>
    <t>2.7821733951568604</t>
  </si>
  <si>
    <t>618.9588623046875</t>
  </si>
  <si>
    <t>-0.004462551055604891</t>
  </si>
  <si>
    <t>44772</t>
  </si>
  <si>
    <t>3.8750131130218506</t>
  </si>
  <si>
    <t>866.0886840820312</t>
  </si>
  <si>
    <t>-0.10763613406838957</t>
  </si>
  <si>
    <t>44589</t>
  </si>
  <si>
    <t>3.4186789989471436</t>
  </si>
  <si>
    <t>749.447265625</t>
  </si>
  <si>
    <t>-0.004095752192153412</t>
  </si>
  <si>
    <t>3.475939989089966</t>
  </si>
  <si>
    <t>784.6242065429688</t>
  </si>
  <si>
    <t>0.05531645393330642</t>
  </si>
  <si>
    <t>2.4006059169769287</t>
  </si>
  <si>
    <t>785.0135498046875</t>
  </si>
  <si>
    <t>-0.02433617744718397</t>
  </si>
  <si>
    <t>1.276699185371399</t>
  </si>
  <si>
    <t>712.0438842773438</t>
  </si>
  <si>
    <t>-0.029187719596617256</t>
  </si>
  <si>
    <t>45931</t>
  </si>
  <si>
    <t>3.5363175868988037</t>
  </si>
  <si>
    <t>805.0174560546875</t>
  </si>
  <si>
    <t>0.02786052163845376</t>
  </si>
  <si>
    <t>2.2379889488220215</t>
  </si>
  <si>
    <t>851.591552734375</t>
  </si>
  <si>
    <t>-0.004123357319659959</t>
  </si>
  <si>
    <t>2.917006492614746</t>
  </si>
  <si>
    <t>637.250732421875</t>
  </si>
  <si>
    <t>0.006819421397031178</t>
  </si>
  <si>
    <t>47190</t>
  </si>
  <si>
    <t>4.402312755584717</t>
  </si>
  <si>
    <t>817.689453125</t>
  </si>
  <si>
    <t>0.02434567129809828</t>
  </si>
  <si>
    <t>48834</t>
  </si>
  <si>
    <t>3.1502437591552734</t>
  </si>
  <si>
    <t>770.371337890625</t>
  </si>
  <si>
    <t>0.034244785834662395</t>
  </si>
  <si>
    <t>49911</t>
  </si>
  <si>
    <t>3.3851840496063232</t>
  </si>
  <si>
    <t>645.0113525390625</t>
  </si>
  <si>
    <t>0.021814627772757333</t>
  </si>
  <si>
    <t>51084</t>
  </si>
  <si>
    <t>2.858375310897827</t>
  </si>
  <si>
    <t>820.2562866210938</t>
  </si>
  <si>
    <t>0.023229917288299262</t>
  </si>
  <si>
    <t>51340</t>
  </si>
  <si>
    <t>3.2138965129852295</t>
  </si>
  <si>
    <t>511.49554443359375</t>
  </si>
  <si>
    <t>0.004998838808978334</t>
  </si>
  <si>
    <t>51540</t>
  </si>
  <si>
    <t>3.7608988285064697</t>
  </si>
  <si>
    <t>810.696044921875</t>
  </si>
  <si>
    <t>0.003888029781224489</t>
  </si>
  <si>
    <t>3.7059404850006104</t>
  </si>
  <si>
    <t>815.0767211914062</t>
  </si>
  <si>
    <t>-0.019296352680855833</t>
  </si>
  <si>
    <t>52209</t>
  </si>
  <si>
    <t>3.2236979007720947</t>
  </si>
  <si>
    <t>605.3304443359375</t>
  </si>
  <si>
    <t>0.03219304127678413</t>
  </si>
  <si>
    <t>53260</t>
  </si>
  <si>
    <t>3.557093858718872</t>
  </si>
  <si>
    <t>643.4531860351562</t>
  </si>
  <si>
    <t>0.019930686565640343</t>
  </si>
  <si>
    <t>7.363631725311279</t>
  </si>
  <si>
    <t>3158.40625</t>
  </si>
  <si>
    <t>454.21697998046875</t>
  </si>
  <si>
    <t>Hordaland</t>
  </si>
  <si>
    <t>6.834890842437744</t>
  </si>
  <si>
    <t>2709.505126953125</t>
  </si>
  <si>
    <t>0.02452748182819242</t>
  </si>
  <si>
    <t>43135</t>
  </si>
  <si>
    <t>7.022851467132568</t>
  </si>
  <si>
    <t>3055.520751953125</t>
  </si>
  <si>
    <t>0.02826162608750238</t>
  </si>
  <si>
    <t>44052</t>
  </si>
  <si>
    <t>5.770301342010498</t>
  </si>
  <si>
    <t>1945.3624267578125</t>
  </si>
  <si>
    <t>0.021036021774154534</t>
  </si>
  <si>
    <t>45968</t>
  </si>
  <si>
    <t>6.394392013549805</t>
  </si>
  <si>
    <t>2617.593505859375</t>
  </si>
  <si>
    <t>0.04257474793423732</t>
  </si>
  <si>
    <t>6.085411071777344</t>
  </si>
  <si>
    <t>2333.10400390625</t>
  </si>
  <si>
    <t>0.03448801965114967</t>
  </si>
  <si>
    <t>50329</t>
  </si>
  <si>
    <t>5.5439019203186035</t>
  </si>
  <si>
    <t>2092.75341796875</t>
  </si>
  <si>
    <t>0.05614792983730865</t>
  </si>
  <si>
    <t>53334</t>
  </si>
  <si>
    <t>7.086681842803955</t>
  </si>
  <si>
    <t>2380.7548828125</t>
  </si>
  <si>
    <t>0.05799257476220099</t>
  </si>
  <si>
    <t>52263</t>
  </si>
  <si>
    <t>6.229638576507568</t>
  </si>
  <si>
    <t>2711.2421875</t>
  </si>
  <si>
    <t>-0.0202853627614612</t>
  </si>
  <si>
    <t>53782</t>
  </si>
  <si>
    <t>7.125146389007568</t>
  </si>
  <si>
    <t>2966.16357421875</t>
  </si>
  <si>
    <t>0.028650174969037323</t>
  </si>
  <si>
    <t>55990</t>
  </si>
  <si>
    <t>7.3227081298828125</t>
  </si>
  <si>
    <t>2743.922607421875</t>
  </si>
  <si>
    <t>0.040234264665631514</t>
  </si>
  <si>
    <t>58950</t>
  </si>
  <si>
    <t>6.253604412078857</t>
  </si>
  <si>
    <t>2491.55126953125</t>
  </si>
  <si>
    <t>0.05151652362257941</t>
  </si>
  <si>
    <t>57087</t>
  </si>
  <si>
    <t>6.937145709991455</t>
  </si>
  <si>
    <t>2225.40673828125</t>
  </si>
  <si>
    <t>-0.0321132069954011</t>
  </si>
  <si>
    <t>60885</t>
  </si>
  <si>
    <t>7.086035251617432</t>
  </si>
  <si>
    <t>2438.968505859375</t>
  </si>
  <si>
    <t>0.06441041897099176</t>
  </si>
  <si>
    <t>63344</t>
  </si>
  <si>
    <t>7.3947014808654785</t>
  </si>
  <si>
    <t>2802.223388671875</t>
  </si>
  <si>
    <t>0.03959335140480391</t>
  </si>
  <si>
    <t>65502</t>
  </si>
  <si>
    <t>6.893535614013672</t>
  </si>
  <si>
    <t>2517.4677734375</t>
  </si>
  <si>
    <t>0.03350048616241175</t>
  </si>
  <si>
    <t>73147</t>
  </si>
  <si>
    <t>7.798062801361084</t>
  </si>
  <si>
    <t>3034.73681640625</t>
  </si>
  <si>
    <t>0.11039043847898711</t>
  </si>
  <si>
    <t>74187</t>
  </si>
  <si>
    <t>7.188901901245117</t>
  </si>
  <si>
    <t>2836.021240234375</t>
  </si>
  <si>
    <t>0.014117817662135934</t>
  </si>
  <si>
    <t>67946</t>
  </si>
  <si>
    <t>7.469507694244385</t>
  </si>
  <si>
    <t>2739.71923828125</t>
  </si>
  <si>
    <t>-0.08787566061671015</t>
  </si>
  <si>
    <t>65622</t>
  </si>
  <si>
    <t>6.5037102699279785</t>
  </si>
  <si>
    <t>2326.823486328125</t>
  </si>
  <si>
    <t>-0.03480226646945539</t>
  </si>
  <si>
    <t>63760</t>
  </si>
  <si>
    <t>5.3552470207214355</t>
  </si>
  <si>
    <t>2004.3551025390625</t>
  </si>
  <si>
    <t>-0.028784971099184986</t>
  </si>
  <si>
    <t>65973</t>
  </si>
  <si>
    <t>7.379800319671631</t>
  </si>
  <si>
    <t>2860.785400390625</t>
  </si>
  <si>
    <t>0.03411953293486114</t>
  </si>
  <si>
    <t>67555</t>
  </si>
  <si>
    <t>6.217483043670654</t>
  </si>
  <si>
    <t>2633.666748046875</t>
  </si>
  <si>
    <t>0.023696513495101712</t>
  </si>
  <si>
    <t>68209</t>
  </si>
  <si>
    <t>6.792812347412109</t>
  </si>
  <si>
    <t>2512.090576171875</t>
  </si>
  <si>
    <t>0.009634440040288794</t>
  </si>
  <si>
    <t>68458</t>
  </si>
  <si>
    <t>8.362963676452637</t>
  </si>
  <si>
    <t>3118.737548828125</t>
  </si>
  <si>
    <t>0.0036438975834425236</t>
  </si>
  <si>
    <t>67808</t>
  </si>
  <si>
    <t>7.224033355712891</t>
  </si>
  <si>
    <t>2789.4482421875</t>
  </si>
  <si>
    <t>-0.009540236449764095</t>
  </si>
  <si>
    <t>67275</t>
  </si>
  <si>
    <t>7.439225673675537</t>
  </si>
  <si>
    <t>2354.69384765625</t>
  </si>
  <si>
    <t>-0.007891485472919513</t>
  </si>
  <si>
    <t>67542</t>
  </si>
  <si>
    <t>7.0154547691345215</t>
  </si>
  <si>
    <t>3223.765380859375</t>
  </si>
  <si>
    <t>0.003960929987751882</t>
  </si>
  <si>
    <t>67236</t>
  </si>
  <si>
    <t>7.170693874359131</t>
  </si>
  <si>
    <t>2234.74853515625</t>
  </si>
  <si>
    <t>-0.004540808229574367</t>
  </si>
  <si>
    <t>67498</t>
  </si>
  <si>
    <t>7.648402690887451</t>
  </si>
  <si>
    <t>2820.12548828125</t>
  </si>
  <si>
    <t>0.0038891494387414127</t>
  </si>
  <si>
    <t>7.624248504638672</t>
  </si>
  <si>
    <t>2777.484619140625</t>
  </si>
  <si>
    <t>-0.01929666624675619</t>
  </si>
  <si>
    <t>68374</t>
  </si>
  <si>
    <t>7.310321807861328</t>
  </si>
  <si>
    <t>2215.158935546875</t>
  </si>
  <si>
    <t>0.032191333843544</t>
  </si>
  <si>
    <t>69751</t>
  </si>
  <si>
    <t>7.535031795501709</t>
  </si>
  <si>
    <t>2318.477783203125</t>
  </si>
  <si>
    <t>0.019939122109589036</t>
  </si>
  <si>
    <t>5.897443771362305</t>
  </si>
  <si>
    <t>2003.4273681640625</t>
  </si>
  <si>
    <t>196.22422790527344</t>
  </si>
  <si>
    <t>Mre og Romsdal</t>
  </si>
  <si>
    <t>5.372270584106445</t>
  </si>
  <si>
    <t>2024.7510986328125</t>
  </si>
  <si>
    <t>0.024523569882536123</t>
  </si>
  <si>
    <t>41528</t>
  </si>
  <si>
    <t>5.364870071411133</t>
  </si>
  <si>
    <t>1820.4100341796875</t>
  </si>
  <si>
    <t>0.02825619309741434</t>
  </si>
  <si>
    <t>42411</t>
  </si>
  <si>
    <t>4.131746768951416</t>
  </si>
  <si>
    <t>1510.938232421875</t>
  </si>
  <si>
    <t>0.021039864028075783</t>
  </si>
  <si>
    <t>4.661221027374268</t>
  </si>
  <si>
    <t>1745.982421875</t>
  </si>
  <si>
    <t>0.042583192929344094</t>
  </si>
  <si>
    <t>4.512232303619385</t>
  </si>
  <si>
    <t>1702.0792236328125</t>
  </si>
  <si>
    <t>0.03448962288312529</t>
  </si>
  <si>
    <t>48081</t>
  </si>
  <si>
    <t>4.105397701263428</t>
  </si>
  <si>
    <t>1487.3577880859375</t>
  </si>
  <si>
    <t>0.048406510314073614</t>
  </si>
  <si>
    <t>5.506175994873047</t>
  </si>
  <si>
    <t>1781.0587158203125</t>
  </si>
  <si>
    <t>0.05039232500429769</t>
  </si>
  <si>
    <t>51914</t>
  </si>
  <si>
    <t>4.7013654708862305</t>
  </si>
  <si>
    <t>1758.3963623046875</t>
  </si>
  <si>
    <t>0.026309089630442983</t>
  </si>
  <si>
    <t>51559</t>
  </si>
  <si>
    <t>5.581348419189453</t>
  </si>
  <si>
    <t>2036.1485595703125</t>
  </si>
  <si>
    <t>-0.006861720311135855</t>
  </si>
  <si>
    <t>51938</t>
  </si>
  <si>
    <t>5.9602952003479</t>
  </si>
  <si>
    <t>1594.4130859375</t>
  </si>
  <si>
    <t>0.007323916521650986</t>
  </si>
  <si>
    <t>54952</t>
  </si>
  <si>
    <t>4.5638532638549805</t>
  </si>
  <si>
    <t>1773.0504150390625</t>
  </si>
  <si>
    <t>0.05640937738677643</t>
  </si>
  <si>
    <t>56280</t>
  </si>
  <si>
    <t>5.314455509185791</t>
  </si>
  <si>
    <t>1579.567626953125</t>
  </si>
  <si>
    <t>0.02387915533460827</t>
  </si>
  <si>
    <t>5.4734787940979</t>
  </si>
  <si>
    <t>1606.471435546875</t>
  </si>
  <si>
    <t>-0.033019652595960736</t>
  </si>
  <si>
    <t>54342</t>
  </si>
  <si>
    <t>5.849438190460205</t>
  </si>
  <si>
    <t>1969.7415771484375</t>
  </si>
  <si>
    <t>-0.0020221710293615303</t>
  </si>
  <si>
    <t>54639</t>
  </si>
  <si>
    <t>5.3729567527771</t>
  </si>
  <si>
    <t>1760.2080078125</t>
  </si>
  <si>
    <t>0.005450504863651062</t>
  </si>
  <si>
    <t>61384</t>
  </si>
  <si>
    <t>6.184182643890381</t>
  </si>
  <si>
    <t>1950.205810546875</t>
  </si>
  <si>
    <t>0.11640130139084803</t>
  </si>
  <si>
    <t>65592</t>
  </si>
  <si>
    <t>5.647080898284912</t>
  </si>
  <si>
    <t>1875.48828125</t>
  </si>
  <si>
    <t>0.06630452241851259</t>
  </si>
  <si>
    <t>61837</t>
  </si>
  <si>
    <t>5.801453113555908</t>
  </si>
  <si>
    <t>1705.5106201171875</t>
  </si>
  <si>
    <t>-0.05895184648124996</t>
  </si>
  <si>
    <t>61365</t>
  </si>
  <si>
    <t>4.806177616119385</t>
  </si>
  <si>
    <t>1553.3299560546875</t>
  </si>
  <si>
    <t>-0.007662250763155853</t>
  </si>
  <si>
    <t>62047</t>
  </si>
  <si>
    <t>3.647205352783203</t>
  </si>
  <si>
    <t>1550.2069091796875</t>
  </si>
  <si>
    <t>0.011052522325972092</t>
  </si>
  <si>
    <t>62609</t>
  </si>
  <si>
    <t>5.939336776733398</t>
  </si>
  <si>
    <t>1849.2362060546875</t>
  </si>
  <si>
    <t>0.0090168753647486</t>
  </si>
  <si>
    <t>62079</t>
  </si>
  <si>
    <t>4.580691814422607</t>
  </si>
  <si>
    <t>1778.352294921875</t>
  </si>
  <si>
    <t>-0.008501270242391001</t>
  </si>
  <si>
    <t>59354</t>
  </si>
  <si>
    <t>5.303304195404053</t>
  </si>
  <si>
    <t>1682.239501953125</t>
  </si>
  <si>
    <t>-0.04488825191453394</t>
  </si>
  <si>
    <t>61472</t>
  </si>
  <si>
    <t>6.863668918609619</t>
  </si>
  <si>
    <t>1716.3743896484375</t>
  </si>
  <si>
    <t>0.03506227100287873</t>
  </si>
  <si>
    <t>59366</t>
  </si>
  <si>
    <t>5.742905139923096</t>
  </si>
  <si>
    <t>1862.708251953125</t>
  </si>
  <si>
    <t>-0.0348601146679588</t>
  </si>
  <si>
    <t>56660</t>
  </si>
  <si>
    <t>5.951162338256836</t>
  </si>
  <si>
    <t>1779.053955078125</t>
  </si>
  <si>
    <t>-0.046653177515816324</t>
  </si>
  <si>
    <t>56423</t>
  </si>
  <si>
    <t>5.3271708488464355</t>
  </si>
  <si>
    <t>1951.4041748046875</t>
  </si>
  <si>
    <t>-0.004191617608316989</t>
  </si>
  <si>
    <t>56992</t>
  </si>
  <si>
    <t>5.546961307525635</t>
  </si>
  <si>
    <t>1599.426025390625</t>
  </si>
  <si>
    <t>0.010034030313196496</t>
  </si>
  <si>
    <t>57213</t>
  </si>
  <si>
    <t>6.048119068145752</t>
  </si>
  <si>
    <t>1875.1268310546875</t>
  </si>
  <si>
    <t>0.0038702381832411703</t>
  </si>
  <si>
    <t>56121</t>
  </si>
  <si>
    <t>6.101742267608643</t>
  </si>
  <si>
    <t>1872.9681396484375</t>
  </si>
  <si>
    <t>-0.019271071255614558</t>
  </si>
  <si>
    <t>57956</t>
  </si>
  <si>
    <t>5.6884002685546875</t>
  </si>
  <si>
    <t>1809.1151123046875</t>
  </si>
  <si>
    <t>0.032174027923598914</t>
  </si>
  <si>
    <t>59123</t>
  </si>
  <si>
    <t>5.951043605804443</t>
  </si>
  <si>
    <t>1675.72802734375</t>
  </si>
  <si>
    <t>0.01993591764300895</t>
  </si>
  <si>
    <t>34729</t>
  </si>
  <si>
    <t>5.3891825675964355</t>
  </si>
  <si>
    <t>1460.305419921875</t>
  </si>
  <si>
    <t>99.53892517089844</t>
  </si>
  <si>
    <t>Nord-Trndelag</t>
  </si>
  <si>
    <t>35591</t>
  </si>
  <si>
    <t>4.59617280960083</t>
  </si>
  <si>
    <t>1466.4635009765625</t>
  </si>
  <si>
    <t>0.02451772411644626</t>
  </si>
  <si>
    <t>4.665762424468994</t>
  </si>
  <si>
    <t>1353.70947265625</t>
  </si>
  <si>
    <t>0.028283258614891338</t>
  </si>
  <si>
    <t>37390</t>
  </si>
  <si>
    <t>3.3792266845703125</t>
  </si>
  <si>
    <t>1304.347900390625</t>
  </si>
  <si>
    <t>0.021027233466488937</t>
  </si>
  <si>
    <t>39016</t>
  </si>
  <si>
    <t>3.8602399826049805</t>
  </si>
  <si>
    <t>1130.653564453125</t>
  </si>
  <si>
    <t>0.04256852941873035</t>
  </si>
  <si>
    <t>40385</t>
  </si>
  <si>
    <t>3.8264753818511963</t>
  </si>
  <si>
    <t>1210.920166015625</t>
  </si>
  <si>
    <t>0.03448661048650692</t>
  </si>
  <si>
    <t>3.5522186756134033</t>
  </si>
  <si>
    <t>1227.12548828125</t>
  </si>
  <si>
    <t>0.024774141591340282</t>
  </si>
  <si>
    <t>4.792133808135986</t>
  </si>
  <si>
    <t>1341.833251953125</t>
  </si>
  <si>
    <t>0.02638914558372285</t>
  </si>
  <si>
    <t>3.8050546646118164</t>
  </si>
  <si>
    <t>1385.923095703125</t>
  </si>
  <si>
    <t>9.410214795124716e-05</t>
  </si>
  <si>
    <t>4.817368030548096</t>
  </si>
  <si>
    <t>1439.8924560546875</t>
  </si>
  <si>
    <t>0.006705455116300385</t>
  </si>
  <si>
    <t>44549</t>
  </si>
  <si>
    <t>5.250855922698975</t>
  </si>
  <si>
    <t>1351.1671142578125</t>
  </si>
  <si>
    <t>0.040168433642200796</t>
  </si>
  <si>
    <t>44071</t>
  </si>
  <si>
    <t>3.9365317821502686</t>
  </si>
  <si>
    <t>1499.252197265625</t>
  </si>
  <si>
    <t>-0.01078773720618642</t>
  </si>
  <si>
    <t>42206</t>
  </si>
  <si>
    <t>4.468157768249512</t>
  </si>
  <si>
    <t>1132.65087890625</t>
  </si>
  <si>
    <t>-0.04323957873946682</t>
  </si>
  <si>
    <t>43303</t>
  </si>
  <si>
    <t>4.774191856384277</t>
  </si>
  <si>
    <t>1039.047607421875</t>
  </si>
  <si>
    <t>0.025659525642957703</t>
  </si>
  <si>
    <t>44208</t>
  </si>
  <si>
    <t>5.143496036529541</t>
  </si>
  <si>
    <t>1375.4339599609375</t>
  </si>
  <si>
    <t>0.020683851507982354</t>
  </si>
  <si>
    <t>43939</t>
  </si>
  <si>
    <t>4.669760227203369</t>
  </si>
  <si>
    <t>1212.6435546875</t>
  </si>
  <si>
    <t>-0.006103459790352872</t>
  </si>
  <si>
    <t>44113</t>
  </si>
  <si>
    <t>5.441143035888672</t>
  </si>
  <si>
    <t>1394.7294921875</t>
  </si>
  <si>
    <t>0.003952215202152942</t>
  </si>
  <si>
    <t>5.09559965133667</t>
  </si>
  <si>
    <t>1302.1280517578125</t>
  </si>
  <si>
    <t>-0.045567289855579673</t>
  </si>
  <si>
    <t>45039</t>
  </si>
  <si>
    <t>5.186750411987305</t>
  </si>
  <si>
    <t>1178.6727294921875</t>
  </si>
  <si>
    <t>0.06634154736099518</t>
  </si>
  <si>
    <t>44402</t>
  </si>
  <si>
    <t>4.0969624519348145</t>
  </si>
  <si>
    <t>1255.2900390625</t>
  </si>
  <si>
    <t>-0.014244267629550222</t>
  </si>
  <si>
    <t>44546</t>
  </si>
  <si>
    <t>2.863419532775879</t>
  </si>
  <si>
    <t>1263.531005859375</t>
  </si>
  <si>
    <t>0.003237849660566283</t>
  </si>
  <si>
    <t>5.441769123077393</t>
  </si>
  <si>
    <t>1360.2921142578125</t>
  </si>
  <si>
    <t>-0.014516931025873703</t>
  </si>
  <si>
    <t>44745</t>
  </si>
  <si>
    <t>3.8887922763824463</t>
  </si>
  <si>
    <t>1279.2115478515625</t>
  </si>
  <si>
    <t>0.018974274531402102</t>
  </si>
  <si>
    <t>4.744621753692627</t>
  </si>
  <si>
    <t>1187.56396484375</t>
  </si>
  <si>
    <t>-0.027782082292308274</t>
  </si>
  <si>
    <t>43915</t>
  </si>
  <si>
    <t>6.021583557128906</t>
  </si>
  <si>
    <t>975.8886108398438</t>
  </si>
  <si>
    <t>0.009058323026566839</t>
  </si>
  <si>
    <t>5.007057189941406</t>
  </si>
  <si>
    <t>1322.97314453125</t>
  </si>
  <si>
    <t>0.02131287304831453</t>
  </si>
  <si>
    <t>5.191023349761963</t>
  </si>
  <si>
    <t>1364.23876953125</t>
  </si>
  <si>
    <t>-0.00321507789950104</t>
  </si>
  <si>
    <t>4.627987384796143</t>
  </si>
  <si>
    <t>1271.0499267578125</t>
  </si>
  <si>
    <t>0.012003611796425062</t>
  </si>
  <si>
    <t>45518</t>
  </si>
  <si>
    <t>4.805222988128662</t>
  </si>
  <si>
    <t>1200.1748046875</t>
  </si>
  <si>
    <t>0.005750497807403221</t>
  </si>
  <si>
    <t>45695</t>
  </si>
  <si>
    <t>5.222909450531006</t>
  </si>
  <si>
    <t>1357.1781005859375</t>
  </si>
  <si>
    <t>0.0038810306024430474</t>
  </si>
  <si>
    <t>44822</t>
  </si>
  <si>
    <t>5.359912395477295</t>
  </si>
  <si>
    <t>1260.944580078125</t>
  </si>
  <si>
    <t>-0.01928979241076867</t>
  </si>
  <si>
    <t>46288</t>
  </si>
  <si>
    <t>4.815372943878174</t>
  </si>
  <si>
    <t>1439.9703369140625</t>
  </si>
  <si>
    <t>0.03218365792038291</t>
  </si>
  <si>
    <t>47220</t>
  </si>
  <si>
    <t>5.157993793487549</t>
  </si>
  <si>
    <t>1280.3067626953125</t>
  </si>
  <si>
    <t>0.019934783423588343</t>
  </si>
  <si>
    <t>35129</t>
  </si>
  <si>
    <t>4.389441967010498</t>
  </si>
  <si>
    <t>1581.9415283203125</t>
  </si>
  <si>
    <t>348.88262939453125</t>
  </si>
  <si>
    <t>Nordland</t>
  </si>
  <si>
    <t>3.384495496749878</t>
  </si>
  <si>
    <t>1599.50048828125</t>
  </si>
  <si>
    <t>0.02451971567434441</t>
  </si>
  <si>
    <t>3.41079044342041</t>
  </si>
  <si>
    <t>1593.8671875</t>
  </si>
  <si>
    <t>0.02828969376753321</t>
  </si>
  <si>
    <t>37821</t>
  </si>
  <si>
    <t>2.298729658126831</t>
  </si>
  <si>
    <t>1420.50634765625</t>
  </si>
  <si>
    <t>0.021028094301616562</t>
  </si>
  <si>
    <t>2.9464168548583984</t>
  </si>
  <si>
    <t>1139.175048828125</t>
  </si>
  <si>
    <t>0.04257503782999272</t>
  </si>
  <si>
    <t>40851</t>
  </si>
  <si>
    <t>2.673457384109497</t>
  </si>
  <si>
    <t>1488.9478759765625</t>
  </si>
  <si>
    <t>0.034491759063314475</t>
  </si>
  <si>
    <t>2.5477349758148193</t>
  </si>
  <si>
    <t>1475.1632080078125</t>
  </si>
  <si>
    <t>0.04131243749993807</t>
  </si>
  <si>
    <t>3.234501600265503</t>
  </si>
  <si>
    <t>1354.4873046875</t>
  </si>
  <si>
    <t>0.04330118495823143</t>
  </si>
  <si>
    <t>2.341898202896118</t>
  </si>
  <si>
    <t>1498.3812255859375</t>
  </si>
  <si>
    <t>-0.027894570856323853</t>
  </si>
  <si>
    <t>44161</t>
  </si>
  <si>
    <t>3.516977071762085</t>
  </si>
  <si>
    <t>1561.30322265625</t>
  </si>
  <si>
    <t>0.021191694227589153</t>
  </si>
  <si>
    <t>45738</t>
  </si>
  <si>
    <t>4.039130687713623</t>
  </si>
  <si>
    <t>1491.7003173828125</t>
  </si>
  <si>
    <t>0.03508741559420869</t>
  </si>
  <si>
    <t>2.446422576904297</t>
  </si>
  <si>
    <t>1672.061279296875</t>
  </si>
  <si>
    <t>0.0007867821019544863</t>
  </si>
  <si>
    <t>45501</t>
  </si>
  <si>
    <t>2.960495948791504</t>
  </si>
  <si>
    <t>1213.36669921875</t>
  </si>
  <si>
    <t>-0.0059819405987777685</t>
  </si>
  <si>
    <t>47620</t>
  </si>
  <si>
    <t>3.891195297241211</t>
  </si>
  <si>
    <t>1390.612060546875</t>
  </si>
  <si>
    <t>0.04551853732134781</t>
  </si>
  <si>
    <t>48855</t>
  </si>
  <si>
    <t>3.990415334701538</t>
  </si>
  <si>
    <t>1542.3331298828125</t>
  </si>
  <si>
    <t>0.025603886337590254</t>
  </si>
  <si>
    <t>49892</t>
  </si>
  <si>
    <t>3.7982213497161865</t>
  </si>
  <si>
    <t>1515.305419921875</t>
  </si>
  <si>
    <t>0.021003941867155262</t>
  </si>
  <si>
    <t>48323</t>
  </si>
  <si>
    <t>3.8165204524993896</t>
  </si>
  <si>
    <t>1482.93017578125</t>
  </si>
  <si>
    <t>-0.03195303147144912</t>
  </si>
  <si>
    <t>48954</t>
  </si>
  <si>
    <t>3.961376190185547</t>
  </si>
  <si>
    <t>1492.2591552734375</t>
  </si>
  <si>
    <t>0.012973443882705382</t>
  </si>
  <si>
    <t>3.6086032390594482</t>
  </si>
  <si>
    <t>1305.571044921875</t>
  </si>
  <si>
    <t>0.08010870151727723</t>
  </si>
  <si>
    <t>51325</t>
  </si>
  <si>
    <t>3.0725176334381104</t>
  </si>
  <si>
    <t>1291.03662109375</t>
  </si>
  <si>
    <t>-0.03281182028699803</t>
  </si>
  <si>
    <t>1.9027026891708374</t>
  </si>
  <si>
    <t>1327.9970703125</t>
  </si>
  <si>
    <t>0.03424375647138156</t>
  </si>
  <si>
    <t>4.499182224273682</t>
  </si>
  <si>
    <t>1528.9056396484375</t>
  </si>
  <si>
    <t>-0.026867230739441084</t>
  </si>
  <si>
    <t>2.704379081726074</t>
  </si>
  <si>
    <t>1345.15576171875</t>
  </si>
  <si>
    <t>0.002491815967863076</t>
  </si>
  <si>
    <t>3.6398537158966064</t>
  </si>
  <si>
    <t>1421.2532958984375</t>
  </si>
  <si>
    <t>0.013376203118111718</t>
  </si>
  <si>
    <t>54395</t>
  </si>
  <si>
    <t>4.4221110343933105</t>
  </si>
  <si>
    <t>1305.3948974609375</t>
  </si>
  <si>
    <t>0.034849730150133595</t>
  </si>
  <si>
    <t>54659</t>
  </si>
  <si>
    <t>4.047386646270752</t>
  </si>
  <si>
    <t>1606.9996337890625</t>
  </si>
  <si>
    <t>0.0048416475455077546</t>
  </si>
  <si>
    <t>4.397701263427734</t>
  </si>
  <si>
    <t>1536.4083251953125</t>
  </si>
  <si>
    <t>0.06163680521236792</t>
  </si>
  <si>
    <t>59839</t>
  </si>
  <si>
    <t>3.210763692855835</t>
  </si>
  <si>
    <t>1398.3045654296875</t>
  </si>
  <si>
    <t>0.028906931665718005</t>
  </si>
  <si>
    <t>60908</t>
  </si>
  <si>
    <t>3.6265952587127686</t>
  </si>
  <si>
    <t>1483.8125</t>
  </si>
  <si>
    <t>0.01770690668184649</t>
  </si>
  <si>
    <t>61145</t>
  </si>
  <si>
    <t>3.579695701599121</t>
  </si>
  <si>
    <t>1607.628173828125</t>
  </si>
  <si>
    <t>0.0038835636628462566</t>
  </si>
  <si>
    <t>59977</t>
  </si>
  <si>
    <t>4.144920825958252</t>
  </si>
  <si>
    <t>1461.7108154296875</t>
  </si>
  <si>
    <t>-0.019286937243569113</t>
  </si>
  <si>
    <t>61939</t>
  </si>
  <si>
    <t>3.4403278827667236</t>
  </si>
  <si>
    <t>1613.544921875</t>
  </si>
  <si>
    <t>0.032188874360848274</t>
  </si>
  <si>
    <t>63186</t>
  </si>
  <si>
    <t>4.1149582862854</t>
  </si>
  <si>
    <t>1481.3570556640625</t>
  </si>
  <si>
    <t>0.019932727867903566</t>
  </si>
  <si>
    <t>2.680506467819214</t>
  </si>
  <si>
    <t>766.609619140625</t>
  </si>
  <si>
    <t>123.08336639404297</t>
  </si>
  <si>
    <t>Oppland</t>
  </si>
  <si>
    <t>1.9978493452072144</t>
  </si>
  <si>
    <t>648.7788696289062</t>
  </si>
  <si>
    <t>0.024510505963792895</t>
  </si>
  <si>
    <t>2.182429552078247</t>
  </si>
  <si>
    <t>788.3920288085938</t>
  </si>
  <si>
    <t>0.02828254609705816</t>
  </si>
  <si>
    <t>0.8821682333946228</t>
  </si>
  <si>
    <t>789.9113159179688</t>
  </si>
  <si>
    <t>0.02102279938297613</t>
  </si>
  <si>
    <t>36266</t>
  </si>
  <si>
    <t>1.4669833183288574</t>
  </si>
  <si>
    <t>721.314697265625</t>
  </si>
  <si>
    <t>0.042585989931771095</t>
  </si>
  <si>
    <t>37538</t>
  </si>
  <si>
    <t>1.2569751739501953</t>
  </si>
  <si>
    <t>688.7637939453125</t>
  </si>
  <si>
    <t>0.03447309000222454</t>
  </si>
  <si>
    <t>0.541487991809845</t>
  </si>
  <si>
    <t>668.2682495117188</t>
  </si>
  <si>
    <t>0.018632931989142065</t>
  </si>
  <si>
    <t>39015</t>
  </si>
  <si>
    <t>2.312692642211914</t>
  </si>
  <si>
    <t>728.4119262695312</t>
  </si>
  <si>
    <t>0.01995950234552346</t>
  </si>
  <si>
    <t>39938</t>
  </si>
  <si>
    <t>1.2798258066177368</t>
  </si>
  <si>
    <t>839.2503051757812</t>
  </si>
  <si>
    <t>0.023382064052475116</t>
  </si>
  <si>
    <t>2.256406784057617</t>
  </si>
  <si>
    <t>862.2316284179688</t>
  </si>
  <si>
    <t>0.049150181292015205</t>
  </si>
  <si>
    <t>42631</t>
  </si>
  <si>
    <t>2.6076576709747314</t>
  </si>
  <si>
    <t>1027.4808349609375</t>
  </si>
  <si>
    <t>0.016103255247703174</t>
  </si>
  <si>
    <t>1.3301256895065308</t>
  </si>
  <si>
    <t>809.3194580078125</t>
  </si>
  <si>
    <t>0.023048692361673062</t>
  </si>
  <si>
    <t>1.9909710884094238</t>
  </si>
  <si>
    <t>738.1145629882812</t>
  </si>
  <si>
    <t>0.031809584713116124</t>
  </si>
  <si>
    <t>46260</t>
  </si>
  <si>
    <t>1.9822334051132202</t>
  </si>
  <si>
    <t>742.8710327148438</t>
  </si>
  <si>
    <t>0.026837691567585864</t>
  </si>
  <si>
    <t>47915</t>
  </si>
  <si>
    <t>2.4669981002807617</t>
  </si>
  <si>
    <t>769.1864624023438</t>
  </si>
  <si>
    <t>0.03515095099243304</t>
  </si>
  <si>
    <t>47548</t>
  </si>
  <si>
    <t>1.8814219236373901</t>
  </si>
  <si>
    <t>704.7317504882812</t>
  </si>
  <si>
    <t>-0.0076888806773478535</t>
  </si>
  <si>
    <t>2.933802604675293</t>
  </si>
  <si>
    <t>927.0623779296875</t>
  </si>
  <si>
    <t>-0.10282128222446651</t>
  </si>
  <si>
    <t>2.4761106967926025</t>
  </si>
  <si>
    <t>840.482421875</t>
  </si>
  <si>
    <t>-0.00039633045152598356</t>
  </si>
  <si>
    <t>48322</t>
  </si>
  <si>
    <t>2.5222649574279785</t>
  </si>
  <si>
    <t>839.01318359375</t>
  </si>
  <si>
    <t>0.11936482905607804</t>
  </si>
  <si>
    <t>1.427889347076416</t>
  </si>
  <si>
    <t>833.8809814453125</t>
  </si>
  <si>
    <t>-0.054585868131121984</t>
  </si>
  <si>
    <t>45403</t>
  </si>
  <si>
    <t>0.30874234437942505</t>
  </si>
  <si>
    <t>752.7180786132812</t>
  </si>
  <si>
    <t>-0.007722893208025994</t>
  </si>
  <si>
    <t>46097</t>
  </si>
  <si>
    <t>2.608607292175293</t>
  </si>
  <si>
    <t>879.7451171875</t>
  </si>
  <si>
    <t>0.015169689803849806</t>
  </si>
  <si>
    <t>1.2630650997161865</t>
  </si>
  <si>
    <t>883.4354248046875</t>
  </si>
  <si>
    <t>-0.004892962822150793</t>
  </si>
  <si>
    <t>45415</t>
  </si>
  <si>
    <t>1.969154953956604</t>
  </si>
  <si>
    <t>712.3865966796875</t>
  </si>
  <si>
    <t>-0.010012462186837823</t>
  </si>
  <si>
    <t>46598</t>
  </si>
  <si>
    <t>3.4385201930999756</t>
  </si>
  <si>
    <t>877.5105590820312</t>
  </si>
  <si>
    <t>0.02571517480146568</t>
  </si>
  <si>
    <t>48243</t>
  </si>
  <si>
    <t>2.198507070541382</t>
  </si>
  <si>
    <t>835.45751953125</t>
  </si>
  <si>
    <t>0.034693117784355465</t>
  </si>
  <si>
    <t>49608</t>
  </si>
  <si>
    <t>2.461387872695923</t>
  </si>
  <si>
    <t>730.948486328125</t>
  </si>
  <si>
    <t>0.027901371507578432</t>
  </si>
  <si>
    <t>51147</t>
  </si>
  <si>
    <t>1.8987990617752075</t>
  </si>
  <si>
    <t>915.1302490234375</t>
  </si>
  <si>
    <t>0.030551728603628092</t>
  </si>
  <si>
    <t>51995</t>
  </si>
  <si>
    <t>2.211545467376709</t>
  </si>
  <si>
    <t>610.1466674804688</t>
  </si>
  <si>
    <t>0.016443720460991074</t>
  </si>
  <si>
    <t>52197</t>
  </si>
  <si>
    <t>2.715172052383423</t>
  </si>
  <si>
    <t>899.0845947265625</t>
  </si>
  <si>
    <t>0.0038774618604939803</t>
  </si>
  <si>
    <t>51200</t>
  </si>
  <si>
    <t>2.6747796535491943</t>
  </si>
  <si>
    <t>890.9889526367188</t>
  </si>
  <si>
    <t>-0.019285489927227673</t>
  </si>
  <si>
    <t>52875</t>
  </si>
  <si>
    <t>2.2664668560028076</t>
  </si>
  <si>
    <t>697.281494140625</t>
  </si>
  <si>
    <t>0.03219110532098135</t>
  </si>
  <si>
    <t>53940</t>
  </si>
  <si>
    <t>2.5439465045928955</t>
  </si>
  <si>
    <t>731.612548828125</t>
  </si>
  <si>
    <t>0.01994168034514132</t>
  </si>
  <si>
    <t>8.023932456970215</t>
  </si>
  <si>
    <t>2344.29248046875</t>
  </si>
  <si>
    <t>374.3246765136719</t>
  </si>
  <si>
    <t>Rogaland</t>
  </si>
  <si>
    <t>7.432929515838623</t>
  </si>
  <si>
    <t>1929.118408203125</t>
  </si>
  <si>
    <t>0.02452969503030289</t>
  </si>
  <si>
    <t>48141</t>
  </si>
  <si>
    <t>7.7163472175598145</t>
  </si>
  <si>
    <t>2318.701904296875</t>
  </si>
  <si>
    <t>0.028272369711388023</t>
  </si>
  <si>
    <t>49164</t>
  </si>
  <si>
    <t>6.46521520614624</t>
  </si>
  <si>
    <t>1547.14306640625</t>
  </si>
  <si>
    <t>0.021027443467401596</t>
  </si>
  <si>
    <t>51302</t>
  </si>
  <si>
    <t>7.105520725250244</t>
  </si>
  <si>
    <t>2059.66015625</t>
  </si>
  <si>
    <t>0.04256808941881651</t>
  </si>
  <si>
    <t>53102</t>
  </si>
  <si>
    <t>6.77041482925415</t>
  </si>
  <si>
    <t>1716.843505859375</t>
  </si>
  <si>
    <t>0.03448485455046857</t>
  </si>
  <si>
    <t>55111</t>
  </si>
  <si>
    <t>6.130715847015381</t>
  </si>
  <si>
    <t>1605.31494140625</t>
  </si>
  <si>
    <t>0.03713474093562397</t>
  </si>
  <si>
    <t>57308</t>
  </si>
  <si>
    <t>7.695093631744385</t>
  </si>
  <si>
    <t>1797.16650390625</t>
  </si>
  <si>
    <t>0.03909089677348199</t>
  </si>
  <si>
    <t>6.932793140411377</t>
  </si>
  <si>
    <t>2084.412109375</t>
  </si>
  <si>
    <t>0.05405436360917548</t>
  </si>
  <si>
    <t>61098</t>
  </si>
  <si>
    <t>7.793233394622803</t>
  </si>
  <si>
    <t>2250.066650390625</t>
  </si>
  <si>
    <t>0.00998453877728167</t>
  </si>
  <si>
    <t>60414</t>
  </si>
  <si>
    <t>8.032225608825684</t>
  </si>
  <si>
    <t>2145.812744140625</t>
  </si>
  <si>
    <t>-0.011258266256049865</t>
  </si>
  <si>
    <t>61243</t>
  </si>
  <si>
    <t>7.0206685066223145</t>
  </si>
  <si>
    <t>1921.8072509765625</t>
  </si>
  <si>
    <t>0.013628691017908423</t>
  </si>
  <si>
    <t>60753</t>
  </si>
  <si>
    <t>7.533939361572266</t>
  </si>
  <si>
    <t>1738.0555419921875</t>
  </si>
  <si>
    <t>-0.008033093462019636</t>
  </si>
  <si>
    <t>66104</t>
  </si>
  <si>
    <t>7.565704345703125</t>
  </si>
  <si>
    <t>1857.526123046875</t>
  </si>
  <si>
    <t>0.08441279568146065</t>
  </si>
  <si>
    <t>66592</t>
  </si>
  <si>
    <t>7.97877311706543</t>
  </si>
  <si>
    <t>2088.41943359375</t>
  </si>
  <si>
    <t>0.007355190812340595</t>
  </si>
  <si>
    <t>67902</t>
  </si>
  <si>
    <t>7.417214870452881</t>
  </si>
  <si>
    <t>1857.6907958984375</t>
  </si>
  <si>
    <t>0.019481039000636358</t>
  </si>
  <si>
    <t>71703</t>
  </si>
  <si>
    <t>8.510273933410645</t>
  </si>
  <si>
    <t>2367.504150390625</t>
  </si>
  <si>
    <t>0.05446709852258813</t>
  </si>
  <si>
    <t>71965</t>
  </si>
  <si>
    <t>7.992323398590088</t>
  </si>
  <si>
    <t>2163.325439453125</t>
  </si>
  <si>
    <t>0.003647301980185702</t>
  </si>
  <si>
    <t>75524</t>
  </si>
  <si>
    <t>8.129311561584473</t>
  </si>
  <si>
    <t>2058.573974609375</t>
  </si>
  <si>
    <t>0.048270596821652134</t>
  </si>
  <si>
    <t>72236</t>
  </si>
  <si>
    <t>7.129917621612549</t>
  </si>
  <si>
    <t>1795.7784423828125</t>
  </si>
  <si>
    <t>-0.04451194994618923</t>
  </si>
  <si>
    <t>74774</t>
  </si>
  <si>
    <t>5.987525939941406</t>
  </si>
  <si>
    <t>1563.7891845703125</t>
  </si>
  <si>
    <t>0.03453169438279602</t>
  </si>
  <si>
    <t>72366</t>
  </si>
  <si>
    <t>8.028260231018066</t>
  </si>
  <si>
    <t>2177.67138671875</t>
  </si>
  <si>
    <t>-0.03273365514373161</t>
  </si>
  <si>
    <t>74051</t>
  </si>
  <si>
    <t>6.924470901489258</t>
  </si>
  <si>
    <t>1992.0858154296875</t>
  </si>
  <si>
    <t>0.023017469182390116</t>
  </si>
  <si>
    <t>75084</t>
  </si>
  <si>
    <t>7.4588799476623535</t>
  </si>
  <si>
    <t>1911.8812255859375</t>
  </si>
  <si>
    <t>0.013853441792676335</t>
  </si>
  <si>
    <t>74840</t>
  </si>
  <si>
    <t>8.86406421661377</t>
  </si>
  <si>
    <t>2411.35986328125</t>
  </si>
  <si>
    <t>-0.0032549853983390165</t>
  </si>
  <si>
    <t>76068</t>
  </si>
  <si>
    <t>7.774352550506592</t>
  </si>
  <si>
    <t>2178.25</t>
  </si>
  <si>
    <t>0.016275175684141274</t>
  </si>
  <si>
    <t>70116</t>
  </si>
  <si>
    <t>8.004034042358398</t>
  </si>
  <si>
    <t>1816.8648681640625</t>
  </si>
  <si>
    <t>-0.08147666372972928</t>
  </si>
  <si>
    <t>69682</t>
  </si>
  <si>
    <t>7.688479900360107</t>
  </si>
  <si>
    <t>2536.284912109375</t>
  </si>
  <si>
    <t>-0.006208978587322278</t>
  </si>
  <si>
    <t>70278</t>
  </si>
  <si>
    <t>7.891201496124268</t>
  </si>
  <si>
    <t>1727.4678955078125</t>
  </si>
  <si>
    <t>0.008516770542815522</t>
  </si>
  <si>
    <t>70552</t>
  </si>
  <si>
    <t>8.34241008758545</t>
  </si>
  <si>
    <t>2254.16552734375</t>
  </si>
  <si>
    <t>0.0038912212700861204</t>
  </si>
  <si>
    <t>69204</t>
  </si>
  <si>
    <t>8.199477195739746</t>
  </si>
  <si>
    <t>2087.46630859375</t>
  </si>
  <si>
    <t>-0.019291362164603143</t>
  </si>
  <si>
    <t>71468</t>
  </si>
  <si>
    <t>7.989257335662842</t>
  </si>
  <si>
    <t>1714.608154296875</t>
  </si>
  <si>
    <t>0.03219113264964513</t>
  </si>
  <si>
    <t>72907</t>
  </si>
  <si>
    <t>8.27553653717041</t>
  </si>
  <si>
    <t>1860.91796875</t>
  </si>
  <si>
    <t>0.019934859281752537</t>
  </si>
  <si>
    <t>4.86637544631958</t>
  </si>
  <si>
    <t>2711.47314453125</t>
  </si>
  <si>
    <t>86.6167984008789</t>
  </si>
  <si>
    <t>Sogn†og†Fjordane</t>
  </si>
  <si>
    <t>4.252569675445557</t>
  </si>
  <si>
    <t>2409.229248046875</t>
  </si>
  <si>
    <t>0.024531893557799833</t>
  </si>
  <si>
    <t>4.390681266784668</t>
  </si>
  <si>
    <t>2512.484375</t>
  </si>
  <si>
    <t>0.028255469151080348</t>
  </si>
  <si>
    <t>3.0723743438720703</t>
  </si>
  <si>
    <t>1837.8592529296875</t>
  </si>
  <si>
    <t>0.021032849255716357</t>
  </si>
  <si>
    <t>42114</t>
  </si>
  <si>
    <t>3.7006282806396484</t>
  </si>
  <si>
    <t>2248.456298828125</t>
  </si>
  <si>
    <t>0.042565808804823746</t>
  </si>
  <si>
    <t>3.443418502807617</t>
  </si>
  <si>
    <t>2055.560302734375</t>
  </si>
  <si>
    <t>0.034493420304457345</t>
  </si>
  <si>
    <t>45942</t>
  </si>
  <si>
    <t>2.865565299987793</t>
  </si>
  <si>
    <t>1835.510009765625</t>
  </si>
  <si>
    <t>0.052506084078244086</t>
  </si>
  <si>
    <t>48512</t>
  </si>
  <si>
    <t>4.452882766723633</t>
  </si>
  <si>
    <t>2133.670166015625</t>
  </si>
  <si>
    <t>0.05443145866086496</t>
  </si>
  <si>
    <t>3.5166590213775635</t>
  </si>
  <si>
    <t>2275.662109375</t>
  </si>
  <si>
    <t>0.005345187678111429</t>
  </si>
  <si>
    <t>4.44653844833374</t>
  </si>
  <si>
    <t>2541.19287109375</t>
  </si>
  <si>
    <t>0.04531610459753743</t>
  </si>
  <si>
    <t>4.91011381149292</t>
  </si>
  <si>
    <t>2168.38671875</t>
  </si>
  <si>
    <t>0.027101824990813483</t>
  </si>
  <si>
    <t>54962</t>
  </si>
  <si>
    <t>3.7017107009887695</t>
  </si>
  <si>
    <t>2192.05126953125</t>
  </si>
  <si>
    <t>0.04706773006751419</t>
  </si>
  <si>
    <t>55054</t>
  </si>
  <si>
    <t>4.257408618927002</t>
  </si>
  <si>
    <t>1976.1925048828125</t>
  </si>
  <si>
    <t>0.0016724843921824828</t>
  </si>
  <si>
    <t>57596</t>
  </si>
  <si>
    <t>4.277714252471924</t>
  </si>
  <si>
    <t>2082.5341796875</t>
  </si>
  <si>
    <t>0.045138599099958654</t>
  </si>
  <si>
    <t>57240</t>
  </si>
  <si>
    <t>4.716550350189209</t>
  </si>
  <si>
    <t>2445.7841796875</t>
  </si>
  <si>
    <t>-0.006200166157773523</t>
  </si>
  <si>
    <t>58664</t>
  </si>
  <si>
    <t>4.200882911682129</t>
  </si>
  <si>
    <t>2201.621826171875</t>
  </si>
  <si>
    <t>0.024573296103248765</t>
  </si>
  <si>
    <t>54449</t>
  </si>
  <si>
    <t>5.20317268371582</t>
  </si>
  <si>
    <t>2530.626953125</t>
  </si>
  <si>
    <t>-0.07456176705408701</t>
  </si>
  <si>
    <t>56636</t>
  </si>
  <si>
    <t>4.736726760864258</t>
  </si>
  <si>
    <t>2401.504150390625</t>
  </si>
  <si>
    <t>0.03938034168531246</t>
  </si>
  <si>
    <t>59301</t>
  </si>
  <si>
    <t>4.817817211151123</t>
  </si>
  <si>
    <t>2264.357177734375</t>
  </si>
  <si>
    <t>0.04598134384517749</t>
  </si>
  <si>
    <t>57618</t>
  </si>
  <si>
    <t>3.750910758972168</t>
  </si>
  <si>
    <t>1983.5751953125</t>
  </si>
  <si>
    <t>-0.028791150384011033</t>
  </si>
  <si>
    <t>58743</t>
  </si>
  <si>
    <t>2.6183393001556396</t>
  </si>
  <si>
    <t>1857.819091796875</t>
  </si>
  <si>
    <t>0.01933697810540913</t>
  </si>
  <si>
    <t>57849</t>
  </si>
  <si>
    <t>4.828977584838867</t>
  </si>
  <si>
    <t>2391.5908203125</t>
  </si>
  <si>
    <t>-0.015335829583722926</t>
  </si>
  <si>
    <t>58124</t>
  </si>
  <si>
    <t>3.5885508060455322</t>
  </si>
  <si>
    <t>2260.35986328125</t>
  </si>
  <si>
    <t>0.004742492052871583</t>
  </si>
  <si>
    <t>57616</t>
  </si>
  <si>
    <t>4.2331013679504395</t>
  </si>
  <si>
    <t>2145.831787109375</t>
  </si>
  <si>
    <t>-0.008778352551928492</t>
  </si>
  <si>
    <t>57827</t>
  </si>
  <si>
    <t>5.772932052612305</t>
  </si>
  <si>
    <t>2440.5234375</t>
  </si>
  <si>
    <t>0.0036554877291621324</t>
  </si>
  <si>
    <t>59229</t>
  </si>
  <si>
    <t>4.500749111175537</t>
  </si>
  <si>
    <t>2371.87255859375</t>
  </si>
  <si>
    <t>0.023955492174518866</t>
  </si>
  <si>
    <t>4.779292583465576</t>
  </si>
  <si>
    <t>2133.105712890625</t>
  </si>
  <si>
    <t>-0.005451357713377902</t>
  </si>
  <si>
    <t>59247</t>
  </si>
  <si>
    <t>4.259064197540283</t>
  </si>
  <si>
    <t>2600.600341796875</t>
  </si>
  <si>
    <t>0.005755216725136236</t>
  </si>
  <si>
    <t>59451</t>
  </si>
  <si>
    <t>4.532613277435303</t>
  </si>
  <si>
    <t>1982.0128173828125</t>
  </si>
  <si>
    <t>0.003437298031226277</t>
  </si>
  <si>
    <t>59682</t>
  </si>
  <si>
    <t>5.068353652954102</t>
  </si>
  <si>
    <t>2408.29248046875</t>
  </si>
  <si>
    <t>0.0038780235451465472</t>
  </si>
  <si>
    <t>58542</t>
  </si>
  <si>
    <t>5.023741722106934</t>
  </si>
  <si>
    <t>2385.97607421875</t>
  </si>
  <si>
    <t>-0.019286022044465057</t>
  </si>
  <si>
    <t>60457</t>
  </si>
  <si>
    <t>4.601917266845703</t>
  </si>
  <si>
    <t>2105.921630859375</t>
  </si>
  <si>
    <t>0.032187923183157</t>
  </si>
  <si>
    <t>61675</t>
  </si>
  <si>
    <t>4.9060235023498535</t>
  </si>
  <si>
    <t>2062.682373046875</t>
  </si>
  <si>
    <t>0.019946293878396304</t>
  </si>
  <si>
    <t>5.367969512939453</t>
  </si>
  <si>
    <t>1170.6231689453125</t>
  </si>
  <si>
    <t>252.84317016601562</t>
  </si>
  <si>
    <t>Sr-Trndelag</t>
  </si>
  <si>
    <t>4.775818824768066</t>
  </si>
  <si>
    <t>1063.8758544921875</t>
  </si>
  <si>
    <t>0.02450246750440499</t>
  </si>
  <si>
    <t>43817</t>
  </si>
  <si>
    <t>4.755146503448486</t>
  </si>
  <si>
    <t>1107.375244140625</t>
  </si>
  <si>
    <t>0.02828499443934618</t>
  </si>
  <si>
    <t>44748</t>
  </si>
  <si>
    <t>3.4996531009674072</t>
  </si>
  <si>
    <t>1134.566162109375</t>
  </si>
  <si>
    <t>0.021024881050532684</t>
  </si>
  <si>
    <t>46694</t>
  </si>
  <si>
    <t>4.025886058807373</t>
  </si>
  <si>
    <t>999.6774291992188</t>
  </si>
  <si>
    <t>0.042568925778562416</t>
  </si>
  <si>
    <t>48333</t>
  </si>
  <si>
    <t>3.8828210830688477</t>
  </si>
  <si>
    <t>1005.0927734375</t>
  </si>
  <si>
    <t>0.03449888041371274</t>
  </si>
  <si>
    <t>50538</t>
  </si>
  <si>
    <t>3.5224618911743164</t>
  </si>
  <si>
    <t>991.0126342773438</t>
  </si>
  <si>
    <t>0.044610971384322795</t>
  </si>
  <si>
    <t>52950</t>
  </si>
  <si>
    <t>4.890270233154297</t>
  </si>
  <si>
    <t>1144.23779296875</t>
  </si>
  <si>
    <t>0.046622543486133594</t>
  </si>
  <si>
    <t>50219</t>
  </si>
  <si>
    <t>4.063559055328369</t>
  </si>
  <si>
    <t>1158.0836181640625</t>
  </si>
  <si>
    <t>-0.052954630901734134</t>
  </si>
  <si>
    <t>50131</t>
  </si>
  <si>
    <t>4.984654903411865</t>
  </si>
  <si>
    <t>1247.4029541015625</t>
  </si>
  <si>
    <t>-0.0017538619343806516</t>
  </si>
  <si>
    <t>54499</t>
  </si>
  <si>
    <t>5.318765163421631</t>
  </si>
  <si>
    <t>1223.468505859375</t>
  </si>
  <si>
    <t>0.08354277366570706</t>
  </si>
  <si>
    <t>54136</t>
  </si>
  <si>
    <t>4.0107574462890625</t>
  </si>
  <si>
    <t>1235.0775146484375</t>
  </si>
  <si>
    <t>-0.006682953947082737</t>
  </si>
  <si>
    <t>4.677450656890869</t>
  </si>
  <si>
    <t>970.7678833007812</t>
  </si>
  <si>
    <t>0.02434293513721819</t>
  </si>
  <si>
    <t>52604</t>
  </si>
  <si>
    <t>4.85344123840332</t>
  </si>
  <si>
    <t>890.3826904296875</t>
  </si>
  <si>
    <t>-0.05305017158742409</t>
  </si>
  <si>
    <t>54254</t>
  </si>
  <si>
    <t>5.238500595092773</t>
  </si>
  <si>
    <t>1161.7391357421875</t>
  </si>
  <si>
    <t>0.030884559941620537</t>
  </si>
  <si>
    <t>57049</t>
  </si>
  <si>
    <t>4.735434055328369</t>
  </si>
  <si>
    <t>1007.4200439453125</t>
  </si>
  <si>
    <t>0.050233825249334174</t>
  </si>
  <si>
    <t>56692</t>
  </si>
  <si>
    <t>5.5624823570251465</t>
  </si>
  <si>
    <t>1238.2110595703125</t>
  </si>
  <si>
    <t>-0.0062774403660146305</t>
  </si>
  <si>
    <t>59240</t>
  </si>
  <si>
    <t>5.069246768951416</t>
  </si>
  <si>
    <t>1118.64306640625</t>
  </si>
  <si>
    <t>0.043963882094939066</t>
  </si>
  <si>
    <t>57342</t>
  </si>
  <si>
    <t>5.217267036437988</t>
  </si>
  <si>
    <t>1055.98291015625</t>
  </si>
  <si>
    <t>-0.032563649887499935</t>
  </si>
  <si>
    <t>57000</t>
  </si>
  <si>
    <t>4.194509506225586</t>
  </si>
  <si>
    <t>1089.1114501953125</t>
  </si>
  <si>
    <t>-0.005982071677546941</t>
  </si>
  <si>
    <t>2.95859694480896</t>
  </si>
  <si>
    <t>1077.2977294921875</t>
  </si>
  <si>
    <t>0.015424291306638693</t>
  </si>
  <si>
    <t>55298</t>
  </si>
  <si>
    <t>5.394216060638428</t>
  </si>
  <si>
    <t>1156.14599609375</t>
  </si>
  <si>
    <t>-0.045738817632200224</t>
  </si>
  <si>
    <t>56632</t>
  </si>
  <si>
    <t>3.939743757247925</t>
  </si>
  <si>
    <t>1117.3326416015625</t>
  </si>
  <si>
    <t>0.023837454962897908</t>
  </si>
  <si>
    <t>56950</t>
  </si>
  <si>
    <t>4.73714542388916</t>
  </si>
  <si>
    <t>997.6220092773438</t>
  </si>
  <si>
    <t>0.005599493421303947</t>
  </si>
  <si>
    <t>57399</t>
  </si>
  <si>
    <t>6.241456508636475</t>
  </si>
  <si>
    <t>904.975830078125</t>
  </si>
  <si>
    <t>0.007853191677783755</t>
  </si>
  <si>
    <t>59027</t>
  </si>
  <si>
    <t>5.1019673347473145</t>
  </si>
  <si>
    <t>1128.877685546875</t>
  </si>
  <si>
    <t>0.027968084774032675</t>
  </si>
  <si>
    <t>60536</t>
  </si>
  <si>
    <t>5.310239315032959</t>
  </si>
  <si>
    <t>0.02524326304721214</t>
  </si>
  <si>
    <t>63032</t>
  </si>
  <si>
    <t>4.6937031745910645</t>
  </si>
  <si>
    <t>1140.4261474609375</t>
  </si>
  <si>
    <t>0.04040430455116706</t>
  </si>
  <si>
    <t>62541</t>
  </si>
  <si>
    <t>4.929710388183594</t>
  </si>
  <si>
    <t>941.652587890625</t>
  </si>
  <si>
    <t>-0.00782019227497699</t>
  </si>
  <si>
    <t>62784</t>
  </si>
  <si>
    <t>5.424693584442139</t>
  </si>
  <si>
    <t>1174.175048828125</t>
  </si>
  <si>
    <t>0.0038779222744871333</t>
  </si>
  <si>
    <t>61585</t>
  </si>
  <si>
    <t>5.467548847198486</t>
  </si>
  <si>
    <t>1156.85205078125</t>
  </si>
  <si>
    <t>-0.019281929549450183</t>
  </si>
  <si>
    <t>63599</t>
  </si>
  <si>
    <t>5.046606540679932</t>
  </si>
  <si>
    <t>1160.4951171875</t>
  </si>
  <si>
    <t>0.032179412558576814</t>
  </si>
  <si>
    <t>64880</t>
  </si>
  <si>
    <t>5.291811943054199</t>
  </si>
  <si>
    <t>1077.863525390625</t>
  </si>
  <si>
    <t>0.019941662855133657</t>
  </si>
  <si>
    <t>5.797810077667236</t>
  </si>
  <si>
    <t>1026.82177734375</t>
  </si>
  <si>
    <t>145.70806884765625</t>
  </si>
  <si>
    <t>Telemark</t>
  </si>
  <si>
    <t>5.106943607330322</t>
  </si>
  <si>
    <t>788.9274291992188</t>
  </si>
  <si>
    <t>0.024512899305433322</t>
  </si>
  <si>
    <t>5.419599533081055</t>
  </si>
  <si>
    <t>1056.253173828125</t>
  </si>
  <si>
    <t>0.02825655512114622</t>
  </si>
  <si>
    <t>43254</t>
  </si>
  <si>
    <t>4.128140926361084</t>
  </si>
  <si>
    <t>960.695556640625</t>
  </si>
  <si>
    <t>0.02105045780868764</t>
  </si>
  <si>
    <t>4.745107173919678</t>
  </si>
  <si>
    <t>1013.3610229492188</t>
  </si>
  <si>
    <t>0.04256828409962132</t>
  </si>
  <si>
    <t>4.486241817474365</t>
  </si>
  <si>
    <t>881.781005859375</t>
  </si>
  <si>
    <t>0.03449293543119225</t>
  </si>
  <si>
    <t>3.6929168701171875</t>
  </si>
  <si>
    <t>880.4478759765625</t>
  </si>
  <si>
    <t>0.0017322687422911542</t>
  </si>
  <si>
    <t>46888</t>
  </si>
  <si>
    <t>5.471067428588867</t>
  </si>
  <si>
    <t>981.6469116210938</t>
  </si>
  <si>
    <t>0.0018785762505260095</t>
  </si>
  <si>
    <t>4.576754093170166</t>
  </si>
  <si>
    <t>1167.869873046875</t>
  </si>
  <si>
    <t>0.0509733319270822</t>
  </si>
  <si>
    <t>47119</t>
  </si>
  <si>
    <t>5.503472805023193</t>
  </si>
  <si>
    <t>1208.1331787109375</t>
  </si>
  <si>
    <t>-0.046058794393943</t>
  </si>
  <si>
    <t>47160</t>
  </si>
  <si>
    <t>5.730689525604248</t>
  </si>
  <si>
    <t>1390.5640869140625</t>
  </si>
  <si>
    <t>0.0008697589619028889</t>
  </si>
  <si>
    <t>49878</t>
  </si>
  <si>
    <t>4.532230377197266</t>
  </si>
  <si>
    <t>1049.761962890625</t>
  </si>
  <si>
    <t>0.056033948107836906</t>
  </si>
  <si>
    <t>5.1770339012146</t>
  </si>
  <si>
    <t>994.7014770507812</t>
  </si>
  <si>
    <t>-0.06250095498952568</t>
  </si>
  <si>
    <t>46982</t>
  </si>
  <si>
    <t>5.110549449920654</t>
  </si>
  <si>
    <t>970.2238159179688</t>
  </si>
  <si>
    <t>0.0026854808440930356</t>
  </si>
  <si>
    <t>49245</t>
  </si>
  <si>
    <t>5.621556758880615</t>
  </si>
  <si>
    <t>1008.7123413085938</t>
  </si>
  <si>
    <t>0.047043289990091</t>
  </si>
  <si>
    <t>50404</t>
  </si>
  <si>
    <t>4.993066787719727</t>
  </si>
  <si>
    <t>885.712158203125</t>
  </si>
  <si>
    <t>0.023262697385781905</t>
  </si>
  <si>
    <t>54154</t>
  </si>
  <si>
    <t>6.140594005584717</t>
  </si>
  <si>
    <t>1298.140869140625</t>
  </si>
  <si>
    <t>0.07176130259411373</t>
  </si>
  <si>
    <t>55021</t>
  </si>
  <si>
    <t>5.616610050201416</t>
  </si>
  <si>
    <t>1084.7432861328125</t>
  </si>
  <si>
    <t>0.015883090938714872</t>
  </si>
  <si>
    <t>55766</t>
  </si>
  <si>
    <t>5.733024597167969</t>
  </si>
  <si>
    <t>1084.405029296875</t>
  </si>
  <si>
    <t>0.013449434140312633</t>
  </si>
  <si>
    <t>51349</t>
  </si>
  <si>
    <t>4.747848987579346</t>
  </si>
  <si>
    <t>1021.5226440429688</t>
  </si>
  <si>
    <t>-0.08251890269233542</t>
  </si>
  <si>
    <t>3.590456008911133</t>
  </si>
  <si>
    <t>923.620361328125</t>
  </si>
  <si>
    <t>0.0009927104728664204</t>
  </si>
  <si>
    <t>49982</t>
  </si>
  <si>
    <t>5.716395854949951</t>
  </si>
  <si>
    <t>1182.5872802734375</t>
  </si>
  <si>
    <t>-0.027975231848529347</t>
  </si>
  <si>
    <t>49241</t>
  </si>
  <si>
    <t>4.5046916007995605</t>
  </si>
  <si>
    <t>1122.7708740234375</t>
  </si>
  <si>
    <t>-0.01493633081043555</t>
  </si>
  <si>
    <t>5.168334007263184</t>
  </si>
  <si>
    <t>961.4559326171875</t>
  </si>
  <si>
    <t>0.0005684702213795134</t>
  </si>
  <si>
    <t>49470</t>
  </si>
  <si>
    <t>6.661825180053711</t>
  </si>
  <si>
    <t>1257.1478271484375</t>
  </si>
  <si>
    <t>0.004071345216082989</t>
  </si>
  <si>
    <t>52200</t>
  </si>
  <si>
    <t>5.47085428237915</t>
  </si>
  <si>
    <t>1143.0074462890625</t>
  </si>
  <si>
    <t>0.05371606964897602</t>
  </si>
  <si>
    <t>51541</t>
  </si>
  <si>
    <t>5.682765483856201</t>
  </si>
  <si>
    <t>953.5707397460938</t>
  </si>
  <si>
    <t>-0.012704887446700397</t>
  </si>
  <si>
    <t>53439</t>
  </si>
  <si>
    <t>5.194500923156738</t>
  </si>
  <si>
    <t>1301.9696044921875</t>
  </si>
  <si>
    <t>0.036163209036564226</t>
  </si>
  <si>
    <t>55136</t>
  </si>
  <si>
    <t>5.532255172729492</t>
  </si>
  <si>
    <t>839.2899169921875</t>
  </si>
  <si>
    <t>0.03126204386706277</t>
  </si>
  <si>
    <t>55350</t>
  </si>
  <si>
    <t>6.009180545806885</t>
  </si>
  <si>
    <t>1226.489013671875</t>
  </si>
  <si>
    <t>0.0038737988091259723</t>
  </si>
  <si>
    <t>54293</t>
  </si>
  <si>
    <t>5.922574520111084</t>
  </si>
  <si>
    <t>1101.1036376953125</t>
  </si>
  <si>
    <t>-0.019281353968638726</t>
  </si>
  <si>
    <t>5.485145568847656</t>
  </si>
  <si>
    <t>899.7694702148438</t>
  </si>
  <si>
    <t>0.03218776994123651</t>
  </si>
  <si>
    <t>5.8372063636779785</t>
  </si>
  <si>
    <t>1024.25830078125</t>
  </si>
  <si>
    <t>0.01993585761225347</t>
  </si>
  <si>
    <t>2.8443944454193115</t>
  </si>
  <si>
    <t>1011.59033203125</t>
  </si>
  <si>
    <t>213.3861541748047</t>
  </si>
  <si>
    <t>Troms Romsa</t>
  </si>
  <si>
    <t>37295</t>
  </si>
  <si>
    <t>1.7990261316299438</t>
  </si>
  <si>
    <t>1050.0001220703125</t>
  </si>
  <si>
    <t>0.024537778083683293</t>
  </si>
  <si>
    <t>1.9332032203674316</t>
  </si>
  <si>
    <t>1012.139892578125</t>
  </si>
  <si>
    <t>0.02826025045857783</t>
  </si>
  <si>
    <t>39180</t>
  </si>
  <si>
    <t>0.7512925267219543</t>
  </si>
  <si>
    <t>906.8245239257812</t>
  </si>
  <si>
    <t>0.021046892650691262</t>
  </si>
  <si>
    <t>1.74979829788208</t>
  </si>
  <si>
    <t>766.6137084960938</t>
  </si>
  <si>
    <t>0.042547916205059266</t>
  </si>
  <si>
    <t>42318</t>
  </si>
  <si>
    <t>1.1711978912353516</t>
  </si>
  <si>
    <t>1034.2086181640625</t>
  </si>
  <si>
    <t>0.03449819873264204</t>
  </si>
  <si>
    <t>0.9719938635826111</t>
  </si>
  <si>
    <t>953.572998046875</t>
  </si>
  <si>
    <t>0.05529774283102462</t>
  </si>
  <si>
    <t>1.5974599123001099</t>
  </si>
  <si>
    <t>896.7809448242188</t>
  </si>
  <si>
    <t>0.0571410230756868</t>
  </si>
  <si>
    <t>0.33086445927619934</t>
  </si>
  <si>
    <t>944.0787353515625</t>
  </si>
  <si>
    <t>-0.04229338522326387</t>
  </si>
  <si>
    <t>47283</t>
  </si>
  <si>
    <t>1.90263831615448</t>
  </si>
  <si>
    <t>1135.573974609375</t>
  </si>
  <si>
    <t>0.040792914723969176</t>
  </si>
  <si>
    <t>47171</t>
  </si>
  <si>
    <t>2.622476100921631</t>
  </si>
  <si>
    <t>968.353759765625</t>
  </si>
  <si>
    <t>-0.002371525874858449</t>
  </si>
  <si>
    <t>48638</t>
  </si>
  <si>
    <t>0.8647675514221191</t>
  </si>
  <si>
    <t>1068.4561767578125</t>
  </si>
  <si>
    <t>0.03062582140481851</t>
  </si>
  <si>
    <t>50002</t>
  </si>
  <si>
    <t>1.022956371307373</t>
  </si>
  <si>
    <t>821.0413208007812</t>
  </si>
  <si>
    <t>0.027657886236694296</t>
  </si>
  <si>
    <t>50294</t>
  </si>
  <si>
    <t>2.4744696617126465</t>
  </si>
  <si>
    <t>971.4427490234375</t>
  </si>
  <si>
    <t>0.005822781068353322</t>
  </si>
  <si>
    <t>52045</t>
  </si>
  <si>
    <t>2.3736355304718018</t>
  </si>
  <si>
    <t>1049.3446044921875</t>
  </si>
  <si>
    <t>0.03422294327091002</t>
  </si>
  <si>
    <t>51337</t>
  </si>
  <si>
    <t>2.4579553604125977</t>
  </si>
  <si>
    <t>1092.138671875</t>
  </si>
  <si>
    <t>-0.013696989201381626</t>
  </si>
  <si>
    <t>2.0354816913604736</t>
  </si>
  <si>
    <t>960.9555053710938</t>
  </si>
  <si>
    <t>-0.10374505358613284</t>
  </si>
  <si>
    <t>44456</t>
  </si>
  <si>
    <t>2.6155316829681396</t>
  </si>
  <si>
    <t>1031.6871337890625</t>
  </si>
  <si>
    <t>-0.04016675020229599</t>
  </si>
  <si>
    <t>1.8898893594741821</t>
  </si>
  <si>
    <t>874.2470703125</t>
  </si>
  <si>
    <t>0.11674276509224946</t>
  </si>
  <si>
    <t>52313</t>
  </si>
  <si>
    <t>1.5559654235839844</t>
  </si>
  <si>
    <t>843.326904296875</t>
  </si>
  <si>
    <t>0.04600220507918884</t>
  </si>
  <si>
    <t>0.4649009704589844</t>
  </si>
  <si>
    <t>943.8304443359375</t>
  </si>
  <si>
    <t>-0.0010901893610046898</t>
  </si>
  <si>
    <t>54382</t>
  </si>
  <si>
    <t>3.092693328857422</t>
  </si>
  <si>
    <t>1024.153564453125</t>
  </si>
  <si>
    <t>0.039878499967256786</t>
  </si>
  <si>
    <t>54187</t>
  </si>
  <si>
    <t>1.239193081855774</t>
  </si>
  <si>
    <t>982.4581909179688</t>
  </si>
  <si>
    <t>-0.00359218947742157</t>
  </si>
  <si>
    <t>55937</t>
  </si>
  <si>
    <t>2.222991704940796</t>
  </si>
  <si>
    <t>926.6093139648438</t>
  </si>
  <si>
    <t>0.03178503016975043</t>
  </si>
  <si>
    <t>56607</t>
  </si>
  <si>
    <t>2.673002243041992</t>
  </si>
  <si>
    <t>851.252685546875</t>
  </si>
  <si>
    <t>0.011906595026045963</t>
  </si>
  <si>
    <t>56835</t>
  </si>
  <si>
    <t>2.5766799449920654</t>
  </si>
  <si>
    <t>1069.54638671875</t>
  </si>
  <si>
    <t>0.004019680664988812</t>
  </si>
  <si>
    <t>62086</t>
  </si>
  <si>
    <t>3.1555776596069336</t>
  </si>
  <si>
    <t>1025.4232177734375</t>
  </si>
  <si>
    <t>0.08836818755056441</t>
  </si>
  <si>
    <t>63678</t>
  </si>
  <si>
    <t>1.6195168495178223</t>
  </si>
  <si>
    <t>995.3873291015625</t>
  </si>
  <si>
    <t>0.02531861331850216</t>
  </si>
  <si>
    <t>63987</t>
  </si>
  <si>
    <t>2.1785507202148438</t>
  </si>
  <si>
    <t>1028.151123046875</t>
  </si>
  <si>
    <t>0.004840803719254438</t>
  </si>
  <si>
    <t>64236</t>
  </si>
  <si>
    <t>1.8247398138046265</t>
  </si>
  <si>
    <t>1090.7314453125</t>
  </si>
  <si>
    <t>0.00388386347224845</t>
  </si>
  <si>
    <t>63009</t>
  </si>
  <si>
    <t>2.764071226119995</t>
  </si>
  <si>
    <t>1070.21435546875</t>
  </si>
  <si>
    <t>-0.019286227867963746</t>
  </si>
  <si>
    <t>65070</t>
  </si>
  <si>
    <t>1.7230693101882935</t>
  </si>
  <si>
    <t>1101.4283447265625</t>
  </si>
  <si>
    <t>0.03218604017561155</t>
  </si>
  <si>
    <t>66380</t>
  </si>
  <si>
    <t>2.8134450912475586</t>
  </si>
  <si>
    <t>1080.7452392578125</t>
  </si>
  <si>
    <t>0.019932192784937186</t>
  </si>
  <si>
    <t>39527</t>
  </si>
  <si>
    <t>7.273705005645752</t>
  </si>
  <si>
    <t>1938.380615234375</t>
  </si>
  <si>
    <t>80.37543487548828</t>
  </si>
  <si>
    <t>Vest-Agder</t>
  </si>
  <si>
    <t>6.488614559173584</t>
  </si>
  <si>
    <t>1433.21630859375</t>
  </si>
  <si>
    <t>0.024515502769169473</t>
  </si>
  <si>
    <t>6.870914459228516</t>
  </si>
  <si>
    <t>1804.9527587890625</t>
  </si>
  <si>
    <t>0.028257961596210635</t>
  </si>
  <si>
    <t>5.602542877197266</t>
  </si>
  <si>
    <t>1491.5399169921875</t>
  </si>
  <si>
    <t>0.021039909862674122</t>
  </si>
  <si>
    <t>6.2411675453186035</t>
  </si>
  <si>
    <t>1741.189453125</t>
  </si>
  <si>
    <t>0.04257723851446116</t>
  </si>
  <si>
    <t>45964</t>
  </si>
  <si>
    <t>5.97744607925415</t>
  </si>
  <si>
    <t>1382.3831787109375</t>
  </si>
  <si>
    <t>0.03448388595200136</t>
  </si>
  <si>
    <t>48163</t>
  </si>
  <si>
    <t>5.095343112945557</t>
  </si>
  <si>
    <t>1349.690185546875</t>
  </si>
  <si>
    <t>0.04673261002389495</t>
  </si>
  <si>
    <t>6.805148601531982</t>
  </si>
  <si>
    <t>1525.6416015625</t>
  </si>
  <si>
    <t>0.048727873750715744</t>
  </si>
  <si>
    <t>54071</t>
  </si>
  <si>
    <t>5.936299800872803</t>
  </si>
  <si>
    <t>1822.816162109375</t>
  </si>
  <si>
    <t>0.0669790325970041</t>
  </si>
  <si>
    <t>54103</t>
  </si>
  <si>
    <t>6.814080715179443</t>
  </si>
  <si>
    <t>1930.3787841796875</t>
  </si>
  <si>
    <t>0.0005916394130451863</t>
  </si>
  <si>
    <t>50895</t>
  </si>
  <si>
    <t>7.165046215057373</t>
  </si>
  <si>
    <t>1967.7099609375</t>
  </si>
  <si>
    <t>-0.06112495027574383</t>
  </si>
  <si>
    <t>49762</t>
  </si>
  <si>
    <t>6.064516544342041</t>
  </si>
  <si>
    <t>1674.0244140625</t>
  </si>
  <si>
    <t>-0.022513046355047805</t>
  </si>
  <si>
    <t>53716</t>
  </si>
  <si>
    <t>6.690295696258545</t>
  </si>
  <si>
    <t>1593.8453369140625</t>
  </si>
  <si>
    <t>0.07645926816967474</t>
  </si>
  <si>
    <t>6.627421855926514</t>
  </si>
  <si>
    <t>1572.0169677734375</t>
  </si>
  <si>
    <t>-0.04448138005259672</t>
  </si>
  <si>
    <t>53720</t>
  </si>
  <si>
    <t>7.087018966674805</t>
  </si>
  <si>
    <t>1652.34619140625</t>
  </si>
  <si>
    <t>0.04455584298870363</t>
  </si>
  <si>
    <t>54630</t>
  </si>
  <si>
    <t>6.51630973815918</t>
  </si>
  <si>
    <t>1482.81884765625</t>
  </si>
  <si>
    <t>0.016797810752589015</t>
  </si>
  <si>
    <t>66164</t>
  </si>
  <si>
    <t>7.612133502960205</t>
  </si>
  <si>
    <t>2083.318603515625</t>
  </si>
  <si>
    <t>0.19155332597234853</t>
  </si>
  <si>
    <t>75091</t>
  </si>
  <si>
    <t>7.148385524749756</t>
  </si>
  <si>
    <t>1788.072998046875</t>
  </si>
  <si>
    <t>0.12656420299565418</t>
  </si>
  <si>
    <t>62502</t>
  </si>
  <si>
    <t>7.228811740875244</t>
  </si>
  <si>
    <t>1702.257568359375</t>
  </si>
  <si>
    <t>-0.18350215514526091</t>
  </si>
  <si>
    <t>61631</t>
  </si>
  <si>
    <t>6.266102313995361</t>
  </si>
  <si>
    <t>1567.3853759765625</t>
  </si>
  <si>
    <t>-0.014033565523826397</t>
  </si>
  <si>
    <t>61313</t>
  </si>
  <si>
    <t>5.122420310974121</t>
  </si>
  <si>
    <t>1428.9322509765625</t>
  </si>
  <si>
    <t>-0.0051730984702764715</t>
  </si>
  <si>
    <t>61868</t>
  </si>
  <si>
    <t>7.191400051116943</t>
  </si>
  <si>
    <t>1813.432861328125</t>
  </si>
  <si>
    <t>0.009011190939629543</t>
  </si>
  <si>
    <t>61345</t>
  </si>
  <si>
    <t>6.046558856964111</t>
  </si>
  <si>
    <t>1661.580810546875</t>
  </si>
  <si>
    <t>-0.008489414932748574</t>
  </si>
  <si>
    <t>58652</t>
  </si>
  <si>
    <t>6.593776226043701</t>
  </si>
  <si>
    <t>1579.3001708984375</t>
  </si>
  <si>
    <t>-0.044891993128311825</t>
  </si>
  <si>
    <t>60744</t>
  </si>
  <si>
    <t>8.08651065826416</t>
  </si>
  <si>
    <t>2120.863525390625</t>
  </si>
  <si>
    <t>0.03504663679609976</t>
  </si>
  <si>
    <t>6.876087188720703</t>
  </si>
  <si>
    <t>1883.28564453125</t>
  </si>
  <si>
    <t>-0.03484206111943422</t>
  </si>
  <si>
    <t>7.11950159072876</t>
  </si>
  <si>
    <t>1531.363037109375</t>
  </si>
  <si>
    <t>-0.04665314743069793</t>
  </si>
  <si>
    <t>55755</t>
  </si>
  <si>
    <t>6.769538879394531</t>
  </si>
  <si>
    <t>2191.916748046875</t>
  </si>
  <si>
    <t>-0.004206010943475391</t>
  </si>
  <si>
    <t>56317</t>
  </si>
  <si>
    <t>7.058060169219971</t>
  </si>
  <si>
    <t>1437.000244140625</t>
  </si>
  <si>
    <t>0.010029350968267181</t>
  </si>
  <si>
    <t>56536</t>
  </si>
  <si>
    <t>7.510534286499023</t>
  </si>
  <si>
    <t>2053.9404296875</t>
  </si>
  <si>
    <t>0.0038811600029600157</t>
  </si>
  <si>
    <t>55456</t>
  </si>
  <si>
    <t>7.376951217651367</t>
  </si>
  <si>
    <t>1766.753662109375</t>
  </si>
  <si>
    <t>-0.019287689855357115</t>
  </si>
  <si>
    <t>57271</t>
  </si>
  <si>
    <t>7.072476863861084</t>
  </si>
  <si>
    <t>1476.3349609375</t>
  </si>
  <si>
    <t>0.03220447386907033</t>
  </si>
  <si>
    <t>58424</t>
  </si>
  <si>
    <t>7.376404285430908</t>
  </si>
  <si>
    <t>1774.1624755859375</t>
  </si>
  <si>
    <t>0.01993237691554306</t>
  </si>
  <si>
    <t>127.73871612548828</t>
  </si>
  <si>
    <t>Vestfold</t>
  </si>
  <si>
    <t>0.024504463436469948</t>
  </si>
  <si>
    <t>7.108333110809326</t>
  </si>
  <si>
    <t>0.02826966542966325</t>
  </si>
  <si>
    <t>5.8416666984558105</t>
  </si>
  <si>
    <t>864.2999877929688</t>
  </si>
  <si>
    <t>0.021031074158845087</t>
  </si>
  <si>
    <t>39762</t>
  </si>
  <si>
    <t>925.9000244140625</t>
  </si>
  <si>
    <t>0.04259241883558573</t>
  </si>
  <si>
    <t>41157</t>
  </si>
  <si>
    <t>782.3999633789062</t>
  </si>
  <si>
    <t>0.03448233967799297</t>
  </si>
  <si>
    <t>5.400000095367432</t>
  </si>
  <si>
    <t>0.03689857065002933</t>
  </si>
  <si>
    <t>44396</t>
  </si>
  <si>
    <t>0.03885678262756542</t>
  </si>
  <si>
    <t>44835</t>
  </si>
  <si>
    <t>6.266666889190674</t>
  </si>
  <si>
    <t>1037.4998779296875</t>
  </si>
  <si>
    <t>0.009839709114277895</t>
  </si>
  <si>
    <t>44728</t>
  </si>
  <si>
    <t>7.1583333015441895</t>
  </si>
  <si>
    <t>1077.6998291015625</t>
  </si>
  <si>
    <t>-0.0023893806796664308</t>
  </si>
  <si>
    <t>46120</t>
  </si>
  <si>
    <t>1291.900146484375</t>
  </si>
  <si>
    <t>0.03064699167651419</t>
  </si>
  <si>
    <t>49844</t>
  </si>
  <si>
    <t>6.191666126251221</t>
  </si>
  <si>
    <t>0.07765143267976171</t>
  </si>
  <si>
    <t>51681</t>
  </si>
  <si>
    <t>0.03619208105172156</t>
  </si>
  <si>
    <t>50279</t>
  </si>
  <si>
    <t>-0.027502714231783187</t>
  </si>
  <si>
    <t>51202</t>
  </si>
  <si>
    <t>7.275001049041748</t>
  </si>
  <si>
    <t>0.018191098881983336</t>
  </si>
  <si>
    <t>51421</t>
  </si>
  <si>
    <t>6.616666316986084</t>
  </si>
  <si>
    <t>787.300048828125</t>
  </si>
  <si>
    <t>0.004268055551822414</t>
  </si>
  <si>
    <t>57506</t>
  </si>
  <si>
    <t>1202.2000732421875</t>
  </si>
  <si>
    <t>0.11184264085117235</t>
  </si>
  <si>
    <t>57556</t>
  </si>
  <si>
    <t>974.9000244140625</t>
  </si>
  <si>
    <t>0.0008690967156343987</t>
  </si>
  <si>
    <t>51778</t>
  </si>
  <si>
    <t>987.7000732421875</t>
  </si>
  <si>
    <t>-0.10579303827546127</t>
  </si>
  <si>
    <t>951.2000122070312</t>
  </si>
  <si>
    <t>-0.04958908494440273</t>
  </si>
  <si>
    <t>5.274999141693115</t>
  </si>
  <si>
    <t>873.699951171875</t>
  </si>
  <si>
    <t>-0.04995578143882007</t>
  </si>
  <si>
    <t>47156</t>
  </si>
  <si>
    <t>1098.0999755859375</t>
  </si>
  <si>
    <t>0.006040772187393628</t>
  </si>
  <si>
    <t>1054.10009765625</t>
  </si>
  <si>
    <t>0.025046331660448118</t>
  </si>
  <si>
    <t>47255</t>
  </si>
  <si>
    <t>-0.02294911764330898</t>
  </si>
  <si>
    <t>46716</t>
  </si>
  <si>
    <t>-0.011471750030700889</t>
  </si>
  <si>
    <t>48917</t>
  </si>
  <si>
    <t>0.04603826591061022</t>
  </si>
  <si>
    <t>49950</t>
  </si>
  <si>
    <t>7.358333110809326</t>
  </si>
  <si>
    <t>0.020897520767633182</t>
  </si>
  <si>
    <t>50636</t>
  </si>
  <si>
    <t>6.924999713897705</t>
  </si>
  <si>
    <t>1162.2000732421875</t>
  </si>
  <si>
    <t>0.013640280680020211</t>
  </si>
  <si>
    <t>-0.009584452617430017</t>
  </si>
  <si>
    <t>50348</t>
  </si>
  <si>
    <t>0.0038805632721050642</t>
  </si>
  <si>
    <t>-0.019291913210695455</t>
  </si>
  <si>
    <t>51002</t>
  </si>
  <si>
    <t>797.0999755859375</t>
  </si>
  <si>
    <t>0.032197864423123335</t>
  </si>
  <si>
    <t>52029</t>
  </si>
  <si>
    <t>911.0</t>
  </si>
  <si>
    <t>0.019936407794872935</t>
  </si>
  <si>
    <t>7.557184219360352</t>
  </si>
  <si>
    <t>800.2783203125</t>
  </si>
  <si>
    <t>237.81033325195312</t>
  </si>
  <si>
    <t>ÿstfold</t>
  </si>
  <si>
    <t>6.5658721923828125</t>
  </si>
  <si>
    <t>646.980224609375</t>
  </si>
  <si>
    <t>0.024506815453767317</t>
  </si>
  <si>
    <t>38752</t>
  </si>
  <si>
    <t>7.099203586578369</t>
  </si>
  <si>
    <t>840.5975341796875</t>
  </si>
  <si>
    <t>0.028265254429427955</t>
  </si>
  <si>
    <t>39576</t>
  </si>
  <si>
    <t>5.862426280975342</t>
  </si>
  <si>
    <t>790.1644287109375</t>
  </si>
  <si>
    <t>0.021040506554726335</t>
  </si>
  <si>
    <t>6.566304683685303</t>
  </si>
  <si>
    <t>824.1549682617188</t>
  </si>
  <si>
    <t>0.04256698417804117</t>
  </si>
  <si>
    <t>42746</t>
  </si>
  <si>
    <t>6.293099880218506</t>
  </si>
  <si>
    <t>699.6240234375</t>
  </si>
  <si>
    <t>0.03448576565016914</t>
  </si>
  <si>
    <t>42575</t>
  </si>
  <si>
    <t>5.151864528656006</t>
  </si>
  <si>
    <t>705.7342529296875</t>
  </si>
  <si>
    <t>-0.004008397204867009</t>
  </si>
  <si>
    <t>6.923773288726807</t>
  </si>
  <si>
    <t>782.2847290039062</t>
  </si>
  <si>
    <t>-0.004449107514369999</t>
  </si>
  <si>
    <t>43224</t>
  </si>
  <si>
    <t>6.18218469619751</t>
  </si>
  <si>
    <t>939.4921264648438</t>
  </si>
  <si>
    <t>0.019577777507382876</t>
  </si>
  <si>
    <t>7.041027545928955</t>
  </si>
  <si>
    <t>972.7086181640625</t>
  </si>
  <si>
    <t>0.0022877752707728405</t>
  </si>
  <si>
    <t>45247</t>
  </si>
  <si>
    <t>7.376473903656006</t>
  </si>
  <si>
    <t>1153.26416015625</t>
  </si>
  <si>
    <t>0.04345269779302363</t>
  </si>
  <si>
    <t>45234</t>
  </si>
  <si>
    <t>6.4185309410095215</t>
  </si>
  <si>
    <t>846.4783325195312</t>
  </si>
  <si>
    <t>-0.00028735314794126054</t>
  </si>
  <si>
    <t>46853</t>
  </si>
  <si>
    <t>6.993531703948975</t>
  </si>
  <si>
    <t>804.761474609375</t>
  </si>
  <si>
    <t>0.03516602432826055</t>
  </si>
  <si>
    <t>46408</t>
  </si>
  <si>
    <t>6.859766006469727</t>
  </si>
  <si>
    <t>779.44091796875</t>
  </si>
  <si>
    <t>-0.009543182622117286</t>
  </si>
  <si>
    <t>7.285198211669922</t>
  </si>
  <si>
    <t>821.0184936523438</t>
  </si>
  <si>
    <t>0.04281277147717155</t>
  </si>
  <si>
    <t>48244</t>
  </si>
  <si>
    <t>6.6685309410095215</t>
  </si>
  <si>
    <t>696.9259033203125</t>
  </si>
  <si>
    <t>-0.004013161919937502</t>
  </si>
  <si>
    <t>7.949204921722412</t>
  </si>
  <si>
    <t>1073.727783203125</t>
  </si>
  <si>
    <t>0.001201499947743656</t>
  </si>
  <si>
    <t>49002</t>
  </si>
  <si>
    <t>7.393531322479248</t>
  </si>
  <si>
    <t>866.9593505859375</t>
  </si>
  <si>
    <t>0.014388145935452457</t>
  </si>
  <si>
    <t>49062</t>
  </si>
  <si>
    <t>7.490871429443359</t>
  </si>
  <si>
    <t>865.3495483398438</t>
  </si>
  <si>
    <t>0.0012236908037017713</t>
  </si>
  <si>
    <t>6.635198593139648</t>
  </si>
  <si>
    <t>830.7433471679688</t>
  </si>
  <si>
    <t>-0.05118387921155687</t>
  </si>
  <si>
    <t>5.468099594116211</t>
  </si>
  <si>
    <t>768.1182861328125</t>
  </si>
  <si>
    <t>-0.053651362136859504</t>
  </si>
  <si>
    <t>44492</t>
  </si>
  <si>
    <t>7.4045257568359375</t>
  </si>
  <si>
    <t>926.177490234375</t>
  </si>
  <si>
    <t>0.007059834670304355</t>
  </si>
  <si>
    <t>44660</t>
  </si>
  <si>
    <t>6.334765911102295</t>
  </si>
  <si>
    <t>920.3999633789062</t>
  </si>
  <si>
    <t>0.0037688486822293754</t>
  </si>
  <si>
    <t>43471</t>
  </si>
  <si>
    <t>6.817667007446289</t>
  </si>
  <si>
    <t>748.1791381835938</t>
  </si>
  <si>
    <t>-0.02698419730507773</t>
  </si>
  <si>
    <t>8.418963432312012</t>
  </si>
  <si>
    <t>1023.3816528320312</t>
  </si>
  <si>
    <t>0.01466047448592711</t>
  </si>
  <si>
    <t>44786</t>
  </si>
  <si>
    <t>7.073340892791748</t>
  </si>
  <si>
    <t>913.4228515625</t>
  </si>
  <si>
    <t>0.015141066989778906</t>
  </si>
  <si>
    <t>7.356319904327393</t>
  </si>
  <si>
    <t>748.3767700195312</t>
  </si>
  <si>
    <t>0.022082776952910166</t>
  </si>
  <si>
    <t>6.952297210693359</t>
  </si>
  <si>
    <t>1031.0582275390625</t>
  </si>
  <si>
    <t>0.027699976883477362</t>
  </si>
  <si>
    <t>47102</t>
  </si>
  <si>
    <t>7.318531036376953</t>
  </si>
  <si>
    <t>638.6309814453125</t>
  </si>
  <si>
    <t>0.0006371185468339036</t>
  </si>
  <si>
    <t>47285</t>
  </si>
  <si>
    <t>7.851079940795898</t>
  </si>
  <si>
    <t>1007.1879272460938</t>
  </si>
  <si>
    <t>0.0038776575016132853</t>
  </si>
  <si>
    <t>46382</t>
  </si>
  <si>
    <t>7.765085697174072</t>
  </si>
  <si>
    <t>875.4732055664062</t>
  </si>
  <si>
    <t>-0.01928166753445737</t>
  </si>
  <si>
    <t>7.251865386962891</t>
  </si>
  <si>
    <t>718.2172241210938</t>
  </si>
  <si>
    <t>0.03218317443920604</t>
  </si>
  <si>
    <t>48863</t>
  </si>
  <si>
    <t>7.629092693328857</t>
  </si>
  <si>
    <t>810.5751953125</t>
  </si>
  <si>
    <t>0.01992583649060542</t>
  </si>
  <si>
    <t>NPL</t>
  </si>
  <si>
    <t>20.38682746887207</t>
  </si>
  <si>
    <t>1890.4593505859375</t>
  </si>
  <si>
    <t>2893.028564453125</t>
  </si>
  <si>
    <t>Nepal</t>
  </si>
  <si>
    <t>20.660490036010742</t>
  </si>
  <si>
    <t>1619.321533203125</t>
  </si>
  <si>
    <t>0.03236815490203604</t>
  </si>
  <si>
    <t>20.41388702392578</t>
  </si>
  <si>
    <t>1366.88134765625</t>
  </si>
  <si>
    <t>0.009120584396809406</t>
  </si>
  <si>
    <t>20.67170524597168</t>
  </si>
  <si>
    <t>1423.429931640625</t>
  </si>
  <si>
    <t>0.007751976804318161</t>
  </si>
  <si>
    <t>20.617271423339844</t>
  </si>
  <si>
    <t>1541.6649169921875</t>
  </si>
  <si>
    <t>0.051421986235099304</t>
  </si>
  <si>
    <t>21.125205993652344</t>
  </si>
  <si>
    <t>1538.1358642578125</t>
  </si>
  <si>
    <t>0.008116927681576236</t>
  </si>
  <si>
    <t>20.818275451660156</t>
  </si>
  <si>
    <t>1608.8330078125</t>
  </si>
  <si>
    <t>0.028294376032190094</t>
  </si>
  <si>
    <t>20.073665618896484</t>
  </si>
  <si>
    <t>2078.5087890625</t>
  </si>
  <si>
    <t>0.02675096519954412</t>
  </si>
  <si>
    <t>21.172382354736328</t>
  </si>
  <si>
    <t>2064.267822265625</t>
  </si>
  <si>
    <t>0.00838100143823084</t>
  </si>
  <si>
    <t>21.36147117614746</t>
  </si>
  <si>
    <t>2391.04345703125</t>
  </si>
  <si>
    <t>0.022506576409799806</t>
  </si>
  <si>
    <t>20.927236557006836</t>
  </si>
  <si>
    <t>2183.21533203125</t>
  </si>
  <si>
    <t>0.026717051138763992</t>
  </si>
  <si>
    <t>21.04486846923828</t>
  </si>
  <si>
    <t>2129.5390625</t>
  </si>
  <si>
    <t>0.015054047735570286</t>
  </si>
  <si>
    <t>21.160276412963867</t>
  </si>
  <si>
    <t>-0.02960505019819326</t>
  </si>
  <si>
    <t>21.111461639404297</t>
  </si>
  <si>
    <t>1979.2490234375</t>
  </si>
  <si>
    <t>0.009119158580261022</t>
  </si>
  <si>
    <t>21.276779174804688</t>
  </si>
  <si>
    <t>2143.466064453125</t>
  </si>
  <si>
    <t>0.017279047608352194</t>
  </si>
  <si>
    <t>21.37787437438965</t>
  </si>
  <si>
    <t>1463.7791748046875</t>
  </si>
  <si>
    <t>0.007820871716180733</t>
  </si>
  <si>
    <t>21.522192001342773</t>
  </si>
  <si>
    <t>1726.9290771484375</t>
  </si>
  <si>
    <t>0.007760180036664899</t>
  </si>
  <si>
    <t>21.487823486328125</t>
  </si>
  <si>
    <t>1799.6546630859375</t>
  </si>
  <si>
    <t>0.02566911661253002</t>
  </si>
  <si>
    <t>21.13182258605957</t>
  </si>
  <si>
    <t>2185.781494140625</t>
  </si>
  <si>
    <t>0.05204643536320663</t>
  </si>
  <si>
    <t>21.700407028198242</t>
  </si>
  <si>
    <t>1566.2374267578125</t>
  </si>
  <si>
    <t>0.03826997626063111</t>
  </si>
  <si>
    <t>21.829641342163086</t>
  </si>
  <si>
    <t>2179.627685546875</t>
  </si>
  <si>
    <t>0.04137253130751439</t>
  </si>
  <si>
    <t>21.00921058654785</t>
  </si>
  <si>
    <t>2485.8203125</t>
  </si>
  <si>
    <t>0.0287044415239901</t>
  </si>
  <si>
    <t>21.14227867126465</t>
  </si>
  <si>
    <t>1851.30419921875</t>
  </si>
  <si>
    <t>0.04198817541043809</t>
  </si>
  <si>
    <t>20.875886917114258</t>
  </si>
  <si>
    <t>1871.31201171875</t>
  </si>
  <si>
    <t>0.03193224790189042</t>
  </si>
  <si>
    <t>20.98224449157715</t>
  </si>
  <si>
    <t>830.40087890625</t>
  </si>
  <si>
    <t>0.05430960230871129</t>
  </si>
  <si>
    <t>21.00850486755371</t>
  </si>
  <si>
    <t>1743.1199951171875</t>
  </si>
  <si>
    <t>0.03256630086102774</t>
  </si>
  <si>
    <t>21.534074783325195</t>
  </si>
  <si>
    <t>1900.0855712890625</t>
  </si>
  <si>
    <t>-0.005479465764626212</t>
  </si>
  <si>
    <t>4311</t>
  </si>
  <si>
    <t>21.30814552307129</t>
  </si>
  <si>
    <t>1683.98583984375</t>
  </si>
  <si>
    <t>0.07387603431202372</t>
  </si>
  <si>
    <t>20.983396530151367</t>
  </si>
  <si>
    <t>1877.3280029296875</t>
  </si>
  <si>
    <t>0.061402083647440264</t>
  </si>
  <si>
    <t>4832</t>
  </si>
  <si>
    <t>20.875444412231445</t>
  </si>
  <si>
    <t>1598.3072509765625</t>
  </si>
  <si>
    <t>0.05268848122007519</t>
  </si>
  <si>
    <t>20.831907272338867</t>
  </si>
  <si>
    <t>1871.9632568359375</t>
  </si>
  <si>
    <t>-0.042487633133898584</t>
  </si>
  <si>
    <t>20.911584854125977</t>
  </si>
  <si>
    <t>1849.8385009765625</t>
  </si>
  <si>
    <t>0.023897019396830643</t>
  </si>
  <si>
    <t>4923</t>
  </si>
  <si>
    <t>21.191129684448242</t>
  </si>
  <si>
    <t>1843.8555908203125</t>
  </si>
  <si>
    <t>0.03724825388061781</t>
  </si>
  <si>
    <t>19.057817459106445</t>
  </si>
  <si>
    <t>1525.809814453125</t>
  </si>
  <si>
    <t>1783.5732421875</t>
  </si>
  <si>
    <t>19.300268173217773</t>
  </si>
  <si>
    <t>1558.8212890625</t>
  </si>
  <si>
    <t>0.032557723483432</t>
  </si>
  <si>
    <t>19.05950927734375</t>
  </si>
  <si>
    <t>1340.8280029296875</t>
  </si>
  <si>
    <t>0.009012192712512856</t>
  </si>
  <si>
    <t>19.343759536743164</t>
  </si>
  <si>
    <t>1443.8070068359375</t>
  </si>
  <si>
    <t>0.0075627723817</t>
  </si>
  <si>
    <t>19.227787017822266</t>
  </si>
  <si>
    <t>1354.4996337890625</t>
  </si>
  <si>
    <t>0.05139602883621386</t>
  </si>
  <si>
    <t>19.87017059326172</t>
  </si>
  <si>
    <t>1500.0234375</t>
  </si>
  <si>
    <t>0.008422466374696569</t>
  </si>
  <si>
    <t>19.402990341186523</t>
  </si>
  <si>
    <t>1545.91796875</t>
  </si>
  <si>
    <t>0.027991649436867938</t>
  </si>
  <si>
    <t>18.737688064575195</t>
  </si>
  <si>
    <t>1763.3226318359375</t>
  </si>
  <si>
    <t>0.026618718020974264</t>
  </si>
  <si>
    <t>19.923192977905273</t>
  </si>
  <si>
    <t>1837.5462646484375</t>
  </si>
  <si>
    <t>0.0085158665489935</t>
  </si>
  <si>
    <t>20.065683364868164</t>
  </si>
  <si>
    <t>2104.49609375</t>
  </si>
  <si>
    <t>0.022755472887671324</t>
  </si>
  <si>
    <t>19.518638610839844</t>
  </si>
  <si>
    <t>1839.495849609375</t>
  </si>
  <si>
    <t>0.059753556797333296</t>
  </si>
  <si>
    <t>19.69703483581543</t>
  </si>
  <si>
    <t>1887.1044921875</t>
  </si>
  <si>
    <t>19.785629272460938</t>
  </si>
  <si>
    <t>1742.133056640625</t>
  </si>
  <si>
    <t>0.0037145174044157514</t>
  </si>
  <si>
    <t>19.743295669555664</t>
  </si>
  <si>
    <t>1802.0311279296875</t>
  </si>
  <si>
    <t>0.04200773193367979</t>
  </si>
  <si>
    <t>2071</t>
  </si>
  <si>
    <t>19.903854370117188</t>
  </si>
  <si>
    <t>1829.1029052734375</t>
  </si>
  <si>
    <t>0.050505782756459006</t>
  </si>
  <si>
    <t>20.10190773010254</t>
  </si>
  <si>
    <t>1386.430908203125</t>
  </si>
  <si>
    <t>0.04022307063330288</t>
  </si>
  <si>
    <t>20.252180099487305</t>
  </si>
  <si>
    <t>1583.739501953125</t>
  </si>
  <si>
    <t>0.04134134015644175</t>
  </si>
  <si>
    <t>20.2061824798584</t>
  </si>
  <si>
    <t>1654.5784912109375</t>
  </si>
  <si>
    <t>0.02548468324541986</t>
  </si>
  <si>
    <t>19.798795700073242</t>
  </si>
  <si>
    <t>1850.021728515625</t>
  </si>
  <si>
    <t>0.05198719674864005</t>
  </si>
  <si>
    <t>2523</t>
  </si>
  <si>
    <t>20.4416446685791</t>
  </si>
  <si>
    <t>1451.311279296875</t>
  </si>
  <si>
    <t>0.038380796461668254</t>
  </si>
  <si>
    <t>20.563013076782227</t>
  </si>
  <si>
    <t>1939.619873046875</t>
  </si>
  <si>
    <t>0.0411548760888234</t>
  </si>
  <si>
    <t>19.65920066833496</t>
  </si>
  <si>
    <t>2080.380126953125</t>
  </si>
  <si>
    <t>0.02886798400085233</t>
  </si>
  <si>
    <t>19.815406799316406</t>
  </si>
  <si>
    <t>1567.6790771484375</t>
  </si>
  <si>
    <t>0.041974323682025805</t>
  </si>
  <si>
    <t>19.627126693725586</t>
  </si>
  <si>
    <t>1583.066162109375</t>
  </si>
  <si>
    <t>0.03173762454667539</t>
  </si>
  <si>
    <t>19.689258575439453</t>
  </si>
  <si>
    <t>995.10400390625</t>
  </si>
  <si>
    <t>0.05444657366609995</t>
  </si>
  <si>
    <t>19.611392974853516</t>
  </si>
  <si>
    <t>1571.2498779296875</t>
  </si>
  <si>
    <t>0.032622016471126614</t>
  </si>
  <si>
    <t>20.153287887573242</t>
  </si>
  <si>
    <t>1707.236328125</t>
  </si>
  <si>
    <t>-0.005363634881042856</t>
  </si>
  <si>
    <t>19.994848251342773</t>
  </si>
  <si>
    <t>1531.9410400390625</t>
  </si>
  <si>
    <t>0.07376896228528729</t>
  </si>
  <si>
    <t>19.622268676757812</t>
  </si>
  <si>
    <t>1405.555419921875</t>
  </si>
  <si>
    <t>0.06154034906283634</t>
  </si>
  <si>
    <t>19.549516677856445</t>
  </si>
  <si>
    <t>1523.060546875</t>
  </si>
  <si>
    <t>0.052480762596623265</t>
  </si>
  <si>
    <t>19.51814842224121</t>
  </si>
  <si>
    <t>1756.37109375</t>
  </si>
  <si>
    <t>-0.042308853586323636</t>
  </si>
  <si>
    <t>19.629438400268555</t>
  </si>
  <si>
    <t>1534.71630859375</t>
  </si>
  <si>
    <t>0.023784905023441993</t>
  </si>
  <si>
    <t>3886</t>
  </si>
  <si>
    <t>19.879653930664062</t>
  </si>
  <si>
    <t>1493.5443115234375</t>
  </si>
  <si>
    <t>0.03722579233990153</t>
  </si>
  <si>
    <t>18.27273941040039</t>
  </si>
  <si>
    <t>1619.722900390625</t>
  </si>
  <si>
    <t>774.8914184570312</t>
  </si>
  <si>
    <t>Far-west</t>
  </si>
  <si>
    <t>18.8709659576416</t>
  </si>
  <si>
    <t>1287.4429931640625</t>
  </si>
  <si>
    <t>0.03209734997487779</t>
  </si>
  <si>
    <t>18.593793869018555</t>
  </si>
  <si>
    <t>1227.65673828125</t>
  </si>
  <si>
    <t>0.0091022556447653</t>
  </si>
  <si>
    <t>1223</t>
  </si>
  <si>
    <t>19.037752151489258</t>
  </si>
  <si>
    <t>1421.806640625</t>
  </si>
  <si>
    <t>0.007386164067728629</t>
  </si>
  <si>
    <t>1288</t>
  </si>
  <si>
    <t>18.75338363647461</t>
  </si>
  <si>
    <t>1442.7603759765625</t>
  </si>
  <si>
    <t>0.05178377097712694</t>
  </si>
  <si>
    <t>19.106815338134766</t>
  </si>
  <si>
    <t>1290.6881103515625</t>
  </si>
  <si>
    <t>0.008504110006300358</t>
  </si>
  <si>
    <t>18.95851707458496</t>
  </si>
  <si>
    <t>1453.71630859375</t>
  </si>
  <si>
    <t>0.028085337425991064</t>
  </si>
  <si>
    <t>18.010244369506836</t>
  </si>
  <si>
    <t>1379.455078125</t>
  </si>
  <si>
    <t>18.980852127075195</t>
  </si>
  <si>
    <t>1454.0203857421875</t>
  </si>
  <si>
    <t>0.007985523378928328</t>
  </si>
  <si>
    <t>19.466588973999023</t>
  </si>
  <si>
    <t>1312.2032470703125</t>
  </si>
  <si>
    <t>0.022874478412579613</t>
  </si>
  <si>
    <t>19.18075180053711</t>
  </si>
  <si>
    <t>1356.25048828125</t>
  </si>
  <si>
    <t>0.02374413224334404</t>
  </si>
  <si>
    <t>19.28849220275879</t>
  </si>
  <si>
    <t>1241.2554931640625</t>
  </si>
  <si>
    <t>0.0123458358222992</t>
  </si>
  <si>
    <t>19.741247177124023</t>
  </si>
  <si>
    <t>1201.064453125</t>
  </si>
  <si>
    <t>-0.03185865004588084</t>
  </si>
  <si>
    <t>19.19135093688965</t>
  </si>
  <si>
    <t>1392.8701171875</t>
  </si>
  <si>
    <t>0.00561404983276681</t>
  </si>
  <si>
    <t>19.697751998901367</t>
  </si>
  <si>
    <t>1113.4422607421875</t>
  </si>
  <si>
    <t>0.014588657484752687</t>
  </si>
  <si>
    <t>19.177532196044922</t>
  </si>
  <si>
    <t>1218.904296875</t>
  </si>
  <si>
    <t>0.0048159707805846</t>
  </si>
  <si>
    <t>19.366540908813477</t>
  </si>
  <si>
    <t>1258.9580078125</t>
  </si>
  <si>
    <t>0.004792888326051958</t>
  </si>
  <si>
    <t>19.327665328979492</t>
  </si>
  <si>
    <t>1282.4844970703125</t>
  </si>
  <si>
    <t>0.02562513780282316</t>
  </si>
  <si>
    <t>19.231412887573242</t>
  </si>
  <si>
    <t>1258.8887939453125</t>
  </si>
  <si>
    <t>0.05189231600351896</t>
  </si>
  <si>
    <t>19.84327507019043</t>
  </si>
  <si>
    <t>1207.35791015625</t>
  </si>
  <si>
    <t>0.038442427288526204</t>
  </si>
  <si>
    <t>19.961387634277344</t>
  </si>
  <si>
    <t>1224.887451171875</t>
  </si>
  <si>
    <t>0.04111392270799463</t>
  </si>
  <si>
    <t>19.192712783813477</t>
  </si>
  <si>
    <t>1513.849853515625</t>
  </si>
  <si>
    <t>0.028770684073750274</t>
  </si>
  <si>
    <t>19.231443405151367</t>
  </si>
  <si>
    <t>1356.3974609375</t>
  </si>
  <si>
    <t>0.04220504220645083</t>
  </si>
  <si>
    <t>19.06806755065918</t>
  </si>
  <si>
    <t>1454.302490234375</t>
  </si>
  <si>
    <t>0.03157875456555281</t>
  </si>
  <si>
    <t>18.97060775756836</t>
  </si>
  <si>
    <t>1277.4896240234375</t>
  </si>
  <si>
    <t>0.05434448303488182</t>
  </si>
  <si>
    <t>19.451583862304688</t>
  </si>
  <si>
    <t>1354.4158935546875</t>
  </si>
  <si>
    <t>0.03288639919082925</t>
  </si>
  <si>
    <t>19.9674015045166</t>
  </si>
  <si>
    <t>1320.259765625</t>
  </si>
  <si>
    <t>-0.005325599611957443</t>
  </si>
  <si>
    <t>19.76547622680664</t>
  </si>
  <si>
    <t>1492.361083984375</t>
  </si>
  <si>
    <t>0.0734489478326843</t>
  </si>
  <si>
    <t>19.5506649017334</t>
  </si>
  <si>
    <t>1423.1861572265625</t>
  </si>
  <si>
    <t>0.06165887148100513</t>
  </si>
  <si>
    <t>19.071857452392578</t>
  </si>
  <si>
    <t>1388.244873046875</t>
  </si>
  <si>
    <t>0.05245885743341283</t>
  </si>
  <si>
    <t>19.168203353881836</t>
  </si>
  <si>
    <t>1265.44091796875</t>
  </si>
  <si>
    <t>-0.042332188615484156</t>
  </si>
  <si>
    <t>19.21692657470703</t>
  </si>
  <si>
    <t>0.023647648300674895</t>
  </si>
  <si>
    <t>19.6549072265625</t>
  </si>
  <si>
    <t>1224.279296875</t>
  </si>
  <si>
    <t>0.037421385048146405</t>
  </si>
  <si>
    <t>16.47513771057129</t>
  </si>
  <si>
    <t>1464.02880859375</t>
  </si>
  <si>
    <t>1380.402099609375</t>
  </si>
  <si>
    <t>Mid-west</t>
  </si>
  <si>
    <t>17.014284133911133</t>
  </si>
  <si>
    <t>1130.2801513671875</t>
  </si>
  <si>
    <t>0.03264515736161755</t>
  </si>
  <si>
    <t>16.723752975463867</t>
  </si>
  <si>
    <t>1099.1600341796875</t>
  </si>
  <si>
    <t>0.009503311262827552</t>
  </si>
  <si>
    <t>17.020349502563477</t>
  </si>
  <si>
    <t>1174.289306640625</t>
  </si>
  <si>
    <t>0.007708817618293118</t>
  </si>
  <si>
    <t>16.791385650634766</t>
  </si>
  <si>
    <t>1238.8656005859375</t>
  </si>
  <si>
    <t>0.05154923432837588</t>
  </si>
  <si>
    <t>17.180274963378906</t>
  </si>
  <si>
    <t>1281.8353271484375</t>
  </si>
  <si>
    <t>0.008071068833791273</t>
  </si>
  <si>
    <t>17.089588165283203</t>
  </si>
  <si>
    <t>1239.5692138671875</t>
  </si>
  <si>
    <t>0.02774652827971824</t>
  </si>
  <si>
    <t>16.132230758666992</t>
  </si>
  <si>
    <t>1253.728759765625</t>
  </si>
  <si>
    <t>0.026997397465712503</t>
  </si>
  <si>
    <t>17.07115364074707</t>
  </si>
  <si>
    <t>1350.3690185546875</t>
  </si>
  <si>
    <t>0.00833653937576706</t>
  </si>
  <si>
    <t>17.526018142700195</t>
  </si>
  <si>
    <t>1163.190185546875</t>
  </si>
  <si>
    <t>0.02238899489347901</t>
  </si>
  <si>
    <t>17.277332305908203</t>
  </si>
  <si>
    <t>1156.316650390625</t>
  </si>
  <si>
    <t>0.05107186766043981</t>
  </si>
  <si>
    <t>17.43033790588379</t>
  </si>
  <si>
    <t>1110.7882080078125</t>
  </si>
  <si>
    <t>0.039867822753084425</t>
  </si>
  <si>
    <t>17.77045249938965</t>
  </si>
  <si>
    <t>1144.0467529296875</t>
  </si>
  <si>
    <t>-0.004728141195945668</t>
  </si>
  <si>
    <t>17.318552017211914</t>
  </si>
  <si>
    <t>1146.5860595703125</t>
  </si>
  <si>
    <t>17.706710815429688</t>
  </si>
  <si>
    <t>1038.036865234375</t>
  </si>
  <si>
    <t>0.04288657208069235</t>
  </si>
  <si>
    <t>17.321054458618164</t>
  </si>
  <si>
    <t>1003.3019409179688</t>
  </si>
  <si>
    <t>0.03266854454984447</t>
  </si>
  <si>
    <t>17.511991500854492</t>
  </si>
  <si>
    <t>1055.7919921875</t>
  </si>
  <si>
    <t>0.03398240549202569</t>
  </si>
  <si>
    <t>17.491313934326172</t>
  </si>
  <si>
    <t>1078.6778564453125</t>
  </si>
  <si>
    <t>0.0254643388659348</t>
  </si>
  <si>
    <t>17.35835075378418</t>
  </si>
  <si>
    <t>1123.769287109375</t>
  </si>
  <si>
    <t>0.05232133719897991</t>
  </si>
  <si>
    <t>17.939998626708984</t>
  </si>
  <si>
    <t>997.6913452148438</t>
  </si>
  <si>
    <t>0.03778049749820678</t>
  </si>
  <si>
    <t>18.06007957458496</t>
  </si>
  <si>
    <t>929.0575561523438</t>
  </si>
  <si>
    <t>0.04142755525666342</t>
  </si>
  <si>
    <t>17.30230140686035</t>
  </si>
  <si>
    <t>1497.59228515625</t>
  </si>
  <si>
    <t>0.02864393361709361</t>
  </si>
  <si>
    <t>17.394479751586914</t>
  </si>
  <si>
    <t>1270.8670654296875</t>
  </si>
  <si>
    <t>0.042417604985073964</t>
  </si>
  <si>
    <t>2212</t>
  </si>
  <si>
    <t>17.17656135559082</t>
  </si>
  <si>
    <t>1279.6842041015625</t>
  </si>
  <si>
    <t>0.03169036716864859</t>
  </si>
  <si>
    <t>17.127477645874023</t>
  </si>
  <si>
    <t>963.0980224609375</t>
  </si>
  <si>
    <t>0.05411480746077224</t>
  </si>
  <si>
    <t>17.577463150024414</t>
  </si>
  <si>
    <t>1261.3056640625</t>
  </si>
  <si>
    <t>0.03285889552203347</t>
  </si>
  <si>
    <t>18.059324264526367</t>
  </si>
  <si>
    <t>1286.2030029296875</t>
  </si>
  <si>
    <t>-0.005402049288994348</t>
  </si>
  <si>
    <t>17.849687576293945</t>
  </si>
  <si>
    <t>1279.476318359375</t>
  </si>
  <si>
    <t>0.07386984856645551</t>
  </si>
  <si>
    <t>17.596363067626953</t>
  </si>
  <si>
    <t>1282.6968994140625</t>
  </si>
  <si>
    <t>0.061170821192781055</t>
  </si>
  <si>
    <t>17.205341339111328</t>
  </si>
  <si>
    <t>1264.8341064453125</t>
  </si>
  <si>
    <t>0.0528210674103331</t>
  </si>
  <si>
    <t>17.247400283813477</t>
  </si>
  <si>
    <t>1129.289306640625</t>
  </si>
  <si>
    <t>-0.042319431878911296</t>
  </si>
  <si>
    <t>17.29231834411621</t>
  </si>
  <si>
    <t>1413.1156005859375</t>
  </si>
  <si>
    <t>0.023496987030350525</t>
  </si>
  <si>
    <t>17.74235725402832</t>
  </si>
  <si>
    <t>1000.541259765625</t>
  </si>
  <si>
    <t>0.03729714067681922</t>
  </si>
  <si>
    <t>17.871980667114258</t>
  </si>
  <si>
    <t>2009.60595703125</t>
  </si>
  <si>
    <t>1660.30517578125</t>
  </si>
  <si>
    <t>Western</t>
  </si>
  <si>
    <t>18.271780014038086</t>
  </si>
  <si>
    <t>1508.5467529296875</t>
  </si>
  <si>
    <t>0.032692361685541904</t>
  </si>
  <si>
    <t>18.005706787109375</t>
  </si>
  <si>
    <t>1357.607177734375</t>
  </si>
  <si>
    <t>0.008733679968754515</t>
  </si>
  <si>
    <t>18.234817504882812</t>
  </si>
  <si>
    <t>1465.398681640625</t>
  </si>
  <si>
    <t>0.007939413772192871</t>
  </si>
  <si>
    <t>18.057233810424805</t>
  </si>
  <si>
    <t>1624.314208984375</t>
  </si>
  <si>
    <t>0.0511495025978137</t>
  </si>
  <si>
    <t>18.480405807495117</t>
  </si>
  <si>
    <t>1656.4263916015625</t>
  </si>
  <si>
    <t>0.008163310639161203</t>
  </si>
  <si>
    <t>18.41986656188965</t>
  </si>
  <si>
    <t>1706.679931640625</t>
  </si>
  <si>
    <t>0.028716497435355315</t>
  </si>
  <si>
    <t>17.478219985961914</t>
  </si>
  <si>
    <t>1978.2755126953125</t>
  </si>
  <si>
    <t>0.026633597647809815</t>
  </si>
  <si>
    <t>18.43390464782715</t>
  </si>
  <si>
    <t>2051.99853515625</t>
  </si>
  <si>
    <t>0.007662872745568983</t>
  </si>
  <si>
    <t>18.790191650390625</t>
  </si>
  <si>
    <t>2139.241455078125</t>
  </si>
  <si>
    <t>0.022642476749759943</t>
  </si>
  <si>
    <t>18.57691764831543</t>
  </si>
  <si>
    <t>1934.8963623046875</t>
  </si>
  <si>
    <t>0.057987257650348845</t>
  </si>
  <si>
    <t>18.675037384033203</t>
  </si>
  <si>
    <t>2023.48193359375</t>
  </si>
  <si>
    <t>0.046439986824478474</t>
  </si>
  <si>
    <t>18.858266830444336</t>
  </si>
  <si>
    <t>2000.5474853515625</t>
  </si>
  <si>
    <t>0.0016792615197198657</t>
  </si>
  <si>
    <t>18.652467727661133</t>
  </si>
  <si>
    <t>1941.3289794921875</t>
  </si>
  <si>
    <t>0.04001630090879171</t>
  </si>
  <si>
    <t>18.910791397094727</t>
  </si>
  <si>
    <t>2080.795654296875</t>
  </si>
  <si>
    <t>0.0487645759604769</t>
  </si>
  <si>
    <t>18.692596435546875</t>
  </si>
  <si>
    <t>1482.51513671875</t>
  </si>
  <si>
    <t>0.03914197609564507</t>
  </si>
  <si>
    <t>18.906435012817383</t>
  </si>
  <si>
    <t>1698.0218505859375</t>
  </si>
  <si>
    <t>0.039561357731810354</t>
  </si>
  <si>
    <t>18.88368797302246</t>
  </si>
  <si>
    <t>1733.701416015625</t>
  </si>
  <si>
    <t>0.025223196129354086</t>
  </si>
  <si>
    <t>18.666357040405273</t>
  </si>
  <si>
    <t>2092.490234375</t>
  </si>
  <si>
    <t>0.05212320821636318</t>
  </si>
  <si>
    <t>19.13278579711914</t>
  </si>
  <si>
    <t>1519.2432861328125</t>
  </si>
  <si>
    <t>0.03822668565986298</t>
  </si>
  <si>
    <t>19.289541244506836</t>
  </si>
  <si>
    <t>1720.3399658203125</t>
  </si>
  <si>
    <t>0.041277011085652404</t>
  </si>
  <si>
    <t>18.567285537719727</t>
  </si>
  <si>
    <t>2386.712890625</t>
  </si>
  <si>
    <t>0.02869866146320721</t>
  </si>
  <si>
    <t>18.701772689819336</t>
  </si>
  <si>
    <t>1935.920166015625</t>
  </si>
  <si>
    <t>0.04231400469141633</t>
  </si>
  <si>
    <t>18.4310302734375</t>
  </si>
  <si>
    <t>1972.150146484375</t>
  </si>
  <si>
    <t>0.03187816262674659</t>
  </si>
  <si>
    <t>18.516565322875977</t>
  </si>
  <si>
    <t>721.5512084960938</t>
  </si>
  <si>
    <t>0.054316810888643374</t>
  </si>
  <si>
    <t>18.79742431640625</t>
  </si>
  <si>
    <t>1685.441162109375</t>
  </si>
  <si>
    <t>0.03263375919330347</t>
  </si>
  <si>
    <t>19.229875564575195</t>
  </si>
  <si>
    <t>1871.1478271484375</t>
  </si>
  <si>
    <t>-0.005365539364632355</t>
  </si>
  <si>
    <t>18.999927520751953</t>
  </si>
  <si>
    <t>1698.1824951171875</t>
  </si>
  <si>
    <t>0.0735554129497622</t>
  </si>
  <si>
    <t>18.7318172454834</t>
  </si>
  <si>
    <t>1920.21142578125</t>
  </si>
  <si>
    <t>0.06148794972340177</t>
  </si>
  <si>
    <t>18.498340606689453</t>
  </si>
  <si>
    <t>1540.630126953125</t>
  </si>
  <si>
    <t>0.05264373348542151</t>
  </si>
  <si>
    <t>18.404077529907227</t>
  </si>
  <si>
    <t>1837.6937255859375</t>
  </si>
  <si>
    <t>-0.04241421274642043</t>
  </si>
  <si>
    <t>18.409631729125977</t>
  </si>
  <si>
    <t>1864.7998046875</t>
  </si>
  <si>
    <t>0.023848278623885832</t>
  </si>
  <si>
    <t>18.78203582763672</t>
  </si>
  <si>
    <t>1832.150634765625</t>
  </si>
  <si>
    <t>0.037340643517890015</t>
  </si>
  <si>
    <t>NZL</t>
  </si>
  <si>
    <t>32991</t>
  </si>
  <si>
    <t>15.120555877685547</t>
  </si>
  <si>
    <t>1407.9610595703125</t>
  </si>
  <si>
    <t>795.9443359375</t>
  </si>
  <si>
    <t>Auckland</t>
  </si>
  <si>
    <t>New Zealand</t>
  </si>
  <si>
    <t>31059</t>
  </si>
  <si>
    <t>14.311963081359863</t>
  </si>
  <si>
    <t>1387.018798828125</t>
  </si>
  <si>
    <t>-0.06034617554482047</t>
  </si>
  <si>
    <t>13.642788887023926</t>
  </si>
  <si>
    <t>1367.2025146484375</t>
  </si>
  <si>
    <t>-0.0004508566352310339</t>
  </si>
  <si>
    <t>13.998003959655762</t>
  </si>
  <si>
    <t>1127.9210205078125</t>
  </si>
  <si>
    <t>0.049702401629062365</t>
  </si>
  <si>
    <t>1230.4178466796875</t>
  </si>
  <si>
    <t>0.03576432458098644</t>
  </si>
  <si>
    <t>15.028922080993652</t>
  </si>
  <si>
    <t>1503.5863037109375</t>
  </si>
  <si>
    <t>0.030665012122424784</t>
  </si>
  <si>
    <t>14.639473915100098</t>
  </si>
  <si>
    <t>1332.5052490234375</t>
  </si>
  <si>
    <t>0.018976764002742286</t>
  </si>
  <si>
    <t>35776</t>
  </si>
  <si>
    <t>14.609832763671875</t>
  </si>
  <si>
    <t>1168.068603515625</t>
  </si>
  <si>
    <t>0.006731010380562452</t>
  </si>
  <si>
    <t>15.878777503967285</t>
  </si>
  <si>
    <t>1356.239990234375</t>
  </si>
  <si>
    <t>-0.0010347480472994164</t>
  </si>
  <si>
    <t>37437</t>
  </si>
  <si>
    <t>15.232322692871094</t>
  </si>
  <si>
    <t>1365.922119140625</t>
  </si>
  <si>
    <t>0.0464169907084937</t>
  </si>
  <si>
    <t>14.97269058227539</t>
  </si>
  <si>
    <t>1178.7430419921875</t>
  </si>
  <si>
    <t>0.021745443818279142</t>
  </si>
  <si>
    <t>15.23304271697998</t>
  </si>
  <si>
    <t>1333.3878173828125</t>
  </si>
  <si>
    <t>-0.011566900781796008</t>
  </si>
  <si>
    <t>14.730822563171387</t>
  </si>
  <si>
    <t>1229.4910888671875</t>
  </si>
  <si>
    <t>0.019792258208504165</t>
  </si>
  <si>
    <t>40977</t>
  </si>
  <si>
    <t>15.00510311126709</t>
  </si>
  <si>
    <t>1314.4420166015625</t>
  </si>
  <si>
    <t>0.06038061225005009</t>
  </si>
  <si>
    <t>14.26248550415039</t>
  </si>
  <si>
    <t>1183.7655029296875</t>
  </si>
  <si>
    <t>0.02470630250837047</t>
  </si>
  <si>
    <t>42999</t>
  </si>
  <si>
    <t>15.2615327835083</t>
  </si>
  <si>
    <t>1219.2369384765625</t>
  </si>
  <si>
    <t>0.02345962341195218</t>
  </si>
  <si>
    <t>43160</t>
  </si>
  <si>
    <t>14.57690143585205</t>
  </si>
  <si>
    <t>1115.927734375</t>
  </si>
  <si>
    <t>0.0037372807807454222</t>
  </si>
  <si>
    <t>42914</t>
  </si>
  <si>
    <t>15.08820629119873</t>
  </si>
  <si>
    <t>1199.014404296875</t>
  </si>
  <si>
    <t>-0.005716027367043353</t>
  </si>
  <si>
    <t>41460</t>
  </si>
  <si>
    <t>14.927047729492188</t>
  </si>
  <si>
    <t>1377.9388427734375</t>
  </si>
  <si>
    <t>-0.034469006015257264</t>
  </si>
  <si>
    <t>14.536417961120605</t>
  </si>
  <si>
    <t>1262.431396484375</t>
  </si>
  <si>
    <t>-0.041792275349374464</t>
  </si>
  <si>
    <t>15.322487831115723</t>
  </si>
  <si>
    <t>1431.5390625</t>
  </si>
  <si>
    <t>0.01423316077341319</t>
  </si>
  <si>
    <t>15.020358085632324</t>
  </si>
  <si>
    <t>1381.1927490234375</t>
  </si>
  <si>
    <t>0.005883533238145944</t>
  </si>
  <si>
    <t>14.677852630615234</t>
  </si>
  <si>
    <t>1231.20556640625</t>
  </si>
  <si>
    <t>0.017251918443971448</t>
  </si>
  <si>
    <t>42493</t>
  </si>
  <si>
    <t>15.113781929016113</t>
  </si>
  <si>
    <t>1211.1221923828125</t>
  </si>
  <si>
    <t>0.029033912368726433</t>
  </si>
  <si>
    <t>42547</t>
  </si>
  <si>
    <t>15.038435935974121</t>
  </si>
  <si>
    <t>1299.2344970703125</t>
  </si>
  <si>
    <t>0.0012699907633564322</t>
  </si>
  <si>
    <t>44703</t>
  </si>
  <si>
    <t>14.81011962890625</t>
  </si>
  <si>
    <t>1212.717529296875</t>
  </si>
  <si>
    <t>0.04943126621556182</t>
  </si>
  <si>
    <t>15.511417388916016</t>
  </si>
  <si>
    <t>1173.2327880859375</t>
  </si>
  <si>
    <t>0.046974427324446566</t>
  </si>
  <si>
    <t>47488</t>
  </si>
  <si>
    <t>15.628458976745605</t>
  </si>
  <si>
    <t>1264.0872802734375</t>
  </si>
  <si>
    <t>0.01346200675903475</t>
  </si>
  <si>
    <t>47914</t>
  </si>
  <si>
    <t>15.429035186767578</t>
  </si>
  <si>
    <t>1234.177734375</t>
  </si>
  <si>
    <t>0.008930689741882603</t>
  </si>
  <si>
    <t>15.353228569030762</t>
  </si>
  <si>
    <t>1369.019775390625</t>
  </si>
  <si>
    <t>0.012259148126450015</t>
  </si>
  <si>
    <t>15.369056701660156</t>
  </si>
  <si>
    <t>1229.05126953125</t>
  </si>
  <si>
    <t>-0.024057828024822925</t>
  </si>
  <si>
    <t>49577</t>
  </si>
  <si>
    <t>15.743596076965332</t>
  </si>
  <si>
    <t>1278.7613525390625</t>
  </si>
  <si>
    <t>0.045917959118456864</t>
  </si>
  <si>
    <t>50848</t>
  </si>
  <si>
    <t>16.072519302368164</t>
  </si>
  <si>
    <t>1664.105712890625</t>
  </si>
  <si>
    <t>0.02531377384742406</t>
  </si>
  <si>
    <t>13.50375747680664</t>
  </si>
  <si>
    <t>1832.402099609375</t>
  </si>
  <si>
    <t>120.03125</t>
  </si>
  <si>
    <t>Bay of Plenty</t>
  </si>
  <si>
    <t>12.66701889038086</t>
  </si>
  <si>
    <t>1833.5711669921875</t>
  </si>
  <si>
    <t>-0.060350336100430724</t>
  </si>
  <si>
    <t>21868</t>
  </si>
  <si>
    <t>11.990464210510254</t>
  </si>
  <si>
    <t>1871.5621337890625</t>
  </si>
  <si>
    <t>-0.00045718466484601095</t>
  </si>
  <si>
    <t>12.301024436950684</t>
  </si>
  <si>
    <t>1392.3909912109375</t>
  </si>
  <si>
    <t>0.049686919802690355</t>
  </si>
  <si>
    <t>12.652005195617676</t>
  </si>
  <si>
    <t>1783.47900390625</t>
  </si>
  <si>
    <t>0.03577228068233396</t>
  </si>
  <si>
    <t>13.349654197692871</t>
  </si>
  <si>
    <t>2053.071533203125</t>
  </si>
  <si>
    <t>0.030676237544643215</t>
  </si>
  <si>
    <t>12.945388793945312</t>
  </si>
  <si>
    <t>1800.0133056640625</t>
  </si>
  <si>
    <t>0.018955237640732037</t>
  </si>
  <si>
    <t>25200</t>
  </si>
  <si>
    <t>12.96331787109375</t>
  </si>
  <si>
    <t>1535.3048095703125</t>
  </si>
  <si>
    <t>0.006728937814225233</t>
  </si>
  <si>
    <t>14.171992301940918</t>
  </si>
  <si>
    <t>1670.4071044921875</t>
  </si>
  <si>
    <t>-0.0009925559127506034</t>
  </si>
  <si>
    <t>13.527874946594238</t>
  </si>
  <si>
    <t>1719.1739501953125</t>
  </si>
  <si>
    <t>0.046413482922478266</t>
  </si>
  <si>
    <t>13.257205963134766</t>
  </si>
  <si>
    <t>1527.0775146484375</t>
  </si>
  <si>
    <t>0.021718375827902037</t>
  </si>
  <si>
    <t>13.506404876708984</t>
  </si>
  <si>
    <t>1961.9176025390625</t>
  </si>
  <si>
    <t>0.037006189263651734</t>
  </si>
  <si>
    <t>28595</t>
  </si>
  <si>
    <t>13.05509090423584</t>
  </si>
  <si>
    <t>1600.7445068359375</t>
  </si>
  <si>
    <t>0.022242390748621332</t>
  </si>
  <si>
    <t>13.322978019714355</t>
  </si>
  <si>
    <t>1764.939453125</t>
  </si>
  <si>
    <t>0.01226923963660198</t>
  </si>
  <si>
    <t>29558</t>
  </si>
  <si>
    <t>12.551261901855469</t>
  </si>
  <si>
    <t>1428.7392578125</t>
  </si>
  <si>
    <t>0.020853317788498416</t>
  </si>
  <si>
    <t>13.581916809082031</t>
  </si>
  <si>
    <t>1603.8365478515625</t>
  </si>
  <si>
    <t>0.02291031794753451</t>
  </si>
  <si>
    <t>12.905719757080078</t>
  </si>
  <si>
    <t>1493.017578125</t>
  </si>
  <si>
    <t>0.010623527365730467</t>
  </si>
  <si>
    <t>13.355746269226074</t>
  </si>
  <si>
    <t>1394.608154296875</t>
  </si>
  <si>
    <t>0.05589077102175288</t>
  </si>
  <si>
    <t>13.232865333557129</t>
  </si>
  <si>
    <t>1805.1629638671875</t>
  </si>
  <si>
    <t>-0.021704629864476743</t>
  </si>
  <si>
    <t>12.799073219299316</t>
  </si>
  <si>
    <t>1645.4459228515625</t>
  </si>
  <si>
    <t>-0.038185490857776117</t>
  </si>
  <si>
    <t>13.620224952697754</t>
  </si>
  <si>
    <t>1904.1876220703125</t>
  </si>
  <si>
    <t>0.019387764909872374</t>
  </si>
  <si>
    <t>13.335480690002441</t>
  </si>
  <si>
    <t>1927.24072265625</t>
  </si>
  <si>
    <t>0.030115398389133574</t>
  </si>
  <si>
    <t>12.990218162536621</t>
  </si>
  <si>
    <t>1695.491943359375</t>
  </si>
  <si>
    <t>0.013815161593031533</t>
  </si>
  <si>
    <t>13.438027381896973</t>
  </si>
  <si>
    <t>1845.20751953125</t>
  </si>
  <si>
    <t>0.020537485089551666</t>
  </si>
  <si>
    <t>13.338582038879395</t>
  </si>
  <si>
    <t>1498.206298828125</t>
  </si>
  <si>
    <t>-0.0036615113607734173</t>
  </si>
  <si>
    <t>13.07701587677002</t>
  </si>
  <si>
    <t>1657.188232421875</t>
  </si>
  <si>
    <t>-0.005990135737224733</t>
  </si>
  <si>
    <t>13.805632591247559</t>
  </si>
  <si>
    <t>1465.0260009765625</t>
  </si>
  <si>
    <t>0.04522717269889753</t>
  </si>
  <si>
    <t>36674</t>
  </si>
  <si>
    <t>13.924835205078125</t>
  </si>
  <si>
    <t>1615.6175537109375</t>
  </si>
  <si>
    <t>0.06674779113933837</t>
  </si>
  <si>
    <t>13.746562004089355</t>
  </si>
  <si>
    <t>1610.969482421875</t>
  </si>
  <si>
    <t>0.019522430172463245</t>
  </si>
  <si>
    <t>38365</t>
  </si>
  <si>
    <t>13.658028602600098</t>
  </si>
  <si>
    <t>1845.18115234375</t>
  </si>
  <si>
    <t>0.02555509833019265</t>
  </si>
  <si>
    <t>13.66263484954834</t>
  </si>
  <si>
    <t>1873.0379638671875</t>
  </si>
  <si>
    <t>-0.029466795526813527</t>
  </si>
  <si>
    <t>39001</t>
  </si>
  <si>
    <t>13.99929428100586</t>
  </si>
  <si>
    <t>1868.1444091796875</t>
  </si>
  <si>
    <t>0.045908496723747305</t>
  </si>
  <si>
    <t>40001</t>
  </si>
  <si>
    <t>14.338332176208496</t>
  </si>
  <si>
    <t>2201.16845703125</t>
  </si>
  <si>
    <t>0.025317166974879513</t>
  </si>
  <si>
    <t>25847</t>
  </si>
  <si>
    <t>11.871177673339844</t>
  </si>
  <si>
    <t>725.7919921875</t>
  </si>
  <si>
    <t>383.7779235839844</t>
  </si>
  <si>
    <t>Canterbury</t>
  </si>
  <si>
    <t>24333</t>
  </si>
  <si>
    <t>11.11529541015625</t>
  </si>
  <si>
    <t>654.7960205078125</t>
  </si>
  <si>
    <t>-0.06036108630470949</t>
  </si>
  <si>
    <t>10.325624465942383</t>
  </si>
  <si>
    <t>701.4672241210938</t>
  </si>
  <si>
    <t>-0.0004521631975080709</t>
  </si>
  <si>
    <t>10.95479965209961</t>
  </si>
  <si>
    <t>653.296630859375</t>
  </si>
  <si>
    <t>0.04968646181588987</t>
  </si>
  <si>
    <t>26492</t>
  </si>
  <si>
    <t>11.105793952941895</t>
  </si>
  <si>
    <t>698.634765625</t>
  </si>
  <si>
    <t>0.035775048248034125</t>
  </si>
  <si>
    <t>11.499366760253906</t>
  </si>
  <si>
    <t>758.783935546875</t>
  </si>
  <si>
    <t>0.030666418387083283</t>
  </si>
  <si>
    <t>27840</t>
  </si>
  <si>
    <t>11.227349281311035</t>
  </si>
  <si>
    <t>751.0836181640625</t>
  </si>
  <si>
    <t>0.018964616456402794</t>
  </si>
  <si>
    <t>11.30710220336914</t>
  </si>
  <si>
    <t>609.29248046875</t>
  </si>
  <si>
    <t>0.006730175042068964</t>
  </si>
  <si>
    <t>12.263588905334473</t>
  </si>
  <si>
    <t>748.86767578125</t>
  </si>
  <si>
    <t>-0.0010352152565680228</t>
  </si>
  <si>
    <t>29330</t>
  </si>
  <si>
    <t>12.04344654083252</t>
  </si>
  <si>
    <t>709.51904296875</t>
  </si>
  <si>
    <t>0.046442087737640136</t>
  </si>
  <si>
    <t>29975</t>
  </si>
  <si>
    <t>11.57834243774414</t>
  </si>
  <si>
    <t>689.2708740234375</t>
  </si>
  <si>
    <t>0.02175281792421835</t>
  </si>
  <si>
    <t>11.836976051330566</t>
  </si>
  <si>
    <t>670.8228149414062</t>
  </si>
  <si>
    <t>0.017789121397990826</t>
  </si>
  <si>
    <t>11.440169334411621</t>
  </si>
  <si>
    <t>643.8824462890625</t>
  </si>
  <si>
    <t>0.027699199891017656</t>
  </si>
  <si>
    <t>11.592395782470703</t>
  </si>
  <si>
    <t>549.6060791015625</t>
  </si>
  <si>
    <t>0.04536886210715707</t>
  </si>
  <si>
    <t>10.936214447021484</t>
  </si>
  <si>
    <t>703.0330200195312</t>
  </si>
  <si>
    <t>0.03357960054751885</t>
  </si>
  <si>
    <t>11.869622230529785</t>
  </si>
  <si>
    <t>566.9290771484375</t>
  </si>
  <si>
    <t>0.04140273138915873</t>
  </si>
  <si>
    <t>11.279777526855469</t>
  </si>
  <si>
    <t>730.552001953125</t>
  </si>
  <si>
    <t>0.012359013556645593</t>
  </si>
  <si>
    <t>11.651183128356934</t>
  </si>
  <si>
    <t>570.0454711914062</t>
  </si>
  <si>
    <t>0.023260391742695674</t>
  </si>
  <si>
    <t>11.640107154846191</t>
  </si>
  <si>
    <t>737.378662109375</t>
  </si>
  <si>
    <t>-0.031585947562598804</t>
  </si>
  <si>
    <t>11.131973266601562</t>
  </si>
  <si>
    <t>706.7157592773438</t>
  </si>
  <si>
    <t>0.0005628253982834508</t>
  </si>
  <si>
    <t>11.95497989654541</t>
  </si>
  <si>
    <t>669.8284301757812</t>
  </si>
  <si>
    <t>0.0035946007421046033</t>
  </si>
  <si>
    <t>36705</t>
  </si>
  <si>
    <t>11.737385749816895</t>
  </si>
  <si>
    <t>642.909423828125</t>
  </si>
  <si>
    <t>0.028518885439192232</t>
  </si>
  <si>
    <t>11.523323059082031</t>
  </si>
  <si>
    <t>638.7217407226562</t>
  </si>
  <si>
    <t>0.03911068226592995</t>
  </si>
  <si>
    <t>12.015458106994629</t>
  </si>
  <si>
    <t>667.9014892578125</t>
  </si>
  <si>
    <t>0.047205725049551006</t>
  </si>
  <si>
    <t>42124</t>
  </si>
  <si>
    <t>11.781829833984375</t>
  </si>
  <si>
    <t>617.8834838867188</t>
  </si>
  <si>
    <t>0.05138825664012536</t>
  </si>
  <si>
    <t>11.4978609085083</t>
  </si>
  <si>
    <t>812.3666381835938</t>
  </si>
  <si>
    <t>0.01823086612062852</t>
  </si>
  <si>
    <t>42646</t>
  </si>
  <si>
    <t>12.124363899230957</t>
  </si>
  <si>
    <t>739.4577026367188</t>
  </si>
  <si>
    <t>-0.005915032734936432</t>
  </si>
  <si>
    <t>12.324462890625</t>
  </si>
  <si>
    <t>689.81396484375</t>
  </si>
  <si>
    <t>-0.01845944123171428</t>
  </si>
  <si>
    <t>12.130158424377441</t>
  </si>
  <si>
    <t>672.0097045898438</t>
  </si>
  <si>
    <t>0.014323902652851217</t>
  </si>
  <si>
    <t>11.962319374084473</t>
  </si>
  <si>
    <t>828.9053344726562</t>
  </si>
  <si>
    <t>-0.0003296987995859979</t>
  </si>
  <si>
    <t>41001</t>
  </si>
  <si>
    <t>11.9888334274292</t>
  </si>
  <si>
    <t>691.2606201171875</t>
  </si>
  <si>
    <t>-0.03487178887482045</t>
  </si>
  <si>
    <t>42927</t>
  </si>
  <si>
    <t>12.425753593444824</t>
  </si>
  <si>
    <t>749.4588012695312</t>
  </si>
  <si>
    <t>0.04590454194193505</t>
  </si>
  <si>
    <t>44028</t>
  </si>
  <si>
    <t>12.879711151123047</t>
  </si>
  <si>
    <t>763.0036010742188</t>
  </si>
  <si>
    <t>0.025324796568437336</t>
  </si>
  <si>
    <t>8.42534351348877</t>
  </si>
  <si>
    <t>510.27093505859375</t>
  </si>
  <si>
    <t>2.078308582305908</t>
  </si>
  <si>
    <t>Chatham Islands</t>
  </si>
  <si>
    <t>26910</t>
  </si>
  <si>
    <t>8.015519142150879</t>
  </si>
  <si>
    <t>663.4251708984375</t>
  </si>
  <si>
    <t>-0.06034915598229418</t>
  </si>
  <si>
    <t>7.392556667327881</t>
  </si>
  <si>
    <t>651.400390625</t>
  </si>
  <si>
    <t>-0.0004460303374571595</t>
  </si>
  <si>
    <t>28267</t>
  </si>
  <si>
    <t>7.595020771026611</t>
  </si>
  <si>
    <t>499.6482849121094</t>
  </si>
  <si>
    <t>0.04964311211169026</t>
  </si>
  <si>
    <t>7.839412212371826</t>
  </si>
  <si>
    <t>706.673583984375</t>
  </si>
  <si>
    <t>0.035790075189357395</t>
  </si>
  <si>
    <t>8.343554496765137</t>
  </si>
  <si>
    <t>588.7222900390625</t>
  </si>
  <si>
    <t>0.030687873696175316</t>
  </si>
  <si>
    <t>8.052874565124512</t>
  </si>
  <si>
    <t>678.443115234375</t>
  </si>
  <si>
    <t>0.01895200827349086</t>
  </si>
  <si>
    <t>8.005170822143555</t>
  </si>
  <si>
    <t>685.4063720703125</t>
  </si>
  <si>
    <t>0.006733160229632773</t>
  </si>
  <si>
    <t>30964</t>
  </si>
  <si>
    <t>8.624212265014648</t>
  </si>
  <si>
    <t>621.7335205078125</t>
  </si>
  <si>
    <t>-0.0010329245592366476</t>
  </si>
  <si>
    <t>8.438199043273926</t>
  </si>
  <si>
    <t>502.95745849609375</t>
  </si>
  <si>
    <t>0.0464128473225518</t>
  </si>
  <si>
    <t>8.239654541015625</t>
  </si>
  <si>
    <t>489.989013671875</t>
  </si>
  <si>
    <t>0.021744296321777767</t>
  </si>
  <si>
    <t>33983</t>
  </si>
  <si>
    <t>8.375574111938477</t>
  </si>
  <si>
    <t>701.4904174804688</t>
  </si>
  <si>
    <t>0.024878016587683405</t>
  </si>
  <si>
    <t>34957</t>
  </si>
  <si>
    <t>8.116913795471191</t>
  </si>
  <si>
    <t>631.6112670898438</t>
  </si>
  <si>
    <t>0.028258335173784843</t>
  </si>
  <si>
    <t>8.285178184509277</t>
  </si>
  <si>
    <t>518.8924560546875</t>
  </si>
  <si>
    <t>0.02942798109982725</t>
  </si>
  <si>
    <t>7.808807849884033</t>
  </si>
  <si>
    <t>662.9613647460938</t>
  </si>
  <si>
    <t>0.0246377345601676</t>
  </si>
  <si>
    <t>37699</t>
  </si>
  <si>
    <t>8.452027320861816</t>
  </si>
  <si>
    <t>595.3233032226562</t>
  </si>
  <si>
    <t>0.021449118494967223</t>
  </si>
  <si>
    <t>38240</t>
  </si>
  <si>
    <t>8.133248329162598</t>
  </si>
  <si>
    <t>653.2783813476562</t>
  </si>
  <si>
    <t>0.014248519279973948</t>
  </si>
  <si>
    <t>38966</t>
  </si>
  <si>
    <t>8.077052116394043</t>
  </si>
  <si>
    <t>500.16058349609375</t>
  </si>
  <si>
    <t>0.018807382840494213</t>
  </si>
  <si>
    <t>8.227890968322754</t>
  </si>
  <si>
    <t>527.1666259765625</t>
  </si>
  <si>
    <t>-0.020875419336231715</t>
  </si>
  <si>
    <t>37666</t>
  </si>
  <si>
    <t>7.886351108551025</t>
  </si>
  <si>
    <t>557.9876098632812</t>
  </si>
  <si>
    <t>-0.013056220914908323</t>
  </si>
  <si>
    <t>37851</t>
  </si>
  <si>
    <t>8.364901542663574</t>
  </si>
  <si>
    <t>625.9143676757812</t>
  </si>
  <si>
    <t>0.004899568841159052</t>
  </si>
  <si>
    <t>8.25424861907959</t>
  </si>
  <si>
    <t>579.5202026367188</t>
  </si>
  <si>
    <t>0.013097128199550667</t>
  </si>
  <si>
    <t>8.071390151977539</t>
  </si>
  <si>
    <t>538.3329467773438</t>
  </si>
  <si>
    <t>0.016217200759486516</t>
  </si>
  <si>
    <t>39765</t>
  </si>
  <si>
    <t>8.271349906921387</t>
  </si>
  <si>
    <t>547.7792358398438</t>
  </si>
  <si>
    <t>0.020015399836347925</t>
  </si>
  <si>
    <t>8.180952072143555</t>
  </si>
  <si>
    <t>0.01829015404053358</t>
  </si>
  <si>
    <t>41233</t>
  </si>
  <si>
    <t>8.062132835388184</t>
  </si>
  <si>
    <t>0.017961624173651103</t>
  </si>
  <si>
    <t>8.35030746459961</t>
  </si>
  <si>
    <t>0.016070786368461043</t>
  </si>
  <si>
    <t>8.383091926574707</t>
  </si>
  <si>
    <t>0.01287586701959853</t>
  </si>
  <si>
    <t>43096</t>
  </si>
  <si>
    <t>8.33680248260498</t>
  </si>
  <si>
    <t>0.015244625366889863</t>
  </si>
  <si>
    <t>43408</t>
  </si>
  <si>
    <t>8.30870532989502</t>
  </si>
  <si>
    <t>0.00721357053834204</t>
  </si>
  <si>
    <t>8.294110298156738</t>
  </si>
  <si>
    <t>-0.029266732844885013</t>
  </si>
  <si>
    <t>8.371329307556152</t>
  </si>
  <si>
    <t>0.045921409883021624</t>
  </si>
  <si>
    <t>8.4136962890625</t>
  </si>
  <si>
    <t>0.02530194814898401</t>
  </si>
  <si>
    <t>13.369580268859863</t>
  </si>
  <si>
    <t>1603.54052734375</t>
  </si>
  <si>
    <t>8.686347007751465</t>
  </si>
  <si>
    <t>Gisborne</t>
  </si>
  <si>
    <t>19132</t>
  </si>
  <si>
    <t>12.530258178710938</t>
  </si>
  <si>
    <t>1625.5849609375</t>
  </si>
  <si>
    <t>-0.06039092379011812</t>
  </si>
  <si>
    <t>19124</t>
  </si>
  <si>
    <t>11.879408836364746</t>
  </si>
  <si>
    <t>1655.23828125</t>
  </si>
  <si>
    <t>-0.0004182350541945823</t>
  </si>
  <si>
    <t>20098</t>
  </si>
  <si>
    <t>12.126282691955566</t>
  </si>
  <si>
    <t>1474.5025634765625</t>
  </si>
  <si>
    <t>0.04967621686290968</t>
  </si>
  <si>
    <t>20830</t>
  </si>
  <si>
    <t>12.48646068572998</t>
  </si>
  <si>
    <t>1629.887939453125</t>
  </si>
  <si>
    <t>0.03577394764611519</t>
  </si>
  <si>
    <t>21479</t>
  </si>
  <si>
    <t>13.217315673828125</t>
  </si>
  <si>
    <t>1721.4915771484375</t>
  </si>
  <si>
    <t>0.030681458349244295</t>
  </si>
  <si>
    <t>21890</t>
  </si>
  <si>
    <t>12.809654235839844</t>
  </si>
  <si>
    <t>1632.8392333984375</t>
  </si>
  <si>
    <t>0.0189541979126453</t>
  </si>
  <si>
    <t>22038</t>
  </si>
  <si>
    <t>12.86935043334961</t>
  </si>
  <si>
    <t>1523.854248046875</t>
  </si>
  <si>
    <t>0.006738324530815021</t>
  </si>
  <si>
    <t>14.018970489501953</t>
  </si>
  <si>
    <t>1580.25830078125</t>
  </si>
  <si>
    <t>-0.0010441968578689398</t>
  </si>
  <si>
    <t>13.330166816711426</t>
  </si>
  <si>
    <t>1595.8447265625</t>
  </si>
  <si>
    <t>0.04641883982738726</t>
  </si>
  <si>
    <t>13.08626937866211</t>
  </si>
  <si>
    <t>1367.14794921875</t>
  </si>
  <si>
    <t>0.02174698068517067</t>
  </si>
  <si>
    <t>24309</t>
  </si>
  <si>
    <t>13.242709159851074</t>
  </si>
  <si>
    <t>1728.854736328125</t>
  </si>
  <si>
    <t>0.030956792426422908</t>
  </si>
  <si>
    <t>12.933799743652344</t>
  </si>
  <si>
    <t>1483.086669921875</t>
  </si>
  <si>
    <t>0.0172108652856231</t>
  </si>
  <si>
    <t>25224</t>
  </si>
  <si>
    <t>13.148674964904785</t>
  </si>
  <si>
    <t>1607.7481689453125</t>
  </si>
  <si>
    <t>0.019738404810439647</t>
  </si>
  <si>
    <t>24806</t>
  </si>
  <si>
    <t>12.311103820800781</t>
  </si>
  <si>
    <t>1495.426513671875</t>
  </si>
  <si>
    <t>-0.01671036284962213</t>
  </si>
  <si>
    <t>25275</t>
  </si>
  <si>
    <t>13.439263343811035</t>
  </si>
  <si>
    <t>1558.782470703125</t>
  </si>
  <si>
    <t>0.018730205513396214</t>
  </si>
  <si>
    <t>24927</t>
  </si>
  <si>
    <t>12.7879056930542</t>
  </si>
  <si>
    <t>1513.8414306640625</t>
  </si>
  <si>
    <t>-0.013864211555580042</t>
  </si>
  <si>
    <t>13.153578758239746</t>
  </si>
  <si>
    <t>1484.899658203125</t>
  </si>
  <si>
    <t>0.06668749218706616</t>
  </si>
  <si>
    <t>25111</t>
  </si>
  <si>
    <t>13.106029510498047</t>
  </si>
  <si>
    <t>1642.5006103515625</t>
  </si>
  <si>
    <t>-0.05933304839050457</t>
  </si>
  <si>
    <t>25996</t>
  </si>
  <si>
    <t>12.645201683044434</t>
  </si>
  <si>
    <t>1564.454833984375</t>
  </si>
  <si>
    <t>0.03463668288458699</t>
  </si>
  <si>
    <t>13.45943832397461</t>
  </si>
  <si>
    <t>1679.3631591796875</t>
  </si>
  <si>
    <t>0.011626259151615415</t>
  </si>
  <si>
    <t>26992</t>
  </si>
  <si>
    <t>13.217338562011719</t>
  </si>
  <si>
    <t>1671.794189453125</t>
  </si>
  <si>
    <t>0.025971586619894182</t>
  </si>
  <si>
    <t>27112</t>
  </si>
  <si>
    <t>12.869735717773438</t>
  </si>
  <si>
    <t>1592.5323486328125</t>
  </si>
  <si>
    <t>0.004435908501138286</t>
  </si>
  <si>
    <t>13.320865631103516</t>
  </si>
  <si>
    <t>1649.1763916015625</t>
  </si>
  <si>
    <t>0.005113783378881465</t>
  </si>
  <si>
    <t>13.184596061706543</t>
  </si>
  <si>
    <t>1517.2525634765625</t>
  </si>
  <si>
    <t>-0.004560675822238736</t>
  </si>
  <si>
    <t>12.92821979522705</t>
  </si>
  <si>
    <t>1596.278076171875</t>
  </si>
  <si>
    <t>0.0243266065440384</t>
  </si>
  <si>
    <t>13.668682098388672</t>
  </si>
  <si>
    <t>1506.407470703125</t>
  </si>
  <si>
    <t>0.03263313349408392</t>
  </si>
  <si>
    <t>13.774005889892578</t>
  </si>
  <si>
    <t>1578.357177734375</t>
  </si>
  <si>
    <t>0.007424402685392906</t>
  </si>
  <si>
    <t>29879</t>
  </si>
  <si>
    <t>13.599759101867676</t>
  </si>
  <si>
    <t>1569.6790771484375</t>
  </si>
  <si>
    <t>0.032242207917526855</t>
  </si>
  <si>
    <t>31250</t>
  </si>
  <si>
    <t>13.519340515136719</t>
  </si>
  <si>
    <t>1650.7822265625</t>
  </si>
  <si>
    <t>0.0448634836799755</t>
  </si>
  <si>
    <t>13.499648094177246</t>
  </si>
  <si>
    <t>1644.8790283203125</t>
  </si>
  <si>
    <t>-0.04235650461220786</t>
  </si>
  <si>
    <t>31361</t>
  </si>
  <si>
    <t>13.839856147766113</t>
  </si>
  <si>
    <t>1643.0013427734375</t>
  </si>
  <si>
    <t>0.045902211158702855</t>
  </si>
  <si>
    <t>32165</t>
  </si>
  <si>
    <t>14.167023658752441</t>
  </si>
  <si>
    <t>1765.50146484375</t>
  </si>
  <si>
    <t>0.025313822134057418</t>
  </si>
  <si>
    <t>12.958773612976074</t>
  </si>
  <si>
    <t>1172.10302734375</t>
  </si>
  <si>
    <t>62.91975784301758</t>
  </si>
  <si>
    <t>Hawke's Bay</t>
  </si>
  <si>
    <t>12.102370262145996</t>
  </si>
  <si>
    <t>1087.514892578125</t>
  </si>
  <si>
    <t>-0.06035370099659687</t>
  </si>
  <si>
    <t>22574</t>
  </si>
  <si>
    <t>11.452595710754395</t>
  </si>
  <si>
    <t>1057.1832275390625</t>
  </si>
  <si>
    <t>-0.0004428894177532783</t>
  </si>
  <si>
    <t>23724</t>
  </si>
  <si>
    <t>11.810943603515625</t>
  </si>
  <si>
    <t>932.5767211914062</t>
  </si>
  <si>
    <t>0.04968839244304668</t>
  </si>
  <si>
    <t>24588</t>
  </si>
  <si>
    <t>12.099827766418457</t>
  </si>
  <si>
    <t>1083.2430419921875</t>
  </si>
  <si>
    <t>0.03577132506828207</t>
  </si>
  <si>
    <t>25354</t>
  </si>
  <si>
    <t>12.730545997619629</t>
  </si>
  <si>
    <t>1251.9163818359375</t>
  </si>
  <si>
    <t>0.030677989471772804</t>
  </si>
  <si>
    <t>25839</t>
  </si>
  <si>
    <t>12.3534574508667</t>
  </si>
  <si>
    <t>1077.248291015625</t>
  </si>
  <si>
    <t>0.01894846995861066</t>
  </si>
  <si>
    <t>12.467421531677246</t>
  </si>
  <si>
    <t>916.9600830078125</t>
  </si>
  <si>
    <t>0.006749876166402657</t>
  </si>
  <si>
    <t>13.540787696838379</t>
  </si>
  <si>
    <t>1080.9583740234375</t>
  </si>
  <si>
    <t>-0.0010384416617501557</t>
  </si>
  <si>
    <t>27222</t>
  </si>
  <si>
    <t>12.947176933288574</t>
  </si>
  <si>
    <t>1023.425537109375</t>
  </si>
  <si>
    <t>0.04642905693008359</t>
  </si>
  <si>
    <t>12.651083946228027</t>
  </si>
  <si>
    <t>928.4930419921875</t>
  </si>
  <si>
    <t>0.021729716585413783</t>
  </si>
  <si>
    <t>12.818440437316895</t>
  </si>
  <si>
    <t>1067.1595458984375</t>
  </si>
  <si>
    <t>0.04560135315583835</t>
  </si>
  <si>
    <t>29923</t>
  </si>
  <si>
    <t>12.517834663391113</t>
  </si>
  <si>
    <t>1003.0955200195312</t>
  </si>
  <si>
    <t>0.02727087580838372</t>
  </si>
  <si>
    <t>31384</t>
  </si>
  <si>
    <t>12.702237129211426</t>
  </si>
  <si>
    <t>1032.7200927734375</t>
  </si>
  <si>
    <t>0.04767079344773251</t>
  </si>
  <si>
    <t>32503</t>
  </si>
  <si>
    <t>11.900738716125488</t>
  </si>
  <si>
    <t>1003.370849609375</t>
  </si>
  <si>
    <t>0.03503418386065604</t>
  </si>
  <si>
    <t>33605</t>
  </si>
  <si>
    <t>13.000788688659668</t>
  </si>
  <si>
    <t>954.7575073242188</t>
  </si>
  <si>
    <t>0.033342472654021904</t>
  </si>
  <si>
    <t>12.38155460357666</t>
  </si>
  <si>
    <t>932.42529296875</t>
  </si>
  <si>
    <t>-0.005939340854173025</t>
  </si>
  <si>
    <t>12.735697746276855</t>
  </si>
  <si>
    <t>878.8042602539062</t>
  </si>
  <si>
    <t>0.004480160416292733</t>
  </si>
  <si>
    <t>29833</t>
  </si>
  <si>
    <t>12.705714225769043</t>
  </si>
  <si>
    <t>1115.5419921875</t>
  </si>
  <si>
    <t>-0.11760052161812595</t>
  </si>
  <si>
    <t>30328</t>
  </si>
  <si>
    <t>12.239224433898926</t>
  </si>
  <si>
    <t>994.4226684570312</t>
  </si>
  <si>
    <t>0.016456214848110662</t>
  </si>
  <si>
    <t>13.064209938049316</t>
  </si>
  <si>
    <t>1130.734619140625</t>
  </si>
  <si>
    <t>-0.0023768662979311017</t>
  </si>
  <si>
    <t>12.829944610595703</t>
  </si>
  <si>
    <t>1124.6214599609375</t>
  </si>
  <si>
    <t>0.028959206790005965</t>
  </si>
  <si>
    <t>12.494946479797363</t>
  </si>
  <si>
    <t>1048.888671875</t>
  </si>
  <si>
    <t>-0.0016710052411639253</t>
  </si>
  <si>
    <t>32111</t>
  </si>
  <si>
    <t>12.979301452636719</t>
  </si>
  <si>
    <t>1125.4306640625</t>
  </si>
  <si>
    <t>0.03221593709766957</t>
  </si>
  <si>
    <t>12.820181846618652</t>
  </si>
  <si>
    <t>891.9300537109375</t>
  </si>
  <si>
    <t>0.008527580088665943</t>
  </si>
  <si>
    <t>32238</t>
  </si>
  <si>
    <t>12.539156913757324</t>
  </si>
  <si>
    <t>1028.292724609375</t>
  </si>
  <si>
    <t>-0.0045803496765408624</t>
  </si>
  <si>
    <t>32730</t>
  </si>
  <si>
    <t>13.248078346252441</t>
  </si>
  <si>
    <t>868.2953491210938</t>
  </si>
  <si>
    <t>0.015146207538350609</t>
  </si>
  <si>
    <t>33940</t>
  </si>
  <si>
    <t>13.389385223388672</t>
  </si>
  <si>
    <t>992.9896850585938</t>
  </si>
  <si>
    <t>0.0363021712929914</t>
  </si>
  <si>
    <t>13.20310115814209</t>
  </si>
  <si>
    <t>985.5960693359375</t>
  </si>
  <si>
    <t>0.027663316764892087</t>
  </si>
  <si>
    <t>13.0963134765625</t>
  </si>
  <si>
    <t>1134.8619384765625</t>
  </si>
  <si>
    <t>0.0009453285720528726</t>
  </si>
  <si>
    <t>13.10004711151123</t>
  </si>
  <si>
    <t>1117.5009765625</t>
  </si>
  <si>
    <t>-0.03389661500087726</t>
  </si>
  <si>
    <t>13.478759765625</t>
  </si>
  <si>
    <t>1134.484130859375</t>
  </si>
  <si>
    <t>0.045907232969721434</t>
  </si>
  <si>
    <t>13.81215763092041</t>
  </si>
  <si>
    <t>1337.6373291015625</t>
  </si>
  <si>
    <t>0.02530861338519763</t>
  </si>
  <si>
    <t>12.279410362243652</t>
  </si>
  <si>
    <t>1444.3333740234375</t>
  </si>
  <si>
    <t>123.615966796875</t>
  </si>
  <si>
    <t>Manawatu-Wanganui</t>
  </si>
  <si>
    <t>11.449687957763672</t>
  </si>
  <si>
    <t>1309.61328125</t>
  </si>
  <si>
    <t>-0.06035383097449909</t>
  </si>
  <si>
    <t>20196</t>
  </si>
  <si>
    <t>10.765244483947754</t>
  </si>
  <si>
    <t>1247.72998046875</t>
  </si>
  <si>
    <t>-0.0004455335337674171</t>
  </si>
  <si>
    <t>11.18893814086914</t>
  </si>
  <si>
    <t>1142.0098876953125</t>
  </si>
  <si>
    <t>0.04969516720074196</t>
  </si>
  <si>
    <t>11.44353199005127</t>
  </si>
  <si>
    <t>1337.391845703125</t>
  </si>
  <si>
    <t>0.035771807937514666</t>
  </si>
  <si>
    <t>12.026442527770996</t>
  </si>
  <si>
    <t>1652.1873779296875</t>
  </si>
  <si>
    <t>0.030664205109317777</t>
  </si>
  <si>
    <t>11.657879829406738</t>
  </si>
  <si>
    <t>1302.6065673828125</t>
  </si>
  <si>
    <t>0.018952532355196894</t>
  </si>
  <si>
    <t>11.761505126953125</t>
  </si>
  <si>
    <t>1038.398681640625</t>
  </si>
  <si>
    <t>0.0067685800864456525</t>
  </si>
  <si>
    <t>23250</t>
  </si>
  <si>
    <t>12.850971221923828</t>
  </si>
  <si>
    <t>1450.30712890625</t>
  </si>
  <si>
    <t>-0.001031725652520521</t>
  </si>
  <si>
    <t>24354</t>
  </si>
  <si>
    <t>12.335941314697266</t>
  </si>
  <si>
    <t>1269.0477294921875</t>
  </si>
  <si>
    <t>0.046390975051449956</t>
  </si>
  <si>
    <t>12.002727508544922</t>
  </si>
  <si>
    <t>1143.4520263671875</t>
  </si>
  <si>
    <t>0.021770009294685977</t>
  </si>
  <si>
    <t>12.2220458984375</t>
  </si>
  <si>
    <t>1437.449462890625</t>
  </si>
  <si>
    <t>0.04685598315145434</t>
  </si>
  <si>
    <t>11.846846580505371</t>
  </si>
  <si>
    <t>1177.219970703125</t>
  </si>
  <si>
    <t>0.04049683815092031</t>
  </si>
  <si>
    <t>27204</t>
  </si>
  <si>
    <t>12.045998573303223</t>
  </si>
  <si>
    <t>1263.2169189453125</t>
  </si>
  <si>
    <t>0.0015450836315160643</t>
  </si>
  <si>
    <t>28171</t>
  </si>
  <si>
    <t>11.31246566772461</t>
  </si>
  <si>
    <t>1345.166015625</t>
  </si>
  <si>
    <t>0.0349290587023674</t>
  </si>
  <si>
    <t>12.312466621398926</t>
  </si>
  <si>
    <t>1067.7052001953125</t>
  </si>
  <si>
    <t>0.028278349725166407</t>
  </si>
  <si>
    <t>11.707383155822754</t>
  </si>
  <si>
    <t>1129.0849609375</t>
  </si>
  <si>
    <t>0.043321370288452954</t>
  </si>
  <si>
    <t>30145</t>
  </si>
  <si>
    <t>12.092114448547363</t>
  </si>
  <si>
    <t>1000.2893676757812</t>
  </si>
  <si>
    <t>-0.003873728088009898</t>
  </si>
  <si>
    <t>29768</t>
  </si>
  <si>
    <t>12.053191184997559</t>
  </si>
  <si>
    <t>1395.18701171875</t>
  </si>
  <si>
    <t>-0.012585080897046907</t>
  </si>
  <si>
    <t>28840</t>
  </si>
  <si>
    <t>11.557507514953613</t>
  </si>
  <si>
    <t>1215.8616943359375</t>
  </si>
  <si>
    <t>-0.03167067862757378</t>
  </si>
  <si>
    <t>12.392064094543457</t>
  </si>
  <si>
    <t>1410.50390625</t>
  </si>
  <si>
    <t>0.036763840689529204</t>
  </si>
  <si>
    <t>1437.4688720703125</t>
  </si>
  <si>
    <t>0.0201171421595987</t>
  </si>
  <si>
    <t>30267</t>
  </si>
  <si>
    <t>11.84293270111084</t>
  </si>
  <si>
    <t>1282.551513671875</t>
  </si>
  <si>
    <t>-0.008586285171524821</t>
  </si>
  <si>
    <t>30461</t>
  </si>
  <si>
    <t>12.342015266418457</t>
  </si>
  <si>
    <t>1420.3743896484375</t>
  </si>
  <si>
    <t>0.006389166774679822</t>
  </si>
  <si>
    <t>12.171998023986816</t>
  </si>
  <si>
    <t>1084.8427734375</t>
  </si>
  <si>
    <t>0.018475074194745034</t>
  </si>
  <si>
    <t>11.88262939453125</t>
  </si>
  <si>
    <t>1215.21923828125</t>
  </si>
  <si>
    <t>-0.00242001957320781</t>
  </si>
  <si>
    <t>12.548160552978516</t>
  </si>
  <si>
    <t>1077.190673828125</t>
  </si>
  <si>
    <t>0.0029033215013249958</t>
  </si>
  <si>
    <t>12.73926830291748</t>
  </si>
  <si>
    <t>1179.8968505859375</t>
  </si>
  <si>
    <t>0.014645482887649663</t>
  </si>
  <si>
    <t>12.528347969055176</t>
  </si>
  <si>
    <t>1181.91259765625</t>
  </si>
  <si>
    <t>0.02977266623780217</t>
  </si>
  <si>
    <t>33133</t>
  </si>
  <si>
    <t>12.396084785461426</t>
  </si>
  <si>
    <t>1394.931396484375</t>
  </si>
  <si>
    <t>0.020706062464295627</t>
  </si>
  <si>
    <t>32324</t>
  </si>
  <si>
    <t>12.420699119567871</t>
  </si>
  <si>
    <t>1442.2635498046875</t>
  </si>
  <si>
    <t>-0.024719776210439193</t>
  </si>
  <si>
    <t>12.806960105895996</t>
  </si>
  <si>
    <t>1406.5166015625</t>
  </si>
  <si>
    <t>0.04592219491969196</t>
  </si>
  <si>
    <t>13.195415496826172</t>
  </si>
  <si>
    <t>1695.0218505859375</t>
  </si>
  <si>
    <t>0.025295646582801368</t>
  </si>
  <si>
    <t>10.949565887451172</t>
  </si>
  <si>
    <t>1337.2037353515625</t>
  </si>
  <si>
    <t>20.316009521484375</t>
  </si>
  <si>
    <t>Marlborough</t>
  </si>
  <si>
    <t>22754</t>
  </si>
  <si>
    <t>10.157064437866211</t>
  </si>
  <si>
    <t>1144.5859375</t>
  </si>
  <si>
    <t>-0.060371240597866915</t>
  </si>
  <si>
    <t>9.429083824157715</t>
  </si>
  <si>
    <t>1131.67578125</t>
  </si>
  <si>
    <t>-0.0004395797688268033</t>
  </si>
  <si>
    <t>9.977621078491211</t>
  </si>
  <si>
    <t>1075.569091796875</t>
  </si>
  <si>
    <t>0.049702599723964624</t>
  </si>
  <si>
    <t>24773</t>
  </si>
  <si>
    <t>10.162272453308105</t>
  </si>
  <si>
    <t>1191.55859375</t>
  </si>
  <si>
    <t>0.035750376345976775</t>
  </si>
  <si>
    <t>10.617342948913574</t>
  </si>
  <si>
    <t>1425.4093017578125</t>
  </si>
  <si>
    <t>0.030687252364121065</t>
  </si>
  <si>
    <t>10.310376167297363</t>
  </si>
  <si>
    <t>1239.6788330078125</t>
  </si>
  <si>
    <t>0.018961773261507275</t>
  </si>
  <si>
    <t>10.410392761230469</t>
  </si>
  <si>
    <t>955.1455688476562</t>
  </si>
  <si>
    <t>0.006737641291046259</t>
  </si>
  <si>
    <t>11.430633544921875</t>
  </si>
  <si>
    <t>1286.4241943359375</t>
  </si>
  <si>
    <t>-0.001030672127578569</t>
  </si>
  <si>
    <t>11.066988945007324</t>
  </si>
  <si>
    <t>1182.1876220703125</t>
  </si>
  <si>
    <t>0.04641758445683486</t>
  </si>
  <si>
    <t>10.685006141662598</t>
  </si>
  <si>
    <t>1102.8121337890625</t>
  </si>
  <si>
    <t>0.021747435512125435</t>
  </si>
  <si>
    <t>29737</t>
  </si>
  <si>
    <t>10.953343391418457</t>
  </si>
  <si>
    <t>1226.70849609375</t>
  </si>
  <si>
    <t>0.05911669652372176</t>
  </si>
  <si>
    <t>10.516657829284668</t>
  </si>
  <si>
    <t>1072.73681640625</t>
  </si>
  <si>
    <t>0.060511862283929574</t>
  </si>
  <si>
    <t>10.696005821228027</t>
  </si>
  <si>
    <t>1026.772216796875</t>
  </si>
  <si>
    <t>0.011956595779425427</t>
  </si>
  <si>
    <t>10.028122901916504</t>
  </si>
  <si>
    <t>1195.2423095703125</t>
  </si>
  <si>
    <t>0.05438652867219673</t>
  </si>
  <si>
    <t>10.971024513244629</t>
  </si>
  <si>
    <t>912.72900390625</t>
  </si>
  <si>
    <t>0.010490121831416843</t>
  </si>
  <si>
    <t>10.368391990661621</t>
  </si>
  <si>
    <t>1125.595947265625</t>
  </si>
  <si>
    <t>0.018413624350932523</t>
  </si>
  <si>
    <t>10.785861015319824</t>
  </si>
  <si>
    <t>918.5421752929688</t>
  </si>
  <si>
    <t>0.06888350984227287</t>
  </si>
  <si>
    <t>37976</t>
  </si>
  <si>
    <t>10.737651824951172</t>
  </si>
  <si>
    <t>1257.9052734375</t>
  </si>
  <si>
    <t>0.019920076788425334</t>
  </si>
  <si>
    <t>38331</t>
  </si>
  <si>
    <t>10.246964454650879</t>
  </si>
  <si>
    <t>1140.037109375</t>
  </si>
  <si>
    <t>0.009304587028278632</t>
  </si>
  <si>
    <t>36640</t>
  </si>
  <si>
    <t>11.055926322937012</t>
  </si>
  <si>
    <t>1191.1512451171875</t>
  </si>
  <si>
    <t>-0.04511842847136549</t>
  </si>
  <si>
    <t>36268</t>
  </si>
  <si>
    <t>10.804073333740234</t>
  </si>
  <si>
    <t>1189.049560546875</t>
  </si>
  <si>
    <t>-0.010204730022120856</t>
  </si>
  <si>
    <t>37610</t>
  </si>
  <si>
    <t>10.564538955688477</t>
  </si>
  <si>
    <t>1117.284423828125</t>
  </si>
  <si>
    <t>0.036334162698436145</t>
  </si>
  <si>
    <t>11.036445617675781</t>
  </si>
  <si>
    <t>1206.970947265625</t>
  </si>
  <si>
    <t>0.051988346587636514</t>
  </si>
  <si>
    <t>10.872730255126953</t>
  </si>
  <si>
    <t>1064.68798828125</t>
  </si>
  <si>
    <t>0.058458917127353516</t>
  </si>
  <si>
    <t>43097</t>
  </si>
  <si>
    <t>10.565611839294434</t>
  </si>
  <si>
    <t>1235.68212890625</t>
  </si>
  <si>
    <t>0.025736152921441047</t>
  </si>
  <si>
    <t>11.186734199523926</t>
  </si>
  <si>
    <t>1140.5516357421875</t>
  </si>
  <si>
    <t>0.011190831956053415</t>
  </si>
  <si>
    <t>11.385726928710938</t>
  </si>
  <si>
    <t>1158.283203125</t>
  </si>
  <si>
    <t>0.029058336860694922</t>
  </si>
  <si>
    <t>45693</t>
  </si>
  <si>
    <t>11.176856994628906</t>
  </si>
  <si>
    <t>1131.494873046875</t>
  </si>
  <si>
    <t>0.018242555366050794</t>
  </si>
  <si>
    <t>46414</t>
  </si>
  <si>
    <t>11.023456573486328</t>
  </si>
  <si>
    <t>1328.2618408203125</t>
  </si>
  <si>
    <t>0.015656024559090653</t>
  </si>
  <si>
    <t>43378</t>
  </si>
  <si>
    <t>11.073838233947754</t>
  </si>
  <si>
    <t>1222.1641845703125</t>
  </si>
  <si>
    <t>-0.06764873772015179</t>
  </si>
  <si>
    <t>11.476889610290527</t>
  </si>
  <si>
    <t>1249.8414306640625</t>
  </si>
  <si>
    <t>0.04591206572801099</t>
  </si>
  <si>
    <t>11.891993522644043</t>
  </si>
  <si>
    <t>1369.3431396484375</t>
  </si>
  <si>
    <t>0.025306798587768853</t>
  </si>
  <si>
    <t>1562.0</t>
  </si>
  <si>
    <t>48.33649444580078</t>
  </si>
  <si>
    <t>Nelson</t>
  </si>
  <si>
    <t>1330.10009765625</t>
  </si>
  <si>
    <t>1232.4000244140625</t>
  </si>
  <si>
    <t>1379.9000244140625</t>
  </si>
  <si>
    <t>1445.5001220703125</t>
  </si>
  <si>
    <t>1121.9000244140625</t>
  </si>
  <si>
    <t>1488.099853515625</t>
  </si>
  <si>
    <t>1260.199951171875</t>
  </si>
  <si>
    <t>1434.300048828125</t>
  </si>
  <si>
    <t>1209.4998779296875</t>
  </si>
  <si>
    <t>1363.4000244140625</t>
  </si>
  <si>
    <t>1291.0999755859375</t>
  </si>
  <si>
    <t>1439.0999755859375</t>
  </si>
  <si>
    <t>1320.7999267578125</t>
  </si>
  <si>
    <t>11.875</t>
  </si>
  <si>
    <t>1389.699951171875</t>
  </si>
  <si>
    <t>1383.39990234375</t>
  </si>
  <si>
    <t>1283.800048828125</t>
  </si>
  <si>
    <t>1395.0999755859375</t>
  </si>
  <si>
    <t>1241.300048828125</t>
  </si>
  <si>
    <t>1422.4000244140625</t>
  </si>
  <si>
    <t>1322.4000244140625</t>
  </si>
  <si>
    <t>1343.4000244140625</t>
  </si>
  <si>
    <t>1318.2000732421875</t>
  </si>
  <si>
    <t>1533.4000244140625</t>
  </si>
  <si>
    <t>1407.699951171875</t>
  </si>
  <si>
    <t>12.308333396911621</t>
  </si>
  <si>
    <t>1439.400146484375</t>
  </si>
  <si>
    <t>1588.199951171875</t>
  </si>
  <si>
    <t>14.747868537902832</t>
  </si>
  <si>
    <t>1415.6392822265625</t>
  </si>
  <si>
    <t>67.77532196044922</t>
  </si>
  <si>
    <t>Northland</t>
  </si>
  <si>
    <t>13.957348823547363</t>
  </si>
  <si>
    <t>1521.3115234375</t>
  </si>
  <si>
    <t>-0.06035159137184465</t>
  </si>
  <si>
    <t>18092</t>
  </si>
  <si>
    <t>13.355354309082031</t>
  </si>
  <si>
    <t>1573.2830810546875</t>
  </si>
  <si>
    <t>-0.00044208665618405973</t>
  </si>
  <si>
    <t>13.660728454589844</t>
  </si>
  <si>
    <t>1313.959228515625</t>
  </si>
  <si>
    <t>0.04965310411185264</t>
  </si>
  <si>
    <t>19706</t>
  </si>
  <si>
    <t>13.975208282470703</t>
  </si>
  <si>
    <t>1341.449951171875</t>
  </si>
  <si>
    <t>0.03580020217283497</t>
  </si>
  <si>
    <t>20320</t>
  </si>
  <si>
    <t>14.677234649658203</t>
  </si>
  <si>
    <t>1859.896484375</t>
  </si>
  <si>
    <t>0.030682464809997256</t>
  </si>
  <si>
    <t>14.329017639160156</t>
  </si>
  <si>
    <t>1614.4266357421875</t>
  </si>
  <si>
    <t>0.018914476329374708</t>
  </si>
  <si>
    <t>20848</t>
  </si>
  <si>
    <t>14.246378898620605</t>
  </si>
  <si>
    <t>1412.2476806640625</t>
  </si>
  <si>
    <t>0.006737921342834241</t>
  </si>
  <si>
    <t>20827</t>
  </si>
  <si>
    <t>15.512385368347168</t>
  </si>
  <si>
    <t>1741.9720458984375</t>
  </si>
  <si>
    <t>-0.001007798525611392</t>
  </si>
  <si>
    <t>14.86177921295166</t>
  </si>
  <si>
    <t>1783.816162109375</t>
  </si>
  <si>
    <t>0.04639342368640875</t>
  </si>
  <si>
    <t>22296</t>
  </si>
  <si>
    <t>14.570967674255371</t>
  </si>
  <si>
    <t>1399.9034423828125</t>
  </si>
  <si>
    <t>0.02176364463636027</t>
  </si>
  <si>
    <t>24103</t>
  </si>
  <si>
    <t>14.851296424865723</t>
  </si>
  <si>
    <t>1577.067138671875</t>
  </si>
  <si>
    <t>0.07792902389760492</t>
  </si>
  <si>
    <t>14.368592262268066</t>
  </si>
  <si>
    <t>1547.609130859375</t>
  </si>
  <si>
    <t>0.03777874262589975</t>
  </si>
  <si>
    <t>23977</t>
  </si>
  <si>
    <t>14.593143463134766</t>
  </si>
  <si>
    <t>1656.2598876953125</t>
  </si>
  <si>
    <t>-0.043020019183519054</t>
  </si>
  <si>
    <t>13.828609466552734</t>
  </si>
  <si>
    <t>1524.98583984375</t>
  </si>
  <si>
    <t>0.03676824552502289</t>
  </si>
  <si>
    <t>26315</t>
  </si>
  <si>
    <t>14.884913444519043</t>
  </si>
  <si>
    <t>1667.5296630859375</t>
  </si>
  <si>
    <t>0.05627583576108641</t>
  </si>
  <si>
    <t>14.202518463134766</t>
  </si>
  <si>
    <t>1425.6402587890625</t>
  </si>
  <si>
    <t>0.04401052156924656</t>
  </si>
  <si>
    <t>29233</t>
  </si>
  <si>
    <t>14.719660758972168</t>
  </si>
  <si>
    <t>1695.2349853515625</t>
  </si>
  <si>
    <t>0.061148567761478034</t>
  </si>
  <si>
    <t>14.512192726135254</t>
  </si>
  <si>
    <t>1775.8553466796875</t>
  </si>
  <si>
    <t>-0.046348990681934765</t>
  </si>
  <si>
    <t>14.194687843322754</t>
  </si>
  <si>
    <t>1508.77197265625</t>
  </si>
  <si>
    <t>-0.00935965650548809</t>
  </si>
  <si>
    <t>25923</t>
  </si>
  <si>
    <t>14.899208068847656</t>
  </si>
  <si>
    <t>1547.1441650390625</t>
  </si>
  <si>
    <t>-0.06445895542167257</t>
  </si>
  <si>
    <t>26823</t>
  </si>
  <si>
    <t>14.653709411621094</t>
  </si>
  <si>
    <t>1542.443603515625</t>
  </si>
  <si>
    <t>0.03412912289391912</t>
  </si>
  <si>
    <t>26535</t>
  </si>
  <si>
    <t>14.302478790283203</t>
  </si>
  <si>
    <t>1548.049560546875</t>
  </si>
  <si>
    <t>-0.010795112141432028</t>
  </si>
  <si>
    <t>14.741623878479004</t>
  </si>
  <si>
    <t>1339.26025390625</t>
  </si>
  <si>
    <t>14.655648231506348</t>
  </si>
  <si>
    <t>1717.8709716796875</t>
  </si>
  <si>
    <t>0.038141634057074825</t>
  </si>
  <si>
    <t>14.446629524230957</t>
  </si>
  <si>
    <t>1391.502685546875</t>
  </si>
  <si>
    <t>0.005782780567258783</t>
  </si>
  <si>
    <t>15.147505760192871</t>
  </si>
  <si>
    <t>1635.6654052734375</t>
  </si>
  <si>
    <t>0.0410671140680261</t>
  </si>
  <si>
    <t>29367</t>
  </si>
  <si>
    <t>15.208224296569824</t>
  </si>
  <si>
    <t>1571.1715087890625</t>
  </si>
  <si>
    <t>0.021894915739810727</t>
  </si>
  <si>
    <t>15.02620792388916</t>
  </si>
  <si>
    <t>1654.254638671875</t>
  </si>
  <si>
    <t>0.01607871152776319</t>
  </si>
  <si>
    <t>29267</t>
  </si>
  <si>
    <t>14.93612289428711</t>
  </si>
  <si>
    <t>1603.289794921875</t>
  </si>
  <si>
    <t>-0.0194897050454248</t>
  </si>
  <si>
    <t>14.968685150146484</t>
  </si>
  <si>
    <t>1362.1334228515625</t>
  </si>
  <si>
    <t>-0.040762202000282244</t>
  </si>
  <si>
    <t>15.318901062011719</t>
  </si>
  <si>
    <t>1452.1754150390625</t>
  </si>
  <si>
    <t>0.045942324683478475</t>
  </si>
  <si>
    <t>15.604674339294434</t>
  </si>
  <si>
    <t>2126.06396484375</t>
  </si>
  <si>
    <t>0.025306760640900094</t>
  </si>
  <si>
    <t>9.083109855651855</t>
  </si>
  <si>
    <t>710.4816284179688</t>
  </si>
  <si>
    <t>59.12393569946289</t>
  </si>
  <si>
    <t>Otago</t>
  </si>
  <si>
    <t>8.34618854522705</t>
  </si>
  <si>
    <t>778.8216552734375</t>
  </si>
  <si>
    <t>-0.060344546035610236</t>
  </si>
  <si>
    <t>7.592502593994141</t>
  </si>
  <si>
    <t>796.8892211914062</t>
  </si>
  <si>
    <t>-0.0004492161254283644</t>
  </si>
  <si>
    <t>23390</t>
  </si>
  <si>
    <t>8.340910911560059</t>
  </si>
  <si>
    <t>790.5945434570312</t>
  </si>
  <si>
    <t>0.04969694541500047</t>
  </si>
  <si>
    <t>8.378255844116211</t>
  </si>
  <si>
    <t>807.1757202148438</t>
  </si>
  <si>
    <t>0.03577808545223249</t>
  </si>
  <si>
    <t>24997</t>
  </si>
  <si>
    <t>8.598356246948242</t>
  </si>
  <si>
    <t>819.2994995117188</t>
  </si>
  <si>
    <t>0.030669151619303392</t>
  </si>
  <si>
    <t>8.401934623718262</t>
  </si>
  <si>
    <t>817.1982421875</t>
  </si>
  <si>
    <t>0.018941761441164218</t>
  </si>
  <si>
    <t>8.564613342285156</t>
  </si>
  <si>
    <t>781.4089965820312</t>
  </si>
  <si>
    <t>0.00672902660341812</t>
  </si>
  <si>
    <t>25621</t>
  </si>
  <si>
    <t>9.420496940612793</t>
  </si>
  <si>
    <t>827.3923950195312</t>
  </si>
  <si>
    <t>-0.0010142779991024753</t>
  </si>
  <si>
    <t>9.400668144226074</t>
  </si>
  <si>
    <t>801.863037109375</t>
  </si>
  <si>
    <t>0.04640646596566178</t>
  </si>
  <si>
    <t>8.84081745147705</t>
  </si>
  <si>
    <t>796.6699829101562</t>
  </si>
  <si>
    <t>0.021745595743352553</t>
  </si>
  <si>
    <t>28823</t>
  </si>
  <si>
    <t>9.168850898742676</t>
  </si>
  <si>
    <t>790.2512817382812</t>
  </si>
  <si>
    <t>0.04960929011071791</t>
  </si>
  <si>
    <t>30250</t>
  </si>
  <si>
    <t>8.828801155090332</t>
  </si>
  <si>
    <t>807.7772216796875</t>
  </si>
  <si>
    <t>0.048322504944014355</t>
  </si>
  <si>
    <t>8.798571586608887</t>
  </si>
  <si>
    <t>732.8173217773438</t>
  </si>
  <si>
    <t>0.04984431123401656</t>
  </si>
  <si>
    <t>8.112488746643066</t>
  </si>
  <si>
    <t>813.9321899414062</t>
  </si>
  <si>
    <t>0.032550364565711476</t>
  </si>
  <si>
    <t>9.214742660522461</t>
  </si>
  <si>
    <t>760.5328979492188</t>
  </si>
  <si>
    <t>0.0347931414269933</t>
  </si>
  <si>
    <t>8.533147811889648</t>
  </si>
  <si>
    <t>809.4764404296875</t>
  </si>
  <si>
    <t>0.005687830509389258</t>
  </si>
  <si>
    <t>34701</t>
  </si>
  <si>
    <t>8.90997314453125</t>
  </si>
  <si>
    <t>743.9242553710938</t>
  </si>
  <si>
    <t>0.014396672768413055</t>
  </si>
  <si>
    <t>33720</t>
  </si>
  <si>
    <t>8.934134483337402</t>
  </si>
  <si>
    <t>802.7935180664062</t>
  </si>
  <si>
    <t>-0.028677371847718902</t>
  </si>
  <si>
    <t>8.465532302856445</t>
  </si>
  <si>
    <t>799.399169921875</t>
  </si>
  <si>
    <t>0.011499463296900103</t>
  </si>
  <si>
    <t>9.17113208770752</t>
  </si>
  <si>
    <t>788.9620971679688</t>
  </si>
  <si>
    <t>0.02303948899180952</t>
  </si>
  <si>
    <t>35279</t>
  </si>
  <si>
    <t>8.871163368225098</t>
  </si>
  <si>
    <t>779.5733642578125</t>
  </si>
  <si>
    <t>0.010657800643306459</t>
  </si>
  <si>
    <t>35488</t>
  </si>
  <si>
    <t>8.862845420837402</t>
  </si>
  <si>
    <t>768.2083129882812</t>
  </si>
  <si>
    <t>0.005906725102285293</t>
  </si>
  <si>
    <t>36093</t>
  </si>
  <si>
    <t>9.328006744384766</t>
  </si>
  <si>
    <t>784.1193237304688</t>
  </si>
  <si>
    <t>0.016904329551540087</t>
  </si>
  <si>
    <t>37027</t>
  </si>
  <si>
    <t>9.133233070373535</t>
  </si>
  <si>
    <t>757.9957885742188</t>
  </si>
  <si>
    <t>0.02554843553117614</t>
  </si>
  <si>
    <t>8.748311996459961</t>
  </si>
  <si>
    <t>845.0983276367188</t>
  </si>
  <si>
    <t>-0.000999770406309608</t>
  </si>
  <si>
    <t>9.229582786560059</t>
  </si>
  <si>
    <t>821.9700317382812</t>
  </si>
  <si>
    <t>0.03100920489723258</t>
  </si>
  <si>
    <t>39215</t>
  </si>
  <si>
    <t>9.387825965881348</t>
  </si>
  <si>
    <t>792.4754638671875</t>
  </si>
  <si>
    <t>0.027402515923034443</t>
  </si>
  <si>
    <t>9.247621536254883</t>
  </si>
  <si>
    <t>770.884765625</t>
  </si>
  <si>
    <t>0.01884465182762618</t>
  </si>
  <si>
    <t>9.063274383544922</t>
  </si>
  <si>
    <t>849.8849487304688</t>
  </si>
  <si>
    <t>-0.0008762377417941281</t>
  </si>
  <si>
    <t>38389</t>
  </si>
  <si>
    <t>9.119935035705566</t>
  </si>
  <si>
    <t>794.80859375</t>
  </si>
  <si>
    <t>-0.03925678052713977</t>
  </si>
  <si>
    <t>9.565547943115234</t>
  </si>
  <si>
    <t>816.2363891601562</t>
  </si>
  <si>
    <t>0.0459218908861434</t>
  </si>
  <si>
    <t>41223</t>
  </si>
  <si>
    <t>10.043854713439941</t>
  </si>
  <si>
    <t>810.052001953125</t>
  </si>
  <si>
    <t>0.025303501908281234</t>
  </si>
  <si>
    <t>10.147452354431152</t>
  </si>
  <si>
    <t>1006.3556518554688</t>
  </si>
  <si>
    <t>44.869388580322266</t>
  </si>
  <si>
    <t>Southland</t>
  </si>
  <si>
    <t>9.421104431152344</t>
  </si>
  <si>
    <t>1114.78662109375</t>
  </si>
  <si>
    <t>-0.06035438293784523</t>
  </si>
  <si>
    <t>8.667986869812012</t>
  </si>
  <si>
    <t>1138.239990234375</t>
  </si>
  <si>
    <t>-0.00044332494428900304</t>
  </si>
  <si>
    <t>9.450594902038574</t>
  </si>
  <si>
    <t>1053.065185546875</t>
  </si>
  <si>
    <t>0.04965935653727094</t>
  </si>
  <si>
    <t>27020</t>
  </si>
  <si>
    <t>9.422579765319824</t>
  </si>
  <si>
    <t>1232.63818359375</t>
  </si>
  <si>
    <t>0.03579210458664228</t>
  </si>
  <si>
    <t>9.635600090026855</t>
  </si>
  <si>
    <t>1202.4908447265625</t>
  </si>
  <si>
    <t>0.03065052892992881</t>
  </si>
  <si>
    <t>9.44466495513916</t>
  </si>
  <si>
    <t>975.110107421875</t>
  </si>
  <si>
    <t>0.018985211867414975</t>
  </si>
  <si>
    <t>9.617371559143066</t>
  </si>
  <si>
    <t>1332.0567626953125</t>
  </si>
  <si>
    <t>0.006738995704765216</t>
  </si>
  <si>
    <t>10.439274787902832</t>
  </si>
  <si>
    <t>1238.6683349609375</t>
  </si>
  <si>
    <t>-0.0010499790968836464</t>
  </si>
  <si>
    <t>10.514366149902344</t>
  </si>
  <si>
    <t>1172.3909912109375</t>
  </si>
  <si>
    <t>0.04642450829985734</t>
  </si>
  <si>
    <t>9.935969352722168</t>
  </si>
  <si>
    <t>1074.67822265625</t>
  </si>
  <si>
    <t>0.021757959143503314</t>
  </si>
  <si>
    <t>10.280667304992676</t>
  </si>
  <si>
    <t>1010.2601928710938</t>
  </si>
  <si>
    <t>0.1292454317832128</t>
  </si>
  <si>
    <t>36230</t>
  </si>
  <si>
    <t>9.908987045288086</t>
  </si>
  <si>
    <t>1355.05908203125</t>
  </si>
  <si>
    <t>0.04055751574313504</t>
  </si>
  <si>
    <t>35097</t>
  </si>
  <si>
    <t>9.837701797485352</t>
  </si>
  <si>
    <t>1009.5156860351562</t>
  </si>
  <si>
    <t>-0.0317718481734115</t>
  </si>
  <si>
    <t>35474</t>
  </si>
  <si>
    <t>9.192806243896484</t>
  </si>
  <si>
    <t>1411.977783203125</t>
  </si>
  <si>
    <t>0.01068437704982017</t>
  </si>
  <si>
    <t>10.281146049499512</t>
  </si>
  <si>
    <t>1226.703125</t>
  </si>
  <si>
    <t>-0.036252804002163685</t>
  </si>
  <si>
    <t>35607</t>
  </si>
  <si>
    <t>9.611651420593262</t>
  </si>
  <si>
    <t>1144.286865234375</t>
  </si>
  <si>
    <t>0.03999501796124605</t>
  </si>
  <si>
    <t>9.966744422912598</t>
  </si>
  <si>
    <t>1062.03271484375</t>
  </si>
  <si>
    <t>0.043497660194502075</t>
  </si>
  <si>
    <t>9.979266166687012</t>
  </si>
  <si>
    <t>1113.437744140625</t>
  </si>
  <si>
    <t>0.04243188375553153</t>
  </si>
  <si>
    <t>9.561169624328613</t>
  </si>
  <si>
    <t>1065.440185546875</t>
  </si>
  <si>
    <t>0.04129814525259867</t>
  </si>
  <si>
    <t>10.183436393737793</t>
  </si>
  <si>
    <t>1110.6988525390625</t>
  </si>
  <si>
    <t>-0.0009896581539106108</t>
  </si>
  <si>
    <t>42281</t>
  </si>
  <si>
    <t>9.918116569519043</t>
  </si>
  <si>
    <t>1242.2655029296875</t>
  </si>
  <si>
    <t>0.04555753377598215</t>
  </si>
  <si>
    <t>42078</t>
  </si>
  <si>
    <t>9.97000789642334</t>
  </si>
  <si>
    <t>1081.36328125</t>
  </si>
  <si>
    <t>-0.004812773784353297</t>
  </si>
  <si>
    <t>40748</t>
  </si>
  <si>
    <t>10.425018310546875</t>
  </si>
  <si>
    <t>1084.137451171875</t>
  </si>
  <si>
    <t>-0.032118280055007276</t>
  </si>
  <si>
    <t>10.2415189743042</t>
  </si>
  <si>
    <t>1081.9827880859375</t>
  </si>
  <si>
    <t>0.08830712429994314</t>
  </si>
  <si>
    <t>41878</t>
  </si>
  <si>
    <t>9.836146354675293</t>
  </si>
  <si>
    <t>1089.1341552734375</t>
  </si>
  <si>
    <t>-0.060953253657638484</t>
  </si>
  <si>
    <t>10.25390338897705</t>
  </si>
  <si>
    <t>1087.2593994140625</t>
  </si>
  <si>
    <t>-0.055300397172681315</t>
  </si>
  <si>
    <t>10.422904014587402</t>
  </si>
  <si>
    <t>1084.844482421875</t>
  </si>
  <si>
    <t>0.05498992345895104</t>
  </si>
  <si>
    <t>10.285370826721191</t>
  </si>
  <si>
    <t>1082.9490966796875</t>
  </si>
  <si>
    <t>0.05092059864630194</t>
  </si>
  <si>
    <t>10.06813907623291</t>
  </si>
  <si>
    <t>1089.133544921875</t>
  </si>
  <si>
    <t>0.016971304722041225</t>
  </si>
  <si>
    <t>10.153921127319336</t>
  </si>
  <si>
    <t>1084.897705078125</t>
  </si>
  <si>
    <t>-0.03638582973137616</t>
  </si>
  <si>
    <t>10.646224975585938</t>
  </si>
  <si>
    <t>1086.60009765625</t>
  </si>
  <si>
    <t>0.0458927871642576</t>
  </si>
  <si>
    <t>11.156920433044434</t>
  </si>
  <si>
    <t>1085.7762451171875</t>
  </si>
  <si>
    <t>0.025321124068458545</t>
  </si>
  <si>
    <t>12.414320945739746</t>
  </si>
  <si>
    <t>1978.736328125</t>
  </si>
  <si>
    <t>42.843109130859375</t>
  </si>
  <si>
    <t>Taranaki</t>
  </si>
  <si>
    <t>11.587483406066895</t>
  </si>
  <si>
    <t>1758.382568359375</t>
  </si>
  <si>
    <t>-0.06034476765962005</t>
  </si>
  <si>
    <t>10.935742378234863</t>
  </si>
  <si>
    <t>1733.572265625</t>
  </si>
  <si>
    <t>-0.0004545799002446671</t>
  </si>
  <si>
    <t>11.383376121520996</t>
  </si>
  <si>
    <t>1642.352294921875</t>
  </si>
  <si>
    <t>0.04967027445644234</t>
  </si>
  <si>
    <t>11.5883207321167</t>
  </si>
  <si>
    <t>1837.0435791015625</t>
  </si>
  <si>
    <t>0.035781333628980505</t>
  </si>
  <si>
    <t>12.238415718078613</t>
  </si>
  <si>
    <t>2317.600341796875</t>
  </si>
  <si>
    <t>0.030666238065867546</t>
  </si>
  <si>
    <t>37761</t>
  </si>
  <si>
    <t>11.83012866973877</t>
  </si>
  <si>
    <t>1745.0841064453125</t>
  </si>
  <si>
    <t>0.01895449258569748</t>
  </si>
  <si>
    <t>11.888245582580566</t>
  </si>
  <si>
    <t>1375.4173583984375</t>
  </si>
  <si>
    <t>0.006756604130544019</t>
  </si>
  <si>
    <t>37978</t>
  </si>
  <si>
    <t>13.001693725585938</t>
  </si>
  <si>
    <t>2068.138427734375</t>
  </si>
  <si>
    <t>-0.0010263834047972153</t>
  </si>
  <si>
    <t>39782</t>
  </si>
  <si>
    <t>12.509232521057129</t>
  </si>
  <si>
    <t>1750.1068115234375</t>
  </si>
  <si>
    <t>0.046407503979644105</t>
  </si>
  <si>
    <t>12.17667293548584</t>
  </si>
  <si>
    <t>1529.2183837890625</t>
  </si>
  <si>
    <t>0.021756474207952792</t>
  </si>
  <si>
    <t>48545</t>
  </si>
  <si>
    <t>12.463394165039062</t>
  </si>
  <si>
    <t>1948.966064453125</t>
  </si>
  <si>
    <t>0.17732017993128757</t>
  </si>
  <si>
    <t>48208</t>
  </si>
  <si>
    <t>12.004055976867676</t>
  </si>
  <si>
    <t>1591.821044921875</t>
  </si>
  <si>
    <t>-0.006966220434163617</t>
  </si>
  <si>
    <t>12.206034660339355</t>
  </si>
  <si>
    <t>1676.1849365234375</t>
  </si>
  <si>
    <t>-0.03178081771309316</t>
  </si>
  <si>
    <t>45200</t>
  </si>
  <si>
    <t>11.534423828125</t>
  </si>
  <si>
    <t>2032.9700927734375</t>
  </si>
  <si>
    <t>-0.03264707783666587</t>
  </si>
  <si>
    <t>12.462653160095215</t>
  </si>
  <si>
    <t>1396.83251953125</t>
  </si>
  <si>
    <t>-0.026543882655968076</t>
  </si>
  <si>
    <t>11.84331226348877</t>
  </si>
  <si>
    <t>1611.87890625</t>
  </si>
  <si>
    <t>0.008032898705360836</t>
  </si>
  <si>
    <t>50971</t>
  </si>
  <si>
    <t>12.328198432922363</t>
  </si>
  <si>
    <t>1415.2945556640625</t>
  </si>
  <si>
    <t>0.13867074065586493</t>
  </si>
  <si>
    <t>66630</t>
  </si>
  <si>
    <t>12.22659969329834</t>
  </si>
  <si>
    <t>1936.9102783203125</t>
  </si>
  <si>
    <t>0.2678980830310014</t>
  </si>
  <si>
    <t>67190</t>
  </si>
  <si>
    <t>11.762557983398438</t>
  </si>
  <si>
    <t>1668.9024658203125</t>
  </si>
  <si>
    <t>0.008369500357613191</t>
  </si>
  <si>
    <t>63565</t>
  </si>
  <si>
    <t>12.603245735168457</t>
  </si>
  <si>
    <t>1864.8582763671875</t>
  </si>
  <si>
    <t>-0.05546142252997299</t>
  </si>
  <si>
    <t>64099</t>
  </si>
  <si>
    <t>12.33012866973877</t>
  </si>
  <si>
    <t>1937.3848876953125</t>
  </si>
  <si>
    <t>0.008365758778822396</t>
  </si>
  <si>
    <t>61785</t>
  </si>
  <si>
    <t>12.028151512145996</t>
  </si>
  <si>
    <t>1781.494140625</t>
  </si>
  <si>
    <t>-0.036768146624753584</t>
  </si>
  <si>
    <t>62299</t>
  </si>
  <si>
    <t>12.48998737335205</t>
  </si>
  <si>
    <t>1957.1907958984375</t>
  </si>
  <si>
    <t>0.008284757744062787</t>
  </si>
  <si>
    <t>63294</t>
  </si>
  <si>
    <t>12.351042747497559</t>
  </si>
  <si>
    <t>1433.3267822265625</t>
  </si>
  <si>
    <t>0.015845163627510317</t>
  </si>
  <si>
    <t>60896</t>
  </si>
  <si>
    <t>12.069403648376465</t>
  </si>
  <si>
    <t>1650.4805908203125</t>
  </si>
  <si>
    <t>-0.03862304681398854</t>
  </si>
  <si>
    <t>51385</t>
  </si>
  <si>
    <t>12.731155395507812</t>
  </si>
  <si>
    <t>1416.1905517578125</t>
  </si>
  <si>
    <t>-0.1698211900367017</t>
  </si>
  <si>
    <t>12.912606239318848</t>
  </si>
  <si>
    <t>1594.24560546875</t>
  </si>
  <si>
    <t>-0.027343295848893945</t>
  </si>
  <si>
    <t>53059</t>
  </si>
  <si>
    <t>12.708189964294434</t>
  </si>
  <si>
    <t>1583.642578125</t>
  </si>
  <si>
    <t>0.059401496715084434</t>
  </si>
  <si>
    <t>51864</t>
  </si>
  <si>
    <t>12.573304176330566</t>
  </si>
  <si>
    <t>1914.0162353515625</t>
  </si>
  <si>
    <t>-0.022779594070533093</t>
  </si>
  <si>
    <t>50469</t>
  </si>
  <si>
    <t>12.59777545928955</t>
  </si>
  <si>
    <t>2017.965087890625</t>
  </si>
  <si>
    <t>-0.02726562146756173</t>
  </si>
  <si>
    <t>13.009544372558594</t>
  </si>
  <si>
    <t>1909.3797607421875</t>
  </si>
  <si>
    <t>0.0459091932489919</t>
  </si>
  <si>
    <t>54195</t>
  </si>
  <si>
    <t>13.41940975189209</t>
  </si>
  <si>
    <t>2424.375732421875</t>
  </si>
  <si>
    <t>0.02532017361358818</t>
  </si>
  <si>
    <t>10.088387489318848</t>
  </si>
  <si>
    <t>2275.593994140625</t>
  </si>
  <si>
    <t>3.413478374481201</t>
  </si>
  <si>
    <t>Tasman</t>
  </si>
  <si>
    <t>22319</t>
  </si>
  <si>
    <t>9.26669979095459</t>
  </si>
  <si>
    <t>1869.4283447265625</t>
  </si>
  <si>
    <t>-0.06033202953904748</t>
  </si>
  <si>
    <t>22309</t>
  </si>
  <si>
    <t>8.5685453414917</t>
  </si>
  <si>
    <t>1863.745849609375</t>
  </si>
  <si>
    <t>-0.00044814915153601476</t>
  </si>
  <si>
    <t>9.106280326843262</t>
  </si>
  <si>
    <t>1830.5789794921875</t>
  </si>
  <si>
    <t>0.049667068051038044</t>
  </si>
  <si>
    <t>9.283612251281738</t>
  </si>
  <si>
    <t>2027.0301513671875</t>
  </si>
  <si>
    <t>0.03577794469480011</t>
  </si>
  <si>
    <t>25056</t>
  </si>
  <si>
    <t>9.765599250793457</t>
  </si>
  <si>
    <t>2486.313720703125</t>
  </si>
  <si>
    <t>0.03067812257204139</t>
  </si>
  <si>
    <t>25536</t>
  </si>
  <si>
    <t>9.447827339172363</t>
  </si>
  <si>
    <t>2110.385009765625</t>
  </si>
  <si>
    <t>9.552492141723633</t>
  </si>
  <si>
    <t>1641.7159423828125</t>
  </si>
  <si>
    <t>0.006713006241641395</t>
  </si>
  <si>
    <t>10.596966743469238</t>
  </si>
  <si>
    <t>2270.1513671875</t>
  </si>
  <si>
    <t>-0.0010118700999566244</t>
  </si>
  <si>
    <t>10.216315269470215</t>
  </si>
  <si>
    <t>1971.684326171875</t>
  </si>
  <si>
    <t>0.04641027587730662</t>
  </si>
  <si>
    <t>9.82636833190918</t>
  </si>
  <si>
    <t>1847.4566650390625</t>
  </si>
  <si>
    <t>0.02176716576283866</t>
  </si>
  <si>
    <t>10.082489967346191</t>
  </si>
  <si>
    <t>2123.047119140625</t>
  </si>
  <si>
    <t>0.029176651164309675</t>
  </si>
  <si>
    <t>29501</t>
  </si>
  <si>
    <t>9.661192893981934</t>
  </si>
  <si>
    <t>1855.390869140625</t>
  </si>
  <si>
    <t>0.0412797108627867</t>
  </si>
  <si>
    <t>30192</t>
  </si>
  <si>
    <t>9.835806846618652</t>
  </si>
  <si>
    <t>1756.01806640625</t>
  </si>
  <si>
    <t>0.023152827549870025</t>
  </si>
  <si>
    <t>9.139103889465332</t>
  </si>
  <si>
    <t>2071.888916015625</t>
  </si>
  <si>
    <t>0.03690335688557589</t>
  </si>
  <si>
    <t>10.110577583312988</t>
  </si>
  <si>
    <t>1572.8623046875</t>
  </si>
  <si>
    <t>0.02670940797042043</t>
  </si>
  <si>
    <t>31064</t>
  </si>
  <si>
    <t>9.477365493774414</t>
  </si>
  <si>
    <t>1928.8358154296875</t>
  </si>
  <si>
    <t>-0.03514016105282458</t>
  </si>
  <si>
    <t>9.946721076965332</t>
  </si>
  <si>
    <t>1550.48291015625</t>
  </si>
  <si>
    <t>0.051661820344236276</t>
  </si>
  <si>
    <t>9.876139640808105</t>
  </si>
  <si>
    <t>2111.182373046875</t>
  </si>
  <si>
    <t>-0.041126474648272904</t>
  </si>
  <si>
    <t>31441</t>
  </si>
  <si>
    <t>9.389861106872559</t>
  </si>
  <si>
    <t>1947.76904296875</t>
  </si>
  <si>
    <t>0.0015278355456320725</t>
  </si>
  <si>
    <t>31963</t>
  </si>
  <si>
    <t>10.223193168640137</t>
  </si>
  <si>
    <t>2016.552001953125</t>
  </si>
  <si>
    <t>0.01646621015601646</t>
  </si>
  <si>
    <t>9.948193550109863</t>
  </si>
  <si>
    <t>1955.5389404296875</t>
  </si>
  <si>
    <t>0.008411788649056007</t>
  </si>
  <si>
    <t>31742</t>
  </si>
  <si>
    <t>9.70089340209961</t>
  </si>
  <si>
    <t>1865.603759765625</t>
  </si>
  <si>
    <t>-0.015350047390667143</t>
  </si>
  <si>
    <t>32451</t>
  </si>
  <si>
    <t>10.181172370910645</t>
  </si>
  <si>
    <t>2022.84814453125</t>
  </si>
  <si>
    <t>0.022090534230894576</t>
  </si>
  <si>
    <t>10.01633358001709</t>
  </si>
  <si>
    <t>1770.0460205078125</t>
  </si>
  <si>
    <t>0.022155746353821115</t>
  </si>
  <si>
    <t>9.713141441345215</t>
  </si>
  <si>
    <t>2132.102294921875</t>
  </si>
  <si>
    <t>0.00933002103062286</t>
  </si>
  <si>
    <t>10.339613914489746</t>
  </si>
  <si>
    <t>1977.23779296875</t>
  </si>
  <si>
    <t>0.024511247919056345</t>
  </si>
  <si>
    <t>10.556526184082031</t>
  </si>
  <si>
    <t>1935.1907958984375</t>
  </si>
  <si>
    <t>0.02318485303414697</t>
  </si>
  <si>
    <t>35935</t>
  </si>
  <si>
    <t>10.331528663635254</t>
  </si>
  <si>
    <t>1882.9049072265625</t>
  </si>
  <si>
    <t>0.02279862326649784</t>
  </si>
  <si>
    <t>10.180912971496582</t>
  </si>
  <si>
    <t>2320.562744140625</t>
  </si>
  <si>
    <t>0.022045449776694426</t>
  </si>
  <si>
    <t>35884</t>
  </si>
  <si>
    <t>10.214859008789062</t>
  </si>
  <si>
    <t>2057.7177734375</t>
  </si>
  <si>
    <t>-0.023465687000063795</t>
  </si>
  <si>
    <t>10.642193794250488</t>
  </si>
  <si>
    <t>2147.175048828125</t>
  </si>
  <si>
    <t>0.04591434588884091</t>
  </si>
  <si>
    <t>38533</t>
  </si>
  <si>
    <t>11.099052429199219</t>
  </si>
  <si>
    <t>2333.843994140625</t>
  </si>
  <si>
    <t>0.025309157427841456</t>
  </si>
  <si>
    <t>24372</t>
  </si>
  <si>
    <t>13.795028686523438</t>
  </si>
  <si>
    <t>1612.82958984375</t>
  </si>
  <si>
    <t>161.5161895751953</t>
  </si>
  <si>
    <t>Waikato</t>
  </si>
  <si>
    <t>22945</t>
  </si>
  <si>
    <t>12.977867126464844</t>
  </si>
  <si>
    <t>1590.6776123046875</t>
  </si>
  <si>
    <t>-0.060334884539450684</t>
  </si>
  <si>
    <t>12.30118465423584</t>
  </si>
  <si>
    <t>1624.6368408203125</t>
  </si>
  <si>
    <t>-0.0004795222306839264</t>
  </si>
  <si>
    <t>1216.1153564453125</t>
  </si>
  <si>
    <t>0.04967429898908726</t>
  </si>
  <si>
    <t>12.939837455749512</t>
  </si>
  <si>
    <t>1514.8106689453125</t>
  </si>
  <si>
    <t>0.035780680092230455</t>
  </si>
  <si>
    <t>13.646788597106934</t>
  </si>
  <si>
    <t>1796.9090576171875</t>
  </si>
  <si>
    <t>0.030708575909434543</t>
  </si>
  <si>
    <t>26251</t>
  </si>
  <si>
    <t>13.253647804260254</t>
  </si>
  <si>
    <t>1561.8099365234375</t>
  </si>
  <si>
    <t>0.018920002943257686</t>
  </si>
  <si>
    <t>13.259506225585938</t>
  </si>
  <si>
    <t>1332.063232421875</t>
  </si>
  <si>
    <t>0.00675780855762298</t>
  </si>
  <si>
    <t>26402</t>
  </si>
  <si>
    <t>14.47083568572998</t>
  </si>
  <si>
    <t>1517.9256591796875</t>
  </si>
  <si>
    <t>-0.00102212724917905</t>
  </si>
  <si>
    <t>27656</t>
  </si>
  <si>
    <t>13.876239776611328</t>
  </si>
  <si>
    <t>1529.4166259765625</t>
  </si>
  <si>
    <t>0.04640293776075666</t>
  </si>
  <si>
    <t>13.583179473876953</t>
  </si>
  <si>
    <t>1340.3529052734375</t>
  </si>
  <si>
    <t>0.02174620743751987</t>
  </si>
  <si>
    <t>13.827503204345703</t>
  </si>
  <si>
    <t>1666.3890380859375</t>
  </si>
  <si>
    <t>0.09442849024993194</t>
  </si>
  <si>
    <t>32579</t>
  </si>
  <si>
    <t>13.34679889678955</t>
  </si>
  <si>
    <t>1406.499755859375</t>
  </si>
  <si>
    <t>0.04765050871896115</t>
  </si>
  <si>
    <t>13.620129585266113</t>
  </si>
  <si>
    <t>1540.294677734375</t>
  </si>
  <si>
    <t>-0.052200004345333895</t>
  </si>
  <si>
    <t>12.842896461486816</t>
  </si>
  <si>
    <t>1276.340087890625</t>
  </si>
  <si>
    <t>0.041615935781862845</t>
  </si>
  <si>
    <t>32604</t>
  </si>
  <si>
    <t>13.872176170349121</t>
  </si>
  <si>
    <t>1380.8819580078125</t>
  </si>
  <si>
    <t>0.011351139769946172</t>
  </si>
  <si>
    <t>13.164139747619629</t>
  </si>
  <si>
    <t>1289.961669921875</t>
  </si>
  <si>
    <t>0.03261765418041129</t>
  </si>
  <si>
    <t>36132</t>
  </si>
  <si>
    <t>13.629708290100098</t>
  </si>
  <si>
    <t>1255.3748779296875</t>
  </si>
  <si>
    <t>0.07012626487497364</t>
  </si>
  <si>
    <t>13.478861808776855</t>
  </si>
  <si>
    <t>1592.839599609375</t>
  </si>
  <si>
    <t>-0.045842834631740104</t>
  </si>
  <si>
    <t>35285</t>
  </si>
  <si>
    <t>13.082493782043457</t>
  </si>
  <si>
    <t>1449.7347412109375</t>
  </si>
  <si>
    <t>0.022121879796936028</t>
  </si>
  <si>
    <t>13.907455444335938</t>
  </si>
  <si>
    <t>1656.6663818359375</t>
  </si>
  <si>
    <t>-0.043914722575491894</t>
  </si>
  <si>
    <t>34539</t>
  </si>
  <si>
    <t>13.607165336608887</t>
  </si>
  <si>
    <t>1656.537109375</t>
  </si>
  <si>
    <t>0.022545898482336568</t>
  </si>
  <si>
    <t>35682</t>
  </si>
  <si>
    <t>13.29160213470459</t>
  </si>
  <si>
    <t>1459.745849609375</t>
  </si>
  <si>
    <t>0.032557239592874154</t>
  </si>
  <si>
    <t>34844</t>
  </si>
  <si>
    <t>13.722834587097168</t>
  </si>
  <si>
    <t>1570.86865234375</t>
  </si>
  <si>
    <t>-0.023765403995865242</t>
  </si>
  <si>
    <t>36904</t>
  </si>
  <si>
    <t>13.641087532043457</t>
  </si>
  <si>
    <t>1347.347900390625</t>
  </si>
  <si>
    <t>0.05743899029887345</t>
  </si>
  <si>
    <t>13.391681671142578</t>
  </si>
  <si>
    <t>1413.7689208984375</t>
  </si>
  <si>
    <t>-0.021860889741052603</t>
  </si>
  <si>
    <t>36080</t>
  </si>
  <si>
    <t>14.047390937805176</t>
  </si>
  <si>
    <t>1273.63916015625</t>
  </si>
  <si>
    <t>-0.0007203613200434944</t>
  </si>
  <si>
    <t>14.212111473083496</t>
  </si>
  <si>
    <t>1408.301513671875</t>
  </si>
  <si>
    <t>0.023691625046186715</t>
  </si>
  <si>
    <t>14.00753402709961</t>
  </si>
  <si>
    <t>1386.431396484375</t>
  </si>
  <si>
    <t>0.020335869380819105</t>
  </si>
  <si>
    <t>1619.697265625</t>
  </si>
  <si>
    <t>0.02524619498093017</t>
  </si>
  <si>
    <t>37278</t>
  </si>
  <si>
    <t>13.94629955291748</t>
  </si>
  <si>
    <t>1591.6517333984375</t>
  </si>
  <si>
    <t>-0.03660904429274758</t>
  </si>
  <si>
    <t>39029</t>
  </si>
  <si>
    <t>14.333568572998047</t>
  </si>
  <si>
    <t>1586.060791015625</t>
  </si>
  <si>
    <t>0.045901619237744384</t>
  </si>
  <si>
    <t>40030</t>
  </si>
  <si>
    <t>14.686575889587402</t>
  </si>
  <si>
    <t>1985.33544921875</t>
  </si>
  <si>
    <t>0.02532421345712521</t>
  </si>
  <si>
    <t>38299</t>
  </si>
  <si>
    <t>12.500438690185547</t>
  </si>
  <si>
    <t>1646.3643798828125</t>
  </si>
  <si>
    <t>416.24322509765625</t>
  </si>
  <si>
    <t>Wellington</t>
  </si>
  <si>
    <t>36056</t>
  </si>
  <si>
    <t>11.707218170166016</t>
  </si>
  <si>
    <t>1404.780517578125</t>
  </si>
  <si>
    <t>-0.060350500796815254</t>
  </si>
  <si>
    <t>10.934803009033203</t>
  </si>
  <si>
    <t>1374.214111328125</t>
  </si>
  <si>
    <t>-0.0004438526482104521</t>
  </si>
  <si>
    <t>11.46548843383789</t>
  </si>
  <si>
    <t>1311.4718017578125</t>
  </si>
  <si>
    <t>0.04966183108939681</t>
  </si>
  <si>
    <t>39255</t>
  </si>
  <si>
    <t>11.736897468566895</t>
  </si>
  <si>
    <t>1483.671875</t>
  </si>
  <si>
    <t>0.035787560820685016</t>
  </si>
  <si>
    <t>12.223441123962402</t>
  </si>
  <si>
    <t>1765.4686279296875</t>
  </si>
  <si>
    <t>0.030679791993796002</t>
  </si>
  <si>
    <t>41252</t>
  </si>
  <si>
    <t>11.842117309570312</t>
  </si>
  <si>
    <t>1486.2181396484375</t>
  </si>
  <si>
    <t>0.018940979809809022</t>
  </si>
  <si>
    <t>11.966609001159668</t>
  </si>
  <si>
    <t>1151.18115234375</t>
  </si>
  <si>
    <t>0.0067405398779953885</t>
  </si>
  <si>
    <t>13.07337474822998</t>
  </si>
  <si>
    <t>1561.8497314453125</t>
  </si>
  <si>
    <t>-0.0010118044708047336</t>
  </si>
  <si>
    <t>12.552513122558594</t>
  </si>
  <si>
    <t>1440.7523193359375</t>
  </si>
  <si>
    <t>0.04641264296726888</t>
  </si>
  <si>
    <t>12.217129707336426</t>
  </si>
  <si>
    <t>1317.1795654296875</t>
  </si>
  <si>
    <t>0.021736275393381632</t>
  </si>
  <si>
    <t>12.497344017028809</t>
  </si>
  <si>
    <t>1503.4862060546875</t>
  </si>
  <si>
    <t>-0.018221979171451963</t>
  </si>
  <si>
    <t>44873</t>
  </si>
  <si>
    <t>12.081161499023438</t>
  </si>
  <si>
    <t>1316.035888671875</t>
  </si>
  <si>
    <t>0.028481006519911034</t>
  </si>
  <si>
    <t>12.297852516174316</t>
  </si>
  <si>
    <t>1317.2176513671875</t>
  </si>
  <si>
    <t>0.031219286701414717</t>
  </si>
  <si>
    <t>46626</t>
  </si>
  <si>
    <t>11.58324909210205</t>
  </si>
  <si>
    <t>1480.3775634765625</t>
  </si>
  <si>
    <t>0.007102761183622519</t>
  </si>
  <si>
    <t>46903</t>
  </si>
  <si>
    <t>12.548324584960938</t>
  </si>
  <si>
    <t>1115.6444091796875</t>
  </si>
  <si>
    <t>0.005923313836204258</t>
  </si>
  <si>
    <t>11.917705535888672</t>
  </si>
  <si>
    <t>1315.36083984375</t>
  </si>
  <si>
    <t>0.024514231680088372</t>
  </si>
  <si>
    <t>47757</t>
  </si>
  <si>
    <t>12.29112720489502</t>
  </si>
  <si>
    <t>1119.795654296875</t>
  </si>
  <si>
    <t>-0.006470217930344191</t>
  </si>
  <si>
    <t>46402</t>
  </si>
  <si>
    <t>12.28970718383789</t>
  </si>
  <si>
    <t>1572.0567626953125</t>
  </si>
  <si>
    <t>-0.02878309128955081</t>
  </si>
  <si>
    <t>46404</t>
  </si>
  <si>
    <t>11.77572250366211</t>
  </si>
  <si>
    <t>1358.2657470703125</t>
  </si>
  <si>
    <t>4.3100661601513934e-05</t>
  </si>
  <si>
    <t>47921</t>
  </si>
  <si>
    <t>12.624356269836426</t>
  </si>
  <si>
    <t>1531.563720703125</t>
  </si>
  <si>
    <t>0.032168159289820863</t>
  </si>
  <si>
    <t>47553</t>
  </si>
  <si>
    <t>12.342263221740723</t>
  </si>
  <si>
    <t>1561.5108642578125</t>
  </si>
  <si>
    <t>-0.007708943219116193</t>
  </si>
  <si>
    <t>12.051990509033203</t>
  </si>
  <si>
    <t>1423.52197265625</t>
  </si>
  <si>
    <t>0.02336176078492258</t>
  </si>
  <si>
    <t>12.528101921081543</t>
  </si>
  <si>
    <t>1518.3271484375</t>
  </si>
  <si>
    <t>0.018199346052243826</t>
  </si>
  <si>
    <t>12.406683921813965</t>
  </si>
  <si>
    <t>1290.19921875</t>
  </si>
  <si>
    <t>-0.0033948342261300724</t>
  </si>
  <si>
    <t>50495</t>
  </si>
  <si>
    <t>12.099849700927734</t>
  </si>
  <si>
    <t>1461.75439453125</t>
  </si>
  <si>
    <t>0.021863170383619845</t>
  </si>
  <si>
    <t>12.82761287689209</t>
  </si>
  <si>
    <t>1316.76171875</t>
  </si>
  <si>
    <t>0.007005801016047641</t>
  </si>
  <si>
    <t>50931</t>
  </si>
  <si>
    <t>12.918173789978027</t>
  </si>
  <si>
    <t>1398.079833984375</t>
  </si>
  <si>
    <t>0.001591653002037674</t>
  </si>
  <si>
    <t>50983</t>
  </si>
  <si>
    <t>12.756762504577637</t>
  </si>
  <si>
    <t>1372.9639892578125</t>
  </si>
  <si>
    <t>0.0010204683264820602</t>
  </si>
  <si>
    <t>50271</t>
  </si>
  <si>
    <t>12.693198204040527</t>
  </si>
  <si>
    <t>1564.7882080078125</t>
  </si>
  <si>
    <t>-0.014063873736391841</t>
  </si>
  <si>
    <t>12.647786140441895</t>
  </si>
  <si>
    <t>1532.76611328125</t>
  </si>
  <si>
    <t>-0.021555071998244912</t>
  </si>
  <si>
    <t>51511</t>
  </si>
  <si>
    <t>12.985699653625488</t>
  </si>
  <si>
    <t>1527.84228515625</t>
  </si>
  <si>
    <t>0.04592207900667589</t>
  </si>
  <si>
    <t>52831</t>
  </si>
  <si>
    <t>13.299172401428223</t>
  </si>
  <si>
    <t>1728.4447021484375</t>
  </si>
  <si>
    <t>0.02530276254098318</t>
  </si>
  <si>
    <t>21306</t>
  </si>
  <si>
    <t>10.677260398864746</t>
  </si>
  <si>
    <t>3182.02294921875</t>
  </si>
  <si>
    <t>8.784330368041992</t>
  </si>
  <si>
    <t>West Coast</t>
  </si>
  <si>
    <t>9.8740234375</t>
  </si>
  <si>
    <t>2568.82421875</t>
  </si>
  <si>
    <t>-0.060360646522989114</t>
  </si>
  <si>
    <t>20049</t>
  </si>
  <si>
    <t>9.17065715789795</t>
  </si>
  <si>
    <t>2626.872802734375</t>
  </si>
  <si>
    <t>-0.0004487994689750252</t>
  </si>
  <si>
    <t>21070</t>
  </si>
  <si>
    <t>9.729615211486816</t>
  </si>
  <si>
    <t>2754.870361328125</t>
  </si>
  <si>
    <t>0.049670950619054466</t>
  </si>
  <si>
    <t>21838</t>
  </si>
  <si>
    <t>9.884779930114746</t>
  </si>
  <si>
    <t>2866.6220703125</t>
  </si>
  <si>
    <t>0.03580134377577693</t>
  </si>
  <si>
    <t>22518</t>
  </si>
  <si>
    <t>10.34496021270752</t>
  </si>
  <si>
    <t>3486.564208984375</t>
  </si>
  <si>
    <t>0.03066341778906434</t>
  </si>
  <si>
    <t>22949</t>
  </si>
  <si>
    <t>10.032356262207031</t>
  </si>
  <si>
    <t>3021.159423828125</t>
  </si>
  <si>
    <t>0.018959373191536955</t>
  </si>
  <si>
    <t>10.148653984069824</t>
  </si>
  <si>
    <t>2402.829345703125</t>
  </si>
  <si>
    <t>0.006731400137940824</t>
  </si>
  <si>
    <t>23080</t>
  </si>
  <si>
    <t>11.13927936553955</t>
  </si>
  <si>
    <t>3263.409912109375</t>
  </si>
  <si>
    <t>-0.001039321070516408</t>
  </si>
  <si>
    <t>24177</t>
  </si>
  <si>
    <t>10.810364723205566</t>
  </si>
  <si>
    <t>2827.71728515625</t>
  </si>
  <si>
    <t>0.04643532637058456</t>
  </si>
  <si>
    <t>10.392510414123535</t>
  </si>
  <si>
    <t>2699.8359375</t>
  </si>
  <si>
    <t>10.629897117614746</t>
  </si>
  <si>
    <t>3010.0322265625</t>
  </si>
  <si>
    <t>0.11213692106581696</t>
  </si>
  <si>
    <t>28368</t>
  </si>
  <si>
    <t>10.279170989990234</t>
  </si>
  <si>
    <t>2701.328125</t>
  </si>
  <si>
    <t>0.02599775043238317</t>
  </si>
  <si>
    <t>27199</t>
  </si>
  <si>
    <t>10.386645317077637</t>
  </si>
  <si>
    <t>2449.283935546875</t>
  </si>
  <si>
    <t>-0.042081541411620904</t>
  </si>
  <si>
    <t>28998</t>
  </si>
  <si>
    <t>9.68352222442627</t>
  </si>
  <si>
    <t>3083.8759765625</t>
  </si>
  <si>
    <t>0.06404665417077027</t>
  </si>
  <si>
    <t>10.718409538269043</t>
  </si>
  <si>
    <t>2287.886474609375</t>
  </si>
  <si>
    <t>0.013869847864150131</t>
  </si>
  <si>
    <t>10.0629243850708</t>
  </si>
  <si>
    <t>2862.193603515625</t>
  </si>
  <si>
    <t>0.11719713394636777</t>
  </si>
  <si>
    <t>10.53303337097168</t>
  </si>
  <si>
    <t>2299.125</t>
  </si>
  <si>
    <t>0.04651314085015912</t>
  </si>
  <si>
    <t>10.477072715759277</t>
  </si>
  <si>
    <t>2972.801513671875</t>
  </si>
  <si>
    <t>0.054886001303456666</t>
  </si>
  <si>
    <t>39408</t>
  </si>
  <si>
    <t>9.975872993469238</t>
  </si>
  <si>
    <t>2807.824462890625</t>
  </si>
  <si>
    <t>0.07427585532304626</t>
  </si>
  <si>
    <t>10.808732032775879</t>
  </si>
  <si>
    <t>2841.255126953125</t>
  </si>
  <si>
    <t>-0.04770974924591265</t>
  </si>
  <si>
    <t>10.531826972961426</t>
  </si>
  <si>
    <t>2739.529541015625</t>
  </si>
  <si>
    <t>0.03393792561934461</t>
  </si>
  <si>
    <t>40426</t>
  </si>
  <si>
    <t>10.31778621673584</t>
  </si>
  <si>
    <t>2683.830810546875</t>
  </si>
  <si>
    <t>0.03927612457319363</t>
  </si>
  <si>
    <t>10.813969612121582</t>
  </si>
  <si>
    <t>2807.595458984375</t>
  </si>
  <si>
    <t>-0.03737410374584016</t>
  </si>
  <si>
    <t>10.618803024291992</t>
  </si>
  <si>
    <t>2606.1943359375</t>
  </si>
  <si>
    <t>0.03057321377366584</t>
  </si>
  <si>
    <t>10.302576065063477</t>
  </si>
  <si>
    <t>3144.7109375</t>
  </si>
  <si>
    <t>-0.05374488718134707</t>
  </si>
  <si>
    <t>35123</t>
  </si>
  <si>
    <t>10.914382934570312</t>
  </si>
  <si>
    <t>2988.045166015625</t>
  </si>
  <si>
    <t>-0.0800711786402708</t>
  </si>
  <si>
    <t>36219</t>
  </si>
  <si>
    <t>11.146113395690918</t>
  </si>
  <si>
    <t>2806.56005859375</t>
  </si>
  <si>
    <t>0.0307276564873451</t>
  </si>
  <si>
    <t>39240</t>
  </si>
  <si>
    <t>10.929985046386719</t>
  </si>
  <si>
    <t>2701.451416015625</t>
  </si>
  <si>
    <t>0.08011279167880225</t>
  </si>
  <si>
    <t>10.75944995880127</t>
  </si>
  <si>
    <t>3258.554443359375</t>
  </si>
  <si>
    <t>0.024717474915249227</t>
  </si>
  <si>
    <t>10.795884132385254</t>
  </si>
  <si>
    <t>2870.971435546875</t>
  </si>
  <si>
    <t>-0.07571573262223552</t>
  </si>
  <si>
    <t>39041</t>
  </si>
  <si>
    <t>11.2635498046875</t>
  </si>
  <si>
    <t>3027.761474609375</t>
  </si>
  <si>
    <t>0.04591399898076176</t>
  </si>
  <si>
    <t>40042</t>
  </si>
  <si>
    <t>11.723193168640137</t>
  </si>
  <si>
    <t>3049.234130859375</t>
  </si>
  <si>
    <t>0.025316527278569367</t>
  </si>
  <si>
    <t>PAK</t>
  </si>
  <si>
    <t>15.185080528259277</t>
  </si>
  <si>
    <t>931.2939453125</t>
  </si>
  <si>
    <t>1127.423583984375</t>
  </si>
  <si>
    <t>Azad Kashmir Province</t>
  </si>
  <si>
    <t>Pakistan</t>
  </si>
  <si>
    <t>15.1459321975708</t>
  </si>
  <si>
    <t>918.215087890625</t>
  </si>
  <si>
    <t>0.04205512691043545</t>
  </si>
  <si>
    <t>14.851154327392578</t>
  </si>
  <si>
    <t>905.3255004882812</t>
  </si>
  <si>
    <t>0.038197813070573794</t>
  </si>
  <si>
    <t>15.624099731445312</t>
  </si>
  <si>
    <t>702.9827880859375</t>
  </si>
  <si>
    <t>0.02209640862831641</t>
  </si>
  <si>
    <t>15.179024696350098</t>
  </si>
  <si>
    <t>891.4918823242188</t>
  </si>
  <si>
    <t>-0.0149150492196517</t>
  </si>
  <si>
    <t>15.131614685058594</t>
  </si>
  <si>
    <t>1041.150146484375</t>
  </si>
  <si>
    <t>-0.0025076137087847172</t>
  </si>
  <si>
    <t>14.997300148010254</t>
  </si>
  <si>
    <t>1024.7158203125</t>
  </si>
  <si>
    <t>14.532047271728516</t>
  </si>
  <si>
    <t>963.4932250976562</t>
  </si>
  <si>
    <t>-0.01540552905647985</t>
  </si>
  <si>
    <t>15.445605278015137</t>
  </si>
  <si>
    <t>887.929443359375</t>
  </si>
  <si>
    <t>-0.012907787907607826</t>
  </si>
  <si>
    <t>16.122446060180664</t>
  </si>
  <si>
    <t>680.6718139648438</t>
  </si>
  <si>
    <t>-0.020028293782587525</t>
  </si>
  <si>
    <t>15.999978065490723</t>
  </si>
  <si>
    <t>665.8709106445312</t>
  </si>
  <si>
    <t>0.021053409197832273</t>
  </si>
  <si>
    <t>16.02427864074707</t>
  </si>
  <si>
    <t>742.8811645507812</t>
  </si>
  <si>
    <t>0.0006828269299106182</t>
  </si>
  <si>
    <t>16.005342483520508</t>
  </si>
  <si>
    <t>691.08642578125</t>
  </si>
  <si>
    <t>0.006463706804163749</t>
  </si>
  <si>
    <t>15.223368644714355</t>
  </si>
  <si>
    <t>1091.3316650390625</t>
  </si>
  <si>
    <t>0.013138137437430863</t>
  </si>
  <si>
    <t>3126</t>
  </si>
  <si>
    <t>15.899582862854004</t>
  </si>
  <si>
    <t>828.141357421875</t>
  </si>
  <si>
    <t>0.04514996472871502</t>
  </si>
  <si>
    <t>15.120418548583984</t>
  </si>
  <si>
    <t>831.5347290039062</t>
  </si>
  <si>
    <t>0.05113333277799548</t>
  </si>
  <si>
    <t>3425</t>
  </si>
  <si>
    <t>15.907256126403809</t>
  </si>
  <si>
    <t>1037.586669921875</t>
  </si>
  <si>
    <t>0.040213906936907406</t>
  </si>
  <si>
    <t>15.642341613769531</t>
  </si>
  <si>
    <t>892.3656616210938</t>
  </si>
  <si>
    <t>0.024514565763587015</t>
  </si>
  <si>
    <t>3562</t>
  </si>
  <si>
    <t>15.812178611755371</t>
  </si>
  <si>
    <t>935.2310180664062</t>
  </si>
  <si>
    <t>0.014706147389695445</t>
  </si>
  <si>
    <t>15.924217224121094</t>
  </si>
  <si>
    <t>645.11474609375</t>
  </si>
  <si>
    <t>0.027140962545804115</t>
  </si>
  <si>
    <t>3687</t>
  </si>
  <si>
    <t>16.02599334716797</t>
  </si>
  <si>
    <t>1156.67333984375</t>
  </si>
  <si>
    <t>0.007349971838733538</t>
  </si>
  <si>
    <t>15.769227027893066</t>
  </si>
  <si>
    <t>863.4278564453125</t>
  </si>
  <si>
    <t>0.02013761162683103</t>
  </si>
  <si>
    <t>15.465141296386719</t>
  </si>
  <si>
    <t>713.783935546875</t>
  </si>
  <si>
    <t>0.026493352805305292</t>
  </si>
  <si>
    <t>15.989239692687988</t>
  </si>
  <si>
    <t>1078.7371826171875</t>
  </si>
  <si>
    <t>0.03435015239406347</t>
  </si>
  <si>
    <t>15.406623840332031</t>
  </si>
  <si>
    <t>890.6778564453125</t>
  </si>
  <si>
    <t>0.03320929945138751</t>
  </si>
  <si>
    <t>15.61721420288086</t>
  </si>
  <si>
    <t>1223.75</t>
  </si>
  <si>
    <t>0.017508541750911988</t>
  </si>
  <si>
    <t>16.256486892700195</t>
  </si>
  <si>
    <t>905.1434936523438</t>
  </si>
  <si>
    <t>0.04076493155125327</t>
  </si>
  <si>
    <t>4358</t>
  </si>
  <si>
    <t>16.274728775024414</t>
  </si>
  <si>
    <t>699.7032470703125</t>
  </si>
  <si>
    <t>-0.005263772309332282</t>
  </si>
  <si>
    <t>16.202852249145508</t>
  </si>
  <si>
    <t>742.194091796875</t>
  </si>
  <si>
    <t>0.0075437550571511025</t>
  </si>
  <si>
    <t>4264</t>
  </si>
  <si>
    <t>15.368895530700684</t>
  </si>
  <si>
    <t>1031.1104736328125</t>
  </si>
  <si>
    <t>-0.029349304716035363</t>
  </si>
  <si>
    <t>15.586384773254395</t>
  </si>
  <si>
    <t>955.9601440429688</t>
  </si>
  <si>
    <t>-0.03047854965741692</t>
  </si>
  <si>
    <t>16.166656494140625</t>
  </si>
  <si>
    <t>819.7044677734375</t>
  </si>
  <si>
    <t>0.04468300317771501</t>
  </si>
  <si>
    <t>16.489877700805664</t>
  </si>
  <si>
    <t>857.2019653320312</t>
  </si>
  <si>
    <t>0.02691768356992874</t>
  </si>
  <si>
    <t>21.10195541381836</t>
  </si>
  <si>
    <t>243.2589874267578</t>
  </si>
  <si>
    <t>2417.20361328125</t>
  </si>
  <si>
    <t>Balochistan</t>
  </si>
  <si>
    <t>20.8416690826416</t>
  </si>
  <si>
    <t>205.72010803222656</t>
  </si>
  <si>
    <t>0.018618605222290086</t>
  </si>
  <si>
    <t>20.598642349243164</t>
  </si>
  <si>
    <t>279.9624328613281</t>
  </si>
  <si>
    <t>0.09674989494225805</t>
  </si>
  <si>
    <t>21.469924926757812</t>
  </si>
  <si>
    <t>97.99639892578125</t>
  </si>
  <si>
    <t>0.020080058287000213</t>
  </si>
  <si>
    <t>21.033964157104492</t>
  </si>
  <si>
    <t>283.4628601074219</t>
  </si>
  <si>
    <t>0.001155134701622984</t>
  </si>
  <si>
    <t>20.86113166809082</t>
  </si>
  <si>
    <t>243.6603240966797</t>
  </si>
  <si>
    <t>-0.027386146850492565</t>
  </si>
  <si>
    <t>20.81598663330078</t>
  </si>
  <si>
    <t>173.8468780517578</t>
  </si>
  <si>
    <t>0.019504789410861534</t>
  </si>
  <si>
    <t>20.468996047973633</t>
  </si>
  <si>
    <t>276.300537109375</t>
  </si>
  <si>
    <t>-0.025216370858812454</t>
  </si>
  <si>
    <t>4138</t>
  </si>
  <si>
    <t>21.507349014282227</t>
  </si>
  <si>
    <t>138.89120483398438</t>
  </si>
  <si>
    <t>-0.01248815461069519</t>
  </si>
  <si>
    <t>21.80187225341797</t>
  </si>
  <si>
    <t>123.27613067626953</t>
  </si>
  <si>
    <t>-0.14066858815034067</t>
  </si>
  <si>
    <t>21.497827529907227</t>
  </si>
  <si>
    <t>64.72491455078125</t>
  </si>
  <si>
    <t>-0.04116976012974227</t>
  </si>
  <si>
    <t>3330</t>
  </si>
  <si>
    <t>21.929283142089844</t>
  </si>
  <si>
    <t>115.34783935546875</t>
  </si>
  <si>
    <t>-0.03540192705091627</t>
  </si>
  <si>
    <t>21.895116806030273</t>
  </si>
  <si>
    <t>135.808837890625</t>
  </si>
  <si>
    <t>-0.05588736187346477</t>
  </si>
  <si>
    <t>21.485694885253906</t>
  </si>
  <si>
    <t>262.7458190917969</t>
  </si>
  <si>
    <t>-0.013427311707976841</t>
  </si>
  <si>
    <t>21.920387268066406</t>
  </si>
  <si>
    <t>91.89677429199219</t>
  </si>
  <si>
    <t>-0.019828375937940734</t>
  </si>
  <si>
    <t>21.202959060668945</t>
  </si>
  <si>
    <t>190.3284912109375</t>
  </si>
  <si>
    <t>-0.031685158512167355</t>
  </si>
  <si>
    <t>21.925920486450195</t>
  </si>
  <si>
    <t>193.13966369628906</t>
  </si>
  <si>
    <t>-0.05002779858105644</t>
  </si>
  <si>
    <t>21.51751136779785</t>
  </si>
  <si>
    <t>268.38250732421875</t>
  </si>
  <si>
    <t>-0.07391616242838062</t>
  </si>
  <si>
    <t>21.971769332885742</t>
  </si>
  <si>
    <t>179.35252380371094</t>
  </si>
  <si>
    <t>-0.02642983222882389</t>
  </si>
  <si>
    <t>22.29244041442871</t>
  </si>
  <si>
    <t>151.03477478027344</t>
  </si>
  <si>
    <t>-0.014679890677822272</t>
  </si>
  <si>
    <t>22.13791847229004</t>
  </si>
  <si>
    <t>196.03594970703125</t>
  </si>
  <si>
    <t>-0.034563310323372676</t>
  </si>
  <si>
    <t>21.888490676879883</t>
  </si>
  <si>
    <t>233.1923370361328</t>
  </si>
  <si>
    <t>-0.023018383946175724</t>
  </si>
  <si>
    <t>21.401090621948242</t>
  </si>
  <si>
    <t>116.64683532714844</t>
  </si>
  <si>
    <t>-0.016649263986898255</t>
  </si>
  <si>
    <t>21.836395263671875</t>
  </si>
  <si>
    <t>222.98129272460938</t>
  </si>
  <si>
    <t>0.021295523665354033</t>
  </si>
  <si>
    <t>21.52460289001465</t>
  </si>
  <si>
    <t>110.3108901977539</t>
  </si>
  <si>
    <t>0.02043866767727387</t>
  </si>
  <si>
    <t>22.02107810974121</t>
  </si>
  <si>
    <t>197.063720703125</t>
  </si>
  <si>
    <t>0.13497543619675678</t>
  </si>
  <si>
    <t>22.350637435913086</t>
  </si>
  <si>
    <t>170.8699951171875</t>
  </si>
  <si>
    <t>0.14763599880606382</t>
  </si>
  <si>
    <t>22.239110946655273</t>
  </si>
  <si>
    <t>110.61833190917969</t>
  </si>
  <si>
    <t>22.46976661682129</t>
  </si>
  <si>
    <t>91.91039276123047</t>
  </si>
  <si>
    <t>0.038998839958740206</t>
  </si>
  <si>
    <t>21.45871925354004</t>
  </si>
  <si>
    <t>339.40411376953125</t>
  </si>
  <si>
    <t>0.0032065324078214275</t>
  </si>
  <si>
    <t>21.43519401550293</t>
  </si>
  <si>
    <t>248.2186737060547</t>
  </si>
  <si>
    <t>-0.030435204796406268</t>
  </si>
  <si>
    <t>22.37890625</t>
  </si>
  <si>
    <t>165.52439880371094</t>
  </si>
  <si>
    <t>0.04488214777222588</t>
  </si>
  <si>
    <t>3581</t>
  </si>
  <si>
    <t>22.28487205505371</t>
  </si>
  <si>
    <t>330.9310302734375</t>
  </si>
  <si>
    <t>0.026887143918466805</t>
  </si>
  <si>
    <t>18.544544219970703</t>
  </si>
  <si>
    <t>575.5814208984375</t>
  </si>
  <si>
    <t>1523.650146484375</t>
  </si>
  <si>
    <t>Federally Administered Tribal Areas</t>
  </si>
  <si>
    <t>18.137887954711914</t>
  </si>
  <si>
    <t>688.9368896484375</t>
  </si>
  <si>
    <t>17.781606674194336</t>
  </si>
  <si>
    <t>670.8338012695312</t>
  </si>
  <si>
    <t>18.731409072875977</t>
  </si>
  <si>
    <t>421.7505187988281</t>
  </si>
  <si>
    <t>18.212114334106445</t>
  </si>
  <si>
    <t>598.69384765625</t>
  </si>
  <si>
    <t>18.035480499267578</t>
  </si>
  <si>
    <t>633.5692749023438</t>
  </si>
  <si>
    <t>18.095508575439453</t>
  </si>
  <si>
    <t>566.6458129882812</t>
  </si>
  <si>
    <t>17.608169555664062</t>
  </si>
  <si>
    <t>635.2463989257812</t>
  </si>
  <si>
    <t>18.584775924682617</t>
  </si>
  <si>
    <t>587.6458129882812</t>
  </si>
  <si>
    <t>19.362089157104492</t>
  </si>
  <si>
    <t>403.6103210449219</t>
  </si>
  <si>
    <t>19.003122329711914</t>
  </si>
  <si>
    <t>362.3392639160156</t>
  </si>
  <si>
    <t>19.126930236816406</t>
  </si>
  <si>
    <t>424.2896728515625</t>
  </si>
  <si>
    <t>19.05048942565918</t>
  </si>
  <si>
    <t>461.15069580078125</t>
  </si>
  <si>
    <t>18.461050033569336</t>
  </si>
  <si>
    <t>629.22607421875</t>
  </si>
  <si>
    <t>19.13971519470215</t>
  </si>
  <si>
    <t>525.1720581054688</t>
  </si>
  <si>
    <t>18.245100021362305</t>
  </si>
  <si>
    <t>610.5266723632812</t>
  </si>
  <si>
    <t>19.036569595336914</t>
  </si>
  <si>
    <t>618.5562744140625</t>
  </si>
  <si>
    <t>18.71921730041504</t>
  </si>
  <si>
    <t>662.8170776367188</t>
  </si>
  <si>
    <t>19.21000099182129</t>
  </si>
  <si>
    <t>624.5184326171875</t>
  </si>
  <si>
    <t>19.079566955566406</t>
  </si>
  <si>
    <t>563.71484375</t>
  </si>
  <si>
    <t>19.048595428466797</t>
  </si>
  <si>
    <t>678.7262573242188</t>
  </si>
  <si>
    <t>18.922571182250977</t>
  </si>
  <si>
    <t>626.1062622070312</t>
  </si>
  <si>
    <t>18.524765014648438</t>
  </si>
  <si>
    <t>652.0030517578125</t>
  </si>
  <si>
    <t>19.234560012817383</t>
  </si>
  <si>
    <t>714.2333374023438</t>
  </si>
  <si>
    <t>18.69880485534668</t>
  </si>
  <si>
    <t>631.4786376953125</t>
  </si>
  <si>
    <t>18.844167709350586</t>
  </si>
  <si>
    <t>912.0947265625</t>
  </si>
  <si>
    <t>19.293888092041016</t>
  </si>
  <si>
    <t>719.8594970703125</t>
  </si>
  <si>
    <t>19.349224090576172</t>
  </si>
  <si>
    <t>436.03900146484375</t>
  </si>
  <si>
    <t>19.43471908569336</t>
  </si>
  <si>
    <t>509.1456298828125</t>
  </si>
  <si>
    <t>18.552762985229492</t>
  </si>
  <si>
    <t>724.242919921875</t>
  </si>
  <si>
    <t>18.588743209838867</t>
  </si>
  <si>
    <t>683.6405639648438</t>
  </si>
  <si>
    <t>19.41948127746582</t>
  </si>
  <si>
    <t>482.9014892578125</t>
  </si>
  <si>
    <t>19.536588668823242</t>
  </si>
  <si>
    <t>526.101318359375</t>
  </si>
  <si>
    <t>17.806013107299805</t>
  </si>
  <si>
    <t>785.8464965820312</t>
  </si>
  <si>
    <t>6657.416015625</t>
  </si>
  <si>
    <t>NWFP</t>
  </si>
  <si>
    <t>17.697797775268555</t>
  </si>
  <si>
    <t>840.3700561523438</t>
  </si>
  <si>
    <t>17.370298385620117</t>
  </si>
  <si>
    <t>838.461181640625</t>
  </si>
  <si>
    <t>18.258546829223633</t>
  </si>
  <si>
    <t>613.5731201171875</t>
  </si>
  <si>
    <t>17.818681716918945</t>
  </si>
  <si>
    <t>824.2970581054688</t>
  </si>
  <si>
    <t>17.635812759399414</t>
  </si>
  <si>
    <t>872.1915283203125</t>
  </si>
  <si>
    <t>17.644262313842773</t>
  </si>
  <si>
    <t>820.7831420898438</t>
  </si>
  <si>
    <t>17.325027465820312</t>
  </si>
  <si>
    <t>785.0178833007812</t>
  </si>
  <si>
    <t>18.215925216674805</t>
  </si>
  <si>
    <t>792.1688842773438</t>
  </si>
  <si>
    <t>18.925535202026367</t>
  </si>
  <si>
    <t>604.5219116210938</t>
  </si>
  <si>
    <t>18.599042892456055</t>
  </si>
  <si>
    <t>562.3753051757812</t>
  </si>
  <si>
    <t>18.713714599609375</t>
  </si>
  <si>
    <t>622.8984985351562</t>
  </si>
  <si>
    <t>18.63212013244629</t>
  </si>
  <si>
    <t>620.357421875</t>
  </si>
  <si>
    <t>17.983051300048828</t>
  </si>
  <si>
    <t>958.17919921875</t>
  </si>
  <si>
    <t>18.707965850830078</t>
  </si>
  <si>
    <t>721.8551635742188</t>
  </si>
  <si>
    <t>17.835058212280273</t>
  </si>
  <si>
    <t>760.9530639648438</t>
  </si>
  <si>
    <t>18.560705184936523</t>
  </si>
  <si>
    <t>858.0791625976562</t>
  </si>
  <si>
    <t>18.2978458404541</t>
  </si>
  <si>
    <t>827.4937744140625</t>
  </si>
  <si>
    <t>18.69157600402832</t>
  </si>
  <si>
    <t>851.6554565429688</t>
  </si>
  <si>
    <t>18.721763610839844</t>
  </si>
  <si>
    <t>666.5715942382812</t>
  </si>
  <si>
    <t>18.690731048583984</t>
  </si>
  <si>
    <t>1020.7904663085938</t>
  </si>
  <si>
    <t>18.4778995513916</t>
  </si>
  <si>
    <t>780.503662109375</t>
  </si>
  <si>
    <t>18.108110427856445</t>
  </si>
  <si>
    <t>708.521728515625</t>
  </si>
  <si>
    <t>18.847713470458984</t>
  </si>
  <si>
    <t>930.5475463867188</t>
  </si>
  <si>
    <t>18.32710838317871</t>
  </si>
  <si>
    <t>755.4976806640625</t>
  </si>
  <si>
    <t>18.421449661254883</t>
  </si>
  <si>
    <t>1160.4271240234375</t>
  </si>
  <si>
    <t>18.81990623474121</t>
  </si>
  <si>
    <t>853.1156616210938</t>
  </si>
  <si>
    <t>18.822458267211914</t>
  </si>
  <si>
    <t>591.122314453125</t>
  </si>
  <si>
    <t>18.9641056060791</t>
  </si>
  <si>
    <t>650.1839599609375</t>
  </si>
  <si>
    <t>18.204519271850586</t>
  </si>
  <si>
    <t>878.2749633789062</t>
  </si>
  <si>
    <t>18.1298885345459</t>
  </si>
  <si>
    <t>800.7952880859375</t>
  </si>
  <si>
    <t>18.86058235168457</t>
  </si>
  <si>
    <t>647.3135375976562</t>
  </si>
  <si>
    <t>18.9862117767334</t>
  </si>
  <si>
    <t>734.0177612304688</t>
  </si>
  <si>
    <t>0.5987592339515686</t>
  </si>
  <si>
    <t>354.6900634765625</t>
  </si>
  <si>
    <t>337.0966491699219</t>
  </si>
  <si>
    <t>Northern Areas</t>
  </si>
  <si>
    <t>0.2976611256599426</t>
  </si>
  <si>
    <t>375.51824951171875</t>
  </si>
  <si>
    <t>0.013002525083720684</t>
  </si>
  <si>
    <t>288.2944030761719</t>
  </si>
  <si>
    <t>0.7279990315437317</t>
  </si>
  <si>
    <t>337.6026916503906</t>
  </si>
  <si>
    <t>0.3767212927341461</t>
  </si>
  <si>
    <t>377.1140441894531</t>
  </si>
  <si>
    <t>0.20384186506271362</t>
  </si>
  <si>
    <t>372.3035888671875</t>
  </si>
  <si>
    <t>0.2064836174249649</t>
  </si>
  <si>
    <t>532.6642456054688</t>
  </si>
  <si>
    <t>0.32366862893104553</t>
  </si>
  <si>
    <t>368.04583740234375</t>
  </si>
  <si>
    <t>0.8539043068885803</t>
  </si>
  <si>
    <t>403.38690185546875</t>
  </si>
  <si>
    <t>1.6119464635849</t>
  </si>
  <si>
    <t>396.0174560546875</t>
  </si>
  <si>
    <t>1.2911113500595093</t>
  </si>
  <si>
    <t>266.79876708984375</t>
  </si>
  <si>
    <t>1.591505527496338</t>
  </si>
  <si>
    <t>306.379150390625</t>
  </si>
  <si>
    <t>1.352856993675232</t>
  </si>
  <si>
    <t>314.1158142089844</t>
  </si>
  <si>
    <t>0.842197597026825</t>
  </si>
  <si>
    <t>543.7322998046875</t>
  </si>
  <si>
    <t>1.574318528175354</t>
  </si>
  <si>
    <t>396.9807434082031</t>
  </si>
  <si>
    <t>0.6713020205497742</t>
  </si>
  <si>
    <t>415.10882568359375</t>
  </si>
  <si>
    <t>1.570302963256836</t>
  </si>
  <si>
    <t>377.5111083984375</t>
  </si>
  <si>
    <t>1.2456985712051392</t>
  </si>
  <si>
    <t>324.3877868652344</t>
  </si>
  <si>
    <t>1.5026135444641113</t>
  </si>
  <si>
    <t>360.958251953125</t>
  </si>
  <si>
    <t>1.5212582349777222</t>
  </si>
  <si>
    <t>324.9104309082031</t>
  </si>
  <si>
    <t>1.3691262006759644</t>
  </si>
  <si>
    <t>521.5556640625</t>
  </si>
  <si>
    <t>1.2704581022262573</t>
  </si>
  <si>
    <t>314.2359313964844</t>
  </si>
  <si>
    <t>0.8680824637413025</t>
  </si>
  <si>
    <t>313.3663024902344</t>
  </si>
  <si>
    <t>1.6974072456359863</t>
  </si>
  <si>
    <t>355.8801574707031</t>
  </si>
  <si>
    <t>1.0158346891403198</t>
  </si>
  <si>
    <t>322.982177734375</t>
  </si>
  <si>
    <t>1.2261971235275269</t>
  </si>
  <si>
    <t>438.7229309082031</t>
  </si>
  <si>
    <t>1.535018801689148</t>
  </si>
  <si>
    <t>375.6116638183594</t>
  </si>
  <si>
    <t>1.510860562324524</t>
  </si>
  <si>
    <t>320.3459167480469</t>
  </si>
  <si>
    <t>1.4879792928695679</t>
  </si>
  <si>
    <t>306.7481384277344</t>
  </si>
  <si>
    <t>0.9154872894287109</t>
  </si>
  <si>
    <t>364.726318359375</t>
  </si>
  <si>
    <t>0.864810049533844</t>
  </si>
  <si>
    <t>357.59136962890625</t>
  </si>
  <si>
    <t>1.5914713144302368</t>
  </si>
  <si>
    <t>299.9873046875</t>
  </si>
  <si>
    <t>1.704116702079773</t>
  </si>
  <si>
    <t>331.3475646972656</t>
  </si>
  <si>
    <t>24.18703269958496</t>
  </si>
  <si>
    <t>590.316162109375</t>
  </si>
  <si>
    <t>29270.400390625</t>
  </si>
  <si>
    <t>Punjab w/ Islamabad</t>
  </si>
  <si>
    <t>24.154869079589844</t>
  </si>
  <si>
    <t>431.3222961425781</t>
  </si>
  <si>
    <t>0.015081075774846298</t>
  </si>
  <si>
    <t>23.9062442779541</t>
  </si>
  <si>
    <t>529.4564208984375</t>
  </si>
  <si>
    <t>0.03982363459992122</t>
  </si>
  <si>
    <t>24.7290096282959</t>
  </si>
  <si>
    <t>410.7137756347656</t>
  </si>
  <si>
    <t>-0.024264621999631864</t>
  </si>
  <si>
    <t>24.207544326782227</t>
  </si>
  <si>
    <t>504.4189758300781</t>
  </si>
  <si>
    <t>0.02289381986585326</t>
  </si>
  <si>
    <t>24.21537208557129</t>
  </si>
  <si>
    <t>640.6810913085938</t>
  </si>
  <si>
    <t>0.029065919064859003</t>
  </si>
  <si>
    <t>24.098854064941406</t>
  </si>
  <si>
    <t>531.6433715820312</t>
  </si>
  <si>
    <t>0.005315627134386602</t>
  </si>
  <si>
    <t>23.281471252441406</t>
  </si>
  <si>
    <t>556.7677001953125</t>
  </si>
  <si>
    <t>-0.023128230512518222</t>
  </si>
  <si>
    <t>24.417848587036133</t>
  </si>
  <si>
    <t>480.3056945800781</t>
  </si>
  <si>
    <t>0.0006779661276627991</t>
  </si>
  <si>
    <t>25.019380569458008</t>
  </si>
  <si>
    <t>332.64080810546875</t>
  </si>
  <si>
    <t>0.047320656190072974</t>
  </si>
  <si>
    <t>24.817306518554688</t>
  </si>
  <si>
    <t>397.78118896484375</t>
  </si>
  <si>
    <t>0.018572419844756993</t>
  </si>
  <si>
    <t>24.86334228515625</t>
  </si>
  <si>
    <t>465.0464172363281</t>
  </si>
  <si>
    <t>0.014488442416130454</t>
  </si>
  <si>
    <t>25.010915756225586</t>
  </si>
  <si>
    <t>362.18621826171875</t>
  </si>
  <si>
    <t>0.014589735744291232</t>
  </si>
  <si>
    <t>24.242584228515625</t>
  </si>
  <si>
    <t>590.1116333007812</t>
  </si>
  <si>
    <t>0.039872391247376626</t>
  </si>
  <si>
    <t>24.884056091308594</t>
  </si>
  <si>
    <t>465.87554931640625</t>
  </si>
  <si>
    <t>0.06366828769346355</t>
  </si>
  <si>
    <t>3776</t>
  </si>
  <si>
    <t>24.10197639465332</t>
  </si>
  <si>
    <t>495.90380859375</t>
  </si>
  <si>
    <t>24.718156814575195</t>
  </si>
  <si>
    <t>604.352294921875</t>
  </si>
  <si>
    <t>0.03691607123909435</t>
  </si>
  <si>
    <t>24.615760803222656</t>
  </si>
  <si>
    <t>531.0079956054688</t>
  </si>
  <si>
    <t>0.020963010352749833</t>
  </si>
  <si>
    <t>3979</t>
  </si>
  <si>
    <t>24.742902755737305</t>
  </si>
  <si>
    <t>600.7720336914062</t>
  </si>
  <si>
    <t>-0.005513798430307304</t>
  </si>
  <si>
    <t>25.0186710357666</t>
  </si>
  <si>
    <t>347.7815856933594</t>
  </si>
  <si>
    <t>0.006762705798834645</t>
  </si>
  <si>
    <t>25.084840774536133</t>
  </si>
  <si>
    <t>642.5675659179688</t>
  </si>
  <si>
    <t>-0.012559823483160315</t>
  </si>
  <si>
    <t>24.70633888244629</t>
  </si>
  <si>
    <t>550.0433349609375</t>
  </si>
  <si>
    <t>0.0002527486428220982</t>
  </si>
  <si>
    <t>24.39765739440918</t>
  </si>
  <si>
    <t>426.9810485839844</t>
  </si>
  <si>
    <t>0.00680017731906446</t>
  </si>
  <si>
    <t>24.815946578979492</t>
  </si>
  <si>
    <t>577.51611328125</t>
  </si>
  <si>
    <t>0.02943207373769674</t>
  </si>
  <si>
    <t>24.34596061706543</t>
  </si>
  <si>
    <t>511.0754699707031</t>
  </si>
  <si>
    <t>0.02835365334031259</t>
  </si>
  <si>
    <t>24.63189125061035</t>
  </si>
  <si>
    <t>697.25634765625</t>
  </si>
  <si>
    <t>0.07725055672593406</t>
  </si>
  <si>
    <t>25.339448928833008</t>
  </si>
  <si>
    <t>562.494384765625</t>
  </si>
  <si>
    <t>0.09809736058535279</t>
  </si>
  <si>
    <t>5254</t>
  </si>
  <si>
    <t>25.246965408325195</t>
  </si>
  <si>
    <t>456.3377990722656</t>
  </si>
  <si>
    <t>0.0435697071517005</t>
  </si>
  <si>
    <t>25.25408363342285</t>
  </si>
  <si>
    <t>408.1888427734375</t>
  </si>
  <si>
    <t>0.05750729346415895</t>
  </si>
  <si>
    <t>5686</t>
  </si>
  <si>
    <t>24.404197692871094</t>
  </si>
  <si>
    <t>614.487060546875</t>
  </si>
  <si>
    <t>0.021510028501300127</t>
  </si>
  <si>
    <t>24.561922073364258</t>
  </si>
  <si>
    <t>597.53662109375</t>
  </si>
  <si>
    <t>-0.03035405329775287</t>
  </si>
  <si>
    <t>25.106138229370117</t>
  </si>
  <si>
    <t>523.3167724609375</t>
  </si>
  <si>
    <t>0.044672440051593654</t>
  </si>
  <si>
    <t>25.34523582458496</t>
  </si>
  <si>
    <t>639.0503540039062</t>
  </si>
  <si>
    <t>0.02702404916872503</t>
  </si>
  <si>
    <t>3933</t>
  </si>
  <si>
    <t>26.669504165649414</t>
  </si>
  <si>
    <t>137.6797637939453</t>
  </si>
  <si>
    <t>12198.421875</t>
  </si>
  <si>
    <t>Sindh</t>
  </si>
  <si>
    <t>26.63981056213379</t>
  </si>
  <si>
    <t>49.939414978027344</t>
  </si>
  <si>
    <t>0.00734645482668661</t>
  </si>
  <si>
    <t>26.538068771362305</t>
  </si>
  <si>
    <t>161.5655059814453</t>
  </si>
  <si>
    <t>0.05762103607509417</t>
  </si>
  <si>
    <t>27.374711990356445</t>
  </si>
  <si>
    <t>105.54076385498047</t>
  </si>
  <si>
    <t>-0.002146691343163809</t>
  </si>
  <si>
    <t>26.83295440673828</t>
  </si>
  <si>
    <t>375.9049377441406</t>
  </si>
  <si>
    <t>-0.004547094109630834</t>
  </si>
  <si>
    <t>26.918630599975586</t>
  </si>
  <si>
    <t>144.8999786376953</t>
  </si>
  <si>
    <t>0.0227659820449837</t>
  </si>
  <si>
    <t>26.72930908203125</t>
  </si>
  <si>
    <t>115.43013763427734</t>
  </si>
  <si>
    <t>0.005611424591100089</t>
  </si>
  <si>
    <t>26.284738540649414</t>
  </si>
  <si>
    <t>199.4071807861328</t>
  </si>
  <si>
    <t>-0.012434177795583423</t>
  </si>
  <si>
    <t>27.34773826599121</t>
  </si>
  <si>
    <t>104.83604431152344</t>
  </si>
  <si>
    <t>-0.0030736517873535263</t>
  </si>
  <si>
    <t>27.467947006225586</t>
  </si>
  <si>
    <t>78.33621978759766</t>
  </si>
  <si>
    <t>-0.021058447476150377</t>
  </si>
  <si>
    <t>27.252517700195312</t>
  </si>
  <si>
    <t>87.96261596679688</t>
  </si>
  <si>
    <t>0.00048355900361940485</t>
  </si>
  <si>
    <t>27.446142196655273</t>
  </si>
  <si>
    <t>102.55621337890625</t>
  </si>
  <si>
    <t>-0.004360472025330964</t>
  </si>
  <si>
    <t>27.68047332763672</t>
  </si>
  <si>
    <t>60.32500457763672</t>
  </si>
  <si>
    <t>27.218645095825195</t>
  </si>
  <si>
    <t>296.74261474609375</t>
  </si>
  <si>
    <t>0.029356315510964848</t>
  </si>
  <si>
    <t>27.636985778808594</t>
  </si>
  <si>
    <t>50.0067253112793</t>
  </si>
  <si>
    <t>0.04616929226435218</t>
  </si>
  <si>
    <t>26.97955322265625</t>
  </si>
  <si>
    <t>99.77254486083984</t>
  </si>
  <si>
    <t>0.059432274376924</t>
  </si>
  <si>
    <t>27.55308723449707</t>
  </si>
  <si>
    <t>232.44219970703125</t>
  </si>
  <si>
    <t>0.04827355517927856</t>
  </si>
  <si>
    <t>4998</t>
  </si>
  <si>
    <t>27.38683319091797</t>
  </si>
  <si>
    <t>243.78431701660156</t>
  </si>
  <si>
    <t>0.03253642022492542</t>
  </si>
  <si>
    <t>27.503171920776367</t>
  </si>
  <si>
    <t>126.0564193725586</t>
  </si>
  <si>
    <t>0.0021984619627186675</t>
  </si>
  <si>
    <t>5083</t>
  </si>
  <si>
    <t>28.05052375793457</t>
  </si>
  <si>
    <t>185.14686584472656</t>
  </si>
  <si>
    <t>0.014665344089285881</t>
  </si>
  <si>
    <t>27.872711181640625</t>
  </si>
  <si>
    <t>300.4068908691406</t>
  </si>
  <si>
    <t>-0.004732803154967158</t>
  </si>
  <si>
    <t>27.516427993774414</t>
  </si>
  <si>
    <t>112.9681396484375</t>
  </si>
  <si>
    <t>0.008071704420482106</t>
  </si>
  <si>
    <t>27.09682273864746</t>
  </si>
  <si>
    <t>112.66407012939453</t>
  </si>
  <si>
    <t>27.384979248046875</t>
  </si>
  <si>
    <t>166.50686645507812</t>
  </si>
  <si>
    <t>0.01819102340183676</t>
  </si>
  <si>
    <t>27.30083656311035</t>
  </si>
  <si>
    <t>62.21919631958008</t>
  </si>
  <si>
    <t>0.016933612529440367</t>
  </si>
  <si>
    <t>27.765954971313477</t>
  </si>
  <si>
    <t>152.85543823242188</t>
  </si>
  <si>
    <t>-0.08362498702811116</t>
  </si>
  <si>
    <t>4577</t>
  </si>
  <si>
    <t>27.90741539001465</t>
  </si>
  <si>
    <t>116.26036834716797</t>
  </si>
  <si>
    <t>-0.07429522638309471</t>
  </si>
  <si>
    <t>27.85967445373535</t>
  </si>
  <si>
    <t>128.3195037841797</t>
  </si>
  <si>
    <t>0.01904407262780161</t>
  </si>
  <si>
    <t>4823</t>
  </si>
  <si>
    <t>28.02379608154297</t>
  </si>
  <si>
    <t>41.081329345703125</t>
  </si>
  <si>
    <t>0.03330830678752861</t>
  </si>
  <si>
    <t>27.239694595336914</t>
  </si>
  <si>
    <t>235.78140258789062</t>
  </si>
  <si>
    <t>-0.00269905696916517</t>
  </si>
  <si>
    <t>27.3211669921875</t>
  </si>
  <si>
    <t>329.6846008300781</t>
  </si>
  <si>
    <t>-0.030394910518431573</t>
  </si>
  <si>
    <t>27.90702247619629</t>
  </si>
  <si>
    <t>154.47537231445312</t>
  </si>
  <si>
    <t>0.044638107234462154</t>
  </si>
  <si>
    <t>27.929433822631836</t>
  </si>
  <si>
    <t>433.444091796875</t>
  </si>
  <si>
    <t>0.026894756200121606</t>
  </si>
  <si>
    <t>PAN</t>
  </si>
  <si>
    <t>22.30181884765625</t>
  </si>
  <si>
    <t>3089.398681640625</t>
  </si>
  <si>
    <t>44.757293701171875</t>
  </si>
  <si>
    <t>Bocas Del Toro</t>
  </si>
  <si>
    <t>Panama</t>
  </si>
  <si>
    <t>8095</t>
  </si>
  <si>
    <t>22.573049545288086</t>
  </si>
  <si>
    <t>2873.62353515625</t>
  </si>
  <si>
    <t>0.06336153236416386</t>
  </si>
  <si>
    <t>22.266645431518555</t>
  </si>
  <si>
    <t>2962.687255859375</t>
  </si>
  <si>
    <t>0.05269441242485051</t>
  </si>
  <si>
    <t>22.282241821289062</t>
  </si>
  <si>
    <t>2896.8994140625</t>
  </si>
  <si>
    <t>0.027395806829643377</t>
  </si>
  <si>
    <t>22.177114486694336</t>
  </si>
  <si>
    <t>2598.13916015625</t>
  </si>
  <si>
    <t>0.0027328643745256898</t>
  </si>
  <si>
    <t>22.26044464111328</t>
  </si>
  <si>
    <t>3778.6962890625</t>
  </si>
  <si>
    <t>-0.007648002577443691</t>
  </si>
  <si>
    <t>22.03102684020996</t>
  </si>
  <si>
    <t>3215.758056640625</t>
  </si>
  <si>
    <t>0.01376977659880474</t>
  </si>
  <si>
    <t>22.7049617767334</t>
  </si>
  <si>
    <t>2894.555419921875</t>
  </si>
  <si>
    <t>-0.0013571592221079953</t>
  </si>
  <si>
    <t>22.742353439331055</t>
  </si>
  <si>
    <t>3212.47509765625</t>
  </si>
  <si>
    <t>-0.04383978475778605</t>
  </si>
  <si>
    <t>21.90580940246582</t>
  </si>
  <si>
    <t>3158.560302734375</t>
  </si>
  <si>
    <t>-0.018859475183774066</t>
  </si>
  <si>
    <t>22.070627212524414</t>
  </si>
  <si>
    <t>2710.9189453125</t>
  </si>
  <si>
    <t>-0.015054308832993968</t>
  </si>
  <si>
    <t>22.529958724975586</t>
  </si>
  <si>
    <t>2752.55078125</t>
  </si>
  <si>
    <t>0.000244618396523677</t>
  </si>
  <si>
    <t>22.506385803222656</t>
  </si>
  <si>
    <t>2696.50927734375</t>
  </si>
  <si>
    <t>-0.02488830252030283</t>
  </si>
  <si>
    <t>22.672195434570312</t>
  </si>
  <si>
    <t>3408.6396484375</t>
  </si>
  <si>
    <t>-0.20401966041402808</t>
  </si>
  <si>
    <t>22.53807830810547</t>
  </si>
  <si>
    <t>3158.405029296875</t>
  </si>
  <si>
    <t>0.12092147038091561</t>
  </si>
  <si>
    <t>22.35923194885254</t>
  </si>
  <si>
    <t>3114.146728515625</t>
  </si>
  <si>
    <t>-0.06399371044580704</t>
  </si>
  <si>
    <t>7167</t>
  </si>
  <si>
    <t>22.569984436035156</t>
  </si>
  <si>
    <t>2827.854736328125</t>
  </si>
  <si>
    <t>0.040142024831164136</t>
  </si>
  <si>
    <t>22.26941680908203</t>
  </si>
  <si>
    <t>3272.664306640625</t>
  </si>
  <si>
    <t>0.10393631234249057</t>
  </si>
  <si>
    <t>22.330955505371094</t>
  </si>
  <si>
    <t>3689.724853515625</t>
  </si>
  <si>
    <t>0.2212302533134931</t>
  </si>
  <si>
    <t>22.685087203979492</t>
  </si>
  <si>
    <t>2770.120361328125</t>
  </si>
  <si>
    <t>-0.04252017316981771</t>
  </si>
  <si>
    <t>22.557876586914062</t>
  </si>
  <si>
    <t>3484.5693359375</t>
  </si>
  <si>
    <t>-0.06900789654122974</t>
  </si>
  <si>
    <t>22.372121810913086</t>
  </si>
  <si>
    <t>3030.702880859375</t>
  </si>
  <si>
    <t>0.07894989669911823</t>
  </si>
  <si>
    <t>22.319631576538086</t>
  </si>
  <si>
    <t>2340.938720703125</t>
  </si>
  <si>
    <t>-0.01701364290545726</t>
  </si>
  <si>
    <t>22.549760818481445</t>
  </si>
  <si>
    <t>2632.629638671875</t>
  </si>
  <si>
    <t>0.04686660605513815</t>
  </si>
  <si>
    <t>22.599973678588867</t>
  </si>
  <si>
    <t>2877.615234375</t>
  </si>
  <si>
    <t>-0.03622540571160293</t>
  </si>
  <si>
    <t>9908</t>
  </si>
  <si>
    <t>22.70794677734375</t>
  </si>
  <si>
    <t>2865.64013671875</t>
  </si>
  <si>
    <t>0.03763940453319847</t>
  </si>
  <si>
    <t>22.57853126525879</t>
  </si>
  <si>
    <t>2898.68896484375</t>
  </si>
  <si>
    <t>0.029633271014667173</t>
  </si>
  <si>
    <t>10311</t>
  </si>
  <si>
    <t>22.387434005737305</t>
  </si>
  <si>
    <t>3283.780029296875</t>
  </si>
  <si>
    <t>0.01023550389402672</t>
  </si>
  <si>
    <t>10812</t>
  </si>
  <si>
    <t>22.17375946044922</t>
  </si>
  <si>
    <t>3063.34423828125</t>
  </si>
  <si>
    <t>0.047445341878393776</t>
  </si>
  <si>
    <t>22.412078857421875</t>
  </si>
  <si>
    <t>3185.2587890625</t>
  </si>
  <si>
    <t>0.012865459571946403</t>
  </si>
  <si>
    <t>22.43779182434082</t>
  </si>
  <si>
    <t>3147.847900390625</t>
  </si>
  <si>
    <t>-0.21208819655625177</t>
  </si>
  <si>
    <t>10094</t>
  </si>
  <si>
    <t>22.243989944458008</t>
  </si>
  <si>
    <t>3112.489990234375</t>
  </si>
  <si>
    <t>0.13050729648817594</t>
  </si>
  <si>
    <t>22.146196365356445</t>
  </si>
  <si>
    <t>3114.904052734375</t>
  </si>
  <si>
    <t>0.08631765514425638</t>
  </si>
  <si>
    <t>6729</t>
  </si>
  <si>
    <t>25.1317195892334</t>
  </si>
  <si>
    <t>2713.43994140625</t>
  </si>
  <si>
    <t>230.0334014892578</t>
  </si>
  <si>
    <t>Chiriqu</t>
  </si>
  <si>
    <t>25.02988624572754</t>
  </si>
  <si>
    <t>2655.234619140625</t>
  </si>
  <si>
    <t>0.06333963066455262</t>
  </si>
  <si>
    <t>7557</t>
  </si>
  <si>
    <t>25.16692352294922</t>
  </si>
  <si>
    <t>2721.798095703125</t>
  </si>
  <si>
    <t>0.052708111167849125</t>
  </si>
  <si>
    <t>25.142335891723633</t>
  </si>
  <si>
    <t>2797.04052734375</t>
  </si>
  <si>
    <t>0.02740970339892712</t>
  </si>
  <si>
    <t>25.032501220703125</t>
  </si>
  <si>
    <t>2613.8154296875</t>
  </si>
  <si>
    <t>0.0027000980724434243</t>
  </si>
  <si>
    <t>7728</t>
  </si>
  <si>
    <t>25.110448837280273</t>
  </si>
  <si>
    <t>3097.388671875</t>
  </si>
  <si>
    <t>-0.007733990599737339</t>
  </si>
  <si>
    <t>7835</t>
  </si>
  <si>
    <t>24.681692123413086</t>
  </si>
  <si>
    <t>2845.880126953125</t>
  </si>
  <si>
    <t>0.013750778897767546</t>
  </si>
  <si>
    <t>7972</t>
  </si>
  <si>
    <t>25.16602325439453</t>
  </si>
  <si>
    <t>2835.855224609375</t>
  </si>
  <si>
    <t>0.017334526542564177</t>
  </si>
  <si>
    <t>25.27037811279297</t>
  </si>
  <si>
    <t>2863.123291015625</t>
  </si>
  <si>
    <t>-0.024893335192411215</t>
  </si>
  <si>
    <t>24.481491088867188</t>
  </si>
  <si>
    <t>2812.594482421875</t>
  </si>
  <si>
    <t>0.05564978901185924</t>
  </si>
  <si>
    <t>8476</t>
  </si>
  <si>
    <t>24.613595962524414</t>
  </si>
  <si>
    <t>2630.420166015625</t>
  </si>
  <si>
    <t>0.030546784236056723</t>
  </si>
  <si>
    <t>24.995820999145508</t>
  </si>
  <si>
    <t>2740.7392578125</t>
  </si>
  <si>
    <t>0.07421751917689079</t>
  </si>
  <si>
    <t>25.085237503051758</t>
  </si>
  <si>
    <t>2810.12841796875</t>
  </si>
  <si>
    <t>0.015650792235144095</t>
  </si>
  <si>
    <t>8958</t>
  </si>
  <si>
    <t>25.142595291137695</t>
  </si>
  <si>
    <t>3110.327392578125</t>
  </si>
  <si>
    <t>-0.03455996403297945</t>
  </si>
  <si>
    <t>9343</t>
  </si>
  <si>
    <t>24.86381721496582</t>
  </si>
  <si>
    <t>3124.73876953125</t>
  </si>
  <si>
    <t>0.04208041202570989</t>
  </si>
  <si>
    <t>24.93819236755371</t>
  </si>
  <si>
    <t>2853.43505859375</t>
  </si>
  <si>
    <t>0.04315257426425667</t>
  </si>
  <si>
    <t>25.089120864868164</t>
  </si>
  <si>
    <t>2454.804931640625</t>
  </si>
  <si>
    <t>0.05552829156181183</t>
  </si>
  <si>
    <t>24.895240783691406</t>
  </si>
  <si>
    <t>2966.091064453125</t>
  </si>
  <si>
    <t>0.0614001162329636</t>
  </si>
  <si>
    <t>24.838180541992188</t>
  </si>
  <si>
    <t>3244.641845703125</t>
  </si>
  <si>
    <t>0.05999675918502767</t>
  </si>
  <si>
    <t>25.255271911621094</t>
  </si>
  <si>
    <t>2788.05712890625</t>
  </si>
  <si>
    <t>-0.30236171139137547</t>
  </si>
  <si>
    <t>25.12383270263672</t>
  </si>
  <si>
    <t>3085.427001953125</t>
  </si>
  <si>
    <t>0.018993376720588984</t>
  </si>
  <si>
    <t>24.963760375976562</t>
  </si>
  <si>
    <t>2757.50927734375</t>
  </si>
  <si>
    <t>-0.04680240333335561</t>
  </si>
  <si>
    <t>25.129737854003906</t>
  </si>
  <si>
    <t>2166.559326171875</t>
  </si>
  <si>
    <t>0.06845901331321436</t>
  </si>
  <si>
    <t>25.277923583984375</t>
  </si>
  <si>
    <t>2356.819580078125</t>
  </si>
  <si>
    <t>0.006229163634941415</t>
  </si>
  <si>
    <t>25.36781883239746</t>
  </si>
  <si>
    <t>2911.01806640625</t>
  </si>
  <si>
    <t>-0.008127863038209782</t>
  </si>
  <si>
    <t>9778</t>
  </si>
  <si>
    <t>25.5048770904541</t>
  </si>
  <si>
    <t>2510.154541015625</t>
  </si>
  <si>
    <t>0.08904024719577208</t>
  </si>
  <si>
    <t>10331</t>
  </si>
  <si>
    <t>25.3575496673584</t>
  </si>
  <si>
    <t>2476.86865234375</t>
  </si>
  <si>
    <t>0.05501411971085446</t>
  </si>
  <si>
    <t>25.124319076538086</t>
  </si>
  <si>
    <t>2644.744140625</t>
  </si>
  <si>
    <t>0.022302910567576717</t>
  </si>
  <si>
    <t>25.01759147644043</t>
  </si>
  <si>
    <t>2953.864990234375</t>
  </si>
  <si>
    <t>0.025329640553437116</t>
  </si>
  <si>
    <t>25.299468994140625</t>
  </si>
  <si>
    <t>3263.053955078125</t>
  </si>
  <si>
    <t>0.012838323972912846</t>
  </si>
  <si>
    <t>25.28693962097168</t>
  </si>
  <si>
    <t>3092.121337890625</t>
  </si>
  <si>
    <t>-0.21215629687505277</t>
  </si>
  <si>
    <t>25.068132400512695</t>
  </si>
  <si>
    <t>2965.24755859375</t>
  </si>
  <si>
    <t>0.13055580853352566</t>
  </si>
  <si>
    <t>24.80153465270996</t>
  </si>
  <si>
    <t>2512.15771484375</t>
  </si>
  <si>
    <t>0.08632734015683319</t>
  </si>
  <si>
    <t>5922</t>
  </si>
  <si>
    <t>26.606796264648438</t>
  </si>
  <si>
    <t>1563.9849853515625</t>
  </si>
  <si>
    <t>91.31857299804688</t>
  </si>
  <si>
    <t>Cocl</t>
  </si>
  <si>
    <t>6310</t>
  </si>
  <si>
    <t>26.65386199951172</t>
  </si>
  <si>
    <t>1565.9052734375</t>
  </si>
  <si>
    <t>0.06346144687372224</t>
  </si>
  <si>
    <t>26.66960334777832</t>
  </si>
  <si>
    <t>1551.4423828125</t>
  </si>
  <si>
    <t>0.05263154274916282</t>
  </si>
  <si>
    <t>6836</t>
  </si>
  <si>
    <t>26.736268997192383</t>
  </si>
  <si>
    <t>1563.0811767578125</t>
  </si>
  <si>
    <t>0.027435545951060902</t>
  </si>
  <si>
    <t>26.57793617248535</t>
  </si>
  <si>
    <t>1599.99072265625</t>
  </si>
  <si>
    <t>0.00277554776093325</t>
  </si>
  <si>
    <t>26.615127563476562</t>
  </si>
  <si>
    <t>1514.8143310546875</t>
  </si>
  <si>
    <t>-0.007761626429275026</t>
  </si>
  <si>
    <t>26.298307418823242</t>
  </si>
  <si>
    <t>1541.07373046875</t>
  </si>
  <si>
    <t>26.781639099121094</t>
  </si>
  <si>
    <t>1592.3426513671875</t>
  </si>
  <si>
    <t>-0.0031948908965180323</t>
  </si>
  <si>
    <t>26.904632568359375</t>
  </si>
  <si>
    <t>1544.8681640625</t>
  </si>
  <si>
    <t>0.023574471073358083</t>
  </si>
  <si>
    <t>26.14336585998535</t>
  </si>
  <si>
    <t>1560.52392578125</t>
  </si>
  <si>
    <t>-0.10128051692932694</t>
  </si>
  <si>
    <t>26.2120418548584</t>
  </si>
  <si>
    <t>1584.034912109375</t>
  </si>
  <si>
    <t>-0.09976909200299389</t>
  </si>
  <si>
    <t>26.587501525878906</t>
  </si>
  <si>
    <t>1608.3167724609375</t>
  </si>
  <si>
    <t>0.10228126163946172</t>
  </si>
  <si>
    <t>6478</t>
  </si>
  <si>
    <t>26.693986892700195</t>
  </si>
  <si>
    <t>1627.9259033203125</t>
  </si>
  <si>
    <t>0.015714053416003182</t>
  </si>
  <si>
    <t>6882</t>
  </si>
  <si>
    <t>26.710960388183594</t>
  </si>
  <si>
    <t>1576.88671875</t>
  </si>
  <si>
    <t>0.06049748662615073</t>
  </si>
  <si>
    <t>26.521764755249023</t>
  </si>
  <si>
    <t>1631.4556884765625</t>
  </si>
  <si>
    <t>0.07675113180004445</t>
  </si>
  <si>
    <t>26.513891220092773</t>
  </si>
  <si>
    <t>1560.259033203125</t>
  </si>
  <si>
    <t>0.038153924861351385</t>
  </si>
  <si>
    <t>7625</t>
  </si>
  <si>
    <t>26.647226333618164</t>
  </si>
  <si>
    <t>1518.093994140625</t>
  </si>
  <si>
    <t>-0.012382041543208544</t>
  </si>
  <si>
    <t>26.448768615722656</t>
  </si>
  <si>
    <t>1558.41455078125</t>
  </si>
  <si>
    <t>0.1109840183477484</t>
  </si>
  <si>
    <t>26.22947883605957</t>
  </si>
  <si>
    <t>1560.677490234375</t>
  </si>
  <si>
    <t>0.0017590154051791984</t>
  </si>
  <si>
    <t>9287</t>
  </si>
  <si>
    <t>26.748769760131836</t>
  </si>
  <si>
    <t>1612.300048828125</t>
  </si>
  <si>
    <t>0.0844402165474687</t>
  </si>
  <si>
    <t>26.692289352416992</t>
  </si>
  <si>
    <t>1551.3848876953125</t>
  </si>
  <si>
    <t>0.08728053425984506</t>
  </si>
  <si>
    <t>26.494295120239258</t>
  </si>
  <si>
    <t>1551.1552734375</t>
  </si>
  <si>
    <t>0.046089329221775444</t>
  </si>
  <si>
    <t>11276</t>
  </si>
  <si>
    <t>26.685340881347656</t>
  </si>
  <si>
    <t>1543.4310302734375</t>
  </si>
  <si>
    <t>0.06069113697637363</t>
  </si>
  <si>
    <t>26.844139099121094</t>
  </si>
  <si>
    <t>1530.92724609375</t>
  </si>
  <si>
    <t>0.09259761315253101</t>
  </si>
  <si>
    <t>13256</t>
  </si>
  <si>
    <t>26.906328201293945</t>
  </si>
  <si>
    <t>1623.02587890625</t>
  </si>
  <si>
    <t>0.06917609371986444</t>
  </si>
  <si>
    <t>27.06713104248047</t>
  </si>
  <si>
    <t>1512.4442138671875</t>
  </si>
  <si>
    <t>-0.00045272769203030805</t>
  </si>
  <si>
    <t>13543</t>
  </si>
  <si>
    <t>26.93564796447754</t>
  </si>
  <si>
    <t>1512.127685546875</t>
  </si>
  <si>
    <t>0.02187225624100364</t>
  </si>
  <si>
    <t>26.661422729492188</t>
  </si>
  <si>
    <t>1533.0498046875</t>
  </si>
  <si>
    <t>0.01756614003906698</t>
  </si>
  <si>
    <t>14072</t>
  </si>
  <si>
    <t>26.56389045715332</t>
  </si>
  <si>
    <t>1581.3404541015625</t>
  </si>
  <si>
    <t>0.02075105872295424</t>
  </si>
  <si>
    <t>14255</t>
  </si>
  <si>
    <t>26.858489990234375</t>
  </si>
  <si>
    <t>1633.173583984375</t>
  </si>
  <si>
    <t>0.012920714929379074</t>
  </si>
  <si>
    <t>11530</t>
  </si>
  <si>
    <t>26.806020736694336</t>
  </si>
  <si>
    <t>1580.1939697265625</t>
  </si>
  <si>
    <t>-0.21215538808366752</t>
  </si>
  <si>
    <t>13138</t>
  </si>
  <si>
    <t>26.52870750427246</t>
  </si>
  <si>
    <t>1575.025634765625</t>
  </si>
  <si>
    <t>0.13055646018931277</t>
  </si>
  <si>
    <t>26.294294357299805</t>
  </si>
  <si>
    <t>1450.5352783203125</t>
  </si>
  <si>
    <t>0.08628802211446818</t>
  </si>
  <si>
    <t>21371</t>
  </si>
  <si>
    <t>2823.199951171875</t>
  </si>
  <si>
    <t>181.6320343017578</t>
  </si>
  <si>
    <t>22768</t>
  </si>
  <si>
    <t>26.400001525878906</t>
  </si>
  <si>
    <t>2857.000244140625</t>
  </si>
  <si>
    <t>0.06332117853944119</t>
  </si>
  <si>
    <t>24001</t>
  </si>
  <si>
    <t>2705.300048828125</t>
  </si>
  <si>
    <t>0.052739454799084484</t>
  </si>
  <si>
    <t>26.533334732055664</t>
  </si>
  <si>
    <t>2716.5</t>
  </si>
  <si>
    <t>0.02741136098266672</t>
  </si>
  <si>
    <t>24735</t>
  </si>
  <si>
    <t>2836.0</t>
  </si>
  <si>
    <t>0.0027123875504244666</t>
  </si>
  <si>
    <t>24546</t>
  </si>
  <si>
    <t>26.441667556762695</t>
  </si>
  <si>
    <t>-0.007670336504354225</t>
  </si>
  <si>
    <t>2699.5</t>
  </si>
  <si>
    <t>0.013756488178122694</t>
  </si>
  <si>
    <t>26.650001525878906</t>
  </si>
  <si>
    <t>2818.500244140625</t>
  </si>
  <si>
    <t>0.11374765127071207</t>
  </si>
  <si>
    <t>2726.2001953125</t>
  </si>
  <si>
    <t>0.05562509781906577</t>
  </si>
  <si>
    <t>2768.600341796875</t>
  </si>
  <si>
    <t>-0.05286746333806214</t>
  </si>
  <si>
    <t>28334</t>
  </si>
  <si>
    <t>2810.699951171875</t>
  </si>
  <si>
    <t>0.013251814852003108</t>
  </si>
  <si>
    <t>2871.099853515625</t>
  </si>
  <si>
    <t>0.019640680277415612</t>
  </si>
  <si>
    <t>2930.89990234375</t>
  </si>
  <si>
    <t>-0.051009194163823324</t>
  </si>
  <si>
    <t>27997</t>
  </si>
  <si>
    <t>2791.89990234375</t>
  </si>
  <si>
    <t>0.019403378507103497</t>
  </si>
  <si>
    <t>29230</t>
  </si>
  <si>
    <t>26.44167137145996</t>
  </si>
  <si>
    <t>2953.2001953125</t>
  </si>
  <si>
    <t>0.04309821754529963</t>
  </si>
  <si>
    <t>2756.60009765625</t>
  </si>
  <si>
    <t>0.12143318711894224</t>
  </si>
  <si>
    <t>2641.39990234375</t>
  </si>
  <si>
    <t>0.0631380894090281</t>
  </si>
  <si>
    <t>37739</t>
  </si>
  <si>
    <t>26.341665267944336</t>
  </si>
  <si>
    <t>2758.400146484375</t>
  </si>
  <si>
    <t>0.07092718685290578</t>
  </si>
  <si>
    <t>26.15000343322754</t>
  </si>
  <si>
    <t>2766.099853515625</t>
  </si>
  <si>
    <t>0.037982704292385705</t>
  </si>
  <si>
    <t>36184</t>
  </si>
  <si>
    <t>2875.900146484375</t>
  </si>
  <si>
    <t>-0.0800597146208748</t>
  </si>
  <si>
    <t>26.666669845581055</t>
  </si>
  <si>
    <t>2750.5</t>
  </si>
  <si>
    <t>0.032919973468089836</t>
  </si>
  <si>
    <t>26.40833282470703</t>
  </si>
  <si>
    <t>2715.400146484375</t>
  </si>
  <si>
    <t>0.1175126123828818</t>
  </si>
  <si>
    <t>2716.800048828125</t>
  </si>
  <si>
    <t>0.045230920850675815</t>
  </si>
  <si>
    <t>39364</t>
  </si>
  <si>
    <t>2680.39990234375</t>
  </si>
  <si>
    <t>-0.11142884584045021</t>
  </si>
  <si>
    <t>37293</t>
  </si>
  <si>
    <t>2924.400146484375</t>
  </si>
  <si>
    <t>-0.05404605155904996</t>
  </si>
  <si>
    <t>45078</t>
  </si>
  <si>
    <t>27.191665649414062</t>
  </si>
  <si>
    <t>2699.800048828125</t>
  </si>
  <si>
    <t>0.18958868113739058</t>
  </si>
  <si>
    <t>27.100000381469727</t>
  </si>
  <si>
    <t>2702.000244140625</t>
  </si>
  <si>
    <t>0.23749501933761863</t>
  </si>
  <si>
    <t>69571</t>
  </si>
  <si>
    <t>2718.39990234375</t>
  </si>
  <si>
    <t>0.19645847189133292</t>
  </si>
  <si>
    <t>74693</t>
  </si>
  <si>
    <t>2768.2998046875</t>
  </si>
  <si>
    <t>0.07103856573785983</t>
  </si>
  <si>
    <t>75664</t>
  </si>
  <si>
    <t>2829.800048828125</t>
  </si>
  <si>
    <t>0.01291610631962925</t>
  </si>
  <si>
    <t>61200</t>
  </si>
  <si>
    <t>26.808332443237305</t>
  </si>
  <si>
    <t>2757.30029296875</t>
  </si>
  <si>
    <t>-0.21215529638323893</t>
  </si>
  <si>
    <t>69733</t>
  </si>
  <si>
    <t>2767.400146484375</t>
  </si>
  <si>
    <t>0.13052647387823058</t>
  </si>
  <si>
    <t>76020</t>
  </si>
  <si>
    <t>26.250001907348633</t>
  </si>
  <si>
    <t>2631.199951171875</t>
  </si>
  <si>
    <t>0.08632280016459148</t>
  </si>
  <si>
    <t>26.540098190307617</t>
  </si>
  <si>
    <t>2390.684814453125</t>
  </si>
  <si>
    <t>21.512657165527344</t>
  </si>
  <si>
    <t>Darin</t>
  </si>
  <si>
    <t>26.46101951599121</t>
  </si>
  <si>
    <t>2159.4306640625</t>
  </si>
  <si>
    <t>26.540504455566406</t>
  </si>
  <si>
    <t>2313.148193359375</t>
  </si>
  <si>
    <t>0.052746400393536064</t>
  </si>
  <si>
    <t>26.532997131347656</t>
  </si>
  <si>
    <t>2194.5380859375</t>
  </si>
  <si>
    <t>0.02721524701164668</t>
  </si>
  <si>
    <t>5155</t>
  </si>
  <si>
    <t>26.45672035217285</t>
  </si>
  <si>
    <t>2219.270263671875</t>
  </si>
  <si>
    <t>0.002914038001849306</t>
  </si>
  <si>
    <t>26.556533813476562</t>
  </si>
  <si>
    <t>2542.736328125</t>
  </si>
  <si>
    <t>-0.007789718065334128</t>
  </si>
  <si>
    <t>26.239004135131836</t>
  </si>
  <si>
    <t>2550.590087890625</t>
  </si>
  <si>
    <t>0.013785287712883232</t>
  </si>
  <si>
    <t>26.73124122619629</t>
  </si>
  <si>
    <t>2236.449462890625</t>
  </si>
  <si>
    <t>0.01909912906562461</t>
  </si>
  <si>
    <t>5849</t>
  </si>
  <si>
    <t>26.72711181640625</t>
  </si>
  <si>
    <t>2374.80859375</t>
  </si>
  <si>
    <t>0.10120889027879088</t>
  </si>
  <si>
    <t>26.004905700683594</t>
  </si>
  <si>
    <t>2642.67041015625</t>
  </si>
  <si>
    <t>-0.10499964538677098</t>
  </si>
  <si>
    <t>26.08549690246582</t>
  </si>
  <si>
    <t>2445.390380859375</t>
  </si>
  <si>
    <t>0.03800755535977274</t>
  </si>
  <si>
    <t>26.508384704589844</t>
  </si>
  <si>
    <t>2364.830078125</t>
  </si>
  <si>
    <t>0.11587180558474053</t>
  </si>
  <si>
    <t>26.65886116027832</t>
  </si>
  <si>
    <t>2261.06494140625</t>
  </si>
  <si>
    <t>-0.025727012588124154</t>
  </si>
  <si>
    <t>26.616134643554688</t>
  </si>
  <si>
    <t>2512.81640625</t>
  </si>
  <si>
    <t>0.09628167264007637</t>
  </si>
  <si>
    <t>6511</t>
  </si>
  <si>
    <t>26.422449111938477</t>
  </si>
  <si>
    <t>2431.9072265625</t>
  </si>
  <si>
    <t>-0.012212027815857951</t>
  </si>
  <si>
    <t>5103</t>
  </si>
  <si>
    <t>26.57569122314453</t>
  </si>
  <si>
    <t>2343.70361328125</t>
  </si>
  <si>
    <t>-0.24366445217289012</t>
  </si>
  <si>
    <t>26.522499084472656</t>
  </si>
  <si>
    <t>2464.552734375</t>
  </si>
  <si>
    <t>-0.02882616846883579</t>
  </si>
  <si>
    <t>26.406585693359375</t>
  </si>
  <si>
    <t>2700.20068359375</t>
  </si>
  <si>
    <t>0.1042909644646226</t>
  </si>
  <si>
    <t>6057</t>
  </si>
  <si>
    <t>26.167837142944336</t>
  </si>
  <si>
    <t>2485.436767578125</t>
  </si>
  <si>
    <t>0.09592122992118846</t>
  </si>
  <si>
    <t>26.607309341430664</t>
  </si>
  <si>
    <t>2270.153076171875</t>
  </si>
  <si>
    <t>-0.19819728336763198</t>
  </si>
  <si>
    <t>5374</t>
  </si>
  <si>
    <t>26.59412384033203</t>
  </si>
  <si>
    <t>2677.72705078125</t>
  </si>
  <si>
    <t>0.07855516556212194</t>
  </si>
  <si>
    <t>26.375009536743164</t>
  </si>
  <si>
    <t>2922.687744140625</t>
  </si>
  <si>
    <t>0.05924448029718121</t>
  </si>
  <si>
    <t>26.789011001586914</t>
  </si>
  <si>
    <t>2335.17578125</t>
  </si>
  <si>
    <t>0.038869897503305495</t>
  </si>
  <si>
    <t>26.90834617614746</t>
  </si>
  <si>
    <t>2308.927490234375</t>
  </si>
  <si>
    <t>0.0362772699310856</t>
  </si>
  <si>
    <t>5903</t>
  </si>
  <si>
    <t>27.03101921081543</t>
  </si>
  <si>
    <t>2267.1259765625</t>
  </si>
  <si>
    <t>-0.04050346166632046</t>
  </si>
  <si>
    <t>27.187667846679688</t>
  </si>
  <si>
    <t>2143.96240234375</t>
  </si>
  <si>
    <t>-0.0016954904027759454</t>
  </si>
  <si>
    <t>27.092012405395508</t>
  </si>
  <si>
    <t>2344.339111328125</t>
  </si>
  <si>
    <t>0.0473912402230674</t>
  </si>
  <si>
    <t>6348</t>
  </si>
  <si>
    <t>26.660463333129883</t>
  </si>
  <si>
    <t>2524.21337890625</t>
  </si>
  <si>
    <t>0.02698335658531903</t>
  </si>
  <si>
    <t>26.648740768432617</t>
  </si>
  <si>
    <t>2337.794189453125</t>
  </si>
  <si>
    <t>-0.025527869953341664</t>
  </si>
  <si>
    <t>27.003541946411133</t>
  </si>
  <si>
    <t>2303.102783203125</t>
  </si>
  <si>
    <t>0.01300491958101091</t>
  </si>
  <si>
    <t>26.823394775390625</t>
  </si>
  <si>
    <t>2483.031494140625</t>
  </si>
  <si>
    <t>-0.21227603468874</t>
  </si>
  <si>
    <t>26.527029037475586</t>
  </si>
  <si>
    <t>2418.947265625</t>
  </si>
  <si>
    <t>0.13054369919603737</t>
  </si>
  <si>
    <t>26.2349796295166</t>
  </si>
  <si>
    <t>2673.203125</t>
  </si>
  <si>
    <t>0.08634760587970369</t>
  </si>
  <si>
    <t>2049.400146484375</t>
  </si>
  <si>
    <t>19.13776206970215</t>
  </si>
  <si>
    <t>Herrera</t>
  </si>
  <si>
    <t>5510</t>
  </si>
  <si>
    <t>2072.900146484375</t>
  </si>
  <si>
    <t>0.06330516225521166</t>
  </si>
  <si>
    <t>26.316665649414062</t>
  </si>
  <si>
    <t>1972.5001220703125</t>
  </si>
  <si>
    <t>0.05267165435767218</t>
  </si>
  <si>
    <t>5969</t>
  </si>
  <si>
    <t>26.416669845581055</t>
  </si>
  <si>
    <t>1966.4998779296875</t>
  </si>
  <si>
    <t>0.027343131664018472</t>
  </si>
  <si>
    <t>26.258331298828125</t>
  </si>
  <si>
    <t>2089.599853515625</t>
  </si>
  <si>
    <t>0.0028440002439928946</t>
  </si>
  <si>
    <t>1864.0</t>
  </si>
  <si>
    <t>-0.007714276055953206</t>
  </si>
  <si>
    <t>25.908334732055664</t>
  </si>
  <si>
    <t>1928.7000732421875</t>
  </si>
  <si>
    <t>0.013710296684989132</t>
  </si>
  <si>
    <t>2075.600341796875</t>
  </si>
  <si>
    <t>0.014343663608087809</t>
  </si>
  <si>
    <t>0.08199252871910012</t>
  </si>
  <si>
    <t>1987.4998779296875</t>
  </si>
  <si>
    <t>0.0652357595365416</t>
  </si>
  <si>
    <t>25.791664123535156</t>
  </si>
  <si>
    <t>2056.300048828125</t>
  </si>
  <si>
    <t>-0.018249722346570962</t>
  </si>
  <si>
    <t>7066</t>
  </si>
  <si>
    <t>2123.900146484375</t>
  </si>
  <si>
    <t>0.01655288936025201</t>
  </si>
  <si>
    <t>2167.599853515625</t>
  </si>
  <si>
    <t>0.030934611020704494</t>
  </si>
  <si>
    <t>2025.10009765625</t>
  </si>
  <si>
    <t>0.037435366253181</t>
  </si>
  <si>
    <t>26.050003051757812</t>
  </si>
  <si>
    <t>2172.10009765625</t>
  </si>
  <si>
    <t>0.04421037909753167</t>
  </si>
  <si>
    <t>26.01666831970215</t>
  </si>
  <si>
    <t>1998.6002197265625</t>
  </si>
  <si>
    <t>0.09475822725823058</t>
  </si>
  <si>
    <t>1875.5001220703125</t>
  </si>
  <si>
    <t>0.045091679403485685</t>
  </si>
  <si>
    <t>9905</t>
  </si>
  <si>
    <t>1973.900146484375</t>
  </si>
  <si>
    <t>0.08531486818042744</t>
  </si>
  <si>
    <t>1982.7000732421875</t>
  </si>
  <si>
    <t>0.0759883693922454</t>
  </si>
  <si>
    <t>0.018908710550789465</t>
  </si>
  <si>
    <t>1957.5001220703125</t>
  </si>
  <si>
    <t>0.040487717739644324</t>
  </si>
  <si>
    <t>11541</t>
  </si>
  <si>
    <t>1964.199951171875</t>
  </si>
  <si>
    <t>0.017481434605075563</t>
  </si>
  <si>
    <t>12013</t>
  </si>
  <si>
    <t>1942.9000244140625</t>
  </si>
  <si>
    <t>0.040083484300970085</t>
  </si>
  <si>
    <t>0.03853852699249849</t>
  </si>
  <si>
    <t>2150.300048828125</t>
  </si>
  <si>
    <t>0.13377165210591713</t>
  </si>
  <si>
    <t>26.474998474121094</t>
  </si>
  <si>
    <t>1937.500244140625</t>
  </si>
  <si>
    <t>-0.048965347674601034</t>
  </si>
  <si>
    <t>26.349998474121094</t>
  </si>
  <si>
    <t>1935.7999267578125</t>
  </si>
  <si>
    <t>-0.00627424091847395</t>
  </si>
  <si>
    <t>1959.7003173828125</t>
  </si>
  <si>
    <t>0.03378060150083506</t>
  </si>
  <si>
    <t>14165</t>
  </si>
  <si>
    <t>2024.9000244140625</t>
  </si>
  <si>
    <t>0.013933544537065856</t>
  </si>
  <si>
    <t>14350</t>
  </si>
  <si>
    <t>2077.800048828125</t>
  </si>
  <si>
    <t>0.012975808923149756</t>
  </si>
  <si>
    <t>11607</t>
  </si>
  <si>
    <t>-0.21214157781914444</t>
  </si>
  <si>
    <t>2022.0999755859375</t>
  </si>
  <si>
    <t>0.13050061335787788</t>
  </si>
  <si>
    <t>14417</t>
  </si>
  <si>
    <t>1863.2000732421875</t>
  </si>
  <si>
    <t>0.08629908808540421</t>
  </si>
  <si>
    <t>26.791669845581055</t>
  </si>
  <si>
    <t>1924.699951171875</t>
  </si>
  <si>
    <t>51.58858871459961</t>
  </si>
  <si>
    <t>Los Santos</t>
  </si>
  <si>
    <t>5691</t>
  </si>
  <si>
    <t>26.866668701171875</t>
  </si>
  <si>
    <t>0.06328586493321708</t>
  </si>
  <si>
    <t>26.85833740234375</t>
  </si>
  <si>
    <t>1919.1998291015625</t>
  </si>
  <si>
    <t>0.05270680904996894</t>
  </si>
  <si>
    <t>6166</t>
  </si>
  <si>
    <t>26.916664123535156</t>
  </si>
  <si>
    <t>1923.0999755859375</t>
  </si>
  <si>
    <t>0.027457540793003332</t>
  </si>
  <si>
    <t>26.775001525878906</t>
  </si>
  <si>
    <t>1954.2000732421875</t>
  </si>
  <si>
    <t>0.002753261112472316</t>
  </si>
  <si>
    <t>6135</t>
  </si>
  <si>
    <t>26.80833625793457</t>
  </si>
  <si>
    <t>1880.39990234375</t>
  </si>
  <si>
    <t>-0.007793512413556414</t>
  </si>
  <si>
    <t>1902.300048828125</t>
  </si>
  <si>
    <t>0.013759828588213452</t>
  </si>
  <si>
    <t>1950.699951171875</t>
  </si>
  <si>
    <t>0.057479905564305156</t>
  </si>
  <si>
    <t>7113</t>
  </si>
  <si>
    <t>27.03333282470703</t>
  </si>
  <si>
    <t>1906.5001220703125</t>
  </si>
  <si>
    <t>0.07667428343598459</t>
  </si>
  <si>
    <t>1921.400146484375</t>
  </si>
  <si>
    <t>0.017144471781671555</t>
  </si>
  <si>
    <t>26.350004196166992</t>
  </si>
  <si>
    <t>1944.800048828125</t>
  </si>
  <si>
    <t>0.03169255384188041</t>
  </si>
  <si>
    <t>26.641664505004883</t>
  </si>
  <si>
    <t>1966.2001953125</t>
  </si>
  <si>
    <t>0.0639191032031956</t>
  </si>
  <si>
    <t>26.799997329711914</t>
  </si>
  <si>
    <t>1982.8001708984375</t>
  </si>
  <si>
    <t>-0.0049103025950199</t>
  </si>
  <si>
    <t>1933.699951171875</t>
  </si>
  <si>
    <t>0.06652443128951369</t>
  </si>
  <si>
    <t>26.600000381469727</t>
  </si>
  <si>
    <t>1984.0</t>
  </si>
  <si>
    <t>0.027832946573859374</t>
  </si>
  <si>
    <t>1924.0999755859375</t>
  </si>
  <si>
    <t>0.11180576215014071</t>
  </si>
  <si>
    <t>9849</t>
  </si>
  <si>
    <t>26.683334350585938</t>
  </si>
  <si>
    <t>1884.2999267578125</t>
  </si>
  <si>
    <t>0.011436865190946222</t>
  </si>
  <si>
    <t>10967</t>
  </si>
  <si>
    <t>0.10752083659050626</t>
  </si>
  <si>
    <t>1920.89990234375</t>
  </si>
  <si>
    <t>0.0738018121469004</t>
  </si>
  <si>
    <t>9265</t>
  </si>
  <si>
    <t>26.883333206176758</t>
  </si>
  <si>
    <t>1969.5999755859375</t>
  </si>
  <si>
    <t>-0.24244871618764918</t>
  </si>
  <si>
    <t>1912.2001953125</t>
  </si>
  <si>
    <t>0.07893785910398776</t>
  </si>
  <si>
    <t>1912.5001220703125</t>
  </si>
  <si>
    <t>0.052364932226709016</t>
  </si>
  <si>
    <t>11153</t>
  </si>
  <si>
    <t>26.70833396911621</t>
  </si>
  <si>
    <t>1907.2000732421875</t>
  </si>
  <si>
    <t>0.05416186894438013</t>
  </si>
  <si>
    <t>1896.7999267578125</t>
  </si>
  <si>
    <t>0.04153544926675856</t>
  </si>
  <si>
    <t>26.941667556762695</t>
  </si>
  <si>
    <t>1977.199951171875</t>
  </si>
  <si>
    <t>0.057979988826215134</t>
  </si>
  <si>
    <t>27.066667556762695</t>
  </si>
  <si>
    <t>1904.699951171875</t>
  </si>
  <si>
    <t>0.017061414984571144</t>
  </si>
  <si>
    <t>26.92500114440918</t>
  </si>
  <si>
    <t>1904.4002685546875</t>
  </si>
  <si>
    <t>0.09049636025408248</t>
  </si>
  <si>
    <t>1911.5001220703125</t>
  </si>
  <si>
    <t>0.03832598902060802</t>
  </si>
  <si>
    <t>1933.2000732421875</t>
  </si>
  <si>
    <t>0.008521985075820027</t>
  </si>
  <si>
    <t>14564</t>
  </si>
  <si>
    <t>26.916669845581055</t>
  </si>
  <si>
    <t>1951.3001708984375</t>
  </si>
  <si>
    <t>0.012923022872731948</t>
  </si>
  <si>
    <t>26.875</t>
  </si>
  <si>
    <t>1932.000244140625</t>
  </si>
  <si>
    <t>-0.2121495520897465</t>
  </si>
  <si>
    <t>1931.7000732421875</t>
  </si>
  <si>
    <t>0.13049197351260666</t>
  </si>
  <si>
    <t>1880.2000732421875</t>
  </si>
  <si>
    <t>0.08638410037424116</t>
  </si>
  <si>
    <t>16111</t>
  </si>
  <si>
    <t>26.267053604125977</t>
  </si>
  <si>
    <t>2173.932861328125</t>
  </si>
  <si>
    <t>502.2498779296875</t>
  </si>
  <si>
    <t>Panam City</t>
  </si>
  <si>
    <t>26.325044631958008</t>
  </si>
  <si>
    <t>2172.2529296875</t>
  </si>
  <si>
    <t>0.06331189862042841</t>
  </si>
  <si>
    <t>18094</t>
  </si>
  <si>
    <t>26.41364860534668</t>
  </si>
  <si>
    <t>2170.445556640625</t>
  </si>
  <si>
    <t>0.05276622447427215</t>
  </si>
  <si>
    <t>26.453689575195312</t>
  </si>
  <si>
    <t>2168.761474609375</t>
  </si>
  <si>
    <t>0.027419885784341957</t>
  </si>
  <si>
    <t>26.262937545776367</t>
  </si>
  <si>
    <t>2194.55419921875</t>
  </si>
  <si>
    <t>0.0027386243455644887</t>
  </si>
  <si>
    <t>26.34848976135254</t>
  </si>
  <si>
    <t>2145.442138671875</t>
  </si>
  <si>
    <t>-0.007697935895336627</t>
  </si>
  <si>
    <t>26.09077262878418</t>
  </si>
  <si>
    <t>2163.698974609375</t>
  </si>
  <si>
    <t>0.013739281223353217</t>
  </si>
  <si>
    <t>19296</t>
  </si>
  <si>
    <t>26.52842140197754</t>
  </si>
  <si>
    <t>2189.85693359375</t>
  </si>
  <si>
    <t>0.028117573483301683</t>
  </si>
  <si>
    <t>20391</t>
  </si>
  <si>
    <t>26.68724250793457</t>
  </si>
  <si>
    <t>2164.05224609375</t>
  </si>
  <si>
    <t>0.05519580648783595</t>
  </si>
  <si>
    <t>20955</t>
  </si>
  <si>
    <t>2183.732177734375</t>
  </si>
  <si>
    <t>0.02728365434442459</t>
  </si>
  <si>
    <t>20957</t>
  </si>
  <si>
    <t>26.02912712097168</t>
  </si>
  <si>
    <t>2187.196044921875</t>
  </si>
  <si>
    <t>9.543806076983685e-05</t>
  </si>
  <si>
    <t>19997</t>
  </si>
  <si>
    <t>26.373796463012695</t>
  </si>
  <si>
    <t>2201.48779296875</t>
  </si>
  <si>
    <t>-0.04689045713493911</t>
  </si>
  <si>
    <t>26.45362663269043</t>
  </si>
  <si>
    <t>2212.15625</t>
  </si>
  <si>
    <t>0.009852786712510664</t>
  </si>
  <si>
    <t>20833</t>
  </si>
  <si>
    <t>26.55415916442871</t>
  </si>
  <si>
    <t>2190.281005859375</t>
  </si>
  <si>
    <t>0.031103218930867982</t>
  </si>
  <si>
    <t>21964</t>
  </si>
  <si>
    <t>26.300207138061523</t>
  </si>
  <si>
    <t>2226.9150390625</t>
  </si>
  <si>
    <t>0.05286648147038164</t>
  </si>
  <si>
    <t>26.394010543823242</t>
  </si>
  <si>
    <t>2174.289794921875</t>
  </si>
  <si>
    <t>0.042299685660578845</t>
  </si>
  <si>
    <t>24565</t>
  </si>
  <si>
    <t>26.41560935974121</t>
  </si>
  <si>
    <t>2145.739990234375</t>
  </si>
  <si>
    <t>0.06961823054340677</t>
  </si>
  <si>
    <t>26.251296997070312</t>
  </si>
  <si>
    <t>2181.583740234375</t>
  </si>
  <si>
    <t>0.09832175724513981</t>
  </si>
  <si>
    <t>26.059633255004883</t>
  </si>
  <si>
    <t>2175.0830078125</t>
  </si>
  <si>
    <t>0.08498310046723923</t>
  </si>
  <si>
    <t>26.52470588684082</t>
  </si>
  <si>
    <t>2202.22119140625</t>
  </si>
  <si>
    <t>0.03992824790639915</t>
  </si>
  <si>
    <t>31908</t>
  </si>
  <si>
    <t>26.596044540405273</t>
  </si>
  <si>
    <t>2181.012451171875</t>
  </si>
  <si>
    <t>0.038300990809492674</t>
  </si>
  <si>
    <t>26.332624435424805</t>
  </si>
  <si>
    <t>2181.6904296875</t>
  </si>
  <si>
    <t>0.09904123030426426</t>
  </si>
  <si>
    <t>26.700666427612305</t>
  </si>
  <si>
    <t>2160.600830078125</t>
  </si>
  <si>
    <t>0.08381296635941027</t>
  </si>
  <si>
    <t>40911</t>
  </si>
  <si>
    <t>26.84375</t>
  </si>
  <si>
    <t>2150.216064453125</t>
  </si>
  <si>
    <t>0.06568801683124903</t>
  </si>
  <si>
    <t>42769</t>
  </si>
  <si>
    <t>26.973520278930664</t>
  </si>
  <si>
    <t>2209.56396484375</t>
  </si>
  <si>
    <t>0.04441456554723011</t>
  </si>
  <si>
    <t>27.142038345336914</t>
  </si>
  <si>
    <t>2153.097900390625</t>
  </si>
  <si>
    <t>0.017613841546761932</t>
  </si>
  <si>
    <t>43138</t>
  </si>
  <si>
    <t>27.051605224609375</t>
  </si>
  <si>
    <t>2158.5654296875</t>
  </si>
  <si>
    <t>-0.009023103437616697</t>
  </si>
  <si>
    <t>43354</t>
  </si>
  <si>
    <t>26.567686080932617</t>
  </si>
  <si>
    <t>2166.421142578125</t>
  </si>
  <si>
    <t>0.004994691972550314</t>
  </si>
  <si>
    <t>26.481733322143555</t>
  </si>
  <si>
    <t>2174.3349609375</t>
  </si>
  <si>
    <t>0.0028100905282091304</t>
  </si>
  <si>
    <t>44041</t>
  </si>
  <si>
    <t>26.836700439453125</t>
  </si>
  <si>
    <t>2189.932373046875</t>
  </si>
  <si>
    <t>0.012911956526082236</t>
  </si>
  <si>
    <t>26.736616134643555</t>
  </si>
  <si>
    <t>2179.150390625</t>
  </si>
  <si>
    <t>-0.21215759371042964</t>
  </si>
  <si>
    <t>40588</t>
  </si>
  <si>
    <t>26.376317977905273</t>
  </si>
  <si>
    <t>2176.790283203125</t>
  </si>
  <si>
    <t>0.13050903190024243</t>
  </si>
  <si>
    <t>26.111677169799805</t>
  </si>
  <si>
    <t>2146.090576171875</t>
  </si>
  <si>
    <t>0.08633771627554054</t>
  </si>
  <si>
    <t>2100.2001953125</t>
  </si>
  <si>
    <t>7.084172248840332</t>
  </si>
  <si>
    <t>San Blas</t>
  </si>
  <si>
    <t>26.258333206176758</t>
  </si>
  <si>
    <t>26.291664123535156</t>
  </si>
  <si>
    <t>2266.400146484375</t>
  </si>
  <si>
    <t>1977.7000732421875</t>
  </si>
  <si>
    <t>2009.0999755859375</t>
  </si>
  <si>
    <t>2445.2001953125</t>
  </si>
  <si>
    <t>26.25</t>
  </si>
  <si>
    <t>2416.7001953125</t>
  </si>
  <si>
    <t>26.708330154418945</t>
  </si>
  <si>
    <t>2131.300048828125</t>
  </si>
  <si>
    <t>2149.89990234375</t>
  </si>
  <si>
    <t>2592.199951171875</t>
  </si>
  <si>
    <t>26.066665649414062</t>
  </si>
  <si>
    <t>2120.599853515625</t>
  </si>
  <si>
    <t>26.441665649414062</t>
  </si>
  <si>
    <t>2048.7001953125</t>
  </si>
  <si>
    <t>26.525001525878906</t>
  </si>
  <si>
    <t>2017.39990234375</t>
  </si>
  <si>
    <t>26.64166259765625</t>
  </si>
  <si>
    <t>2530.400146484375</t>
  </si>
  <si>
    <t>26.30833625793457</t>
  </si>
  <si>
    <t>2358.5</t>
  </si>
  <si>
    <t>2179.7001953125</t>
  </si>
  <si>
    <t>2259.5</t>
  </si>
  <si>
    <t>2677.900390625</t>
  </si>
  <si>
    <t>26.166664123535156</t>
  </si>
  <si>
    <t>2265.89990234375</t>
  </si>
  <si>
    <t>26.51666259765625</t>
  </si>
  <si>
    <t>1990.199951171875</t>
  </si>
  <si>
    <t>2728.100341796875</t>
  </si>
  <si>
    <t>3077.10009765625</t>
  </si>
  <si>
    <t>2156.599853515625</t>
  </si>
  <si>
    <t>2028.10009765625</t>
  </si>
  <si>
    <t>27.000001907348633</t>
  </si>
  <si>
    <t>1921.900146484375</t>
  </si>
  <si>
    <t>27.183332443237305</t>
  </si>
  <si>
    <t>1848.5999755859375</t>
  </si>
  <si>
    <t>2161.699951171875</t>
  </si>
  <si>
    <t>2271.300048828125</t>
  </si>
  <si>
    <t>2017.800048828125</t>
  </si>
  <si>
    <t>26.96666717529297</t>
  </si>
  <si>
    <t>1941.4000244140625</t>
  </si>
  <si>
    <t>26.82499885559082</t>
  </si>
  <si>
    <t>2234.699951171875</t>
  </si>
  <si>
    <t>2128.0</t>
  </si>
  <si>
    <t>2521.900146484375</t>
  </si>
  <si>
    <t>4195</t>
  </si>
  <si>
    <t>25.936180114746094</t>
  </si>
  <si>
    <t>2050.05712890625</t>
  </si>
  <si>
    <t>106.87271118164062</t>
  </si>
  <si>
    <t>Veraguas</t>
  </si>
  <si>
    <t>25.88079261779785</t>
  </si>
  <si>
    <t>2023.2755126953125</t>
  </si>
  <si>
    <t>0.06327133003214591</t>
  </si>
  <si>
    <t>25.83293342590332</t>
  </si>
  <si>
    <t>1981.85009765625</t>
  </si>
  <si>
    <t>0.05273552976658813</t>
  </si>
  <si>
    <t>25.838211059570312</t>
  </si>
  <si>
    <t>1970.7540283203125</t>
  </si>
  <si>
    <t>0.02742765879796316</t>
  </si>
  <si>
    <t>25.706438064575195</t>
  </si>
  <si>
    <t>2078.8876953125</t>
  </si>
  <si>
    <t>0.0026812432274212483</t>
  </si>
  <si>
    <t>25.81325340270996</t>
  </si>
  <si>
    <t>1898.50830078125</t>
  </si>
  <si>
    <t>-0.007650197550608695</t>
  </si>
  <si>
    <t>4885</t>
  </si>
  <si>
    <t>25.497732162475586</t>
  </si>
  <si>
    <t>1951.0030517578125</t>
  </si>
  <si>
    <t>0.013810381302066688</t>
  </si>
  <si>
    <t>26.062894821166992</t>
  </si>
  <si>
    <t>2079.604248046875</t>
  </si>
  <si>
    <t>0.049910557885775475</t>
  </si>
  <si>
    <t>26.161531448364258</t>
  </si>
  <si>
    <t>1983.3028564453125</t>
  </si>
  <si>
    <t>0.0425109277418958</t>
  </si>
  <si>
    <t>25.380769729614258</t>
  </si>
  <si>
    <t>2023.35498046875</t>
  </si>
  <si>
    <t>0.02287922675817633</t>
  </si>
  <si>
    <t>5529</t>
  </si>
  <si>
    <t>25.45308494567871</t>
  </si>
  <si>
    <t>2033.197021484375</t>
  </si>
  <si>
    <t>0.008536969475201772</t>
  </si>
  <si>
    <t>5650</t>
  </si>
  <si>
    <t>25.830230712890625</t>
  </si>
  <si>
    <t>2100.520751953125</t>
  </si>
  <si>
    <t>0.021648577802555025</t>
  </si>
  <si>
    <t>25.913694381713867</t>
  </si>
  <si>
    <t>2154.78759765625</t>
  </si>
  <si>
    <t>-0.005323881252749629</t>
  </si>
  <si>
    <t>25.98206329345703</t>
  </si>
  <si>
    <t>2076.4765625</t>
  </si>
  <si>
    <t>0.0346248961674096</t>
  </si>
  <si>
    <t>25.765295028686523</t>
  </si>
  <si>
    <t>2204.80419921875</t>
  </si>
  <si>
    <t>0.07832242512302123</t>
  </si>
  <si>
    <t>25.788850784301758</t>
  </si>
  <si>
    <t>2012.4033203125</t>
  </si>
  <si>
    <t>0.026350332598479298</t>
  </si>
  <si>
    <t>7071</t>
  </si>
  <si>
    <t>25.913530349731445</t>
  </si>
  <si>
    <t>1871.15087890625</t>
  </si>
  <si>
    <t>0.09037259482759374</t>
  </si>
  <si>
    <t>25.713979721069336</t>
  </si>
  <si>
    <t>2024.7237548828125</t>
  </si>
  <si>
    <t>0.13684931596765004</t>
  </si>
  <si>
    <t>25.564666748046875</t>
  </si>
  <si>
    <t>2044.4337158203125</t>
  </si>
  <si>
    <t>-0.011661216375800976</t>
  </si>
  <si>
    <t>26.05777931213379</t>
  </si>
  <si>
    <t>2117.46826171875</t>
  </si>
  <si>
    <t>-0.007263651222228162</t>
  </si>
  <si>
    <t>25.94002342224121</t>
  </si>
  <si>
    <t>2026.44140625</t>
  </si>
  <si>
    <t>0.05881895271042126</t>
  </si>
  <si>
    <t>25.80308723449707</t>
  </si>
  <si>
    <t>1982.539794921875</t>
  </si>
  <si>
    <t>0.06647726629674544</t>
  </si>
  <si>
    <t>9386</t>
  </si>
  <si>
    <t>25.976926803588867</t>
  </si>
  <si>
    <t>1896.3934326171875</t>
  </si>
  <si>
    <t>0.039996637373333144</t>
  </si>
  <si>
    <t>26.128774642944336</t>
  </si>
  <si>
    <t>1885.93310546875</t>
  </si>
  <si>
    <t>0.18061543567205973</t>
  </si>
  <si>
    <t>26.231061935424805</t>
  </si>
  <si>
    <t>2145.4296875</t>
  </si>
  <si>
    <t>-0.07179829714632113</t>
  </si>
  <si>
    <t>10943</t>
  </si>
  <si>
    <t>26.411951065063477</t>
  </si>
  <si>
    <t>1904.9124755859375</t>
  </si>
  <si>
    <t>0.04466362653834288</t>
  </si>
  <si>
    <t>11719</t>
  </si>
  <si>
    <t>26.26386833190918</t>
  </si>
  <si>
    <t>1902.06884765625</t>
  </si>
  <si>
    <t>0.0685114738401591</t>
  </si>
  <si>
    <t>25.96629524230957</t>
  </si>
  <si>
    <t>1968.834716796875</t>
  </si>
  <si>
    <t>0.029428725359295527</t>
  </si>
  <si>
    <t>25.910898208618164</t>
  </si>
  <si>
    <t>2060.57666015625</t>
  </si>
  <si>
    <t>0.019284231127526752</t>
  </si>
  <si>
    <t>26.2027645111084</t>
  </si>
  <si>
    <t>2167.658203125</t>
  </si>
  <si>
    <t>0.012920076365103839</t>
  </si>
  <si>
    <t>26.11696434020996</t>
  </si>
  <si>
    <t>2079.114013671875</t>
  </si>
  <si>
    <t>-0.21219202505658785</t>
  </si>
  <si>
    <t>25.880903244018555</t>
  </si>
  <si>
    <t>2058.078857421875</t>
  </si>
  <si>
    <t>0.13056349709146353</t>
  </si>
  <si>
    <t>25.62583351135254</t>
  </si>
  <si>
    <t>1855.2227783203125</t>
  </si>
  <si>
    <t>0.08627113615985138</t>
  </si>
  <si>
    <t>PER</t>
  </si>
  <si>
    <t>18.454652786254883</t>
  </si>
  <si>
    <t>986.64453125</t>
  </si>
  <si>
    <t>134.8891143798828</t>
  </si>
  <si>
    <t>Peru</t>
  </si>
  <si>
    <t>18.60606575012207</t>
  </si>
  <si>
    <t>882.958740234375</t>
  </si>
  <si>
    <t>-0.06664447304331134</t>
  </si>
  <si>
    <t>18.63785743713379</t>
  </si>
  <si>
    <t>1149.808349609375</t>
  </si>
  <si>
    <t>-0.0592988072907179</t>
  </si>
  <si>
    <t>3368</t>
  </si>
  <si>
    <t>18.50322151184082</t>
  </si>
  <si>
    <t>1447.973876953125</t>
  </si>
  <si>
    <t>0.03843717222066978</t>
  </si>
  <si>
    <t>18.465322494506836</t>
  </si>
  <si>
    <t>1238.8536376953125</t>
  </si>
  <si>
    <t>-0.15202507038608193</t>
  </si>
  <si>
    <t>18.440706253051758</t>
  </si>
  <si>
    <t>883.0323486328125</t>
  </si>
  <si>
    <t>0.035984873772874515</t>
  </si>
  <si>
    <t>17.807035446166992</t>
  </si>
  <si>
    <t>985.628662109375</t>
  </si>
  <si>
    <t>0.002996506320720016</t>
  </si>
  <si>
    <t>19.336868286132812</t>
  </si>
  <si>
    <t>1312.9844970703125</t>
  </si>
  <si>
    <t>0.03847882591169238</t>
  </si>
  <si>
    <t>19.155752182006836</t>
  </si>
  <si>
    <t>1200.46044921875</t>
  </si>
  <si>
    <t>-0.027896716581155445</t>
  </si>
  <si>
    <t>17.931589126586914</t>
  </si>
  <si>
    <t>1408.415771484375</t>
  </si>
  <si>
    <t>-0.007594555241205114</t>
  </si>
  <si>
    <t>17.987821578979492</t>
  </si>
  <si>
    <t>1444.733154296875</t>
  </si>
  <si>
    <t>0.0052892685295198305</t>
  </si>
  <si>
    <t>18.064184188842773</t>
  </si>
  <si>
    <t>1255.2919921875</t>
  </si>
  <si>
    <t>-0.01494796143587429</t>
  </si>
  <si>
    <t>18.617769241333008</t>
  </si>
  <si>
    <t>1244.5518798828125</t>
  </si>
  <si>
    <t>0.04642873728149155</t>
  </si>
  <si>
    <t>18.590269088745117</t>
  </si>
  <si>
    <t>1226.3084716796875</t>
  </si>
  <si>
    <t>0.05106962720338615</t>
  </si>
  <si>
    <t>3458</t>
  </si>
  <si>
    <t>18.515050888061523</t>
  </si>
  <si>
    <t>1197.2816162109375</t>
  </si>
  <si>
    <t>0.04858775550565042</t>
  </si>
  <si>
    <t>18.3464298248291</t>
  </si>
  <si>
    <t>986.2994995117188</t>
  </si>
  <si>
    <t>0.06276569554978728</t>
  </si>
  <si>
    <t>18.725534439086914</t>
  </si>
  <si>
    <t>1127.6409912109375</t>
  </si>
  <si>
    <t>0.06263557099148542</t>
  </si>
  <si>
    <t>17.853296279907227</t>
  </si>
  <si>
    <t>1085.233642578125</t>
  </si>
  <si>
    <t>0.06708629321637005</t>
  </si>
  <si>
    <t>18.381053924560547</t>
  </si>
  <si>
    <t>1594.439697265625</t>
  </si>
  <si>
    <t>0.06934268306928182</t>
  </si>
  <si>
    <t>18.839920043945312</t>
  </si>
  <si>
    <t>1433.436767578125</t>
  </si>
  <si>
    <t>0.032193736150141206</t>
  </si>
  <si>
    <t>4988</t>
  </si>
  <si>
    <t>18.3647518157959</t>
  </si>
  <si>
    <t>1366.75341796875</t>
  </si>
  <si>
    <t>0.07232066157962613</t>
  </si>
  <si>
    <t>18.288162231445312</t>
  </si>
  <si>
    <t>1557.957763671875</t>
  </si>
  <si>
    <t>-0.07491021848636059</t>
  </si>
  <si>
    <t>18.604612350463867</t>
  </si>
  <si>
    <t>1181.5980224609375</t>
  </si>
  <si>
    <t>0.12838637328667168</t>
  </si>
  <si>
    <t>5566</t>
  </si>
  <si>
    <t>18.12193489074707</t>
  </si>
  <si>
    <t>1375.5986328125</t>
  </si>
  <si>
    <t>0.056165480485597996</t>
  </si>
  <si>
    <t>6313</t>
  </si>
  <si>
    <t>18.61662483215332</t>
  </si>
  <si>
    <t>1285.2716064453125</t>
  </si>
  <si>
    <t>0.12593433628178907</t>
  </si>
  <si>
    <t>6351</t>
  </si>
  <si>
    <t>19.429035186767578</t>
  </si>
  <si>
    <t>1535.588134765625</t>
  </si>
  <si>
    <t>0.006001281435349171</t>
  </si>
  <si>
    <t>19.11092758178711</t>
  </si>
  <si>
    <t>1299.6934814453125</t>
  </si>
  <si>
    <t>-0.054522196254501054</t>
  </si>
  <si>
    <t>18.867700576782227</t>
  </si>
  <si>
    <t>1265.724609375</t>
  </si>
  <si>
    <t>0.019919993596538177</t>
  </si>
  <si>
    <t>18.530847549438477</t>
  </si>
  <si>
    <t>1123.80078125</t>
  </si>
  <si>
    <t>0.0203298386002988</t>
  </si>
  <si>
    <t>19.07282066345215</t>
  </si>
  <si>
    <t>1252.4993896484375</t>
  </si>
  <si>
    <t>0.0031892867090697052</t>
  </si>
  <si>
    <t>18.79582977294922</t>
  </si>
  <si>
    <t>1201.281494140625</t>
  </si>
  <si>
    <t>-0.12951372767714808</t>
  </si>
  <si>
    <t>18.47711753845215</t>
  </si>
  <si>
    <t>1169.31787109375</t>
  </si>
  <si>
    <t>0.11314097028374803</t>
  </si>
  <si>
    <t>6279</t>
  </si>
  <si>
    <t>17.99407958984375</t>
  </si>
  <si>
    <t>1063.0867919921875</t>
  </si>
  <si>
    <t>0.016054286053128308</t>
  </si>
  <si>
    <t>12.149116516113281</t>
  </si>
  <si>
    <t>327.5321044921875</t>
  </si>
  <si>
    <t>294.6907653808594</t>
  </si>
  <si>
    <t>Ancash</t>
  </si>
  <si>
    <t>12.572150230407715</t>
  </si>
  <si>
    <t>339.16583251953125</t>
  </si>
  <si>
    <t>-0.09703523331066766</t>
  </si>
  <si>
    <t>12.938480377197266</t>
  </si>
  <si>
    <t>399.1604309082031</t>
  </si>
  <si>
    <t>-0.05056310085382876</t>
  </si>
  <si>
    <t>12.813972473144531</t>
  </si>
  <si>
    <t>661.1879272460938</t>
  </si>
  <si>
    <t>0.044702278216846025</t>
  </si>
  <si>
    <t>12.433215141296387</t>
  </si>
  <si>
    <t>708.2046508789062</t>
  </si>
  <si>
    <t>0.11965897927573632</t>
  </si>
  <si>
    <t>12.042682647705078</t>
  </si>
  <si>
    <t>422.71099853515625</t>
  </si>
  <si>
    <t>-0.02141409450381815</t>
  </si>
  <si>
    <t>11.424701690673828</t>
  </si>
  <si>
    <t>471.5537414550781</t>
  </si>
  <si>
    <t>0.17014875586274592</t>
  </si>
  <si>
    <t>13.489970207214355</t>
  </si>
  <si>
    <t>518.2645874023438</t>
  </si>
  <si>
    <t>0.18325744829886048</t>
  </si>
  <si>
    <t>13.177395820617676</t>
  </si>
  <si>
    <t>569.0921630859375</t>
  </si>
  <si>
    <t>0.10048428694099876</t>
  </si>
  <si>
    <t>11.969284057617188</t>
  </si>
  <si>
    <t>491.2302551269531</t>
  </si>
  <si>
    <t>0.10700890251430373</t>
  </si>
  <si>
    <t>12.045613288879395</t>
  </si>
  <si>
    <t>475.525390625</t>
  </si>
  <si>
    <t>0.10968410869411294</t>
  </si>
  <si>
    <t>12.027756690979004</t>
  </si>
  <si>
    <t>637.8318481445312</t>
  </si>
  <si>
    <t>0.0803046729384409</t>
  </si>
  <si>
    <t>12.706038475036621</t>
  </si>
  <si>
    <t>595.5928955078125</t>
  </si>
  <si>
    <t>0.15650528416446896</t>
  </si>
  <si>
    <t>12.473341941833496</t>
  </si>
  <si>
    <t>601.4942016601562</t>
  </si>
  <si>
    <t>0.019167364385371144</t>
  </si>
  <si>
    <t>12.505284309387207</t>
  </si>
  <si>
    <t>571.3997802734375</t>
  </si>
  <si>
    <t>0.02589773208320878</t>
  </si>
  <si>
    <t>12.234620094299316</t>
  </si>
  <si>
    <t>404.73919677734375</t>
  </si>
  <si>
    <t>0.02511866174283739</t>
  </si>
  <si>
    <t>12.766304016113281</t>
  </si>
  <si>
    <t>481.5414733886719</t>
  </si>
  <si>
    <t>0.018125884209585053</t>
  </si>
  <si>
    <t>11.724713325500488</t>
  </si>
  <si>
    <t>431.5877685546875</t>
  </si>
  <si>
    <t>0.0595819292583144</t>
  </si>
  <si>
    <t>12.432854652404785</t>
  </si>
  <si>
    <t>0.07973057971637765</t>
  </si>
  <si>
    <t>12.738231658935547</t>
  </si>
  <si>
    <t>591.55419921875</t>
  </si>
  <si>
    <t>-0.0024647711133187755</t>
  </si>
  <si>
    <t>12.167454719543457</t>
  </si>
  <si>
    <t>423.8553771972656</t>
  </si>
  <si>
    <t>0.028453979474043933</t>
  </si>
  <si>
    <t>11511</t>
  </si>
  <si>
    <t>12.35195255279541</t>
  </si>
  <si>
    <t>462.8537292480469</t>
  </si>
  <si>
    <t>0.1826864917613804</t>
  </si>
  <si>
    <t>11648</t>
  </si>
  <si>
    <t>12.831839561462402</t>
  </si>
  <si>
    <t>411.87982177734375</t>
  </si>
  <si>
    <t>0.011831391521406331</t>
  </si>
  <si>
    <t>11.961359977722168</t>
  </si>
  <si>
    <t>631.8140869140625</t>
  </si>
  <si>
    <t>0.06554140921727303</t>
  </si>
  <si>
    <t>12.601619720458984</t>
  </si>
  <si>
    <t>420.4043884277344</t>
  </si>
  <si>
    <t>-0.14391140950330694</t>
  </si>
  <si>
    <t>13.490275382995605</t>
  </si>
  <si>
    <t>721.7772216796875</t>
  </si>
  <si>
    <t>0.0623599659645766</t>
  </si>
  <si>
    <t>11264</t>
  </si>
  <si>
    <t>13.138585090637207</t>
  </si>
  <si>
    <t>576.1130981445312</t>
  </si>
  <si>
    <t>-0.017512657717187352</t>
  </si>
  <si>
    <t>11768</t>
  </si>
  <si>
    <t>12.895435333251953</t>
  </si>
  <si>
    <t>492.0951843261719</t>
  </si>
  <si>
    <t>0.04377218388345128</t>
  </si>
  <si>
    <t>12.252652168273926</t>
  </si>
  <si>
    <t>0.020272385379408675</t>
  </si>
  <si>
    <t>12047</t>
  </si>
  <si>
    <t>12.559332847595215</t>
  </si>
  <si>
    <t>490.4894714355469</t>
  </si>
  <si>
    <t>0.0031592976061691758</t>
  </si>
  <si>
    <t>12.502857208251953</t>
  </si>
  <si>
    <t>-0.12947223947205977</t>
  </si>
  <si>
    <t>11851</t>
  </si>
  <si>
    <t>12.513309478759766</t>
  </si>
  <si>
    <t>441.7701416015625</t>
  </si>
  <si>
    <t>0.11306882539365581</t>
  </si>
  <si>
    <t>12.095958709716797</t>
  </si>
  <si>
    <t>431.98590087890625</t>
  </si>
  <si>
    <t>0.016154358413176695</t>
  </si>
  <si>
    <t>9.992402076721191</t>
  </si>
  <si>
    <t>931.4616088867188</t>
  </si>
  <si>
    <t>173.73834228515625</t>
  </si>
  <si>
    <t>Apurmac</t>
  </si>
  <si>
    <t>10.26307201385498</t>
  </si>
  <si>
    <t>603.8933715820312</t>
  </si>
  <si>
    <t>0.05098555473286748</t>
  </si>
  <si>
    <t>10.52033805847168</t>
  </si>
  <si>
    <t>746.5506591796875</t>
  </si>
  <si>
    <t>-0.11613964991265302</t>
  </si>
  <si>
    <t>10.387629508972168</t>
  </si>
  <si>
    <t>737.776123046875</t>
  </si>
  <si>
    <t>0.08042156731057393</t>
  </si>
  <si>
    <t>10.523565292358398</t>
  </si>
  <si>
    <t>866.6536254882812</t>
  </si>
  <si>
    <t>0.03498682114353269</t>
  </si>
  <si>
    <t>10.202117919921875</t>
  </si>
  <si>
    <t>707.7034912109375</t>
  </si>
  <si>
    <t>0.11981299859616623</t>
  </si>
  <si>
    <t>9.848640441894531</t>
  </si>
  <si>
    <t>726.6185302734375</t>
  </si>
  <si>
    <t>0.04752240376092498</t>
  </si>
  <si>
    <t>10.801012992858887</t>
  </si>
  <si>
    <t>851.846923828125</t>
  </si>
  <si>
    <t>0.08194493385108803</t>
  </si>
  <si>
    <t>10.901200294494629</t>
  </si>
  <si>
    <t>615.4293212890625</t>
  </si>
  <si>
    <t>0.01415251473370649</t>
  </si>
  <si>
    <t>9.969593048095703</t>
  </si>
  <si>
    <t>868.6536254882812</t>
  </si>
  <si>
    <t>0.032626615249797375</t>
  </si>
  <si>
    <t>10.241788864135742</t>
  </si>
  <si>
    <t>838.1498413085938</t>
  </si>
  <si>
    <t>0.04520844267314761</t>
  </si>
  <si>
    <t>10.212231636047363</t>
  </si>
  <si>
    <t>881.8161010742188</t>
  </si>
  <si>
    <t>0.02313133202341877</t>
  </si>
  <si>
    <t>10.273653030395508</t>
  </si>
  <si>
    <t>893.6512451171875</t>
  </si>
  <si>
    <t>0.05727132526105905</t>
  </si>
  <si>
    <t>10.181941032409668</t>
  </si>
  <si>
    <t>727.0615234375</t>
  </si>
  <si>
    <t>0.05098134554463041</t>
  </si>
  <si>
    <t>10.51193904876709</t>
  </si>
  <si>
    <t>660.7006225585938</t>
  </si>
  <si>
    <t>10.243700981140137</t>
  </si>
  <si>
    <t>674.7367553710938</t>
  </si>
  <si>
    <t>0.06945214010975587</t>
  </si>
  <si>
    <t>10.454657554626465</t>
  </si>
  <si>
    <t>703.9954833984375</t>
  </si>
  <si>
    <t>0.08469853971750307</t>
  </si>
  <si>
    <t>9.736031532287598</t>
  </si>
  <si>
    <t>767.1163940429688</t>
  </si>
  <si>
    <t>0.024071184095439513</t>
  </si>
  <si>
    <t>9.89505672454834</t>
  </si>
  <si>
    <t>652.4293823242188</t>
  </si>
  <si>
    <t>0.028070771856246957</t>
  </si>
  <si>
    <t>10.363850593566895</t>
  </si>
  <si>
    <t>722.4773559570312</t>
  </si>
  <si>
    <t>0.051888772276138084</t>
  </si>
  <si>
    <t>10.238286018371582</t>
  </si>
  <si>
    <t>675.9862670898438</t>
  </si>
  <si>
    <t>0.10116008943995247</t>
  </si>
  <si>
    <t>10.008879661560059</t>
  </si>
  <si>
    <t>892.0772094726562</t>
  </si>
  <si>
    <t>10.172883033752441</t>
  </si>
  <si>
    <t>749.8545532226562</t>
  </si>
  <si>
    <t>0.16686904511043466</t>
  </si>
  <si>
    <t>9.889108657836914</t>
  </si>
  <si>
    <t>782.6785278320312</t>
  </si>
  <si>
    <t>0.18803042101427536</t>
  </si>
  <si>
    <t>5072</t>
  </si>
  <si>
    <t>10.163718223571777</t>
  </si>
  <si>
    <t>591.2622680664062</t>
  </si>
  <si>
    <t>0.06706537023947945</t>
  </si>
  <si>
    <t>10.85295581817627</t>
  </si>
  <si>
    <t>747.9976806640625</t>
  </si>
  <si>
    <t>0.06321913772700327</t>
  </si>
  <si>
    <t>10626</t>
  </si>
  <si>
    <t>10.621191024780273</t>
  </si>
  <si>
    <t>858.6864013671875</t>
  </si>
  <si>
    <t>0.6763494731668231</t>
  </si>
  <si>
    <t>10.40520191192627</t>
  </si>
  <si>
    <t>803.9745483398438</t>
  </si>
  <si>
    <t>0.18371653041379332</t>
  </si>
  <si>
    <t>10.239850997924805</t>
  </si>
  <si>
    <t>0.020234032694208537</t>
  </si>
  <si>
    <t>13072</t>
  </si>
  <si>
    <t>10.399054527282715</t>
  </si>
  <si>
    <t>803.1840209960938</t>
  </si>
  <si>
    <t>0.0032181469808936214</t>
  </si>
  <si>
    <t>10.49466609954834</t>
  </si>
  <si>
    <t>-0.1295177758588295</t>
  </si>
  <si>
    <t>12860</t>
  </si>
  <si>
    <t>10.60162353515625</t>
  </si>
  <si>
    <t>724.7046508789062</t>
  </si>
  <si>
    <t>0.11316695655065523</t>
  </si>
  <si>
    <t>13068</t>
  </si>
  <si>
    <t>10.668288230895996</t>
  </si>
  <si>
    <t>629.228759765625</t>
  </si>
  <si>
    <t>0.016044774929351746</t>
  </si>
  <si>
    <t>7247</t>
  </si>
  <si>
    <t>9.885394096374512</t>
  </si>
  <si>
    <t>169.20814514160156</t>
  </si>
  <si>
    <t>329.2796325683594</t>
  </si>
  <si>
    <t>Arequipa</t>
  </si>
  <si>
    <t>7177</t>
  </si>
  <si>
    <t>10.06491756439209</t>
  </si>
  <si>
    <t>118.46888732910156</t>
  </si>
  <si>
    <t>-0.009706121679210256</t>
  </si>
  <si>
    <t>10.259648323059082</t>
  </si>
  <si>
    <t>142.37416076660156</t>
  </si>
  <si>
    <t>7447</t>
  </si>
  <si>
    <t>10.229249000549316</t>
  </si>
  <si>
    <t>154.6688995361328</t>
  </si>
  <si>
    <t>0.03692979828057297</t>
  </si>
  <si>
    <t>10.330018043518066</t>
  </si>
  <si>
    <t>210.52210998535156</t>
  </si>
  <si>
    <t>0.1016743962997051</t>
  </si>
  <si>
    <t>8730</t>
  </si>
  <si>
    <t>9.918158531188965</t>
  </si>
  <si>
    <t>255.8137969970703</t>
  </si>
  <si>
    <t>0.05727970682329797</t>
  </si>
  <si>
    <t>9.634154319763184</t>
  </si>
  <si>
    <t>182.7267608642578</t>
  </si>
  <si>
    <t>0.0006870491510380106</t>
  </si>
  <si>
    <t>10.914807319641113</t>
  </si>
  <si>
    <t>256.5776062011719</t>
  </si>
  <si>
    <t>0.036195926131473044</t>
  </si>
  <si>
    <t>10.719738960266113</t>
  </si>
  <si>
    <t>104.36323547363281</t>
  </si>
  <si>
    <t>-0.029919874264979995</t>
  </si>
  <si>
    <t>9.734675407409668</t>
  </si>
  <si>
    <t>335.9403076171875</t>
  </si>
  <si>
    <t>-0.010060677061664691</t>
  </si>
  <si>
    <t>9.987260818481445</t>
  </si>
  <si>
    <t>231.71511840820312</t>
  </si>
  <si>
    <t>0.003097576044133632</t>
  </si>
  <si>
    <t>9.981918334960938</t>
  </si>
  <si>
    <t>309.27239990234375</t>
  </si>
  <si>
    <t>-0.01768116784322693</t>
  </si>
  <si>
    <t>9194</t>
  </si>
  <si>
    <t>10.21251392364502</t>
  </si>
  <si>
    <t>274.68951416015625</t>
  </si>
  <si>
    <t>0.06946689537575246</t>
  </si>
  <si>
    <t>9419</t>
  </si>
  <si>
    <t>10.055778503417969</t>
  </si>
  <si>
    <t>167.380859375</t>
  </si>
  <si>
    <t>0.024177828456643624</t>
  </si>
  <si>
    <t>10.329204559326172</t>
  </si>
  <si>
    <t>136.0961456298828</t>
  </si>
  <si>
    <t>0.042506528818252676</t>
  </si>
  <si>
    <t>10353</t>
  </si>
  <si>
    <t>9.890630722045898</t>
  </si>
  <si>
    <t>184.6645965576172</t>
  </si>
  <si>
    <t>0.05204087812504277</t>
  </si>
  <si>
    <t>10.273371696472168</t>
  </si>
  <si>
    <t>176.72877502441406</t>
  </si>
  <si>
    <t>0.04532069817945583</t>
  </si>
  <si>
    <t>9.422865867614746</t>
  </si>
  <si>
    <t>239.9956512451172</t>
  </si>
  <si>
    <t>0.13000584612589705</t>
  </si>
  <si>
    <t>9.619523048400879</t>
  </si>
  <si>
    <t>106.41730499267578</t>
  </si>
  <si>
    <t>0.07079071941332593</t>
  </si>
  <si>
    <t>13121</t>
  </si>
  <si>
    <t>10.146902084350586</t>
  </si>
  <si>
    <t>150.63101196289062</t>
  </si>
  <si>
    <t>-0.009179596379075505</t>
  </si>
  <si>
    <t>9.878897666931152</t>
  </si>
  <si>
    <t>189.88197326660156</t>
  </si>
  <si>
    <t>0.07025721933576001</t>
  </si>
  <si>
    <t>9.905434608459473</t>
  </si>
  <si>
    <t>358.18212890625</t>
  </si>
  <si>
    <t>0.008418570465595465</t>
  </si>
  <si>
    <t>14863</t>
  </si>
  <si>
    <t>10.173897743225098</t>
  </si>
  <si>
    <t>168.84710693359375</t>
  </si>
  <si>
    <t>0.04598511324182297</t>
  </si>
  <si>
    <t>15241</t>
  </si>
  <si>
    <t>9.738293647766113</t>
  </si>
  <si>
    <t>187.1444549560547</t>
  </si>
  <si>
    <t>0.025114261736955967</t>
  </si>
  <si>
    <t>15481</t>
  </si>
  <si>
    <t>10.133130073547363</t>
  </si>
  <si>
    <t>85.48580932617188</t>
  </si>
  <si>
    <t>0.015624300654614842</t>
  </si>
  <si>
    <t>15675</t>
  </si>
  <si>
    <t>10.806450843811035</t>
  </si>
  <si>
    <t>194.42286682128906</t>
  </si>
  <si>
    <t>0.012453620960656053</t>
  </si>
  <si>
    <t>10.607409477233887</t>
  </si>
  <si>
    <t>256.0237121582031</t>
  </si>
  <si>
    <t>0.06782259633876109</t>
  </si>
  <si>
    <t>17042</t>
  </si>
  <si>
    <t>10.370844841003418</t>
  </si>
  <si>
    <t>177.96156311035156</t>
  </si>
  <si>
    <t>0.015791202548019356</t>
  </si>
  <si>
    <t>10.204070091247559</t>
  </si>
  <si>
    <t>183.8450927734375</t>
  </si>
  <si>
    <t>0.020271945619940723</t>
  </si>
  <si>
    <t>10.39795970916748</t>
  </si>
  <si>
    <t>212.07366943359375</t>
  </si>
  <si>
    <t>0.0032148830720597488</t>
  </si>
  <si>
    <t>15328</t>
  </si>
  <si>
    <t>10.478968620300293</t>
  </si>
  <si>
    <t>223.6215057373047</t>
  </si>
  <si>
    <t>-0.12948649286926006</t>
  </si>
  <si>
    <t>10.314507484436035</t>
  </si>
  <si>
    <t>149.02381896972656</t>
  </si>
  <si>
    <t>0.11313294590077305</t>
  </si>
  <si>
    <t>17442</t>
  </si>
  <si>
    <t>10.0982027053833</t>
  </si>
  <si>
    <t>318.151611328125</t>
  </si>
  <si>
    <t>0.0160669236755151</t>
  </si>
  <si>
    <t>11.594680786132812</t>
  </si>
  <si>
    <t>788.4915771484375</t>
  </si>
  <si>
    <t>173.01808166503906</t>
  </si>
  <si>
    <t>Ayacucho</t>
  </si>
  <si>
    <t>11.872672080993652</t>
  </si>
  <si>
    <t>612.4972534179688</t>
  </si>
  <si>
    <t>0.07343852353121516</t>
  </si>
  <si>
    <t>12.272110939025879</t>
  </si>
  <si>
    <t>641.7096557617188</t>
  </si>
  <si>
    <t>-0.09490399417190876</t>
  </si>
  <si>
    <t>12.077239036560059</t>
  </si>
  <si>
    <t>658.7545166015625</t>
  </si>
  <si>
    <t>0.09257976302682813</t>
  </si>
  <si>
    <t>12.015229225158691</t>
  </si>
  <si>
    <t>623.4686279296875</t>
  </si>
  <si>
    <t>0.14488323716896812</t>
  </si>
  <si>
    <t>11.659071922302246</t>
  </si>
  <si>
    <t>474.2394104003906</t>
  </si>
  <si>
    <t>0.033163147936686066</t>
  </si>
  <si>
    <t>11.302570343017578</t>
  </si>
  <si>
    <t>533.0419311523438</t>
  </si>
  <si>
    <t>0.05999437571312605</t>
  </si>
  <si>
    <t>2393</t>
  </si>
  <si>
    <t>12.64254379272461</t>
  </si>
  <si>
    <t>734.4100341796875</t>
  </si>
  <si>
    <t>0.09276432170674376</t>
  </si>
  <si>
    <t>12.455597877502441</t>
  </si>
  <si>
    <t>685.07275390625</t>
  </si>
  <si>
    <t>0.024763956350116523</t>
  </si>
  <si>
    <t>11.505906105041504</t>
  </si>
  <si>
    <t>689.6483154296875</t>
  </si>
  <si>
    <t>0.042695493215118674</t>
  </si>
  <si>
    <t>11.618736267089844</t>
  </si>
  <si>
    <t>912.8185424804688</t>
  </si>
  <si>
    <t>0.05398498104653626</t>
  </si>
  <si>
    <t>11.418807983398438</t>
  </si>
  <si>
    <t>914.8616333007812</t>
  </si>
  <si>
    <t>0.03169086910734453</t>
  </si>
  <si>
    <t>11.834149360656738</t>
  </si>
  <si>
    <t>891.47265625</t>
  </si>
  <si>
    <t>0.048294899064396546</t>
  </si>
  <si>
    <t>11.687731742858887</t>
  </si>
  <si>
    <t>662.7782592773438</t>
  </si>
  <si>
    <t>0.043128863594525946</t>
  </si>
  <si>
    <t>11.94207763671875</t>
  </si>
  <si>
    <t>580.74072265625</t>
  </si>
  <si>
    <t>-0.016163967297883275</t>
  </si>
  <si>
    <t>11.56103515625</t>
  </si>
  <si>
    <t>560.95654296875</t>
  </si>
  <si>
    <t>0.07432173618280125</t>
  </si>
  <si>
    <t>11.958474159240723</t>
  </si>
  <si>
    <t>657.7278442382812</t>
  </si>
  <si>
    <t>0.0772125731963591</t>
  </si>
  <si>
    <t>11.088141441345215</t>
  </si>
  <si>
    <t>664.3970947265625</t>
  </si>
  <si>
    <t>0.10258444530323985</t>
  </si>
  <si>
    <t>11.527482032775879</t>
  </si>
  <si>
    <t>610.8685913085938</t>
  </si>
  <si>
    <t>0.07668396533501642</t>
  </si>
  <si>
    <t>4604</t>
  </si>
  <si>
    <t>11.973530769348145</t>
  </si>
  <si>
    <t>830.9669799804688</t>
  </si>
  <si>
    <t>0.09517986683582791</t>
  </si>
  <si>
    <t>11.571503639221191</t>
  </si>
  <si>
    <t>640.2766723632812</t>
  </si>
  <si>
    <t>0.044395099461336684</t>
  </si>
  <si>
    <t>11.605795860290527</t>
  </si>
  <si>
    <t>876.6275634765625</t>
  </si>
  <si>
    <t>0.13940957359499961</t>
  </si>
  <si>
    <t>11.896536827087402</t>
  </si>
  <si>
    <t>672.9302368164062</t>
  </si>
  <si>
    <t>0.0771886059261444</t>
  </si>
  <si>
    <t>11.317517280578613</t>
  </si>
  <si>
    <t>668.1719360351562</t>
  </si>
  <si>
    <t>0.10895118378855528</t>
  </si>
  <si>
    <t>6589</t>
  </si>
  <si>
    <t>11.803130149841309</t>
  </si>
  <si>
    <t>595.55517578125</t>
  </si>
  <si>
    <t>-0.011468361698989682</t>
  </si>
  <si>
    <t>12.594417572021484</t>
  </si>
  <si>
    <t>627.7197265625</t>
  </si>
  <si>
    <t>0.039430831520734344</t>
  </si>
  <si>
    <t>12.179062843322754</t>
  </si>
  <si>
    <t>945.242431640625</t>
  </si>
  <si>
    <t>-0.03292600561942294</t>
  </si>
  <si>
    <t>11.919631958007812</t>
  </si>
  <si>
    <t>784.0955200195312</t>
  </si>
  <si>
    <t>0.01600512813108601</t>
  </si>
  <si>
    <t>6878</t>
  </si>
  <si>
    <t>11.72088623046875</t>
  </si>
  <si>
    <t>0.020416366045994394</t>
  </si>
  <si>
    <t>11.872542381286621</t>
  </si>
  <si>
    <t>778.9961547851562</t>
  </si>
  <si>
    <t>0.0030485615538982103</t>
  </si>
  <si>
    <t>11.961346626281738</t>
  </si>
  <si>
    <t>-0.12933669492836053</t>
  </si>
  <si>
    <t>6788</t>
  </si>
  <si>
    <t>11.800902366638184</t>
  </si>
  <si>
    <t>667.9891967773438</t>
  </si>
  <si>
    <t>0.113116568736368</t>
  </si>
  <si>
    <t>11.479450225830078</t>
  </si>
  <si>
    <t>545.77099609375</t>
  </si>
  <si>
    <t>0.01607516714267021</t>
  </si>
  <si>
    <t>16.040016174316406</t>
  </si>
  <si>
    <t>576.9420166015625</t>
  </si>
  <si>
    <t>442.043701171875</t>
  </si>
  <si>
    <t>Cajamarca</t>
  </si>
  <si>
    <t>16.445283889770508</t>
  </si>
  <si>
    <t>560.3800659179688</t>
  </si>
  <si>
    <t>-0.0023679859514089685</t>
  </si>
  <si>
    <t>16.6076717376709</t>
  </si>
  <si>
    <t>728.1922607421875</t>
  </si>
  <si>
    <t>-0.0495728316824362</t>
  </si>
  <si>
    <t>16.563270568847656</t>
  </si>
  <si>
    <t>1112.679443359375</t>
  </si>
  <si>
    <t>0.07716401376319926</t>
  </si>
  <si>
    <t>16.26996421813965</t>
  </si>
  <si>
    <t>976.494873046875</t>
  </si>
  <si>
    <t>0.16893281831160323</t>
  </si>
  <si>
    <t>16.00785255432129</t>
  </si>
  <si>
    <t>602.3321533203125</t>
  </si>
  <si>
    <t>0.1212829420094872</t>
  </si>
  <si>
    <t>15.114579200744629</t>
  </si>
  <si>
    <t>633.660888671875</t>
  </si>
  <si>
    <t>0.06447381925148843</t>
  </si>
  <si>
    <t>17.505657196044922</t>
  </si>
  <si>
    <t>1069.7232666015625</t>
  </si>
  <si>
    <t>0.0970439190905168</t>
  </si>
  <si>
    <t>16.94464683532715</t>
  </si>
  <si>
    <t>764.8612670898438</t>
  </si>
  <si>
    <t>0.028366590833648786</t>
  </si>
  <si>
    <t>15.607806205749512</t>
  </si>
  <si>
    <t>973.679931640625</t>
  </si>
  <si>
    <t>0.04601397229900073</t>
  </si>
  <si>
    <t>15.741783142089844</t>
  </si>
  <si>
    <t>1119.8690185546875</t>
  </si>
  <si>
    <t>0.056946405055933624</t>
  </si>
  <si>
    <t>15.669507026672363</t>
  </si>
  <si>
    <t>928.1859741210938</t>
  </si>
  <si>
    <t>0.03466507748605885</t>
  </si>
  <si>
    <t>16.395797729492188</t>
  </si>
  <si>
    <t>923.3395385742188</t>
  </si>
  <si>
    <t>0.09664319702592294</t>
  </si>
  <si>
    <t>16.36142921447754</t>
  </si>
  <si>
    <t>908.19921875</t>
  </si>
  <si>
    <t>0.08252325917660919</t>
  </si>
  <si>
    <t>16.38254165649414</t>
  </si>
  <si>
    <t>874.3435668945312</t>
  </si>
  <si>
    <t>0.01280744628992636</t>
  </si>
  <si>
    <t>16.048236846923828</t>
  </si>
  <si>
    <t>637.9148559570312</t>
  </si>
  <si>
    <t>0.06553863661886439</t>
  </si>
  <si>
    <t>16.54322624206543</t>
  </si>
  <si>
    <t>784.630126953125</t>
  </si>
  <si>
    <t>-0.01510778299197213</t>
  </si>
  <si>
    <t>4713</t>
  </si>
  <si>
    <t>15.37685775756836</t>
  </si>
  <si>
    <t>662.2581176757812</t>
  </si>
  <si>
    <t>-0.08361073609289527</t>
  </si>
  <si>
    <t>16.24083137512207</t>
  </si>
  <si>
    <t>1306.749755859375</t>
  </si>
  <si>
    <t>0.07852365801232963</t>
  </si>
  <si>
    <t>16.591703414916992</t>
  </si>
  <si>
    <t>1106.3126220703125</t>
  </si>
  <si>
    <t>0.06584945043100099</t>
  </si>
  <si>
    <t>5357</t>
  </si>
  <si>
    <t>15.848237037658691</t>
  </si>
  <si>
    <t>1032.639892578125</t>
  </si>
  <si>
    <t>-0.01629363948610063</t>
  </si>
  <si>
    <t>6673</t>
  </si>
  <si>
    <t>16.053621292114258</t>
  </si>
  <si>
    <t>1077.0028076171875</t>
  </si>
  <si>
    <t>0.21966541702264664</t>
  </si>
  <si>
    <t>16.5399112701416</t>
  </si>
  <si>
    <t>808.6828002929688</t>
  </si>
  <si>
    <t>0.06455725316653016</t>
  </si>
  <si>
    <t>15.686028480529785</t>
  </si>
  <si>
    <t>1044.640625</t>
  </si>
  <si>
    <t>-0.046586917349607404</t>
  </si>
  <si>
    <t>16.47214698791504</t>
  </si>
  <si>
    <t>850.9459228515625</t>
  </si>
  <si>
    <t>-0.04193265916158495</t>
  </si>
  <si>
    <t>17.384550094604492</t>
  </si>
  <si>
    <t>1218.2188720703125</t>
  </si>
  <si>
    <t>0.006883392379190667</t>
  </si>
  <si>
    <t>16.847267150878906</t>
  </si>
  <si>
    <t>943.5841674804688</t>
  </si>
  <si>
    <t>-0.0712275092883683</t>
  </si>
  <si>
    <t>16.51763153076172</t>
  </si>
  <si>
    <t>857.3468017578125</t>
  </si>
  <si>
    <t>-0.0034434731082448877</t>
  </si>
  <si>
    <t>16.262094497680664</t>
  </si>
  <si>
    <t>761.5443725585938</t>
  </si>
  <si>
    <t>0.02032425052217235</t>
  </si>
  <si>
    <t>16.848764419555664</t>
  </si>
  <si>
    <t>840.5906982421875</t>
  </si>
  <si>
    <t>0.0032138867451561026</t>
  </si>
  <si>
    <t>5476</t>
  </si>
  <si>
    <t>16.55805015563965</t>
  </si>
  <si>
    <t>808.8492431640625</t>
  </si>
  <si>
    <t>-0.12948285040051033</t>
  </si>
  <si>
    <t>16.186567306518555</t>
  </si>
  <si>
    <t>824.3763427734375</t>
  </si>
  <si>
    <t>0.11314605358336394</t>
  </si>
  <si>
    <t>6231</t>
  </si>
  <si>
    <t>15.572819709777832</t>
  </si>
  <si>
    <t>681.6632080078125</t>
  </si>
  <si>
    <t>0.016015872552516797</t>
  </si>
  <si>
    <t>9.813605308532715</t>
  </si>
  <si>
    <t>882.3361206054688</t>
  </si>
  <si>
    <t>326.18145751953125</t>
  </si>
  <si>
    <t>Cusco</t>
  </si>
  <si>
    <t>10.149287223815918</t>
  </si>
  <si>
    <t>643.8529052734375</t>
  </si>
  <si>
    <t>0.017369365590237607</t>
  </si>
  <si>
    <t>10.324748039245605</t>
  </si>
  <si>
    <t>808.3741455078125</t>
  </si>
  <si>
    <t>-0.020293819339814334</t>
  </si>
  <si>
    <t>10.294891357421875</t>
  </si>
  <si>
    <t>778.1010131835938</t>
  </si>
  <si>
    <t>0.04392813195902967</t>
  </si>
  <si>
    <t>10.53706169128418</t>
  </si>
  <si>
    <t>936.8635864257812</t>
  </si>
  <si>
    <t>0.10598318068417001</t>
  </si>
  <si>
    <t>10.274283409118652</t>
  </si>
  <si>
    <t>717.3341064453125</t>
  </si>
  <si>
    <t>0.05105517080028399</t>
  </si>
  <si>
    <t>9.852579116821289</t>
  </si>
  <si>
    <t>750.1505126953125</t>
  </si>
  <si>
    <t>-0.00560524622523495</t>
  </si>
  <si>
    <t>10.54343318939209</t>
  </si>
  <si>
    <t>978.2549438476562</t>
  </si>
  <si>
    <t>0.029797853935011887</t>
  </si>
  <si>
    <t>10.877047538757324</t>
  </si>
  <si>
    <t>630.8827514648438</t>
  </si>
  <si>
    <t>-0.03651199222314716</t>
  </si>
  <si>
    <t>9.91420841217041</t>
  </si>
  <si>
    <t>871.5940551757812</t>
  </si>
  <si>
    <t>-0.01684822462414992</t>
  </si>
  <si>
    <t>10.231059074401855</t>
  </si>
  <si>
    <t>935.9266967773438</t>
  </si>
  <si>
    <t>-0.0038440464688278553</t>
  </si>
  <si>
    <t>3546</t>
  </si>
  <si>
    <t>10.100285530090332</t>
  </si>
  <si>
    <t>960.0197143554688</t>
  </si>
  <si>
    <t>-0.024788903333467616</t>
  </si>
  <si>
    <t>10.05083179473877</t>
  </si>
  <si>
    <t>1051.33251953125</t>
  </si>
  <si>
    <t>-0.04558043086220742</t>
  </si>
  <si>
    <t>10.00080394744873</t>
  </si>
  <si>
    <t>763.8300170898438</t>
  </si>
  <si>
    <t>0.05735516740674029</t>
  </si>
  <si>
    <t>4215</t>
  </si>
  <si>
    <t>10.361149787902832</t>
  </si>
  <si>
    <t>665.52734375</t>
  </si>
  <si>
    <t>0.16105464725727003</t>
  </si>
  <si>
    <t>10.096498489379883</t>
  </si>
  <si>
    <t>697.0474243164062</t>
  </si>
  <si>
    <t>0.07757593925810191</t>
  </si>
  <si>
    <t>10.188076972961426</t>
  </si>
  <si>
    <t>691.3928833007812</t>
  </si>
  <si>
    <t>0.10494330459787804</t>
  </si>
  <si>
    <t>9.69504451751709</t>
  </si>
  <si>
    <t>828.8886108398438</t>
  </si>
  <si>
    <t>0.08357925692862622</t>
  </si>
  <si>
    <t>5861</t>
  </si>
  <si>
    <t>9.679741859436035</t>
  </si>
  <si>
    <t>632.0936279296875</t>
  </si>
  <si>
    <t>0.06357214525586663</t>
  </si>
  <si>
    <t>10.127702713012695</t>
  </si>
  <si>
    <t>753.8148803710938</t>
  </si>
  <si>
    <t>0.038984443069224994</t>
  </si>
  <si>
    <t>10.216919898986816</t>
  </si>
  <si>
    <t>651.968505859375</t>
  </si>
  <si>
    <t>0.13373649138029364</t>
  </si>
  <si>
    <t>11146</t>
  </si>
  <si>
    <t>9.93700122833252</t>
  </si>
  <si>
    <t>1036.7745361328125</t>
  </si>
  <si>
    <t>0.470039517203535</t>
  </si>
  <si>
    <t>9.952136993408203</t>
  </si>
  <si>
    <t>814.0004272460938</t>
  </si>
  <si>
    <t>-0.01145963364170477</t>
  </si>
  <si>
    <t>9.784479141235352</t>
  </si>
  <si>
    <t>870.5645141601562</t>
  </si>
  <si>
    <t>0.16124304557087044</t>
  </si>
  <si>
    <t>12104</t>
  </si>
  <si>
    <t>10.09333324432373</t>
  </si>
  <si>
    <t>575.9708862304688</t>
  </si>
  <si>
    <t>-0.0673281245904569</t>
  </si>
  <si>
    <t>10.595101356506348</t>
  </si>
  <si>
    <t>777.1276245117188</t>
  </si>
  <si>
    <t>-0.13589467774393071</t>
  </si>
  <si>
    <t>10.448710441589355</t>
  </si>
  <si>
    <t>895.7916259765625</t>
  </si>
  <si>
    <t>-0.045997361259731306</t>
  </si>
  <si>
    <t>10.2263765335083</t>
  </si>
  <si>
    <t>845.7324829101562</t>
  </si>
  <si>
    <t>0.026887282285123604</t>
  </si>
  <si>
    <t>10.080195426940918</t>
  </si>
  <si>
    <t>845.5391235351562</t>
  </si>
  <si>
    <t>0.0202451528762726</t>
  </si>
  <si>
    <t>10.301568031311035</t>
  </si>
  <si>
    <t>845.104248046875</t>
  </si>
  <si>
    <t>0.0032090636317043675</t>
  </si>
  <si>
    <t>10.380568504333496</t>
  </si>
  <si>
    <t>839.4202270507812</t>
  </si>
  <si>
    <t>-0.1295009709609367</t>
  </si>
  <si>
    <t>10439</t>
  </si>
  <si>
    <t>10.552735328674316</t>
  </si>
  <si>
    <t>774.4602661132812</t>
  </si>
  <si>
    <t>0.11306432711160497</t>
  </si>
  <si>
    <t>10.7315673828125</t>
  </si>
  <si>
    <t>563.4276123046875</t>
  </si>
  <si>
    <t>0.016153905050973805</t>
  </si>
  <si>
    <t>8.791535377502441</t>
  </si>
  <si>
    <t>724.3587036132812</t>
  </si>
  <si>
    <t>133.65040588378906</t>
  </si>
  <si>
    <t>Huancavelica</t>
  </si>
  <si>
    <t>2519</t>
  </si>
  <si>
    <t>9.188578605651855</t>
  </si>
  <si>
    <t>572.8678588867188</t>
  </si>
  <si>
    <t>0.017621601349819827</t>
  </si>
  <si>
    <t>9.715899467468262</t>
  </si>
  <si>
    <t>491.7255554199219</t>
  </si>
  <si>
    <t>-0.05886455988386885</t>
  </si>
  <si>
    <t>9.48190975189209</t>
  </si>
  <si>
    <t>646.3687744140625</t>
  </si>
  <si>
    <t>0.11144721720729756</t>
  </si>
  <si>
    <t>9.231677055358887</t>
  </si>
  <si>
    <t>580.1843872070312</t>
  </si>
  <si>
    <t>0.11110668661478229</t>
  </si>
  <si>
    <t>8.700028419494629</t>
  </si>
  <si>
    <t>430.2737731933594</t>
  </si>
  <si>
    <t>0.12111045250338304</t>
  </si>
  <si>
    <t>8.190356254577637</t>
  </si>
  <si>
    <t>473.4975891113281</t>
  </si>
  <si>
    <t>0.044957950403281544</t>
  </si>
  <si>
    <t>10.07750415802002</t>
  </si>
  <si>
    <t>627.8602294921875</t>
  </si>
  <si>
    <t>0.07927384017742689</t>
  </si>
  <si>
    <t>9.637036323547363</t>
  </si>
  <si>
    <t>799.1770629882812</t>
  </si>
  <si>
    <t>0.01205781319273136</t>
  </si>
  <si>
    <t>8.599886894226074</t>
  </si>
  <si>
    <t>535.3695678710938</t>
  </si>
  <si>
    <t>0.030787449594866345</t>
  </si>
  <si>
    <t>8.781790733337402</t>
  </si>
  <si>
    <t>1113.9017333984375</t>
  </si>
  <si>
    <t>0.043264688349221814</t>
  </si>
  <si>
    <t>8.588308334350586</t>
  </si>
  <si>
    <t>1071.3970947265625</t>
  </si>
  <si>
    <t>0.021542240422210313</t>
  </si>
  <si>
    <t>9.148380279541016</t>
  </si>
  <si>
    <t>895.093017578125</t>
  </si>
  <si>
    <t>-0.02275274777254488</t>
  </si>
  <si>
    <t>8.9188871383667</t>
  </si>
  <si>
    <t>464.4319763183594</t>
  </si>
  <si>
    <t>0.02275274777254488</t>
  </si>
  <si>
    <t>9.147536277770996</t>
  </si>
  <si>
    <t>395.14215087890625</t>
  </si>
  <si>
    <t>0.00872338432947295</t>
  </si>
  <si>
    <t>8.739041328430176</t>
  </si>
  <si>
    <t>383.8937072753906</t>
  </si>
  <si>
    <t>0.05990633021442804</t>
  </si>
  <si>
    <t>9.398772239685059</t>
  </si>
  <si>
    <t>473.19927978515625</t>
  </si>
  <si>
    <t>0.05065192138505914</t>
  </si>
  <si>
    <t>4576</t>
  </si>
  <si>
    <t>8.111747741699219</t>
  </si>
  <si>
    <t>471.8086853027344</t>
  </si>
  <si>
    <t>-0.0390021578032691</t>
  </si>
  <si>
    <t>8.9216947555542</t>
  </si>
  <si>
    <t>430.17962646484375</t>
  </si>
  <si>
    <t>9.2579927444458</t>
  </si>
  <si>
    <t>1006.2348022460938</t>
  </si>
  <si>
    <t>0.028724255715008695</t>
  </si>
  <si>
    <t>8.528544425964355</t>
  </si>
  <si>
    <t>487.8822326660156</t>
  </si>
  <si>
    <t>0.01836049514223781</t>
  </si>
  <si>
    <t>8.880825996398926</t>
  </si>
  <si>
    <t>887.3707885742188</t>
  </si>
  <si>
    <t>0.017226082051491787</t>
  </si>
  <si>
    <t>9.371352195739746</t>
  </si>
  <si>
    <t>507.71484375</t>
  </si>
  <si>
    <t>0.08120121471939612</t>
  </si>
  <si>
    <t>5612</t>
  </si>
  <si>
    <t>8.412753105163574</t>
  </si>
  <si>
    <t>445.5920104980469</t>
  </si>
  <si>
    <t>0.03887864764440074</t>
  </si>
  <si>
    <t>9.017302513122559</t>
  </si>
  <si>
    <t>577.06591796875</t>
  </si>
  <si>
    <t>0.04136354422067434</t>
  </si>
  <si>
    <t>9.962841987609863</t>
  </si>
  <si>
    <t>390.377197265625</t>
  </si>
  <si>
    <t>0.027320417596136792</t>
  </si>
  <si>
    <t>9.417180061340332</t>
  </si>
  <si>
    <t>1130.8358154296875</t>
  </si>
  <si>
    <t>-0.017622340735293562</t>
  </si>
  <si>
    <t>9.122807502746582</t>
  </si>
  <si>
    <t>736.9034423828125</t>
  </si>
  <si>
    <t>-0.011923152661191594</t>
  </si>
  <si>
    <t>8.897845268249512</t>
  </si>
  <si>
    <t>0.02018557214672434</t>
  </si>
  <si>
    <t>8.983590126037598</t>
  </si>
  <si>
    <t>730.4876098632812</t>
  </si>
  <si>
    <t>0.0031855169866545907</t>
  </si>
  <si>
    <t>9.103049278259277</t>
  </si>
  <si>
    <t>-0.12937913752375607</t>
  </si>
  <si>
    <t>5877</t>
  </si>
  <si>
    <t>8.828655242919922</t>
  </si>
  <si>
    <t>531.3936767578125</t>
  </si>
  <si>
    <t>0.11300884536035127</t>
  </si>
  <si>
    <t>8.27892017364502</t>
  </si>
  <si>
    <t>436.96929931640625</t>
  </si>
  <si>
    <t>0.0162028861196557</t>
  </si>
  <si>
    <t>3049</t>
  </si>
  <si>
    <t>14.533424377441406</t>
  </si>
  <si>
    <t>976.4469604492188</t>
  </si>
  <si>
    <t>267.0992736816406</t>
  </si>
  <si>
    <t>Hu·nuco</t>
  </si>
  <si>
    <t>14.801972389221191</t>
  </si>
  <si>
    <t>836.2803344726562</t>
  </si>
  <si>
    <t>0.05425708431055298</t>
  </si>
  <si>
    <t>15.155845642089844</t>
  </si>
  <si>
    <t>1059.2552490234375</t>
  </si>
  <si>
    <t>-0.01976534933304208</t>
  </si>
  <si>
    <t>15.02396011352539</t>
  </si>
  <si>
    <t>1264.9739990234375</t>
  </si>
  <si>
    <t>0.08062750301183996</t>
  </si>
  <si>
    <t>14.935829162597656</t>
  </si>
  <si>
    <t>1258.6292724609375</t>
  </si>
  <si>
    <t>-0.07116669450761215</t>
  </si>
  <si>
    <t>14.722289085388184</t>
  </si>
  <si>
    <t>1072.8902587890625</t>
  </si>
  <si>
    <t>0.181745956976906</t>
  </si>
  <si>
    <t>14.138004302978516</t>
  </si>
  <si>
    <t>1082.900390625</t>
  </si>
  <si>
    <t>-0.04578500087036197</t>
  </si>
  <si>
    <t>15.779746055603027</t>
  </si>
  <si>
    <t>982.4282836914062</t>
  </si>
  <si>
    <t>-0.01351558292766164</t>
  </si>
  <si>
    <t>3313</t>
  </si>
  <si>
    <t>15.565644264221191</t>
  </si>
  <si>
    <t>1239.375</t>
  </si>
  <si>
    <t>-0.08335746134897981</t>
  </si>
  <si>
    <t>14.500031471252441</t>
  </si>
  <si>
    <t>1141.4693603515625</t>
  </si>
  <si>
    <t>-0.06742022232669242</t>
  </si>
  <si>
    <t>14.723530769348145</t>
  </si>
  <si>
    <t>1117.1016845703125</t>
  </si>
  <si>
    <t>-0.05850787758546261</t>
  </si>
  <si>
    <t>14.511549949645996</t>
  </si>
  <si>
    <t>1314.29833984375</t>
  </si>
  <si>
    <t>-0.08499045196211696</t>
  </si>
  <si>
    <t>15.066341400146484</t>
  </si>
  <si>
    <t>1056.43603515625</t>
  </si>
  <si>
    <t>0.01479864224813543</t>
  </si>
  <si>
    <t>14.945361137390137</t>
  </si>
  <si>
    <t>1055.0980224609375</t>
  </si>
  <si>
    <t>0.08480549374221802</t>
  </si>
  <si>
    <t>3034</t>
  </si>
  <si>
    <t>1013.8558349609375</t>
  </si>
  <si>
    <t>0.023342173492500784</t>
  </si>
  <si>
    <t>3077</t>
  </si>
  <si>
    <t>14.766254425048828</t>
  </si>
  <si>
    <t>906.519775390625</t>
  </si>
  <si>
    <t>0.0140732154135641</t>
  </si>
  <si>
    <t>15.042901039123535</t>
  </si>
  <si>
    <t>1065.2408447265625</t>
  </si>
  <si>
    <t>0.015159135637533794</t>
  </si>
  <si>
    <t>3168</t>
  </si>
  <si>
    <t>14.290492057800293</t>
  </si>
  <si>
    <t>1034.43017578125</t>
  </si>
  <si>
    <t>14.745409965515137</t>
  </si>
  <si>
    <t>1069.9677734375</t>
  </si>
  <si>
    <t>0.05645670866765862</t>
  </si>
  <si>
    <t>3353</t>
  </si>
  <si>
    <t>15.08060073852539</t>
  </si>
  <si>
    <t>1225.633544921875</t>
  </si>
  <si>
    <t>0.0002982848642538727</t>
  </si>
  <si>
    <t>14.754443168640137</t>
  </si>
  <si>
    <t>913.150390625</t>
  </si>
  <si>
    <t>0.06299020112822085</t>
  </si>
  <si>
    <t>14.731468200683594</t>
  </si>
  <si>
    <t>1220.3426513671875</t>
  </si>
  <si>
    <t>0.035757384791706315</t>
  </si>
  <si>
    <t>15.044926643371582</t>
  </si>
  <si>
    <t>1020.640869140625</t>
  </si>
  <si>
    <t>0.14581713676347263</t>
  </si>
  <si>
    <t>14.465324401855469</t>
  </si>
  <si>
    <t>1027.651123046875</t>
  </si>
  <si>
    <t>0.11565299874433244</t>
  </si>
  <si>
    <t>5042</t>
  </si>
  <si>
    <t>14.898822784423828</t>
  </si>
  <si>
    <t>1061.3392333984375</t>
  </si>
  <si>
    <t>0.047729639853905326</t>
  </si>
  <si>
    <t>15.643057823181152</t>
  </si>
  <si>
    <t>958.8624877929688</t>
  </si>
  <si>
    <t>0.09021264702936627</t>
  </si>
  <si>
    <t>15.475955963134766</t>
  </si>
  <si>
    <t>1231.80126953125</t>
  </si>
  <si>
    <t>0.0010867597519510497</t>
  </si>
  <si>
    <t>15.316254615783691</t>
  </si>
  <si>
    <t>1126.0987548828125</t>
  </si>
  <si>
    <t>0.008651820370513263</t>
  </si>
  <si>
    <t>14.78663158416748</t>
  </si>
  <si>
    <t>0.02025295731124821</t>
  </si>
  <si>
    <t>14.988285064697266</t>
  </si>
  <si>
    <t>1118.21826171875</t>
  </si>
  <si>
    <t>0.0031606698831865288</t>
  </si>
  <si>
    <t>14.987998008728027</t>
  </si>
  <si>
    <t>-0.12933264607817208</t>
  </si>
  <si>
    <t>15.09893798828125</t>
  </si>
  <si>
    <t>870.1586303710938</t>
  </si>
  <si>
    <t>0.11307212520639176</t>
  </si>
  <si>
    <t>14.633365631103516</t>
  </si>
  <si>
    <t>771.1604614257812</t>
  </si>
  <si>
    <t>0.016085189934187838</t>
  </si>
  <si>
    <t>18.18767738342285</t>
  </si>
  <si>
    <t>11.567707061767578</t>
  </si>
  <si>
    <t>193.9263458251953</t>
  </si>
  <si>
    <t>Ica</t>
  </si>
  <si>
    <t>18.593828201293945</t>
  </si>
  <si>
    <t>15.211830139160156</t>
  </si>
  <si>
    <t>0.016110820272698945</t>
  </si>
  <si>
    <t>19.080591201782227</t>
  </si>
  <si>
    <t>13.429591178894043</t>
  </si>
  <si>
    <t>-0.010134898874143872</t>
  </si>
  <si>
    <t>18.866413116455078</t>
  </si>
  <si>
    <t>15.911778450012207</t>
  </si>
  <si>
    <t>0.08683518105929977</t>
  </si>
  <si>
    <t>6553</t>
  </si>
  <si>
    <t>18.739686965942383</t>
  </si>
  <si>
    <t>8.787969589233398</t>
  </si>
  <si>
    <t>0.14385239668989414</t>
  </si>
  <si>
    <t>18.285856246948242</t>
  </si>
  <si>
    <t>7.0973052978515625</t>
  </si>
  <si>
    <t>-0.015377821103657041</t>
  </si>
  <si>
    <t>17.85883331298828</t>
  </si>
  <si>
    <t>5.798651695251465</t>
  </si>
  <si>
    <t>0.0007745333823798717</t>
  </si>
  <si>
    <t>6697</t>
  </si>
  <si>
    <t>19.467947006225586</t>
  </si>
  <si>
    <t>16.380830764770508</t>
  </si>
  <si>
    <t>0.03633999259183085</t>
  </si>
  <si>
    <t>19.220144271850586</t>
  </si>
  <si>
    <t>27.409812927246094</t>
  </si>
  <si>
    <t>-0.029857488026323153</t>
  </si>
  <si>
    <t>18.230390548706055</t>
  </si>
  <si>
    <t>17.360170364379883</t>
  </si>
  <si>
    <t>6455</t>
  </si>
  <si>
    <t>18.280498504638672</t>
  </si>
  <si>
    <t>32.54505920410156</t>
  </si>
  <si>
    <t>0.0031031832505163948</t>
  </si>
  <si>
    <t>18.152587890625</t>
  </si>
  <si>
    <t>38.980960845947266</t>
  </si>
  <si>
    <t>-0.01766084818244984</t>
  </si>
  <si>
    <t>18.65692138671875</t>
  </si>
  <si>
    <t>25.857086181640625</t>
  </si>
  <si>
    <t>0.05162436540530635</t>
  </si>
  <si>
    <t>18.512868881225586</t>
  </si>
  <si>
    <t>14.906654357910156</t>
  </si>
  <si>
    <t>0.02309161217163691</t>
  </si>
  <si>
    <t>18.68281364440918</t>
  </si>
  <si>
    <t>13.134334564208984</t>
  </si>
  <si>
    <t>0.07401390025136223</t>
  </si>
  <si>
    <t>8218</t>
  </si>
  <si>
    <t>18.288501739501953</t>
  </si>
  <si>
    <t>13.393224716186523</t>
  </si>
  <si>
    <t>0.11040281651675699</t>
  </si>
  <si>
    <t>8785</t>
  </si>
  <si>
    <t>18.809263229370117</t>
  </si>
  <si>
    <t>14.374832153320312</t>
  </si>
  <si>
    <t>0.06671885117784271</t>
  </si>
  <si>
    <t>17.7542781829834</t>
  </si>
  <si>
    <t>15.64221477508545</t>
  </si>
  <si>
    <t>0.07328642980418643</t>
  </si>
  <si>
    <t>11382</t>
  </si>
  <si>
    <t>18.3875675201416</t>
  </si>
  <si>
    <t>13.551403045654297</t>
  </si>
  <si>
    <t>0.18570100873768425</t>
  </si>
  <si>
    <t>11686</t>
  </si>
  <si>
    <t>18.820585250854492</t>
  </si>
  <si>
    <t>24.45011329650879</t>
  </si>
  <si>
    <t>0.026358383951313513</t>
  </si>
  <si>
    <t>12492</t>
  </si>
  <si>
    <t>18.27918815612793</t>
  </si>
  <si>
    <t>15.429104804992676</t>
  </si>
  <si>
    <t>0.06669689528858669</t>
  </si>
  <si>
    <t>15168</t>
  </si>
  <si>
    <t>18.438579559326172</t>
  </si>
  <si>
    <t>25.539012908935547</t>
  </si>
  <si>
    <t>0.19409950609183468</t>
  </si>
  <si>
    <t>14975</t>
  </si>
  <si>
    <t>18.872316360473633</t>
  </si>
  <si>
    <t>14.877500534057617</t>
  </si>
  <si>
    <t>-0.012805801511154513</t>
  </si>
  <si>
    <t>18.0985164642334</t>
  </si>
  <si>
    <t>13.905529022216797</t>
  </si>
  <si>
    <t>0.11123969352998841</t>
  </si>
  <si>
    <t>18.559843063354492</t>
  </si>
  <si>
    <t>20.6230411529541</t>
  </si>
  <si>
    <t>0.011878740377483155</t>
  </si>
  <si>
    <t>18079</t>
  </si>
  <si>
    <t>19.460073471069336</t>
  </si>
  <si>
    <t>13.899113655090332</t>
  </si>
  <si>
    <t>0.06525046579089278</t>
  </si>
  <si>
    <t>16865</t>
  </si>
  <si>
    <t>18.924535751342773</t>
  </si>
  <si>
    <t>32.112552642822266</t>
  </si>
  <si>
    <t>-0.06951057518626236</t>
  </si>
  <si>
    <t>17229</t>
  </si>
  <si>
    <t>18.569982528686523</t>
  </si>
  <si>
    <t>22.07700538635254</t>
  </si>
  <si>
    <t>0.02135354203665507</t>
  </si>
  <si>
    <t>17582</t>
  </si>
  <si>
    <t>18.423728942871094</t>
  </si>
  <si>
    <t>0.020281640878717866</t>
  </si>
  <si>
    <t>17638</t>
  </si>
  <si>
    <t>18.476314544677734</t>
  </si>
  <si>
    <t>21.532997131347656</t>
  </si>
  <si>
    <t>0.0031800140370012997</t>
  </si>
  <si>
    <t>15496</t>
  </si>
  <si>
    <t>18.5355167388916</t>
  </si>
  <si>
    <t>-0.12947373936129303</t>
  </si>
  <si>
    <t>17352</t>
  </si>
  <si>
    <t>18.406232833862305</t>
  </si>
  <si>
    <t>18.050151824951172</t>
  </si>
  <si>
    <t>0.11312584741987841</t>
  </si>
  <si>
    <t>17634</t>
  </si>
  <si>
    <t>17.925132751464844</t>
  </si>
  <si>
    <t>15.299939155578613</t>
  </si>
  <si>
    <t>0.01612108314026095</t>
  </si>
  <si>
    <t>10.01543140411377</t>
  </si>
  <si>
    <t>1106.7095947265625</t>
  </si>
  <si>
    <t>358.12030029296875</t>
  </si>
  <si>
    <t>Junn</t>
  </si>
  <si>
    <t>10.449715614318848</t>
  </si>
  <si>
    <t>883.0643920898438</t>
  </si>
  <si>
    <t>0.032034771328721234</t>
  </si>
  <si>
    <t>10.933741569519043</t>
  </si>
  <si>
    <t>756.1297607421875</t>
  </si>
  <si>
    <t>-0.054322681739156664</t>
  </si>
  <si>
    <t>10.737832069396973</t>
  </si>
  <si>
    <t>1092.6878662109375</t>
  </si>
  <si>
    <t>0.03190580282461575</t>
  </si>
  <si>
    <t>10.4970121383667</t>
  </si>
  <si>
    <t>1038.0633544921875</t>
  </si>
  <si>
    <t>0.07518691489460494</t>
  </si>
  <si>
    <t>9.955906867980957</t>
  </si>
  <si>
    <t>855.5550537109375</t>
  </si>
  <si>
    <t>0.06774598853238878</t>
  </si>
  <si>
    <t>6613</t>
  </si>
  <si>
    <t>9.45587158203125</t>
  </si>
  <si>
    <t>895.913330078125</t>
  </si>
  <si>
    <t>-0.03812669754173292</t>
  </si>
  <si>
    <t>11.403120994567871</t>
  </si>
  <si>
    <t>893.7509765625</t>
  </si>
  <si>
    <t>-0.004698758171377548</t>
  </si>
  <si>
    <t>10.897628784179688</t>
  </si>
  <si>
    <t>1286.8941650390625</t>
  </si>
  <si>
    <t>-0.07343036245433154</t>
  </si>
  <si>
    <t>9.866265296936035</t>
  </si>
  <si>
    <t>869.0346069335938</t>
  </si>
  <si>
    <t>-0.056504605382530215</t>
  </si>
  <si>
    <t>10.01412582397461</t>
  </si>
  <si>
    <t>1717.1783447265625</t>
  </si>
  <si>
    <t>-0.04638820688919054</t>
  </si>
  <si>
    <t>9.861553192138672</t>
  </si>
  <si>
    <t>1647.8062744140625</t>
  </si>
  <si>
    <t>-0.07057336695139682</t>
  </si>
  <si>
    <t>10.437647819519043</t>
  </si>
  <si>
    <t>1259.78564453125</t>
  </si>
  <si>
    <t>0.02344908517931721</t>
  </si>
  <si>
    <t>10.174911499023438</t>
  </si>
  <si>
    <t>585.9017944335938</t>
  </si>
  <si>
    <t>0.016018433526097553</t>
  </si>
  <si>
    <t>5654</t>
  </si>
  <si>
    <t>10.370162963867188</t>
  </si>
  <si>
    <t>552.9693603515625</t>
  </si>
  <si>
    <t>0.055453631722285124</t>
  </si>
  <si>
    <t>10.003674507141113</t>
  </si>
  <si>
    <t>521.213623046875</t>
  </si>
  <si>
    <t>-0.006743592547888255</t>
  </si>
  <si>
    <t>10.7058744430542</t>
  </si>
  <si>
    <t>668.4067993164062</t>
  </si>
  <si>
    <t>0.09472725935645698</t>
  </si>
  <si>
    <t>9.344486236572266</t>
  </si>
  <si>
    <t>667.266357421875</t>
  </si>
  <si>
    <t>0.05253159443287991</t>
  </si>
  <si>
    <t>10.22339153289795</t>
  </si>
  <si>
    <t>609.5199584960938</t>
  </si>
  <si>
    <t>0.07217411812833774</t>
  </si>
  <si>
    <t>10.481926918029785</t>
  </si>
  <si>
    <t>1610.2501220703125</t>
  </si>
  <si>
    <t>-0.029159968432018957</t>
  </si>
  <si>
    <t>9.694612503051758</t>
  </si>
  <si>
    <t>600.9297485351562</t>
  </si>
  <si>
    <t>0.06317589732388385</t>
  </si>
  <si>
    <t>10.0647611618042</t>
  </si>
  <si>
    <t>1353.6815185546875</t>
  </si>
  <si>
    <t>-0.16766988305264618</t>
  </si>
  <si>
    <t>10.640327453613281</t>
  </si>
  <si>
    <t>702.7968139648438</t>
  </si>
  <si>
    <t>0.055158994822837926</t>
  </si>
  <si>
    <t>9.61972713470459</t>
  </si>
  <si>
    <t>544.3882446289062</t>
  </si>
  <si>
    <t>0.06177023270683257</t>
  </si>
  <si>
    <t>10.34018611907959</t>
  </si>
  <si>
    <t>864.9893798828125</t>
  </si>
  <si>
    <t>0.10100384518431227</t>
  </si>
  <si>
    <t>11.32735538482666</t>
  </si>
  <si>
    <t>466.9755859375</t>
  </si>
  <si>
    <t>0.10743485110471873</t>
  </si>
  <si>
    <t>10.755892753601074</t>
  </si>
  <si>
    <t>1687.7059326171875</t>
  </si>
  <si>
    <t>-0.04626149426328929</t>
  </si>
  <si>
    <t>10.474282264709473</t>
  </si>
  <si>
    <t>1058.5552978515625</t>
  </si>
  <si>
    <t>0.009351612386613084</t>
  </si>
  <si>
    <t>10.174571990966797</t>
  </si>
  <si>
    <t>0.02024679697629672</t>
  </si>
  <si>
    <t>10.31622314453125</t>
  </si>
  <si>
    <t>1048.08056640625</t>
  </si>
  <si>
    <t>0.0032352793182930384</t>
  </si>
  <si>
    <t>10.431595802307129</t>
  </si>
  <si>
    <t>-0.1294551493988294</t>
  </si>
  <si>
    <t>8223</t>
  </si>
  <si>
    <t>10.194925308227539</t>
  </si>
  <si>
    <t>714.5640869140625</t>
  </si>
  <si>
    <t>0.11305145267056993</t>
  </si>
  <si>
    <t>9.752092361450195</t>
  </si>
  <si>
    <t>551.3487548828125</t>
  </si>
  <si>
    <t>0.016164405030540507</t>
  </si>
  <si>
    <t>16.703405380249023</t>
  </si>
  <si>
    <t>241.85150146484375</t>
  </si>
  <si>
    <t>335.6527099609375</t>
  </si>
  <si>
    <t>La Libertad</t>
  </si>
  <si>
    <t>17.121562957763672</t>
  </si>
  <si>
    <t>240.3152618408203</t>
  </si>
  <si>
    <t>0.019011241830966696</t>
  </si>
  <si>
    <t>17.35329818725586</t>
  </si>
  <si>
    <t>286.4914855957031</t>
  </si>
  <si>
    <t>-0.038990147883074755</t>
  </si>
  <si>
    <t>17.28575897216797</t>
  </si>
  <si>
    <t>539.5848388671875</t>
  </si>
  <si>
    <t>0.011719272074691034</t>
  </si>
  <si>
    <t>16.974443435668945</t>
  </si>
  <si>
    <t>482.6596374511719</t>
  </si>
  <si>
    <t>0.1369074015480365</t>
  </si>
  <si>
    <t>16.63336753845215</t>
  </si>
  <si>
    <t>289.58636474609375</t>
  </si>
  <si>
    <t>0.04066355248732023</t>
  </si>
  <si>
    <t>15.84012222290039</t>
  </si>
  <si>
    <t>316.24664306640625</t>
  </si>
  <si>
    <t>-0.02274345523133192</t>
  </si>
  <si>
    <t>18.10353660583496</t>
  </si>
  <si>
    <t>425.6824645996094</t>
  </si>
  <si>
    <t>0.011937930761993343</t>
  </si>
  <si>
    <t>17.655672073364258</t>
  </si>
  <si>
    <t>367.9189758300781</t>
  </si>
  <si>
    <t>-0.055321559353371796</t>
  </si>
  <si>
    <t>16.416845321655273</t>
  </si>
  <si>
    <t>381.1767883300781</t>
  </si>
  <si>
    <t>-0.03651813276837501</t>
  </si>
  <si>
    <t>16.5053768157959</t>
  </si>
  <si>
    <t>362.76678466796875</t>
  </si>
  <si>
    <t>-0.024481934894406976</t>
  </si>
  <si>
    <t>16.442296981811523</t>
  </si>
  <si>
    <t>392.3316650390625</t>
  </si>
  <si>
    <t>-0.04669884892697418</t>
  </si>
  <si>
    <t>17.18209457397461</t>
  </si>
  <si>
    <t>496.1877136230469</t>
  </si>
  <si>
    <t>0.049511262892867336</t>
  </si>
  <si>
    <t>17.061813354492188</t>
  </si>
  <si>
    <t>557.03076171875</t>
  </si>
  <si>
    <t>0.052163539093507794</t>
  </si>
  <si>
    <t>17.045469284057617</t>
  </si>
  <si>
    <t>482.99151611328125</t>
  </si>
  <si>
    <t>-0.018655249532089968</t>
  </si>
  <si>
    <t>5978</t>
  </si>
  <si>
    <t>16.773099899291992</t>
  </si>
  <si>
    <t>296.1855163574219</t>
  </si>
  <si>
    <t>0.07916487294269459</t>
  </si>
  <si>
    <t>17.256134033203125</t>
  </si>
  <si>
    <t>457.4438781738281</t>
  </si>
  <si>
    <t>0.1295715722416837</t>
  </si>
  <si>
    <t>16.1778621673584</t>
  </si>
  <si>
    <t>343.82281494140625</t>
  </si>
  <si>
    <t>0.08070941579873647</t>
  </si>
  <si>
    <t>7829</t>
  </si>
  <si>
    <t>16.972305297851562</t>
  </si>
  <si>
    <t>577.5765380859375</t>
  </si>
  <si>
    <t>0.05946773602361155</t>
  </si>
  <si>
    <t>17.294870376586914</t>
  </si>
  <si>
    <t>394.8409118652344</t>
  </si>
  <si>
    <t>0.004587748584464535</t>
  </si>
  <si>
    <t>16.648014068603516</t>
  </si>
  <si>
    <t>417.93914794921875</t>
  </si>
  <si>
    <t>0.07375371814989862</t>
  </si>
  <si>
    <t>16.819604873657227</t>
  </si>
  <si>
    <t>295.8550720214844</t>
  </si>
  <si>
    <t>0.023461829013971425</t>
  </si>
  <si>
    <t>9495</t>
  </si>
  <si>
    <t>17.29012680053711</t>
  </si>
  <si>
    <t>325.2858581542969</t>
  </si>
  <si>
    <t>0.09112726059013632</t>
  </si>
  <si>
    <t>9836</t>
  </si>
  <si>
    <t>16.47090721130371</t>
  </si>
  <si>
    <t>591.597412109375</t>
  </si>
  <si>
    <t>0.03528378008969746</t>
  </si>
  <si>
    <t>9802</t>
  </si>
  <si>
    <t>17.15138053894043</t>
  </si>
  <si>
    <t>289.26806640625</t>
  </si>
  <si>
    <t>-0.003462677866590269</t>
  </si>
  <si>
    <t>10188</t>
  </si>
  <si>
    <t>18.04610252380371</t>
  </si>
  <si>
    <t>674.2128295898438</t>
  </si>
  <si>
    <t>0.038624110629855934</t>
  </si>
  <si>
    <t>17.575510025024414</t>
  </si>
  <si>
    <t>354.1590881347656</t>
  </si>
  <si>
    <t>-0.02776712204044962</t>
  </si>
  <si>
    <t>9531</t>
  </si>
  <si>
    <t>17.239276885986328</t>
  </si>
  <si>
    <t>361.29730224609375</t>
  </si>
  <si>
    <t>-0.038893791121273225</t>
  </si>
  <si>
    <t>16.870817184448242</t>
  </si>
  <si>
    <t>359.7454528808594</t>
  </si>
  <si>
    <t>0.020253068026105936</t>
  </si>
  <si>
    <t>9757</t>
  </si>
  <si>
    <t>17.370744705200195</t>
  </si>
  <si>
    <t>357.6606140136719</t>
  </si>
  <si>
    <t>0.003182264144218294</t>
  </si>
  <si>
    <t>17.166460037231445</t>
  </si>
  <si>
    <t>360.5658264160156</t>
  </si>
  <si>
    <t>-0.12948389851448283</t>
  </si>
  <si>
    <t>9599</t>
  </si>
  <si>
    <t>16.92854881286621</t>
  </si>
  <si>
    <t>379.4906311035156</t>
  </si>
  <si>
    <t>0.1131578487700704</t>
  </si>
  <si>
    <t>16.440767288208008</t>
  </si>
  <si>
    <t>335.5413513183594</t>
  </si>
  <si>
    <t>0.01612104769367484</t>
  </si>
  <si>
    <t>2050</t>
  </si>
  <si>
    <t>21.765968322753906</t>
  </si>
  <si>
    <t>69.77021026611328</t>
  </si>
  <si>
    <t>361.12652587890625</t>
  </si>
  <si>
    <t>Lambayeque</t>
  </si>
  <si>
    <t>22.23198699951172</t>
  </si>
  <si>
    <t>81.22499084472656</t>
  </si>
  <si>
    <t>0.009072642877571369</t>
  </si>
  <si>
    <t>5847</t>
  </si>
  <si>
    <t>22.459840774536133</t>
  </si>
  <si>
    <t>71.80020904541016</t>
  </si>
  <si>
    <t>22.440027236938477</t>
  </si>
  <si>
    <t>234.83792114257812</t>
  </si>
  <si>
    <t>0.007836496662243064</t>
  </si>
  <si>
    <t>6906</t>
  </si>
  <si>
    <t>22.039403915405273</t>
  </si>
  <si>
    <t>200.1302490234375</t>
  </si>
  <si>
    <t>0.1586253931120254</t>
  </si>
  <si>
    <t>21.683738708496094</t>
  </si>
  <si>
    <t>102.0545425415039</t>
  </si>
  <si>
    <t>0.030236188120198904</t>
  </si>
  <si>
    <t>20.758575439453125</t>
  </si>
  <si>
    <t>84.94512176513672</t>
  </si>
  <si>
    <t>-0.051603897033126955</t>
  </si>
  <si>
    <t>23.350610733032227</t>
  </si>
  <si>
    <t>161.18955993652344</t>
  </si>
  <si>
    <t>-0.02002158617716887</t>
  </si>
  <si>
    <t>22.800874710083008</t>
  </si>
  <si>
    <t>132.90673828125</t>
  </si>
  <si>
    <t>-0.09061250795159559</t>
  </si>
  <si>
    <t>5610</t>
  </si>
  <si>
    <t>21.33937644958496</t>
  </si>
  <si>
    <t>168.45668029785156</t>
  </si>
  <si>
    <t>-0.07583807639150386</t>
  </si>
  <si>
    <t>21.4902286529541</t>
  </si>
  <si>
    <t>117.1986083984375</t>
  </si>
  <si>
    <t>-0.06861097344908451</t>
  </si>
  <si>
    <t>21.483718872070312</t>
  </si>
  <si>
    <t>184.12368774414062</t>
  </si>
  <si>
    <t>-0.09611233420475429</t>
  </si>
  <si>
    <t>22.40382194519043</t>
  </si>
  <si>
    <t>284.66497802734375</t>
  </si>
  <si>
    <t>0.03915604264947525</t>
  </si>
  <si>
    <t>22.121427536010742</t>
  </si>
  <si>
    <t>174.4755401611328</t>
  </si>
  <si>
    <t>0.032215949685371115</t>
  </si>
  <si>
    <t>22.1890926361084</t>
  </si>
  <si>
    <t>192.30584716796875</t>
  </si>
  <si>
    <t>-0.05304578182127884</t>
  </si>
  <si>
    <t>21.82257080078125</t>
  </si>
  <si>
    <t>81.47467041015625</t>
  </si>
  <si>
    <t>0.06626525893501167</t>
  </si>
  <si>
    <t>22.35334014892578</t>
  </si>
  <si>
    <t>195.5803680419922</t>
  </si>
  <si>
    <t>0.04160963326646794</t>
  </si>
  <si>
    <t>21.130041122436523</t>
  </si>
  <si>
    <t>110.3598861694336</t>
  </si>
  <si>
    <t>0.08875433042512526</t>
  </si>
  <si>
    <t>6331</t>
  </si>
  <si>
    <t>22.076711654663086</t>
  </si>
  <si>
    <t>290.2549743652344</t>
  </si>
  <si>
    <t>0.0706753565410505</t>
  </si>
  <si>
    <t>22.357032775878906</t>
  </si>
  <si>
    <t>120.0736312866211</t>
  </si>
  <si>
    <t>0.021717906950820876</t>
  </si>
  <si>
    <t>21.464929580688477</t>
  </si>
  <si>
    <t>179.75677490234375</t>
  </si>
  <si>
    <t>0.06825071052765885</t>
  </si>
  <si>
    <t>21.8017578125</t>
  </si>
  <si>
    <t>76.90603637695312</t>
  </si>
  <si>
    <t>-0.1599661227819169</t>
  </si>
  <si>
    <t>22.36663055419922</t>
  </si>
  <si>
    <t>127.52529907226562</t>
  </si>
  <si>
    <t>0.10674867589157522</t>
  </si>
  <si>
    <t>7081</t>
  </si>
  <si>
    <t>21.366561889648438</t>
  </si>
  <si>
    <t>224.50650024414062</t>
  </si>
  <si>
    <t>0.07520576851950977</t>
  </si>
  <si>
    <t>22.27442741394043</t>
  </si>
  <si>
    <t>78.37108612060547</t>
  </si>
  <si>
    <t>0.04541529863835869</t>
  </si>
  <si>
    <t>23.19683074951172</t>
  </si>
  <si>
    <t>284.33953857421875</t>
  </si>
  <si>
    <t>0.06022762312131569</t>
  </si>
  <si>
    <t>22.773088455200195</t>
  </si>
  <si>
    <t>133.98402404785156</t>
  </si>
  <si>
    <t>-0.026263095470948628</t>
  </si>
  <si>
    <t>22.47031593322754</t>
  </si>
  <si>
    <t>144.87921142578125</t>
  </si>
  <si>
    <t>-0.02844671538677268</t>
  </si>
  <si>
    <t>7604</t>
  </si>
  <si>
    <t>22.01024627685547</t>
  </si>
  <si>
    <t>116.0311508178711</t>
  </si>
  <si>
    <t>0.02032617305459361</t>
  </si>
  <si>
    <t>22.597579956054688</t>
  </si>
  <si>
    <t>128.72303771972656</t>
  </si>
  <si>
    <t>0.003151263111989877</t>
  </si>
  <si>
    <t>6701</t>
  </si>
  <si>
    <t>22.299962997436523</t>
  </si>
  <si>
    <t>124.61505126953125</t>
  </si>
  <si>
    <t>-0.1295689187471396</t>
  </si>
  <si>
    <t>7504</t>
  </si>
  <si>
    <t>22.00191307067871</t>
  </si>
  <si>
    <t>144.49566650390625</t>
  </si>
  <si>
    <t>0.11317944271288916</t>
  </si>
  <si>
    <t>21.409082412719727</t>
  </si>
  <si>
    <t>129.2156982421875</t>
  </si>
  <si>
    <t>0.016127249731448856</t>
  </si>
  <si>
    <t>16.63344383239746</t>
  </si>
  <si>
    <t>44.989654541015625</t>
  </si>
  <si>
    <t>2817.245361328125</t>
  </si>
  <si>
    <t>Lima w/ Callao</t>
  </si>
  <si>
    <t>17.213407516479492</t>
  </si>
  <si>
    <t>39.48684310913086</t>
  </si>
  <si>
    <t>0.0024749084542499133</t>
  </si>
  <si>
    <t>17.782617568969727</t>
  </si>
  <si>
    <t>22.606426239013672</t>
  </si>
  <si>
    <t>-0.016337065554775876</t>
  </si>
  <si>
    <t>17.551218032836914</t>
  </si>
  <si>
    <t>33.94703674316406</t>
  </si>
  <si>
    <t>0.01770937261795069</t>
  </si>
  <si>
    <t>8156</t>
  </si>
  <si>
    <t>17.218618392944336</t>
  </si>
  <si>
    <t>46.49868392944336</t>
  </si>
  <si>
    <t>0.11197599589579177</t>
  </si>
  <si>
    <t>16.594045639038086</t>
  </si>
  <si>
    <t>46.29087448120117</t>
  </si>
  <si>
    <t>0.0657179381522024</t>
  </si>
  <si>
    <t>16.017520904541016</t>
  </si>
  <si>
    <t>38.80609893798828</t>
  </si>
  <si>
    <t>0.0327527864718089</t>
  </si>
  <si>
    <t>18.261240005493164</t>
  </si>
  <si>
    <t>50.442970275878906</t>
  </si>
  <si>
    <t>0.06786631123024556</t>
  </si>
  <si>
    <t>9644</t>
  </si>
  <si>
    <t>17.65621566772461</t>
  </si>
  <si>
    <t>151.83575439453125</t>
  </si>
  <si>
    <t>0.001245071752459026</t>
  </si>
  <si>
    <t>9845</t>
  </si>
  <si>
    <t>16.562009811401367</t>
  </si>
  <si>
    <t>52.25045394897461</t>
  </si>
  <si>
    <t>0.020627751772163805</t>
  </si>
  <si>
    <t>16.631134033203125</t>
  </si>
  <si>
    <t>183.98109436035156</t>
  </si>
  <si>
    <t>0.033461299031287695</t>
  </si>
  <si>
    <t>16.447649002075195</t>
  </si>
  <si>
    <t>248.28688049316406</t>
  </si>
  <si>
    <t>0.012301238783656743</t>
  </si>
  <si>
    <t>10532</t>
  </si>
  <si>
    <t>17.228496551513672</t>
  </si>
  <si>
    <t>121.93775939941406</t>
  </si>
  <si>
    <t>0.021691991728030047</t>
  </si>
  <si>
    <t>10758</t>
  </si>
  <si>
    <t>16.929218292236328</t>
  </si>
  <si>
    <t>9.318828582763672</t>
  </si>
  <si>
    <t>0.021231422216988705</t>
  </si>
  <si>
    <t>17.06828498840332</t>
  </si>
  <si>
    <t>6.6863484382629395</t>
  </si>
  <si>
    <t>0.03552073955643564</t>
  </si>
  <si>
    <t>16.71014976501465</t>
  </si>
  <si>
    <t>6.513875484466553</t>
  </si>
  <si>
    <t>0.048760260310336534</t>
  </si>
  <si>
    <t>12533</t>
  </si>
  <si>
    <t>17.453439712524414</t>
  </si>
  <si>
    <t>10.086576461791992</t>
  </si>
  <si>
    <t>0.06843450191156109</t>
  </si>
  <si>
    <t>16.077348709106445</t>
  </si>
  <si>
    <t>22.05561637878418</t>
  </si>
  <si>
    <t>0.08221920057933652</t>
  </si>
  <si>
    <t>14844</t>
  </si>
  <si>
    <t>17.06865119934082</t>
  </si>
  <si>
    <t>8.37614631652832</t>
  </si>
  <si>
    <t>17.295137405395508</t>
  </si>
  <si>
    <t>128.83798217773438</t>
  </si>
  <si>
    <t>-0.010156496000265136</t>
  </si>
  <si>
    <t>15924</t>
  </si>
  <si>
    <t>16.4477596282959</t>
  </si>
  <si>
    <t>16.62555694580078</t>
  </si>
  <si>
    <t>0.08038815793998566</t>
  </si>
  <si>
    <t>16.85722541809082</t>
  </si>
  <si>
    <t>121.66991424560547</t>
  </si>
  <si>
    <t>0.008442034941282373</t>
  </si>
  <si>
    <t>16814</t>
  </si>
  <si>
    <t>17.493282318115234</t>
  </si>
  <si>
    <t>25.570711135864258</t>
  </si>
  <si>
    <t>0.045942432633751196</t>
  </si>
  <si>
    <t>16.333126068115234</t>
  </si>
  <si>
    <t>7.457184791564941</t>
  </si>
  <si>
    <t>0.025136395074628837</t>
  </si>
  <si>
    <t>17513</t>
  </si>
  <si>
    <t>17.11488914489746</t>
  </si>
  <si>
    <t>82.5118179321289</t>
  </si>
  <si>
    <t>0.015595194502793674</t>
  </si>
  <si>
    <t>17732</t>
  </si>
  <si>
    <t>18.192827224731445</t>
  </si>
  <si>
    <t>6.3497772216796875</t>
  </si>
  <si>
    <t>0.012427454592280895</t>
  </si>
  <si>
    <t>18977</t>
  </si>
  <si>
    <t>17.540929794311523</t>
  </si>
  <si>
    <t>166.78245544433594</t>
  </si>
  <si>
    <t>0.06785680268903427</t>
  </si>
  <si>
    <t>19279</t>
  </si>
  <si>
    <t>17.199186325073242</t>
  </si>
  <si>
    <t>65.66046905517578</t>
  </si>
  <si>
    <t>0.015788701045488907</t>
  </si>
  <si>
    <t>19674</t>
  </si>
  <si>
    <t>16.784238815307617</t>
  </si>
  <si>
    <t>0.020281546473235323</t>
  </si>
  <si>
    <t>19737</t>
  </si>
  <si>
    <t>16.841007232666016</t>
  </si>
  <si>
    <t>64.79458618164062</t>
  </si>
  <si>
    <t>0.003197079681404702</t>
  </si>
  <si>
    <t>17340</t>
  </si>
  <si>
    <t>16.913530349731445</t>
  </si>
  <si>
    <t>-0.12947907541957449</t>
  </si>
  <si>
    <t>19417</t>
  </si>
  <si>
    <t>16.849185943603516</t>
  </si>
  <si>
    <t>44.0555419921875</t>
  </si>
  <si>
    <t>0.11313299965991952</t>
  </si>
  <si>
    <t>19732</t>
  </si>
  <si>
    <t>16.249353408813477</t>
  </si>
  <si>
    <t>20.683006286621094</t>
  </si>
  <si>
    <t>0.01609271235917653</t>
  </si>
  <si>
    <t>26.269243240356445</t>
  </si>
  <si>
    <t>2139.47119140625</t>
  </si>
  <si>
    <t>375.2631530761719</t>
  </si>
  <si>
    <t>Loreto w/ Ucayali</t>
  </si>
  <si>
    <t>26.34720802307129</t>
  </si>
  <si>
    <t>2076.7763671875</t>
  </si>
  <si>
    <t>-0.021157437077397034</t>
  </si>
  <si>
    <t>26.398679733276367</t>
  </si>
  <si>
    <t>2381.85986328125</t>
  </si>
  <si>
    <t>-0.049744524676262</t>
  </si>
  <si>
    <t>7563</t>
  </si>
  <si>
    <t>26.23170280456543</t>
  </si>
  <si>
    <t>2440.054443359375</t>
  </si>
  <si>
    <t>0.017607497698559627</t>
  </si>
  <si>
    <t>26.450868606567383</t>
  </si>
  <si>
    <t>2456.53271484375</t>
  </si>
  <si>
    <t>0.03072758347446758</t>
  </si>
  <si>
    <t>26.516000747680664</t>
  </si>
  <si>
    <t>2513.722900390625</t>
  </si>
  <si>
    <t>0.00383926757741726</t>
  </si>
  <si>
    <t>26.078275680541992</t>
  </si>
  <si>
    <t>2446.770751953125</t>
  </si>
  <si>
    <t>-0.06490474819391956</t>
  </si>
  <si>
    <t>26.836610794067383</t>
  </si>
  <si>
    <t>2429.921142578125</t>
  </si>
  <si>
    <t>-0.035373686042145636</t>
  </si>
  <si>
    <t>26.958532333374023</t>
  </si>
  <si>
    <t>2528.786376953125</t>
  </si>
  <si>
    <t>-0.10831444904829546</t>
  </si>
  <si>
    <t>26.102922439575195</t>
  </si>
  <si>
    <t>2613.3857421875</t>
  </si>
  <si>
    <t>-0.09674314936666484</t>
  </si>
  <si>
    <t>26.279844284057617</t>
  </si>
  <si>
    <t>2478.95947265625</t>
  </si>
  <si>
    <t>-0.09369941330292697</t>
  </si>
  <si>
    <t>26.30925178527832</t>
  </si>
  <si>
    <t>2448.605224609375</t>
  </si>
  <si>
    <t>-0.1266745326403953</t>
  </si>
  <si>
    <t>26.553001403808594</t>
  </si>
  <si>
    <t>2576.423095703125</t>
  </si>
  <si>
    <t>0.0354488990039723</t>
  </si>
  <si>
    <t>26.62571144104004</t>
  </si>
  <si>
    <t>3106.754638671875</t>
  </si>
  <si>
    <t>0.015520228759095644</t>
  </si>
  <si>
    <t>5066</t>
  </si>
  <si>
    <t>26.578269958496094</t>
  </si>
  <si>
    <t>3095.127685546875</t>
  </si>
  <si>
    <t>0.03945761448498608</t>
  </si>
  <si>
    <t>26.556684494018555</t>
  </si>
  <si>
    <t>3283.671142578125</t>
  </si>
  <si>
    <t>0.03643813968386489</t>
  </si>
  <si>
    <t>26.5039119720459</t>
  </si>
  <si>
    <t>3241.10595703125</t>
  </si>
  <si>
    <t>0.04065448905690161</t>
  </si>
  <si>
    <t>5623</t>
  </si>
  <si>
    <t>26.217836380004883</t>
  </si>
  <si>
    <t>3254.662841796875</t>
  </si>
  <si>
    <t>0.02722114898981509</t>
  </si>
  <si>
    <t>26.19230842590332</t>
  </si>
  <si>
    <t>2728.34375</t>
  </si>
  <si>
    <t>0.03786546753006981</t>
  </si>
  <si>
    <t>26.696123123168945</t>
  </si>
  <si>
    <t>2384.2119140625</t>
  </si>
  <si>
    <t>0.010729899418416622</t>
  </si>
  <si>
    <t>26.715124130249023</t>
  </si>
  <si>
    <t>1972.3502197265625</t>
  </si>
  <si>
    <t>0.04957234973242919</t>
  </si>
  <si>
    <t>5517</t>
  </si>
  <si>
    <t>26.304616928100586</t>
  </si>
  <si>
    <t>2241.143310546875</t>
  </si>
  <si>
    <t>-0.11719881170068724</t>
  </si>
  <si>
    <t>26.37300682067871</t>
  </si>
  <si>
    <t>2236.6142578125</t>
  </si>
  <si>
    <t>0.10894299791304896</t>
  </si>
  <si>
    <t>26.352304458618164</t>
  </si>
  <si>
    <t>2426.992919921875</t>
  </si>
  <si>
    <t>0.0520975872422369</t>
  </si>
  <si>
    <t>26.456315994262695</t>
  </si>
  <si>
    <t>2670.966064453125</t>
  </si>
  <si>
    <t>0.1147439110569195</t>
  </si>
  <si>
    <t>27.040658950805664</t>
  </si>
  <si>
    <t>2292.962890625</t>
  </si>
  <si>
    <t>0.04768243584940279</t>
  </si>
  <si>
    <t>7279</t>
  </si>
  <si>
    <t>26.944974899291992</t>
  </si>
  <si>
    <t>2465.487060546875</t>
  </si>
  <si>
    <t>-0.0463076762157808</t>
  </si>
  <si>
    <t>26.84882926940918</t>
  </si>
  <si>
    <t>2501.048583984375</t>
  </si>
  <si>
    <t>0.0023327626359090914</t>
  </si>
  <si>
    <t>26.572908401489258</t>
  </si>
  <si>
    <t>2521.00927734375</t>
  </si>
  <si>
    <t>0.020216413363941754</t>
  </si>
  <si>
    <t>26.903541564941406</t>
  </si>
  <si>
    <t>2562.86962890625</t>
  </si>
  <si>
    <t>0.003218455238958029</t>
  </si>
  <si>
    <t>6562</t>
  </si>
  <si>
    <t>26.85947608947754</t>
  </si>
  <si>
    <t>2540.125732421875</t>
  </si>
  <si>
    <t>-0.12946568683602067</t>
  </si>
  <si>
    <t>26.864051818847656</t>
  </si>
  <si>
    <t>2226.388671875</t>
  </si>
  <si>
    <t>0.11313273281396974</t>
  </si>
  <si>
    <t>26.66602897644043</t>
  </si>
  <si>
    <t>2124.374755859375</t>
  </si>
  <si>
    <t>0.016065144700686318</t>
  </si>
  <si>
    <t>6259</t>
  </si>
  <si>
    <t>23.96567726135254</t>
  </si>
  <si>
    <t>2920.3203125</t>
  </si>
  <si>
    <t>28.07270622253418</t>
  </si>
  <si>
    <t>Madre de Dios</t>
  </si>
  <si>
    <t>5886</t>
  </si>
  <si>
    <t>24.138031005859375</t>
  </si>
  <si>
    <t>2578.671630859375</t>
  </si>
  <si>
    <t>-0.061443778131282656</t>
  </si>
  <si>
    <t>24.478796005249023</t>
  </si>
  <si>
    <t>2784.8173828125</t>
  </si>
  <si>
    <t>-0.007503445845731704</t>
  </si>
  <si>
    <t>24.351974487304688</t>
  </si>
  <si>
    <t>2560.634033203125</t>
  </si>
  <si>
    <t>0.14165051706302734</t>
  </si>
  <si>
    <t>24.45746421813965</t>
  </si>
  <si>
    <t>2749.615966796875</t>
  </si>
  <si>
    <t>0.015917801087383054</t>
  </si>
  <si>
    <t>24.33026123046875</t>
  </si>
  <si>
    <t>2270.059326171875</t>
  </si>
  <si>
    <t>0.036466860103990584</t>
  </si>
  <si>
    <t>23.91876983642578</t>
  </si>
  <si>
    <t>2357.95751953125</t>
  </si>
  <si>
    <t>-0.0033893550311336895</t>
  </si>
  <si>
    <t>7300</t>
  </si>
  <si>
    <t>24.642919540405273</t>
  </si>
  <si>
    <t>2995.230712890625</t>
  </si>
  <si>
    <t>0.0321553209655292</t>
  </si>
  <si>
    <t>7055</t>
  </si>
  <si>
    <t>24.713045120239258</t>
  </si>
  <si>
    <t>2579.835693359375</t>
  </si>
  <si>
    <t>-0.03413776284956782</t>
  </si>
  <si>
    <t>23.86431312561035</t>
  </si>
  <si>
    <t>2696.541015625</t>
  </si>
  <si>
    <t>-0.014419551719107915</t>
  </si>
  <si>
    <t>24.022804260253906</t>
  </si>
  <si>
    <t>3110.314697265625</t>
  </si>
  <si>
    <t>-0.0012950573793624187</t>
  </si>
  <si>
    <t>23.8483943939209</t>
  </si>
  <si>
    <t>2929.953369140625</t>
  </si>
  <si>
    <t>-0.022129305997141913</t>
  </si>
  <si>
    <t>24.08754539489746</t>
  </si>
  <si>
    <t>2994.106201171875</t>
  </si>
  <si>
    <t>0.06538462268343892</t>
  </si>
  <si>
    <t>23.880678176879883</t>
  </si>
  <si>
    <t>2694.104248046875</t>
  </si>
  <si>
    <t>-0.0262658295909457</t>
  </si>
  <si>
    <t>24.291114807128906</t>
  </si>
  <si>
    <t>2950.9453125</t>
  </si>
  <si>
    <t>0.07076555379248362</t>
  </si>
  <si>
    <t>24.012718200683594</t>
  </si>
  <si>
    <t>2295.574951171875</t>
  </si>
  <si>
    <t>0.06793718387241121</t>
  </si>
  <si>
    <t>24.080949783325195</t>
  </si>
  <si>
    <t>2557.85302734375</t>
  </si>
  <si>
    <t>0.011151393053440373</t>
  </si>
  <si>
    <t>23.720901489257812</t>
  </si>
  <si>
    <t>2479.791259765625</t>
  </si>
  <si>
    <t>0.07532585075998455</t>
  </si>
  <si>
    <t>23.773752212524414</t>
  </si>
  <si>
    <t>2507.33251953125</t>
  </si>
  <si>
    <t>0.04842412801389351</t>
  </si>
  <si>
    <t>24.203407287597656</t>
  </si>
  <si>
    <t>2883.289306640625</t>
  </si>
  <si>
    <t>-0.05046055817800266</t>
  </si>
  <si>
    <t>24.175270080566406</t>
  </si>
  <si>
    <t>2581.3701171875</t>
  </si>
  <si>
    <t>0.056258298274842744</t>
  </si>
  <si>
    <t>24.047521591186523</t>
  </si>
  <si>
    <t>2894.114501953125</t>
  </si>
  <si>
    <t>0.8574469877574984</t>
  </si>
  <si>
    <t>15589</t>
  </si>
  <si>
    <t>24.02675437927246</t>
  </si>
  <si>
    <t>2569.572021484375</t>
  </si>
  <si>
    <t>-0.34529476331766595</t>
  </si>
  <si>
    <t>23.706369400024414</t>
  </si>
  <si>
    <t>2948.458251953125</t>
  </si>
  <si>
    <t>0.09747137297125263</t>
  </si>
  <si>
    <t>13065</t>
  </si>
  <si>
    <t>24.25146484375</t>
  </si>
  <si>
    <t>2539.55419921875</t>
  </si>
  <si>
    <t>-0.2741000113292209</t>
  </si>
  <si>
    <t>15788</t>
  </si>
  <si>
    <t>24.79132080078125</t>
  </si>
  <si>
    <t>2780.827392578125</t>
  </si>
  <si>
    <t>0.1893132588280242</t>
  </si>
  <si>
    <t>17881</t>
  </si>
  <si>
    <t>24.375993728637695</t>
  </si>
  <si>
    <t>2687.06494140625</t>
  </si>
  <si>
    <t>0.12448853879246613</t>
  </si>
  <si>
    <t>14804</t>
  </si>
  <si>
    <t>24.186431884765625</t>
  </si>
  <si>
    <t>2748.0771484375</t>
  </si>
  <si>
    <t>-0.1888412820691574</t>
  </si>
  <si>
    <t>23.898880004882812</t>
  </si>
  <si>
    <t>2787.738037109375</t>
  </si>
  <si>
    <t>0.020260798037678995</t>
  </si>
  <si>
    <t>15155</t>
  </si>
  <si>
    <t>24.2037410736084</t>
  </si>
  <si>
    <t>2660.901123046875</t>
  </si>
  <si>
    <t>0.003172297948177416</t>
  </si>
  <si>
    <t>24.338171005249023</t>
  </si>
  <si>
    <t>2359.882080078125</t>
  </si>
  <si>
    <t>-0.12943929124386955</t>
  </si>
  <si>
    <t>14909</t>
  </si>
  <si>
    <t>24.172395706176758</t>
  </si>
  <si>
    <t>2728.154052734375</t>
  </si>
  <si>
    <t>0.11307383818036598</t>
  </si>
  <si>
    <t>15151</t>
  </si>
  <si>
    <t>23.94651985168457</t>
  </si>
  <si>
    <t>2048.900390625</t>
  </si>
  <si>
    <t>0.016101478931435764</t>
  </si>
  <si>
    <t>19810</t>
  </si>
  <si>
    <t>14.90156078338623</t>
  </si>
  <si>
    <t>64.69990539550781</t>
  </si>
  <si>
    <t>79.470947265625</t>
  </si>
  <si>
    <t>Moquegua</t>
  </si>
  <si>
    <t>15.117682456970215</t>
  </si>
  <si>
    <t>40.092830657958984</t>
  </si>
  <si>
    <t>0.1614936691155897</t>
  </si>
  <si>
    <t>15.112191200256348</t>
  </si>
  <si>
    <t>40.631568908691406</t>
  </si>
  <si>
    <t>0.023600416234467403</t>
  </si>
  <si>
    <t>23744</t>
  </si>
  <si>
    <t>15.264117240905762</t>
  </si>
  <si>
    <t>51.44339370727539</t>
  </si>
  <si>
    <t>-0.003951079075546815</t>
  </si>
  <si>
    <t>24727</t>
  </si>
  <si>
    <t>15.463128089904785</t>
  </si>
  <si>
    <t>52.6214485168457</t>
  </si>
  <si>
    <t>0.040565897040067966</t>
  </si>
  <si>
    <t>15.0794677734375</t>
  </si>
  <si>
    <t>65.92017364501953</t>
  </si>
  <si>
    <t>0.008055789325917218</t>
  </si>
  <si>
    <t>23670</t>
  </si>
  <si>
    <t>14.724133491516113</t>
  </si>
  <si>
    <t>70.883544921875</t>
  </si>
  <si>
    <t>-0.051743129825062795</t>
  </si>
  <si>
    <t>23199</t>
  </si>
  <si>
    <t>15.682608604431152</t>
  </si>
  <si>
    <t>101.84010314941406</t>
  </si>
  <si>
    <t>-0.02009924923088313</t>
  </si>
  <si>
    <t>15.672595977783203</t>
  </si>
  <si>
    <t>22.353591918945312</t>
  </si>
  <si>
    <t>-0.09067419061272908</t>
  </si>
  <si>
    <t>19639</t>
  </si>
  <si>
    <t>14.81680679321289</t>
  </si>
  <si>
    <t>135.181640625</t>
  </si>
  <si>
    <t>-0.07591759854919289</t>
  </si>
  <si>
    <t>14.969661712646484</t>
  </si>
  <si>
    <t>68.28981018066406</t>
  </si>
  <si>
    <t>-0.06865104460075777</t>
  </si>
  <si>
    <t>16651</t>
  </si>
  <si>
    <t>14.900188446044922</t>
  </si>
  <si>
    <t>100.24883270263672</t>
  </si>
  <si>
    <t>-0.09639606584934945</t>
  </si>
  <si>
    <t>19168</t>
  </si>
  <si>
    <t>14.957341194152832</t>
  </si>
  <si>
    <t>89.79952239990234</t>
  </si>
  <si>
    <t>0.14077194725005882</t>
  </si>
  <si>
    <t>14.895245552062988</t>
  </si>
  <si>
    <t>47.161380767822266</t>
  </si>
  <si>
    <t>0.05856023179844705</t>
  </si>
  <si>
    <t>15.209992408752441</t>
  </si>
  <si>
    <t>47.31678009033203</t>
  </si>
  <si>
    <t>0.06107602899915854</t>
  </si>
  <si>
    <t>14.908778190612793</t>
  </si>
  <si>
    <t>62.156166076660156</t>
  </si>
  <si>
    <t>0.02811430148084071</t>
  </si>
  <si>
    <t>15.212220191955566</t>
  </si>
  <si>
    <t>68.07767486572266</t>
  </si>
  <si>
    <t>-0.009541323598948992</t>
  </si>
  <si>
    <t>21605</t>
  </si>
  <si>
    <t>14.54784107208252</t>
  </si>
  <si>
    <t>85.1996841430664</t>
  </si>
  <si>
    <t>-0.01852669122863837</t>
  </si>
  <si>
    <t>22482</t>
  </si>
  <si>
    <t>14.578633308410645</t>
  </si>
  <si>
    <t>27.466217041015625</t>
  </si>
  <si>
    <t>0.039790219655708725</t>
  </si>
  <si>
    <t>15.01858139038086</t>
  </si>
  <si>
    <t>47.0963020324707</t>
  </si>
  <si>
    <t>-0.025269907562416094</t>
  </si>
  <si>
    <t>15.016236305236816</t>
  </si>
  <si>
    <t>54.55520248413086</t>
  </si>
  <si>
    <t>0.04382282486949407</t>
  </si>
  <si>
    <t>34557</t>
  </si>
  <si>
    <t>14.908770561218262</t>
  </si>
  <si>
    <t>114.90991973876953</t>
  </si>
  <si>
    <t>0.41134222826579503</t>
  </si>
  <si>
    <t>31461</t>
  </si>
  <si>
    <t>14.979979515075684</t>
  </si>
  <si>
    <t>57.354618072509766</t>
  </si>
  <si>
    <t>-0.09386145109210098</t>
  </si>
  <si>
    <t>33764</t>
  </si>
  <si>
    <t>14.690430641174316</t>
  </si>
  <si>
    <t>59.75312042236328</t>
  </si>
  <si>
    <t>0.0706464626010952</t>
  </si>
  <si>
    <t>15.118685722351074</t>
  </si>
  <si>
    <t>28.027936935424805</t>
  </si>
  <si>
    <t>-0.10163567616034008</t>
  </si>
  <si>
    <t>15.578103065490723</t>
  </si>
  <si>
    <t>66.5584716796875</t>
  </si>
  <si>
    <t>-0.059434795204373</t>
  </si>
  <si>
    <t>25980</t>
  </si>
  <si>
    <t>15.54167652130127</t>
  </si>
  <si>
    <t>86.40735626220703</t>
  </si>
  <si>
    <t>-0.10099766351430617</t>
  </si>
  <si>
    <t>27475</t>
  </si>
  <si>
    <t>15.308825492858887</t>
  </si>
  <si>
    <t>66.4400405883789</t>
  </si>
  <si>
    <t>0.05594948904723118</t>
  </si>
  <si>
    <t>15.169028282165527</t>
  </si>
  <si>
    <t>71.26571655273438</t>
  </si>
  <si>
    <t>0.020284232656658574</t>
  </si>
  <si>
    <t>28127</t>
  </si>
  <si>
    <t>15.42877197265625</t>
  </si>
  <si>
    <t>73.78775787353516</t>
  </si>
  <si>
    <t>0.0031692361610762276</t>
  </si>
  <si>
    <t>15.538142204284668</t>
  </si>
  <si>
    <t>84.0007095336914</t>
  </si>
  <si>
    <t>-0.12948148048019803</t>
  </si>
  <si>
    <t>27671</t>
  </si>
  <si>
    <t>15.396862983703613</t>
  </si>
  <si>
    <t>54.99528503417969</t>
  </si>
  <si>
    <t>0.11313644474263995</t>
  </si>
  <si>
    <t>28120</t>
  </si>
  <si>
    <t>15.32712173461914</t>
  </si>
  <si>
    <t>137.9508056640625</t>
  </si>
  <si>
    <t>0.016096133572602866</t>
  </si>
  <si>
    <t>11.69992733001709</t>
  </si>
  <si>
    <t>1234.8580322265625</t>
  </si>
  <si>
    <t>73.81246948242188</t>
  </si>
  <si>
    <t>Pasco</t>
  </si>
  <si>
    <t>11.894100189208984</t>
  </si>
  <si>
    <t>1027.318359375</t>
  </si>
  <si>
    <t>0.03223464354134542</t>
  </si>
  <si>
    <t>12.188549041748047</t>
  </si>
  <si>
    <t>1080.5335693359375</t>
  </si>
  <si>
    <t>-0.03775570656509508</t>
  </si>
  <si>
    <t>12.127120018005371</t>
  </si>
  <si>
    <t>1406.528564453125</t>
  </si>
  <si>
    <t>0.05427845373967699</t>
  </si>
  <si>
    <t>12.204804420471191</t>
  </si>
  <si>
    <t>1368.2379150390625</t>
  </si>
  <si>
    <t>-0.0006556947320373041</t>
  </si>
  <si>
    <t>8559</t>
  </si>
  <si>
    <t>12.140106201171875</t>
  </si>
  <si>
    <t>1176.31787109375</t>
  </si>
  <si>
    <t>0.1158133678933364</t>
  </si>
  <si>
    <t>8514</t>
  </si>
  <si>
    <t>11.605101585388184</t>
  </si>
  <si>
    <t>1211.002197265625</t>
  </si>
  <si>
    <t>-0.005271493493511414</t>
  </si>
  <si>
    <t>12.900261878967285</t>
  </si>
  <si>
    <t>1044.837890625</t>
  </si>
  <si>
    <t>0.030308855566968163</t>
  </si>
  <si>
    <t>12.808672904968262</t>
  </si>
  <si>
    <t>1560.887939453125</t>
  </si>
  <si>
    <t>-0.0360807073878302</t>
  </si>
  <si>
    <t>11.880059242248535</t>
  </si>
  <si>
    <t>1183.697021484375</t>
  </si>
  <si>
    <t>-0.01643676833141683</t>
  </si>
  <si>
    <t>12.08487606048584</t>
  </si>
  <si>
    <t>1776.1239013671875</t>
  </si>
  <si>
    <t>-0.0033682216373716045</t>
  </si>
  <si>
    <t>11.802803993225098</t>
  </si>
  <si>
    <t>1838.292724609375</t>
  </si>
  <si>
    <t>-0.0242709639379175</t>
  </si>
  <si>
    <t>8762</t>
  </si>
  <si>
    <t>12.245858192443848</t>
  </si>
  <si>
    <t>1386.7479248046875</t>
  </si>
  <si>
    <t>0.07856012771331322</t>
  </si>
  <si>
    <t>12.225415229797363</t>
  </si>
  <si>
    <t>-0.011016866073989107</t>
  </si>
  <si>
    <t>12.271986961364746</t>
  </si>
  <si>
    <t>862.056640625</t>
  </si>
  <si>
    <t>0.029449004347986474</t>
  </si>
  <si>
    <t>12.012991905212402</t>
  </si>
  <si>
    <t>798.4778442382812</t>
  </si>
  <si>
    <t>-0.0004482797340568112</t>
  </si>
  <si>
    <t>12.116372108459473</t>
  </si>
  <si>
    <t>1006.5075073242188</t>
  </si>
  <si>
    <t>0.06959800166443131</t>
  </si>
  <si>
    <t>11.624543190002441</t>
  </si>
  <si>
    <t>974.0796508789062</t>
  </si>
  <si>
    <t>0.098688369045</t>
  </si>
  <si>
    <t>11.848617553710938</t>
  </si>
  <si>
    <t>947.85986328125</t>
  </si>
  <si>
    <t>0.001703739172180363</t>
  </si>
  <si>
    <t>12.25716495513916</t>
  </si>
  <si>
    <t>1725.33837890625</t>
  </si>
  <si>
    <t>-0.05761468676584158</t>
  </si>
  <si>
    <t>12.219801902770996</t>
  </si>
  <si>
    <t>831.8836059570312</t>
  </si>
  <si>
    <t>-0.02587794716011338</t>
  </si>
  <si>
    <t>11.954704284667969</t>
  </si>
  <si>
    <t>1609.7203369140625</t>
  </si>
  <si>
    <t>0.28007119477993747</t>
  </si>
  <si>
    <t>12366</t>
  </si>
  <si>
    <t>12.116657257080078</t>
  </si>
  <si>
    <t>946.3721313476562</t>
  </si>
  <si>
    <t>-0.040025947530864414</t>
  </si>
  <si>
    <t>11.827960014343262</t>
  </si>
  <si>
    <t>797.4307250976562</t>
  </si>
  <si>
    <t>-0.015483970017045934</t>
  </si>
  <si>
    <t>12.114727973937988</t>
  </si>
  <si>
    <t>1168.7904052734375</t>
  </si>
  <si>
    <t>-0.010070246058477395</t>
  </si>
  <si>
    <t>11960</t>
  </si>
  <si>
    <t>12.710609436035156</t>
  </si>
  <si>
    <t>664.8536987304688</t>
  </si>
  <si>
    <t>-0.007828806538366706</t>
  </si>
  <si>
    <t>12.645112037658691</t>
  </si>
  <si>
    <t>1796.933837890625</t>
  </si>
  <si>
    <t>-0.01380725756945722</t>
  </si>
  <si>
    <t>12.558648109436035</t>
  </si>
  <si>
    <t>1307.402587890625</t>
  </si>
  <si>
    <t>0.02238242563021764</t>
  </si>
  <si>
    <t>12.117966651916504</t>
  </si>
  <si>
    <t>0.020269023613115777</t>
  </si>
  <si>
    <t>12.310561180114746</t>
  </si>
  <si>
    <t>1297.83203125</t>
  </si>
  <si>
    <t>0.003163147939321931</t>
  </si>
  <si>
    <t>12.344696044921875</t>
  </si>
  <si>
    <t>-0.1295021782953718</t>
  </si>
  <si>
    <t>12.550612449645996</t>
  </si>
  <si>
    <t>925.5443115234375</t>
  </si>
  <si>
    <t>0.11317395203229275</t>
  </si>
  <si>
    <t>12346</t>
  </si>
  <si>
    <t>12.270042419433594</t>
  </si>
  <si>
    <t>728.6087646484375</t>
  </si>
  <si>
    <t>0.01608526209909833</t>
  </si>
  <si>
    <t>5111</t>
  </si>
  <si>
    <t>23.0534610748291</t>
  </si>
  <si>
    <t>86.91560363769531</t>
  </si>
  <si>
    <t>515.08740234375</t>
  </si>
  <si>
    <t>Piura</t>
  </si>
  <si>
    <t>4819</t>
  </si>
  <si>
    <t>23.427183151245117</t>
  </si>
  <si>
    <t>106.6085433959961</t>
  </si>
  <si>
    <t>-0.05882864212794736</t>
  </si>
  <si>
    <t>23.483535766601562</t>
  </si>
  <si>
    <t>191.50033569335938</t>
  </si>
  <si>
    <t>-0.026281340229363792</t>
  </si>
  <si>
    <t>23.500137329101562</t>
  </si>
  <si>
    <t>290.5050048828125</t>
  </si>
  <si>
    <t>0.04803917719521955</t>
  </si>
  <si>
    <t>23.223447799682617</t>
  </si>
  <si>
    <t>267.23455810546875</t>
  </si>
  <si>
    <t>0.06428468181649905</t>
  </si>
  <si>
    <t>22.997350692749023</t>
  </si>
  <si>
    <t>113.00704193115234</t>
  </si>
  <si>
    <t>0.00758728981215917</t>
  </si>
  <si>
    <t>22.136072158813477</t>
  </si>
  <si>
    <t>92.89524841308594</t>
  </si>
  <si>
    <t>-0.0248721449562872</t>
  </si>
  <si>
    <t>24.45770835876465</t>
  </si>
  <si>
    <t>272.672119140625</t>
  </si>
  <si>
    <t>0.0094476746306551</t>
  </si>
  <si>
    <t>23.957534790039062</t>
  </si>
  <si>
    <t>199.26487731933594</t>
  </si>
  <si>
    <t>-0.05807318749727486</t>
  </si>
  <si>
    <t>22.4307918548584</t>
  </si>
  <si>
    <t>318.06744384765625</t>
  </si>
  <si>
    <t>-0.03940783661870384</t>
  </si>
  <si>
    <t>22.567392349243164</t>
  </si>
  <si>
    <t>296.1842041015625</t>
  </si>
  <si>
    <t>-0.02766932547010903</t>
  </si>
  <si>
    <t>22.604501724243164</t>
  </si>
  <si>
    <t>280.9993896484375</t>
  </si>
  <si>
    <t>-0.04994350408641424</t>
  </si>
  <si>
    <t>23.46003532409668</t>
  </si>
  <si>
    <t>350.2535705566406</t>
  </si>
  <si>
    <t>0.01834913866819754</t>
  </si>
  <si>
    <t>23.2413272857666</t>
  </si>
  <si>
    <t>223.21131896972656</t>
  </si>
  <si>
    <t>0.025486143983339815</t>
  </si>
  <si>
    <t>4901</t>
  </si>
  <si>
    <t>23.337125778198242</t>
  </si>
  <si>
    <t>166.28797912597656</t>
  </si>
  <si>
    <t>0.06992606102129706</t>
  </si>
  <si>
    <t>23.019617080688477</t>
  </si>
  <si>
    <t>110.77364349365234</t>
  </si>
  <si>
    <t>0.042933617789186584</t>
  </si>
  <si>
    <t>23.406494140625</t>
  </si>
  <si>
    <t>199.453857421875</t>
  </si>
  <si>
    <t>0.08160520799142823</t>
  </si>
  <si>
    <t>22.340017318725586</t>
  </si>
  <si>
    <t>119.21976470947266</t>
  </si>
  <si>
    <t>0.08061070453018893</t>
  </si>
  <si>
    <t>23.142440795898438</t>
  </si>
  <si>
    <t>463.990966796875</t>
  </si>
  <si>
    <t>0.05575399708873796</t>
  </si>
  <si>
    <t>23.50339698791504</t>
  </si>
  <si>
    <t>187.9134063720703</t>
  </si>
  <si>
    <t>0.012185746789310059</t>
  </si>
  <si>
    <t>6721</t>
  </si>
  <si>
    <t>22.634958267211914</t>
  </si>
  <si>
    <t>275.7482604980469</t>
  </si>
  <si>
    <t>0.04270841287156735</t>
  </si>
  <si>
    <t>22.893165588378906</t>
  </si>
  <si>
    <t>148.8011932373047</t>
  </si>
  <si>
    <t>0.11988038996140737</t>
  </si>
  <si>
    <t>8609</t>
  </si>
  <si>
    <t>23.428665161132812</t>
  </si>
  <si>
    <t>198.8341064453125</t>
  </si>
  <si>
    <t>0.12769082472658155</t>
  </si>
  <si>
    <t>22.49228858947754</t>
  </si>
  <si>
    <t>232.74969482421875</t>
  </si>
  <si>
    <t>0.03638423796313717</t>
  </si>
  <si>
    <t>23.44368553161621</t>
  </si>
  <si>
    <t>146.52023315429688</t>
  </si>
  <si>
    <t>0.03683556463293591</t>
  </si>
  <si>
    <t>24.354848861694336</t>
  </si>
  <si>
    <t>275.60357666015625</t>
  </si>
  <si>
    <t>0.027051702818315704</t>
  </si>
  <si>
    <t>23.79876136779785</t>
  </si>
  <si>
    <t>285.2924499511719</t>
  </si>
  <si>
    <t>-0.06770278100170302</t>
  </si>
  <si>
    <t>23.534835815429688</t>
  </si>
  <si>
    <t>214.88116455078125</t>
  </si>
  <si>
    <t>-0.050145928766626824</t>
  </si>
  <si>
    <t>8632</t>
  </si>
  <si>
    <t>23.268495559692383</t>
  </si>
  <si>
    <t>146.90084838867188</t>
  </si>
  <si>
    <t>0.020245264633956594</t>
  </si>
  <si>
    <t>8660</t>
  </si>
  <si>
    <t>23.876863479614258</t>
  </si>
  <si>
    <t>181.06301879882812</t>
  </si>
  <si>
    <t>0.0032384946185093355</t>
  </si>
  <si>
    <t>23.513975143432617</t>
  </si>
  <si>
    <t>159.81671142578125</t>
  </si>
  <si>
    <t>-0.12951439733125447</t>
  </si>
  <si>
    <t>23.1341552734375</t>
  </si>
  <si>
    <t>181.69174194335938</t>
  </si>
  <si>
    <t>0.11309863781761464</t>
  </si>
  <si>
    <t>22.569921493530273</t>
  </si>
  <si>
    <t>169.0585479736328</t>
  </si>
  <si>
    <t>0.016184785959085346</t>
  </si>
  <si>
    <t>7.2474517822265625</t>
  </si>
  <si>
    <t>757.5674438476562</t>
  </si>
  <si>
    <t>495.5452880859375</t>
  </si>
  <si>
    <t>Puno</t>
  </si>
  <si>
    <t>7.503719806671143</t>
  </si>
  <si>
    <t>594.0725708007812</t>
  </si>
  <si>
    <t>0.058063800954760936</t>
  </si>
  <si>
    <t>7.570672512054443</t>
  </si>
  <si>
    <t>713.8375244140625</t>
  </si>
  <si>
    <t>-0.03317839869731909</t>
  </si>
  <si>
    <t>7.6743388175964355</t>
  </si>
  <si>
    <t>748.440185546875</t>
  </si>
  <si>
    <t>0.06574261520237634</t>
  </si>
  <si>
    <t>7.991215229034424</t>
  </si>
  <si>
    <t>738.0338745117188</t>
  </si>
  <si>
    <t>0.11898568162214396</t>
  </si>
  <si>
    <t>2534</t>
  </si>
  <si>
    <t>7.656635284423828</t>
  </si>
  <si>
    <t>679.5075073242188</t>
  </si>
  <si>
    <t>0.015109631391765355</t>
  </si>
  <si>
    <t>7.235549449920654</t>
  </si>
  <si>
    <t>745.6990966796875</t>
  </si>
  <si>
    <t>0.0537763967808047</t>
  </si>
  <si>
    <t>7.915050029754639</t>
  </si>
  <si>
    <t>948.2371215820312</t>
  </si>
  <si>
    <t>0.08766561319222621</t>
  </si>
  <si>
    <t>8.138105392456055</t>
  </si>
  <si>
    <t>528.4212646484375</t>
  </si>
  <si>
    <t>0.0196749901616613</t>
  </si>
  <si>
    <t>7.218000411987305</t>
  </si>
  <si>
    <t>881.8245239257812</t>
  </si>
  <si>
    <t>0.03822541166929394</t>
  </si>
  <si>
    <t>7.459411144256592</t>
  </si>
  <si>
    <t>857.7332763671875</t>
  </si>
  <si>
    <t>7.289620876312256</t>
  </si>
  <si>
    <t>913.839599609375</t>
  </si>
  <si>
    <t>0.02760678885143264</t>
  </si>
  <si>
    <t>7.3406805992126465</t>
  </si>
  <si>
    <t>986.3181762695312</t>
  </si>
  <si>
    <t>3580</t>
  </si>
  <si>
    <t>7.1346306800842285</t>
  </si>
  <si>
    <t>705.4559326171875</t>
  </si>
  <si>
    <t>0.0044792908040456325</t>
  </si>
  <si>
    <t>7.596678256988525</t>
  </si>
  <si>
    <t>577.6137084960938</t>
  </si>
  <si>
    <t>0.020733292789133273</t>
  </si>
  <si>
    <t>7.284291744232178</t>
  </si>
  <si>
    <t>793.2901000976562</t>
  </si>
  <si>
    <t>0.04100802372737711</t>
  </si>
  <si>
    <t>7.457588195800781</t>
  </si>
  <si>
    <t>644.873779296875</t>
  </si>
  <si>
    <t>0.03939240171066061</t>
  </si>
  <si>
    <t>7.058320999145508</t>
  </si>
  <si>
    <t>744.2307739257812</t>
  </si>
  <si>
    <t>0.059539934374924997</t>
  </si>
  <si>
    <t>6.955755710601807</t>
  </si>
  <si>
    <t>435.3779296875</t>
  </si>
  <si>
    <t>0.04260916916937241</t>
  </si>
  <si>
    <t>7.412885665893555</t>
  </si>
  <si>
    <t>680.3007202148438</t>
  </si>
  <si>
    <t>0.02632026865331305</t>
  </si>
  <si>
    <t>7.5757269859313965</t>
  </si>
  <si>
    <t>591.4987182617188</t>
  </si>
  <si>
    <t>0.06760054682080607</t>
  </si>
  <si>
    <t>7.303011417388916</t>
  </si>
  <si>
    <t>1060.564208984375</t>
  </si>
  <si>
    <t>-0.01695133192160192</t>
  </si>
  <si>
    <t>7.2637810707092285</t>
  </si>
  <si>
    <t>762.118408203125</t>
  </si>
  <si>
    <t>0.07244827082067218</t>
  </si>
  <si>
    <t>5748</t>
  </si>
  <si>
    <t>7.088466644287109</t>
  </si>
  <si>
    <t>785.0200805664062</t>
  </si>
  <si>
    <t>0.12078859165951172</t>
  </si>
  <si>
    <t>7.570230007171631</t>
  </si>
  <si>
    <t>568.0068359375</t>
  </si>
  <si>
    <t>0.05697475822271336</t>
  </si>
  <si>
    <t>6063</t>
  </si>
  <si>
    <t>7.992048263549805</t>
  </si>
  <si>
    <t>734.8377075195312</t>
  </si>
  <si>
    <t>-0.00362199934989782</t>
  </si>
  <si>
    <t>6202</t>
  </si>
  <si>
    <t>7.821996688842773</t>
  </si>
  <si>
    <t>813.5469360351562</t>
  </si>
  <si>
    <t>0.022667093588664144</t>
  </si>
  <si>
    <t>6087</t>
  </si>
  <si>
    <t>7.573134899139404</t>
  </si>
  <si>
    <t>842.9203491210938</t>
  </si>
  <si>
    <t>-0.018716471166470683</t>
  </si>
  <si>
    <t>7.382542133331299</t>
  </si>
  <si>
    <t>831.9553833007812</t>
  </si>
  <si>
    <t>0.020327555774654726</t>
  </si>
  <si>
    <t>7.667831897735596</t>
  </si>
  <si>
    <t>785.1696166992188</t>
  </si>
  <si>
    <t>0.0032144032820049517</t>
  </si>
  <si>
    <t>7.787972927093506</t>
  </si>
  <si>
    <t>761.8513793945312</t>
  </si>
  <si>
    <t>-0.12950503286588244</t>
  </si>
  <si>
    <t>7.6925177574157715</t>
  </si>
  <si>
    <t>775.618896484375</t>
  </si>
  <si>
    <t>0.11316559307798713</t>
  </si>
  <si>
    <t>7.753918170928955</t>
  </si>
  <si>
    <t>961.3651123046875</t>
  </si>
  <si>
    <t>0.016018464018809908</t>
  </si>
  <si>
    <t>24.704315185546875</t>
  </si>
  <si>
    <t>1444.94580078125</t>
  </si>
  <si>
    <t>177.64691162109375</t>
  </si>
  <si>
    <t>San Martn</t>
  </si>
  <si>
    <t>24.69274139404297</t>
  </si>
  <si>
    <t>1225.1903076171875</t>
  </si>
  <si>
    <t>-0.21774918748193528</t>
  </si>
  <si>
    <t>24.728776931762695</t>
  </si>
  <si>
    <t>1530.0382080078125</t>
  </si>
  <si>
    <t>-0.03672899299139054</t>
  </si>
  <si>
    <t>24.502655029296875</t>
  </si>
  <si>
    <t>1968.6966552734375</t>
  </si>
  <si>
    <t>0.009461386007641792</t>
  </si>
  <si>
    <t>24.695234298706055</t>
  </si>
  <si>
    <t>1693.1024169921875</t>
  </si>
  <si>
    <t>0.08554209236811694</t>
  </si>
  <si>
    <t>24.89073944091797</t>
  </si>
  <si>
    <t>1323.9693603515625</t>
  </si>
  <si>
    <t>0.02560360093969649</t>
  </si>
  <si>
    <t>3610</t>
  </si>
  <si>
    <t>24.4101619720459</t>
  </si>
  <si>
    <t>1440.5091552734375</t>
  </si>
  <si>
    <t>-0.018933203777846686</t>
  </si>
  <si>
    <t>3668</t>
  </si>
  <si>
    <t>25.292322158813477</t>
  </si>
  <si>
    <t>1457.0123291015625</t>
  </si>
  <si>
    <t>0.015938782049428113</t>
  </si>
  <si>
    <t>25.466827392578125</t>
  </si>
  <si>
    <t>1653.523681640625</t>
  </si>
  <si>
    <t>-0.051178510181731696</t>
  </si>
  <si>
    <t>24.378393173217773</t>
  </si>
  <si>
    <t>1620.55224609375</t>
  </si>
  <si>
    <t>-0.03207271988799398</t>
  </si>
  <si>
    <t>24.435083389282227</t>
  </si>
  <si>
    <t>1421.1575927734375</t>
  </si>
  <si>
    <t>-0.019749295385016907</t>
  </si>
  <si>
    <t>24.499427795410156</t>
  </si>
  <si>
    <t>1538.4892578125</t>
  </si>
  <si>
    <t>-0.04133839659482064</t>
  </si>
  <si>
    <t>24.966665267944336</t>
  </si>
  <si>
    <t>1305.3780517578125</t>
  </si>
  <si>
    <t>0.019957007844537245</t>
  </si>
  <si>
    <t>24.940797805786133</t>
  </si>
  <si>
    <t>1719.595458984375</t>
  </si>
  <si>
    <t>0.020776793810464156</t>
  </si>
  <si>
    <t>24.8795223236084</t>
  </si>
  <si>
    <t>1617.6181640625</t>
  </si>
  <si>
    <t>0.06752016173793685</t>
  </si>
  <si>
    <t>24.80424690246582</t>
  </si>
  <si>
    <t>1417.9700927734375</t>
  </si>
  <si>
    <t>0.06933198865518264</t>
  </si>
  <si>
    <t>24.945045471191406</t>
  </si>
  <si>
    <t>1571.04296875</t>
  </si>
  <si>
    <t>0.034727511461493776</t>
  </si>
  <si>
    <t>4208</t>
  </si>
  <si>
    <t>24.39281463623047</t>
  </si>
  <si>
    <t>1606.3035888671875</t>
  </si>
  <si>
    <t>0.06936637958113856</t>
  </si>
  <si>
    <t>24.677061080932617</t>
  </si>
  <si>
    <t>1706.240966796875</t>
  </si>
  <si>
    <t>0.07879888091723686</t>
  </si>
  <si>
    <t>4658</t>
  </si>
  <si>
    <t>25.090036392211914</t>
  </si>
  <si>
    <t>1474.5908203125</t>
  </si>
  <si>
    <t>0.02279981510950435</t>
  </si>
  <si>
    <t>25.00825309753418</t>
  </si>
  <si>
    <t>1411.8330078125</t>
  </si>
  <si>
    <t>0.05126109120694622</t>
  </si>
  <si>
    <t>24.64670753479004</t>
  </si>
  <si>
    <t>1730.2911376953125</t>
  </si>
  <si>
    <t>-0.11691659488965911</t>
  </si>
  <si>
    <t>24.749967575073242</t>
  </si>
  <si>
    <t>1620.49462890625</t>
  </si>
  <si>
    <t>0.10872486364221245</t>
  </si>
  <si>
    <t>5123</t>
  </si>
  <si>
    <t>24.623329162597656</t>
  </si>
  <si>
    <t>1657.405029296875</t>
  </si>
  <si>
    <t>0.05208467353541657</t>
  </si>
  <si>
    <t>5746</t>
  </si>
  <si>
    <t>24.772459030151367</t>
  </si>
  <si>
    <t>1548.6717529296875</t>
  </si>
  <si>
    <t>0.11476375560003227</t>
  </si>
  <si>
    <t>25.50113868713379</t>
  </si>
  <si>
    <t>1546.473876953125</t>
  </si>
  <si>
    <t>0.04774541394380982</t>
  </si>
  <si>
    <t>25.410348892211914</t>
  </si>
  <si>
    <t>1464.2861328125</t>
  </si>
  <si>
    <t>-0.04635410937155093</t>
  </si>
  <si>
    <t>5767</t>
  </si>
  <si>
    <t>25.24126434326172</t>
  </si>
  <si>
    <t>1588.8927001953125</t>
  </si>
  <si>
    <t>0.0022567495039194085</t>
  </si>
  <si>
    <t>24.752595901489258</t>
  </si>
  <si>
    <t>1555.0386962890625</t>
  </si>
  <si>
    <t>0.020424635178004635</t>
  </si>
  <si>
    <t>25.126375198364258</t>
  </si>
  <si>
    <t>1578.3037109375</t>
  </si>
  <si>
    <t>24.998857498168945</t>
  </si>
  <si>
    <t>1572.4200439453125</t>
  </si>
  <si>
    <t>-0.12947459192890776</t>
  </si>
  <si>
    <t>24.950857162475586</t>
  </si>
  <si>
    <t>1251.763916015625</t>
  </si>
  <si>
    <t>0.11308078215323114</t>
  </si>
  <si>
    <t>24.65467071533203</t>
  </si>
  <si>
    <t>1177.2015380859375</t>
  </si>
  <si>
    <t>0.016224418736056734</t>
  </si>
  <si>
    <t>15.88171672821045</t>
  </si>
  <si>
    <t>35.122093200683594</t>
  </si>
  <si>
    <t>91.24169158935547</t>
  </si>
  <si>
    <t>Tacna</t>
  </si>
  <si>
    <t>16.172082901000977</t>
  </si>
  <si>
    <t>20.78682518005371</t>
  </si>
  <si>
    <t>0.10916391404030712</t>
  </si>
  <si>
    <t>7366</t>
  </si>
  <si>
    <t>15.981436729431152</t>
  </si>
  <si>
    <t>20.995962142944336</t>
  </si>
  <si>
    <t>-0.0325883538507199</t>
  </si>
  <si>
    <t>7025</t>
  </si>
  <si>
    <t>16.220247268676758</t>
  </si>
  <si>
    <t>35.63473129272461</t>
  </si>
  <si>
    <t>-0.047399602803064766</t>
  </si>
  <si>
    <t>16.508020401000977</t>
  </si>
  <si>
    <t>24.239051818847656</t>
  </si>
  <si>
    <t>0.02862549879835008</t>
  </si>
  <si>
    <t>16.105043411254883</t>
  </si>
  <si>
    <t>22.656402587890625</t>
  </si>
  <si>
    <t>0.051625235415743376</t>
  </si>
  <si>
    <t>15.715807914733887</t>
  </si>
  <si>
    <t>37.52165985107422</t>
  </si>
  <si>
    <t>0.047337767459968205</t>
  </si>
  <si>
    <t>16.390193939208984</t>
  </si>
  <si>
    <t>56.04722595214844</t>
  </si>
  <si>
    <t>0.08142003212591753</t>
  </si>
  <si>
    <t>16.45610237121582</t>
  </si>
  <si>
    <t>12.349980354309082</t>
  </si>
  <si>
    <t>0.014106547358069932</t>
  </si>
  <si>
    <t>15.706070899963379</t>
  </si>
  <si>
    <t>55.21493911743164</t>
  </si>
  <si>
    <t>0.03282288486391316</t>
  </si>
  <si>
    <t>9491</t>
  </si>
  <si>
    <t>15.823989868164062</t>
  </si>
  <si>
    <t>33.24283981323242</t>
  </si>
  <si>
    <t>0.044930799906582664</t>
  </si>
  <si>
    <t>15.801100730895996</t>
  </si>
  <si>
    <t>52.03874206542969</t>
  </si>
  <si>
    <t>0.023224162775198565</t>
  </si>
  <si>
    <t>15.830955505371094</t>
  </si>
  <si>
    <t>47.00785827636719</t>
  </si>
  <si>
    <t>0.025209710727539303</t>
  </si>
  <si>
    <t>10442</t>
  </si>
  <si>
    <t>15.636212348937988</t>
  </si>
  <si>
    <t>26.22515106201172</t>
  </si>
  <si>
    <t>0.04705828033726789</t>
  </si>
  <si>
    <t>16.132131576538086</t>
  </si>
  <si>
    <t>41.34934616088867</t>
  </si>
  <si>
    <t>0.045309134985165755</t>
  </si>
  <si>
    <t>11158</t>
  </si>
  <si>
    <t>15.898688316345215</t>
  </si>
  <si>
    <t>38.756385803222656</t>
  </si>
  <si>
    <t>0.0210114594498112</t>
  </si>
  <si>
    <t>11416</t>
  </si>
  <si>
    <t>16.020383834838867</t>
  </si>
  <si>
    <t>38.72682189941406</t>
  </si>
  <si>
    <t>0.022859150751198598</t>
  </si>
  <si>
    <t>11908</t>
  </si>
  <si>
    <t>15.485444068908691</t>
  </si>
  <si>
    <t>39.81866455078125</t>
  </si>
  <si>
    <t>0.04219456297899349</t>
  </si>
  <si>
    <t>12227</t>
  </si>
  <si>
    <t>15.428905487060547</t>
  </si>
  <si>
    <t>15.40323257446289</t>
  </si>
  <si>
    <t>0.026436178008523825</t>
  </si>
  <si>
    <t>15.777899742126465</t>
  </si>
  <si>
    <t>24.0634765625</t>
  </si>
  <si>
    <t>-0.02660414643085396</t>
  </si>
  <si>
    <t>15.940733909606934</t>
  </si>
  <si>
    <t>26.55855369567871</t>
  </si>
  <si>
    <t>0.10620007577766266</t>
  </si>
  <si>
    <t>15.691841125488281</t>
  </si>
  <si>
    <t>64.38002014160156</t>
  </si>
  <si>
    <t>-0.0881380757444159</t>
  </si>
  <si>
    <t>12249</t>
  </si>
  <si>
    <t>15.77350902557373</t>
  </si>
  <si>
    <t>30.013856887817383</t>
  </si>
  <si>
    <t>0.010339826241102301</t>
  </si>
  <si>
    <t>15.582711219787598</t>
  </si>
  <si>
    <t>31.039955139160156</t>
  </si>
  <si>
    <t>0.055728704235901816</t>
  </si>
  <si>
    <t>16.118743896484375</t>
  </si>
  <si>
    <t>19.299142837524414</t>
  </si>
  <si>
    <t>0.021691830437614357</t>
  </si>
  <si>
    <t>13165</t>
  </si>
  <si>
    <t>16.44930076599121</t>
  </si>
  <si>
    <t>31.795846939086914</t>
  </si>
  <si>
    <t>-0.005303042730790963</t>
  </si>
  <si>
    <t>12672</t>
  </si>
  <si>
    <t>16.32383918762207</t>
  </si>
  <si>
    <t>56.33797836303711</t>
  </si>
  <si>
    <t>-0.03816695787620361</t>
  </si>
  <si>
    <t>13070</t>
  </si>
  <si>
    <t>16.193723678588867</t>
  </si>
  <si>
    <t>39.933895111083984</t>
  </si>
  <si>
    <t>0.03092469256406183</t>
  </si>
  <si>
    <t>16.007638931274414</t>
  </si>
  <si>
    <t>44.79084777832031</t>
  </si>
  <si>
    <t>0.020297576573982568</t>
  </si>
  <si>
    <t>16.36002540588379</t>
  </si>
  <si>
    <t>46.45241165161133</t>
  </si>
  <si>
    <t>0.0031439504899690718</t>
  </si>
  <si>
    <t>16.51113510131836</t>
  </si>
  <si>
    <t>45.26885223388672</t>
  </si>
  <si>
    <t>-0.12948237270805052</t>
  </si>
  <si>
    <t>16.27225112915039</t>
  </si>
  <si>
    <t>32.56163787841797</t>
  </si>
  <si>
    <t>0.11313118145123724</t>
  </si>
  <si>
    <t>13377</t>
  </si>
  <si>
    <t>16.23676109313965</t>
  </si>
  <si>
    <t>81.98754119873047</t>
  </si>
  <si>
    <t>0.016126950870178902</t>
  </si>
  <si>
    <t>24.497140884399414</t>
  </si>
  <si>
    <t>258.3312072753906</t>
  </si>
  <si>
    <t>67.24468994140625</t>
  </si>
  <si>
    <t>Tumbes</t>
  </si>
  <si>
    <t>24.747533798217773</t>
  </si>
  <si>
    <t>264.6907653808594</t>
  </si>
  <si>
    <t>-0.11431611024129751</t>
  </si>
  <si>
    <t>24.864198684692383</t>
  </si>
  <si>
    <t>502.29541015625</t>
  </si>
  <si>
    <t>-0.15997888142802452</t>
  </si>
  <si>
    <t>24.728219985961914</t>
  </si>
  <si>
    <t>568.7838134765625</t>
  </si>
  <si>
    <t>0.09936878763251045</t>
  </si>
  <si>
    <t>4303</t>
  </si>
  <si>
    <t>24.550180435180664</t>
  </si>
  <si>
    <t>553.7510375976562</t>
  </si>
  <si>
    <t>0.060842516806438596</t>
  </si>
  <si>
    <t>24.3554744720459</t>
  </si>
  <si>
    <t>259.67529296875</t>
  </si>
  <si>
    <t>0.05008410439741162</t>
  </si>
  <si>
    <t>23.57782745361328</t>
  </si>
  <si>
    <t>261.87347412109375</t>
  </si>
  <si>
    <t>-0.0024344374090095044</t>
  </si>
  <si>
    <t>25.61341667175293</t>
  </si>
  <si>
    <t>566.3989868164062</t>
  </si>
  <si>
    <t>0.03291132820332621</t>
  </si>
  <si>
    <t>25.322532653808594</t>
  </si>
  <si>
    <t>549.236572265625</t>
  </si>
  <si>
    <t>-0.03313293485243207</t>
  </si>
  <si>
    <t>23.635377883911133</t>
  </si>
  <si>
    <t>669.8480224609375</t>
  </si>
  <si>
    <t>-0.013387080782459648</t>
  </si>
  <si>
    <t>4450</t>
  </si>
  <si>
    <t>23.690282821655273</t>
  </si>
  <si>
    <t>742.39599609375</t>
  </si>
  <si>
    <t>-0.0004493372351497271</t>
  </si>
  <si>
    <t>24.046751022338867</t>
  </si>
  <si>
    <t>480.8662109375</t>
  </si>
  <si>
    <t>-0.02112034904284421</t>
  </si>
  <si>
    <t>4475</t>
  </si>
  <si>
    <t>24.88195037841797</t>
  </si>
  <si>
    <t>577.8893432617188</t>
  </si>
  <si>
    <t>0.0267226045915141</t>
  </si>
  <si>
    <t>24.370969772338867</t>
  </si>
  <si>
    <t>410.2236022949219</t>
  </si>
  <si>
    <t>0.03167187972164953</t>
  </si>
  <si>
    <t>24.542539596557617</t>
  </si>
  <si>
    <t>304.6109619140625</t>
  </si>
  <si>
    <t>0.055991054046277355</t>
  </si>
  <si>
    <t>5492</t>
  </si>
  <si>
    <t>24.31302833557129</t>
  </si>
  <si>
    <t>269.596923828125</t>
  </si>
  <si>
    <t>0.11712320241097807</t>
  </si>
  <si>
    <t>5222</t>
  </si>
  <si>
    <t>24.7205753326416</t>
  </si>
  <si>
    <t>363.71533203125</t>
  </si>
  <si>
    <t>-0.050412017628787</t>
  </si>
  <si>
    <t>23.67439842224121</t>
  </si>
  <si>
    <t>275.5424499511719</t>
  </si>
  <si>
    <t>0.06559120318128642</t>
  </si>
  <si>
    <t>24.351654052734375</t>
  </si>
  <si>
    <t>888.6548461914062</t>
  </si>
  <si>
    <t>24.690282821655273</t>
  </si>
  <si>
    <t>444.0694580078125</t>
  </si>
  <si>
    <t>23.830778121948242</t>
  </si>
  <si>
    <t>598.3809204101562</t>
  </si>
  <si>
    <t>0.09461832445136409</t>
  </si>
  <si>
    <t>24.062631607055664</t>
  </si>
  <si>
    <t>436.5556335449219</t>
  </si>
  <si>
    <t>0.150629084428326</t>
  </si>
  <si>
    <t>24.702438354492188</t>
  </si>
  <si>
    <t>498.57159423828125</t>
  </si>
  <si>
    <t>0.13064988032187763</t>
  </si>
  <si>
    <t>23.728910446166992</t>
  </si>
  <si>
    <t>434.2933044433594</t>
  </si>
  <si>
    <t>0.05455590220800666</t>
  </si>
  <si>
    <t>24.56871223449707</t>
  </si>
  <si>
    <t>363.7900085449219</t>
  </si>
  <si>
    <t>0.04650002882618587</t>
  </si>
  <si>
    <t>9126</t>
  </si>
  <si>
    <t>25.41185188293457</t>
  </si>
  <si>
    <t>568.7639770507812</t>
  </si>
  <si>
    <t>-0.04331723516090058</t>
  </si>
  <si>
    <t>24.993324279785156</t>
  </si>
  <si>
    <t>582.751708984375</t>
  </si>
  <si>
    <t>-0.061460495935877546</t>
  </si>
  <si>
    <t>24.867929458618164</t>
  </si>
  <si>
    <t>559.21630859375</t>
  </si>
  <si>
    <t>0.014919608267423001</t>
  </si>
  <si>
    <t>8889</t>
  </si>
  <si>
    <t>24.529298782348633</t>
  </si>
  <si>
    <t>331.2370300292969</t>
  </si>
  <si>
    <t>0.020227962422781687</t>
  </si>
  <si>
    <t>25.0736141204834</t>
  </si>
  <si>
    <t>433.0539245605469</t>
  </si>
  <si>
    <t>0.003257148945747801</t>
  </si>
  <si>
    <t>24.749006271362305</t>
  </si>
  <si>
    <t>345.5048522949219</t>
  </si>
  <si>
    <t>-0.12947083039730067</t>
  </si>
  <si>
    <t>24.29292869567871</t>
  </si>
  <si>
    <t>365.66986083984375</t>
  </si>
  <si>
    <t>0.11307794733826171</t>
  </si>
  <si>
    <t>23.742929458618164</t>
  </si>
  <si>
    <t>363.6239929199219</t>
  </si>
  <si>
    <t>0.01605642816885755</t>
  </si>
  <si>
    <t>PHL</t>
  </si>
  <si>
    <t>24.341745376586914</t>
  </si>
  <si>
    <t>2241.294189453125</t>
  </si>
  <si>
    <t>1855.134765625</t>
  </si>
  <si>
    <t>Bicol Region</t>
  </si>
  <si>
    <t>Philippines</t>
  </si>
  <si>
    <t>24.291549682617188</t>
  </si>
  <si>
    <t>2022.8974609375</t>
  </si>
  <si>
    <t>-0.02873228232262548</t>
  </si>
  <si>
    <t>24.243181228637695</t>
  </si>
  <si>
    <t>1707.1221923828125</t>
  </si>
  <si>
    <t>-0.019943680967335453</t>
  </si>
  <si>
    <t>24.373802185058594</t>
  </si>
  <si>
    <t>2729.244384765625</t>
  </si>
  <si>
    <t>-0.004325889947122796</t>
  </si>
  <si>
    <t>24.424142837524414</t>
  </si>
  <si>
    <t>2047.38525390625</t>
  </si>
  <si>
    <t>0.017192400540372965</t>
  </si>
  <si>
    <t>24.257410049438477</t>
  </si>
  <si>
    <t>3153.224853515625</t>
  </si>
  <si>
    <t>24.148408889770508</t>
  </si>
  <si>
    <t>2531.709716796875</t>
  </si>
  <si>
    <t>0.035123336716198494</t>
  </si>
  <si>
    <t>24.380990982055664</t>
  </si>
  <si>
    <t>1596.01220703125</t>
  </si>
  <si>
    <t>0.02784710325678308</t>
  </si>
  <si>
    <t>24.93690299987793</t>
  </si>
  <si>
    <t>2922.283935546875</t>
  </si>
  <si>
    <t>-0.0354961844207331</t>
  </si>
  <si>
    <t>24.33631706237793</t>
  </si>
  <si>
    <t>3096.536865234375</t>
  </si>
  <si>
    <t>0.003606856930993274</t>
  </si>
  <si>
    <t>24.531415939331055</t>
  </si>
  <si>
    <t>3317.697265625</t>
  </si>
  <si>
    <t>0.014742281737203378</t>
  </si>
  <si>
    <t>2258</t>
  </si>
  <si>
    <t>24.444557189941406</t>
  </si>
  <si>
    <t>2900.583984375</t>
  </si>
  <si>
    <t>0.0013294927728280115</t>
  </si>
  <si>
    <t>24.320756912231445</t>
  </si>
  <si>
    <t>2355.821533203125</t>
  </si>
  <si>
    <t>0.008818399297520152</t>
  </si>
  <si>
    <t>24.182531356811523</t>
  </si>
  <si>
    <t>2550.704345703125</t>
  </si>
  <si>
    <t>0.022141125877213952</t>
  </si>
  <si>
    <t>24.443811416625977</t>
  </si>
  <si>
    <t>2379.990966796875</t>
  </si>
  <si>
    <t>0.03667428917036464</t>
  </si>
  <si>
    <t>24.43473243713379</t>
  </si>
  <si>
    <t>2776.352783203125</t>
  </si>
  <si>
    <t>0.0216999302904739</t>
  </si>
  <si>
    <t>24.48866844177246</t>
  </si>
  <si>
    <t>2715.359619140625</t>
  </si>
  <si>
    <t>0.02519629391888678</t>
  </si>
  <si>
    <t>2668</t>
  </si>
  <si>
    <t>24.515615463256836</t>
  </si>
  <si>
    <t>2858.830078125</t>
  </si>
  <si>
    <t>0.05231962377144761</t>
  </si>
  <si>
    <t>24.149948120117188</t>
  </si>
  <si>
    <t>2963.8876953125</t>
  </si>
  <si>
    <t>-0.05588045839445677</t>
  </si>
  <si>
    <t>24.22644805908203</t>
  </si>
  <si>
    <t>2661.503662109375</t>
  </si>
  <si>
    <t>0.07848657206728138</t>
  </si>
  <si>
    <t>24.501752853393555</t>
  </si>
  <si>
    <t>2501.198974609375</t>
  </si>
  <si>
    <t>-0.21003815806611303</t>
  </si>
  <si>
    <t>24.300804138183594</t>
  </si>
  <si>
    <t>3674.7783203125</t>
  </si>
  <si>
    <t>0.004060461252201719</t>
  </si>
  <si>
    <t>24.53026008605957</t>
  </si>
  <si>
    <t>2916.2548828125</t>
  </si>
  <si>
    <t>0.07500806222349077</t>
  </si>
  <si>
    <t>24.512399673461914</t>
  </si>
  <si>
    <t>2407.43310546875</t>
  </si>
  <si>
    <t>0.06626009602087013</t>
  </si>
  <si>
    <t>24.439895629882812</t>
  </si>
  <si>
    <t>2858.072265625</t>
  </si>
  <si>
    <t>0.033823362536113066</t>
  </si>
  <si>
    <t>24.670427322387695</t>
  </si>
  <si>
    <t>2233.067138671875</t>
  </si>
  <si>
    <t>0.03891541624967321</t>
  </si>
  <si>
    <t>24.8326358795166</t>
  </si>
  <si>
    <t>2782.5419921875</t>
  </si>
  <si>
    <t>0.03745756253490029</t>
  </si>
  <si>
    <t>24.476537704467773</t>
  </si>
  <si>
    <t>3485.744873046875</t>
  </si>
  <si>
    <t>0.03000742477399765</t>
  </si>
  <si>
    <t>24.631853103637695</t>
  </si>
  <si>
    <t>2736.112548828125</t>
  </si>
  <si>
    <t>0.06574828856409454</t>
  </si>
  <si>
    <t>24.725404739379883</t>
  </si>
  <si>
    <t>2268.765625</t>
  </si>
  <si>
    <t>0.04418889412114346</t>
  </si>
  <si>
    <t>24.84929656982422</t>
  </si>
  <si>
    <t>3207.53515625</t>
  </si>
  <si>
    <t>-0.11504705583750852</t>
  </si>
  <si>
    <t>24.798532485961914</t>
  </si>
  <si>
    <t>2738.008056640625</t>
  </si>
  <si>
    <t>0.04213261069737495</t>
  </si>
  <si>
    <t>24.81886863708496</t>
  </si>
  <si>
    <t>3211.7041015625</t>
  </si>
  <si>
    <t>0.059738216517043696</t>
  </si>
  <si>
    <t>25.5406551361084</t>
  </si>
  <si>
    <t>2665.63916015625</t>
  </si>
  <si>
    <t>2036.6817626953125</t>
  </si>
  <si>
    <t>Cagayan Valley, Cordillera, Illogos</t>
  </si>
  <si>
    <t>25.418968200683594</t>
  </si>
  <si>
    <t>2321.4072265625</t>
  </si>
  <si>
    <t>-0.02843793532053418</t>
  </si>
  <si>
    <t>25.2967586517334</t>
  </si>
  <si>
    <t>2267.61669921875</t>
  </si>
  <si>
    <t>-0.019962896548866738</t>
  </si>
  <si>
    <t>25.395111083984375</t>
  </si>
  <si>
    <t>2120.856689453125</t>
  </si>
  <si>
    <t>0.02582176816848225</t>
  </si>
  <si>
    <t>1973</t>
  </si>
  <si>
    <t>25.45794677734375</t>
  </si>
  <si>
    <t>1978.083251953125</t>
  </si>
  <si>
    <t>0.04668897736546285</t>
  </si>
  <si>
    <t>25.22662925720215</t>
  </si>
  <si>
    <t>2403.925537109375</t>
  </si>
  <si>
    <t>0.04799338023679933</t>
  </si>
  <si>
    <t>25.14512825012207</t>
  </si>
  <si>
    <t>2379.231689453125</t>
  </si>
  <si>
    <t>0.06272528401339006</t>
  </si>
  <si>
    <t>2328</t>
  </si>
  <si>
    <t>25.295326232910156</t>
  </si>
  <si>
    <t>1986.8612060546875</t>
  </si>
  <si>
    <t>0.05473563857852337</t>
  </si>
  <si>
    <t>26.200841903686523</t>
  </si>
  <si>
    <t>2599.1435546875</t>
  </si>
  <si>
    <t>0.0089801758075847</t>
  </si>
  <si>
    <t>25.23188018798828</t>
  </si>
  <si>
    <t>3313.264404296875</t>
  </si>
  <si>
    <t>0.046578065732142626</t>
  </si>
  <si>
    <t>25.37083625793457</t>
  </si>
  <si>
    <t>3058.3017578125</t>
  </si>
  <si>
    <t>0.05648095293740418</t>
  </si>
  <si>
    <t>25.367589950561523</t>
  </si>
  <si>
    <t>2525.19775390625</t>
  </si>
  <si>
    <t>0.04247960609788848</t>
  </si>
  <si>
    <t>25.34711456298828</t>
  </si>
  <si>
    <t>1977.9482421875</t>
  </si>
  <si>
    <t>0.04849217210783863</t>
  </si>
  <si>
    <t>25.241071701049805</t>
  </si>
  <si>
    <t>2461.17822265625</t>
  </si>
  <si>
    <t>0.06087209552361639</t>
  </si>
  <si>
    <t>25.434389114379883</t>
  </si>
  <si>
    <t>2147.097412109375</t>
  </si>
  <si>
    <t>0.07436716465272752</t>
  </si>
  <si>
    <t>3462</t>
  </si>
  <si>
    <t>25.49135398864746</t>
  </si>
  <si>
    <t>2300.510986328125</t>
  </si>
  <si>
    <t>0.05858669402562455</t>
  </si>
  <si>
    <t>25.571609497070312</t>
  </si>
  <si>
    <t>2130.914794921875</t>
  </si>
  <si>
    <t>0.06106629542682107</t>
  </si>
  <si>
    <t>25.63903045654297</t>
  </si>
  <si>
    <t>2553.854248046875</t>
  </si>
  <si>
    <t>25.20113182067871</t>
  </si>
  <si>
    <t>2673.631591796875</t>
  </si>
  <si>
    <t>-0.05899834076195454</t>
  </si>
  <si>
    <t>25.27745246887207</t>
  </si>
  <si>
    <t>2755.25146484375</t>
  </si>
  <si>
    <t>-0.003320423637303449</t>
  </si>
  <si>
    <t>25.544321060180664</t>
  </si>
  <si>
    <t>2477.677001953125</t>
  </si>
  <si>
    <t>0.11802937141326453</t>
  </si>
  <si>
    <t>25.329484939575195</t>
  </si>
  <si>
    <t>3141.402099609375</t>
  </si>
  <si>
    <t>0.0917211225645076</t>
  </si>
  <si>
    <t>25.606643676757812</t>
  </si>
  <si>
    <t>2575.39306640625</t>
  </si>
  <si>
    <t>0.032499820645941924</t>
  </si>
  <si>
    <t>25.671302795410156</t>
  </si>
  <si>
    <t>2355.866455078125</t>
  </si>
  <si>
    <t>0.050684015928455395</t>
  </si>
  <si>
    <t>25.52887535095215</t>
  </si>
  <si>
    <t>2188.207763671875</t>
  </si>
  <si>
    <t>0.04823859217530391</t>
  </si>
  <si>
    <t>25.835693359375</t>
  </si>
  <si>
    <t>2253.95458984375</t>
  </si>
  <si>
    <t>0.020478531343542272</t>
  </si>
  <si>
    <t>26.119911193847656</t>
  </si>
  <si>
    <t>2598.48828125</t>
  </si>
  <si>
    <t>0.04288935412847472</t>
  </si>
  <si>
    <t>25.78887939453125</t>
  </si>
  <si>
    <t>2704.3203125</t>
  </si>
  <si>
    <t>0.06202704748128873</t>
  </si>
  <si>
    <t>25.85500144958496</t>
  </si>
  <si>
    <t>2478.66845703125</t>
  </si>
  <si>
    <t>0.04353688747063522</t>
  </si>
  <si>
    <t>26.01952362060547</t>
  </si>
  <si>
    <t>2860.463134765625</t>
  </si>
  <si>
    <t>0.04427085812045206</t>
  </si>
  <si>
    <t>26.088945388793945</t>
  </si>
  <si>
    <t>2132.925537109375</t>
  </si>
  <si>
    <t>-0.11494119310548712</t>
  </si>
  <si>
    <t>26.0894718170166</t>
  </si>
  <si>
    <t>2071.842041015625</t>
  </si>
  <si>
    <t>0.04214278647337899</t>
  </si>
  <si>
    <t>26.069236755371094</t>
  </si>
  <si>
    <t>2615.469482421875</t>
  </si>
  <si>
    <t>0.05981849521091043</t>
  </si>
  <si>
    <t>26.98680305480957</t>
  </si>
  <si>
    <t>1731.56591796875</t>
  </si>
  <si>
    <t>2681.3291015625</t>
  </si>
  <si>
    <t>Central Visayas</t>
  </si>
  <si>
    <t>26.951087951660156</t>
  </si>
  <si>
    <t>1378.174072265625</t>
  </si>
  <si>
    <t>-0.028710105882431947</t>
  </si>
  <si>
    <t>3837</t>
  </si>
  <si>
    <t>26.949853897094727</t>
  </si>
  <si>
    <t>1333.52685546875</t>
  </si>
  <si>
    <t>-0.019869057709069438</t>
  </si>
  <si>
    <t>27.153335571289062</t>
  </si>
  <si>
    <t>1590.1956787109375</t>
  </si>
  <si>
    <t>0.010112882763705144</t>
  </si>
  <si>
    <t>27.21043586730957</t>
  </si>
  <si>
    <t>1550.4073486328125</t>
  </si>
  <si>
    <t>0.03124063583616099</t>
  </si>
  <si>
    <t>27.08079719543457</t>
  </si>
  <si>
    <t>2143.68212890625</t>
  </si>
  <si>
    <t>0.03368480734144619</t>
  </si>
  <si>
    <t>26.95701789855957</t>
  </si>
  <si>
    <t>1788.232421875</t>
  </si>
  <si>
    <t>0.048605934249973615</t>
  </si>
  <si>
    <t>27.263671875</t>
  </si>
  <si>
    <t>1406.1287841796875</t>
  </si>
  <si>
    <t>0.04150347575524549</t>
  </si>
  <si>
    <t>27.624465942382812</t>
  </si>
  <si>
    <t>1613.626220703125</t>
  </si>
  <si>
    <t>-0.029371016074206224</t>
  </si>
  <si>
    <t>27.143888473510742</t>
  </si>
  <si>
    <t>2268.11181640625</t>
  </si>
  <si>
    <t>0.009285538350980005</t>
  </si>
  <si>
    <t>27.3282413482666</t>
  </si>
  <si>
    <t>2147.661865234375</t>
  </si>
  <si>
    <t>0.020527271412762005</t>
  </si>
  <si>
    <t>27.26679229736328</t>
  </si>
  <si>
    <t>2205.4345703125</t>
  </si>
  <si>
    <t>0.00769996104438242</t>
  </si>
  <si>
    <t>27.15253257751465</t>
  </si>
  <si>
    <t>1932.0455322265625</t>
  </si>
  <si>
    <t>0.014792525553350089</t>
  </si>
  <si>
    <t>4765</t>
  </si>
  <si>
    <t>26.949691772460938</t>
  </si>
  <si>
    <t>2267.08349609375</t>
  </si>
  <si>
    <t>0.02852470960755049</t>
  </si>
  <si>
    <t>27.21849822998047</t>
  </si>
  <si>
    <t>1714.2965087890625</t>
  </si>
  <si>
    <t>0.0427257426264358</t>
  </si>
  <si>
    <t>27.181297302246094</t>
  </si>
  <si>
    <t>1890.7108154296875</t>
  </si>
  <si>
    <t>0.027958597136393593</t>
  </si>
  <si>
    <t>27.214988708496094</t>
  </si>
  <si>
    <t>1889.8095703125</t>
  </si>
  <si>
    <t>0.0313758775545363</t>
  </si>
  <si>
    <t>27.263845443725586</t>
  </si>
  <si>
    <t>1976.870361328125</t>
  </si>
  <si>
    <t>0.05958739880416353</t>
  </si>
  <si>
    <t>5509</t>
  </si>
  <si>
    <t>26.933488845825195</t>
  </si>
  <si>
    <t>2320.420166015625</t>
  </si>
  <si>
    <t>-0.016562034737114928</t>
  </si>
  <si>
    <t>27.089279174804688</t>
  </si>
  <si>
    <t>1960.97119140625</t>
  </si>
  <si>
    <t>-0.019984164920350267</t>
  </si>
  <si>
    <t>27.13325309753418</t>
  </si>
  <si>
    <t>1674.9212646484375</t>
  </si>
  <si>
    <t>-0.08519484606323324</t>
  </si>
  <si>
    <t>27.05546760559082</t>
  </si>
  <si>
    <t>2624.359130859375</t>
  </si>
  <si>
    <t>0.10807913989682127</t>
  </si>
  <si>
    <t>27.272972106933594</t>
  </si>
  <si>
    <t>2240.513916015625</t>
  </si>
  <si>
    <t>0.076793438688739</t>
  </si>
  <si>
    <t>27.12299156188965</t>
  </si>
  <si>
    <t>2124.89501953125</t>
  </si>
  <si>
    <t>0.05542487503031346</t>
  </si>
  <si>
    <t>27.242156982421875</t>
  </si>
  <si>
    <t>1991.2486572265625</t>
  </si>
  <si>
    <t>0.06284226885233046</t>
  </si>
  <si>
    <t>6923</t>
  </si>
  <si>
    <t>27.45502281188965</t>
  </si>
  <si>
    <t>1777.599365234375</t>
  </si>
  <si>
    <t>0.03050537172068779</t>
  </si>
  <si>
    <t>27.678014755249023</t>
  </si>
  <si>
    <t>2163.00244140625</t>
  </si>
  <si>
    <t>0.0689254610585337</t>
  </si>
  <si>
    <t>27.19573974609375</t>
  </si>
  <si>
    <t>2460.357421875</t>
  </si>
  <si>
    <t>0.03523543313107602</t>
  </si>
  <si>
    <t>27.48143196105957</t>
  </si>
  <si>
    <t>1951.7020263671875</t>
  </si>
  <si>
    <t>0.05728856286076045</t>
  </si>
  <si>
    <t>27.578277587890625</t>
  </si>
  <si>
    <t>1661.3154296875</t>
  </si>
  <si>
    <t>0.0441203836573969</t>
  </si>
  <si>
    <t>7580</t>
  </si>
  <si>
    <t>27.59726905822754</t>
  </si>
  <si>
    <t>2091.5537109375</t>
  </si>
  <si>
    <t>-0.11490584274937454</t>
  </si>
  <si>
    <t>27.55772590637207</t>
  </si>
  <si>
    <t>2372.689453125</t>
  </si>
  <si>
    <t>0.04210876522021323</t>
  </si>
  <si>
    <t>8393</t>
  </si>
  <si>
    <t>27.573949813842773</t>
  </si>
  <si>
    <t>2601.024169921875</t>
  </si>
  <si>
    <t>0.05977606022619675</t>
  </si>
  <si>
    <t>25.000381469726562</t>
  </si>
  <si>
    <t>2302.13818359375</t>
  </si>
  <si>
    <t>1150.17626953125</t>
  </si>
  <si>
    <t>Eastern Visayas</t>
  </si>
  <si>
    <t>24.977766036987305</t>
  </si>
  <si>
    <t>2376.966552734375</t>
  </si>
  <si>
    <t>24.991559982299805</t>
  </si>
  <si>
    <t>1773.2640380859375</t>
  </si>
  <si>
    <t>25.192466735839844</t>
  </si>
  <si>
    <t>2701.283447265625</t>
  </si>
  <si>
    <t>0.001916627323663711</t>
  </si>
  <si>
    <t>25.26912498474121</t>
  </si>
  <si>
    <t>2490.521728515625</t>
  </si>
  <si>
    <t>0.02365294752584024</t>
  </si>
  <si>
    <t>25.109254837036133</t>
  </si>
  <si>
    <t>3230.277099609375</t>
  </si>
  <si>
    <t>0.025387931752769433</t>
  </si>
  <si>
    <t>25.002471923828125</t>
  </si>
  <si>
    <t>3288.322509765625</t>
  </si>
  <si>
    <t>0.04107720351958033</t>
  </si>
  <si>
    <t>25.29057502746582</t>
  </si>
  <si>
    <t>1879.4794921875</t>
  </si>
  <si>
    <t>0.0339744565712774</t>
  </si>
  <si>
    <t>25.660722732543945</t>
  </si>
  <si>
    <t>2606.029541015625</t>
  </si>
  <si>
    <t>-0.03660257897754704</t>
  </si>
  <si>
    <t>25.20600128173828</t>
  </si>
  <si>
    <t>3622.5380859375</t>
  </si>
  <si>
    <t>0.0026281224062696396</t>
  </si>
  <si>
    <t>25.43585205078125</t>
  </si>
  <si>
    <t>3766.997314453125</t>
  </si>
  <si>
    <t>0.013469680077620616</t>
  </si>
  <si>
    <t>25.366071701049805</t>
  </si>
  <si>
    <t>3437.162353515625</t>
  </si>
  <si>
    <t>0.000431499467320684</t>
  </si>
  <si>
    <t>25.203765869140625</t>
  </si>
  <si>
    <t>2886.4736328125</t>
  </si>
  <si>
    <t>0.007307146203300974</t>
  </si>
  <si>
    <t>25.01873779296875</t>
  </si>
  <si>
    <t>3049.8095703125</t>
  </si>
  <si>
    <t>0.021187233219444046</t>
  </si>
  <si>
    <t>25.2938175201416</t>
  </si>
  <si>
    <t>2630.24072265625</t>
  </si>
  <si>
    <t>0.03542380266616796</t>
  </si>
  <si>
    <t>25.233795166015625</t>
  </si>
  <si>
    <t>3140.729736328125</t>
  </si>
  <si>
    <t>0.02042931053625452</t>
  </si>
  <si>
    <t>25.338951110839844</t>
  </si>
  <si>
    <t>3120.07666015625</t>
  </si>
  <si>
    <t>0.023899276570976014</t>
  </si>
  <si>
    <t>25.393463134765625</t>
  </si>
  <si>
    <t>3174.62255859375</t>
  </si>
  <si>
    <t>0.011930101088326595</t>
  </si>
  <si>
    <t>25.034727096557617</t>
  </si>
  <si>
    <t>3660.27978515625</t>
  </si>
  <si>
    <t>0.08151299346785112</t>
  </si>
  <si>
    <t>25.19120216369629</t>
  </si>
  <si>
    <t>3361.093017578125</t>
  </si>
  <si>
    <t>0.006326910384763629</t>
  </si>
  <si>
    <t>3493</t>
  </si>
  <si>
    <t>25.289718627929688</t>
  </si>
  <si>
    <t>2616.58837890625</t>
  </si>
  <si>
    <t>0.20203944677004948</t>
  </si>
  <si>
    <t>25.110334396362305</t>
  </si>
  <si>
    <t>4229.42578125</t>
  </si>
  <si>
    <t>0.10867594112531442</t>
  </si>
  <si>
    <t>25.308555603027344</t>
  </si>
  <si>
    <t>3480.4755859375</t>
  </si>
  <si>
    <t>-0.07794766019624433</t>
  </si>
  <si>
    <t>25.214698791503906</t>
  </si>
  <si>
    <t>3233.745361328125</t>
  </si>
  <si>
    <t>0.034650854442919155</t>
  </si>
  <si>
    <t>25.276758193969727</t>
  </si>
  <si>
    <t>3187.447021484375</t>
  </si>
  <si>
    <t>-0.03132490902664742</t>
  </si>
  <si>
    <t>3606</t>
  </si>
  <si>
    <t>25.47088050842285</t>
  </si>
  <si>
    <t>2489.946533203125</t>
  </si>
  <si>
    <t>-0.0022160673889111138</t>
  </si>
  <si>
    <t>25.665864944458008</t>
  </si>
  <si>
    <t>3176.079345703125</t>
  </si>
  <si>
    <t>0.09742562332517046</t>
  </si>
  <si>
    <t>25.245529174804688</t>
  </si>
  <si>
    <t>3986.60205078125</t>
  </si>
  <si>
    <t>4130</t>
  </si>
  <si>
    <t>25.4946231842041</t>
  </si>
  <si>
    <t>3228.96728515625</t>
  </si>
  <si>
    <t>0.03825265886664653</t>
  </si>
  <si>
    <t>25.59786033630371</t>
  </si>
  <si>
    <t>2334.457275390625</t>
  </si>
  <si>
    <t>0.044283309600398724</t>
  </si>
  <si>
    <t>3848</t>
  </si>
  <si>
    <t>25.662668228149414</t>
  </si>
  <si>
    <t>3214.897705078125</t>
  </si>
  <si>
    <t>-0.1150071837698814</t>
  </si>
  <si>
    <t>25.567108154296875</t>
  </si>
  <si>
    <t>3629.94677734375</t>
  </si>
  <si>
    <t>0.04223471757068786</t>
  </si>
  <si>
    <t>25.597999572753906</t>
  </si>
  <si>
    <t>4377.96826171875</t>
  </si>
  <si>
    <t>0.05971562414362808</t>
  </si>
  <si>
    <t>25.628318786621094</t>
  </si>
  <si>
    <t>2162.5849609375</t>
  </si>
  <si>
    <t>6987.34716796875</t>
  </si>
  <si>
    <t>Mindanao</t>
  </si>
  <si>
    <t>25.54670524597168</t>
  </si>
  <si>
    <t>1551.2037353515625</t>
  </si>
  <si>
    <t>-0.028749413285986236</t>
  </si>
  <si>
    <t>25.549705505371094</t>
  </si>
  <si>
    <t>1638.9251708984375</t>
  </si>
  <si>
    <t>-0.01963597451685839</t>
  </si>
  <si>
    <t>25.767663955688477</t>
  </si>
  <si>
    <t>2249.37890625</t>
  </si>
  <si>
    <t>-0.017623699767717937</t>
  </si>
  <si>
    <t>25.77536964416504</t>
  </si>
  <si>
    <t>2149.042236328125</t>
  </si>
  <si>
    <t>0.003358122608895009</t>
  </si>
  <si>
    <t>25.68984031677246</t>
  </si>
  <si>
    <t>2604.309814453125</t>
  </si>
  <si>
    <t>0.006206751842471547</t>
  </si>
  <si>
    <t>25.517728805541992</t>
  </si>
  <si>
    <t>2342.735595703125</t>
  </si>
  <si>
    <t>0.02119222234564333</t>
  </si>
  <si>
    <t>25.8365478515625</t>
  </si>
  <si>
    <t>1822.56298828125</t>
  </si>
  <si>
    <t>26.15087127685547</t>
  </si>
  <si>
    <t>1917.2861328125</t>
  </si>
  <si>
    <t>0.00045966445304834735</t>
  </si>
  <si>
    <t>2262</t>
  </si>
  <si>
    <t>25.780580520629883</t>
  </si>
  <si>
    <t>3092.863037109375</t>
  </si>
  <si>
    <t>0.03876104870023234</t>
  </si>
  <si>
    <t>25.944604873657227</t>
  </si>
  <si>
    <t>2805.57861328125</t>
  </si>
  <si>
    <t>0.04874805979267638</t>
  </si>
  <si>
    <t>25.929170608520508</t>
  </si>
  <si>
    <t>2705.884765625</t>
  </si>
  <si>
    <t>0.03557033392231368</t>
  </si>
  <si>
    <t>25.770360946655273</t>
  </si>
  <si>
    <t>2399.269775390625</t>
  </si>
  <si>
    <t>0.04178049478452639</t>
  </si>
  <si>
    <t>25.59828758239746</t>
  </si>
  <si>
    <t>2775.915283203125</t>
  </si>
  <si>
    <t>0.05460036869816509</t>
  </si>
  <si>
    <t>25.8382568359375</t>
  </si>
  <si>
    <t>2319.106201171875</t>
  </si>
  <si>
    <t>0.06845151957038631</t>
  </si>
  <si>
    <t>25.777063369750977</t>
  </si>
  <si>
    <t>2581.638916015625</t>
  </si>
  <si>
    <t>0.05301476150229245</t>
  </si>
  <si>
    <t>25.79449462890625</t>
  </si>
  <si>
    <t>2488.6044921875</t>
  </si>
  <si>
    <t>0.05561401198857574</t>
  </si>
  <si>
    <t>3386</t>
  </si>
  <si>
    <t>25.835365295410156</t>
  </si>
  <si>
    <t>2695.30908203125</t>
  </si>
  <si>
    <t>0.045620355758078546</t>
  </si>
  <si>
    <t>25.548200607299805</t>
  </si>
  <si>
    <t>3055.0185546875</t>
  </si>
  <si>
    <t>0.025657384107971026</t>
  </si>
  <si>
    <t>25.681243896484375</t>
  </si>
  <si>
    <t>2769.264892578125</t>
  </si>
  <si>
    <t>0.044752085420151744</t>
  </si>
  <si>
    <t>25.608205795288086</t>
  </si>
  <si>
    <t>2638.106689453125</t>
  </si>
  <si>
    <t>0.033562013352765874</t>
  </si>
  <si>
    <t>6033</t>
  </si>
  <si>
    <t>25.652830123901367</t>
  </si>
  <si>
    <t>3230.336669921875</t>
  </si>
  <si>
    <t>0.47362363286679354</t>
  </si>
  <si>
    <t>25.80275535583496</t>
  </si>
  <si>
    <t>2714.54443359375</t>
  </si>
  <si>
    <t>0.051367881362212486</t>
  </si>
  <si>
    <t>6552</t>
  </si>
  <si>
    <t>25.633079528808594</t>
  </si>
  <si>
    <t>2799.70166015625</t>
  </si>
  <si>
    <t>0.031158065729931295</t>
  </si>
  <si>
    <t>6862</t>
  </si>
  <si>
    <t>25.836469650268555</t>
  </si>
  <si>
    <t>2349.91845703125</t>
  </si>
  <si>
    <t>0.04622859788548972</t>
  </si>
  <si>
    <t>7222</t>
  </si>
  <si>
    <t>26.030580520629883</t>
  </si>
  <si>
    <t>2020.5052490234375</t>
  </si>
  <si>
    <t>0.0511329784190071</t>
  </si>
  <si>
    <t>26.232023239135742</t>
  </si>
  <si>
    <t>2499.42822265625</t>
  </si>
  <si>
    <t>0.045474682072031314</t>
  </si>
  <si>
    <t>25.7399845123291</t>
  </si>
  <si>
    <t>3121.633056640625</t>
  </si>
  <si>
    <t>0.05795930441424879</t>
  </si>
  <si>
    <t>26.0672550201416</t>
  </si>
  <si>
    <t>2359.826904296875</t>
  </si>
  <si>
    <t>0.05241639926632047</t>
  </si>
  <si>
    <t>26.12611198425293</t>
  </si>
  <si>
    <t>2036.4205322265625</t>
  </si>
  <si>
    <t>0.04415293366876405</t>
  </si>
  <si>
    <t>26.078880310058594</t>
  </si>
  <si>
    <t>2558.457763671875</t>
  </si>
  <si>
    <t>-0.11496702926725177</t>
  </si>
  <si>
    <t>8202</t>
  </si>
  <si>
    <t>26.013092041015625</t>
  </si>
  <si>
    <t>2826.505615234375</t>
  </si>
  <si>
    <t>0.04220981396048806</t>
  </si>
  <si>
    <t>26.035497665405273</t>
  </si>
  <si>
    <t>3066.48193359375</t>
  </si>
  <si>
    <t>0.059749272876612025</t>
  </si>
  <si>
    <t>26.95644187927246</t>
  </si>
  <si>
    <t>2746.7001953125</t>
  </si>
  <si>
    <t>16742.671875</t>
  </si>
  <si>
    <t>Tagalog, Luzon, W. Visayas</t>
  </si>
  <si>
    <t>26.87452507019043</t>
  </si>
  <si>
    <t>2094.5693359375</t>
  </si>
  <si>
    <t>-0.02870800851200883</t>
  </si>
  <si>
    <t>4409</t>
  </si>
  <si>
    <t>26.776323318481445</t>
  </si>
  <si>
    <t>2185.2236328125</t>
  </si>
  <si>
    <t>-0.019984947161324484</t>
  </si>
  <si>
    <t>26.86944007873535</t>
  </si>
  <si>
    <t>2406.841796875</t>
  </si>
  <si>
    <t>-0.0034079324133813316</t>
  </si>
  <si>
    <t>26.863149642944336</t>
  </si>
  <si>
    <t>2157.5595703125</t>
  </si>
  <si>
    <t>0.017819350488291974</t>
  </si>
  <si>
    <t>26.665328979492188</t>
  </si>
  <si>
    <t>2778.523193359375</t>
  </si>
  <si>
    <t>0.02014010754911766</t>
  </si>
  <si>
    <t>26.599645614624023</t>
  </si>
  <si>
    <t>2172.977783203125</t>
  </si>
  <si>
    <t>0.03572577050401371</t>
  </si>
  <si>
    <t>26.861528396606445</t>
  </si>
  <si>
    <t>2052.528076171875</t>
  </si>
  <si>
    <t>0.02855252834747546</t>
  </si>
  <si>
    <t>27.515960693359375</t>
  </si>
  <si>
    <t>2508.0390625</t>
  </si>
  <si>
    <t>-0.04389155938916822</t>
  </si>
  <si>
    <t>4634</t>
  </si>
  <si>
    <t>26.767133712768555</t>
  </si>
  <si>
    <t>3015.378662109375</t>
  </si>
  <si>
    <t>-0.005165745451964909</t>
  </si>
  <si>
    <t>26.95470428466797</t>
  </si>
  <si>
    <t>3206.200927734375</t>
  </si>
  <si>
    <t>0.0058095913804194765</t>
  </si>
  <si>
    <t>26.837661743164062</t>
  </si>
  <si>
    <t>2283.35302734375</t>
  </si>
  <si>
    <t>-0.0073213074657410004</t>
  </si>
  <si>
    <t>26.74956512451172</t>
  </si>
  <si>
    <t>2225.048583984375</t>
  </si>
  <si>
    <t>-0.0006485785547862832</t>
  </si>
  <si>
    <t>26.604921340942383</t>
  </si>
  <si>
    <t>2569.2490234375</t>
  </si>
  <si>
    <t>0.012892314365393176</t>
  </si>
  <si>
    <t>4812</t>
  </si>
  <si>
    <t>26.895326614379883</t>
  </si>
  <si>
    <t>2475.09130859375</t>
  </si>
  <si>
    <t>0.02696035237696215</t>
  </si>
  <si>
    <t>4869</t>
  </si>
  <si>
    <t>26.93531036376953</t>
  </si>
  <si>
    <t>2393.58349609375</t>
  </si>
  <si>
    <t>0.011775779088130989</t>
  </si>
  <si>
    <t>26.928232192993164</t>
  </si>
  <si>
    <t>2298.74951171875</t>
  </si>
  <si>
    <t>0.014881530365855156</t>
  </si>
  <si>
    <t>26.974313735961914</t>
  </si>
  <si>
    <t>2595.381591796875</t>
  </si>
  <si>
    <t>0.0353843314849982</t>
  </si>
  <si>
    <t>4776</t>
  </si>
  <si>
    <t>26.566194534301758</t>
  </si>
  <si>
    <t>2614.339111328125</t>
  </si>
  <si>
    <t>-0.06955106296111602</t>
  </si>
  <si>
    <t>4681</t>
  </si>
  <si>
    <t>26.59345054626465</t>
  </si>
  <si>
    <t>2668.451904296875</t>
  </si>
  <si>
    <t>-0.020091613772367012</t>
  </si>
  <si>
    <t>26.962827682495117</t>
  </si>
  <si>
    <t>2343.302734375</t>
  </si>
  <si>
    <t>0.16268981854847553</t>
  </si>
  <si>
    <t>26.748937606811523</t>
  </si>
  <si>
    <t>3247.43701171875</t>
  </si>
  <si>
    <t>-0.3329924592951734</t>
  </si>
  <si>
    <t>4196</t>
  </si>
  <si>
    <t>26.99839210510254</t>
  </si>
  <si>
    <t>2679.812255859375</t>
  </si>
  <si>
    <t>0.06092256896281434</t>
  </si>
  <si>
    <t>27.014875411987305</t>
  </si>
  <si>
    <t>2358.80810546875</t>
  </si>
  <si>
    <t>0.044057935290096495</t>
  </si>
  <si>
    <t>26.90967559814453</t>
  </si>
  <si>
    <t>2417.077880859375</t>
  </si>
  <si>
    <t>0.05846251688430115</t>
  </si>
  <si>
    <t>4785</t>
  </si>
  <si>
    <t>27.164079666137695</t>
  </si>
  <si>
    <t>2155.341552734375</t>
  </si>
  <si>
    <t>0.028833882196469318</t>
  </si>
  <si>
    <t>27.39862823486328</t>
  </si>
  <si>
    <t>2590.011962890625</t>
  </si>
  <si>
    <t>0.044551707601151236</t>
  </si>
  <si>
    <t>5260</t>
  </si>
  <si>
    <t>27.04734992980957</t>
  </si>
  <si>
    <t>2734.742919921875</t>
  </si>
  <si>
    <t>0.0500932942435508</t>
  </si>
  <si>
    <t>27.174123764038086</t>
  </si>
  <si>
    <t>2730.479248046875</t>
  </si>
  <si>
    <t>0.04879016416943216</t>
  </si>
  <si>
    <t>27.255918502807617</t>
  </si>
  <si>
    <t>2325.97607421875</t>
  </si>
  <si>
    <t>0.04427068515974497</t>
  </si>
  <si>
    <t>27.366804122924805</t>
  </si>
  <si>
    <t>2306.2041015625</t>
  </si>
  <si>
    <t>-0.11497216221924411</t>
  </si>
  <si>
    <t>27.33184814453125</t>
  </si>
  <si>
    <t>2295.5810546875</t>
  </si>
  <si>
    <t>0.04204937933513975</t>
  </si>
  <si>
    <t>5698</t>
  </si>
  <si>
    <t>27.37493133544922</t>
  </si>
  <si>
    <t>2686.16650390625</t>
  </si>
  <si>
    <t>0.05984614288102463</t>
  </si>
  <si>
    <t>POL</t>
  </si>
  <si>
    <t>9958</t>
  </si>
  <si>
    <t>7.904531002044678</t>
  </si>
  <si>
    <t>579.8989868164062</t>
  </si>
  <si>
    <t>275.35968017578125</t>
  </si>
  <si>
    <t>Bialostocki</t>
  </si>
  <si>
    <t>Poland</t>
  </si>
  <si>
    <t>7.106770992279053</t>
  </si>
  <si>
    <t>466.017578125</t>
  </si>
  <si>
    <t>-0.07645905829340016</t>
  </si>
  <si>
    <t>7.70713996887207</t>
  </si>
  <si>
    <t>600.2857666015625</t>
  </si>
  <si>
    <t>0.02166072248742168</t>
  </si>
  <si>
    <t>6.925113201141357</t>
  </si>
  <si>
    <t>571.5968627929688</t>
  </si>
  <si>
    <t>0.033997017575865485</t>
  </si>
  <si>
    <t>7.252681255340576</t>
  </si>
  <si>
    <t>605.922607421875</t>
  </si>
  <si>
    <t>0.049312455527132926</t>
  </si>
  <si>
    <t>6.733325481414795</t>
  </si>
  <si>
    <t>590.8585205078125</t>
  </si>
  <si>
    <t>0.06709113590624582</t>
  </si>
  <si>
    <t>5.638240337371826</t>
  </si>
  <si>
    <t>509.3999328613281</t>
  </si>
  <si>
    <t>0.058663167777467606</t>
  </si>
  <si>
    <t>12362</t>
  </si>
  <si>
    <t>7.154531002044678</t>
  </si>
  <si>
    <t>632.7843017578125</t>
  </si>
  <si>
    <t>0.06198556203635697</t>
  </si>
  <si>
    <t>12932</t>
  </si>
  <si>
    <t>6.978865146636963</t>
  </si>
  <si>
    <t>633.35986328125</t>
  </si>
  <si>
    <t>0.0450776086261051</t>
  </si>
  <si>
    <t>13536</t>
  </si>
  <si>
    <t>7.720970630645752</t>
  </si>
  <si>
    <t>565.2965087890625</t>
  </si>
  <si>
    <t>0.04564794300068087</t>
  </si>
  <si>
    <t>14304</t>
  </si>
  <si>
    <t>8.565701484680176</t>
  </si>
  <si>
    <t>531.1762084960938</t>
  </si>
  <si>
    <t>0.05518641556729165</t>
  </si>
  <si>
    <t>15043</t>
  </si>
  <si>
    <t>7.219041347503662</t>
  </si>
  <si>
    <t>645.7417602539062</t>
  </si>
  <si>
    <t>0.05037354828452756</t>
  </si>
  <si>
    <t>15138</t>
  </si>
  <si>
    <t>7.855276107788086</t>
  </si>
  <si>
    <t>527.6803588867188</t>
  </si>
  <si>
    <t>0.00629537217128906</t>
  </si>
  <si>
    <t>7.051191329956055</t>
  </si>
  <si>
    <t>509.02728271484375</t>
  </si>
  <si>
    <t>0.032367809043732265</t>
  </si>
  <si>
    <t>15882</t>
  </si>
  <si>
    <t>7.6034111976623535</t>
  </si>
  <si>
    <t>0.015610444542311086</t>
  </si>
  <si>
    <t>16314</t>
  </si>
  <si>
    <t>6.4336161613464355</t>
  </si>
  <si>
    <t>503.5943908691406</t>
  </si>
  <si>
    <t>0.02683724240536911</t>
  </si>
  <si>
    <t>17367</t>
  </si>
  <si>
    <t>8.190808296203613</t>
  </si>
  <si>
    <t>572.8649291992188</t>
  </si>
  <si>
    <t>0.06254821888658846</t>
  </si>
  <si>
    <t>7.920099258422852</t>
  </si>
  <si>
    <t>587.392822265625</t>
  </si>
  <si>
    <t>0.08812877323720869</t>
  </si>
  <si>
    <t>8.041388511657715</t>
  </si>
  <si>
    <t>578.82470703125</t>
  </si>
  <si>
    <t>0.028636489717083435</t>
  </si>
  <si>
    <t>20038</t>
  </si>
  <si>
    <t>7.1388163566589355</t>
  </si>
  <si>
    <t>701.5820922851562</t>
  </si>
  <si>
    <t>0.026293354117802537</t>
  </si>
  <si>
    <t>7.218027114868164</t>
  </si>
  <si>
    <t>751.5193481445312</t>
  </si>
  <si>
    <t>7.76151704788208</t>
  </si>
  <si>
    <t>535.6163330078125</t>
  </si>
  <si>
    <t>0.0342424501716323</t>
  </si>
  <si>
    <t>7.182680606842041</t>
  </si>
  <si>
    <t>590.9273071289062</t>
  </si>
  <si>
    <t>0.018477983237746187</t>
  </si>
  <si>
    <t>7.746510982513428</t>
  </si>
  <si>
    <t>645.7445678710938</t>
  </si>
  <si>
    <t>0.010381661405851617</t>
  </si>
  <si>
    <t>8.779446601867676</t>
  </si>
  <si>
    <t>552.0772705078125</t>
  </si>
  <si>
    <t>0.027521393887065315</t>
  </si>
  <si>
    <t>23291</t>
  </si>
  <si>
    <t>8.376006126403809</t>
  </si>
  <si>
    <t>487.3720397949219</t>
  </si>
  <si>
    <t>0.026054580392949944</t>
  </si>
  <si>
    <t>23911</t>
  </si>
  <si>
    <t>8.050488471984863</t>
  </si>
  <si>
    <t>675.1187133789062</t>
  </si>
  <si>
    <t>0.026271584243193757</t>
  </si>
  <si>
    <t>8.34957504272461</t>
  </si>
  <si>
    <t>755.2515258789062</t>
  </si>
  <si>
    <t>0.046135942131433794</t>
  </si>
  <si>
    <t>26589</t>
  </si>
  <si>
    <t>8.496631622314453</t>
  </si>
  <si>
    <t>533.5154418945312</t>
  </si>
  <si>
    <t>0.06002305019247345</t>
  </si>
  <si>
    <t>9.476069450378418</t>
  </si>
  <si>
    <t>485.13116455078125</t>
  </si>
  <si>
    <t>0.05081365777361668</t>
  </si>
  <si>
    <t>8.756189346313477</t>
  </si>
  <si>
    <t>605.1532592773438</t>
  </si>
  <si>
    <t>-0.013423020332139046</t>
  </si>
  <si>
    <t>7.707702159881592</t>
  </si>
  <si>
    <t>644.0439453125</t>
  </si>
  <si>
    <t>0.07046028692739448</t>
  </si>
  <si>
    <t>8.546072006225586</t>
  </si>
  <si>
    <t>605.0714721679688</t>
  </si>
  <si>
    <t>0.07551062199362235</t>
  </si>
  <si>
    <t>8.604659080505371</t>
  </si>
  <si>
    <t>535.9261474609375</t>
  </si>
  <si>
    <t>146.4003143310547</t>
  </si>
  <si>
    <t>Bialski</t>
  </si>
  <si>
    <t>6571</t>
  </si>
  <si>
    <t>7.8488850593566895</t>
  </si>
  <si>
    <t>416.7770690917969</t>
  </si>
  <si>
    <t>-0.07644235430421986</t>
  </si>
  <si>
    <t>8.465241432189941</t>
  </si>
  <si>
    <t>558.73291015625</t>
  </si>
  <si>
    <t>0.021677802059469897</t>
  </si>
  <si>
    <t>7.584054946899414</t>
  </si>
  <si>
    <t>487.23260498046875</t>
  </si>
  <si>
    <t>0.03396608173554405</t>
  </si>
  <si>
    <t>8.09734058380127</t>
  </si>
  <si>
    <t>551.4496459960938</t>
  </si>
  <si>
    <t>0.04929042630351077</t>
  </si>
  <si>
    <t>7.419419765472412</t>
  </si>
  <si>
    <t>521.774658203125</t>
  </si>
  <si>
    <t>0.06716421595313982</t>
  </si>
  <si>
    <t>8276</t>
  </si>
  <si>
    <t>6.336332321166992</t>
  </si>
  <si>
    <t>481.66680908203125</t>
  </si>
  <si>
    <t>0.058595205915901616</t>
  </si>
  <si>
    <t>7.853766918182373</t>
  </si>
  <si>
    <t>594.8392944335938</t>
  </si>
  <si>
    <t>0.06195998206487374</t>
  </si>
  <si>
    <t>9211</t>
  </si>
  <si>
    <t>7.770868301391602</t>
  </si>
  <si>
    <t>574.2437133789062</t>
  </si>
  <si>
    <t>0.045078680057928366</t>
  </si>
  <si>
    <t>9642</t>
  </si>
  <si>
    <t>8.407798767089844</t>
  </si>
  <si>
    <t>541.2823486328125</t>
  </si>
  <si>
    <t>0.04573013397733128</t>
  </si>
  <si>
    <t>9.288334846496582</t>
  </si>
  <si>
    <t>508.63653564453125</t>
  </si>
  <si>
    <t>0.05508200113378159</t>
  </si>
  <si>
    <t>7.974184513092041</t>
  </si>
  <si>
    <t>604.09326171875</t>
  </si>
  <si>
    <t>0.08357004819150404</t>
  </si>
  <si>
    <t>8.60118579864502</t>
  </si>
  <si>
    <t>477.2388916015625</t>
  </si>
  <si>
    <t>-0.038000800272673274</t>
  </si>
  <si>
    <t>7.810380935668945</t>
  </si>
  <si>
    <t>431.4914245605469</t>
  </si>
  <si>
    <t>0.043582880131435076</t>
  </si>
  <si>
    <t>11262</t>
  </si>
  <si>
    <t>8.39193058013916</t>
  </si>
  <si>
    <t>559.5030517578125</t>
  </si>
  <si>
    <t>0.011071541664948725</t>
  </si>
  <si>
    <t>11502</t>
  </si>
  <si>
    <t>7.208533763885498</t>
  </si>
  <si>
    <t>442.5011901855469</t>
  </si>
  <si>
    <t>0.021086706459136906</t>
  </si>
  <si>
    <t>8.941713333129883</t>
  </si>
  <si>
    <t>520.4189453125</t>
  </si>
  <si>
    <t>0.061207470737025815</t>
  </si>
  <si>
    <t>13428</t>
  </si>
  <si>
    <t>8.705704689025879</t>
  </si>
  <si>
    <t>539.5194702148438</t>
  </si>
  <si>
    <t>0.09361367508920004</t>
  </si>
  <si>
    <t>13882</t>
  </si>
  <si>
    <t>8.741866111755371</t>
  </si>
  <si>
    <t>527.770751953125</t>
  </si>
  <si>
    <t>0.03325095779960385</t>
  </si>
  <si>
    <t>7.851032733917236</t>
  </si>
  <si>
    <t>643.2193603515625</t>
  </si>
  <si>
    <t>-0.0055621915352741524</t>
  </si>
  <si>
    <t>14627</t>
  </si>
  <si>
    <t>7.883315563201904</t>
  </si>
  <si>
    <t>718.6766967773438</t>
  </si>
  <si>
    <t>0.057838290522832736</t>
  </si>
  <si>
    <t>15606</t>
  </si>
  <si>
    <t>8.518773078918457</t>
  </si>
  <si>
    <t>512.4011840820312</t>
  </si>
  <si>
    <t>0.06478631978961857</t>
  </si>
  <si>
    <t>15523</t>
  </si>
  <si>
    <t>7.933597564697266</t>
  </si>
  <si>
    <t>545.5509033203125</t>
  </si>
  <si>
    <t>-0.005332660650264387</t>
  </si>
  <si>
    <t>15954</t>
  </si>
  <si>
    <t>8.417757987976074</t>
  </si>
  <si>
    <t>591.04345703125</t>
  </si>
  <si>
    <t>0.027386786444631994</t>
  </si>
  <si>
    <t>9.557734489440918</t>
  </si>
  <si>
    <t>513.9342041015625</t>
  </si>
  <si>
    <t>0.017952465248320948</t>
  </si>
  <si>
    <t>16570</t>
  </si>
  <si>
    <t>9.144571304321289</t>
  </si>
  <si>
    <t>442.39190673828125</t>
  </si>
  <si>
    <t>0.019931784701213928</t>
  </si>
  <si>
    <t>17279</t>
  </si>
  <si>
    <t>8.830704689025879</t>
  </si>
  <si>
    <t>628.5783081054688</t>
  </si>
  <si>
    <t>0.04189805989251205</t>
  </si>
  <si>
    <t>18280</t>
  </si>
  <si>
    <t>9.127076148986816</t>
  </si>
  <si>
    <t>680.0042114257812</t>
  </si>
  <si>
    <t>0.056315674695019524</t>
  </si>
  <si>
    <t>19485</t>
  </si>
  <si>
    <t>9.318867683410645</t>
  </si>
  <si>
    <t>506.3824768066406</t>
  </si>
  <si>
    <t>0.06383737276466839</t>
  </si>
  <si>
    <t>20001</t>
  </si>
  <si>
    <t>10.21391487121582</t>
  </si>
  <si>
    <t>471.94842529296875</t>
  </si>
  <si>
    <t>0.026137333513361227</t>
  </si>
  <si>
    <t>9.49543285369873</t>
  </si>
  <si>
    <t>573.333251953125</t>
  </si>
  <si>
    <t>-0.002553128968161289</t>
  </si>
  <si>
    <t>21407</t>
  </si>
  <si>
    <t>8.497434616088867</t>
  </si>
  <si>
    <t>592.1150512695312</t>
  </si>
  <si>
    <t>0.07048882800921241</t>
  </si>
  <si>
    <t>9.345622062683105</t>
  </si>
  <si>
    <t>540.6033935546875</t>
  </si>
  <si>
    <t>0.0755084018476353</t>
  </si>
  <si>
    <t>8.467279434204102</t>
  </si>
  <si>
    <t>863.1253051757812</t>
  </si>
  <si>
    <t>582.476318359375</t>
  </si>
  <si>
    <t>Bielski</t>
  </si>
  <si>
    <t>7.394680023193359</t>
  </si>
  <si>
    <t>889.0842895507812</t>
  </si>
  <si>
    <t>-0.07648873670971845</t>
  </si>
  <si>
    <t>11943</t>
  </si>
  <si>
    <t>8.262738227844238</t>
  </si>
  <si>
    <t>815.728271484375</t>
  </si>
  <si>
    <t>0.02166821973527</t>
  </si>
  <si>
    <t>7.6059184074401855</t>
  </si>
  <si>
    <t>795.7536010742188</t>
  </si>
  <si>
    <t>0.03399644237004651</t>
  </si>
  <si>
    <t>12980</t>
  </si>
  <si>
    <t>8.3147554397583</t>
  </si>
  <si>
    <t>797.95263671875</t>
  </si>
  <si>
    <t>0.0492679362196089</t>
  </si>
  <si>
    <t>7.32460355758667</t>
  </si>
  <si>
    <t>781.9066162109375</t>
  </si>
  <si>
    <t>0.06711128731702765</t>
  </si>
  <si>
    <t>6.105031967163086</t>
  </si>
  <si>
    <t>873.9555053710938</t>
  </si>
  <si>
    <t>0.05868611470775775</t>
  </si>
  <si>
    <t>15661</t>
  </si>
  <si>
    <t>7.689756393432617</t>
  </si>
  <si>
    <t>951.8511352539062</t>
  </si>
  <si>
    <t>0.06196643218356712</t>
  </si>
  <si>
    <t>16383</t>
  </si>
  <si>
    <t>7.772079944610596</t>
  </si>
  <si>
    <t>961.6134643554688</t>
  </si>
  <si>
    <t>0.045070666353829836</t>
  </si>
  <si>
    <t>17149</t>
  </si>
  <si>
    <t>8.148594856262207</t>
  </si>
  <si>
    <t>1018.7514038085938</t>
  </si>
  <si>
    <t>0.045695651035883245</t>
  </si>
  <si>
    <t>18121</t>
  </si>
  <si>
    <t>9.206927299499512</t>
  </si>
  <si>
    <t>1028.3316650390625</t>
  </si>
  <si>
    <t>0.05513162385600978</t>
  </si>
  <si>
    <t>7.761850833892822</t>
  </si>
  <si>
    <t>1104.666015625</t>
  </si>
  <si>
    <t>0.0012684408153216253</t>
  </si>
  <si>
    <t>18057</t>
  </si>
  <si>
    <t>8.479022979736328</t>
  </si>
  <si>
    <t>950.5101318359375</t>
  </si>
  <si>
    <t>-0.004806506311597403</t>
  </si>
  <si>
    <t>7.870689392089844</t>
  </si>
  <si>
    <t>736.5115966796875</t>
  </si>
  <si>
    <t>0.03183003465336398</t>
  </si>
  <si>
    <t>19407</t>
  </si>
  <si>
    <t>8.186347007751465</t>
  </si>
  <si>
    <t>946.7619018554688</t>
  </si>
  <si>
    <t>0.04027036984284926</t>
  </si>
  <si>
    <t>7.0422797203063965</t>
  </si>
  <si>
    <t>930.52197265625</t>
  </si>
  <si>
    <t>0.008210648066004467</t>
  </si>
  <si>
    <t>20441</t>
  </si>
  <si>
    <t>8.875107765197754</t>
  </si>
  <si>
    <t>941.4479370117188</t>
  </si>
  <si>
    <t>0.043698214021878456</t>
  </si>
  <si>
    <t>21411</t>
  </si>
  <si>
    <t>8.687860488891602</t>
  </si>
  <si>
    <t>930.5311889648438</t>
  </si>
  <si>
    <t>0.046362120839200216</t>
  </si>
  <si>
    <t>8.64278507232666</t>
  </si>
  <si>
    <t>906.0147094726562</t>
  </si>
  <si>
    <t>0.05236226652568732</t>
  </si>
  <si>
    <t>8.231927871704102</t>
  </si>
  <si>
    <t>1093.9437255859375</t>
  </si>
  <si>
    <t>0.04882815400082485</t>
  </si>
  <si>
    <t>7.698716640472412</t>
  </si>
  <si>
    <t>1254.9093017578125</t>
  </si>
  <si>
    <t>0.001855522819727895</t>
  </si>
  <si>
    <t>24834</t>
  </si>
  <si>
    <t>8.492279052734375</t>
  </si>
  <si>
    <t>852.8524780273438</t>
  </si>
  <si>
    <t>0.04526292999137027</t>
  </si>
  <si>
    <t>25450</t>
  </si>
  <si>
    <t>8.254022598266602</t>
  </si>
  <si>
    <t>854.7734985351562</t>
  </si>
  <si>
    <t>0.024502061001880904</t>
  </si>
  <si>
    <t>25495</t>
  </si>
  <si>
    <t>8.375107765197754</t>
  </si>
  <si>
    <t>931.4268188476562</t>
  </si>
  <si>
    <t>0.0017666115105878788</t>
  </si>
  <si>
    <t>27201</t>
  </si>
  <si>
    <t>9.556926727294922</t>
  </si>
  <si>
    <t>1140.0574951171875</t>
  </si>
  <si>
    <t>0.0647713828249099</t>
  </si>
  <si>
    <t>29460</t>
  </si>
  <si>
    <t>9.116270065307617</t>
  </si>
  <si>
    <t>737.5321044921875</t>
  </si>
  <si>
    <t>0.07977967370245409</t>
  </si>
  <si>
    <t>8.680031776428223</t>
  </si>
  <si>
    <t>1050.795654296875</t>
  </si>
  <si>
    <t>0.03803195526513825</t>
  </si>
  <si>
    <t>9.295689582824707</t>
  </si>
  <si>
    <t>1081.2213134765625</t>
  </si>
  <si>
    <t>0.03117361141004693</t>
  </si>
  <si>
    <t>33226</t>
  </si>
  <si>
    <t>9.337355613708496</t>
  </si>
  <si>
    <t>868.8468017578125</t>
  </si>
  <si>
    <t>0.05109372425461878</t>
  </si>
  <si>
    <t>9.955535888671875</t>
  </si>
  <si>
    <t>870.196533203125</t>
  </si>
  <si>
    <t>0.03402594450840546</t>
  </si>
  <si>
    <t>9.334956169128418</t>
  </si>
  <si>
    <t>1158.8392333984375</t>
  </si>
  <si>
    <t>-0.0694064514639372</t>
  </si>
  <si>
    <t>8.403517723083496</t>
  </si>
  <si>
    <t>984.9589233398438</t>
  </si>
  <si>
    <t>0.07045314575034567</t>
  </si>
  <si>
    <t>9.495184898376465</t>
  </si>
  <si>
    <t>891.4342041015625</t>
  </si>
  <si>
    <t>0.07550808086492111</t>
  </si>
  <si>
    <t>8.90678882598877</t>
  </si>
  <si>
    <t>453.14813232421875</t>
  </si>
  <si>
    <t>552.8243408203125</t>
  </si>
  <si>
    <t>Bydgosko-Torunski</t>
  </si>
  <si>
    <t>8.093096733093262</t>
  </si>
  <si>
    <t>499.5093688964844</t>
  </si>
  <si>
    <t>-0.07644800598196966</t>
  </si>
  <si>
    <t>8.78749942779541</t>
  </si>
  <si>
    <t>461.7906494140625</t>
  </si>
  <si>
    <t>0.0216302593087061</t>
  </si>
  <si>
    <t>13054</t>
  </si>
  <si>
    <t>7.927305698394775</t>
  </si>
  <si>
    <t>560.8082275390625</t>
  </si>
  <si>
    <t>0.03397023426440704</t>
  </si>
  <si>
    <t>8.36838436126709</t>
  </si>
  <si>
    <t>485.42431640625</t>
  </si>
  <si>
    <t>0.04932260864914717</t>
  </si>
  <si>
    <t>7.804750919342041</t>
  </si>
  <si>
    <t>489.4548034667969</t>
  </si>
  <si>
    <t>0.06711468080943561</t>
  </si>
  <si>
    <t>6.6852898597717285</t>
  </si>
  <si>
    <t>470.7544250488281</t>
  </si>
  <si>
    <t>0.05872165639081395</t>
  </si>
  <si>
    <t>8.190237998962402</t>
  </si>
  <si>
    <t>572.6049194335938</t>
  </si>
  <si>
    <t>0.061890834705568665</t>
  </si>
  <si>
    <t>17310</t>
  </si>
  <si>
    <t>8.112147331237793</t>
  </si>
  <si>
    <t>604.38525390625</t>
  </si>
  <si>
    <t>0.0451399884201269</t>
  </si>
  <si>
    <t>18118</t>
  </si>
  <si>
    <t>8.791600227355957</t>
  </si>
  <si>
    <t>567.6174926757812</t>
  </si>
  <si>
    <t>0.0456215500589785</t>
  </si>
  <si>
    <t>9.58161449432373</t>
  </si>
  <si>
    <t>540.6585693359375</t>
  </si>
  <si>
    <t>0.05513566568216177</t>
  </si>
  <si>
    <t>8.27001667022705</t>
  </si>
  <si>
    <t>687.0850830078125</t>
  </si>
  <si>
    <t>0.01673050704195056</t>
  </si>
  <si>
    <t>19659</t>
  </si>
  <si>
    <t>8.896553039550781</t>
  </si>
  <si>
    <t>575.1497802734375</t>
  </si>
  <si>
    <t>0.009763156754260649</t>
  </si>
  <si>
    <t>20095</t>
  </si>
  <si>
    <t>8.109976768493652</t>
  </si>
  <si>
    <t>451.6982727050781</t>
  </si>
  <si>
    <t>0.021935779175695558</t>
  </si>
  <si>
    <t>20430</t>
  </si>
  <si>
    <t>8.670040130615234</t>
  </si>
  <si>
    <t>552.2890014648438</t>
  </si>
  <si>
    <t>0.016533380928365204</t>
  </si>
  <si>
    <t>21265</t>
  </si>
  <si>
    <t>7.564111709594727</t>
  </si>
  <si>
    <t>482.5821533203125</t>
  </si>
  <si>
    <t>0.040058119876066556</t>
  </si>
  <si>
    <t>9.243183135986328</t>
  </si>
  <si>
    <t>562.5797729492188</t>
  </si>
  <si>
    <t>0.06569879297693504</t>
  </si>
  <si>
    <t>9.013960838317871</t>
  </si>
  <si>
    <t>601.8509521484375</t>
  </si>
  <si>
    <t>0.06639728839751946</t>
  </si>
  <si>
    <t>9.007625579833984</t>
  </si>
  <si>
    <t>490.3421936035156</t>
  </si>
  <si>
    <t>0.03962794089666488</t>
  </si>
  <si>
    <t>25276</t>
  </si>
  <si>
    <t>8.194496154785156</t>
  </si>
  <si>
    <t>621.049560546875</t>
  </si>
  <si>
    <t>0.0010687779344920045</t>
  </si>
  <si>
    <t>8.235366821289062</t>
  </si>
  <si>
    <t>681.15576171875</t>
  </si>
  <si>
    <t>0.006546022822810471</t>
  </si>
  <si>
    <t>26294</t>
  </si>
  <si>
    <t>8.838068008422852</t>
  </si>
  <si>
    <t>523.7001342773438</t>
  </si>
  <si>
    <t>0.03293942454039467</t>
  </si>
  <si>
    <t>8.262640953063965</t>
  </si>
  <si>
    <t>538.256103515625</t>
  </si>
  <si>
    <t>0.02174407603557782</t>
  </si>
  <si>
    <t>8.724644660949707</t>
  </si>
  <si>
    <t>600.4468994140625</t>
  </si>
  <si>
    <t>-0.005186095011298519</t>
  </si>
  <si>
    <t>9.895833015441895</t>
  </si>
  <si>
    <t>586.59228515625</t>
  </si>
  <si>
    <t>0.036471843817491134</t>
  </si>
  <si>
    <t>9.44596004486084</t>
  </si>
  <si>
    <t>450.1318359375</t>
  </si>
  <si>
    <t>0.04998139043213534</t>
  </si>
  <si>
    <t>29942</t>
  </si>
  <si>
    <t>9.119013786315918</t>
  </si>
  <si>
    <t>605.0340576171875</t>
  </si>
  <si>
    <t>0.02691018547932522</t>
  </si>
  <si>
    <t>9.452946662902832</t>
  </si>
  <si>
    <t>715.8220825195312</t>
  </si>
  <si>
    <t>0.032755346974397526</t>
  </si>
  <si>
    <t>9.584633827209473</t>
  </si>
  <si>
    <t>451.2731018066406</t>
  </si>
  <si>
    <t>0.05456213060227455</t>
  </si>
  <si>
    <t>10.44123363494873</t>
  </si>
  <si>
    <t>437.9939880371094</t>
  </si>
  <si>
    <t>0.02809521081761268</t>
  </si>
  <si>
    <t>9.779325485229492</t>
  </si>
  <si>
    <t>574.5612182617188</t>
  </si>
  <si>
    <t>-0.0003273858271182206</t>
  </si>
  <si>
    <t>36047</t>
  </si>
  <si>
    <t>8.759316444396973</t>
  </si>
  <si>
    <t>607.5813598632812</t>
  </si>
  <si>
    <t>0.07047616292023662</t>
  </si>
  <si>
    <t>38874</t>
  </si>
  <si>
    <t>9.65205192565918</t>
  </si>
  <si>
    <t>488.3759765625</t>
  </si>
  <si>
    <t>0.07550200418082831</t>
  </si>
  <si>
    <t>102.28658294677734</t>
  </si>
  <si>
    <t>Bytomski</t>
  </si>
  <si>
    <t>8.616667747497559</t>
  </si>
  <si>
    <t>-0.07639800976040867</t>
  </si>
  <si>
    <t>541.7000122070312</t>
  </si>
  <si>
    <t>0.02164847020914351</t>
  </si>
  <si>
    <t>8695</t>
  </si>
  <si>
    <t>540.2000122070312</t>
  </si>
  <si>
    <t>0.03392138094566732</t>
  </si>
  <si>
    <t>0.049365042023724826</t>
  </si>
  <si>
    <t>502.6999816894531</t>
  </si>
  <si>
    <t>0.0671009168408343</t>
  </si>
  <si>
    <t>0.05864160040515998</t>
  </si>
  <si>
    <t>626.5999755859375</t>
  </si>
  <si>
    <t>0.06194683663344058</t>
  </si>
  <si>
    <t>0.04514979057156232</t>
  </si>
  <si>
    <t>12068</t>
  </si>
  <si>
    <t>0.0456049870158477</t>
  </si>
  <si>
    <t>12752</t>
  </si>
  <si>
    <t>0.05513080075104426</t>
  </si>
  <si>
    <t>0.051505003468699684</t>
  </si>
  <si>
    <t>14220</t>
  </si>
  <si>
    <t>0.05745629885853454</t>
  </si>
  <si>
    <t>0.009309555214148446</t>
  </si>
  <si>
    <t>14746</t>
  </si>
  <si>
    <t>0.027012879978215665</t>
  </si>
  <si>
    <t>15457</t>
  </si>
  <si>
    <t>613.7000732421875</t>
  </si>
  <si>
    <t>0.047090115602722804</t>
  </si>
  <si>
    <t>16127</t>
  </si>
  <si>
    <t>636.800048828125</t>
  </si>
  <si>
    <t>0.042432910828198445</t>
  </si>
  <si>
    <t>16820</t>
  </si>
  <si>
    <t>0.042073768546423196</t>
  </si>
  <si>
    <t>17488</t>
  </si>
  <si>
    <t>0.038946276889380016</t>
  </si>
  <si>
    <t>18225</t>
  </si>
  <si>
    <t>0.041279346460539657</t>
  </si>
  <si>
    <t>0.022086254687318174</t>
  </si>
  <si>
    <t>19269</t>
  </si>
  <si>
    <t>567.8999633789062</t>
  </si>
  <si>
    <t>0.03361705436172535</t>
  </si>
  <si>
    <t>19157</t>
  </si>
  <si>
    <t>582.8999633789062</t>
  </si>
  <si>
    <t>-0.005829402860801025</t>
  </si>
  <si>
    <t>0.001199885372328069</t>
  </si>
  <si>
    <t>0.03499063515552514</t>
  </si>
  <si>
    <t>20855</t>
  </si>
  <si>
    <t>503.20001220703125</t>
  </si>
  <si>
    <t>0.048735023038091185</t>
  </si>
  <si>
    <t>703.8001708984375</t>
  </si>
  <si>
    <t>0.001964025445111872</t>
  </si>
  <si>
    <t>716.3001098632812</t>
  </si>
  <si>
    <t>0.06520828148409308</t>
  </si>
  <si>
    <t>554.6000366210938</t>
  </si>
  <si>
    <t>0.07777770104268278</t>
  </si>
  <si>
    <t>572.9000244140625</t>
  </si>
  <si>
    <t>0.030193285287994698</t>
  </si>
  <si>
    <t>23745</t>
  </si>
  <si>
    <t>-0.045365038907705824</t>
  </si>
  <si>
    <t>25478</t>
  </si>
  <si>
    <t>0.07044335268651025</t>
  </si>
  <si>
    <t>27476</t>
  </si>
  <si>
    <t>593.6000366210938</t>
  </si>
  <si>
    <t>0.07549756166404009</t>
  </si>
  <si>
    <t>8.603537559509277</t>
  </si>
  <si>
    <t>564.5828857421875</t>
  </si>
  <si>
    <t>285.3140563964844</t>
  </si>
  <si>
    <t>Chelmsko-zamojski</t>
  </si>
  <si>
    <t>6531</t>
  </si>
  <si>
    <t>7.765064716339111</t>
  </si>
  <si>
    <t>512.5612182617188</t>
  </si>
  <si>
    <t>-0.07646754590365745</t>
  </si>
  <si>
    <t>8.440363883972168</t>
  </si>
  <si>
    <t>568.324462890625</t>
  </si>
  <si>
    <t>0.02150946300094958</t>
  </si>
  <si>
    <t>7.597095489501953</t>
  </si>
  <si>
    <t>472.54034423828125</t>
  </si>
  <si>
    <t>0.034031419859656964</t>
  </si>
  <si>
    <t>7253</t>
  </si>
  <si>
    <t>8.151211738586426</t>
  </si>
  <si>
    <t>571.63623046875</t>
  </si>
  <si>
    <t>0.04931422260014884</t>
  </si>
  <si>
    <t>7757</t>
  </si>
  <si>
    <t>7.447151184082031</t>
  </si>
  <si>
    <t>511.62677001953125</t>
  </si>
  <si>
    <t>0.06718048512745867</t>
  </si>
  <si>
    <t>6.456704616546631</t>
  </si>
  <si>
    <t>550.64990234375</t>
  </si>
  <si>
    <t>0.058704208299497296</t>
  </si>
  <si>
    <t>7.809601306915283</t>
  </si>
  <si>
    <t>643.79833984375</t>
  </si>
  <si>
    <t>0.061868109745462974</t>
  </si>
  <si>
    <t>9155</t>
  </si>
  <si>
    <t>7.745205402374268</t>
  </si>
  <si>
    <t>640.6163330078125</t>
  </si>
  <si>
    <t>0.04513219857278017</t>
  </si>
  <si>
    <t>9583</t>
  </si>
  <si>
    <t>8.412213325500488</t>
  </si>
  <si>
    <t>587.388427734375</t>
  </si>
  <si>
    <t>0.04569051723515116</t>
  </si>
  <si>
    <t>10126</t>
  </si>
  <si>
    <t>9.303828239440918</t>
  </si>
  <si>
    <t>592.6320190429688</t>
  </si>
  <si>
    <t>0.05511567818609109</t>
  </si>
  <si>
    <t>10515</t>
  </si>
  <si>
    <t>7.942439556121826</t>
  </si>
  <si>
    <t>620.6827392578125</t>
  </si>
  <si>
    <t>0.037696435606946466</t>
  </si>
  <si>
    <t>8.599907875061035</t>
  </si>
  <si>
    <t>547.15234375</t>
  </si>
  <si>
    <t>0.004081057246761333</t>
  </si>
  <si>
    <t>7.772498607635498</t>
  </si>
  <si>
    <t>482.0552062988281</t>
  </si>
  <si>
    <t>0.03352893695814174</t>
  </si>
  <si>
    <t>11307</t>
  </si>
  <si>
    <t>8.375092506408691</t>
  </si>
  <si>
    <t>588.7067260742188</t>
  </si>
  <si>
    <t>0.035009199593542206</t>
  </si>
  <si>
    <t>7.226839065551758</t>
  </si>
  <si>
    <t>546.8555297851562</t>
  </si>
  <si>
    <t>0.03493577391347813</t>
  </si>
  <si>
    <t>8.876689910888672</t>
  </si>
  <si>
    <t>577.4683837890625</t>
  </si>
  <si>
    <t>0.05959421466421411</t>
  </si>
  <si>
    <t>13391</t>
  </si>
  <si>
    <t>8.74631404876709</t>
  </si>
  <si>
    <t>553.9757080078125</t>
  </si>
  <si>
    <t>0.0746308479826272</t>
  </si>
  <si>
    <t>8.7804536819458</t>
  </si>
  <si>
    <t>580.59326171875</t>
  </si>
  <si>
    <t>0.03247420237924992</t>
  </si>
  <si>
    <t>7.9857563972473145</t>
  </si>
  <si>
    <t>644.1868286132812</t>
  </si>
  <si>
    <t>-0.01713431878840943</t>
  </si>
  <si>
    <t>14232</t>
  </si>
  <si>
    <t>7.983762741088867</t>
  </si>
  <si>
    <t>745.6188354492188</t>
  </si>
  <si>
    <t>0.045570227259265295</t>
  </si>
  <si>
    <t>14645</t>
  </si>
  <si>
    <t>8.495945930480957</t>
  </si>
  <si>
    <t>489.92340087890625</t>
  </si>
  <si>
    <t>0.0286060299161619</t>
  </si>
  <si>
    <t>14415</t>
  </si>
  <si>
    <t>8.07027530670166</t>
  </si>
  <si>
    <t>573.1482543945312</t>
  </si>
  <si>
    <t>-0.015829649189329942</t>
  </si>
  <si>
    <t>14441</t>
  </si>
  <si>
    <t>8.51659107208252</t>
  </si>
  <si>
    <t>601.9623413085938</t>
  </si>
  <si>
    <t>0.001802052054062031</t>
  </si>
  <si>
    <t>9.514589309692383</t>
  </si>
  <si>
    <t>554.6040649414062</t>
  </si>
  <si>
    <t>0.014437209374747795</t>
  </si>
  <si>
    <t>14819</t>
  </si>
  <si>
    <t>9.173846244812012</t>
  </si>
  <si>
    <t>470.3180236816406</t>
  </si>
  <si>
    <t>0.011401548688866114</t>
  </si>
  <si>
    <t>8.824637413024902</t>
  </si>
  <si>
    <t>624.0897827148438</t>
  </si>
  <si>
    <t>0.0443490689161834</t>
  </si>
  <si>
    <t>16400</t>
  </si>
  <si>
    <t>9.161331176757812</t>
  </si>
  <si>
    <t>625.9449462890625</t>
  </si>
  <si>
    <t>0.05702212470592727</t>
  </si>
  <si>
    <t>16777</t>
  </si>
  <si>
    <t>9.264338493347168</t>
  </si>
  <si>
    <t>518.5628051757812</t>
  </si>
  <si>
    <t>0.02272756595811032</t>
  </si>
  <si>
    <t>17589</t>
  </si>
  <si>
    <t>10.1752347946167</t>
  </si>
  <si>
    <t>518.114013671875</t>
  </si>
  <si>
    <t>0.04726480586192494</t>
  </si>
  <si>
    <t>17421</t>
  </si>
  <si>
    <t>9.522346496582031</t>
  </si>
  <si>
    <t>613.8466186523438</t>
  </si>
  <si>
    <t>-0.009597331592164693</t>
  </si>
  <si>
    <t>8.448132514953613</t>
  </si>
  <si>
    <t>596.7484130859375</t>
  </si>
  <si>
    <t>0.07047274717217178</t>
  </si>
  <si>
    <t>20159</t>
  </si>
  <si>
    <t>9.412074089050293</t>
  </si>
  <si>
    <t>537.87744140625</t>
  </si>
  <si>
    <t>0.07550171656809113</t>
  </si>
  <si>
    <t>7920</t>
  </si>
  <si>
    <t>8.9642333984375</t>
  </si>
  <si>
    <t>536.0811767578125</t>
  </si>
  <si>
    <t>101.40023803710938</t>
  </si>
  <si>
    <t>Chojnicki</t>
  </si>
  <si>
    <t>7.822566986083984</t>
  </si>
  <si>
    <t>590.6384887695312</t>
  </si>
  <si>
    <t>-0.07646116609447695</t>
  </si>
  <si>
    <t>8.547567367553711</t>
  </si>
  <si>
    <t>551.9607543945312</t>
  </si>
  <si>
    <t>0.021572900789067262</t>
  </si>
  <si>
    <t>7.469663619995117</t>
  </si>
  <si>
    <t>658.6734619140625</t>
  </si>
  <si>
    <t>0.0339637968594797</t>
  </si>
  <si>
    <t>8.089234352111816</t>
  </si>
  <si>
    <t>602.677978515625</t>
  </si>
  <si>
    <t>0.04930576098415429</t>
  </si>
  <si>
    <t>7.727997303009033</t>
  </si>
  <si>
    <t>580.3426513671875</t>
  </si>
  <si>
    <t>0.06715842933069105</t>
  </si>
  <si>
    <t>9241</t>
  </si>
  <si>
    <t>6.494664669036865</t>
  </si>
  <si>
    <t>559.0195922851562</t>
  </si>
  <si>
    <t>0.05871917721065323</t>
  </si>
  <si>
    <t>9831</t>
  </si>
  <si>
    <t>8.31713581085205</t>
  </si>
  <si>
    <t>682.3195190429688</t>
  </si>
  <si>
    <t>0.06189055347888406</t>
  </si>
  <si>
    <t>7.630899906158447</t>
  </si>
  <si>
    <t>702.3921508789062</t>
  </si>
  <si>
    <t>0.04514586472013349</t>
  </si>
  <si>
    <t>8.51966381072998</t>
  </si>
  <si>
    <t>655.244384765625</t>
  </si>
  <si>
    <t>0.04561360771140599</t>
  </si>
  <si>
    <t>11376</t>
  </si>
  <si>
    <t>8.85880184173584</t>
  </si>
  <si>
    <t>634.5991821289062</t>
  </si>
  <si>
    <t>0.05520574224455821</t>
  </si>
  <si>
    <t>8.052997589111328</t>
  </si>
  <si>
    <t>760.3418579101562</t>
  </si>
  <si>
    <t>0.04174983398625365</t>
  </si>
  <si>
    <t>12012</t>
  </si>
  <si>
    <t>8.427996635437012</t>
  </si>
  <si>
    <t>663.7328491210938</t>
  </si>
  <si>
    <t>0.012650443073944473</t>
  </si>
  <si>
    <t>8.011330604553223</t>
  </si>
  <si>
    <t>535.9832153320312</t>
  </si>
  <si>
    <t>0.039182289299748874</t>
  </si>
  <si>
    <t>8.386330604553223</t>
  </si>
  <si>
    <t>639.32177734375</t>
  </si>
  <si>
    <t>0.010035926527786287</t>
  </si>
  <si>
    <t>7.819664478302002</t>
  </si>
  <si>
    <t>559.756103515625</t>
  </si>
  <si>
    <t>0.03702974407028137</t>
  </si>
  <si>
    <t>13886</t>
  </si>
  <si>
    <t>9.375469207763672</t>
  </si>
  <si>
    <t>656.4481811523438</t>
  </si>
  <si>
    <t>0.05872702831218213</t>
  </si>
  <si>
    <t>15244</t>
  </si>
  <si>
    <t>8.872567176818848</t>
  </si>
  <si>
    <t>705.22900390625</t>
  </si>
  <si>
    <t>0.09330484468053157</t>
  </si>
  <si>
    <t>15433</t>
  </si>
  <si>
    <t>8.677997589111328</t>
  </si>
  <si>
    <t>576.6056518554688</t>
  </si>
  <si>
    <t>0.012322090907080252</t>
  </si>
  <si>
    <t>15899</t>
  </si>
  <si>
    <t>7.8863301277160645</t>
  </si>
  <si>
    <t>712.1819458007812</t>
  </si>
  <si>
    <t>0.02974814024787875</t>
  </si>
  <si>
    <t>15886</t>
  </si>
  <si>
    <t>7.077997207641602</t>
  </si>
  <si>
    <t>753.2208251953125</t>
  </si>
  <si>
    <t>8.622566223144531</t>
  </si>
  <si>
    <t>628.1669921875</t>
  </si>
  <si>
    <t>0.03719462537721796</t>
  </si>
  <si>
    <t>16562</t>
  </si>
  <si>
    <t>7.761331081390381</t>
  </si>
  <si>
    <t>631.6881713867188</t>
  </si>
  <si>
    <t>0.004478071023349628</t>
  </si>
  <si>
    <t>16479</t>
  </si>
  <si>
    <t>8.14466381072998</t>
  </si>
  <si>
    <t>676.5260620117188</t>
  </si>
  <si>
    <t>-0.005024071582914402</t>
  </si>
  <si>
    <t>17369</t>
  </si>
  <si>
    <t>9.48633098602295</t>
  </si>
  <si>
    <t>713.24951171875</t>
  </si>
  <si>
    <t>0.05260016504328213</t>
  </si>
  <si>
    <t>8.641761779785156</t>
  </si>
  <si>
    <t>531.4071044921875</t>
  </si>
  <si>
    <t>0.03201134445798104</t>
  </si>
  <si>
    <t>19033</t>
  </si>
  <si>
    <t>8.686330795288086</t>
  </si>
  <si>
    <t>652.3612670898438</t>
  </si>
  <si>
    <t>0.05947596217579054</t>
  </si>
  <si>
    <t>19795</t>
  </si>
  <si>
    <t>8.764233589172363</t>
  </si>
  <si>
    <t>869.5350341796875</t>
  </si>
  <si>
    <t>0.03925506585244598</t>
  </si>
  <si>
    <t>21142</t>
  </si>
  <si>
    <t>9.142136573791504</t>
  </si>
  <si>
    <t>501.8447265625</t>
  </si>
  <si>
    <t>0.06583220278837842</t>
  </si>
  <si>
    <t>21539</t>
  </si>
  <si>
    <t>9.553372383117676</t>
  </si>
  <si>
    <t>537.071044921875</t>
  </si>
  <si>
    <t>0.018603662048747083</t>
  </si>
  <si>
    <t>9.252997398376465</t>
  </si>
  <si>
    <t>621.5864868164062</t>
  </si>
  <si>
    <t>0.027881953565502826</t>
  </si>
  <si>
    <t>8.664233207702637</t>
  </si>
  <si>
    <t>660.2122802734375</t>
  </si>
  <si>
    <t>0.07046671110525082</t>
  </si>
  <si>
    <t>9.26966381072998</t>
  </si>
  <si>
    <t>561.8359375</t>
  </si>
  <si>
    <t>0.07547159371080348</t>
  </si>
  <si>
    <t>8.774903297424316</t>
  </si>
  <si>
    <t>540.9170532226562</t>
  </si>
  <si>
    <t>201.71229553222656</t>
  </si>
  <si>
    <t>Ciechanowski</t>
  </si>
  <si>
    <t>8398</t>
  </si>
  <si>
    <t>8.044147491455078</t>
  </si>
  <si>
    <t>449.5666809082031</t>
  </si>
  <si>
    <t>-0.0764272619448132</t>
  </si>
  <si>
    <t>8581</t>
  </si>
  <si>
    <t>8.608234405517578</t>
  </si>
  <si>
    <t>575.2936401367188</t>
  </si>
  <si>
    <t>0.021556874562982387</t>
  </si>
  <si>
    <t>7.78928804397583</t>
  </si>
  <si>
    <t>527.4476318359375</t>
  </si>
  <si>
    <t>0.03402584958685928</t>
  </si>
  <si>
    <t>9327</t>
  </si>
  <si>
    <t>8.186558723449707</t>
  </si>
  <si>
    <t>582.6278686523438</t>
  </si>
  <si>
    <t>0.049337113332882154</t>
  </si>
  <si>
    <t>7.580607891082764</t>
  </si>
  <si>
    <t>552.2767944335938</t>
  </si>
  <si>
    <t>0.06706828737920567</t>
  </si>
  <si>
    <t>6.541520595550537</t>
  </si>
  <si>
    <t>479.4651184082031</t>
  </si>
  <si>
    <t>0.05870012522198387</t>
  </si>
  <si>
    <t>8.005805015563965</t>
  </si>
  <si>
    <t>619.54296875</t>
  </si>
  <si>
    <t>0.06195292742194525</t>
  </si>
  <si>
    <t>11772</t>
  </si>
  <si>
    <t>7.883684158325195</t>
  </si>
  <si>
    <t>598.7813720703125</t>
  </si>
  <si>
    <t>0.045089070603365755</t>
  </si>
  <si>
    <t>12322</t>
  </si>
  <si>
    <t>8.633184432983398</t>
  </si>
  <si>
    <t>562.0968017578125</t>
  </si>
  <si>
    <t>0.04566245222115306</t>
  </si>
  <si>
    <t>13020</t>
  </si>
  <si>
    <t>9.452879905700684</t>
  </si>
  <si>
    <t>518.4275512695312</t>
  </si>
  <si>
    <t>0.05510035418804371</t>
  </si>
  <si>
    <t>12888</t>
  </si>
  <si>
    <t>8.116768836975098</t>
  </si>
  <si>
    <t>638.868408203125</t>
  </si>
  <si>
    <t>-0.010189990905749013</t>
  </si>
  <si>
    <t>12621</t>
  </si>
  <si>
    <t>8.780655860900879</t>
  </si>
  <si>
    <t>516.696044921875</t>
  </si>
  <si>
    <t>-0.020934552598181</t>
  </si>
  <si>
    <t>13174</t>
  </si>
  <si>
    <t>7.913891315460205</t>
  </si>
  <si>
    <t>465.17529296875</t>
  </si>
  <si>
    <t>0.04288309694200798</t>
  </si>
  <si>
    <t>8.536162376403809</t>
  </si>
  <si>
    <t>595.7451171875</t>
  </si>
  <si>
    <t>-0.014296333090547009</t>
  </si>
  <si>
    <t>7.3667683601379395</t>
  </si>
  <si>
    <t>472.4947509765625</t>
  </si>
  <si>
    <t>0.08413900280157272</t>
  </si>
  <si>
    <t>15052</t>
  </si>
  <si>
    <t>9.03348445892334</t>
  </si>
  <si>
    <t>556.9467163085938</t>
  </si>
  <si>
    <t>0.06342301280166396</t>
  </si>
  <si>
    <t>8.880656242370605</t>
  </si>
  <si>
    <t>580.9805297851562</t>
  </si>
  <si>
    <t>0.06749471730466894</t>
  </si>
  <si>
    <t>8.941866874694824</t>
  </si>
  <si>
    <t>540.4568481445312</t>
  </si>
  <si>
    <t>0.08724422573989443</t>
  </si>
  <si>
    <t>7.969447612762451</t>
  </si>
  <si>
    <t>646.8074340820312</t>
  </si>
  <si>
    <t>0.008613415297247684</t>
  </si>
  <si>
    <t>17952</t>
  </si>
  <si>
    <t>8.136262893676758</t>
  </si>
  <si>
    <t>758.2662353515625</t>
  </si>
  <si>
    <t>0.012838298267283221</t>
  </si>
  <si>
    <t>8.700102806091309</t>
  </si>
  <si>
    <t>530.0159301757812</t>
  </si>
  <si>
    <t>0.03723267290498988</t>
  </si>
  <si>
    <t>18302</t>
  </si>
  <si>
    <t>8.080557823181152</t>
  </si>
  <si>
    <t>569.78076171875</t>
  </si>
  <si>
    <t>-0.017923858752087796</t>
  </si>
  <si>
    <t>19158</t>
  </si>
  <si>
    <t>8.61677074432373</t>
  </si>
  <si>
    <t>614.6361694335938</t>
  </si>
  <si>
    <t>0.0457100394675134</t>
  </si>
  <si>
    <t>9.733433723449707</t>
  </si>
  <si>
    <t>556.9404296875</t>
  </si>
  <si>
    <t>0.024287681595010824</t>
  </si>
  <si>
    <t>9.369597434997559</t>
  </si>
  <si>
    <t>450.6782531738281</t>
  </si>
  <si>
    <t>0.01762360355424697</t>
  </si>
  <si>
    <t>20640</t>
  </si>
  <si>
    <t>9.07237434387207</t>
  </si>
  <si>
    <t>658.8612670898438</t>
  </si>
  <si>
    <t>0.03259927250340411</t>
  </si>
  <si>
    <t>9.31393814086914</t>
  </si>
  <si>
    <t>709.6021118164062</t>
  </si>
  <si>
    <t>0.09895925729660604</t>
  </si>
  <si>
    <t>9.497276306152344</t>
  </si>
  <si>
    <t>524.5599975585938</t>
  </si>
  <si>
    <t>0.055191422530651124</t>
  </si>
  <si>
    <t>10.411264419555664</t>
  </si>
  <si>
    <t>473.47589111328125</t>
  </si>
  <si>
    <t>0.06860519945263377</t>
  </si>
  <si>
    <t>9.697473526000977</t>
  </si>
  <si>
    <t>619.5022583007812</t>
  </si>
  <si>
    <t>0.027987757362154753</t>
  </si>
  <si>
    <t>8.636260032653809</t>
  </si>
  <si>
    <t>607.6309814453125</t>
  </si>
  <si>
    <t>0.07045473886809184</t>
  </si>
  <si>
    <t>9.469494819641113</t>
  </si>
  <si>
    <t>552.6024780273438</t>
  </si>
  <si>
    <t>0.07550755250814412</t>
  </si>
  <si>
    <t>237.44137573242188</t>
  </si>
  <si>
    <t>Czestochowski</t>
  </si>
  <si>
    <t>582.4000244140625</t>
  </si>
  <si>
    <t>-0.07644354194922087</t>
  </si>
  <si>
    <t>0.021624174694231613</t>
  </si>
  <si>
    <t>536.0999755859375</t>
  </si>
  <si>
    <t>0.03395720423675641</t>
  </si>
  <si>
    <t>10415</t>
  </si>
  <si>
    <t>0.049299175114553506</t>
  </si>
  <si>
    <t>485.60003662109375</t>
  </si>
  <si>
    <t>0.0671156104545414</t>
  </si>
  <si>
    <t>548.699951171875</t>
  </si>
  <si>
    <t>0.05875327871419955</t>
  </si>
  <si>
    <t>12566</t>
  </si>
  <si>
    <t>611.0</t>
  </si>
  <si>
    <t>0.06187879009907782</t>
  </si>
  <si>
    <t>13146</t>
  </si>
  <si>
    <t>635.5999755859375</t>
  </si>
  <si>
    <t>0.04512277586063007</t>
  </si>
  <si>
    <t>0.045648302663812146</t>
  </si>
  <si>
    <t>0.0551376396001757</t>
  </si>
  <si>
    <t>739.4998779296875</t>
  </si>
  <si>
    <t>0.07713933284730956</t>
  </si>
  <si>
    <t>15284</t>
  </si>
  <si>
    <t>-0.027236275368029084</t>
  </si>
  <si>
    <t>15793</t>
  </si>
  <si>
    <t>491.79998779296875</t>
  </si>
  <si>
    <t>0.032760274303264225</t>
  </si>
  <si>
    <t>17216</t>
  </si>
  <si>
    <t>0.08627238009145621</t>
  </si>
  <si>
    <t>609.9000244140625</t>
  </si>
  <si>
    <t>0.022627738528742114</t>
  </si>
  <si>
    <t>17738</t>
  </si>
  <si>
    <t>0.007242308446144818</t>
  </si>
  <si>
    <t>19200</t>
  </si>
  <si>
    <t>0.07920104807947581</t>
  </si>
  <si>
    <t>19517</t>
  </si>
  <si>
    <t>0.01637560161532825</t>
  </si>
  <si>
    <t>-0.0033359881075245568</t>
  </si>
  <si>
    <t>829.2999877929688</t>
  </si>
  <si>
    <t>0.025078729438135383</t>
  </si>
  <si>
    <t>21143</t>
  </si>
  <si>
    <t>564.7000732421875</t>
  </si>
  <si>
    <t>0.05828025946305715</t>
  </si>
  <si>
    <t>579.4000854492188</t>
  </si>
  <si>
    <t>0.012642631088402467</t>
  </si>
  <si>
    <t>21642</t>
  </si>
  <si>
    <t>628.300048828125</t>
  </si>
  <si>
    <t>0.010684358618322065</t>
  </si>
  <si>
    <t>22619</t>
  </si>
  <si>
    <t>0.04415438989638787</t>
  </si>
  <si>
    <t>514.2000122070312</t>
  </si>
  <si>
    <t>0.051609350365241724</t>
  </si>
  <si>
    <t>0.043101797119659224</t>
  </si>
  <si>
    <t>26337</t>
  </si>
  <si>
    <t>0.05747338608143515</t>
  </si>
  <si>
    <t>27889</t>
  </si>
  <si>
    <t>0.05725755123919285</t>
  </si>
  <si>
    <t>0.05856180550003742</t>
  </si>
  <si>
    <t>766.0</t>
  </si>
  <si>
    <t>-0.012762437762026124</t>
  </si>
  <si>
    <t>0.07044863192238537</t>
  </si>
  <si>
    <t>33784</t>
  </si>
  <si>
    <t>594.7000732421875</t>
  </si>
  <si>
    <t>0.07550697211987156</t>
  </si>
  <si>
    <t>8.460685729980469</t>
  </si>
  <si>
    <t>634.561279296875</t>
  </si>
  <si>
    <t>366.55023193359375</t>
  </si>
  <si>
    <t>Elblaski</t>
  </si>
  <si>
    <t>7.634730815887451</t>
  </si>
  <si>
    <t>576.5996704101562</t>
  </si>
  <si>
    <t>-0.07653869770639332</t>
  </si>
  <si>
    <t>7798</t>
  </si>
  <si>
    <t>8.281258583068848</t>
  </si>
  <si>
    <t>606.294189453125</t>
  </si>
  <si>
    <t>0.021648392252910043</t>
  </si>
  <si>
    <t>7.556282043457031</t>
  </si>
  <si>
    <t>648.5228881835938</t>
  </si>
  <si>
    <t>0.03403832953156005</t>
  </si>
  <si>
    <t>7.957203388214111</t>
  </si>
  <si>
    <t>621.487548828125</t>
  </si>
  <si>
    <t>0.04933302031408715</t>
  </si>
  <si>
    <t>7.337350368499756</t>
  </si>
  <si>
    <t>601.5643920898438</t>
  </si>
  <si>
    <t>0.06707188331965241</t>
  </si>
  <si>
    <t>9612</t>
  </si>
  <si>
    <t>6.301417827606201</t>
  </si>
  <si>
    <t>516.502685546875</t>
  </si>
  <si>
    <t>0.05870179414851684</t>
  </si>
  <si>
    <t>10226</t>
  </si>
  <si>
    <t>7.719421863555908</t>
  </si>
  <si>
    <t>687.1886596679688</t>
  </si>
  <si>
    <t>0.06192117878358516</t>
  </si>
  <si>
    <t>7.638832092285156</t>
  </si>
  <si>
    <t>733.7052612304688</t>
  </si>
  <si>
    <t>0.045029831666186126</t>
  </si>
  <si>
    <t>8.317251205444336</t>
  </si>
  <si>
    <t>668.533935546875</t>
  </si>
  <si>
    <t>0.0456825569540662</t>
  </si>
  <si>
    <t>9.156500816345215</t>
  </si>
  <si>
    <t>561.4219970703125</t>
  </si>
  <si>
    <t>0.05516184013043812</t>
  </si>
  <si>
    <t>7.810878276824951</t>
  </si>
  <si>
    <t>753.2061157226562</t>
  </si>
  <si>
    <t>-0.0025387167735217986</t>
  </si>
  <si>
    <t>8.479501724243164</t>
  </si>
  <si>
    <t>585.0177612304688</t>
  </si>
  <si>
    <t>0.028977853237629247</t>
  </si>
  <si>
    <t>12680</t>
  </si>
  <si>
    <t>7.6479058265686035</t>
  </si>
  <si>
    <t>548.0509643554688</t>
  </si>
  <si>
    <t>0.04277908713647349</t>
  </si>
  <si>
    <t>8.2301664352417</t>
  </si>
  <si>
    <t>691.0966796875</t>
  </si>
  <si>
    <t>0.03837104386625967</t>
  </si>
  <si>
    <t>7.094264507293701</t>
  </si>
  <si>
    <t>525.47119140625</t>
  </si>
  <si>
    <t>0.02340340838416033</t>
  </si>
  <si>
    <t>8.718891143798828</t>
  </si>
  <si>
    <t>634.584228515625</t>
  </si>
  <si>
    <t>0.050032119844482636</t>
  </si>
  <si>
    <t>8.571016311645508</t>
  </si>
  <si>
    <t>700.7962646484375</t>
  </si>
  <si>
    <t>0.07615101770567811</t>
  </si>
  <si>
    <t>8.647703170776367</t>
  </si>
  <si>
    <t>605.3828125</t>
  </si>
  <si>
    <t>0.04435515217491215</t>
  </si>
  <si>
    <t>7.773435115814209</t>
  </si>
  <si>
    <t>669.4308471679688</t>
  </si>
  <si>
    <t>0.02139978997794323</t>
  </si>
  <si>
    <t>7.865306854248047</t>
  </si>
  <si>
    <t>803.8798217773438</t>
  </si>
  <si>
    <t>0.018611673600199552</t>
  </si>
  <si>
    <t>17232</t>
  </si>
  <si>
    <t>8.414076805114746</t>
  </si>
  <si>
    <t>632.41845703125</t>
  </si>
  <si>
    <t>0.0344179658513184</t>
  </si>
  <si>
    <t>17452</t>
  </si>
  <si>
    <t>7.853813171386719</t>
  </si>
  <si>
    <t>667.63232421875</t>
  </si>
  <si>
    <t>0.012686134847330166</t>
  </si>
  <si>
    <t>17305</t>
  </si>
  <si>
    <t>8.3585844039917</t>
  </si>
  <si>
    <t>667.7005004882812</t>
  </si>
  <si>
    <t>-0.008458778174055936</t>
  </si>
  <si>
    <t>9.44216251373291</t>
  </si>
  <si>
    <t>625.8847045898438</t>
  </si>
  <si>
    <t>0.04971157605757348</t>
  </si>
  <si>
    <t>19047</t>
  </si>
  <si>
    <t>9.034947395324707</t>
  </si>
  <si>
    <t>538.0549926757812</t>
  </si>
  <si>
    <t>0.04620255571154175</t>
  </si>
  <si>
    <t>8.720207214355469</t>
  </si>
  <si>
    <t>714.6627197265625</t>
  </si>
  <si>
    <t>0.03857028823321684</t>
  </si>
  <si>
    <t>20745</t>
  </si>
  <si>
    <t>9.024870872497559</t>
  </si>
  <si>
    <t>764.7760620117188</t>
  </si>
  <si>
    <t>0.04682535669519261</t>
  </si>
  <si>
    <t>21709</t>
  </si>
  <si>
    <t>9.139095306396484</t>
  </si>
  <si>
    <t>574.8028564453125</t>
  </si>
  <si>
    <t>0.04542166732178643</t>
  </si>
  <si>
    <t>22273</t>
  </si>
  <si>
    <t>10.035252571105957</t>
  </si>
  <si>
    <t>573.5679321289062</t>
  </si>
  <si>
    <t>0.02564826146272914</t>
  </si>
  <si>
    <t>22589</t>
  </si>
  <si>
    <t>9.357412338256836</t>
  </si>
  <si>
    <t>653.0234985351562</t>
  </si>
  <si>
    <t>0.01408787955578994</t>
  </si>
  <si>
    <t>8.31337833404541</t>
  </si>
  <si>
    <t>653.796875</t>
  </si>
  <si>
    <t>0.07049984409958832</t>
  </si>
  <si>
    <t>26139</t>
  </si>
  <si>
    <t>9.168440818786621</t>
  </si>
  <si>
    <t>589.82373046875</t>
  </si>
  <si>
    <t>0.07546554569253416</t>
  </si>
  <si>
    <t>7335</t>
  </si>
  <si>
    <t>8.10118579864502</t>
  </si>
  <si>
    <t>670.8568115234375</t>
  </si>
  <si>
    <t>223.7742156982422</t>
  </si>
  <si>
    <t>Elcki</t>
  </si>
  <si>
    <t>6795</t>
  </si>
  <si>
    <t>7.392577648162842</t>
  </si>
  <si>
    <t>552.97802734375</t>
  </si>
  <si>
    <t>-0.07647036399183804</t>
  </si>
  <si>
    <t>7.812650203704834</t>
  </si>
  <si>
    <t>640.4293823242188</t>
  </si>
  <si>
    <t>0.021546910168028788</t>
  </si>
  <si>
    <t>7.01099157333374</t>
  </si>
  <si>
    <t>659.355712890625</t>
  </si>
  <si>
    <t>0.03412237322876166</t>
  </si>
  <si>
    <t>7.310388088226318</t>
  </si>
  <si>
    <t>627.1771240234375</t>
  </si>
  <si>
    <t>0.049293802302832646</t>
  </si>
  <si>
    <t>6.9537529945373535</t>
  </si>
  <si>
    <t>623.557861328125</t>
  </si>
  <si>
    <t>0.06700334897912619</t>
  </si>
  <si>
    <t>5.995147705078125</t>
  </si>
  <si>
    <t>504.79656982421875</t>
  </si>
  <si>
    <t>0.05871303571276876</t>
  </si>
  <si>
    <t>9105</t>
  </si>
  <si>
    <t>7.309388637542725</t>
  </si>
  <si>
    <t>692.43017578125</t>
  </si>
  <si>
    <t>0.061957195184945135</t>
  </si>
  <si>
    <t>7.078115940093994</t>
  </si>
  <si>
    <t>713.2721557617188</t>
  </si>
  <si>
    <t>0.04509620783319335</t>
  </si>
  <si>
    <t>7.983270645141602</t>
  </si>
  <si>
    <t>637.9330444335938</t>
  </si>
  <si>
    <t>0.045660662960981924</t>
  </si>
  <si>
    <t>8.697256088256836</t>
  </si>
  <si>
    <t>571.5344848632812</t>
  </si>
  <si>
    <t>0.055122463282407</t>
  </si>
  <si>
    <t>7.41889762878418</t>
  </si>
  <si>
    <t>732.7150268554688</t>
  </si>
  <si>
    <t>0.004640379556501983</t>
  </si>
  <si>
    <t>10154</t>
  </si>
  <si>
    <t>8.011279106140137</t>
  </si>
  <si>
    <t>579.5574340820312</t>
  </si>
  <si>
    <t>-0.04147571028745212</t>
  </si>
  <si>
    <t>10731</t>
  </si>
  <si>
    <t>7.173037052154541</t>
  </si>
  <si>
    <t>578.1744995117188</t>
  </si>
  <si>
    <t>0.05526903241978687</t>
  </si>
  <si>
    <t>11313</t>
  </si>
  <si>
    <t>7.782289981842041</t>
  </si>
  <si>
    <t>684.2804565429688</t>
  </si>
  <si>
    <t>0.05281575799934046</t>
  </si>
  <si>
    <t>6.653578281402588</t>
  </si>
  <si>
    <t>546.6814575195312</t>
  </si>
  <si>
    <t>0.04053555731965197</t>
  </si>
  <si>
    <t>12849</t>
  </si>
  <si>
    <t>8.349711418151855</t>
  </si>
  <si>
    <t>668.143310546875</t>
  </si>
  <si>
    <t>0.08677792303736176</t>
  </si>
  <si>
    <t>13498</t>
  </si>
  <si>
    <t>8.061053276062012</t>
  </si>
  <si>
    <t>696.9102172851562</t>
  </si>
  <si>
    <t>0.04927553901987025</t>
  </si>
  <si>
    <t>8.316998481750488</t>
  </si>
  <si>
    <t>632.6853637695312</t>
  </si>
  <si>
    <t>0.0434914170304701</t>
  </si>
  <si>
    <t>14109</t>
  </si>
  <si>
    <t>7.224632740020752</t>
  </si>
  <si>
    <t>685.0860595703125</t>
  </si>
  <si>
    <t>0.000779948279335585</t>
  </si>
  <si>
    <t>14868</t>
  </si>
  <si>
    <t>7.498020172119141</t>
  </si>
  <si>
    <t>834.1295166015625</t>
  </si>
  <si>
    <t>0.052398360803985966</t>
  </si>
  <si>
    <t>7.9611735343933105</t>
  </si>
  <si>
    <t>654.8129272460938</t>
  </si>
  <si>
    <t>0.026154826432435385</t>
  </si>
  <si>
    <t>15369</t>
  </si>
  <si>
    <t>7.292190074920654</t>
  </si>
  <si>
    <t>696.3377685546875</t>
  </si>
  <si>
    <t>0.006986414757733428</t>
  </si>
  <si>
    <t>15313</t>
  </si>
  <si>
    <t>7.98535680770874</t>
  </si>
  <si>
    <t>685.310302734375</t>
  </si>
  <si>
    <t>-0.0036503527921034618</t>
  </si>
  <si>
    <t>15971</t>
  </si>
  <si>
    <t>8.867330551147461</t>
  </si>
  <si>
    <t>619.3380737304688</t>
  </si>
  <si>
    <t>0.04207243684110118</t>
  </si>
  <si>
    <t>8.527555465698242</t>
  </si>
  <si>
    <t>533.6580200195312</t>
  </si>
  <si>
    <t>0.025469634163954424</t>
  </si>
  <si>
    <t>8.271878242492676</t>
  </si>
  <si>
    <t>746.8072509765625</t>
  </si>
  <si>
    <t>0.0449373018672663</t>
  </si>
  <si>
    <t>17830</t>
  </si>
  <si>
    <t>8.444003105163574</t>
  </si>
  <si>
    <t>806.680908203125</t>
  </si>
  <si>
    <t>0.03970091816965571</t>
  </si>
  <si>
    <t>18543</t>
  </si>
  <si>
    <t>8.592108726501465</t>
  </si>
  <si>
    <t>577.6323852539062</t>
  </si>
  <si>
    <t>0.03920992747019625</t>
  </si>
  <si>
    <t>19052</t>
  </si>
  <si>
    <t>9.622260093688965</t>
  </si>
  <si>
    <t>545.612548828125</t>
  </si>
  <si>
    <t>0.027079723593368854</t>
  </si>
  <si>
    <t>8.961523056030273</t>
  </si>
  <si>
    <t>649.7833862304688</t>
  </si>
  <si>
    <t>-0.0028383724706237956</t>
  </si>
  <si>
    <t>20385</t>
  </si>
  <si>
    <t>7.8581695556640625</t>
  </si>
  <si>
    <t>690.8438720703125</t>
  </si>
  <si>
    <t>0.07046562580322657</t>
  </si>
  <si>
    <t>8.678853988647461</t>
  </si>
  <si>
    <t>626.35791015625</t>
  </si>
  <si>
    <t>0.07547009110676228</t>
  </si>
  <si>
    <t>8.311141967773438</t>
  </si>
  <si>
    <t>614.8759765625</t>
  </si>
  <si>
    <t>1114.51904296875</t>
  </si>
  <si>
    <t>Gdanski</t>
  </si>
  <si>
    <t>7.358893871307373</t>
  </si>
  <si>
    <t>609.564697265625</t>
  </si>
  <si>
    <t>-0.07645629476046167</t>
  </si>
  <si>
    <t>7575</t>
  </si>
  <si>
    <t>8.023409843444824</t>
  </si>
  <si>
    <t>561.7640380859375</t>
  </si>
  <si>
    <t>0.021618135720851583</t>
  </si>
  <si>
    <t>7.157890796661377</t>
  </si>
  <si>
    <t>650.2024536132812</t>
  </si>
  <si>
    <t>0.034002756675294066</t>
  </si>
  <si>
    <t>8233</t>
  </si>
  <si>
    <t>7.655152797698975</t>
  </si>
  <si>
    <t>574.4127197265625</t>
  </si>
  <si>
    <t>0.04929436024556111</t>
  </si>
  <si>
    <t>8804</t>
  </si>
  <si>
    <t>7.121854782104492</t>
  </si>
  <si>
    <t>536.923583984375</t>
  </si>
  <si>
    <t>0.06705569534792666</t>
  </si>
  <si>
    <t>5.992730617523193</t>
  </si>
  <si>
    <t>513.6552734375</t>
  </si>
  <si>
    <t>0.058671731320039555</t>
  </si>
  <si>
    <t>9933</t>
  </si>
  <si>
    <t>7.590475559234619</t>
  </si>
  <si>
    <t>643.4385375976562</t>
  </si>
  <si>
    <t>0.0619846522489631</t>
  </si>
  <si>
    <t>7.274541854858398</t>
  </si>
  <si>
    <t>728.5198974609375</t>
  </si>
  <si>
    <t>0.045077499637290686</t>
  </si>
  <si>
    <t>10877</t>
  </si>
  <si>
    <t>8.033427238464355</t>
  </si>
  <si>
    <t>654.6450805664062</t>
  </si>
  <si>
    <t>0.04571042124120517</t>
  </si>
  <si>
    <t>8.652647018432617</t>
  </si>
  <si>
    <t>553.5789794921875</t>
  </si>
  <si>
    <t>0.055087686274907455</t>
  </si>
  <si>
    <t>7.557767391204834</t>
  </si>
  <si>
    <t>713.2189331054688</t>
  </si>
  <si>
    <t>0.05427327513348423</t>
  </si>
  <si>
    <t>8.087210655212402</t>
  </si>
  <si>
    <t>574.8110961914062</t>
  </si>
  <si>
    <t>-0.004046415364658884</t>
  </si>
  <si>
    <t>7.45281982421875</t>
  </si>
  <si>
    <t>524.901611328125</t>
  </si>
  <si>
    <t>0.03751657902211569</t>
  </si>
  <si>
    <t>12560</t>
  </si>
  <si>
    <t>7.9192986488342285</t>
  </si>
  <si>
    <t>659.8516235351562</t>
  </si>
  <si>
    <t>0.0010355678624893727</t>
  </si>
  <si>
    <t>13393</t>
  </si>
  <si>
    <t>7.051485538482666</t>
  </si>
  <si>
    <t>507.60382080078125</t>
  </si>
  <si>
    <t>0.06421502136493373</t>
  </si>
  <si>
    <t>8.609845161437988</t>
  </si>
  <si>
    <t>602.1153564453125</t>
  </si>
  <si>
    <t>0.06922679718425684</t>
  </si>
  <si>
    <t>15360</t>
  </si>
  <si>
    <t>8.31082820892334</t>
  </si>
  <si>
    <t>693.7675170898438</t>
  </si>
  <si>
    <t>0.06780774813028323</t>
  </si>
  <si>
    <t>8.289679527282715</t>
  </si>
  <si>
    <t>582.3600463867188</t>
  </si>
  <si>
    <t>0.05829347543225971</t>
  </si>
  <si>
    <t>16895</t>
  </si>
  <si>
    <t>7.472179889678955</t>
  </si>
  <si>
    <t>623.7530517578125</t>
  </si>
  <si>
    <t>0.03695751701446781</t>
  </si>
  <si>
    <t>16996</t>
  </si>
  <si>
    <t>7.16707181930542</t>
  </si>
  <si>
    <t>751.870849609375</t>
  </si>
  <si>
    <t>0.005960302086311486</t>
  </si>
  <si>
    <t>17491</t>
  </si>
  <si>
    <t>8.131927490234375</t>
  </si>
  <si>
    <t>615.5746459960938</t>
  </si>
  <si>
    <t>0.02870844067236078</t>
  </si>
  <si>
    <t>7.469311237335205</t>
  </si>
  <si>
    <t>633.4404296875</t>
  </si>
  <si>
    <t>0.03692899984933895</t>
  </si>
  <si>
    <t>18697</t>
  </si>
  <si>
    <t>7.890018939971924</t>
  </si>
  <si>
    <t>599.0755615234375</t>
  </si>
  <si>
    <t>0.029747620408873132</t>
  </si>
  <si>
    <t>19710</t>
  </si>
  <si>
    <t>9.077834129333496</t>
  </si>
  <si>
    <t>648.8724975585938</t>
  </si>
  <si>
    <t>0.05276303798149051</t>
  </si>
  <si>
    <t>8.445718765258789</t>
  </si>
  <si>
    <t>528.2528686523438</t>
  </si>
  <si>
    <t>0.047218540116839236</t>
  </si>
  <si>
    <t>21081</t>
  </si>
  <si>
    <t>8.305659294128418</t>
  </si>
  <si>
    <t>617.1068115234375</t>
  </si>
  <si>
    <t>0.02002749959670247</t>
  </si>
  <si>
    <t>22268</t>
  </si>
  <si>
    <t>8.488910675048828</t>
  </si>
  <si>
    <t>730.7571411132812</t>
  </si>
  <si>
    <t>0.05477850944309104</t>
  </si>
  <si>
    <t>23749</t>
  </si>
  <si>
    <t>8.717011451721191</t>
  </si>
  <si>
    <t>513.5570068359375</t>
  </si>
  <si>
    <t>0.06438975400977931</t>
  </si>
  <si>
    <t>24552</t>
  </si>
  <si>
    <t>9.44068431854248</t>
  </si>
  <si>
    <t>573.9859008789062</t>
  </si>
  <si>
    <t>0.03325289298639511</t>
  </si>
  <si>
    <t>23860</t>
  </si>
  <si>
    <t>8.927603721618652</t>
  </si>
  <si>
    <t>-0.02858990064766509</t>
  </si>
  <si>
    <t>8.095992088317871</t>
  </si>
  <si>
    <t>610.0377197265625</t>
  </si>
  <si>
    <t>0.07046705676414788</t>
  </si>
  <si>
    <t>27610</t>
  </si>
  <si>
    <t>8.823756217956543</t>
  </si>
  <si>
    <t>551.2388916015625</t>
  </si>
  <si>
    <t>12178</t>
  </si>
  <si>
    <t>877.1909790039062</t>
  </si>
  <si>
    <t>Gliwicki</t>
  </si>
  <si>
    <t>11281</t>
  </si>
  <si>
    <t>-0.0765111505636007</t>
  </si>
  <si>
    <t>11528</t>
  </si>
  <si>
    <t>623.2999877929688</t>
  </si>
  <si>
    <t>0.021658964074438458</t>
  </si>
  <si>
    <t>616.2000732421875</t>
  </si>
  <si>
    <t>0.03394203200369361</t>
  </si>
  <si>
    <t>12529</t>
  </si>
  <si>
    <t>0.04932506656250091</t>
  </si>
  <si>
    <t>13399</t>
  </si>
  <si>
    <t>577.0</t>
  </si>
  <si>
    <t>0.06713412004305574</t>
  </si>
  <si>
    <t>6.866666316986084</t>
  </si>
  <si>
    <t>648.1000366210938</t>
  </si>
  <si>
    <t>0.05869548934946778</t>
  </si>
  <si>
    <t>15117</t>
  </si>
  <si>
    <t>8.82499885559082</t>
  </si>
  <si>
    <t>713.4000854492188</t>
  </si>
  <si>
    <t>0.061944371710632495</t>
  </si>
  <si>
    <t>15814</t>
  </si>
  <si>
    <t>731.5000610351562</t>
  </si>
  <si>
    <t>0.0450756852821641</t>
  </si>
  <si>
    <t>16553</t>
  </si>
  <si>
    <t>0.04567173062929264</t>
  </si>
  <si>
    <t>0.055119108646897175</t>
  </si>
  <si>
    <t>845.4999389648438</t>
  </si>
  <si>
    <t>-0.009074263965752394</t>
  </si>
  <si>
    <t>734.699951171875</t>
  </si>
  <si>
    <t>0.01534351965266012</t>
  </si>
  <si>
    <t>564.5999755859375</t>
  </si>
  <si>
    <t>0.03071484209902664</t>
  </si>
  <si>
    <t>0.08001727823387306</t>
  </si>
  <si>
    <t>19697</t>
  </si>
  <si>
    <t>0.0017785009388244788</t>
  </si>
  <si>
    <t>727.9999389648438</t>
  </si>
  <si>
    <t>0.10496951675221311</t>
  </si>
  <si>
    <t>712.9000854492188</t>
  </si>
  <si>
    <t>0.08441777714683596</t>
  </si>
  <si>
    <t>24854</t>
  </si>
  <si>
    <t>0.0431650716011962</t>
  </si>
  <si>
    <t>26542</t>
  </si>
  <si>
    <t>832.10009765625</t>
  </si>
  <si>
    <t>0.06570967863125432</t>
  </si>
  <si>
    <t>962.5000610351562</t>
  </si>
  <si>
    <t>0.0572546926634967</t>
  </si>
  <si>
    <t>0.04047752475118749</t>
  </si>
  <si>
    <t>665.300048828125</t>
  </si>
  <si>
    <t>0.045323413840803184</t>
  </si>
  <si>
    <t>30502</t>
  </si>
  <si>
    <t>-0.0039917600365519945</t>
  </si>
  <si>
    <t>0.06569146911538759</t>
  </si>
  <si>
    <t>0.034726025711048436</t>
  </si>
  <si>
    <t>0.051773549109652706</t>
  </si>
  <si>
    <t>818.5</t>
  </si>
  <si>
    <t>0.021228197765696066</t>
  </si>
  <si>
    <t>38074</t>
  </si>
  <si>
    <t>0.04832013754782061</t>
  </si>
  <si>
    <t>40466</t>
  </si>
  <si>
    <t>0.06093048087340591</t>
  </si>
  <si>
    <t>39042</t>
  </si>
  <si>
    <t>889.7000122070312</t>
  </si>
  <si>
    <t>-0.035824125616102265</t>
  </si>
  <si>
    <t>41893</t>
  </si>
  <si>
    <t>0.07048075879123239</t>
  </si>
  <si>
    <t>45178</t>
  </si>
  <si>
    <t>680.4000244140625</t>
  </si>
  <si>
    <t>0.0754914941529492</t>
  </si>
  <si>
    <t>10.187769889831543</t>
  </si>
  <si>
    <t>535.2554321289062</t>
  </si>
  <si>
    <t>215.6702880859375</t>
  </si>
  <si>
    <t>Gorzowski</t>
  </si>
  <si>
    <t>9.118284225463867</t>
  </si>
  <si>
    <t>494.6458435058594</t>
  </si>
  <si>
    <t>-0.07649956587032847</t>
  </si>
  <si>
    <t>10.171114921569824</t>
  </si>
  <si>
    <t>503.1097717285156</t>
  </si>
  <si>
    <t>0.02163979452884668</t>
  </si>
  <si>
    <t>9.061141014099121</t>
  </si>
  <si>
    <t>651.8389892578125</t>
  </si>
  <si>
    <t>0.0340039580606426</t>
  </si>
  <si>
    <t>10966</t>
  </si>
  <si>
    <t>9.84327220916748</t>
  </si>
  <si>
    <t>575.0614624023438</t>
  </si>
  <si>
    <t>0.04925078455569576</t>
  </si>
  <si>
    <t>11728</t>
  </si>
  <si>
    <t>9.026803016662598</t>
  </si>
  <si>
    <t>511.8557434082031</t>
  </si>
  <si>
    <t>0.0671795681624392</t>
  </si>
  <si>
    <t>7.612817287445068</t>
  </si>
  <si>
    <t>491.92486572265625</t>
  </si>
  <si>
    <t>0.05861634705221164</t>
  </si>
  <si>
    <t>9.743284225463867</t>
  </si>
  <si>
    <t>579.2423095703125</t>
  </si>
  <si>
    <t>0.06196706886376724</t>
  </si>
  <si>
    <t>9.641874313354492</t>
  </si>
  <si>
    <t>638.052001953125</t>
  </si>
  <si>
    <t>0.04507264085428986</t>
  </si>
  <si>
    <t>10.067024230957031</t>
  </si>
  <si>
    <t>503.2401428222656</t>
  </si>
  <si>
    <t>0.045685518666548575</t>
  </si>
  <si>
    <t>10.60766315460205</t>
  </si>
  <si>
    <t>537.3333740234375</t>
  </si>
  <si>
    <t>0.05512017016883064</t>
  </si>
  <si>
    <t>15332</t>
  </si>
  <si>
    <t>9.539216041564941</t>
  </si>
  <si>
    <t>595.5286254882812</t>
  </si>
  <si>
    <t>0.001501256768364101</t>
  </si>
  <si>
    <t>9.922537803649902</t>
  </si>
  <si>
    <t>669.71337890625</t>
  </si>
  <si>
    <t>0.0204009657741544</t>
  </si>
  <si>
    <t>9.641850471496582</t>
  </si>
  <si>
    <t>417.53875732421875</t>
  </si>
  <si>
    <t>16340</t>
  </si>
  <si>
    <t>9.947734832763672</t>
  </si>
  <si>
    <t>557.8947143554688</t>
  </si>
  <si>
    <t>0.046729864544449384</t>
  </si>
  <si>
    <t>16972</t>
  </si>
  <si>
    <t>9.095942497253418</t>
  </si>
  <si>
    <t>528.08349609375</t>
  </si>
  <si>
    <t>0.03794883790822112</t>
  </si>
  <si>
    <t>18025</t>
  </si>
  <si>
    <t>10.871150970458984</t>
  </si>
  <si>
    <t>528.819091796875</t>
  </si>
  <si>
    <t>0.06019475583093481</t>
  </si>
  <si>
    <t>10.530882835388184</t>
  </si>
  <si>
    <t>728.0988159179688</t>
  </si>
  <si>
    <t>0.06153470768500924</t>
  </si>
  <si>
    <t>19804</t>
  </si>
  <si>
    <t>10.000588417053223</t>
  </si>
  <si>
    <t>508.7609558105469</t>
  </si>
  <si>
    <t>0.03258954664315361</t>
  </si>
  <si>
    <t>20654</t>
  </si>
  <si>
    <t>9.593457221984863</t>
  </si>
  <si>
    <t>584.160400390625</t>
  </si>
  <si>
    <t>0.04202506775003556</t>
  </si>
  <si>
    <t>20906</t>
  </si>
  <si>
    <t>8.949145317077637</t>
  </si>
  <si>
    <t>661.001953125</t>
  </si>
  <si>
    <t>0.012127193861303454</t>
  </si>
  <si>
    <t>10.318470001220703</t>
  </si>
  <si>
    <t>589.5174560546875</t>
  </si>
  <si>
    <t>4.783201397629e-05</t>
  </si>
  <si>
    <t>21571</t>
  </si>
  <si>
    <t>9.56865406036377</t>
  </si>
  <si>
    <t>573.10595703125</t>
  </si>
  <si>
    <t>0.03126578888808851</t>
  </si>
  <si>
    <t>21319</t>
  </si>
  <si>
    <t>9.647734642028809</t>
  </si>
  <si>
    <t>545.255126953125</t>
  </si>
  <si>
    <t>-0.011751126130175038</t>
  </si>
  <si>
    <t>22570</t>
  </si>
  <si>
    <t>11.31582260131836</t>
  </si>
  <si>
    <t>584.2748413085938</t>
  </si>
  <si>
    <t>0.057022896947039214</t>
  </si>
  <si>
    <t>23444</t>
  </si>
  <si>
    <t>10.564227104187012</t>
  </si>
  <si>
    <t>474.09307861328125</t>
  </si>
  <si>
    <t>0.03799300778473835</t>
  </si>
  <si>
    <t>10.357292175292969</t>
  </si>
  <si>
    <t>464.565185546875</t>
  </si>
  <si>
    <t>0.03202724892029707</t>
  </si>
  <si>
    <t>10.736557006835938</t>
  </si>
  <si>
    <t>741.187744140625</t>
  </si>
  <si>
    <t>0.024403398218533212</t>
  </si>
  <si>
    <t>26056</t>
  </si>
  <si>
    <t>10.93372631072998</t>
  </si>
  <si>
    <t>363.0385437011719</t>
  </si>
  <si>
    <t>0.049202822220919984</t>
  </si>
  <si>
    <t>11.44649600982666</t>
  </si>
  <si>
    <t>473.100341796875</t>
  </si>
  <si>
    <t>0.03972836633081833</t>
  </si>
  <si>
    <t>26913</t>
  </si>
  <si>
    <t>10.989399909973145</t>
  </si>
  <si>
    <t>490.0979309082031</t>
  </si>
  <si>
    <t>-0.007366993059495286</t>
  </si>
  <si>
    <t>10.218284606933594</t>
  </si>
  <si>
    <t>550.9495849609375</t>
  </si>
  <si>
    <t>0.0704706183037711</t>
  </si>
  <si>
    <t>31143</t>
  </si>
  <si>
    <t>11.175579071044922</t>
  </si>
  <si>
    <t>449.15338134765625</t>
  </si>
  <si>
    <t>0.07550944133019044</t>
  </si>
  <si>
    <t>554.8999633789062</t>
  </si>
  <si>
    <t>79.70108795166016</t>
  </si>
  <si>
    <t>Grudziadzki</t>
  </si>
  <si>
    <t>496.5</t>
  </si>
  <si>
    <t>-0.07643876137314187</t>
  </si>
  <si>
    <t>7538</t>
  </si>
  <si>
    <t>0.021589842942777437</t>
  </si>
  <si>
    <t>0.03403862550341685</t>
  </si>
  <si>
    <t>545.2999877929688</t>
  </si>
  <si>
    <t>0.049284610811318075</t>
  </si>
  <si>
    <t>518.7999877929688</t>
  </si>
  <si>
    <t>0.06714405823202796</t>
  </si>
  <si>
    <t>9292</t>
  </si>
  <si>
    <t>6.674999237060547</t>
  </si>
  <si>
    <t>491.3999938964844</t>
  </si>
  <si>
    <t>0.058729625516456</t>
  </si>
  <si>
    <t>624.2000122070312</t>
  </si>
  <si>
    <t>0.06186464171441841</t>
  </si>
  <si>
    <t>0.045098119580258</t>
  </si>
  <si>
    <t>0.04564931466564914</t>
  </si>
  <si>
    <t>11438</t>
  </si>
  <si>
    <t>0.05517525462463624</t>
  </si>
  <si>
    <t>8.191668510437012</t>
  </si>
  <si>
    <t>712.2000122070312</t>
  </si>
  <si>
    <t>0.0209368319069565</t>
  </si>
  <si>
    <t>11954</t>
  </si>
  <si>
    <t>613.9000244140625</t>
  </si>
  <si>
    <t>0.023187973001981277</t>
  </si>
  <si>
    <t>460.9000244140625</t>
  </si>
  <si>
    <t>0.014945479118043892</t>
  </si>
  <si>
    <t>12686</t>
  </si>
  <si>
    <t>595.5</t>
  </si>
  <si>
    <t>0.04448759369159916</t>
  </si>
  <si>
    <t>12804</t>
  </si>
  <si>
    <t>491.20001220703125</t>
  </si>
  <si>
    <t>0.009258598895911518</t>
  </si>
  <si>
    <t>13467</t>
  </si>
  <si>
    <t>0.05048462636028894</t>
  </si>
  <si>
    <t>14376</t>
  </si>
  <si>
    <t>0.06531790101335311</t>
  </si>
  <si>
    <t>0.045352617234428294</t>
  </si>
  <si>
    <t>0.01707077209397312</t>
  </si>
  <si>
    <t>0.003718082623830554</t>
  </si>
  <si>
    <t>16070</t>
  </si>
  <si>
    <t>548.8999633789062</t>
  </si>
  <si>
    <t>0.04525255831593</t>
  </si>
  <si>
    <t>0.036236512807066745</t>
  </si>
  <si>
    <t>17366</t>
  </si>
  <si>
    <t>596.9000244140625</t>
  </si>
  <si>
    <t>0.0413235790819666</t>
  </si>
  <si>
    <t>0.031961015978588136</t>
  </si>
  <si>
    <t>18652</t>
  </si>
  <si>
    <t>9.408334732055664</t>
  </si>
  <si>
    <t>458.70001220703125</t>
  </si>
  <si>
    <t>0.03947809132903224</t>
  </si>
  <si>
    <t>19571</t>
  </si>
  <si>
    <t>0.04809549977675864</t>
  </si>
  <si>
    <t>20542</t>
  </si>
  <si>
    <t>0.048422692020780644</t>
  </si>
  <si>
    <t>447.4000244140625</t>
  </si>
  <si>
    <t>0.0651559675146327</t>
  </si>
  <si>
    <t>22741</t>
  </si>
  <si>
    <t>10.408331871032715</t>
  </si>
  <si>
    <t>438.99993896484375</t>
  </si>
  <si>
    <t>0.03654192447104698</t>
  </si>
  <si>
    <t>585.4000854492188</t>
  </si>
  <si>
    <t>0.013626450088166209</t>
  </si>
  <si>
    <t>629.0999755859375</t>
  </si>
  <si>
    <t>0.07046375958755213</t>
  </si>
  <si>
    <t>26676</t>
  </si>
  <si>
    <t>490.0000305175781</t>
  </si>
  <si>
    <t>0.07550461236504802</t>
  </si>
  <si>
    <t>8412</t>
  </si>
  <si>
    <t>9.28909969329834</t>
  </si>
  <si>
    <t>438.9768371582031</t>
  </si>
  <si>
    <t>211.55169677734375</t>
  </si>
  <si>
    <t>Inowroclawski</t>
  </si>
  <si>
    <t>8.458966255187988</t>
  </si>
  <si>
    <t>480.68511962890625</t>
  </si>
  <si>
    <t>-0.0764333629790297</t>
  </si>
  <si>
    <t>9.21410083770752</t>
  </si>
  <si>
    <t>461.9928283691406</t>
  </si>
  <si>
    <t>0.021579918413884513</t>
  </si>
  <si>
    <t>8.183972358703613</t>
  </si>
  <si>
    <t>557.0870971679688</t>
  </si>
  <si>
    <t>0.03395178273858157</t>
  </si>
  <si>
    <t>8.829488754272461</t>
  </si>
  <si>
    <t>461.2095642089844</t>
  </si>
  <si>
    <t>0.04937959261428304</t>
  </si>
  <si>
    <t>8.155766487121582</t>
  </si>
  <si>
    <t>460.1481628417969</t>
  </si>
  <si>
    <t>0.06702675739728825</t>
  </si>
  <si>
    <t>6.9557623863220215</t>
  </si>
  <si>
    <t>453.3563232421875</t>
  </si>
  <si>
    <t>0.05874788170296341</t>
  </si>
  <si>
    <t>8.607050895690918</t>
  </si>
  <si>
    <t>541.4403076171875</t>
  </si>
  <si>
    <t>0.06192430725993603</t>
  </si>
  <si>
    <t>8.551281929016113</t>
  </si>
  <si>
    <t>593.5164794921875</t>
  </si>
  <si>
    <t>0.04512606862309809</t>
  </si>
  <si>
    <t>11434</t>
  </si>
  <si>
    <t>9.135892868041992</t>
  </si>
  <si>
    <t>519.2532348632812</t>
  </si>
  <si>
    <t>0.04562916923032212</t>
  </si>
  <si>
    <t>12082</t>
  </si>
  <si>
    <t>9.90640640258789</t>
  </si>
  <si>
    <t>548.7074584960938</t>
  </si>
  <si>
    <t>0.055125368874769265</t>
  </si>
  <si>
    <t>12383</t>
  </si>
  <si>
    <t>8.626276969909668</t>
  </si>
  <si>
    <t>644.69873046875</t>
  </si>
  <si>
    <t>0.024607822516411915</t>
  </si>
  <si>
    <t>9.201915740966797</t>
  </si>
  <si>
    <t>590.0472412109375</t>
  </si>
  <si>
    <t>0.028500575766281955</t>
  </si>
  <si>
    <t>13350</t>
  </si>
  <si>
    <t>435.7842102050781</t>
  </si>
  <si>
    <t>0.0466912448470147</t>
  </si>
  <si>
    <t>14029</t>
  </si>
  <si>
    <t>9.08525276184082</t>
  </si>
  <si>
    <t>533.1851196289062</t>
  </si>
  <si>
    <t>0.04961023089037653</t>
  </si>
  <si>
    <t>7.999355792999268</t>
  </si>
  <si>
    <t>500.8623962402344</t>
  </si>
  <si>
    <t>0.0010686425695514146</t>
  </si>
  <si>
    <t>14835</t>
  </si>
  <si>
    <t>9.817307472229004</t>
  </si>
  <si>
    <t>532.0846557617188</t>
  </si>
  <si>
    <t>0.05479399543659902</t>
  </si>
  <si>
    <t>9.458331108093262</t>
  </si>
  <si>
    <t>614.87890625</t>
  </si>
  <si>
    <t>0.04938382167858357</t>
  </si>
  <si>
    <t>16574</t>
  </si>
  <si>
    <t>9.355121612548828</t>
  </si>
  <si>
    <t>491.4005126953125</t>
  </si>
  <si>
    <t>0.06146212700548226</t>
  </si>
  <si>
    <t>8.582052230834961</t>
  </si>
  <si>
    <t>582.8847045898438</t>
  </si>
  <si>
    <t>0.022137602632163578</t>
  </si>
  <si>
    <t>8.447426795959473</t>
  </si>
  <si>
    <t>670.2835693359375</t>
  </si>
  <si>
    <t>-5.9016199964290195e-05</t>
  </si>
  <si>
    <t>17387</t>
  </si>
  <si>
    <t>9.259613037109375</t>
  </si>
  <si>
    <t>541.6170043945312</t>
  </si>
  <si>
    <t>0.025809011686602545</t>
  </si>
  <si>
    <t>8.65256404876709</t>
  </si>
  <si>
    <t>548.5475463867188</t>
  </si>
  <si>
    <t>-0.012442650183338344</t>
  </si>
  <si>
    <t>17373</t>
  </si>
  <si>
    <t>8.994223594665527</t>
  </si>
  <si>
    <t>554.2073364257812</t>
  </si>
  <si>
    <t>0.011637126549448595</t>
  </si>
  <si>
    <t>10.323074340820312</t>
  </si>
  <si>
    <t>566.5386352539062</t>
  </si>
  <si>
    <t>0.03378642388370423</t>
  </si>
  <si>
    <t>18237</t>
  </si>
  <si>
    <t>9.807047843933105</t>
  </si>
  <si>
    <t>432.4312438964844</t>
  </si>
  <si>
    <t>0.014748796639228345</t>
  </si>
  <si>
    <t>19161</t>
  </si>
  <si>
    <t>9.5089693069458</t>
  </si>
  <si>
    <t>549.506103515625</t>
  </si>
  <si>
    <t>0.04942446581286575</t>
  </si>
  <si>
    <t>9.823075294494629</t>
  </si>
  <si>
    <t>683.746337890625</t>
  </si>
  <si>
    <t>0.044354186430165754</t>
  </si>
  <si>
    <t>10.058974266052246</t>
  </si>
  <si>
    <t>415.2304382324219</t>
  </si>
  <si>
    <t>0.051425587184150245</t>
  </si>
  <si>
    <t>21763</t>
  </si>
  <si>
    <t>10.833968162536621</t>
  </si>
  <si>
    <t>426.05499267578125</t>
  </si>
  <si>
    <t>0.031554543270052804</t>
  </si>
  <si>
    <t>10.178201675415039</t>
  </si>
  <si>
    <t>537.7528686523438</t>
  </si>
  <si>
    <t>-0.024984434792299837</t>
  </si>
  <si>
    <t>9.21281909942627</t>
  </si>
  <si>
    <t>548.0451049804688</t>
  </si>
  <si>
    <t>0.070480504636107</t>
  </si>
  <si>
    <t>24562</t>
  </si>
  <si>
    <t>464.9385070800781</t>
  </si>
  <si>
    <t>0.0754931832124548</t>
  </si>
  <si>
    <t>83.31446838378906</t>
  </si>
  <si>
    <t>JeleniogÔøΩrski</t>
  </si>
  <si>
    <t>9375</t>
  </si>
  <si>
    <t>-0.07636827289114834</t>
  </si>
  <si>
    <t>0.02152663054428139</t>
  </si>
  <si>
    <t>0.03407204902381622</t>
  </si>
  <si>
    <t>0.049313735707746886</t>
  </si>
  <si>
    <t>11134</t>
  </si>
  <si>
    <t>0.0670445026289972</t>
  </si>
  <si>
    <t>7.008333683013916</t>
  </si>
  <si>
    <t>0.05868908616365687</t>
  </si>
  <si>
    <t>12562</t>
  </si>
  <si>
    <t>0.061983808107216376</t>
  </si>
  <si>
    <t>738.6000366210938</t>
  </si>
  <si>
    <t>0.045060729629312846</t>
  </si>
  <si>
    <t>0.045665280715036616</t>
  </si>
  <si>
    <t>10.058331489562988</t>
  </si>
  <si>
    <t>694.6000366210938</t>
  </si>
  <si>
    <t>0.0551571396343018</t>
  </si>
  <si>
    <t>14796</t>
  </si>
  <si>
    <t>0.017797339959367164</t>
  </si>
  <si>
    <t>9.266668319702148</t>
  </si>
  <si>
    <t>823.9999389648438</t>
  </si>
  <si>
    <t>-0.05052524519464896</t>
  </si>
  <si>
    <t>508.800048828125</t>
  </si>
  <si>
    <t>0.034240348806966026</t>
  </si>
  <si>
    <t>14737</t>
  </si>
  <si>
    <t>0.012289360648601644</t>
  </si>
  <si>
    <t>15196</t>
  </si>
  <si>
    <t>667.6000366210938</t>
  </si>
  <si>
    <t>15916</t>
  </si>
  <si>
    <t>706.2000122070312</t>
  </si>
  <si>
    <t>0.046292657239302315</t>
  </si>
  <si>
    <t>0.052624401034936596</t>
  </si>
  <si>
    <t>18074</t>
  </si>
  <si>
    <t>601.800048828125</t>
  </si>
  <si>
    <t>0.07452514788014497</t>
  </si>
  <si>
    <t>18580</t>
  </si>
  <si>
    <t>0.027611291905929036</t>
  </si>
  <si>
    <t>0.04008975663945513</t>
  </si>
  <si>
    <t>20418</t>
  </si>
  <si>
    <t>0.054241374721677005</t>
  </si>
  <si>
    <t>721.7000122070312</t>
  </si>
  <si>
    <t>0.06121792442680096</t>
  </si>
  <si>
    <t>21754</t>
  </si>
  <si>
    <t>0.0021628594980338534</t>
  </si>
  <si>
    <t>0.05160123630386515</t>
  </si>
  <si>
    <t>608.2000732421875</t>
  </si>
  <si>
    <t>-0.00828534209444065</t>
  </si>
  <si>
    <t>0.017238420282851052</t>
  </si>
  <si>
    <t>23898</t>
  </si>
  <si>
    <t>878.5000610351562</t>
  </si>
  <si>
    <t>0.03344281026362772</t>
  </si>
  <si>
    <t>25099</t>
  </si>
  <si>
    <t>0.04903323127906667</t>
  </si>
  <si>
    <t>25794</t>
  </si>
  <si>
    <t>0.027313902035571047</t>
  </si>
  <si>
    <t>-0.0020180075150140198</t>
  </si>
  <si>
    <t>708.0999755859375</t>
  </si>
  <si>
    <t>0.07048865742854993</t>
  </si>
  <si>
    <t>542.2999877929688</t>
  </si>
  <si>
    <t>0.07549307119266224</t>
  </si>
  <si>
    <t>9004</t>
  </si>
  <si>
    <t>9.598679542541504</t>
  </si>
  <si>
    <t>423.45989990234375</t>
  </si>
  <si>
    <t>337.9547119140625</t>
  </si>
  <si>
    <t>Kaliski</t>
  </si>
  <si>
    <t>8.668972969055176</t>
  </si>
  <si>
    <t>450.9306945800781</t>
  </si>
  <si>
    <t>-0.07648580978501052</t>
  </si>
  <si>
    <t>9.462255477905273</t>
  </si>
  <si>
    <t>411.5661926269531</t>
  </si>
  <si>
    <t>0.021702600976896136</t>
  </si>
  <si>
    <t>8.652512550354004</t>
  </si>
  <si>
    <t>553.3521118164062</t>
  </si>
  <si>
    <t>0.033909372699374885</t>
  </si>
  <si>
    <t>9.245458602905273</t>
  </si>
  <si>
    <t>528.2767944335938</t>
  </si>
  <si>
    <t>0.04934083389489352</t>
  </si>
  <si>
    <t>8.468609809875488</t>
  </si>
  <si>
    <t>499.24530029296875</t>
  </si>
  <si>
    <t>0.06710565716025307</t>
  </si>
  <si>
    <t>7.270658016204834</t>
  </si>
  <si>
    <t>504.3186340332031</t>
  </si>
  <si>
    <t>0.058704944540878046</t>
  </si>
  <si>
    <t>11177</t>
  </si>
  <si>
    <t>8.885396003723145</t>
  </si>
  <si>
    <t>617.3600463867188</t>
  </si>
  <si>
    <t>0.061911572871704124</t>
  </si>
  <si>
    <t>11693</t>
  </si>
  <si>
    <t>8.883002281188965</t>
  </si>
  <si>
    <t>563.1461181640625</t>
  </si>
  <si>
    <t>0.04513227675470688</t>
  </si>
  <si>
    <t>12239</t>
  </si>
  <si>
    <t>9.405699729919434</t>
  </si>
  <si>
    <t>515.07177734375</t>
  </si>
  <si>
    <t>0.045637202242019725</t>
  </si>
  <si>
    <t>12933</t>
  </si>
  <si>
    <t>10.283665657043457</t>
  </si>
  <si>
    <t>556.68359375</t>
  </si>
  <si>
    <t>0.05515461003290589</t>
  </si>
  <si>
    <t>13406</t>
  </si>
  <si>
    <t>8.89795207977295</t>
  </si>
  <si>
    <t>627.6399536132812</t>
  </si>
  <si>
    <t>0.03592018350265924</t>
  </si>
  <si>
    <t>13198</t>
  </si>
  <si>
    <t>9.55048942565918</t>
  </si>
  <si>
    <t>604.9782104492188</t>
  </si>
  <si>
    <t>-0.015637064974535875</t>
  </si>
  <si>
    <t>13673</t>
  </si>
  <si>
    <t>8.853510856628418</t>
  </si>
  <si>
    <t>391.6318054199219</t>
  </si>
  <si>
    <t>0.03535778236571474</t>
  </si>
  <si>
    <t>9.323026657104492</t>
  </si>
  <si>
    <t>472.7327575683594</t>
  </si>
  <si>
    <t>0.07581999745888446</t>
  </si>
  <si>
    <t>8.216544151306152</t>
  </si>
  <si>
    <t>497.7507629394531</t>
  </si>
  <si>
    <t>0.04539457516829337</t>
  </si>
  <si>
    <t>16341</t>
  </si>
  <si>
    <t>9.986479759216309</t>
  </si>
  <si>
    <t>530.458984375</t>
  </si>
  <si>
    <t>0.05703962911552374</t>
  </si>
  <si>
    <t>9.769401550292969</t>
  </si>
  <si>
    <t>556.2052612304688</t>
  </si>
  <si>
    <t>0.039241896078433314</t>
  </si>
  <si>
    <t>9.698565483093262</t>
  </si>
  <si>
    <t>439.900146484375</t>
  </si>
  <si>
    <t>0.05639646170142143</t>
  </si>
  <si>
    <t>9.070269584655762</t>
  </si>
  <si>
    <t>597.3981323242188</t>
  </si>
  <si>
    <t>0.05391207472234072</t>
  </si>
  <si>
    <t>19160</t>
  </si>
  <si>
    <t>8.823565483093262</t>
  </si>
  <si>
    <t>665.575439453125</t>
  </si>
  <si>
    <t>0.009597052970871545</t>
  </si>
  <si>
    <t>20452</t>
  </si>
  <si>
    <t>9.583490371704102</t>
  </si>
  <si>
    <t>519.5936279296875</t>
  </si>
  <si>
    <t>0.06525590467503939</t>
  </si>
  <si>
    <t>21202</t>
  </si>
  <si>
    <t>9.126729011535645</t>
  </si>
  <si>
    <t>538.6370239257812</t>
  </si>
  <si>
    <t>0.03601483963315211</t>
  </si>
  <si>
    <t>21630</t>
  </si>
  <si>
    <t>9.42125415802002</t>
  </si>
  <si>
    <t>546.69287109375</t>
  </si>
  <si>
    <t>0.019985723114062992</t>
  </si>
  <si>
    <t>10.668229103088379</t>
  </si>
  <si>
    <t>536.899658203125</t>
  </si>
  <si>
    <t>0.06557820239566503</t>
  </si>
  <si>
    <t>25373</t>
  </si>
  <si>
    <t>10.168715476989746</t>
  </si>
  <si>
    <t>458.24542236328125</t>
  </si>
  <si>
    <t>0.09402617416104775</t>
  </si>
  <si>
    <t>25803</t>
  </si>
  <si>
    <t>9.80692195892334</t>
  </si>
  <si>
    <t>511.38262939453125</t>
  </si>
  <si>
    <t>0.016805147715771795</t>
  </si>
  <si>
    <t>10.265396118164062</t>
  </si>
  <si>
    <t>717.7717895507812</t>
  </si>
  <si>
    <t>0.05419571704385895</t>
  </si>
  <si>
    <t>28886</t>
  </si>
  <si>
    <t>10.386002540588379</t>
  </si>
  <si>
    <t>369.8520202636719</t>
  </si>
  <si>
    <t>0.058670567397664186</t>
  </si>
  <si>
    <t>29915</t>
  </si>
  <si>
    <t>11.08028793334961</t>
  </si>
  <si>
    <t>432.83465576171875</t>
  </si>
  <si>
    <t>0.03500297816301945</t>
  </si>
  <si>
    <t>10.459267616271973</t>
  </si>
  <si>
    <t>494.1333923339844</t>
  </si>
  <si>
    <t>-0.008324709886032622</t>
  </si>
  <si>
    <t>9.486983299255371</t>
  </si>
  <si>
    <t>525.6743774414062</t>
  </si>
  <si>
    <t>0.07046817060360056</t>
  </si>
  <si>
    <t>34329</t>
  </si>
  <si>
    <t>10.513810157775879</t>
  </si>
  <si>
    <t>418.3386535644531</t>
  </si>
  <si>
    <t>0.07548699044412466</t>
  </si>
  <si>
    <t>587.2000122070312</t>
  </si>
  <si>
    <t>187.26014709472656</t>
  </si>
  <si>
    <t>Kielecki</t>
  </si>
  <si>
    <t>-0.07646479242964865</t>
  </si>
  <si>
    <t>8.466668128967285</t>
  </si>
  <si>
    <t>0.02167284874308173</t>
  </si>
  <si>
    <t>0.03396449866878015</t>
  </si>
  <si>
    <t>0.04933712484534958</t>
  </si>
  <si>
    <t>10463</t>
  </si>
  <si>
    <t>7.4250006675720215</t>
  </si>
  <si>
    <t>0.06709682601403877</t>
  </si>
  <si>
    <t>11095</t>
  </si>
  <si>
    <t>6.366666793823242</t>
  </si>
  <si>
    <t>668.3999633789062</t>
  </si>
  <si>
    <t>0.0586493319856487</t>
  </si>
  <si>
    <t>740.7000122070312</t>
  </si>
  <si>
    <t>0.061943900696135756</t>
  </si>
  <si>
    <t>0.04513663105499077</t>
  </si>
  <si>
    <t>12926</t>
  </si>
  <si>
    <t>8.44999885559082</t>
  </si>
  <si>
    <t>694.7999877929688</t>
  </si>
  <si>
    <t>0.0456656987050188</t>
  </si>
  <si>
    <t>0.05508464369819421</t>
  </si>
  <si>
    <t>0.008965401354110725</t>
  </si>
  <si>
    <t>14319</t>
  </si>
  <si>
    <t>630.2999267578125</t>
  </si>
  <si>
    <t>0.038296494798860437</t>
  </si>
  <si>
    <t>15015</t>
  </si>
  <si>
    <t>512.2999877929688</t>
  </si>
  <si>
    <t>0.04746237474342507</t>
  </si>
  <si>
    <t>0.05329927307429472</t>
  </si>
  <si>
    <t>15748</t>
  </si>
  <si>
    <t>7.191667556762695</t>
  </si>
  <si>
    <t>-0.005635601428098269</t>
  </si>
  <si>
    <t>17049</t>
  </si>
  <si>
    <t>0.07937817790160295</t>
  </si>
  <si>
    <t>18619</t>
  </si>
  <si>
    <t>0.08809101373082129</t>
  </si>
  <si>
    <t>604.800048828125</t>
  </si>
  <si>
    <t>0.07708436433855148</t>
  </si>
  <si>
    <t>19789</t>
  </si>
  <si>
    <t>-0.016140701285699777</t>
  </si>
  <si>
    <t>20034</t>
  </si>
  <si>
    <t>837.5999145507812</t>
  </si>
  <si>
    <t>0.012304602422807065</t>
  </si>
  <si>
    <t>20769</t>
  </si>
  <si>
    <t>0.03603066017442558</t>
  </si>
  <si>
    <t>0.004659549681779396</t>
  </si>
  <si>
    <t>-0.004274434383129133</t>
  </si>
  <si>
    <t>21375</t>
  </si>
  <si>
    <t>0.02837540916017467</t>
  </si>
  <si>
    <t>557.7999877929688</t>
  </si>
  <si>
    <t>0.03534456461243529</t>
  </si>
  <si>
    <t>22623</t>
  </si>
  <si>
    <t>0.021400508453361056</t>
  </si>
  <si>
    <t>0.05092855475786173</t>
  </si>
  <si>
    <t>0.07199333653071882</t>
  </si>
  <si>
    <t>26087</t>
  </si>
  <si>
    <t>0.019548126775074337</t>
  </si>
  <si>
    <t>-0.019978209083816978</t>
  </si>
  <si>
    <t>27438</t>
  </si>
  <si>
    <t>8.458334922790527</t>
  </si>
  <si>
    <t>0.07047001703551459</t>
  </si>
  <si>
    <t>9.674735069274902</t>
  </si>
  <si>
    <t>428.8682861328125</t>
  </si>
  <si>
    <t>294.56939697265625</t>
  </si>
  <si>
    <t>Koninski</t>
  </si>
  <si>
    <t>8.974894523620605</t>
  </si>
  <si>
    <t>468.88165283203125</t>
  </si>
  <si>
    <t>-0.07643445633606483</t>
  </si>
  <si>
    <t>429.656982421875</t>
  </si>
  <si>
    <t>0.021506205220964247</t>
  </si>
  <si>
    <t>8.516401290893555</t>
  </si>
  <si>
    <t>537.4546508789062</t>
  </si>
  <si>
    <t>0.03401844921511987</t>
  </si>
  <si>
    <t>9.077398300170898</t>
  </si>
  <si>
    <t>439.9878234863281</t>
  </si>
  <si>
    <t>0.04938186424855573</t>
  </si>
  <si>
    <t>9943</t>
  </si>
  <si>
    <t>8.503220558166504</t>
  </si>
  <si>
    <t>455.4969177246094</t>
  </si>
  <si>
    <t>0.06706946272954362</t>
  </si>
  <si>
    <t>7.436394214630127</t>
  </si>
  <si>
    <t>450.6565856933594</t>
  </si>
  <si>
    <t>0.05868819176221507</t>
  </si>
  <si>
    <t>8.928380966186523</t>
  </si>
  <si>
    <t>527.8319091796875</t>
  </si>
  <si>
    <t>0.0619626533259936</t>
  </si>
  <si>
    <t>8.847551345825195</t>
  </si>
  <si>
    <t>549.109130859375</t>
  </si>
  <si>
    <t>0.045056198216840926</t>
  </si>
  <si>
    <t>12283</t>
  </si>
  <si>
    <t>9.534050941467285</t>
  </si>
  <si>
    <t>513.9189453125</t>
  </si>
  <si>
    <t>0.04564036325397147</t>
  </si>
  <si>
    <t>10.33338737487793</t>
  </si>
  <si>
    <t>543.3743286132812</t>
  </si>
  <si>
    <t>0.05519351871898692</t>
  </si>
  <si>
    <t>9.067383766174316</t>
  </si>
  <si>
    <t>628.6076049804688</t>
  </si>
  <si>
    <t>0.039650275968634574</t>
  </si>
  <si>
    <t>13603</t>
  </si>
  <si>
    <t>9.709051132202148</t>
  </si>
  <si>
    <t>579.75244140625</t>
  </si>
  <si>
    <t>0.007230369406713066</t>
  </si>
  <si>
    <t>8.792864799499512</t>
  </si>
  <si>
    <t>395.798583984375</t>
  </si>
  <si>
    <t>0.06378932487976385</t>
  </si>
  <si>
    <t>9.497391700744629</t>
  </si>
  <si>
    <t>498.88690185546875</t>
  </si>
  <si>
    <t>0.021560499494471586</t>
  </si>
  <si>
    <t>15448</t>
  </si>
  <si>
    <t>8.368904113769531</t>
  </si>
  <si>
    <t>483.2371520996094</t>
  </si>
  <si>
    <t>0.04183936410068512</t>
  </si>
  <si>
    <t>10.1022367477417</t>
  </si>
  <si>
    <t>518.0548706054688</t>
  </si>
  <si>
    <t>0.015990066166857275</t>
  </si>
  <si>
    <t>16518</t>
  </si>
  <si>
    <t>9.784211158752441</t>
  </si>
  <si>
    <t>574.2818603515625</t>
  </si>
  <si>
    <t>0.05098108409545432</t>
  </si>
  <si>
    <t>17032</t>
  </si>
  <si>
    <t>9.818902969360352</t>
  </si>
  <si>
    <t>457.54425048828125</t>
  </si>
  <si>
    <t>0.03064323220265308</t>
  </si>
  <si>
    <t>8.843903541564941</t>
  </si>
  <si>
    <t>582.3856201171875</t>
  </si>
  <si>
    <t>0.07071363843482636</t>
  </si>
  <si>
    <t>8.973214149475098</t>
  </si>
  <si>
    <t>638.0753173828125</t>
  </si>
  <si>
    <t>-0.00642100825869818</t>
  </si>
  <si>
    <t>9.60103988647461</t>
  </si>
  <si>
    <t>497.1376953125</t>
  </si>
  <si>
    <t>0.06273722461285658</t>
  </si>
  <si>
    <t>19633</t>
  </si>
  <si>
    <t>8.980061531066895</t>
  </si>
  <si>
    <t>507.0870056152344</t>
  </si>
  <si>
    <t>0.015088041536449381</t>
  </si>
  <si>
    <t>9.50338077545166</t>
  </si>
  <si>
    <t>535.4279174804688</t>
  </si>
  <si>
    <t>-0.0022946900765408174</t>
  </si>
  <si>
    <t>10.683228492736816</t>
  </si>
  <si>
    <t>552.7587280273438</t>
  </si>
  <si>
    <t>0.031557236245822295</t>
  </si>
  <si>
    <t>10.214217185974121</t>
  </si>
  <si>
    <t>412.883544921875</t>
  </si>
  <si>
    <t>0.04355667687547715</t>
  </si>
  <si>
    <t>9.93557071685791</t>
  </si>
  <si>
    <t>542.31591796875</t>
  </si>
  <si>
    <t>0.038417135092363</t>
  </si>
  <si>
    <t>10.183228492736816</t>
  </si>
  <si>
    <t>661.5101928710938</t>
  </si>
  <si>
    <t>0.06757303642963741</t>
  </si>
  <si>
    <t>24965</t>
  </si>
  <si>
    <t>10.349894523620605</t>
  </si>
  <si>
    <t>401.53570556640625</t>
  </si>
  <si>
    <t>0.06145362546920197</t>
  </si>
  <si>
    <t>26742</t>
  </si>
  <si>
    <t>11.290417671203613</t>
  </si>
  <si>
    <t>414.65069580078125</t>
  </si>
  <si>
    <t>0.0687605192399019</t>
  </si>
  <si>
    <t>10.591562271118164</t>
  </si>
  <si>
    <t>533.7523803710938</t>
  </si>
  <si>
    <t>-0.02445331731381728</t>
  </si>
  <si>
    <t>9.556045532226562</t>
  </si>
  <si>
    <t>534.3076782226562</t>
  </si>
  <si>
    <t>0.0704581779445217</t>
  </si>
  <si>
    <t>10.444225311279297</t>
  </si>
  <si>
    <t>458.1969909667969</t>
  </si>
  <si>
    <t>0.07550235787497961</t>
  </si>
  <si>
    <t>2095</t>
  </si>
  <si>
    <t>10146</t>
  </si>
  <si>
    <t>9.993816375732422</t>
  </si>
  <si>
    <t>681.7085571289062</t>
  </si>
  <si>
    <t>307.2042236328125</t>
  </si>
  <si>
    <t>Koszalinski</t>
  </si>
  <si>
    <t>8.884305953979492</t>
  </si>
  <si>
    <t>642.0822143554688</t>
  </si>
  <si>
    <t>-0.07647623850633245</t>
  </si>
  <si>
    <t>9.615865707397461</t>
  </si>
  <si>
    <t>644.0230712890625</t>
  </si>
  <si>
    <t>0.021576377720842643</t>
  </si>
  <si>
    <t>8.494110107421875</t>
  </si>
  <si>
    <t>781.9027709960938</t>
  </si>
  <si>
    <t>0.03398484683211578</t>
  </si>
  <si>
    <t>9.192821502685547</t>
  </si>
  <si>
    <t>694.0950927734375</t>
  </si>
  <si>
    <t>0.04938426723503753</t>
  </si>
  <si>
    <t>11163</t>
  </si>
  <si>
    <t>8.733975410461426</t>
  </si>
  <si>
    <t>622.0140991210938</t>
  </si>
  <si>
    <t>0.06705594560643391</t>
  </si>
  <si>
    <t>7.44431734085083</t>
  </si>
  <si>
    <t>573.9234619140625</t>
  </si>
  <si>
    <t>0.05870995823593894</t>
  </si>
  <si>
    <t>12594</t>
  </si>
  <si>
    <t>9.322059631347656</t>
  </si>
  <si>
    <t>680.8040161132812</t>
  </si>
  <si>
    <t>0.06190581379801685</t>
  </si>
  <si>
    <t>13175</t>
  </si>
  <si>
    <t>8.663191795349121</t>
  </si>
  <si>
    <t>822.8121948242188</t>
  </si>
  <si>
    <t>0.04510058436087583</t>
  </si>
  <si>
    <t>9.536572456359863</t>
  </si>
  <si>
    <t>630.3875732421875</t>
  </si>
  <si>
    <t>0.04569511106477364</t>
  </si>
  <si>
    <t>9.882349967956543</t>
  </si>
  <si>
    <t>648.5123901367188</t>
  </si>
  <si>
    <t>0.05508567365411743</t>
  </si>
  <si>
    <t>9.069075584411621</t>
  </si>
  <si>
    <t>783.2098388671875</t>
  </si>
  <si>
    <t>0.020580072285376616</t>
  </si>
  <si>
    <t>9.44124698638916</t>
  </si>
  <si>
    <t>792.6713256835938</t>
  </si>
  <si>
    <t>0.017195838273195818</t>
  </si>
  <si>
    <t>15505</t>
  </si>
  <si>
    <t>9.048635482788086</t>
  </si>
  <si>
    <t>555.9143676757812</t>
  </si>
  <si>
    <t>0.02428476284752179</t>
  </si>
  <si>
    <t>16266</t>
  </si>
  <si>
    <t>9.417189598083496</t>
  </si>
  <si>
    <t>715.4578247070312</t>
  </si>
  <si>
    <t>0.04791448719217151</t>
  </si>
  <si>
    <t>8.839437484741211</t>
  </si>
  <si>
    <t>649.162353515625</t>
  </si>
  <si>
    <t>0.02399361920234888</t>
  </si>
  <si>
    <t>18137</t>
  </si>
  <si>
    <t>656.1948852539062</t>
  </si>
  <si>
    <t>0.08488339168835424</t>
  </si>
  <si>
    <t>9.925522804260254</t>
  </si>
  <si>
    <t>880.2135009765625</t>
  </si>
  <si>
    <t>0.012547078556044866</t>
  </si>
  <si>
    <t>19827</t>
  </si>
  <si>
    <t>9.694489479064941</t>
  </si>
  <si>
    <t>631.7939453125</t>
  </si>
  <si>
    <t>0.07654351596509379</t>
  </si>
  <si>
    <t>20227</t>
  </si>
  <si>
    <t>8.961528778076172</t>
  </si>
  <si>
    <t>713.9898681640625</t>
  </si>
  <si>
    <t>0.019973700414533724</t>
  </si>
  <si>
    <t>8.134383201599121</t>
  </si>
  <si>
    <t>798.7800903320312</t>
  </si>
  <si>
    <t>0.0273094457423948</t>
  </si>
  <si>
    <t>20779</t>
  </si>
  <si>
    <t>9.663078308105469</t>
  </si>
  <si>
    <t>736.0045166015625</t>
  </si>
  <si>
    <t>-0.00038492999560979513</t>
  </si>
  <si>
    <t>21110</t>
  </si>
  <si>
    <t>8.862101554870605</t>
  </si>
  <si>
    <t>704.21630859375</t>
  </si>
  <si>
    <t>0.015804000542486207</t>
  </si>
  <si>
    <t>9.130162239074707</t>
  </si>
  <si>
    <t>651.9613647460938</t>
  </si>
  <si>
    <t>0.013129909323090772</t>
  </si>
  <si>
    <t>22166</t>
  </si>
  <si>
    <t>10.5464448928833</t>
  </si>
  <si>
    <t>705.0618896484375</t>
  </si>
  <si>
    <t>0.035682812170140465</t>
  </si>
  <si>
    <t>23407</t>
  </si>
  <si>
    <t>9.68419361114502</t>
  </si>
  <si>
    <t>612.26953125</t>
  </si>
  <si>
    <t>0.054475539574307064</t>
  </si>
  <si>
    <t>23787</t>
  </si>
  <si>
    <t>9.71677303314209</t>
  </si>
  <si>
    <t>568.5192260742188</t>
  </si>
  <si>
    <t>0.016104090030603757</t>
  </si>
  <si>
    <t>9.800936698913574</t>
  </si>
  <si>
    <t>885.3779296875</t>
  </si>
  <si>
    <t>0.04805519912729039</t>
  </si>
  <si>
    <t>26425</t>
  </si>
  <si>
    <t>10.192222595214844</t>
  </si>
  <si>
    <t>471.9164733886719</t>
  </si>
  <si>
    <t>0.057116119670638454</t>
  </si>
  <si>
    <t>27443</t>
  </si>
  <si>
    <t>10.594109535217285</t>
  </si>
  <si>
    <t>610.928466796875</t>
  </si>
  <si>
    <t>0.0378005945714186</t>
  </si>
  <si>
    <t>26886</t>
  </si>
  <si>
    <t>10.304218292236328</t>
  </si>
  <si>
    <t>642.02734375</t>
  </si>
  <si>
    <t>-0.02050542129565791</t>
  </si>
  <si>
    <t>9.690113067626953</t>
  </si>
  <si>
    <t>687.30859375</t>
  </si>
  <si>
    <t>0.07046962527624423</t>
  </si>
  <si>
    <t>10.326387405395508</t>
  </si>
  <si>
    <t>573.3935546875</t>
  </si>
  <si>
    <t>0.07548612408977462</t>
  </si>
  <si>
    <t>636.300048828125</t>
  </si>
  <si>
    <t>249.37806701660156</t>
  </si>
  <si>
    <t>Krakowski</t>
  </si>
  <si>
    <t>-0.07652860869695743</t>
  </si>
  <si>
    <t>0.021708188298116937</t>
  </si>
  <si>
    <t>551.8999633789062</t>
  </si>
  <si>
    <t>0.033987851129765545</t>
  </si>
  <si>
    <t>7136</t>
  </si>
  <si>
    <t>670.800048828125</t>
  </si>
  <si>
    <t>0.04925972506854315</t>
  </si>
  <si>
    <t>630.0000610351562</t>
  </si>
  <si>
    <t>0.06706650302978723</t>
  </si>
  <si>
    <t>0.05878059220606957</t>
  </si>
  <si>
    <t>755.699951171875</t>
  </si>
  <si>
    <t>0.06192482792607379</t>
  </si>
  <si>
    <t>9007</t>
  </si>
  <si>
    <t>725.9000854492188</t>
  </si>
  <si>
    <t>0.04507773436196594</t>
  </si>
  <si>
    <t>727.7999267578125</t>
  </si>
  <si>
    <t>0.04568193227227901</t>
  </si>
  <si>
    <t>0.055093869577207855</t>
  </si>
  <si>
    <t>11254</t>
  </si>
  <si>
    <t>0.009104766992917845</t>
  </si>
  <si>
    <t>11836</t>
  </si>
  <si>
    <t>533.7999267578125</t>
  </si>
  <si>
    <t>0.05042211352687609</t>
  </si>
  <si>
    <t>677.5999755859375</t>
  </si>
  <si>
    <t>0.007323573286031504</t>
  </si>
  <si>
    <t>12583</t>
  </si>
  <si>
    <t>642.8999633789062</t>
  </si>
  <si>
    <t>0.053877388785837255</t>
  </si>
  <si>
    <t>13680</t>
  </si>
  <si>
    <t>657.4000854492188</t>
  </si>
  <si>
    <t>0.08358821558457308</t>
  </si>
  <si>
    <t>671.9999389648438</t>
  </si>
  <si>
    <t>0.06014290966453295</t>
  </si>
  <si>
    <t>16198</t>
  </si>
  <si>
    <t>644.199951171875</t>
  </si>
  <si>
    <t>0.10880995596786036</t>
  </si>
  <si>
    <t>16207</t>
  </si>
  <si>
    <t>0.0005554698491856414</t>
  </si>
  <si>
    <t>0.006764261432950391</t>
  </si>
  <si>
    <t>17719</t>
  </si>
  <si>
    <t>0.08243000106699938</t>
  </si>
  <si>
    <t>0.019670933240094612</t>
  </si>
  <si>
    <t>654.2999877929688</t>
  </si>
  <si>
    <t>0.017117881084706354</t>
  </si>
  <si>
    <t>0.04847149604404066</t>
  </si>
  <si>
    <t>542.300048828125</t>
  </si>
  <si>
    <t>0.07630438556292951</t>
  </si>
  <si>
    <t>0.051470941144643234</t>
  </si>
  <si>
    <t>0.06228123214943082</t>
  </si>
  <si>
    <t>24957</t>
  </si>
  <si>
    <t>0.06719996456808275</t>
  </si>
  <si>
    <t>25592</t>
  </si>
  <si>
    <t>0.025125458677356605</t>
  </si>
  <si>
    <t>24457</t>
  </si>
  <si>
    <t>841.1000366210938</t>
  </si>
  <si>
    <t>-0.0453633291334441</t>
  </si>
  <si>
    <t>730.0</t>
  </si>
  <si>
    <t>0.07048281329531392</t>
  </si>
  <si>
    <t>28301</t>
  </si>
  <si>
    <t>0.07549785290486</t>
  </si>
  <si>
    <t>7939</t>
  </si>
  <si>
    <t>8.688613891601562</t>
  </si>
  <si>
    <t>689.0828247070312</t>
  </si>
  <si>
    <t>187.010498046875</t>
  </si>
  <si>
    <t>Krosnienski</t>
  </si>
  <si>
    <t>7355</t>
  </si>
  <si>
    <t>7.660484313964844</t>
  </si>
  <si>
    <t>635.317138671875</t>
  </si>
  <si>
    <t>-0.0764069686895752</t>
  </si>
  <si>
    <t>7516</t>
  </si>
  <si>
    <t>8.470782279968262</t>
  </si>
  <si>
    <t>668.3276977539062</t>
  </si>
  <si>
    <t>0.02165372749781902</t>
  </si>
  <si>
    <t>7.826679229736328</t>
  </si>
  <si>
    <t>578.0540161132812</t>
  </si>
  <si>
    <t>0.03400798560691776</t>
  </si>
  <si>
    <t>8.575295448303223</t>
  </si>
  <si>
    <t>692.8770751953125</t>
  </si>
  <si>
    <t>0.049304435201595</t>
  </si>
  <si>
    <t>7.576569080352783</t>
  </si>
  <si>
    <t>670.0205688476562</t>
  </si>
  <si>
    <t>0.06710591664281651</t>
  </si>
  <si>
    <t>6.435265064239502</t>
  </si>
  <si>
    <t>711.2662353515625</t>
  </si>
  <si>
    <t>0.058683501828090456</t>
  </si>
  <si>
    <t>9856</t>
  </si>
  <si>
    <t>7.889523983001709</t>
  </si>
  <si>
    <t>795.5126342773438</t>
  </si>
  <si>
    <t>0.06194448596052382</t>
  </si>
  <si>
    <t>10310</t>
  </si>
  <si>
    <t>7.962667942047119</t>
  </si>
  <si>
    <t>747.6346435546875</t>
  </si>
  <si>
    <t>0.04503389123770596</t>
  </si>
  <si>
    <t>10792</t>
  </si>
  <si>
    <t>8.369400024414062</t>
  </si>
  <si>
    <t>767.1325073242188</t>
  </si>
  <si>
    <t>0.04569082087658494</t>
  </si>
  <si>
    <t>9.41059398651123</t>
  </si>
  <si>
    <t>742.042724609375</t>
  </si>
  <si>
    <t>0.055159052144970744</t>
  </si>
  <si>
    <t>7.941270351409912</t>
  </si>
  <si>
    <t>785.0643920898438</t>
  </si>
  <si>
    <t>-0.00889599384183093</t>
  </si>
  <si>
    <t>8.67009162902832</t>
  </si>
  <si>
    <t>731.767578125</t>
  </si>
  <si>
    <t>-0.011657529125663757</t>
  </si>
  <si>
    <t>11681</t>
  </si>
  <si>
    <t>8.06845474243164</t>
  </si>
  <si>
    <t>566.365478515625</t>
  </si>
  <si>
    <t>0.04455294209062899</t>
  </si>
  <si>
    <t>12003</t>
  </si>
  <si>
    <t>8.362449645996094</t>
  </si>
  <si>
    <t>767.7144165039062</t>
  </si>
  <si>
    <t>0.02719302836964843</t>
  </si>
  <si>
    <t>7.250185489654541</t>
  </si>
  <si>
    <t>707.7584228515625</t>
  </si>
  <si>
    <t>0.027284131438111814</t>
  </si>
  <si>
    <t>9.04727554321289</t>
  </si>
  <si>
    <t>661.6088256835938</t>
  </si>
  <si>
    <t>0.07095284652133493</t>
  </si>
  <si>
    <t>13840</t>
  </si>
  <si>
    <t>8.949604034423828</t>
  </si>
  <si>
    <t>698.513427734375</t>
  </si>
  <si>
    <t>0.04416935368687014</t>
  </si>
  <si>
    <t>14364</t>
  </si>
  <si>
    <t>8.841742515563965</t>
  </si>
  <si>
    <t>714.5314331054688</t>
  </si>
  <si>
    <t>0.03716212617431225</t>
  </si>
  <si>
    <t>14579</t>
  </si>
  <si>
    <t>8.411758422851562</t>
  </si>
  <si>
    <t>840.5205078125</t>
  </si>
  <si>
    <t>0.014857060758847851</t>
  </si>
  <si>
    <t>14836</t>
  </si>
  <si>
    <t>7.948583126068115</t>
  </si>
  <si>
    <t>996.98681640625</t>
  </si>
  <si>
    <t>0.017474522504659973</t>
  </si>
  <si>
    <t>15690</t>
  </si>
  <si>
    <t>8.692763328552246</t>
  </si>
  <si>
    <t>640.89111328125</t>
  </si>
  <si>
    <t>0.055966907117596776</t>
  </si>
  <si>
    <t>15659</t>
  </si>
  <si>
    <t>8.448912620544434</t>
  </si>
  <si>
    <t>656.375732421875</t>
  </si>
  <si>
    <t>-0.0019777351816347988</t>
  </si>
  <si>
    <t>8.603896141052246</t>
  </si>
  <si>
    <t>731.0975952148438</t>
  </si>
  <si>
    <t>0.014266481705698553</t>
  </si>
  <si>
    <t>16509</t>
  </si>
  <si>
    <t>9.737778663635254</t>
  </si>
  <si>
    <t>798.6283569335938</t>
  </si>
  <si>
    <t>0.038593373476725645</t>
  </si>
  <si>
    <t>16758</t>
  </si>
  <si>
    <t>9.34705638885498</t>
  </si>
  <si>
    <t>605.7257080078125</t>
  </si>
  <si>
    <t>0.014970069445364942</t>
  </si>
  <si>
    <t>8.896364212036133</t>
  </si>
  <si>
    <t>810.8142700195312</t>
  </si>
  <si>
    <t>0.00962059798698256</t>
  </si>
  <si>
    <t>9.549822807312012</t>
  </si>
  <si>
    <t>808.9483032226562</t>
  </si>
  <si>
    <t>0.05809047211511498</t>
  </si>
  <si>
    <t>19093</t>
  </si>
  <si>
    <t>9.571112632751465</t>
  </si>
  <si>
    <t>662.4235229492188</t>
  </si>
  <si>
    <t>0.06273494943813418</t>
  </si>
  <si>
    <t>10.189305305480957</t>
  </si>
  <si>
    <t>648.3667602539062</t>
  </si>
  <si>
    <t>0.030636743706622838</t>
  </si>
  <si>
    <t>9.597528457641602</t>
  </si>
  <si>
    <t>824.991943359375</t>
  </si>
  <si>
    <t>-0.029328219796379784</t>
  </si>
  <si>
    <t>20514</t>
  </si>
  <si>
    <t>8.640216827392578</t>
  </si>
  <si>
    <t>757.0603637695312</t>
  </si>
  <si>
    <t>0.07047728024364908</t>
  </si>
  <si>
    <t>9.780499458312988</t>
  </si>
  <si>
    <t>686.4616088867188</t>
  </si>
  <si>
    <t>0.07551021144263004</t>
  </si>
  <si>
    <t>14721</t>
  </si>
  <si>
    <t>9.74433422088623</t>
  </si>
  <si>
    <t>479.39508056640625</t>
  </si>
  <si>
    <t>248.7698974609375</t>
  </si>
  <si>
    <t>Legnicko-Glogowski</t>
  </si>
  <si>
    <t>13638</t>
  </si>
  <si>
    <t>8.746318817138672</t>
  </si>
  <si>
    <t>499.3193054199219</t>
  </si>
  <si>
    <t>-0.07641503167741526</t>
  </si>
  <si>
    <t>13936</t>
  </si>
  <si>
    <t>9.777235984802246</t>
  </si>
  <si>
    <t>465.767822265625</t>
  </si>
  <si>
    <t>0.0216154060116871</t>
  </si>
  <si>
    <t>14418</t>
  </si>
  <si>
    <t>8.753101348876953</t>
  </si>
  <si>
    <t>611.4959716796875</t>
  </si>
  <si>
    <t>0.03400200587223878</t>
  </si>
  <si>
    <t>15146</t>
  </si>
  <si>
    <t>9.455950736999512</t>
  </si>
  <si>
    <t>599.3483276367188</t>
  </si>
  <si>
    <t>0.04925904470924536</t>
  </si>
  <si>
    <t>8.627884864807129</t>
  </si>
  <si>
    <t>556.9716796875</t>
  </si>
  <si>
    <t>0.06715130713516615</t>
  </si>
  <si>
    <t>7.230302333831787</t>
  </si>
  <si>
    <t>553.6127319335938</t>
  </si>
  <si>
    <t>9.177451133728027</t>
  </si>
  <si>
    <t>678.3128051757812</t>
  </si>
  <si>
    <t>0.06190800492154125</t>
  </si>
  <si>
    <t>9.155084609985352</t>
  </si>
  <si>
    <t>629.4388427734375</t>
  </si>
  <si>
    <t>0.045098706970451374</t>
  </si>
  <si>
    <t>20010</t>
  </si>
  <si>
    <t>9.585352897644043</t>
  </si>
  <si>
    <t>554.5460815429688</t>
  </si>
  <si>
    <t>0.045654157048760524</t>
  </si>
  <si>
    <t>21145</t>
  </si>
  <si>
    <t>10.291484832763672</t>
  </si>
  <si>
    <t>599.687255859375</t>
  </si>
  <si>
    <t>0.05517132232881039</t>
  </si>
  <si>
    <t>19678</t>
  </si>
  <si>
    <t>9.035784721374512</t>
  </si>
  <si>
    <t>684.00244140625</t>
  </si>
  <si>
    <t>-0.07190221048087864</t>
  </si>
  <si>
    <t>20766</t>
  </si>
  <si>
    <t>9.52175235748291</t>
  </si>
  <si>
    <t>689.8682861328125</t>
  </si>
  <si>
    <t>0.053815773437689174</t>
  </si>
  <si>
    <t>21542</t>
  </si>
  <si>
    <t>9.097618103027344</t>
  </si>
  <si>
    <t>430.5309143066406</t>
  </si>
  <si>
    <t>0.03668748404731659</t>
  </si>
  <si>
    <t>9.511000633239746</t>
  </si>
  <si>
    <t>537.359619140625</t>
  </si>
  <si>
    <t>0.12597108705328885</t>
  </si>
  <si>
    <t>28994</t>
  </si>
  <si>
    <t>8.477234840393066</t>
  </si>
  <si>
    <t>562.2703247070312</t>
  </si>
  <si>
    <t>0.1711133070468378</t>
  </si>
  <si>
    <t>10.36670207977295</t>
  </si>
  <si>
    <t>593.78857421875</t>
  </si>
  <si>
    <t>0.18088920084164428</t>
  </si>
  <si>
    <t>9.985785484313965</t>
  </si>
  <si>
    <t>627.6691284179688</t>
  </si>
  <si>
    <t>0.07018376902929901</t>
  </si>
  <si>
    <t>9.646967887878418</t>
  </si>
  <si>
    <t>504.8738708496094</t>
  </si>
  <si>
    <t>-0.061414799496528616</t>
  </si>
  <si>
    <t>36298</t>
  </si>
  <si>
    <t>9.128101348876953</t>
  </si>
  <si>
    <t>659.9544067382812</t>
  </si>
  <si>
    <t>0.03501556093108782</t>
  </si>
  <si>
    <t>42740</t>
  </si>
  <si>
    <t>8.647400856018066</t>
  </si>
  <si>
    <t>735.4639892578125</t>
  </si>
  <si>
    <t>0.1633726065567931</t>
  </si>
  <si>
    <t>9.788201332092285</t>
  </si>
  <si>
    <t>590.8175659179688</t>
  </si>
  <si>
    <t>0.08130176858055016</t>
  </si>
  <si>
    <t>9.169551849365234</t>
  </si>
  <si>
    <t>610.3068237304688</t>
  </si>
  <si>
    <t>-0.05842552090480524</t>
  </si>
  <si>
    <t>39737</t>
  </si>
  <si>
    <t>9.266268730163574</t>
  </si>
  <si>
    <t>607.6080322265625</t>
  </si>
  <si>
    <t>-0.09572875398212233</t>
  </si>
  <si>
    <t>39671</t>
  </si>
  <si>
    <t>10.802017211914062</t>
  </si>
  <si>
    <t>613.3318481445312</t>
  </si>
  <si>
    <t>-0.001662301410382483</t>
  </si>
  <si>
    <t>10.2353515625</t>
  </si>
  <si>
    <t>514.0219116210938</t>
  </si>
  <si>
    <t>0.023467770225646944</t>
  </si>
  <si>
    <t>9.916050910949707</t>
  </si>
  <si>
    <t>564.6690673828125</t>
  </si>
  <si>
    <t>-0.03286369352467311</t>
  </si>
  <si>
    <t>41105</t>
  </si>
  <si>
    <t>10.31363582611084</t>
  </si>
  <si>
    <t>755.4513549804688</t>
  </si>
  <si>
    <t>0.0449052497288811</t>
  </si>
  <si>
    <t>40032</t>
  </si>
  <si>
    <t>10.566267967224121</t>
  </si>
  <si>
    <t>430.2326965332031</t>
  </si>
  <si>
    <t>-0.026450634319594712</t>
  </si>
  <si>
    <t>11.152453422546387</t>
  </si>
  <si>
    <t>492.54608154296875</t>
  </si>
  <si>
    <t>0.04939426014868431</t>
  </si>
  <si>
    <t>10.549601554870605</t>
  </si>
  <si>
    <t>553.7551879882812</t>
  </si>
  <si>
    <t>0.012193832115565684</t>
  </si>
  <si>
    <t>45684</t>
  </si>
  <si>
    <t>9.719334602355957</t>
  </si>
  <si>
    <t>606.176025390625</t>
  </si>
  <si>
    <t>0.07048090063960899</t>
  </si>
  <si>
    <t>49266</t>
  </si>
  <si>
    <t>10.718685150146484</t>
  </si>
  <si>
    <t>456.4193115234375</t>
  </si>
  <si>
    <t>0.07548606076634634</t>
  </si>
  <si>
    <t>9578</t>
  </si>
  <si>
    <t>9.818796157836914</t>
  </si>
  <si>
    <t>436.1102294921875</t>
  </si>
  <si>
    <t>572.3597412109375</t>
  </si>
  <si>
    <t>Leszczynski</t>
  </si>
  <si>
    <t>8.820435523986816</t>
  </si>
  <si>
    <t>440.69354248046875</t>
  </si>
  <si>
    <t>-0.07645584406721717</t>
  </si>
  <si>
    <t>9067</t>
  </si>
  <si>
    <t>9.82535457611084</t>
  </si>
  <si>
    <t>415.3599548339844</t>
  </si>
  <si>
    <t>0.02162849081071805</t>
  </si>
  <si>
    <t>8.772945404052734</t>
  </si>
  <si>
    <t>565.022705078125</t>
  </si>
  <si>
    <t>0.03404491847989455</t>
  </si>
  <si>
    <t>9.545571327209473</t>
  </si>
  <si>
    <t>533.791015625</t>
  </si>
  <si>
    <t>0.04929257346086935</t>
  </si>
  <si>
    <t>10539</t>
  </si>
  <si>
    <t>8.746577262878418</t>
  </si>
  <si>
    <t>487.42230224609375</t>
  </si>
  <si>
    <t>0.06710372134711662</t>
  </si>
  <si>
    <t>7.374420166015625</t>
  </si>
  <si>
    <t>493.2998962402344</t>
  </si>
  <si>
    <t>0.05868596000286175</t>
  </si>
  <si>
    <t>11890</t>
  </si>
  <si>
    <t>9.27314281463623</t>
  </si>
  <si>
    <t>604.7616577148438</t>
  </si>
  <si>
    <t>0.061929088748028605</t>
  </si>
  <si>
    <t>9.24322509765625</t>
  </si>
  <si>
    <t>562.3140258789062</t>
  </si>
  <si>
    <t>0.04505859197900719</t>
  </si>
  <si>
    <t>9.663033485412598</t>
  </si>
  <si>
    <t>498.5801086425781</t>
  </si>
  <si>
    <t>0.04565352623356311</t>
  </si>
  <si>
    <t>10.415081024169922</t>
  </si>
  <si>
    <t>541.8630981445312</t>
  </si>
  <si>
    <t>0.05513795656359832</t>
  </si>
  <si>
    <t>13753</t>
  </si>
  <si>
    <t>9.103768348693848</t>
  </si>
  <si>
    <t>611.169677734375</t>
  </si>
  <si>
    <t>-0.0002908033462869497</t>
  </si>
  <si>
    <t>9.632184028625488</t>
  </si>
  <si>
    <t>608.4314575195312</t>
  </si>
  <si>
    <t>0.00014541224396680263</t>
  </si>
  <si>
    <t>9.219700813293457</t>
  </si>
  <si>
    <t>386.07281494140625</t>
  </si>
  <si>
    <t>0.07417028521456004</t>
  </si>
  <si>
    <t>9.619366645812988</t>
  </si>
  <si>
    <t>475.8978576660156</t>
  </si>
  <si>
    <t>0.07307077028639775</t>
  </si>
  <si>
    <t>16358</t>
  </si>
  <si>
    <t>8.572843551635742</t>
  </si>
  <si>
    <t>502.1012878417969</t>
  </si>
  <si>
    <t>0.026073624435285936</t>
  </si>
  <si>
    <t>10.499755859375</t>
  </si>
  <si>
    <t>514.6296997070312</t>
  </si>
  <si>
    <t>0.07204481794424922</t>
  </si>
  <si>
    <t>18569</t>
  </si>
  <si>
    <t>10.078333854675293</t>
  </si>
  <si>
    <t>566.686279296875</t>
  </si>
  <si>
    <t>0.054731631361427446</t>
  </si>
  <si>
    <t>19341</t>
  </si>
  <si>
    <t>9.761605262756348</t>
  </si>
  <si>
    <t>443.38543701171875</t>
  </si>
  <si>
    <t>0.04073367137813477</t>
  </si>
  <si>
    <t>9.263577461242676</t>
  </si>
  <si>
    <t>589.5670776367188</t>
  </si>
  <si>
    <t>0.0339049985787252</t>
  </si>
  <si>
    <t>8.765081405639648</t>
  </si>
  <si>
    <t>649.127685546875</t>
  </si>
  <si>
    <t>0.0243902487858918</t>
  </si>
  <si>
    <t>21578</t>
  </si>
  <si>
    <t>9.877564430236816</t>
  </si>
  <si>
    <t>530.726318359375</t>
  </si>
  <si>
    <t>0.05115183476793739</t>
  </si>
  <si>
    <t>22204</t>
  </si>
  <si>
    <t>9.297781944274902</t>
  </si>
  <si>
    <t>549.6793823242188</t>
  </si>
  <si>
    <t>0.028598175698768102</t>
  </si>
  <si>
    <t>9.379340171813965</t>
  </si>
  <si>
    <t>542.736083984375</t>
  </si>
  <si>
    <t>0.02723341933551815</t>
  </si>
  <si>
    <t>10.901992797851562</t>
  </si>
  <si>
    <t>528.9115600585938</t>
  </si>
  <si>
    <t>0.04318760377821995</t>
  </si>
  <si>
    <t>10.318658828735352</t>
  </si>
  <si>
    <t>452.5913391113281</t>
  </si>
  <si>
    <t>0.04950147849244502</t>
  </si>
  <si>
    <t>25834</t>
  </si>
  <si>
    <t>10.000353813171387</t>
  </si>
  <si>
    <t>496.284423828125</t>
  </si>
  <si>
    <t>0.031496499375725406</t>
  </si>
  <si>
    <t>10.422074317932129</t>
  </si>
  <si>
    <t>701.6723022460938</t>
  </si>
  <si>
    <t>0.05391237456820086</t>
  </si>
  <si>
    <t>10.743794441223145</t>
  </si>
  <si>
    <t>358.1445617675781</t>
  </si>
  <si>
    <t>0.05286001069722879</t>
  </si>
  <si>
    <t>11.26879596710205</t>
  </si>
  <si>
    <t>428.0365905761719</t>
  </si>
  <si>
    <t>0.04210000861329277</t>
  </si>
  <si>
    <t>29926</t>
  </si>
  <si>
    <t>10.682183265686035</t>
  </si>
  <si>
    <t>481.3409118652344</t>
  </si>
  <si>
    <t>-0.0018361799273183266</t>
  </si>
  <si>
    <t>9.82833194732666</t>
  </si>
  <si>
    <t>520.9349365234375</t>
  </si>
  <si>
    <t>0.07047098280138542</t>
  </si>
  <si>
    <t>34629</t>
  </si>
  <si>
    <t>10.856613159179688</t>
  </si>
  <si>
    <t>403.64447021484375</t>
  </si>
  <si>
    <t>0.07549283073827162</t>
  </si>
  <si>
    <t>8.256348609924316</t>
  </si>
  <si>
    <t>607.1510009765625</t>
  </si>
  <si>
    <t>250.41297912597656</t>
  </si>
  <si>
    <t>Lomzynski</t>
  </si>
  <si>
    <t>6597</t>
  </si>
  <si>
    <t>7.4136433601379395</t>
  </si>
  <si>
    <t>458.0103454589844</t>
  </si>
  <si>
    <t>-0.0764331647592531</t>
  </si>
  <si>
    <t>8.047890663146973</t>
  </si>
  <si>
    <t>601.5031127929688</t>
  </si>
  <si>
    <t>0.02174161657113416</t>
  </si>
  <si>
    <t>7.316810607910156</t>
  </si>
  <si>
    <t>598.0015258789062</t>
  </si>
  <si>
    <t>0.03397571089556095</t>
  </si>
  <si>
    <t>7.749425888061523</t>
  </si>
  <si>
    <t>578.2866821289062</t>
  </si>
  <si>
    <t>0.04923382747039717</t>
  </si>
  <si>
    <t>7.0665154457092285</t>
  </si>
  <si>
    <t>562.9800415039062</t>
  </si>
  <si>
    <t>0.06716234490446737</t>
  </si>
  <si>
    <t>8309</t>
  </si>
  <si>
    <t>5.952576160430908</t>
  </si>
  <si>
    <t>493.189208984375</t>
  </si>
  <si>
    <t>0.058610764600549814</t>
  </si>
  <si>
    <t>7.485979080200195</t>
  </si>
  <si>
    <t>609.4356079101562</t>
  </si>
  <si>
    <t>0.061947611966708394</t>
  </si>
  <si>
    <t>7.388203144073486</t>
  </si>
  <si>
    <t>632.8645629882812</t>
  </si>
  <si>
    <t>0.04512043528047016</t>
  </si>
  <si>
    <t>8.038854598999023</t>
  </si>
  <si>
    <t>553.9735107421875</t>
  </si>
  <si>
    <t>0.04565458935846323</t>
  </si>
  <si>
    <t>10229</t>
  </si>
  <si>
    <t>8.939969062805176</t>
  </si>
  <si>
    <t>536.5655517578125</t>
  </si>
  <si>
    <t>0.05516492218638547</t>
  </si>
  <si>
    <t>7.564897537231445</t>
  </si>
  <si>
    <t>633.4867553710938</t>
  </si>
  <si>
    <t>0.06518597988469566</t>
  </si>
  <si>
    <t>8.211484909057617</t>
  </si>
  <si>
    <t>523.8089599609375</t>
  </si>
  <si>
    <t>-0.011329739392795801</t>
  </si>
  <si>
    <t>7.445003032684326</t>
  </si>
  <si>
    <t>518.7357788085938</t>
  </si>
  <si>
    <t>0.011879139644687342</t>
  </si>
  <si>
    <t>7.963058948516846</t>
  </si>
  <si>
    <t>611.307373046875</t>
  </si>
  <si>
    <t>0.06271174374544408</t>
  </si>
  <si>
    <t>6.75299596786499</t>
  </si>
  <si>
    <t>516.9835205078125</t>
  </si>
  <si>
    <t>0.05722528270535143</t>
  </si>
  <si>
    <t>8.51060962677002</t>
  </si>
  <si>
    <t>602.0919189453125</t>
  </si>
  <si>
    <t>0.029993850765773544</t>
  </si>
  <si>
    <t>13699</t>
  </si>
  <si>
    <t>8.266461372375488</t>
  </si>
  <si>
    <t>605.5239868164062</t>
  </si>
  <si>
    <t>0.07642975664122531</t>
  </si>
  <si>
    <t>8.35351848602295</t>
  </si>
  <si>
    <t>590.2858276367188</t>
  </si>
  <si>
    <t>0.03873206851457667</t>
  </si>
  <si>
    <t>7.528291702270508</t>
  </si>
  <si>
    <t>670.188720703125</t>
  </si>
  <si>
    <t>0.05306139330037851</t>
  </si>
  <si>
    <t>15929</t>
  </si>
  <si>
    <t>7.525021076202393</t>
  </si>
  <si>
    <t>771.2132568359375</t>
  </si>
  <si>
    <t>0.059025048028294336</t>
  </si>
  <si>
    <t>16858</t>
  </si>
  <si>
    <t>8.086173057556152</t>
  </si>
  <si>
    <t>577.8213500976562</t>
  </si>
  <si>
    <t>0.05668397426278915</t>
  </si>
  <si>
    <t>7.5783843994140625</t>
  </si>
  <si>
    <t>621.943359375</t>
  </si>
  <si>
    <t>-0.03120923214343385</t>
  </si>
  <si>
    <t>17218</t>
  </si>
  <si>
    <t>8.063969612121582</t>
  </si>
  <si>
    <t>644.9957885742188</t>
  </si>
  <si>
    <t>0.05233925880390622</t>
  </si>
  <si>
    <t>17869</t>
  </si>
  <si>
    <t>9.155296325683594</t>
  </si>
  <si>
    <t>565.700927734375</t>
  </si>
  <si>
    <t>0.03711201966076061</t>
  </si>
  <si>
    <t>18309</t>
  </si>
  <si>
    <t>8.725386619567871</t>
  </si>
  <si>
    <t>487.77374267578125</t>
  </si>
  <si>
    <t>0.024325374333942662</t>
  </si>
  <si>
    <t>8.390016555786133</t>
  </si>
  <si>
    <t>691.4234619140625</t>
  </si>
  <si>
    <t>0.025719169341856585</t>
  </si>
  <si>
    <t>8.754183769226074</t>
  </si>
  <si>
    <t>758.027587890625</t>
  </si>
  <si>
    <t>0.0865321820279803</t>
  </si>
  <si>
    <t>21394</t>
  </si>
  <si>
    <t>8.868228912353516</t>
  </si>
  <si>
    <t>538.7731323242188</t>
  </si>
  <si>
    <t>0.043466415283635484</t>
  </si>
  <si>
    <t>22673</t>
  </si>
  <si>
    <t>9.801948547363281</t>
  </si>
  <si>
    <t>494.939208984375</t>
  </si>
  <si>
    <t>0.058064280360566656</t>
  </si>
  <si>
    <t>9.07567024230957</t>
  </si>
  <si>
    <t>605.8566284179688</t>
  </si>
  <si>
    <t>0.012883613789771431</t>
  </si>
  <si>
    <t>24644</t>
  </si>
  <si>
    <t>8.082173347473145</t>
  </si>
  <si>
    <t>637.6976928710938</t>
  </si>
  <si>
    <t>0.0704750601180475</t>
  </si>
  <si>
    <t>8.94356918334961</t>
  </si>
  <si>
    <t>595.8937377929688</t>
  </si>
  <si>
    <t>0.07547508971861383</t>
  </si>
  <si>
    <t>8.750336647033691</t>
  </si>
  <si>
    <t>560.8291625976562</t>
  </si>
  <si>
    <t>383.701904296875</t>
  </si>
  <si>
    <t>Lubelski</t>
  </si>
  <si>
    <t>8.016271591186523</t>
  </si>
  <si>
    <t>429.5755920410156</t>
  </si>
  <si>
    <t>-0.07647230646045067</t>
  </si>
  <si>
    <t>8.600337028503418</t>
  </si>
  <si>
    <t>580.118408203125</t>
  </si>
  <si>
    <t>0.02161174054901238</t>
  </si>
  <si>
    <t>7.6945366859436035</t>
  </si>
  <si>
    <t>486.5291442871094</t>
  </si>
  <si>
    <t>0.03401515811212619</t>
  </si>
  <si>
    <t>8.16919994354248</t>
  </si>
  <si>
    <t>562.4869995117188</t>
  </si>
  <si>
    <t>0.04927968812904737</t>
  </si>
  <si>
    <t>7.568467617034912</t>
  </si>
  <si>
    <t>512.5094604492188</t>
  </si>
  <si>
    <t>0.06707142200918526</t>
  </si>
  <si>
    <t>11934</t>
  </si>
  <si>
    <t>6.551069736480713</t>
  </si>
  <si>
    <t>525.0524291992188</t>
  </si>
  <si>
    <t>0.058756709332030255</t>
  </si>
  <si>
    <t>12696</t>
  </si>
  <si>
    <t>7.971733570098877</t>
  </si>
  <si>
    <t>595.0843505859375</t>
  </si>
  <si>
    <t>0.06189551412421679</t>
  </si>
  <si>
    <t>7.849267959594727</t>
  </si>
  <si>
    <t>594.3173828125</t>
  </si>
  <si>
    <t>0.04512275189441439</t>
  </si>
  <si>
    <t>8.6061372756958</t>
  </si>
  <si>
    <t>540.422119140625</t>
  </si>
  <si>
    <t>0.04562297955977179</t>
  </si>
  <si>
    <t>14690</t>
  </si>
  <si>
    <t>9.403602600097656</t>
  </si>
  <si>
    <t>532.2822875976562</t>
  </si>
  <si>
    <t>0.05513427550749128</t>
  </si>
  <si>
    <t>8.101801872253418</t>
  </si>
  <si>
    <t>601.2908935546875</t>
  </si>
  <si>
    <t>0.03195502488347479</t>
  </si>
  <si>
    <t>15468</t>
  </si>
  <si>
    <t>8.731136322021484</t>
  </si>
  <si>
    <t>470.0354309082031</t>
  </si>
  <si>
    <t>0.01965135867579093</t>
  </si>
  <si>
    <t>15848</t>
  </si>
  <si>
    <t>7.890202045440674</t>
  </si>
  <si>
    <t>449.0023498535156</t>
  </si>
  <si>
    <t>0.024269935651199503</t>
  </si>
  <si>
    <t>16105</t>
  </si>
  <si>
    <t>8.506869316101074</t>
  </si>
  <si>
    <t>572.5442504882812</t>
  </si>
  <si>
    <t>0.016086473386911493</t>
  </si>
  <si>
    <t>16300</t>
  </si>
  <si>
    <t>7.335134983062744</t>
  </si>
  <si>
    <t>462.0908203125</t>
  </si>
  <si>
    <t>0.0120353250295544</t>
  </si>
  <si>
    <t>17189</t>
  </si>
  <si>
    <t>9.032601356506348</t>
  </si>
  <si>
    <t>530.735107421875</t>
  </si>
  <si>
    <t>0.05310453653330427</t>
  </si>
  <si>
    <t>8.836935997009277</t>
  </si>
  <si>
    <t>545.3758544921875</t>
  </si>
  <si>
    <t>0.082969632762671</t>
  </si>
  <si>
    <t>20062</t>
  </si>
  <si>
    <t>8.878602981567383</t>
  </si>
  <si>
    <t>568.6240234375</t>
  </si>
  <si>
    <t>0.07158820135260235</t>
  </si>
  <si>
    <t>20728</t>
  </si>
  <si>
    <t>7.947803497314453</t>
  </si>
  <si>
    <t>676.0029907226562</t>
  </si>
  <si>
    <t>0.03265796479851524</t>
  </si>
  <si>
    <t>8.046339988708496</t>
  </si>
  <si>
    <t>742.1312866210938</t>
  </si>
  <si>
    <t>0.035590270362316545</t>
  </si>
  <si>
    <t>8.656868934631348</t>
  </si>
  <si>
    <t>530.52734375</t>
  </si>
  <si>
    <t>0.03441199759772928</t>
  </si>
  <si>
    <t>8.04780387878418</t>
  </si>
  <si>
    <t>564.63525390625</t>
  </si>
  <si>
    <t>0.05916560444792296</t>
  </si>
  <si>
    <t>8.56120491027832</t>
  </si>
  <si>
    <t>622.6434936523438</t>
  </si>
  <si>
    <t>0.03597690025310385</t>
  </si>
  <si>
    <t>9.709403038024902</t>
  </si>
  <si>
    <t>536.191650390625</t>
  </si>
  <si>
    <t>0.032750241592404805</t>
  </si>
  <si>
    <t>9.299604415893555</t>
  </si>
  <si>
    <t>458.78466796875</t>
  </si>
  <si>
    <t>0.010042815242574221</t>
  </si>
  <si>
    <t>8.98620319366455</t>
  </si>
  <si>
    <t>634.835205078125</t>
  </si>
  <si>
    <t>0.03545474222762479</t>
  </si>
  <si>
    <t>9.250337600708008</t>
  </si>
  <si>
    <t>678.1932983398438</t>
  </si>
  <si>
    <t>0.04842989468396297</t>
  </si>
  <si>
    <t>9.450337409973145</t>
  </si>
  <si>
    <t>500.9136657714844</t>
  </si>
  <si>
    <t>0.04914700312905218</t>
  </si>
  <si>
    <t>10.344537734985352</t>
  </si>
  <si>
    <t>474.0098876953125</t>
  </si>
  <si>
    <t>0.047596934380186084</t>
  </si>
  <si>
    <t>9.611205101013184</t>
  </si>
  <si>
    <t>581.23779296875</t>
  </si>
  <si>
    <t>-0.03217613963102117</t>
  </si>
  <si>
    <t>31764</t>
  </si>
  <si>
    <t>8.597803115844727</t>
  </si>
  <si>
    <t>604.606689453125</t>
  </si>
  <si>
    <t>0.07045786548729893</t>
  </si>
  <si>
    <t>9.442736625671387</t>
  </si>
  <si>
    <t>530.2548217773438</t>
  </si>
  <si>
    <t>0.07549896642189857</t>
  </si>
  <si>
    <t>8998</t>
  </si>
  <si>
    <t>9.271536827087402</t>
  </si>
  <si>
    <t>533.6784057617188</t>
  </si>
  <si>
    <t>672.533203125</t>
  </si>
  <si>
    <t>LÔøΩdzki</t>
  </si>
  <si>
    <t>8.210458755493164</t>
  </si>
  <si>
    <t>461.7361755371094</t>
  </si>
  <si>
    <t>-0.07641884540796973</t>
  </si>
  <si>
    <t>9.057903289794922</t>
  </si>
  <si>
    <t>550.7933349609375</t>
  </si>
  <si>
    <t>0.021598086490010715</t>
  </si>
  <si>
    <t>8.29615306854248</t>
  </si>
  <si>
    <t>543.8378295898438</t>
  </si>
  <si>
    <t>0.03404633261650147</t>
  </si>
  <si>
    <t>9.054535865783691</t>
  </si>
  <si>
    <t>585.3451538085938</t>
  </si>
  <si>
    <t>0.049260138491556305</t>
  </si>
  <si>
    <t>8.127124786376953</t>
  </si>
  <si>
    <t>551.04248046875</t>
  </si>
  <si>
    <t>0.06714771953129883</t>
  </si>
  <si>
    <t>6.87120246887207</t>
  </si>
  <si>
    <t>536.6567993164062</t>
  </si>
  <si>
    <t>0.05864425239242621</t>
  </si>
  <si>
    <t>8.535744667053223</t>
  </si>
  <si>
    <t>614.7574462890625</t>
  </si>
  <si>
    <t>0.06195159854830479</t>
  </si>
  <si>
    <t>11685</t>
  </si>
  <si>
    <t>8.563155174255371</t>
  </si>
  <si>
    <t>587.19873046875</t>
  </si>
  <si>
    <t>0.0450743549097119</t>
  </si>
  <si>
    <t>8.955109596252441</t>
  </si>
  <si>
    <t>569.7969970703125</t>
  </si>
  <si>
    <t>0.045667744514405584</t>
  </si>
  <si>
    <t>9.887726783752441</t>
  </si>
  <si>
    <t>562.0423583984375</t>
  </si>
  <si>
    <t>0.0551123354570251</t>
  </si>
  <si>
    <t>8.485458374023438</t>
  </si>
  <si>
    <t>670.0001220703125</t>
  </si>
  <si>
    <t>0.047079072636348585</t>
  </si>
  <si>
    <t>14087</t>
  </si>
  <si>
    <t>9.143265724182129</t>
  </si>
  <si>
    <t>579.736328125</t>
  </si>
  <si>
    <t>0.03908726567956933</t>
  </si>
  <si>
    <t>14906</t>
  </si>
  <si>
    <t>8.615997314453125</t>
  </si>
  <si>
    <t>438.15484619140625</t>
  </si>
  <si>
    <t>0.056511430181332756</t>
  </si>
  <si>
    <t>15346</t>
  </si>
  <si>
    <t>8.938347816467285</t>
  </si>
  <si>
    <t>570.7584228515625</t>
  </si>
  <si>
    <t>0.029091037295971844</t>
  </si>
  <si>
    <t>7.86358642578125</t>
  </si>
  <si>
    <t>503.09747314453125</t>
  </si>
  <si>
    <t>0.057114970522610164</t>
  </si>
  <si>
    <t>9.733238220214844</t>
  </si>
  <si>
    <t>565.318115234375</t>
  </si>
  <si>
    <t>0.07645714849791752</t>
  </si>
  <si>
    <t>18957</t>
  </si>
  <si>
    <t>9.513252258300781</t>
  </si>
  <si>
    <t>579.5582275390625</t>
  </si>
  <si>
    <t>0.0777462836834264</t>
  </si>
  <si>
    <t>19576</t>
  </si>
  <si>
    <t>9.343216896057129</t>
  </si>
  <si>
    <t>532.7008056640625</t>
  </si>
  <si>
    <t>0.03213106968094337</t>
  </si>
  <si>
    <t>8.904248237609863</t>
  </si>
  <si>
    <t>662.56884765625</t>
  </si>
  <si>
    <t>-0.00517273438356014</t>
  </si>
  <si>
    <t>19944</t>
  </si>
  <si>
    <t>8.421010971069336</t>
  </si>
  <si>
    <t>769.7844848632812</t>
  </si>
  <si>
    <t>0.023796754464445513</t>
  </si>
  <si>
    <t>20618</t>
  </si>
  <si>
    <t>9.296538352966309</t>
  </si>
  <si>
    <t>537.6087646484375</t>
  </si>
  <si>
    <t>0.03323613445293638</t>
  </si>
  <si>
    <t>21071</t>
  </si>
  <si>
    <t>8.923613548278809</t>
  </si>
  <si>
    <t>560.9397583007812</t>
  </si>
  <si>
    <t>0.02173320686047653</t>
  </si>
  <si>
    <t>21253</t>
  </si>
  <si>
    <t>9.045771598815918</t>
  </si>
  <si>
    <t>631.3405151367188</t>
  </si>
  <si>
    <t>0.008600374341884987</t>
  </si>
  <si>
    <t>22336</t>
  </si>
  <si>
    <t>10.340853691101074</t>
  </si>
  <si>
    <t>601.5534057617188</t>
  </si>
  <si>
    <t>0.049701664703407644</t>
  </si>
  <si>
    <t>23864</t>
  </si>
  <si>
    <t>9.829487800598145</t>
  </si>
  <si>
    <t>458.9038391113281</t>
  </si>
  <si>
    <t>0.06617132063248476</t>
  </si>
  <si>
    <t>9.45487117767334</t>
  </si>
  <si>
    <t>630.6307373046875</t>
  </si>
  <si>
    <t>0.019421309246011376</t>
  </si>
  <si>
    <t>25014</t>
  </si>
  <si>
    <t>10.00704288482666</t>
  </si>
  <si>
    <t>660.5548706054688</t>
  </si>
  <si>
    <t>0.027643311668256842</t>
  </si>
  <si>
    <t>26596</t>
  </si>
  <si>
    <t>10.15747356414795</t>
  </si>
  <si>
    <t>512.1864013671875</t>
  </si>
  <si>
    <t>0.06132516041349234</t>
  </si>
  <si>
    <t>10.68801212310791</t>
  </si>
  <si>
    <t>504.9250793457031</t>
  </si>
  <si>
    <t>0.049155351116983326</t>
  </si>
  <si>
    <t>10.104823112487793</t>
  </si>
  <si>
    <t>631.2041625976562</t>
  </si>
  <si>
    <t>0.020584221015303328</t>
  </si>
  <si>
    <t>30599</t>
  </si>
  <si>
    <t>9.202173233032227</t>
  </si>
  <si>
    <t>590.5597534179688</t>
  </si>
  <si>
    <t>0.07046692801328369</t>
  </si>
  <si>
    <t>32998</t>
  </si>
  <si>
    <t>549.4238891601562</t>
  </si>
  <si>
    <t>0.07547962488347437</t>
  </si>
  <si>
    <t>8.74218463897705</t>
  </si>
  <si>
    <t>710.6810302734375</t>
  </si>
  <si>
    <t>374.18743896484375</t>
  </si>
  <si>
    <t>Nowosadecki</t>
  </si>
  <si>
    <t>7.713503360748291</t>
  </si>
  <si>
    <t>714.6514282226562</t>
  </si>
  <si>
    <t>-0.07643127592511689</t>
  </si>
  <si>
    <t>8.54683780670166</t>
  </si>
  <si>
    <t>666.6890869140625</t>
  </si>
  <si>
    <t>0.021708015793812763</t>
  </si>
  <si>
    <t>7.887531757354736</t>
  </si>
  <si>
    <t>626.2251586914062</t>
  </si>
  <si>
    <t>0.03391540583296759</t>
  </si>
  <si>
    <t>7845</t>
  </si>
  <si>
    <t>8.575518608093262</t>
  </si>
  <si>
    <t>660.6989135742188</t>
  </si>
  <si>
    <t>0.049383074131430504</t>
  </si>
  <si>
    <t>7.567184925079346</t>
  </si>
  <si>
    <t>616.7626342773438</t>
  </si>
  <si>
    <t>0.06704493767916198</t>
  </si>
  <si>
    <t>8896</t>
  </si>
  <si>
    <t>6.350518703460693</t>
  </si>
  <si>
    <t>706.4178466796875</t>
  </si>
  <si>
    <t>0.05868041364406906</t>
  </si>
  <si>
    <t>7.938503265380859</t>
  </si>
  <si>
    <t>779.7527465820312</t>
  </si>
  <si>
    <t>0.061999047153058484</t>
  </si>
  <si>
    <t>8.058852195739746</t>
  </si>
  <si>
    <t>787.435546875</t>
  </si>
  <si>
    <t>0.045034977479092575</t>
  </si>
  <si>
    <t>10364</t>
  </si>
  <si>
    <t>8.425518989562988</t>
  </si>
  <si>
    <t>831.6410522460938</t>
  </si>
  <si>
    <t>0.04570250055948577</t>
  </si>
  <si>
    <t>9.483851432800293</t>
  </si>
  <si>
    <t>835.7765502929688</t>
  </si>
  <si>
    <t>0.055092513593757886</t>
  </si>
  <si>
    <t>8.021836280822754</t>
  </si>
  <si>
    <t>891.9152221679688</t>
  </si>
  <si>
    <t>0.006190279212018979</t>
  </si>
  <si>
    <t>8.755170822143555</t>
  </si>
  <si>
    <t>758.0225830078125</t>
  </si>
  <si>
    <t>0.01387909805955978</t>
  </si>
  <si>
    <t>11396</t>
  </si>
  <si>
    <t>8.112532615661621</t>
  </si>
  <si>
    <t>599.6307983398438</t>
  </si>
  <si>
    <t>0.019762263070461472</t>
  </si>
  <si>
    <t>8.42648983001709</t>
  </si>
  <si>
    <t>772.861328125</t>
  </si>
  <si>
    <t>0.03898105919894057</t>
  </si>
  <si>
    <t>12506</t>
  </si>
  <si>
    <t>7.238503932952881</t>
  </si>
  <si>
    <t>737.1300048828125</t>
  </si>
  <si>
    <t>0.053965053310504274</t>
  </si>
  <si>
    <t>9.062533378601074</t>
  </si>
  <si>
    <t>754.6864624023438</t>
  </si>
  <si>
    <t>0.04525800683700254</t>
  </si>
  <si>
    <t>8.942185401916504</t>
  </si>
  <si>
    <t>746.0607299804688</t>
  </si>
  <si>
    <t>0.05493967607959149</t>
  </si>
  <si>
    <t>8.880170822143555</t>
  </si>
  <si>
    <t>737.2337646484375</t>
  </si>
  <si>
    <t>0.08510466066949007</t>
  </si>
  <si>
    <t>8.42454719543457</t>
  </si>
  <si>
    <t>887.0127563476562</t>
  </si>
  <si>
    <t>0.013461995566927953</t>
  </si>
  <si>
    <t>7.9505181312561035</t>
  </si>
  <si>
    <t>1028.2960205078125</t>
  </si>
  <si>
    <t>-0.024618873830378973</t>
  </si>
  <si>
    <t>8.693157196044922</t>
  </si>
  <si>
    <t>682.7330932617188</t>
  </si>
  <si>
    <t>0.06313091352257061</t>
  </si>
  <si>
    <t>8.471837997436523</t>
  </si>
  <si>
    <t>673.7521362304688</t>
  </si>
  <si>
    <t>0.003337219355133314</t>
  </si>
  <si>
    <t>15881</t>
  </si>
  <si>
    <t>8.641213417053223</t>
  </si>
  <si>
    <t>746.3128662109375</t>
  </si>
  <si>
    <t>-0.001698701216934495</t>
  </si>
  <si>
    <t>9.855170249938965</t>
  </si>
  <si>
    <t>911.8225708007812</t>
  </si>
  <si>
    <t>0.07155449756987409</t>
  </si>
  <si>
    <t>17685</t>
  </si>
  <si>
    <t>9.371837615966797</t>
  </si>
  <si>
    <t>617.8607788085938</t>
  </si>
  <si>
    <t>0.03603889895906143</t>
  </si>
  <si>
    <t>17721</t>
  </si>
  <si>
    <t>8.93385124206543</t>
  </si>
  <si>
    <t>855.02587890625</t>
  </si>
  <si>
    <t>0.0020335543357639096</t>
  </si>
  <si>
    <t>9.58385181427002</t>
  </si>
  <si>
    <t>875.54296875</t>
  </si>
  <si>
    <t>0.057083170710550135</t>
  </si>
  <si>
    <t>9.6061429977417</t>
  </si>
  <si>
    <t>706.7802124023438</t>
  </si>
  <si>
    <t>0.09738185666678056</t>
  </si>
  <si>
    <t>21556</t>
  </si>
  <si>
    <t>10.21447467803955</t>
  </si>
  <si>
    <t>706.0578002929688</t>
  </si>
  <si>
    <t>0.04143879570071185</t>
  </si>
  <si>
    <t>21773</t>
  </si>
  <si>
    <t>9.55885124206543</t>
  </si>
  <si>
    <t>937.5426635742188</t>
  </si>
  <si>
    <t>0.010016469998930688</t>
  </si>
  <si>
    <t>23363</t>
  </si>
  <si>
    <t>8.684823989868164</t>
  </si>
  <si>
    <t>803.6712646484375</t>
  </si>
  <si>
    <t>0.07048290430163817</t>
  </si>
  <si>
    <t>25195</t>
  </si>
  <si>
    <t>9.788503646850586</t>
  </si>
  <si>
    <t>725.5593872070312</t>
  </si>
  <si>
    <t>0.07549198776074206</t>
  </si>
  <si>
    <t>818.0999145507812</t>
  </si>
  <si>
    <t>201.9635772705078</t>
  </si>
  <si>
    <t>Nowotarski</t>
  </si>
  <si>
    <t>7.0500006675720215</t>
  </si>
  <si>
    <t>-0.07639090442900098</t>
  </si>
  <si>
    <t>0.021554832552450165</t>
  </si>
  <si>
    <t>712.5000610351562</t>
  </si>
  <si>
    <t>0.03401090050352096</t>
  </si>
  <si>
    <t>855.300048828125</t>
  </si>
  <si>
    <t>0.04935281385251855</t>
  </si>
  <si>
    <t>6.950000762939453</t>
  </si>
  <si>
    <t>0.06711614010966294</t>
  </si>
  <si>
    <t>8266</t>
  </si>
  <si>
    <t>5.708332538604736</t>
  </si>
  <si>
    <t>0.05866821357980179</t>
  </si>
  <si>
    <t>7.350001811981201</t>
  </si>
  <si>
    <t>982.5999145507812</t>
  </si>
  <si>
    <t>0.0619189546690766</t>
  </si>
  <si>
    <t>7.4416656494140625</t>
  </si>
  <si>
    <t>929.0000610351562</t>
  </si>
  <si>
    <t>0.04513381329637767</t>
  </si>
  <si>
    <t>0.045679741755039416</t>
  </si>
  <si>
    <t>10176</t>
  </si>
  <si>
    <t>959.7999877929688</t>
  </si>
  <si>
    <t>0.05514878078773222</t>
  </si>
  <si>
    <t>7.400001049041748</t>
  </si>
  <si>
    <t>-0.0016719944883583082</t>
  </si>
  <si>
    <t>8.116665840148926</t>
  </si>
  <si>
    <t>886.7999877929688</t>
  </si>
  <si>
    <t>0.02373421397934905</t>
  </si>
  <si>
    <t>7.5</t>
  </si>
  <si>
    <t>0.036432870480444635</t>
  </si>
  <si>
    <t>0.019004473733797766</t>
  </si>
  <si>
    <t>6.6583333015441895</t>
  </si>
  <si>
    <t>850.39990234375</t>
  </si>
  <si>
    <t>0.04768092094080245</t>
  </si>
  <si>
    <t>844.0000610351562</t>
  </si>
  <si>
    <t>0.04898420545129056</t>
  </si>
  <si>
    <t>8.308334350585938</t>
  </si>
  <si>
    <t>880.0999755859375</t>
  </si>
  <si>
    <t>0.050549953448923546</t>
  </si>
  <si>
    <t>13526</t>
  </si>
  <si>
    <t>833.2999267578125</t>
  </si>
  <si>
    <t>0.05986710900873149</t>
  </si>
  <si>
    <t>7.883333206176758</t>
  </si>
  <si>
    <t>1023.2000122070312</t>
  </si>
  <si>
    <t>0.03608507959176599</t>
  </si>
  <si>
    <t>14170</t>
  </si>
  <si>
    <t>1178.0</t>
  </si>
  <si>
    <t>0.010428214958075444</t>
  </si>
  <si>
    <t>14428</t>
  </si>
  <si>
    <t>0.018043709338703806</t>
  </si>
  <si>
    <t>775.0999145507812</t>
  </si>
  <si>
    <t>0.021461964023847813</t>
  </si>
  <si>
    <t>14738</t>
  </si>
  <si>
    <t>842.2999877929688</t>
  </si>
  <si>
    <t>-0.00020353472033285414</t>
  </si>
  <si>
    <t>15358</t>
  </si>
  <si>
    <t>1049.4000244140625</t>
  </si>
  <si>
    <t>0.04120731856354354</t>
  </si>
  <si>
    <t>16163</t>
  </si>
  <si>
    <t>0.05108816851931941</t>
  </si>
  <si>
    <t>16815</t>
  </si>
  <si>
    <t>1002.8001098632812</t>
  </si>
  <si>
    <t>0.03954666576456134</t>
  </si>
  <si>
    <t>981.7999877929688</t>
  </si>
  <si>
    <t>0.05861108668281645</t>
  </si>
  <si>
    <t>19243</t>
  </si>
  <si>
    <t>823.3999633789062</t>
  </si>
  <si>
    <t>0.07626492636337368</t>
  </si>
  <si>
    <t>19808</t>
  </si>
  <si>
    <t>839.3999633789062</t>
  </si>
  <si>
    <t>0.02893853826376258</t>
  </si>
  <si>
    <t>1066.5001220703125</t>
  </si>
  <si>
    <t>-0.04022687344392217</t>
  </si>
  <si>
    <t>8.050002098083496</t>
  </si>
  <si>
    <t>933.199951171875</t>
  </si>
  <si>
    <t>0.07045988410411574</t>
  </si>
  <si>
    <t>22017</t>
  </si>
  <si>
    <t>0.07549597506865702</t>
  </si>
  <si>
    <t>466.6000061035156</t>
  </si>
  <si>
    <t>105.32904052734375</t>
  </si>
  <si>
    <t>Nyski</t>
  </si>
  <si>
    <t>530.6000366210938</t>
  </si>
  <si>
    <t>-0.07648741490073796</t>
  </si>
  <si>
    <t>7354</t>
  </si>
  <si>
    <t>466.49993896484375</t>
  </si>
  <si>
    <t>0.021719066790794272</t>
  </si>
  <si>
    <t>0.033955942364007896</t>
  </si>
  <si>
    <t>0.049240716103163606</t>
  </si>
  <si>
    <t>8547</t>
  </si>
  <si>
    <t>0.06713930283762792</t>
  </si>
  <si>
    <t>0.05873017954182558</t>
  </si>
  <si>
    <t>9.041666030883789</t>
  </si>
  <si>
    <t>733.1000366210938</t>
  </si>
  <si>
    <t>0.0619217398025409</t>
  </si>
  <si>
    <t>10088</t>
  </si>
  <si>
    <t>0.045114335134371686</t>
  </si>
  <si>
    <t>599.9000854492188</t>
  </si>
  <si>
    <t>0.04563197816175979</t>
  </si>
  <si>
    <t>639.9000244140625</t>
  </si>
  <si>
    <t>0.055178152598958974</t>
  </si>
  <si>
    <t>11081</t>
  </si>
  <si>
    <t>734.89990234375</t>
  </si>
  <si>
    <t>-0.006924799469148368</t>
  </si>
  <si>
    <t>675.300048828125</t>
  </si>
  <si>
    <t>0.029608742160327495</t>
  </si>
  <si>
    <t>461.6000061035156</t>
  </si>
  <si>
    <t>-0.005799155167911962</t>
  </si>
  <si>
    <t>537.0</t>
  </si>
  <si>
    <t>0.010431828109563668</t>
  </si>
  <si>
    <t>12336</t>
  </si>
  <si>
    <t>577.300048828125</t>
  </si>
  <si>
    <t>0.073048471764805</t>
  </si>
  <si>
    <t>13043</t>
  </si>
  <si>
    <t>629.8999633789062</t>
  </si>
  <si>
    <t>0.05572977456717254</t>
  </si>
  <si>
    <t>0.10112707906579566</t>
  </si>
  <si>
    <t>510.1999816894531</t>
  </si>
  <si>
    <t>0.03124401481947281</t>
  </si>
  <si>
    <t>15437</t>
  </si>
  <si>
    <t>0.03614453992629052</t>
  </si>
  <si>
    <t>15595</t>
  </si>
  <si>
    <t>0.010183124860061454</t>
  </si>
  <si>
    <t>16234</t>
  </si>
  <si>
    <t>0.040157458279217906</t>
  </si>
  <si>
    <t>16364</t>
  </si>
  <si>
    <t>0.007975991728168097</t>
  </si>
  <si>
    <t>16373</t>
  </si>
  <si>
    <t>650.199951171875</t>
  </si>
  <si>
    <t>0.0005498365902028013</t>
  </si>
  <si>
    <t>679.2000122070312</t>
  </si>
  <si>
    <t>0.026578236055749827</t>
  </si>
  <si>
    <t>17197</t>
  </si>
  <si>
    <t>499.29998779296875</t>
  </si>
  <si>
    <t>0.022523077288957083</t>
  </si>
  <si>
    <t>639.2000732421875</t>
  </si>
  <si>
    <t>0.03181956572259992</t>
  </si>
  <si>
    <t>18456</t>
  </si>
  <si>
    <t>0.03883500514679028</t>
  </si>
  <si>
    <t>19488</t>
  </si>
  <si>
    <t>496.9999694824219</t>
  </si>
  <si>
    <t>0.05440937065603535</t>
  </si>
  <si>
    <t>20337</t>
  </si>
  <si>
    <t>0.042642995589451616</t>
  </si>
  <si>
    <t>20235</t>
  </si>
  <si>
    <t>651.2999877929688</t>
  </si>
  <si>
    <t>-0.005028108789110419</t>
  </si>
  <si>
    <t>21712</t>
  </si>
  <si>
    <t>0.07045132476468474</t>
  </si>
  <si>
    <t>23415</t>
  </si>
  <si>
    <t>501.00006103515625</t>
  </si>
  <si>
    <t>0.07551173954299273</t>
  </si>
  <si>
    <t>8.255622863769531</t>
  </si>
  <si>
    <t>691.2377319335938</t>
  </si>
  <si>
    <t>315.5518798828125</t>
  </si>
  <si>
    <t>Olsztynski</t>
  </si>
  <si>
    <t>7.394608974456787</t>
  </si>
  <si>
    <t>645.865478515625</t>
  </si>
  <si>
    <t>-0.07639832523892309</t>
  </si>
  <si>
    <t>9485</t>
  </si>
  <si>
    <t>8.000872611999512</t>
  </si>
  <si>
    <t>629.54296875</t>
  </si>
  <si>
    <t>0.021526832969181342</t>
  </si>
  <si>
    <t>9813</t>
  </si>
  <si>
    <t>7.302164077758789</t>
  </si>
  <si>
    <t>688.4705200195312</t>
  </si>
  <si>
    <t>0.03399643383738038</t>
  </si>
  <si>
    <t>10309</t>
  </si>
  <si>
    <t>7.673285961151123</t>
  </si>
  <si>
    <t>641.5685424804688</t>
  </si>
  <si>
    <t>0.04930926288989035</t>
  </si>
  <si>
    <t>7.109368801116943</t>
  </si>
  <si>
    <t>636.7780151367188</t>
  </si>
  <si>
    <t>0.06714812121866132</t>
  </si>
  <si>
    <t>6.070156574249268</t>
  </si>
  <si>
    <t>506.8914794921875</t>
  </si>
  <si>
    <t>0.05865389369177265</t>
  </si>
  <si>
    <t>7.4716267585754395</t>
  </si>
  <si>
    <t>720.4533081054688</t>
  </si>
  <si>
    <t>0.06193698765701505</t>
  </si>
  <si>
    <t>7.357116222381592</t>
  </si>
  <si>
    <t>780.5245361328125</t>
  </si>
  <si>
    <t>0.04511570592940828</t>
  </si>
  <si>
    <t>13620</t>
  </si>
  <si>
    <t>8.072948455810547</t>
  </si>
  <si>
    <t>710.7939453125</t>
  </si>
  <si>
    <t>0.045667292110261215</t>
  </si>
  <si>
    <t>8.894686698913574</t>
  </si>
  <si>
    <t>575.3353881835938</t>
  </si>
  <si>
    <t>0.0551331959268655</t>
  </si>
  <si>
    <t>7.5837931632995605</t>
  </si>
  <si>
    <t>787.4906005859375</t>
  </si>
  <si>
    <t>-0.022059201462292677</t>
  </si>
  <si>
    <t>8.21544361114502</t>
  </si>
  <si>
    <t>592.2520141601562</t>
  </si>
  <si>
    <t>0.0237947706438284</t>
  </si>
  <si>
    <t>7.385393142700195</t>
  </si>
  <si>
    <t>604.1992797851562</t>
  </si>
  <si>
    <t>0.060228768880831396</t>
  </si>
  <si>
    <t>7.945614337921143</t>
  </si>
  <si>
    <t>725.4943237304688</t>
  </si>
  <si>
    <t>0.027695465009658804</t>
  </si>
  <si>
    <t>16260</t>
  </si>
  <si>
    <t>6.819385528564453</t>
  </si>
  <si>
    <t>560.5184326171875</t>
  </si>
  <si>
    <t>0.03237580439940757</t>
  </si>
  <si>
    <t>8.481192588806152</t>
  </si>
  <si>
    <t>673.4133911132812</t>
  </si>
  <si>
    <t>0.03961092937348987</t>
  </si>
  <si>
    <t>17791</t>
  </si>
  <si>
    <t>8.27021598815918</t>
  </si>
  <si>
    <t>751.3218994140625</t>
  </si>
  <si>
    <t>0.05037367795948278</t>
  </si>
  <si>
    <t>18397</t>
  </si>
  <si>
    <t>8.421579360961914</t>
  </si>
  <si>
    <t>650.9790649414062</t>
  </si>
  <si>
    <t>0.033494896391008666</t>
  </si>
  <si>
    <t>19022</t>
  </si>
  <si>
    <t>7.488725662231445</t>
  </si>
  <si>
    <t>670.344970703125</t>
  </si>
  <si>
    <t>0.03340859621654779</t>
  </si>
  <si>
    <t>19440</t>
  </si>
  <si>
    <t>7.645504474639893</t>
  </si>
  <si>
    <t>834.6973266601562</t>
  </si>
  <si>
    <t>0.0217365949720989</t>
  </si>
  <si>
    <t>20473</t>
  </si>
  <si>
    <t>8.132737159729004</t>
  </si>
  <si>
    <t>692.0933837890625</t>
  </si>
  <si>
    <t>0.051774145838148655</t>
  </si>
  <si>
    <t>7.556818008422852</t>
  </si>
  <si>
    <t>736.6409301757812</t>
  </si>
  <si>
    <t>0.010156811892342077</t>
  </si>
  <si>
    <t>21248</t>
  </si>
  <si>
    <t>8.13119125366211</t>
  </si>
  <si>
    <t>678.6470947265625</t>
  </si>
  <si>
    <t>0.026999016531238595</t>
  </si>
  <si>
    <t>9.135502815246582</t>
  </si>
  <si>
    <t>634.4306640625</t>
  </si>
  <si>
    <t>0.03586999454628348</t>
  </si>
  <si>
    <t>8.74189281463623</t>
  </si>
  <si>
    <t>561.5709228515625</t>
  </si>
  <si>
    <t>0.027320432703444197</t>
  </si>
  <si>
    <t>23322</t>
  </si>
  <si>
    <t>8.44076156616211</t>
  </si>
  <si>
    <t>751.3681030273438</t>
  </si>
  <si>
    <t>0.029943920554391212</t>
  </si>
  <si>
    <t>23829</t>
  </si>
  <si>
    <t>8.703596115112305</t>
  </si>
  <si>
    <t>788.54736328125</t>
  </si>
  <si>
    <t>0.02150620522096247</t>
  </si>
  <si>
    <t>8.796494483947754</t>
  </si>
  <si>
    <t>599.5645141601562</t>
  </si>
  <si>
    <t>0.041712948377952586</t>
  </si>
  <si>
    <t>9.75880241394043</t>
  </si>
  <si>
    <t>575.7822265625</t>
  </si>
  <si>
    <t>0.045210996306085605</t>
  </si>
  <si>
    <t>9.10276985168457</t>
  </si>
  <si>
    <t>681.14453125</t>
  </si>
  <si>
    <t>-0.00038479298612514867</t>
  </si>
  <si>
    <t>8.022970199584961</t>
  </si>
  <si>
    <t>704.2132568359375</t>
  </si>
  <si>
    <t>0.07046710787530586</t>
  </si>
  <si>
    <t>8.88257122039795</t>
  </si>
  <si>
    <t>617.9411010742188</t>
  </si>
  <si>
    <t>0.075485379313319</t>
  </si>
  <si>
    <t>10529</t>
  </si>
  <si>
    <t>9.608187675476074</t>
  </si>
  <si>
    <t>518.4002685546875</t>
  </si>
  <si>
    <t>447.88623046875</t>
  </si>
  <si>
    <t>Opolski</t>
  </si>
  <si>
    <t>8.525578498840332</t>
  </si>
  <si>
    <t>572.7197265625</t>
  </si>
  <si>
    <t>-0.07635338079954757</t>
  </si>
  <si>
    <t>9.469042778015137</t>
  </si>
  <si>
    <t>514.6552734375</t>
  </si>
  <si>
    <t>0.021599987970022383</t>
  </si>
  <si>
    <t>8.592235565185547</t>
  </si>
  <si>
    <t>582.3983154296875</t>
  </si>
  <si>
    <t>0.033928303591789444</t>
  </si>
  <si>
    <t>10834</t>
  </si>
  <si>
    <t>9.346158981323242</t>
  </si>
  <si>
    <t>611.23974609375</t>
  </si>
  <si>
    <t>0.04938107159881966</t>
  </si>
  <si>
    <t>11585</t>
  </si>
  <si>
    <t>8.502463340759277</t>
  </si>
  <si>
    <t>605.4370727539062</t>
  </si>
  <si>
    <t>0.06702182064863216</t>
  </si>
  <si>
    <t>12286</t>
  </si>
  <si>
    <t>7.158504962921143</t>
  </si>
  <si>
    <t>636.378662109375</t>
  </si>
  <si>
    <t>0.05874924485739719</t>
  </si>
  <si>
    <t>8.979735374450684</t>
  </si>
  <si>
    <t>725.1310424804688</t>
  </si>
  <si>
    <t>0.06193563306167782</t>
  </si>
  <si>
    <t>13674</t>
  </si>
  <si>
    <t>8.899676322937012</t>
  </si>
  <si>
    <t>675.1947021484375</t>
  </si>
  <si>
    <t>0.04510018368818791</t>
  </si>
  <si>
    <t>14313</t>
  </si>
  <si>
    <t>9.3550443649292</t>
  </si>
  <si>
    <t>650.3743286132812</t>
  </si>
  <si>
    <t>0.045671995710478086</t>
  </si>
  <si>
    <t>15124</t>
  </si>
  <si>
    <t>10.15393352508545</t>
  </si>
  <si>
    <t>677.7879028320312</t>
  </si>
  <si>
    <t>0.05511467082660637</t>
  </si>
  <si>
    <t>14824</t>
  </si>
  <si>
    <t>8.867024421691895</t>
  </si>
  <si>
    <t>744.174560546875</t>
  </si>
  <si>
    <t>-0.0200353970456284</t>
  </si>
  <si>
    <t>9.397812843322754</t>
  </si>
  <si>
    <t>680.537841796875</t>
  </si>
  <si>
    <t>0.019109287301590783</t>
  </si>
  <si>
    <t>8.967979431152344</t>
  </si>
  <si>
    <t>489.5616455078125</t>
  </si>
  <si>
    <t>0.024515037140517393</t>
  </si>
  <si>
    <t>18265</t>
  </si>
  <si>
    <t>9.335022926330566</t>
  </si>
  <si>
    <t>596.2633056640625</t>
  </si>
  <si>
    <t>0.16511484682208</t>
  </si>
  <si>
    <t>17987</t>
  </si>
  <si>
    <t>8.321023941040039</t>
  </si>
  <si>
    <t>-0.015337385501412726</t>
  </si>
  <si>
    <t>10.225327491760254</t>
  </si>
  <si>
    <t>631.9373168945312</t>
  </si>
  <si>
    <t>0.033458541087156846</t>
  </si>
  <si>
    <t>20532</t>
  </si>
  <si>
    <t>9.895174026489258</t>
  </si>
  <si>
    <t>641.4660034179688</t>
  </si>
  <si>
    <t>0.0988768288650661</t>
  </si>
  <si>
    <t>22212</t>
  </si>
  <si>
    <t>9.608845710754395</t>
  </si>
  <si>
    <t>555.4970092773438</t>
  </si>
  <si>
    <t>0.07864803868130466</t>
  </si>
  <si>
    <t>22155</t>
  </si>
  <si>
    <t>9.151623725891113</t>
  </si>
  <si>
    <t>729.744384765625</t>
  </si>
  <si>
    <t>-0.0025694787279082476</t>
  </si>
  <si>
    <t>8.682223320007324</t>
  </si>
  <si>
    <t>825.6115112304688</t>
  </si>
  <si>
    <t>0.04785475566642283</t>
  </si>
  <si>
    <t>9.65469741821289</t>
  </si>
  <si>
    <t>590.9745483398438</t>
  </si>
  <si>
    <t>0.047393872419050354</t>
  </si>
  <si>
    <t>24468</t>
  </si>
  <si>
    <t>9.164186477661133</t>
  </si>
  <si>
    <t>598.8440551757812</t>
  </si>
  <si>
    <t>0.004054308643391735</t>
  </si>
  <si>
    <t>9.253190040588379</t>
  </si>
  <si>
    <t>644.83544921875</t>
  </si>
  <si>
    <t>0.009194157765234579</t>
  </si>
  <si>
    <t>26190</t>
  </si>
  <si>
    <t>10.6690034866333</t>
  </si>
  <si>
    <t>726.9525146484375</t>
  </si>
  <si>
    <t>0.058817359374067735</t>
  </si>
  <si>
    <t>27342</t>
  </si>
  <si>
    <t>10.122130393981934</t>
  </si>
  <si>
    <t>522.6692504882812</t>
  </si>
  <si>
    <t>0.04304632299018074</t>
  </si>
  <si>
    <t>9.807305335998535</t>
  </si>
  <si>
    <t>684.5697021484375</t>
  </si>
  <si>
    <t>0.007251821952110049</t>
  </si>
  <si>
    <t>10.261115074157715</t>
  </si>
  <si>
    <t>746.7628173828125</t>
  </si>
  <si>
    <t>0.04775048051324582</t>
  </si>
  <si>
    <t>10.468680381774902</t>
  </si>
  <si>
    <t>565.2399291992188</t>
  </si>
  <si>
    <t>0.059760873911917756</t>
  </si>
  <si>
    <t>11.050536155700684</t>
  </si>
  <si>
    <t>561.1322631835938</t>
  </si>
  <si>
    <t>0.041735914655625095</t>
  </si>
  <si>
    <t>30875</t>
  </si>
  <si>
    <t>10.4559907913208</t>
  </si>
  <si>
    <t>720.8362426757812</t>
  </si>
  <si>
    <t>-0.03497627759455746</t>
  </si>
  <si>
    <t>9.561211585998535</t>
  </si>
  <si>
    <t>656.8447265625</t>
  </si>
  <si>
    <t>0.07046223678496233</t>
  </si>
  <si>
    <t>10.617527961730957</t>
  </si>
  <si>
    <t>568.9918823242188</t>
  </si>
  <si>
    <t>0.07549767372086436</t>
  </si>
  <si>
    <t>8.555842399597168</t>
  </si>
  <si>
    <t>569.067626953125</t>
  </si>
  <si>
    <t>188.38487243652344</t>
  </si>
  <si>
    <t>Ostrolecki</t>
  </si>
  <si>
    <t>7260</t>
  </si>
  <si>
    <t>7.822200298309326</t>
  </si>
  <si>
    <t>452.8262634277344</t>
  </si>
  <si>
    <t>-0.0763486712455883</t>
  </si>
  <si>
    <t>8.309576034545898</t>
  </si>
  <si>
    <t>604.7801513671875</t>
  </si>
  <si>
    <t>0.02152965023069342</t>
  </si>
  <si>
    <t>7.464723110198975</t>
  </si>
  <si>
    <t>558.9674072265625</t>
  </si>
  <si>
    <t>0.03405881440586178</t>
  </si>
  <si>
    <t>7.822224140167236</t>
  </si>
  <si>
    <t>595.5505981445312</t>
  </si>
  <si>
    <t>0.04931740222962411</t>
  </si>
  <si>
    <t>7.36505126953125</t>
  </si>
  <si>
    <t>559.5562133789062</t>
  </si>
  <si>
    <t>0.06703138062205838</t>
  </si>
  <si>
    <t>6.353527069091797</t>
  </si>
  <si>
    <t>495.413818359375</t>
  </si>
  <si>
    <t>0.05867148285734558</t>
  </si>
  <si>
    <t>7.759915828704834</t>
  </si>
  <si>
    <t>626.5731811523438</t>
  </si>
  <si>
    <t>0.06201976604152293</t>
  </si>
  <si>
    <t>7.555671215057373</t>
  </si>
  <si>
    <t>609.8052368164062</t>
  </si>
  <si>
    <t>0.04502368137395507</t>
  </si>
  <si>
    <t>8.40439510345459</t>
  </si>
  <si>
    <t>581.9576416015625</t>
  </si>
  <si>
    <t>0.04571566135391869</t>
  </si>
  <si>
    <t>9.169353485107422</t>
  </si>
  <si>
    <t>530.678955078125</t>
  </si>
  <si>
    <t>0.055153651860402775</t>
  </si>
  <si>
    <t>7.857999324798584</t>
  </si>
  <si>
    <t>652.500244140625</t>
  </si>
  <si>
    <t>0.03603443301188136</t>
  </si>
  <si>
    <t>8.474509239196777</t>
  </si>
  <si>
    <t>523.2747192382812</t>
  </si>
  <si>
    <t>-0.004035899171055846</t>
  </si>
  <si>
    <t>11881</t>
  </si>
  <si>
    <t>7.624373912811279</t>
  </si>
  <si>
    <t>470.7579650878906</t>
  </si>
  <si>
    <t>0.022040631823236012</t>
  </si>
  <si>
    <t>12246</t>
  </si>
  <si>
    <t>8.224458694458008</t>
  </si>
  <si>
    <t>615.8606567382812</t>
  </si>
  <si>
    <t>0.03025886757961338</t>
  </si>
  <si>
    <t>12661</t>
  </si>
  <si>
    <t>7.075720310211182</t>
  </si>
  <si>
    <t>478.7110595703125</t>
  </si>
  <si>
    <t>0.03332704948235232</t>
  </si>
  <si>
    <t>8.803749084472656</t>
  </si>
  <si>
    <t>572.7344970703125</t>
  </si>
  <si>
    <t>0.09759805899250473</t>
  </si>
  <si>
    <t>15144</t>
  </si>
  <si>
    <t>8.536832809448242</t>
  </si>
  <si>
    <t>591.9287719726562</t>
  </si>
  <si>
    <t>0.0814799523764016</t>
  </si>
  <si>
    <t>8.715860366821289</t>
  </si>
  <si>
    <t>561.1949462890625</t>
  </si>
  <si>
    <t>0.03171568139340586</t>
  </si>
  <si>
    <t>16333</t>
  </si>
  <si>
    <t>7.685476779937744</t>
  </si>
  <si>
    <t>661.6339721679688</t>
  </si>
  <si>
    <t>0.04386750577057441</t>
  </si>
  <si>
    <t>7.915164470672607</t>
  </si>
  <si>
    <t>762.9940185546875</t>
  </si>
  <si>
    <t>0.009990945122785533</t>
  </si>
  <si>
    <t>8.383980751037598</t>
  </si>
  <si>
    <t>546.8526611328125</t>
  </si>
  <si>
    <t>0.07630077053595308</t>
  </si>
  <si>
    <t>17990</t>
  </si>
  <si>
    <t>7.766787052154541</t>
  </si>
  <si>
    <t>590.5025024414062</t>
  </si>
  <si>
    <t>0.010336731232701624</t>
  </si>
  <si>
    <t>8.37598705291748</t>
  </si>
  <si>
    <t>633.7025146484375</t>
  </si>
  <si>
    <t>0.04361519939416958</t>
  </si>
  <si>
    <t>19860</t>
  </si>
  <si>
    <t>9.35866641998291</t>
  </si>
  <si>
    <t>569.7180786132812</t>
  </si>
  <si>
    <t>0.05527641126041516</t>
  </si>
  <si>
    <t>20577</t>
  </si>
  <si>
    <t>8.998190879821777</t>
  </si>
  <si>
    <t>477.6988220214844</t>
  </si>
  <si>
    <t>0.0354662885682675</t>
  </si>
  <si>
    <t>8.759384155273438</t>
  </si>
  <si>
    <t>700.9798583984375</t>
  </si>
  <si>
    <t>0.00702199064426523</t>
  </si>
  <si>
    <t>8.916211128234863</t>
  </si>
  <si>
    <t>737.2354125976562</t>
  </si>
  <si>
    <t>0.09041980741468336</t>
  </si>
  <si>
    <t>9.108716011047363</t>
  </si>
  <si>
    <t>553.31787109375</t>
  </si>
  <si>
    <t>0.06651217067517656</t>
  </si>
  <si>
    <t>24738</t>
  </si>
  <si>
    <t>10.102431297302246</t>
  </si>
  <si>
    <t>500.10015869140625</t>
  </si>
  <si>
    <t>0.020212607033398555</t>
  </si>
  <si>
    <t>25023</t>
  </si>
  <si>
    <t>9.394850730895996</t>
  </si>
  <si>
    <t>614.953857421875</t>
  </si>
  <si>
    <t>0.011454878974765492</t>
  </si>
  <si>
    <t>26850</t>
  </si>
  <si>
    <t>8.309582710266113</t>
  </si>
  <si>
    <t>617.9378662109375</t>
  </si>
  <si>
    <t>0.07047041902728957</t>
  </si>
  <si>
    <t>9.138046264648438</t>
  </si>
  <si>
    <t>581.619384765625</t>
  </si>
  <si>
    <t>0.07547707972288009</t>
  </si>
  <si>
    <t>9904</t>
  </si>
  <si>
    <t>673.8999633789062</t>
  </si>
  <si>
    <t>339.3204040527344</t>
  </si>
  <si>
    <t>Oswiecimski</t>
  </si>
  <si>
    <t>-0.07645632200160613</t>
  </si>
  <si>
    <t>0.021564177915839977</t>
  </si>
  <si>
    <t>598.2000732421875</t>
  </si>
  <si>
    <t>0.034079313652863874</t>
  </si>
  <si>
    <t>714.2999267578125</t>
  </si>
  <si>
    <t>0.04928096172529628</t>
  </si>
  <si>
    <t>10897</t>
  </si>
  <si>
    <t>0.06708067476011514</t>
  </si>
  <si>
    <t>6.191667079925537</t>
  </si>
  <si>
    <t>776.5000610351562</t>
  </si>
  <si>
    <t>0.05871726060924054</t>
  </si>
  <si>
    <t>0.06190655588082805</t>
  </si>
  <si>
    <t>7.916666507720947</t>
  </si>
  <si>
    <t>0.0450881377991319</t>
  </si>
  <si>
    <t>776.4999389648438</t>
  </si>
  <si>
    <t>0.045671425304572466</t>
  </si>
  <si>
    <t>0.055130078423871964</t>
  </si>
  <si>
    <t>7.85833215713501</t>
  </si>
  <si>
    <t>-0.04096846101630547</t>
  </si>
  <si>
    <t>14383</t>
  </si>
  <si>
    <t>8.600001335144043</t>
  </si>
  <si>
    <t>0.05201443462566324</t>
  </si>
  <si>
    <t>0.056629099675777894</t>
  </si>
  <si>
    <t>724.7999267578125</t>
  </si>
  <si>
    <t>-0.0038837556634181425</t>
  </si>
  <si>
    <t>695.8999633789062</t>
  </si>
  <si>
    <t>0.03289194048815958</t>
  </si>
  <si>
    <t>16437</t>
  </si>
  <si>
    <t>0.04785065310211678</t>
  </si>
  <si>
    <t>17236</t>
  </si>
  <si>
    <t>721.800048828125</t>
  </si>
  <si>
    <t>0.0474653285292046</t>
  </si>
  <si>
    <t>17658</t>
  </si>
  <si>
    <t>0.024188718725797642</t>
  </si>
  <si>
    <t>851.400146484375</t>
  </si>
  <si>
    <t>0.025716980767706232</t>
  </si>
  <si>
    <t>18574</t>
  </si>
  <si>
    <t>965.800048828125</t>
  </si>
  <si>
    <t>0.02485683410671946</t>
  </si>
  <si>
    <t>0.06417167772006493</t>
  </si>
  <si>
    <t>19679</t>
  </si>
  <si>
    <t>-0.006382353748927372</t>
  </si>
  <si>
    <t>19555</t>
  </si>
  <si>
    <t>8.45000171661377</t>
  </si>
  <si>
    <t>-0.006321069117475986</t>
  </si>
  <si>
    <t>20316</t>
  </si>
  <si>
    <t>859.0999755859375</t>
  </si>
  <si>
    <t>0.03817774473152191</t>
  </si>
  <si>
    <t>0.05901346624643544</t>
  </si>
  <si>
    <t>22128</t>
  </si>
  <si>
    <t>837.1998901367188</t>
  </si>
  <si>
    <t>0.02642155573696847</t>
  </si>
  <si>
    <t>817.0000610351562</t>
  </si>
  <si>
    <t>0.05053604824072799</t>
  </si>
  <si>
    <t>24021</t>
  </si>
  <si>
    <t>659.8999633789062</t>
  </si>
  <si>
    <t>0.031548624595474806</t>
  </si>
  <si>
    <t>680.5000610351562</t>
  </si>
  <si>
    <t>0.03223773403954233</t>
  </si>
  <si>
    <t>-0.017690219562679133</t>
  </si>
  <si>
    <t>0.07048794444865791</t>
  </si>
  <si>
    <t>28203</t>
  </si>
  <si>
    <t>687.7999877929688</t>
  </si>
  <si>
    <t>0.07546444858039614</t>
  </si>
  <si>
    <t>9.086358070373535</t>
  </si>
  <si>
    <t>551.6517333984375</t>
  </si>
  <si>
    <t>205.71131896972656</t>
  </si>
  <si>
    <t>Pilski</t>
  </si>
  <si>
    <t>8898</t>
  </si>
  <si>
    <t>8.087514877319336</t>
  </si>
  <si>
    <t>535.755615234375</t>
  </si>
  <si>
    <t>-0.07645726383667117</t>
  </si>
  <si>
    <t>9.064520835876465</t>
  </si>
  <si>
    <t>488.41741943359375</t>
  </si>
  <si>
    <t>0.021568373606447366</t>
  </si>
  <si>
    <t>8.044692993164062</t>
  </si>
  <si>
    <t>654.0721435546875</t>
  </si>
  <si>
    <t>0.034059186999517266</t>
  </si>
  <si>
    <t>8.814961433410645</t>
  </si>
  <si>
    <t>564.8489379882812</t>
  </si>
  <si>
    <t>0.049260827433744936</t>
  </si>
  <si>
    <t>8.009350776672363</t>
  </si>
  <si>
    <t>526.028076171875</t>
  </si>
  <si>
    <t>0.06711564679646465</t>
  </si>
  <si>
    <t>6.647573471069336</t>
  </si>
  <si>
    <t>549.7180786132812</t>
  </si>
  <si>
    <t>0.05870801584986829</t>
  </si>
  <si>
    <t>8.517403602600098</t>
  </si>
  <si>
    <t>645.042236328125</t>
  </si>
  <si>
    <t>0.06193072475410233</t>
  </si>
  <si>
    <t>8.489522933959961</t>
  </si>
  <si>
    <t>702.2408447265625</t>
  </si>
  <si>
    <t>0.04509700031957742</t>
  </si>
  <si>
    <t>13056</t>
  </si>
  <si>
    <t>8.925580024719238</t>
  </si>
  <si>
    <t>606.6181640625</t>
  </si>
  <si>
    <t>0.04568149007817901</t>
  </si>
  <si>
    <t>13796</t>
  </si>
  <si>
    <t>9.687077522277832</t>
  </si>
  <si>
    <t>594.355224609375</t>
  </si>
  <si>
    <t>0.05513089685284456</t>
  </si>
  <si>
    <t>8.364521980285645</t>
  </si>
  <si>
    <t>677.6546020507812</t>
  </si>
  <si>
    <t>0.022717663357274986</t>
  </si>
  <si>
    <t>13700</t>
  </si>
  <si>
    <t>8.88118839263916</t>
  </si>
  <si>
    <t>635.14013671875</t>
  </si>
  <si>
    <t>-0.029700525597791128</t>
  </si>
  <si>
    <t>14125</t>
  </si>
  <si>
    <t>8.45662784576416</t>
  </si>
  <si>
    <t>466.85009765625</t>
  </si>
  <si>
    <t>0.030550444198425453</t>
  </si>
  <si>
    <t>15086</t>
  </si>
  <si>
    <t>8.8777437210083</t>
  </si>
  <si>
    <t>587.4254150390625</t>
  </si>
  <si>
    <t>0.06582088439893496</t>
  </si>
  <si>
    <t>7.829181671142578</t>
  </si>
  <si>
    <t>516.3482666015625</t>
  </si>
  <si>
    <t>0.0391289274626061</t>
  </si>
  <si>
    <t>15821</t>
  </si>
  <si>
    <t>9.745566368103027</t>
  </si>
  <si>
    <t>571.53173828125</t>
  </si>
  <si>
    <t>0.008442082572880594</t>
  </si>
  <si>
    <t>9.331188201904297</t>
  </si>
  <si>
    <t>715.6426391601562</t>
  </si>
  <si>
    <t>0.0734621479715809</t>
  </si>
  <si>
    <t>17339</t>
  </si>
  <si>
    <t>9.031188011169434</t>
  </si>
  <si>
    <t>517.1183471679688</t>
  </si>
  <si>
    <t>0.018157980124028583</t>
  </si>
  <si>
    <t>8.542404174804688</t>
  </si>
  <si>
    <t>629.0630493164062</t>
  </si>
  <si>
    <t>0.05748837970909548</t>
  </si>
  <si>
    <t>18215</t>
  </si>
  <si>
    <t>8.04152774810791</t>
  </si>
  <si>
    <t>719.6414184570312</t>
  </si>
  <si>
    <t>-0.008201248811104733</t>
  </si>
  <si>
    <t>18820</t>
  </si>
  <si>
    <t>9.119848251342773</t>
  </si>
  <si>
    <t>624.3577880859375</t>
  </si>
  <si>
    <t>0.03267470369670811</t>
  </si>
  <si>
    <t>8.556625366210938</t>
  </si>
  <si>
    <t>618.66015625</t>
  </si>
  <si>
    <t>0.011569372818305723</t>
  </si>
  <si>
    <t>19523</t>
  </si>
  <si>
    <t>8.639083862304688</t>
  </si>
  <si>
    <t>608.1868286132812</t>
  </si>
  <si>
    <t>0.025103750725124385</t>
  </si>
  <si>
    <t>20158</t>
  </si>
  <si>
    <t>10.163365364074707</t>
  </si>
  <si>
    <t>623.6298217773438</t>
  </si>
  <si>
    <t>0.0320079742320214</t>
  </si>
  <si>
    <t>21665</t>
  </si>
  <si>
    <t>9.575580596923828</t>
  </si>
  <si>
    <t>483.205322265625</t>
  </si>
  <si>
    <t>0.0720968232591872</t>
  </si>
  <si>
    <t>22112</t>
  </si>
  <si>
    <t>9.267403602600098</t>
  </si>
  <si>
    <t>534.9384155273438</t>
  </si>
  <si>
    <t>0.020422392393387057</t>
  </si>
  <si>
    <t>22922</t>
  </si>
  <si>
    <t>9.66969108581543</t>
  </si>
  <si>
    <t>796.2611083984375</t>
  </si>
  <si>
    <t>0.03597670048924684</t>
  </si>
  <si>
    <t>24559</t>
  </si>
  <si>
    <t>10.001017570495605</t>
  </si>
  <si>
    <t>407.4862060546875</t>
  </si>
  <si>
    <t>0.06898123776311316</t>
  </si>
  <si>
    <t>10.525580406188965</t>
  </si>
  <si>
    <t>478.559814453125</t>
  </si>
  <si>
    <t>0.01891681229849773</t>
  </si>
  <si>
    <t>9.964083671569824</t>
  </si>
  <si>
    <t>530.0027465820312</t>
  </si>
  <si>
    <t>-0.003401976425468689</t>
  </si>
  <si>
    <t>26764</t>
  </si>
  <si>
    <t>9.095129013061523</t>
  </si>
  <si>
    <t>563.516845703125</t>
  </si>
  <si>
    <t>0.07046447920992094</t>
  </si>
  <si>
    <t>10.095566749572754</t>
  </si>
  <si>
    <t>473.55364990234375</t>
  </si>
  <si>
    <t>0.07550279712666708</t>
  </si>
  <si>
    <t>8.826327323913574</t>
  </si>
  <si>
    <t>560.8453979492188</t>
  </si>
  <si>
    <t>180.43731689453125</t>
  </si>
  <si>
    <t>Piotrkowski</t>
  </si>
  <si>
    <t>8981</t>
  </si>
  <si>
    <t>7.841256618499756</t>
  </si>
  <si>
    <t>531.7386474609375</t>
  </si>
  <si>
    <t>-0.07649905400580259</t>
  </si>
  <si>
    <t>8.698515892028809</t>
  </si>
  <si>
    <t>565.8600463867188</t>
  </si>
  <si>
    <t>0.02169808128382833</t>
  </si>
  <si>
    <t>7.82172155380249</t>
  </si>
  <si>
    <t>525.8908081054688</t>
  </si>
  <si>
    <t>0.033956028291607154</t>
  </si>
  <si>
    <t>8.582356452941895</t>
  </si>
  <si>
    <t>482.8038024902344</t>
  </si>
  <si>
    <t>0.049316618511678456</t>
  </si>
  <si>
    <t>7.683996677398682</t>
  </si>
  <si>
    <t>452.1276550292969</t>
  </si>
  <si>
    <t>0.06707290086741935</t>
  </si>
  <si>
    <t>6.411397933959961</t>
  </si>
  <si>
    <t>495.9221496582031</t>
  </si>
  <si>
    <t>0.058709245510870645</t>
  </si>
  <si>
    <t>8.146780014038086</t>
  </si>
  <si>
    <t>545.2071533203125</t>
  </si>
  <si>
    <t>0.06195496208081863</t>
  </si>
  <si>
    <t>12590</t>
  </si>
  <si>
    <t>8.152810096740723</t>
  </si>
  <si>
    <t>609.2791748046875</t>
  </si>
  <si>
    <t>0.04508377682122067</t>
  </si>
  <si>
    <t>13178</t>
  </si>
  <si>
    <t>8.595296859741211</t>
  </si>
  <si>
    <t>637.13818359375</t>
  </si>
  <si>
    <t>0.0456459244353713</t>
  </si>
  <si>
    <t>13925</t>
  </si>
  <si>
    <t>9.429390907287598</t>
  </si>
  <si>
    <t>626.494384765625</t>
  </si>
  <si>
    <t>0.05513701332172083</t>
  </si>
  <si>
    <t>14455</t>
  </si>
  <si>
    <t>8.096623420715332</t>
  </si>
  <si>
    <t>712.4514770507812</t>
  </si>
  <si>
    <t>0.037354589654961856</t>
  </si>
  <si>
    <t>8.699278831481934</t>
  </si>
  <si>
    <t>606.9058227539062</t>
  </si>
  <si>
    <t>0.012307212993528438</t>
  </si>
  <si>
    <t>15534</t>
  </si>
  <si>
    <t>8.18317699432373</t>
  </si>
  <si>
    <t>475.8819274902344</t>
  </si>
  <si>
    <t>0.05968358153561759</t>
  </si>
  <si>
    <t>8.573770523071289</t>
  </si>
  <si>
    <t>612.1856689453125</t>
  </si>
  <si>
    <t>0.06135898354149738</t>
  </si>
  <si>
    <t>7.49355936050415</t>
  </si>
  <si>
    <t>569.1993408203125</t>
  </si>
  <si>
    <t>0.05815352577129218</t>
  </si>
  <si>
    <t>18147</t>
  </si>
  <si>
    <t>9.366822242736816</t>
  </si>
  <si>
    <t>614.8690185546875</t>
  </si>
  <si>
    <t>0.0359615784826417</t>
  </si>
  <si>
    <t>9.076735496520996</t>
  </si>
  <si>
    <t>594.2161254882812</t>
  </si>
  <si>
    <t>0.046459898707450265</t>
  </si>
  <si>
    <t>8.88194751739502</t>
  </si>
  <si>
    <t>592.3631591796875</t>
  </si>
  <si>
    <t>0.05271521827167014</t>
  </si>
  <si>
    <t>21419</t>
  </si>
  <si>
    <t>8.38112735748291</t>
  </si>
  <si>
    <t>703.291015625</t>
  </si>
  <si>
    <t>0.06659800381699732</t>
  </si>
  <si>
    <t>22632</t>
  </si>
  <si>
    <t>7.900761127471924</t>
  </si>
  <si>
    <t>802.3247680664062</t>
  </si>
  <si>
    <t>0.05508645541026169</t>
  </si>
  <si>
    <t>24215</t>
  </si>
  <si>
    <t>8.874590873718262</t>
  </si>
  <si>
    <t>553.3694458007812</t>
  </si>
  <si>
    <t>0.06760744185592493</t>
  </si>
  <si>
    <t>24988</t>
  </si>
  <si>
    <t>8.420647621154785</t>
  </si>
  <si>
    <t>582.4832763671875</t>
  </si>
  <si>
    <t>0.03142343377613166</t>
  </si>
  <si>
    <t>24909</t>
  </si>
  <si>
    <t>8.527499198913574</t>
  </si>
  <si>
    <t>636.7827758789062</t>
  </si>
  <si>
    <t>-0.003166525683319321</t>
  </si>
  <si>
    <t>25577</t>
  </si>
  <si>
    <t>9.921213150024414</t>
  </si>
  <si>
    <t>667.0155029296875</t>
  </si>
  <si>
    <t>0.02646432620064232</t>
  </si>
  <si>
    <t>9.388797760009766</t>
  </si>
  <si>
    <t>491.8538513183594</t>
  </si>
  <si>
    <t>0.042483045301690225</t>
  </si>
  <si>
    <t>27549</t>
  </si>
  <si>
    <t>9.025253295898438</t>
  </si>
  <si>
    <t>688.314697265625</t>
  </si>
  <si>
    <t>0.03178968184915831</t>
  </si>
  <si>
    <t>28472</t>
  </si>
  <si>
    <t>9.500351905822754</t>
  </si>
  <si>
    <t>712.6669311523438</t>
  </si>
  <si>
    <t>0.032954910908395973</t>
  </si>
  <si>
    <t>30008</t>
  </si>
  <si>
    <t>9.719066619873047</t>
  </si>
  <si>
    <t>544.6046142578125</t>
  </si>
  <si>
    <t>0.05254286457169499</t>
  </si>
  <si>
    <t>31345</t>
  </si>
  <si>
    <t>10.282767295837402</t>
  </si>
  <si>
    <t>552.2845458984375</t>
  </si>
  <si>
    <t>0.04359075194634521</t>
  </si>
  <si>
    <t>9.6882905960083</t>
  </si>
  <si>
    <t>709.3424072265625</t>
  </si>
  <si>
    <t>0.024610906409643363</t>
  </si>
  <si>
    <t>8.795550346374512</t>
  </si>
  <si>
    <t>644.3779296875</t>
  </si>
  <si>
    <t>0.07048172917796158</t>
  </si>
  <si>
    <t>37175</t>
  </si>
  <si>
    <t>9.848770141601562</t>
  </si>
  <si>
    <t>575.6886596679688</t>
  </si>
  <si>
    <t>0.07548909203268295</t>
  </si>
  <si>
    <t>120.25192260742188</t>
  </si>
  <si>
    <t>Plocki</t>
  </si>
  <si>
    <t>12561</t>
  </si>
  <si>
    <t>443.2000427246094</t>
  </si>
  <si>
    <t>-0.0764537577750577</t>
  </si>
  <si>
    <t>0.021579038617987933</t>
  </si>
  <si>
    <t>0.03400802568508787</t>
  </si>
  <si>
    <t>13950</t>
  </si>
  <si>
    <t>0.049295668259183856</t>
  </si>
  <si>
    <t>546.0000610351562</t>
  </si>
  <si>
    <t>0.06708902926559723</t>
  </si>
  <si>
    <t>15820</t>
  </si>
  <si>
    <t>476.5999755859375</t>
  </si>
  <si>
    <t>0.05870642480653565</t>
  </si>
  <si>
    <t>0.06194746180452171</t>
  </si>
  <si>
    <t>0.04507412610027828</t>
  </si>
  <si>
    <t>18430</t>
  </si>
  <si>
    <t>8.741668701171875</t>
  </si>
  <si>
    <t>563.7000122070312</t>
  </si>
  <si>
    <t>0.04568322143742343</t>
  </si>
  <si>
    <t>0.05515182007508024</t>
  </si>
  <si>
    <t>17113</t>
  </si>
  <si>
    <t>650.1000366210938</t>
  </si>
  <si>
    <t>-0.12929318316149718</t>
  </si>
  <si>
    <t>514.0</t>
  </si>
  <si>
    <t>0.02133337156298154</t>
  </si>
  <si>
    <t>0.13560994253126601</t>
  </si>
  <si>
    <t>0.3049635800009334</t>
  </si>
  <si>
    <t>470.79998779296875</t>
  </si>
  <si>
    <t>-0.05634439888293841</t>
  </si>
  <si>
    <t>551.9000244140625</t>
  </si>
  <si>
    <t>0.05332068626536213</t>
  </si>
  <si>
    <t>0.06512000504546833</t>
  </si>
  <si>
    <t>0.003454234868087269</t>
  </si>
  <si>
    <t>30225</t>
  </si>
  <si>
    <t>0.10651121811001119</t>
  </si>
  <si>
    <t>37520</t>
  </si>
  <si>
    <t>535.800048828125</t>
  </si>
  <si>
    <t>0.10969350952715651</t>
  </si>
  <si>
    <t>566.5000610351562</t>
  </si>
  <si>
    <t>0.03251466288454097</t>
  </si>
  <si>
    <t>35420</t>
  </si>
  <si>
    <t>610.3999633789062</t>
  </si>
  <si>
    <t>-0.09011215466787803</t>
  </si>
  <si>
    <t>37100</t>
  </si>
  <si>
    <t>0.04634033725870168</t>
  </si>
  <si>
    <t>41978</t>
  </si>
  <si>
    <t>465.0999755859375</t>
  </si>
  <si>
    <t>0.12352870191003618</t>
  </si>
  <si>
    <t>0.07913706162388578</t>
  </si>
  <si>
    <t>-0.0020269235166647803</t>
  </si>
  <si>
    <t>47560</t>
  </si>
  <si>
    <t>0.04773626219193439</t>
  </si>
  <si>
    <t>53026</t>
  </si>
  <si>
    <t>0.10879028747909736</t>
  </si>
  <si>
    <t>45538</t>
  </si>
  <si>
    <t>-0.1522352170657051</t>
  </si>
  <si>
    <t>0.07047332162685649</t>
  </si>
  <si>
    <t>52695</t>
  </si>
  <si>
    <t>553.5000610351562</t>
  </si>
  <si>
    <t>0.07550011052307148</t>
  </si>
  <si>
    <t>2113</t>
  </si>
  <si>
    <t>13310</t>
  </si>
  <si>
    <t>9.588644981384277</t>
  </si>
  <si>
    <t>494.8959045410156</t>
  </si>
  <si>
    <t>286.33392333984375</t>
  </si>
  <si>
    <t>Poznanski</t>
  </si>
  <si>
    <t>8.578498840332031</t>
  </si>
  <si>
    <t>473.5188293457031</t>
  </si>
  <si>
    <t>-0.07639921551862727</t>
  </si>
  <si>
    <t>9.569352149963379</t>
  </si>
  <si>
    <t>457.0354919433594</t>
  </si>
  <si>
    <t>0.021580397069039137</t>
  </si>
  <si>
    <t>8.51137638092041</t>
  </si>
  <si>
    <t>651.4166259765625</t>
  </si>
  <si>
    <t>0.03401794701788319</t>
  </si>
  <si>
    <t>9.300643920898438</t>
  </si>
  <si>
    <t>534.8046875</t>
  </si>
  <si>
    <t>0.04931604173972559</t>
  </si>
  <si>
    <t>8.498517990112305</t>
  </si>
  <si>
    <t>506.4056701660156</t>
  </si>
  <si>
    <t>0.06706817756465533</t>
  </si>
  <si>
    <t>15531</t>
  </si>
  <si>
    <t>7.130581378936768</t>
  </si>
  <si>
    <t>522.8751220703125</t>
  </si>
  <si>
    <t>0.058739046308177834</t>
  </si>
  <si>
    <t>9.03133773803711</t>
  </si>
  <si>
    <t>602.5697631835938</t>
  </si>
  <si>
    <t>0.06191532308097969</t>
  </si>
  <si>
    <t>17285</t>
  </si>
  <si>
    <t>9.000401496887207</t>
  </si>
  <si>
    <t>629.7387084960938</t>
  </si>
  <si>
    <t>0.04508572370473374</t>
  </si>
  <si>
    <t>18093</t>
  </si>
  <si>
    <t>9.412245750427246</t>
  </si>
  <si>
    <t>513.4502563476562</t>
  </si>
  <si>
    <t>0.04568604976337198</t>
  </si>
  <si>
    <t>10.170978546142578</t>
  </si>
  <si>
    <t>544.2962646484375</t>
  </si>
  <si>
    <t>0.05510517650461111</t>
  </si>
  <si>
    <t>8.887516975402832</t>
  </si>
  <si>
    <t>600.7294921875</t>
  </si>
  <si>
    <t>-0.005665143141232676</t>
  </si>
  <si>
    <t>9.378499031066895</t>
  </si>
  <si>
    <t>638.7277221679688</t>
  </si>
  <si>
    <t>-0.033702039572796494</t>
  </si>
  <si>
    <t>19971</t>
  </si>
  <si>
    <t>8.967068672180176</t>
  </si>
  <si>
    <t>404.55621337890625</t>
  </si>
  <si>
    <t>0.08301810435913559</t>
  </si>
  <si>
    <t>9.392382621765137</t>
  </si>
  <si>
    <t>531.0341186523438</t>
  </si>
  <si>
    <t>0.05735868420561019</t>
  </si>
  <si>
    <t>21884</t>
  </si>
  <si>
    <t>8.362202644348145</t>
  </si>
  <si>
    <t>518.3919677734375</t>
  </si>
  <si>
    <t>0.034115870709293006</t>
  </si>
  <si>
    <t>23906</t>
  </si>
  <si>
    <t>10.264599800109863</t>
  </si>
  <si>
    <t>524.1775512695312</t>
  </si>
  <si>
    <t>0.08837369725420885</t>
  </si>
  <si>
    <t>9.862902641296387</t>
  </si>
  <si>
    <t>667.399169921875</t>
  </si>
  <si>
    <t>0.055448874545547255</t>
  </si>
  <si>
    <t>27045</t>
  </si>
  <si>
    <t>9.532937049865723</t>
  </si>
  <si>
    <t>491.4982604980469</t>
  </si>
  <si>
    <t>0.06792379732205411</t>
  </si>
  <si>
    <t>9.035247802734375</t>
  </si>
  <si>
    <t>585.8685913085938</t>
  </si>
  <si>
    <t>0.030407440568932742</t>
  </si>
  <si>
    <t>27563</t>
  </si>
  <si>
    <t>8.53445053100586</t>
  </si>
  <si>
    <t>667.8233642578125</t>
  </si>
  <si>
    <t>-0.011435292260227214</t>
  </si>
  <si>
    <t>9.6456937789917</t>
  </si>
  <si>
    <t>575.8016357421875</t>
  </si>
  <si>
    <t>0.06349945157843351</t>
  </si>
  <si>
    <t>9.063756942749023</t>
  </si>
  <si>
    <t>605.0369262695312</t>
  </si>
  <si>
    <t>0.011981055084692827</t>
  </si>
  <si>
    <t>9.14466667175293</t>
  </si>
  <si>
    <t>544.4716186523438</t>
  </si>
  <si>
    <t>0.023605604202700192</t>
  </si>
  <si>
    <t>10.686476707458496</t>
  </si>
  <si>
    <t>553.3312377929688</t>
  </si>
  <si>
    <t>0.051518346277745763</t>
  </si>
  <si>
    <t>10.078656196594238</t>
  </si>
  <si>
    <t>437.6647644042969</t>
  </si>
  <si>
    <t>0.05948763500257215</t>
  </si>
  <si>
    <t>9.76738452911377</t>
  </si>
  <si>
    <t>503.1734924316406</t>
  </si>
  <si>
    <t>0.05464433523690104</t>
  </si>
  <si>
    <t>10.171822547912598</t>
  </si>
  <si>
    <t>712.3849487304688</t>
  </si>
  <si>
    <t>0.037514473175587426</t>
  </si>
  <si>
    <t>38763</t>
  </si>
  <si>
    <t>10.475915908813477</t>
  </si>
  <si>
    <t>372.9053955078125</t>
  </si>
  <si>
    <t>0.03874098921746416</t>
  </si>
  <si>
    <t>11.019054412841797</t>
  </si>
  <si>
    <t>433.4077453613281</t>
  </si>
  <si>
    <t>0.034583241036564516</t>
  </si>
  <si>
    <t>39114</t>
  </si>
  <si>
    <t>10.451757431030273</t>
  </si>
  <si>
    <t>494.2315673828125</t>
  </si>
  <si>
    <t>-0.025568965274299416</t>
  </si>
  <si>
    <t>9.598091125488281</t>
  </si>
  <si>
    <t>504.16107177734375</t>
  </si>
  <si>
    <t>0.07045079134841714</t>
  </si>
  <si>
    <t>45261</t>
  </si>
  <si>
    <t>10.600401878356934</t>
  </si>
  <si>
    <t>436.49151611328125</t>
  </si>
  <si>
    <t>0.0755144840071722</t>
  </si>
  <si>
    <t>8.951050758361816</t>
  </si>
  <si>
    <t>598.27587890625</t>
  </si>
  <si>
    <t>247.06993103027344</t>
  </si>
  <si>
    <t>Przemyski</t>
  </si>
  <si>
    <t>7.922952175140381</t>
  </si>
  <si>
    <t>586.92431640625</t>
  </si>
  <si>
    <t>-0.07654468650411594</t>
  </si>
  <si>
    <t>7001</t>
  </si>
  <si>
    <t>8.752507209777832</t>
  </si>
  <si>
    <t>599.6458740234375</t>
  </si>
  <si>
    <t>0.021658368974298625</t>
  </si>
  <si>
    <t>8.124217987060547</t>
  </si>
  <si>
    <t>512.0310668945312</t>
  </si>
  <si>
    <t>0.033982489218129075</t>
  </si>
  <si>
    <t>8.857063293457031</t>
  </si>
  <si>
    <t>616.0867919921875</t>
  </si>
  <si>
    <t>0.04929627198119668</t>
  </si>
  <si>
    <t>7.863940715789795</t>
  </si>
  <si>
    <t>571.1812744140625</t>
  </si>
  <si>
    <t>0.0672126923851124</t>
  </si>
  <si>
    <t>6.677989482879639</t>
  </si>
  <si>
    <t>620.8391723632812</t>
  </si>
  <si>
    <t>0.058584173946671925</t>
  </si>
  <si>
    <t>8.193014144897461</t>
  </si>
  <si>
    <t>731.2692260742188</t>
  </si>
  <si>
    <t>0.062007507635392756</t>
  </si>
  <si>
    <t>8.273433685302734</t>
  </si>
  <si>
    <t>700.852783203125</t>
  </si>
  <si>
    <t>0.04504354719744441</t>
  </si>
  <si>
    <t>8.64533519744873</t>
  </si>
  <si>
    <t>669.5913696289062</t>
  </si>
  <si>
    <t>0.04569141906427632</t>
  </si>
  <si>
    <t>9.655694007873535</t>
  </si>
  <si>
    <t>650.449951171875</t>
  </si>
  <si>
    <t>0.05515036437459209</t>
  </si>
  <si>
    <t>8.227885246276855</t>
  </si>
  <si>
    <t>692.0327758789062</t>
  </si>
  <si>
    <t>0.03596412548248473</t>
  </si>
  <si>
    <t>8.935441017150879</t>
  </si>
  <si>
    <t>617.0185546875</t>
  </si>
  <si>
    <t>0.01915784634795692</t>
  </si>
  <si>
    <t>8.424593925476074</t>
  </si>
  <si>
    <t>500.7510681152344</t>
  </si>
  <si>
    <t>0.018622840831747922</t>
  </si>
  <si>
    <t>8.628478050231934</t>
  </si>
  <si>
    <t>640.9751586914062</t>
  </si>
  <si>
    <t>0.006189271381256134</t>
  </si>
  <si>
    <t>7.515588760375977</t>
  </si>
  <si>
    <t>632.1998901367188</t>
  </si>
  <si>
    <t>0.0340869288898773</t>
  </si>
  <si>
    <t>12521</t>
  </si>
  <si>
    <t>9.346600532531738</t>
  </si>
  <si>
    <t>647.108642578125</t>
  </si>
  <si>
    <t>0.050364759955611405</t>
  </si>
  <si>
    <t>9.21442699432373</t>
  </si>
  <si>
    <t>625.7094116210938</t>
  </si>
  <si>
    <t>0.037772865382372345</t>
  </si>
  <si>
    <t>9.143773078918457</t>
  </si>
  <si>
    <t>628.4277954101562</t>
  </si>
  <si>
    <t>0.036694438418360065</t>
  </si>
  <si>
    <t>13184</t>
  </si>
  <si>
    <t>8.754427909851074</t>
  </si>
  <si>
    <t>669.7723388671875</t>
  </si>
  <si>
    <t>-0.022870565320426195</t>
  </si>
  <si>
    <t>8.23331069946289</t>
  </si>
  <si>
    <t>823.2085571289062</t>
  </si>
  <si>
    <t>0.01818915234944285</t>
  </si>
  <si>
    <t>14034</t>
  </si>
  <si>
    <t>9.009385108947754</t>
  </si>
  <si>
    <t>497.7854919433594</t>
  </si>
  <si>
    <t>0.04428983131353803</t>
  </si>
  <si>
    <t>8.791539192199707</t>
  </si>
  <si>
    <t>584.919189453125</t>
  </si>
  <si>
    <t>-0.009594116693451227</t>
  </si>
  <si>
    <t>8.910440444946289</t>
  </si>
  <si>
    <t>622.6758422851562</t>
  </si>
  <si>
    <t>0.010591196756115195</t>
  </si>
  <si>
    <t>14534</t>
  </si>
  <si>
    <t>10.059871673583984</t>
  </si>
  <si>
    <t>623.5870361328125</t>
  </si>
  <si>
    <t>0.034010695301683214</t>
  </si>
  <si>
    <t>14886</t>
  </si>
  <si>
    <t>9.627988815307617</t>
  </si>
  <si>
    <t>488.8218688964844</t>
  </si>
  <si>
    <t>0.023930441743274855</t>
  </si>
  <si>
    <t>15396</t>
  </si>
  <si>
    <t>9.173625946044922</t>
  </si>
  <si>
    <t>685.3522338867188</t>
  </si>
  <si>
    <t>0.0336865614837798</t>
  </si>
  <si>
    <t>9.857254981994629</t>
  </si>
  <si>
    <t>666.70263671875</t>
  </si>
  <si>
    <t>0.03635372580210827</t>
  </si>
  <si>
    <t>16889</t>
  </si>
  <si>
    <t>9.88942813873291</t>
  </si>
  <si>
    <t>576.1172485351562</t>
  </si>
  <si>
    <t>0.056201061212176384</t>
  </si>
  <si>
    <t>17588</t>
  </si>
  <si>
    <t>10.458223342895508</t>
  </si>
  <si>
    <t>566.578369140625</t>
  </si>
  <si>
    <t>0.04055432888277899</t>
  </si>
  <si>
    <t>17127</t>
  </si>
  <si>
    <t>9.84679126739502</t>
  </si>
  <si>
    <t>705.197265625</t>
  </si>
  <si>
    <t>-0.02656068566833092</t>
  </si>
  <si>
    <t>8.944174766540527</t>
  </si>
  <si>
    <t>635.8543701171875</t>
  </si>
  <si>
    <t>0.07044371706305519</t>
  </si>
  <si>
    <t>10.063458442687988</t>
  </si>
  <si>
    <t>579.1129760742188</t>
  </si>
  <si>
    <t>0.07549073292342001</t>
  </si>
  <si>
    <t>8.788104057312012</t>
  </si>
  <si>
    <t>546.0858154296875</t>
  </si>
  <si>
    <t>181.21554565429688</t>
  </si>
  <si>
    <t>Pulawski</t>
  </si>
  <si>
    <t>8.04977798461914</t>
  </si>
  <si>
    <t>475.10687255859375</t>
  </si>
  <si>
    <t>-0.07647394906609861</t>
  </si>
  <si>
    <t>6995</t>
  </si>
  <si>
    <t>8.658074378967285</t>
  </si>
  <si>
    <t>551.6278076171875</t>
  </si>
  <si>
    <t>0.021677149377032023</t>
  </si>
  <si>
    <t>7237</t>
  </si>
  <si>
    <t>7.811451435089111</t>
  </si>
  <si>
    <t>455.9206237792969</t>
  </si>
  <si>
    <t>0.03401114776654701</t>
  </si>
  <si>
    <t>8.268095970153809</t>
  </si>
  <si>
    <t>550.07177734375</t>
  </si>
  <si>
    <t>0.04933615036230776</t>
  </si>
  <si>
    <t>7.618059158325195</t>
  </si>
  <si>
    <t>504.0380554199219</t>
  </si>
  <si>
    <t>0.06701801731342094</t>
  </si>
  <si>
    <t>6.576392650604248</t>
  </si>
  <si>
    <t>531.0799560546875</t>
  </si>
  <si>
    <t>0.05875615276522339</t>
  </si>
  <si>
    <t>8.018095970153809</t>
  </si>
  <si>
    <t>624.745849609375</t>
  </si>
  <si>
    <t>0.06194731020257471</t>
  </si>
  <si>
    <t>7.926429748535156</t>
  </si>
  <si>
    <t>606.4859008789062</t>
  </si>
  <si>
    <t>0.04508195844993068</t>
  </si>
  <si>
    <t>574.836181640625</t>
  </si>
  <si>
    <t>0.04562909631789047</t>
  </si>
  <si>
    <t>10614</t>
  </si>
  <si>
    <t>9.483111381530762</t>
  </si>
  <si>
    <t>558.6102294921875</t>
  </si>
  <si>
    <t>0.05519844311036337</t>
  </si>
  <si>
    <t>8.173089027404785</t>
  </si>
  <si>
    <t>619.505615234375</t>
  </si>
  <si>
    <t>-0.012705205512807183</t>
  </si>
  <si>
    <t>10756</t>
  </si>
  <si>
    <t>8.808111190795898</t>
  </si>
  <si>
    <t>521.9335327148438</t>
  </si>
  <si>
    <t>0.025995059513723717</t>
  </si>
  <si>
    <t>11421</t>
  </si>
  <si>
    <t>7.9697489738464355</t>
  </si>
  <si>
    <t>448.74908447265625</t>
  </si>
  <si>
    <t>0.059990027661850576</t>
  </si>
  <si>
    <t>12110</t>
  </si>
  <si>
    <t>8.581422805786133</t>
  </si>
  <si>
    <t>580.7030029296875</t>
  </si>
  <si>
    <t>0.05857779149653197</t>
  </si>
  <si>
    <t>7.401430130004883</t>
  </si>
  <si>
    <t>490.3589782714844</t>
  </si>
  <si>
    <t>0.0329762682416348</t>
  </si>
  <si>
    <t>12636</t>
  </si>
  <si>
    <t>9.104771614074707</t>
  </si>
  <si>
    <t>546.130126953125</t>
  </si>
  <si>
    <t>0.009542057133202775</t>
  </si>
  <si>
    <t>13579</t>
  </si>
  <si>
    <t>8.904770851135254</t>
  </si>
  <si>
    <t>538.4476318359375</t>
  </si>
  <si>
    <t>0.07197459877681922</t>
  </si>
  <si>
    <t>14648</t>
  </si>
  <si>
    <t>8.956459045410156</t>
  </si>
  <si>
    <t>552.4793701171875</t>
  </si>
  <si>
    <t>0.07577932565555123</t>
  </si>
  <si>
    <t>8.019747734069824</t>
  </si>
  <si>
    <t>650.0372924804688</t>
  </si>
  <si>
    <t>-0.06939281101362305</t>
  </si>
  <si>
    <t>8.113178253173828</t>
  </si>
  <si>
    <t>733.7824096679688</t>
  </si>
  <si>
    <t>0.04065221572990119</t>
  </si>
  <si>
    <t>8.724778175354004</t>
  </si>
  <si>
    <t>484.09783935546875</t>
  </si>
  <si>
    <t>0.11596244529802924</t>
  </si>
  <si>
    <t>8.13476276397705</t>
  </si>
  <si>
    <t>542.291259765625</t>
  </si>
  <si>
    <t>0.0051795803651035754</t>
  </si>
  <si>
    <t>16179</t>
  </si>
  <si>
    <t>8.633111953735352</t>
  </si>
  <si>
    <t>580.364990234375</t>
  </si>
  <si>
    <t>0.007008867271579788</t>
  </si>
  <si>
    <t>16290</t>
  </si>
  <si>
    <t>9.774778366088867</t>
  </si>
  <si>
    <t>556.40234375</t>
  </si>
  <si>
    <t>0.0068373175907527894</t>
  </si>
  <si>
    <t>9.376465797424316</t>
  </si>
  <si>
    <t>443.08447265625</t>
  </si>
  <si>
    <t>0.07233493760660892</t>
  </si>
  <si>
    <t>17807</t>
  </si>
  <si>
    <t>9.063141822814941</t>
  </si>
  <si>
    <t>610.0861206054688</t>
  </si>
  <si>
    <t>0.016705278198616114</t>
  </si>
  <si>
    <t>18774</t>
  </si>
  <si>
    <t>9.329771041870117</t>
  </si>
  <si>
    <t>627.6027221679688</t>
  </si>
  <si>
    <t>0.05288129549562193</t>
  </si>
  <si>
    <t>19483</t>
  </si>
  <si>
    <t>9.53145980834961</t>
  </si>
  <si>
    <t>509.0797424316406</t>
  </si>
  <si>
    <t>0.03706935654894927</t>
  </si>
  <si>
    <t>20707</t>
  </si>
  <si>
    <t>10.413141250610352</t>
  </si>
  <si>
    <t>493.1147766113281</t>
  </si>
  <si>
    <t>0.06092951689413795</t>
  </si>
  <si>
    <t>20215</t>
  </si>
  <si>
    <t>9.68979263305664</t>
  </si>
  <si>
    <t>600.6737670898438</t>
  </si>
  <si>
    <t>-0.024046904265153657</t>
  </si>
  <si>
    <t>21691</t>
  </si>
  <si>
    <t>8.673089027404785</t>
  </si>
  <si>
    <t>581.9806518554688</t>
  </si>
  <si>
    <t>0.07047252487876499</t>
  </si>
  <si>
    <t>23392</t>
  </si>
  <si>
    <t>9.514756202697754</t>
  </si>
  <si>
    <t>525.4710083007812</t>
  </si>
  <si>
    <t>0.07549665559586849</t>
  </si>
  <si>
    <t>8.868035316467285</t>
  </si>
  <si>
    <t>565.990234375</t>
  </si>
  <si>
    <t>483.5643310546875</t>
  </si>
  <si>
    <t>Radomski</t>
  </si>
  <si>
    <t>7.938289642333984</t>
  </si>
  <si>
    <t>453.5682678222656</t>
  </si>
  <si>
    <t>-0.07636906243007324</t>
  </si>
  <si>
    <t>8.666348457336426</t>
  </si>
  <si>
    <t>583.2785034179688</t>
  </si>
  <si>
    <t>0.021602526048717152</t>
  </si>
  <si>
    <t>7.924971103668213</t>
  </si>
  <si>
    <t>501.001708984375</t>
  </si>
  <si>
    <t>0.03394933091821528</t>
  </si>
  <si>
    <t>8340</t>
  </si>
  <si>
    <t>8.565791130065918</t>
  </si>
  <si>
    <t>594.6283569335938</t>
  </si>
  <si>
    <t>0.049275893627680034</t>
  </si>
  <si>
    <t>7.698540210723877</t>
  </si>
  <si>
    <t>534.2691650390625</t>
  </si>
  <si>
    <t>0.0671206163134137</t>
  </si>
  <si>
    <t>9458</t>
  </si>
  <si>
    <t>6.578665256500244</t>
  </si>
  <si>
    <t>563.613525390625</t>
  </si>
  <si>
    <t>0.058677111537614124</t>
  </si>
  <si>
    <t>10063</t>
  </si>
  <si>
    <t>8.07464599609375</t>
  </si>
  <si>
    <t>620.181884765625</t>
  </si>
  <si>
    <t>0.06200438672951236</t>
  </si>
  <si>
    <t>8.081326484680176</t>
  </si>
  <si>
    <t>624.9725341796875</t>
  </si>
  <si>
    <t>0.045078054317992056</t>
  </si>
  <si>
    <t>8.606493949890137</t>
  </si>
  <si>
    <t>575.2384643554688</t>
  </si>
  <si>
    <t>0.04567767023645253</t>
  </si>
  <si>
    <t>9.533164024353027</t>
  </si>
  <si>
    <t>557.6602783203125</t>
  </si>
  <si>
    <t>0.05508408554923783</t>
  </si>
  <si>
    <t>12183</t>
  </si>
  <si>
    <t>8.15140438079834</t>
  </si>
  <si>
    <t>652.0496215820312</t>
  </si>
  <si>
    <t>0.04533639631739206</t>
  </si>
  <si>
    <t>8.85522174835205</t>
  </si>
  <si>
    <t>538.9093017578125</t>
  </si>
  <si>
    <t>0.014423914657275105</t>
  </si>
  <si>
    <t>8.189729690551758</t>
  </si>
  <si>
    <t>444.6135559082031</t>
  </si>
  <si>
    <t>0.031222670018314247</t>
  </si>
  <si>
    <t>8.554160118103027</t>
  </si>
  <si>
    <t>577.6207885742188</t>
  </si>
  <si>
    <t>0.0019585575613270123</t>
  </si>
  <si>
    <t>13292</t>
  </si>
  <si>
    <t>7.410638332366943</t>
  </si>
  <si>
    <t>478.3954772949219</t>
  </si>
  <si>
    <t>0.039515670883160325</t>
  </si>
  <si>
    <t>14188</t>
  </si>
  <si>
    <t>9.20562744140625</t>
  </si>
  <si>
    <t>552.3893432617188</t>
  </si>
  <si>
    <t>0.065234186419028</t>
  </si>
  <si>
    <t>9.049530982971191</t>
  </si>
  <si>
    <t>551.463623046875</t>
  </si>
  <si>
    <t>0.056719762372832605</t>
  </si>
  <si>
    <t>9.03433895111084</t>
  </si>
  <si>
    <t>561.7967529296875</t>
  </si>
  <si>
    <t>0.03545867650037415</t>
  </si>
  <si>
    <t>16459</t>
  </si>
  <si>
    <t>8.45397663116455</t>
  </si>
  <si>
    <t>678.1526489257812</t>
  </si>
  <si>
    <t>0.05629746427734972</t>
  </si>
  <si>
    <t>16886</t>
  </si>
  <si>
    <t>8.151793479919434</t>
  </si>
  <si>
    <t>771.2982177734375</t>
  </si>
  <si>
    <t>0.025612436185376453</t>
  </si>
  <si>
    <t>17702</t>
  </si>
  <si>
    <t>8.858155250549316</t>
  </si>
  <si>
    <t>524.6831665039062</t>
  </si>
  <si>
    <t>0.04719275129937728</t>
  </si>
  <si>
    <t>8.522003173828125</t>
  </si>
  <si>
    <t>575.0068969726562</t>
  </si>
  <si>
    <t>0.009501659767975568</t>
  </si>
  <si>
    <t>18041</t>
  </si>
  <si>
    <t>8.765091896057129</t>
  </si>
  <si>
    <t>629.733154296875</t>
  </si>
  <si>
    <t>0.009467658156005143</t>
  </si>
  <si>
    <t>9.928251266479492</t>
  </si>
  <si>
    <t>593.6986083984375</t>
  </si>
  <si>
    <t>0.0432822437125715</t>
  </si>
  <si>
    <t>19638</t>
  </si>
  <si>
    <t>9.489958763122559</t>
  </si>
  <si>
    <t>457.7290954589844</t>
  </si>
  <si>
    <t>0.04153727556386144</t>
  </si>
  <si>
    <t>19596</t>
  </si>
  <si>
    <t>9.105698585510254</t>
  </si>
  <si>
    <t>647.4472045898438</t>
  </si>
  <si>
    <t>-0.0021410009707700794</t>
  </si>
  <si>
    <t>20931</t>
  </si>
  <si>
    <t>9.645730018615723</t>
  </si>
  <si>
    <t>691.8696899414062</t>
  </si>
  <si>
    <t>0.06590584984888004</t>
  </si>
  <si>
    <t>22147</t>
  </si>
  <si>
    <t>9.72482967376709</t>
  </si>
  <si>
    <t>523.7528686523438</t>
  </si>
  <si>
    <t>0.05647073351249965</t>
  </si>
  <si>
    <t>23603</t>
  </si>
  <si>
    <t>10.402765274047852</t>
  </si>
  <si>
    <t>503.62451171875</t>
  </si>
  <si>
    <t>0.06367177545903324</t>
  </si>
  <si>
    <t>9.747074127197266</t>
  </si>
  <si>
    <t>634.9859008789062</t>
  </si>
  <si>
    <t>0.014719754376017136</t>
  </si>
  <si>
    <t>8.803753852844238</t>
  </si>
  <si>
    <t>616.3989868164062</t>
  </si>
  <si>
    <t>0.07047523291219093</t>
  </si>
  <si>
    <t>9.830636024475098</t>
  </si>
  <si>
    <t>554.4573364257812</t>
  </si>
  <si>
    <t>0.07551321176166148</t>
  </si>
  <si>
    <t>8.927751541137695</t>
  </si>
  <si>
    <t>578.4281005859375</t>
  </si>
  <si>
    <t>419.8705139160156</t>
  </si>
  <si>
    <t>Rzeszowski</t>
  </si>
  <si>
    <t>7.906225681304932</t>
  </si>
  <si>
    <t>569.0939331054688</t>
  </si>
  <si>
    <t>-0.07640287191662765</t>
  </si>
  <si>
    <t>8.724257469177246</t>
  </si>
  <si>
    <t>584.5930786132812</t>
  </si>
  <si>
    <t>0.02164612282244427</t>
  </si>
  <si>
    <t>8.086065292358398</t>
  </si>
  <si>
    <t>495.78509521484375</t>
  </si>
  <si>
    <t>0.03393665520183298</t>
  </si>
  <si>
    <t>8.82018756866455</t>
  </si>
  <si>
    <t>599.3177490234375</t>
  </si>
  <si>
    <t>0.049323251971923554</t>
  </si>
  <si>
    <t>7.826389312744141</t>
  </si>
  <si>
    <t>552.8505249023438</t>
  </si>
  <si>
    <t>6.639560222625732</t>
  </si>
  <si>
    <t>617.2310180664062</t>
  </si>
  <si>
    <t>0.058650638621186246</t>
  </si>
  <si>
    <t>8.165923118591309</t>
  </si>
  <si>
    <t>725.4637451171875</t>
  </si>
  <si>
    <t>0.06193616328868856</t>
  </si>
  <si>
    <t>11723</t>
  </si>
  <si>
    <t>8.245760917663574</t>
  </si>
  <si>
    <t>684.379150390625</t>
  </si>
  <si>
    <t>0.04510337494659744</t>
  </si>
  <si>
    <t>12271</t>
  </si>
  <si>
    <t>8.6097412109375</t>
  </si>
  <si>
    <t>670.0704956054688</t>
  </si>
  <si>
    <t>0.045686030904720454</t>
  </si>
  <si>
    <t>12966</t>
  </si>
  <si>
    <t>9.661853790283203</t>
  </si>
  <si>
    <t>642.905517578125</t>
  </si>
  <si>
    <t>0.05509179175839307</t>
  </si>
  <si>
    <t>8.203325271606445</t>
  </si>
  <si>
    <t>699.0435791015625</t>
  </si>
  <si>
    <t>0.05052946734565644</t>
  </si>
  <si>
    <t>13973</t>
  </si>
  <si>
    <t>596.8917236328125</t>
  </si>
  <si>
    <t>0.024266881999849943</t>
  </si>
  <si>
    <t>14256</t>
  </si>
  <si>
    <t>8.397503852844238</t>
  </si>
  <si>
    <t>496.50628662109375</t>
  </si>
  <si>
    <t>0.02005097463014316</t>
  </si>
  <si>
    <t>8.616497039794922</t>
  </si>
  <si>
    <t>663.940185546875</t>
  </si>
  <si>
    <t>0.0237751624893896</t>
  </si>
  <si>
    <t>7.500620365142822</t>
  </si>
  <si>
    <t>594.4776000976562</t>
  </si>
  <si>
    <t>0.04644217414814378</t>
  </si>
  <si>
    <t>15824</t>
  </si>
  <si>
    <t>9.32018756866455</t>
  </si>
  <si>
    <t>613.1006469726562</t>
  </si>
  <si>
    <t>0.03413256751436933</t>
  </si>
  <si>
    <t>16792</t>
  </si>
  <si>
    <t>9.188985824584961</t>
  </si>
  <si>
    <t>626.5765991210938</t>
  </si>
  <si>
    <t>0.05937480763797609</t>
  </si>
  <si>
    <t>18496</t>
  </si>
  <si>
    <t>9.134139060974121</t>
  </si>
  <si>
    <t>628.1912841796875</t>
  </si>
  <si>
    <t>0.09665190997163542</t>
  </si>
  <si>
    <t>8.741703033447266</t>
  </si>
  <si>
    <t>726.2354125976562</t>
  </si>
  <si>
    <t>0.04905788249017107</t>
  </si>
  <si>
    <t>8.214766502380371</t>
  </si>
  <si>
    <t>823.517822265625</t>
  </si>
  <si>
    <t>0.03971358678472292</t>
  </si>
  <si>
    <t>8.98045825958252</t>
  </si>
  <si>
    <t>532.9044189453125</t>
  </si>
  <si>
    <t>0.06284262986231148</t>
  </si>
  <si>
    <t>22307</t>
  </si>
  <si>
    <t>8.796346664428711</t>
  </si>
  <si>
    <t>573.499267578125</t>
  </si>
  <si>
    <t>0.03573193892747106</t>
  </si>
  <si>
    <t>22920</t>
  </si>
  <si>
    <t>8.892472267150879</t>
  </si>
  <si>
    <t>621.7584228515625</t>
  </si>
  <si>
    <t>0.02710936129189534</t>
  </si>
  <si>
    <t>23547</t>
  </si>
  <si>
    <t>10.044992446899414</t>
  </si>
  <si>
    <t>642.7651977539062</t>
  </si>
  <si>
    <t>0.0269885319662464</t>
  </si>
  <si>
    <t>25143</t>
  </si>
  <si>
    <t>9.602752685546875</t>
  </si>
  <si>
    <t>489.5802917480469</t>
  </si>
  <si>
    <t>0.06558110397209305</t>
  </si>
  <si>
    <t>9.141497611999512</t>
  </si>
  <si>
    <t>685.475830078125</t>
  </si>
  <si>
    <t>0.013588990463730966</t>
  </si>
  <si>
    <t>26495</t>
  </si>
  <si>
    <t>9.836874008178711</t>
  </si>
  <si>
    <t>666.1995849609375</t>
  </si>
  <si>
    <t>0.038787517696116325</t>
  </si>
  <si>
    <t>28441</t>
  </si>
  <si>
    <t>9.859721183776855</t>
  </si>
  <si>
    <t>570.8760986328125</t>
  </si>
  <si>
    <t>0.07087573011617643</t>
  </si>
  <si>
    <t>10.4256010055542</t>
  </si>
  <si>
    <t>555.3538208007812</t>
  </si>
  <si>
    <t>0.051497204541224306</t>
  </si>
  <si>
    <t>9.826964378356934</t>
  </si>
  <si>
    <t>697.1085205078125</t>
  </si>
  <si>
    <t>-0.06459195564024078</t>
  </si>
  <si>
    <t>30120</t>
  </si>
  <si>
    <t>8.920762062072754</t>
  </si>
  <si>
    <t>637.2979125976562</t>
  </si>
  <si>
    <t>0.0704523879698069</t>
  </si>
  <si>
    <t>10.04362964630127</t>
  </si>
  <si>
    <t>567.1023559570312</t>
  </si>
  <si>
    <t>0.07549668682071875</t>
  </si>
  <si>
    <t>8.97375202178955</t>
  </si>
  <si>
    <t>568.3671875</t>
  </si>
  <si>
    <t>368.6794128417969</t>
  </si>
  <si>
    <t>Sandomiersko-jedrzejowski</t>
  </si>
  <si>
    <t>8.124966621398926</t>
  </si>
  <si>
    <t>543.6181030273438</t>
  </si>
  <si>
    <t>8.8320894241333</t>
  </si>
  <si>
    <t>561.8399047851562</t>
  </si>
  <si>
    <t>8.03500747680664</t>
  </si>
  <si>
    <t>501.4094543457031</t>
  </si>
  <si>
    <t>8.58663272857666</t>
  </si>
  <si>
    <t>539.5869140625</t>
  </si>
  <si>
    <t>7.817346096038818</t>
  </si>
  <si>
    <t>491.4822998046875</t>
  </si>
  <si>
    <t>6.7081990242004395</t>
  </si>
  <si>
    <t>559.826171875</t>
  </si>
  <si>
    <t>8.212034225463867</t>
  </si>
  <si>
    <t>617.2975463867188</t>
  </si>
  <si>
    <t>8.188661575317383</t>
  </si>
  <si>
    <t>634.8521728515625</t>
  </si>
  <si>
    <t>8.784029006958008</t>
  </si>
  <si>
    <t>647.48486328125</t>
  </si>
  <si>
    <t>9.672839164733887</t>
  </si>
  <si>
    <t>663.7686157226562</t>
  </si>
  <si>
    <t>11598</t>
  </si>
  <si>
    <t>8.314788818359375</t>
  </si>
  <si>
    <t>699.2600708007812</t>
  </si>
  <si>
    <t>0.013891523961124363</t>
  </si>
  <si>
    <t>11949</t>
  </si>
  <si>
    <t>8.985389709472656</t>
  </si>
  <si>
    <t>595.911376953125</t>
  </si>
  <si>
    <t>0.029814923413368888</t>
  </si>
  <si>
    <t>12472</t>
  </si>
  <si>
    <t>8.237198829650879</t>
  </si>
  <si>
    <t>475.615234375</t>
  </si>
  <si>
    <t>0.04283853888785849</t>
  </si>
  <si>
    <t>8.756540298461914</t>
  </si>
  <si>
    <t>613.4769897460938</t>
  </si>
  <si>
    <t>0.02728628299221114</t>
  </si>
  <si>
    <t>12893</t>
  </si>
  <si>
    <t>7.566249847412109</t>
  </si>
  <si>
    <t>561.6804809570312</t>
  </si>
  <si>
    <t>0.005912113681013409</t>
  </si>
  <si>
    <t>9.318988800048828</t>
  </si>
  <si>
    <t>581.4591064453125</t>
  </si>
  <si>
    <t>0.07936829216625974</t>
  </si>
  <si>
    <t>15123</t>
  </si>
  <si>
    <t>9.131987571716309</t>
  </si>
  <si>
    <t>592.4879760742188</t>
  </si>
  <si>
    <t>0.08016394317364295</t>
  </si>
  <si>
    <t>16222</t>
  </si>
  <si>
    <t>9.123390197753906</t>
  </si>
  <si>
    <t>591.144287109375</t>
  </si>
  <si>
    <t>0.07015158187954995</t>
  </si>
  <si>
    <t>16055</t>
  </si>
  <si>
    <t>8.385985374450684</t>
  </si>
  <si>
    <t>714.1217041015625</t>
  </si>
  <si>
    <t>-0.010348018106675738</t>
  </si>
  <si>
    <t>8.224416732788086</t>
  </si>
  <si>
    <t>794.3662719726562</t>
  </si>
  <si>
    <t>0.02308860450770034</t>
  </si>
  <si>
    <t>16904</t>
  </si>
  <si>
    <t>8.935555458068848</t>
  </si>
  <si>
    <t>535.9891967773438</t>
  </si>
  <si>
    <t>0.028441348264578892</t>
  </si>
  <si>
    <t>8.465933799743652</t>
  </si>
  <si>
    <t>554.013671875</t>
  </si>
  <si>
    <t>-0.015800942880385804</t>
  </si>
  <si>
    <t>16182</t>
  </si>
  <si>
    <t>8.824946403503418</t>
  </si>
  <si>
    <t>611.4862060546875</t>
  </si>
  <si>
    <t>-0.027849824047722294</t>
  </si>
  <si>
    <t>10.000116348266602</t>
  </si>
  <si>
    <t>691.857177734375</t>
  </si>
  <si>
    <t>0.04878427871797264</t>
  </si>
  <si>
    <t>9.572824478149414</t>
  </si>
  <si>
    <t>505.59710693359375</t>
  </si>
  <si>
    <t>0.02677046315774234</t>
  </si>
  <si>
    <t>17700</t>
  </si>
  <si>
    <t>9.213610649108887</t>
  </si>
  <si>
    <t>701.7454223632812</t>
  </si>
  <si>
    <t>0.014110384318419378</t>
  </si>
  <si>
    <t>9.617326736450195</t>
  </si>
  <si>
    <t>728.8134155273438</t>
  </si>
  <si>
    <t>0.04485453087153779</t>
  </si>
  <si>
    <t>9.77621078491211</t>
  </si>
  <si>
    <t>554.0906982421875</t>
  </si>
  <si>
    <t>0.07430859408237112</t>
  </si>
  <si>
    <t>10.54143238067627</t>
  </si>
  <si>
    <t>554.1436157226562</t>
  </si>
  <si>
    <t>0.05360256178339107</t>
  </si>
  <si>
    <t>21139</t>
  </si>
  <si>
    <t>9.852970123291016</t>
  </si>
  <si>
    <t>729.4930419921875</t>
  </si>
  <si>
    <t>0.004789349316466129</t>
  </si>
  <si>
    <t>8.886007308959961</t>
  </si>
  <si>
    <t>661.966552734375</t>
  </si>
  <si>
    <t>0.07049606961069443</t>
  </si>
  <si>
    <t>24461</t>
  </si>
  <si>
    <t>9.828217506408691</t>
  </si>
  <si>
    <t>584.0333251953125</t>
  </si>
  <si>
    <t>0.07546426725349953</t>
  </si>
  <si>
    <t>8.536742210388184</t>
  </si>
  <si>
    <t>538.6080932617188</t>
  </si>
  <si>
    <t>248.8184356689453</t>
  </si>
  <si>
    <t>Siedlecki</t>
  </si>
  <si>
    <t>7067</t>
  </si>
  <si>
    <t>7.652769088745117</t>
  </si>
  <si>
    <t>429.2974853515625</t>
  </si>
  <si>
    <t>-0.07638962602945654</t>
  </si>
  <si>
    <t>8.323205947875977</t>
  </si>
  <si>
    <t>564.3131103515625</t>
  </si>
  <si>
    <t>0.021557385760328174</t>
  </si>
  <si>
    <t>7471</t>
  </si>
  <si>
    <t>7.567633152008057</t>
  </si>
  <si>
    <t>502.7699279785156</t>
  </si>
  <si>
    <t>0.034035411524619974</t>
  </si>
  <si>
    <t>8.135650634765625</t>
  </si>
  <si>
    <t>555.388671875</t>
  </si>
  <si>
    <t>0.04922986326939771</t>
  </si>
  <si>
    <t>7.347488880157471</t>
  </si>
  <si>
    <t>525.1680297851562</t>
  </si>
  <si>
    <t>8900</t>
  </si>
  <si>
    <t>6.222862720489502</t>
  </si>
  <si>
    <t>480.8514099121094</t>
  </si>
  <si>
    <t>0.05865325163740387</t>
  </si>
  <si>
    <t>7.755484104156494</t>
  </si>
  <si>
    <t>594.54638671875</t>
  </si>
  <si>
    <t>0.061972028263268086</t>
  </si>
  <si>
    <t>7.703037738800049</t>
  </si>
  <si>
    <t>574.7318725585938</t>
  </si>
  <si>
    <t>0.04511732916468425</t>
  </si>
  <si>
    <t>8.284340858459473</t>
  </si>
  <si>
    <t>553.7721557617188</t>
  </si>
  <si>
    <t>0.04567995141009362</t>
  </si>
  <si>
    <t>10956</t>
  </si>
  <si>
    <t>9.203768730163574</t>
  </si>
  <si>
    <t>504.2930603027344</t>
  </si>
  <si>
    <t>0.05506666582469144</t>
  </si>
  <si>
    <t>11748</t>
  </si>
  <si>
    <t>7.821797847747803</t>
  </si>
  <si>
    <t>613.4798583984375</t>
  </si>
  <si>
    <t>0.06979576193554138</t>
  </si>
  <si>
    <t>8.498200416564941</t>
  </si>
  <si>
    <t>493.9876403808594</t>
  </si>
  <si>
    <t>-0.007175838070070384</t>
  </si>
  <si>
    <t>12372</t>
  </si>
  <si>
    <t>7.782529354095459</t>
  </si>
  <si>
    <t>437.0088195800781</t>
  </si>
  <si>
    <t>0.058928679556521146</t>
  </si>
  <si>
    <t>12857</t>
  </si>
  <si>
    <t>8.249585151672363</t>
  </si>
  <si>
    <t>579.33203125</t>
  </si>
  <si>
    <t>0.0384525552792887</t>
  </si>
  <si>
    <t>13813</t>
  </si>
  <si>
    <t>7.062419891357422</t>
  </si>
  <si>
    <t>456.89129638671875</t>
  </si>
  <si>
    <t>0.07172176761570981</t>
  </si>
  <si>
    <t>14644</t>
  </si>
  <si>
    <t>8.851994514465332</t>
  </si>
  <si>
    <t>535.2515258789062</t>
  </si>
  <si>
    <t>0.05842051754016708</t>
  </si>
  <si>
    <t>15497</t>
  </si>
  <si>
    <t>8.656512260437012</t>
  </si>
  <si>
    <t>552.335205078125</t>
  </si>
  <si>
    <t>0.056615761547208265</t>
  </si>
  <si>
    <t>16839</t>
  </si>
  <si>
    <t>8.656869888305664</t>
  </si>
  <si>
    <t>531.2701416015625</t>
  </si>
  <si>
    <t>0.08305116782297439</t>
  </si>
  <si>
    <t>7.961326599121094</t>
  </si>
  <si>
    <t>639.7622680664062</t>
  </si>
  <si>
    <t>-0.010326908668156776</t>
  </si>
  <si>
    <t>7.799262523651123</t>
  </si>
  <si>
    <t>739.3984375</t>
  </si>
  <si>
    <t>0.09892559935194178</t>
  </si>
  <si>
    <t>20142</t>
  </si>
  <si>
    <t>8.451294898986816</t>
  </si>
  <si>
    <t>525.61572265625</t>
  </si>
  <si>
    <t>0.09051087191399532</t>
  </si>
  <si>
    <t>8.030789375305176</t>
  </si>
  <si>
    <t>554.003662109375</t>
  </si>
  <si>
    <t>0.0032713783821822773</t>
  </si>
  <si>
    <t>20713</t>
  </si>
  <si>
    <t>8.36137866973877</t>
  </si>
  <si>
    <t>603.9425659179688</t>
  </si>
  <si>
    <t>0.02468295686525046</t>
  </si>
  <si>
    <t>9.510334014892578</t>
  </si>
  <si>
    <t>534.9854736328125</t>
  </si>
  <si>
    <t>0.01808488673009201</t>
  </si>
  <si>
    <t>9.095054626464844</t>
  </si>
  <si>
    <t>439.50067138671875</t>
  </si>
  <si>
    <t>0.013375605619346587</t>
  </si>
  <si>
    <t>21859</t>
  </si>
  <si>
    <t>8.732930183410645</t>
  </si>
  <si>
    <t>636.3088989257812</t>
  </si>
  <si>
    <t>0.022390721225042043</t>
  </si>
  <si>
    <t>9.177325248718262</t>
  </si>
  <si>
    <t>683.1243896484375</t>
  </si>
  <si>
    <t>0.06035817297236257</t>
  </si>
  <si>
    <t>9.313115119934082</t>
  </si>
  <si>
    <t>513.6906127929688</t>
  </si>
  <si>
    <t>0.04665704135483573</t>
  </si>
  <si>
    <t>10.09266471862793</t>
  </si>
  <si>
    <t>470.63397216796875</t>
  </si>
  <si>
    <t>0.05147208471731801</t>
  </si>
  <si>
    <t>9.404805183410645</t>
  </si>
  <si>
    <t>584.1260375976562</t>
  </si>
  <si>
    <t>-0.005559484995025343</t>
  </si>
  <si>
    <t>8.450959205627441</t>
  </si>
  <si>
    <t>588.6871948242188</t>
  </si>
  <si>
    <t>0.07044444984262022</t>
  </si>
  <si>
    <t>9.401286125183105</t>
  </si>
  <si>
    <t>542.908935546875</t>
  </si>
  <si>
    <t>0.0755235188510941</t>
  </si>
  <si>
    <t>8322</t>
  </si>
  <si>
    <t>9.57119083404541</t>
  </si>
  <si>
    <t>484.5165100097656</t>
  </si>
  <si>
    <t>366.102294921875</t>
  </si>
  <si>
    <t>Sieradzki</t>
  </si>
  <si>
    <t>7709</t>
  </si>
  <si>
    <t>8.607497215270996</t>
  </si>
  <si>
    <t>496.2198791503906</t>
  </si>
  <si>
    <t>-0.07651413308362365</t>
  </si>
  <si>
    <t>9.393597602844238</t>
  </si>
  <si>
    <t>474.9342956542969</t>
  </si>
  <si>
    <t>0.021685587071589296</t>
  </si>
  <si>
    <t>8.606036186218262</t>
  </si>
  <si>
    <t>531.2337646484375</t>
  </si>
  <si>
    <t>0.03394386270405647</t>
  </si>
  <si>
    <t>9.255383491516113</t>
  </si>
  <si>
    <t>505.24871826171875</t>
  </si>
  <si>
    <t>0.04931588046998314</t>
  </si>
  <si>
    <t>8.4329252243042</t>
  </si>
  <si>
    <t>490.2689208984375</t>
  </si>
  <si>
    <t>0.06707559436756583</t>
  </si>
  <si>
    <t>7.2350640296936035</t>
  </si>
  <si>
    <t>517.4973754882812</t>
  </si>
  <si>
    <t>0.05874688021291341</t>
  </si>
  <si>
    <t>8.84496021270752</t>
  </si>
  <si>
    <t>601.173095703125</t>
  </si>
  <si>
    <t>0.06189600082831426</t>
  </si>
  <si>
    <t>10807</t>
  </si>
  <si>
    <t>8.833538055419922</t>
  </si>
  <si>
    <t>582.573486328125</t>
  </si>
  <si>
    <t>0.045141789189480974</t>
  </si>
  <si>
    <t>9.324137687683105</t>
  </si>
  <si>
    <t>571.2918090820312</t>
  </si>
  <si>
    <t>0.04567003683318838</t>
  </si>
  <si>
    <t>10.228607177734375</t>
  </si>
  <si>
    <t>589.21142578125</t>
  </si>
  <si>
    <t>0.05511818374162658</t>
  </si>
  <si>
    <t>8.838479995727539</t>
  </si>
  <si>
    <t>667.2531127929688</t>
  </si>
  <si>
    <t>0.007252146984830787</t>
  </si>
  <si>
    <t>12613</t>
  </si>
  <si>
    <t>9.497437477111816</t>
  </si>
  <si>
    <t>591.9429931640625</t>
  </si>
  <si>
    <t>0.0464935882243811</t>
  </si>
  <si>
    <t>12934</t>
  </si>
  <si>
    <t>8.860486030578613</t>
  </si>
  <si>
    <t>421.4758605957031</t>
  </si>
  <si>
    <t>0.02513147491934653</t>
  </si>
  <si>
    <t>9.2695894241333</t>
  </si>
  <si>
    <t>541.6986694335938</t>
  </si>
  <si>
    <t>0.050724863184319346</t>
  </si>
  <si>
    <t>8.172731399536133</t>
  </si>
  <si>
    <t>523.9615478515625</t>
  </si>
  <si>
    <t>0.04145969810374872</t>
  </si>
  <si>
    <t>15245</t>
  </si>
  <si>
    <t>9.943942070007324</t>
  </si>
  <si>
    <t>564.9493408203125</t>
  </si>
  <si>
    <t>0.07220751612774912</t>
  </si>
  <si>
    <t>9.777770042419434</t>
  </si>
  <si>
    <t>579.7435913085938</t>
  </si>
  <si>
    <t>0.0669748751839343</t>
  </si>
  <si>
    <t>16623</t>
  </si>
  <si>
    <t>9.675761222839355</t>
  </si>
  <si>
    <t>501.33843994140625</t>
  </si>
  <si>
    <t>0.01956082292916861</t>
  </si>
  <si>
    <t>15325</t>
  </si>
  <si>
    <t>9.101750373840332</t>
  </si>
  <si>
    <t>634.7277221679688</t>
  </si>
  <si>
    <t>-0.0813017967310472</t>
  </si>
  <si>
    <t>8.789743423461914</t>
  </si>
  <si>
    <t>720.529052734375</t>
  </si>
  <si>
    <t>0.023538084922666513</t>
  </si>
  <si>
    <t>16817</t>
  </si>
  <si>
    <t>9.583459854125977</t>
  </si>
  <si>
    <t>515.6038818359375</t>
  </si>
  <si>
    <t>0.06936671279567186</t>
  </si>
  <si>
    <t>17259</t>
  </si>
  <si>
    <t>9.174874305725098</t>
  </si>
  <si>
    <t>529.68017578125</t>
  </si>
  <si>
    <t>0.025943467008653798</t>
  </si>
  <si>
    <t>9.398856163024902</t>
  </si>
  <si>
    <t>569.5144653320312</t>
  </si>
  <si>
    <t>0.014381287894913442</t>
  </si>
  <si>
    <t>10.63563060760498</t>
  </si>
  <si>
    <t>616.3124389648438</t>
  </si>
  <si>
    <t>0.03974997113936851</t>
  </si>
  <si>
    <t>10.158034324645996</t>
  </si>
  <si>
    <t>455.4443054199219</t>
  </si>
  <si>
    <t>0.03553221731920431</t>
  </si>
  <si>
    <t>9.782219886779785</t>
  </si>
  <si>
    <t>603.0513916015625</t>
  </si>
  <si>
    <t>0.049803680324957966</t>
  </si>
  <si>
    <t>10.275609016418457</t>
  </si>
  <si>
    <t>687.4064331054688</t>
  </si>
  <si>
    <t>0.05995439839343142</t>
  </si>
  <si>
    <t>10.407153129577637</t>
  </si>
  <si>
    <t>462.0198059082031</t>
  </si>
  <si>
    <t>0.020251120802868172</t>
  </si>
  <si>
    <t>11.050375938415527</t>
  </si>
  <si>
    <t>475.94476318359375</t>
  </si>
  <si>
    <t>0.07243207212923863</t>
  </si>
  <si>
    <t>23247</t>
  </si>
  <si>
    <t>10.453211784362793</t>
  </si>
  <si>
    <t>621.5584106445312</t>
  </si>
  <si>
    <t>0.005737596896674191</t>
  </si>
  <si>
    <t>9.484291076660156</t>
  </si>
  <si>
    <t>593.2255859375</t>
  </si>
  <si>
    <t>0.07045722086549766</t>
  </si>
  <si>
    <t>26901</t>
  </si>
  <si>
    <t>10.537781715393066</t>
  </si>
  <si>
    <t>497.4286804199219</t>
  </si>
  <si>
    <t>0.07553014832259919</t>
  </si>
  <si>
    <t>2122</t>
  </si>
  <si>
    <t>9.195669174194336</t>
  </si>
  <si>
    <t>536.8890380859375</t>
  </si>
  <si>
    <t>280.5286865234375</t>
  </si>
  <si>
    <t>Skierniewicki</t>
  </si>
  <si>
    <t>8.385601997375488</t>
  </si>
  <si>
    <t>442.19488525390625</t>
  </si>
  <si>
    <t>-0.07640031276481452</t>
  </si>
  <si>
    <t>9.026427268981934</t>
  </si>
  <si>
    <t>565.8580322265625</t>
  </si>
  <si>
    <t>0.021540102568499364</t>
  </si>
  <si>
    <t>8.196722030639648</t>
  </si>
  <si>
    <t>506.08990478515625</t>
  </si>
  <si>
    <t>0.034105099911903025</t>
  </si>
  <si>
    <t>8.705193519592285</t>
  </si>
  <si>
    <t>572.3414916992188</t>
  </si>
  <si>
    <t>0.04925052116347928</t>
  </si>
  <si>
    <t>8946</t>
  </si>
  <si>
    <t>8.00761890411377</t>
  </si>
  <si>
    <t>537.6937255859375</t>
  </si>
  <si>
    <t>0.06715017057186934</t>
  </si>
  <si>
    <t>9486</t>
  </si>
  <si>
    <t>6.925042629241943</t>
  </si>
  <si>
    <t>494.8817138671875</t>
  </si>
  <si>
    <t>0.058610522444734414</t>
  </si>
  <si>
    <t>10092</t>
  </si>
  <si>
    <t>8.406583786010742</t>
  </si>
  <si>
    <t>606.7099609375</t>
  </si>
  <si>
    <t>0.06192600332342124</t>
  </si>
  <si>
    <t>8.363600730895996</t>
  </si>
  <si>
    <t>590.7941284179688</t>
  </si>
  <si>
    <t>0.04514083562261284</t>
  </si>
  <si>
    <t>11051</t>
  </si>
  <si>
    <t>9.002232551574707</t>
  </si>
  <si>
    <t>555.9102172851562</t>
  </si>
  <si>
    <t>0.04563705520522099</t>
  </si>
  <si>
    <t>11678</t>
  </si>
  <si>
    <t>9.863208770751953</t>
  </si>
  <si>
    <t>521.27734375</t>
  </si>
  <si>
    <t>0.05518580825470032</t>
  </si>
  <si>
    <t>8.495144844055176</t>
  </si>
  <si>
    <t>633.0842895507812</t>
  </si>
  <si>
    <t>-0.027256265869404217</t>
  </si>
  <si>
    <t>9.19519329071045</t>
  </si>
  <si>
    <t>516.3695068359375</t>
  </si>
  <si>
    <t>0.10728579944059113</t>
  </si>
  <si>
    <t>13059</t>
  </si>
  <si>
    <t>8.371048927307129</t>
  </si>
  <si>
    <t>449.01019287109375</t>
  </si>
  <si>
    <t>0.03174128780573682</t>
  </si>
  <si>
    <t>13807</t>
  </si>
  <si>
    <t>8.933507919311523</t>
  </si>
  <si>
    <t>585.1087646484375</t>
  </si>
  <si>
    <t>0.0556981586957459</t>
  </si>
  <si>
    <t>7.775812149047852</t>
  </si>
  <si>
    <t>478.0903625488281</t>
  </si>
  <si>
    <t>0.03550331975217702</t>
  </si>
  <si>
    <t>9.49406623840332</t>
  </si>
  <si>
    <t>542.6716918945312</t>
  </si>
  <si>
    <t>0.055140908680378686</t>
  </si>
  <si>
    <t>16402</t>
  </si>
  <si>
    <t>9.331944465637207</t>
  </si>
  <si>
    <t>565.2611083984375</t>
  </si>
  <si>
    <t>0.08158334024764713</t>
  </si>
  <si>
    <t>16947</t>
  </si>
  <si>
    <t>9.333178520202637</t>
  </si>
  <si>
    <t>541.4380493164062</t>
  </si>
  <si>
    <t>0.03268754839701593</t>
  </si>
  <si>
    <t>8.550021171569824</t>
  </si>
  <si>
    <t>645.28662109375</t>
  </si>
  <si>
    <t>-0.028003983982641145</t>
  </si>
  <si>
    <t>16863</t>
  </si>
  <si>
    <t>8.51111888885498</t>
  </si>
  <si>
    <t>768.2965087890625</t>
  </si>
  <si>
    <t>0.0230350296594537</t>
  </si>
  <si>
    <t>9.130057334899902</t>
  </si>
  <si>
    <t>532.1928100585938</t>
  </si>
  <si>
    <t>0.06669328744617076</t>
  </si>
  <si>
    <t>8.645074844360352</t>
  </si>
  <si>
    <t>563.948974609375</t>
  </si>
  <si>
    <t>0.01754189767302705</t>
  </si>
  <si>
    <t>18912</t>
  </si>
  <si>
    <t>9.051175117492676</t>
  </si>
  <si>
    <t>614.4503784179688</t>
  </si>
  <si>
    <t>0.030439583416443483</t>
  </si>
  <si>
    <t>10.208653450012207</t>
  </si>
  <si>
    <t>575.5733032226562</t>
  </si>
  <si>
    <t>0.03420114018429565</t>
  </si>
  <si>
    <t>19755</t>
  </si>
  <si>
    <t>9.794386863708496</t>
  </si>
  <si>
    <t>440.38543701171875</t>
  </si>
  <si>
    <t>0.009408842455369992</t>
  </si>
  <si>
    <t>9.455205917358398</t>
  </si>
  <si>
    <t>620.6701049804688</t>
  </si>
  <si>
    <t>0.05930465088463066</t>
  </si>
  <si>
    <t>21959</t>
  </si>
  <si>
    <t>9.823149681091309</t>
  </si>
  <si>
    <t>664.7078857421875</t>
  </si>
  <si>
    <t>0.04646580351587026</t>
  </si>
  <si>
    <t>9.959576606750488</t>
  </si>
  <si>
    <t>496.24041748046875</t>
  </si>
  <si>
    <t>0.023182007221855372</t>
  </si>
  <si>
    <t>23830</t>
  </si>
  <si>
    <t>10.766661643981934</t>
  </si>
  <si>
    <t>482.6103515625</t>
  </si>
  <si>
    <t>0.0585862056249411</t>
  </si>
  <si>
    <t>10.079087257385254</t>
  </si>
  <si>
    <t>615.2965087890625</t>
  </si>
  <si>
    <t>0.021504419521026108</t>
  </si>
  <si>
    <t>9.062914848327637</t>
  </si>
  <si>
    <t>583.875732421875</t>
  </si>
  <si>
    <t>0.07048127643269453</t>
  </si>
  <si>
    <t>28174</t>
  </si>
  <si>
    <t>10.021042823791504</t>
  </si>
  <si>
    <t>533.86328125</t>
  </si>
  <si>
    <t>0.07546857977374266</t>
  </si>
  <si>
    <t>8778</t>
  </si>
  <si>
    <t>8.725984573364258</t>
  </si>
  <si>
    <t>719.43603515625</t>
  </si>
  <si>
    <t>110.21156311035156</t>
  </si>
  <si>
    <t>Slupski</t>
  </si>
  <si>
    <t>7.580045700073242</t>
  </si>
  <si>
    <t>649.6432495117188</t>
  </si>
  <si>
    <t>-0.07644169549994118</t>
  </si>
  <si>
    <t>8.305257797241211</t>
  </si>
  <si>
    <t>596.2250366210938</t>
  </si>
  <si>
    <t>0.02153236891674304</t>
  </si>
  <si>
    <t>7.221712112426758</t>
  </si>
  <si>
    <t>751.256103515625</t>
  </si>
  <si>
    <t>0.03407404050946283</t>
  </si>
  <si>
    <t>7.8467116355896</t>
  </si>
  <si>
    <t>689.1512451171875</t>
  </si>
  <si>
    <t>0.04924979807635488</t>
  </si>
  <si>
    <t>9658</t>
  </si>
  <si>
    <t>7.484318256378174</t>
  </si>
  <si>
    <t>611.3051147460938</t>
  </si>
  <si>
    <t>0.0671234841826891</t>
  </si>
  <si>
    <t>6.246711730957031</t>
  </si>
  <si>
    <t>639.7390747070312</t>
  </si>
  <si>
    <t>0.058710325589007795</t>
  </si>
  <si>
    <t>8.050984382629395</t>
  </si>
  <si>
    <t>771.228515625</t>
  </si>
  <si>
    <t>0.06189883636679738</t>
  </si>
  <si>
    <t>11399</t>
  </si>
  <si>
    <t>7.380045413970947</t>
  </si>
  <si>
    <t>865.4466552734375</t>
  </si>
  <si>
    <t>0.04512988284748509</t>
  </si>
  <si>
    <t>8.275984764099121</t>
  </si>
  <si>
    <t>754.6111450195312</t>
  </si>
  <si>
    <t>0.045614422639022933</t>
  </si>
  <si>
    <t>8.609317779541016</t>
  </si>
  <si>
    <t>695.1127319335938</t>
  </si>
  <si>
    <t>0.055191478221859214</t>
  </si>
  <si>
    <t>7.805044651031494</t>
  </si>
  <si>
    <t>838.8106689453125</t>
  </si>
  <si>
    <t>0.058532258177569574</t>
  </si>
  <si>
    <t>8.167439460754395</t>
  </si>
  <si>
    <t>724.8067626953125</t>
  </si>
  <si>
    <t>-0.011132956869552402</t>
  </si>
  <si>
    <t>7.7509846687316895</t>
  </si>
  <si>
    <t>581.6593627929688</t>
  </si>
  <si>
    <t>0.04994215508090427</t>
  </si>
  <si>
    <t>13979</t>
  </si>
  <si>
    <t>8.138379096984863</t>
  </si>
  <si>
    <t>736.48779296875</t>
  </si>
  <si>
    <t>0.005883213984546387</t>
  </si>
  <si>
    <t>7.575772762298584</t>
  </si>
  <si>
    <t>576.3792724609375</t>
  </si>
  <si>
    <t>0.06286497044872874</t>
  </si>
  <si>
    <t>15969</t>
  </si>
  <si>
    <t>9.11765193939209</t>
  </si>
  <si>
    <t>681.5386352539062</t>
  </si>
  <si>
    <t>0.07022816892101069</t>
  </si>
  <si>
    <t>17099</t>
  </si>
  <si>
    <t>8.625985145568848</t>
  </si>
  <si>
    <t>827.91943359375</t>
  </si>
  <si>
    <t>0.06837063940772659</t>
  </si>
  <si>
    <t>18066</t>
  </si>
  <si>
    <t>8.430046081542969</t>
  </si>
  <si>
    <t>618.4254760742188</t>
  </si>
  <si>
    <t>0.055011736461194616</t>
  </si>
  <si>
    <t>18870</t>
  </si>
  <si>
    <t>7.646711826324463</t>
  </si>
  <si>
    <t>752.3050537109375</t>
  </si>
  <si>
    <t>0.043541640652806635</t>
  </si>
  <si>
    <t>18628</t>
  </si>
  <si>
    <t>6.855469226837158</t>
  </si>
  <si>
    <t>867.0928344726562</t>
  </si>
  <si>
    <t>-0.01290753426032687</t>
  </si>
  <si>
    <t>19210</t>
  </si>
  <si>
    <t>8.375985145568848</t>
  </si>
  <si>
    <t>726.1749267578125</t>
  </si>
  <si>
    <t>0.030765151660334666</t>
  </si>
  <si>
    <t>19578</t>
  </si>
  <si>
    <t>7.572559356689453</t>
  </si>
  <si>
    <t>722.4522094726562</t>
  </si>
  <si>
    <t>0.018975510058773182</t>
  </si>
  <si>
    <t>7.867015838623047</t>
  </si>
  <si>
    <t>751.5064697265625</t>
  </si>
  <si>
    <t>-0.001942840224602449</t>
  </si>
  <si>
    <t>9.238591194152832</t>
  </si>
  <si>
    <t>770.8471069335938</t>
  </si>
  <si>
    <t>0.0495209980834197</t>
  </si>
  <si>
    <t>21193</t>
  </si>
  <si>
    <t>8.371712684631348</t>
  </si>
  <si>
    <t>608.21533203125</t>
  </si>
  <si>
    <t>0.03168629377638155</t>
  </si>
  <si>
    <t>21423</t>
  </si>
  <si>
    <t>8.43837833404541</t>
  </si>
  <si>
    <t>648.2794189453125</t>
  </si>
  <si>
    <t>0.010794172760645537</t>
  </si>
  <si>
    <t>23175</t>
  </si>
  <si>
    <t>8.505257606506348</t>
  </si>
  <si>
    <t>893.4656982421875</t>
  </si>
  <si>
    <t>0.0786090002168347</t>
  </si>
  <si>
    <t>24549</t>
  </si>
  <si>
    <t>8.888590812683105</t>
  </si>
  <si>
    <t>539.7235107421875</t>
  </si>
  <si>
    <t>0.057597008761435475</t>
  </si>
  <si>
    <t>9.292862892150879</t>
  </si>
  <si>
    <t>613.210693359375</t>
  </si>
  <si>
    <t>0.02394817928191273</t>
  </si>
  <si>
    <t>25515</t>
  </si>
  <si>
    <t>9.017651557922363</t>
  </si>
  <si>
    <t>665.0852661132812</t>
  </si>
  <si>
    <t>0.014647215020668014</t>
  </si>
  <si>
    <t>698.2801513671875</t>
  </si>
  <si>
    <t>0.07047325665738668</t>
  </si>
  <si>
    <t>9.009318351745605</t>
  </si>
  <si>
    <t>616.2404174804688</t>
  </si>
  <si>
    <t>0.07549759091010522</t>
  </si>
  <si>
    <t>666.0</t>
  </si>
  <si>
    <t>700.09326171875</t>
  </si>
  <si>
    <t>Sosnowiecki</t>
  </si>
  <si>
    <t>10498</t>
  </si>
  <si>
    <t>-0.0764458191381614</t>
  </si>
  <si>
    <t>8.991665840148926</t>
  </si>
  <si>
    <t>617.699951171875</t>
  </si>
  <si>
    <t>0.021579164785183735</t>
  </si>
  <si>
    <t>11098</t>
  </si>
  <si>
    <t>0.0340009842884168</t>
  </si>
  <si>
    <t>11659</t>
  </si>
  <si>
    <t>705.6000366210938</t>
  </si>
  <si>
    <t>0.04931350204744511</t>
  </si>
  <si>
    <t>12469</t>
  </si>
  <si>
    <t>0.06716715006329466</t>
  </si>
  <si>
    <t>0.05863654489693815</t>
  </si>
  <si>
    <t>810.9000244140625</t>
  </si>
  <si>
    <t>0.06194951986417152</t>
  </si>
  <si>
    <t>14716</t>
  </si>
  <si>
    <t>8.499999046325684</t>
  </si>
  <si>
    <t>0.04510370846696965</t>
  </si>
  <si>
    <t>15404</t>
  </si>
  <si>
    <t>0.04569187871013547</t>
  </si>
  <si>
    <t>16277</t>
  </si>
  <si>
    <t>792.8999633789062</t>
  </si>
  <si>
    <t>0.055125852456697544</t>
  </si>
  <si>
    <t>8.416667938232422</t>
  </si>
  <si>
    <t>-0.04736585490270073</t>
  </si>
  <si>
    <t>737.7999877929688</t>
  </si>
  <si>
    <t>0.06248717223109068</t>
  </si>
  <si>
    <t>570.0999755859375</t>
  </si>
  <si>
    <t>0.04860284023536998</t>
  </si>
  <si>
    <t>0.15279926145654166</t>
  </si>
  <si>
    <t>19100</t>
  </si>
  <si>
    <t>7.683332443237305</t>
  </si>
  <si>
    <t>-0.056588152377077705</t>
  </si>
  <si>
    <t>21627</t>
  </si>
  <si>
    <t>0.12425419903796708</t>
  </si>
  <si>
    <t>0.045775719244430135</t>
  </si>
  <si>
    <t>9.283334732055664</t>
  </si>
  <si>
    <t>688.300048828125</t>
  </si>
  <si>
    <t>-0.004604222760910659</t>
  </si>
  <si>
    <t>-0.051115816349991405</t>
  </si>
  <si>
    <t>22669</t>
  </si>
  <si>
    <t>8.299999237060547</t>
  </si>
  <si>
    <t>0.057000138162308644</t>
  </si>
  <si>
    <t>0.04683677776722561</t>
  </si>
  <si>
    <t>23947</t>
  </si>
  <si>
    <t>657.8999633789062</t>
  </si>
  <si>
    <t>0.008007924897166063</t>
  </si>
  <si>
    <t>704.2999877929688</t>
  </si>
  <si>
    <t>-0.018757531139030448</t>
  </si>
  <si>
    <t>25123</t>
  </si>
  <si>
    <t>856.4000854492188</t>
  </si>
  <si>
    <t>0.06669823730903346</t>
  </si>
  <si>
    <t>567.4000244140625</t>
  </si>
  <si>
    <t>0.039262047391892096</t>
  </si>
  <si>
    <t>826.0000610351562</t>
  </si>
  <si>
    <t>0.04629209937138512</t>
  </si>
  <si>
    <t>809.4000244140625</t>
  </si>
  <si>
    <t>0.03581808279447074</t>
  </si>
  <si>
    <t>661.4000244140625</t>
  </si>
  <si>
    <t>0.07803116710854319</t>
  </si>
  <si>
    <t>675.6000366210938</t>
  </si>
  <si>
    <t>0.0060144201846785705</t>
  </si>
  <si>
    <t>886.5999755859375</t>
  </si>
  <si>
    <t>-0.04694919157737054</t>
  </si>
  <si>
    <t>31586</t>
  </si>
  <si>
    <t>0.07046159795348039</t>
  </si>
  <si>
    <t>0.07549776676694897</t>
  </si>
  <si>
    <t>8.448468208312988</t>
  </si>
  <si>
    <t>487.42218017578125</t>
  </si>
  <si>
    <t>172.90554809570312</t>
  </si>
  <si>
    <t>Starogardzki</t>
  </si>
  <si>
    <t>7.704616069793701</t>
  </si>
  <si>
    <t>524.5224609375</t>
  </si>
  <si>
    <t>-0.0765388274105483</t>
  </si>
  <si>
    <t>8.30461597442627</t>
  </si>
  <si>
    <t>501.4676513671875</t>
  </si>
  <si>
    <t>0.021609766334110603</t>
  </si>
  <si>
    <t>7.500242233276367</t>
  </si>
  <si>
    <t>594.771728515625</t>
  </si>
  <si>
    <t>0.03403709107428732</t>
  </si>
  <si>
    <t>9355</t>
  </si>
  <si>
    <t>7.823055744171143</t>
  </si>
  <si>
    <t>521.3370361328125</t>
  </si>
  <si>
    <t>0.04929804298442875</t>
  </si>
  <si>
    <t>10004</t>
  </si>
  <si>
    <t>7.3524298667907715</t>
  </si>
  <si>
    <t>530.7822265625</t>
  </si>
  <si>
    <t>0.06707405328931948</t>
  </si>
  <si>
    <t>6.339723587036133</t>
  </si>
  <si>
    <t>481.4352722167969</t>
  </si>
  <si>
    <t>0.05871768446176162</t>
  </si>
  <si>
    <t>7.702429294586182</t>
  </si>
  <si>
    <t>606.0599975585938</t>
  </si>
  <si>
    <t>0.06194892349635417</t>
  </si>
  <si>
    <t>11808</t>
  </si>
  <si>
    <t>7.594095706939697</t>
  </si>
  <si>
    <t>616.1895141601562</t>
  </si>
  <si>
    <t>0.04512564688462817</t>
  </si>
  <si>
    <t>8.371281623840332</t>
  </si>
  <si>
    <t>580.5801391601562</t>
  </si>
  <si>
    <t>0.04560727474948223</t>
  </si>
  <si>
    <t>13060</t>
  </si>
  <si>
    <t>9.129615783691406</t>
  </si>
  <si>
    <t>557.7023315429688</t>
  </si>
  <si>
    <t>0.05516958124068516</t>
  </si>
  <si>
    <t>7.82606840133667</t>
  </si>
  <si>
    <t>691.40234375</t>
  </si>
  <si>
    <t>0.005878552639087431</t>
  </si>
  <si>
    <t>8.496282577514648</t>
  </si>
  <si>
    <t>599.1483764648438</t>
  </si>
  <si>
    <t>0.10360057554434476</t>
  </si>
  <si>
    <t>7.626602649688721</t>
  </si>
  <si>
    <t>473.99853515625</t>
  </si>
  <si>
    <t>0.05526932021455977</t>
  </si>
  <si>
    <t>8.206389427185059</t>
  </si>
  <si>
    <t>574.8326416015625</t>
  </si>
  <si>
    <t>0.0018166487835262757</t>
  </si>
  <si>
    <t>7.100656032562256</t>
  </si>
  <si>
    <t>501.6758117675781</t>
  </si>
  <si>
    <t>-0.023081478416553836</t>
  </si>
  <si>
    <t>16283</t>
  </si>
  <si>
    <t>8.683989524841309</t>
  </si>
  <si>
    <t>599.3798217773438</t>
  </si>
  <si>
    <t>0.07708387616883527</t>
  </si>
  <si>
    <t>8.534936904907227</t>
  </si>
  <si>
    <t>628.366455078125</t>
  </si>
  <si>
    <t>0.11770797159599589</t>
  </si>
  <si>
    <t>8.610762596130371</t>
  </si>
  <si>
    <t>525.1419677734375</t>
  </si>
  <si>
    <t>-0.0043222608666066975</t>
  </si>
  <si>
    <t>18726</t>
  </si>
  <si>
    <t>7.689310073852539</t>
  </si>
  <si>
    <t>635.335205078125</t>
  </si>
  <si>
    <t>0.026405603005224876</t>
  </si>
  <si>
    <t>7.887948989868164</t>
  </si>
  <si>
    <t>669.6060791015625</t>
  </si>
  <si>
    <t>0.014578676843695959</t>
  </si>
  <si>
    <t>19791</t>
  </si>
  <si>
    <t>8.366496086120605</t>
  </si>
  <si>
    <t>527.9627075195312</t>
  </si>
  <si>
    <t>0.040735679548449255</t>
  </si>
  <si>
    <t>20123</t>
  </si>
  <si>
    <t>7.8099365234375</t>
  </si>
  <si>
    <t>552.2693481445312</t>
  </si>
  <si>
    <t>0.016636150575388697</t>
  </si>
  <si>
    <t>8.352429389953613</t>
  </si>
  <si>
    <t>587.4090576171875</t>
  </si>
  <si>
    <t>0.0077224283582939535</t>
  </si>
  <si>
    <t>9.4068021774292</t>
  </si>
  <si>
    <t>594.38916015625</t>
  </si>
  <si>
    <t>0.06065072787957071</t>
  </si>
  <si>
    <t>9.013895988464355</t>
  </si>
  <si>
    <t>480.9813537597656</t>
  </si>
  <si>
    <t>0.034932872530269776</t>
  </si>
  <si>
    <t>23159</t>
  </si>
  <si>
    <t>8.702016830444336</t>
  </si>
  <si>
    <t>638.4474487304688</t>
  </si>
  <si>
    <t>0.0372140056273178</t>
  </si>
  <si>
    <t>8.995869636535645</t>
  </si>
  <si>
    <t>745.8522338867188</t>
  </si>
  <si>
    <t>0.012870742691191595</t>
  </si>
  <si>
    <t>23871</t>
  </si>
  <si>
    <t>9.06963062286377</t>
  </si>
  <si>
    <t>480.3950500488281</t>
  </si>
  <si>
    <t>0.017410116492632355</t>
  </si>
  <si>
    <t>10.018682479858398</t>
  </si>
  <si>
    <t>467.5860290527344</t>
  </si>
  <si>
    <t>0.06918555536451443</t>
  </si>
  <si>
    <t>25384</t>
  </si>
  <si>
    <t>9.318682670593262</t>
  </si>
  <si>
    <t>587.2227172851562</t>
  </si>
  <si>
    <t>-0.007730834147128718</t>
  </si>
  <si>
    <t>27237</t>
  </si>
  <si>
    <t>8.278790473937988</t>
  </si>
  <si>
    <t>611.9064331054688</t>
  </si>
  <si>
    <t>0.07045728877683644</t>
  </si>
  <si>
    <t>9.128788948059082</t>
  </si>
  <si>
    <t>518.7072143554688</t>
  </si>
  <si>
    <t>0.0754995419823139</t>
  </si>
  <si>
    <t>53.40073776245117</t>
  </si>
  <si>
    <t>Suwalski</t>
  </si>
  <si>
    <t>-0.0765279219493955</t>
  </si>
  <si>
    <t>7080</t>
  </si>
  <si>
    <t>0.021702736445494253</t>
  </si>
  <si>
    <t>6.308332920074463</t>
  </si>
  <si>
    <t>664.800048828125</t>
  </si>
  <si>
    <t>0.03388271910663576</t>
  </si>
  <si>
    <t>6.508333206176758</t>
  </si>
  <si>
    <t>597.5</t>
  </si>
  <si>
    <t>0.049414140478578616</t>
  </si>
  <si>
    <t>6.533332824707031</t>
  </si>
  <si>
    <t>633.5</t>
  </si>
  <si>
    <t>0.06709373333273305</t>
  </si>
  <si>
    <t>5.716667175292969</t>
  </si>
  <si>
    <t>484.5</t>
  </si>
  <si>
    <t>0.058642574077842013</t>
  </si>
  <si>
    <t>6.8666672706604</t>
  </si>
  <si>
    <t>0.0618776957163778</t>
  </si>
  <si>
    <t>6.433333873748779</t>
  </si>
  <si>
    <t>0.04517746389934629</t>
  </si>
  <si>
    <t>10166</t>
  </si>
  <si>
    <t>647.2000122070312</t>
  </si>
  <si>
    <t>0.045686584707569367</t>
  </si>
  <si>
    <t>10742</t>
  </si>
  <si>
    <t>560.2999877929688</t>
  </si>
  <si>
    <t>0.055112472458556994</t>
  </si>
  <si>
    <t>7.024999618530273</t>
  </si>
  <si>
    <t>0.03242339152926199</t>
  </si>
  <si>
    <t>0.08181585602972596</t>
  </si>
  <si>
    <t>12287</t>
  </si>
  <si>
    <t>6.633333683013916</t>
  </si>
  <si>
    <t>0.02014125384317822</t>
  </si>
  <si>
    <t>0.009880222907048264</t>
  </si>
  <si>
    <t>12825</t>
  </si>
  <si>
    <t>6.233333110809326</t>
  </si>
  <si>
    <t>0.03297437526435054</t>
  </si>
  <si>
    <t>652.5</t>
  </si>
  <si>
    <t>0.017698209156192135</t>
  </si>
  <si>
    <t>14588</t>
  </si>
  <si>
    <t>702.5</t>
  </si>
  <si>
    <t>0.11110467273340774</t>
  </si>
  <si>
    <t>14390</t>
  </si>
  <si>
    <t>-0.013665752047156587</t>
  </si>
  <si>
    <t>6.474999904632568</t>
  </si>
  <si>
    <t>0.0532476030786313</t>
  </si>
  <si>
    <t>15827</t>
  </si>
  <si>
    <t>7.124999523162842</t>
  </si>
  <si>
    <t>807.4000244140625</t>
  </si>
  <si>
    <t>0.041936218373237466</t>
  </si>
  <si>
    <t>16652</t>
  </si>
  <si>
    <t>687.9000854492188</t>
  </si>
  <si>
    <t>0.05081298698158321</t>
  </si>
  <si>
    <t>16302</t>
  </si>
  <si>
    <t>6.583333969116211</t>
  </si>
  <si>
    <t>720.4998779296875</t>
  </si>
  <si>
    <t>-0.02124252966046214</t>
  </si>
  <si>
    <t>7.533334732055664</t>
  </si>
  <si>
    <t>659.0</t>
  </si>
  <si>
    <t>0.041513694879702356</t>
  </si>
  <si>
    <t>604.3999633789062</t>
  </si>
  <si>
    <t>0.02366871166851503</t>
  </si>
  <si>
    <t>0.017376879343382612</t>
  </si>
  <si>
    <t>18166</t>
  </si>
  <si>
    <t>0.02570462951615582</t>
  </si>
  <si>
    <t>0.06267547991657096</t>
  </si>
  <si>
    <t>20585</t>
  </si>
  <si>
    <t>0.06233546022527392</t>
  </si>
  <si>
    <t>566.7999267578125</t>
  </si>
  <si>
    <t>0.03803355858563151</t>
  </si>
  <si>
    <t>21249</t>
  </si>
  <si>
    <t>-0.006286378367903467</t>
  </si>
  <si>
    <t>22801</t>
  </si>
  <si>
    <t>7.1999993324279785</t>
  </si>
  <si>
    <t>0.07049455920811631</t>
  </si>
  <si>
    <t>24589</t>
  </si>
  <si>
    <t>625.699951171875</t>
  </si>
  <si>
    <t>0.0754947938156878</t>
  </si>
  <si>
    <t>9.54431438446045</t>
  </si>
  <si>
    <t>622.0564575195312</t>
  </si>
  <si>
    <t>247.34957885742188</t>
  </si>
  <si>
    <t>Szczecinecko-pyrzycki</t>
  </si>
  <si>
    <t>8.450228691101074</t>
  </si>
  <si>
    <t>581.3914794921875</t>
  </si>
  <si>
    <t>-0.07653754370979016</t>
  </si>
  <si>
    <t>9.345833778381348</t>
  </si>
  <si>
    <t>573.6400756835938</t>
  </si>
  <si>
    <t>0.021664934973653516</t>
  </si>
  <si>
    <t>8.217080116271973</t>
  </si>
  <si>
    <t>710.9739990234375</t>
  </si>
  <si>
    <t>0.034035001712577895</t>
  </si>
  <si>
    <t>8.954957962036133</t>
  </si>
  <si>
    <t>636.9557495117188</t>
  </si>
  <si>
    <t>0.04929950296117269</t>
  </si>
  <si>
    <t>8.353594779968262</t>
  </si>
  <si>
    <t>568.111083984375</t>
  </si>
  <si>
    <t>0.06704080493062925</t>
  </si>
  <si>
    <t>7.0019145011901855</t>
  </si>
  <si>
    <t>545.9296875</t>
  </si>
  <si>
    <t>0.05872759742735667</t>
  </si>
  <si>
    <t>9.009954452514648</t>
  </si>
  <si>
    <t>641.5060424804688</t>
  </si>
  <si>
    <t>0.06195565271931791</t>
  </si>
  <si>
    <t>8.612475395202637</t>
  </si>
  <si>
    <t>749.6168823242188</t>
  </si>
  <si>
    <t>0.04503723582557484</t>
  </si>
  <si>
    <t>9.27558422088623</t>
  </si>
  <si>
    <t>586.9871826171875</t>
  </si>
  <si>
    <t>0.045723688067985435</t>
  </si>
  <si>
    <t>12885</t>
  </si>
  <si>
    <t>9.675848960876465</t>
  </si>
  <si>
    <t>600.2665405273438</t>
  </si>
  <si>
    <t>0.0551198166187028</t>
  </si>
  <si>
    <t>8.770026206970215</t>
  </si>
  <si>
    <t>700.8014526367188</t>
  </si>
  <si>
    <t>-0.021335815999272256</t>
  </si>
  <si>
    <t>9.138716697692871</t>
  </si>
  <si>
    <t>729.62451171875</t>
  </si>
  <si>
    <t>-0.046908956870019836</t>
  </si>
  <si>
    <t>8.798840522766113</t>
  </si>
  <si>
    <t>497.4606628417969</t>
  </si>
  <si>
    <t>-0.045037347747706846</t>
  </si>
  <si>
    <t>12103</t>
  </si>
  <si>
    <t>9.144335746765137</t>
  </si>
  <si>
    <t>649.0256958007812</t>
  </si>
  <si>
    <t>0.050671632269137845</t>
  </si>
  <si>
    <t>8.45525074005127</t>
  </si>
  <si>
    <t>596.8619995117188</t>
  </si>
  <si>
    <t>0.023517046877890024</t>
  </si>
  <si>
    <t>10.11851978302002</t>
  </si>
  <si>
    <t>600.487548828125</t>
  </si>
  <si>
    <t>0.05311956537265239</t>
  </si>
  <si>
    <t>14054</t>
  </si>
  <si>
    <t>9.679770469665527</t>
  </si>
  <si>
    <t>814.5238037109375</t>
  </si>
  <si>
    <t>0.0728170847629972</t>
  </si>
  <si>
    <t>14288</t>
  </si>
  <si>
    <t>9.32259750366211</t>
  </si>
  <si>
    <t>571.38330078125</t>
  </si>
  <si>
    <t>0.016512971364138096</t>
  </si>
  <si>
    <t>8.713489532470703</t>
  </si>
  <si>
    <t>656.9605712890625</t>
  </si>
  <si>
    <t>0.018102238599107423</t>
  </si>
  <si>
    <t>14830</t>
  </si>
  <si>
    <t>7.98520040512085</t>
  </si>
  <si>
    <t>730.5726928710938</t>
  </si>
  <si>
    <t>0.019129893416589994</t>
  </si>
  <si>
    <t>9.425800323486328</t>
  </si>
  <si>
    <t>679.8546142578125</t>
  </si>
  <si>
    <t>0.04011506904986284</t>
  </si>
  <si>
    <t>15564</t>
  </si>
  <si>
    <t>8.633989334106445</t>
  </si>
  <si>
    <t>645.9603271484375</t>
  </si>
  <si>
    <t>0.008193329922603354</t>
  </si>
  <si>
    <t>15714</t>
  </si>
  <si>
    <t>8.875799179077148</t>
  </si>
  <si>
    <t>610.578857421875</t>
  </si>
  <si>
    <t>0.009591479631321675</t>
  </si>
  <si>
    <t>16551</t>
  </si>
  <si>
    <t>10.365459442138672</t>
  </si>
  <si>
    <t>647.4110717773438</t>
  </si>
  <si>
    <t>9.543927192687988</t>
  </si>
  <si>
    <t>547.8072509765625</t>
  </si>
  <si>
    <t>0.033508749023745565</t>
  </si>
  <si>
    <t>9.469901084899902</t>
  </si>
  <si>
    <t>531.1170043945312</t>
  </si>
  <si>
    <t>0.03276155067529629</t>
  </si>
  <si>
    <t>9.700738906860352</t>
  </si>
  <si>
    <t>828.125732421875</t>
  </si>
  <si>
    <t>0.04088306135792763</t>
  </si>
  <si>
    <t>10.018814086914062</t>
  </si>
  <si>
    <t>424.2450866699219</t>
  </si>
  <si>
    <t>0.048523898364789986</t>
  </si>
  <si>
    <t>19880</t>
  </si>
  <si>
    <t>10.458331108093262</t>
  </si>
  <si>
    <t>543.4506225585938</t>
  </si>
  <si>
    <t>0.027590418848266296</t>
  </si>
  <si>
    <t>19544</t>
  </si>
  <si>
    <t>10.08499813079834</t>
  </si>
  <si>
    <t>578.9360961914062</t>
  </si>
  <si>
    <t>-0.017045867272988957</t>
  </si>
  <si>
    <t>20971</t>
  </si>
  <si>
    <t>9.422505378723145</t>
  </si>
  <si>
    <t>621.3558959960938</t>
  </si>
  <si>
    <t>0.07047219699354201</t>
  </si>
  <si>
    <t>22616</t>
  </si>
  <si>
    <t>10.181979179382324</t>
  </si>
  <si>
    <t>515.4821166992188</t>
  </si>
  <si>
    <t>0.0755170894423074</t>
  </si>
  <si>
    <t>2129</t>
  </si>
  <si>
    <t>9.998004913330078</t>
  </si>
  <si>
    <t>566.3184814453125</t>
  </si>
  <si>
    <t>561.77783203125</t>
  </si>
  <si>
    <t>Szczecinski</t>
  </si>
  <si>
    <t>8.87421703338623</t>
  </si>
  <si>
    <t>541.9959106445312</t>
  </si>
  <si>
    <t>-0.07649471433342292</t>
  </si>
  <si>
    <t>9.959177017211914</t>
  </si>
  <si>
    <t>537.2694091796875</t>
  </si>
  <si>
    <t>0.02165096631715535</t>
  </si>
  <si>
    <t>8.804787635803223</t>
  </si>
  <si>
    <t>673.1678466796875</t>
  </si>
  <si>
    <t>0.03393114469764846</t>
  </si>
  <si>
    <t>9793</t>
  </si>
  <si>
    <t>9.623320579528809</t>
  </si>
  <si>
    <t>592.6287841796875</t>
  </si>
  <si>
    <t>0.04929064678810846</t>
  </si>
  <si>
    <t>8.845364570617676</t>
  </si>
  <si>
    <t>530.6331176757812</t>
  </si>
  <si>
    <t>0.06713267205235063</t>
  </si>
  <si>
    <t>7.400785446166992</t>
  </si>
  <si>
    <t>488.2673645019531</t>
  </si>
  <si>
    <t>0.05868498602840688</t>
  </si>
  <si>
    <t>11816</t>
  </si>
  <si>
    <t>9.539018630981445</t>
  </si>
  <si>
    <t>588.8074340820312</t>
  </si>
  <si>
    <t>0.06196904240966283</t>
  </si>
  <si>
    <t>9.369816780090332</t>
  </si>
  <si>
    <t>677.6592407226562</t>
  </si>
  <si>
    <t>0.04509180967660775</t>
  </si>
  <si>
    <t>12938</t>
  </si>
  <si>
    <t>9.83056354522705</t>
  </si>
  <si>
    <t>530.4544677734375</t>
  </si>
  <si>
    <t>0.045622362716107645</t>
  </si>
  <si>
    <t>13672</t>
  </si>
  <si>
    <t>10.351333618164062</t>
  </si>
  <si>
    <t>547.1660766601562</t>
  </si>
  <si>
    <t>0.05518122819149518</t>
  </si>
  <si>
    <t>9.277334213256836</t>
  </si>
  <si>
    <t>639.1273803710938</t>
  </si>
  <si>
    <t>-0.002489931714828586</t>
  </si>
  <si>
    <t>9.632969856262207</t>
  </si>
  <si>
    <t>684.7198486328125</t>
  </si>
  <si>
    <t>0.03522784583106642</t>
  </si>
  <si>
    <t>14797</t>
  </si>
  <si>
    <t>9.433585166931152</t>
  </si>
  <si>
    <t>444.00927734375</t>
  </si>
  <si>
    <t>0.046336597590871165</t>
  </si>
  <si>
    <t>15336</t>
  </si>
  <si>
    <t>9.667769432067871</t>
  </si>
  <si>
    <t>591.949951171875</t>
  </si>
  <si>
    <t>0.035778548222944906</t>
  </si>
  <si>
    <t>15830</t>
  </si>
  <si>
    <t>8.833528518676758</t>
  </si>
  <si>
    <t>548.8277587890625</t>
  </si>
  <si>
    <t>0.031703868149577374</t>
  </si>
  <si>
    <t>10.611175537109375</t>
  </si>
  <si>
    <t>562.3062744140625</t>
  </si>
  <si>
    <t>0.020879673323307202</t>
  </si>
  <si>
    <t>17670</t>
  </si>
  <si>
    <t>10.260234832763672</t>
  </si>
  <si>
    <t>764.8971557617188</t>
  </si>
  <si>
    <t>0.08908173911537709</t>
  </si>
  <si>
    <t>18819</t>
  </si>
  <si>
    <t>9.772555351257324</t>
  </si>
  <si>
    <t>527.1561889648438</t>
  </si>
  <si>
    <t>0.06299871145111169</t>
  </si>
  <si>
    <t>9.41826057434082</t>
  </si>
  <si>
    <t>600.0824584960938</t>
  </si>
  <si>
    <t>-0.020561722924453463</t>
  </si>
  <si>
    <t>8.707468032836914</t>
  </si>
  <si>
    <t>666.5226440429688</t>
  </si>
  <si>
    <t>0.02686521070304515</t>
  </si>
  <si>
    <t>19630</t>
  </si>
  <si>
    <t>10.071575164794922</t>
  </si>
  <si>
    <t>625.3538818359375</t>
  </si>
  <si>
    <t>0.035888522727061556</t>
  </si>
  <si>
    <t>20176</t>
  </si>
  <si>
    <t>9.35667896270752</t>
  </si>
  <si>
    <t>575.7565307617188</t>
  </si>
  <si>
    <t>0.02743477093419422</t>
  </si>
  <si>
    <t>20004</t>
  </si>
  <si>
    <t>9.37465763092041</t>
  </si>
  <si>
    <t>551.889404296875</t>
  </si>
  <si>
    <t>-0.008561525665905734</t>
  </si>
  <si>
    <t>10.98300552368164</t>
  </si>
  <si>
    <t>601.2471313476562</t>
  </si>
  <si>
    <t>0.04920904025487616</t>
  </si>
  <si>
    <t>22178</t>
  </si>
  <si>
    <t>10.258137702941895</t>
  </si>
  <si>
    <t>497.2541809082031</t>
  </si>
  <si>
    <t>0.05395951271949073</t>
  </si>
  <si>
    <t>10.014004707336426</t>
  </si>
  <si>
    <t>472.0262451171875</t>
  </si>
  <si>
    <t>0.02585986503075155</t>
  </si>
  <si>
    <t>23614</t>
  </si>
  <si>
    <t>10.432305335998535</t>
  </si>
  <si>
    <t>768.8873901367188</t>
  </si>
  <si>
    <t>0.03687908492314129</t>
  </si>
  <si>
    <t>25190</t>
  </si>
  <si>
    <t>10.648646354675293</t>
  </si>
  <si>
    <t>376.8913269042969</t>
  </si>
  <si>
    <t>0.06460733387960182</t>
  </si>
  <si>
    <t>26384</t>
  </si>
  <si>
    <t>11.124671936035156</t>
  </si>
  <si>
    <t>503.0888977050781</t>
  </si>
  <si>
    <t>0.04631067545272316</t>
  </si>
  <si>
    <t>10.692047119140625</t>
  </si>
  <si>
    <t>512.314697265625</t>
  </si>
  <si>
    <t>-0.012778386070625203</t>
  </si>
  <si>
    <t>9.908299446105957</t>
  </si>
  <si>
    <t>564.6917724609375</t>
  </si>
  <si>
    <t>0.0704735973897801</t>
  </si>
  <si>
    <t>10.875056266784668</t>
  </si>
  <si>
    <t>471.21746826171875</t>
  </si>
  <si>
    <t>0.07549974660961745</t>
  </si>
  <si>
    <t>588.8999633789062</t>
  </si>
  <si>
    <t>171.5426483154297</t>
  </si>
  <si>
    <t>Tarnobrzeski</t>
  </si>
  <si>
    <t>8.54999828338623</t>
  </si>
  <si>
    <t>578.4000244140625</t>
  </si>
  <si>
    <t>-0.07643505080506685</t>
  </si>
  <si>
    <t>7989</t>
  </si>
  <si>
    <t>562.4000244140625</t>
  </si>
  <si>
    <t>0.021636828129143026</t>
  </si>
  <si>
    <t>515.6000366210938</t>
  </si>
  <si>
    <t>0.03396413577308266</t>
  </si>
  <si>
    <t>0.04933735980552001</t>
  </si>
  <si>
    <t>8.374999046325684</t>
  </si>
  <si>
    <t>488.3000793457031</t>
  </si>
  <si>
    <t>0.0671407985192225</t>
  </si>
  <si>
    <t>7.174999713897705</t>
  </si>
  <si>
    <t>0.05865895066793492</t>
  </si>
  <si>
    <t>632.0000610351562</t>
  </si>
  <si>
    <t>0.061920086379799955</t>
  </si>
  <si>
    <t>10959</t>
  </si>
  <si>
    <t>655.1000366210938</t>
  </si>
  <si>
    <t>0.045074109835789855</t>
  </si>
  <si>
    <t>11472</t>
  </si>
  <si>
    <t>0.04574824737600913</t>
  </si>
  <si>
    <t>0.05511269967182919</t>
  </si>
  <si>
    <t>12368</t>
  </si>
  <si>
    <t>733.800048828125</t>
  </si>
  <si>
    <t>0.020090508315972144</t>
  </si>
  <si>
    <t>0.05536004627258073</t>
  </si>
  <si>
    <t>14013</t>
  </si>
  <si>
    <t>0.06951293207043463</t>
  </si>
  <si>
    <t>0.029462493132186296</t>
  </si>
  <si>
    <t>8.07499885559082</t>
  </si>
  <si>
    <t>0.005734634156326024</t>
  </si>
  <si>
    <t>0.056974678968849446</t>
  </si>
  <si>
    <t>16460</t>
  </si>
  <si>
    <t>0.06877591880348</t>
  </si>
  <si>
    <t>610.300048828125</t>
  </si>
  <si>
    <t>0.040248318456470145</t>
  </si>
  <si>
    <t>17210</t>
  </si>
  <si>
    <t>730.4999389648438</t>
  </si>
  <si>
    <t>0.004309096518055</t>
  </si>
  <si>
    <t>17777</t>
  </si>
  <si>
    <t>828.300048828125</t>
  </si>
  <si>
    <t>0.03241487671709997</t>
  </si>
  <si>
    <t>18629</t>
  </si>
  <si>
    <t>545.0999755859375</t>
  </si>
  <si>
    <t>0.04681401936702301</t>
  </si>
  <si>
    <t>-0.005112623143071815</t>
  </si>
  <si>
    <t>19446</t>
  </si>
  <si>
    <t>0.048034510222965565</t>
  </si>
  <si>
    <t>754.9000854492188</t>
  </si>
  <si>
    <t>0.027090379832943157</t>
  </si>
  <si>
    <t>542.5</t>
  </si>
  <si>
    <t>0.044203657634231064</t>
  </si>
  <si>
    <t>0.03989641186892534</t>
  </si>
  <si>
    <t>0.03054156731947444</t>
  </si>
  <si>
    <t>24047</t>
  </si>
  <si>
    <t>0.07063683860329384</t>
  </si>
  <si>
    <t>0.04881590707503669</t>
  </si>
  <si>
    <t>783.4000244140625</t>
  </si>
  <si>
    <t>-0.03039796612227441</t>
  </si>
  <si>
    <t>26282</t>
  </si>
  <si>
    <t>692.1000366210938</t>
  </si>
  <si>
    <t>0.07045610462235175</t>
  </si>
  <si>
    <t>28343</t>
  </si>
  <si>
    <t>0.0754957918838901</t>
  </si>
  <si>
    <t>9.26179313659668</t>
  </si>
  <si>
    <t>635.6646728515625</t>
  </si>
  <si>
    <t>249.26644897460938</t>
  </si>
  <si>
    <t>Tarnowski</t>
  </si>
  <si>
    <t>7244</t>
  </si>
  <si>
    <t>8.243887901306152</t>
  </si>
  <si>
    <t>664.7138061523438</t>
  </si>
  <si>
    <t>-0.07651101453605236</t>
  </si>
  <si>
    <t>9.0701265335083</t>
  </si>
  <si>
    <t>609.0366821289062</t>
  </si>
  <si>
    <t>0.021576693942796155</t>
  </si>
  <si>
    <t>8.427388191223145</t>
  </si>
  <si>
    <t>558.5235595703125</t>
  </si>
  <si>
    <t>0.03400061909113816</t>
  </si>
  <si>
    <t>9.138195991516113</t>
  </si>
  <si>
    <t>682.3885498046875</t>
  </si>
  <si>
    <t>0.04929992738924405</t>
  </si>
  <si>
    <t>8604</t>
  </si>
  <si>
    <t>8.144219398498535</t>
  </si>
  <si>
    <t>650.4485473632812</t>
  </si>
  <si>
    <t>0.0671764309611369</t>
  </si>
  <si>
    <t>9124</t>
  </si>
  <si>
    <t>6.949005603790283</t>
  </si>
  <si>
    <t>709.7852783203125</t>
  </si>
  <si>
    <t>0.05868109301665925</t>
  </si>
  <si>
    <t>8.494053840637207</t>
  </si>
  <si>
    <t>756.3722534179688</t>
  </si>
  <si>
    <t>0.06193897030794737</t>
  </si>
  <si>
    <t>10155</t>
  </si>
  <si>
    <t>8.58448314666748</t>
  </si>
  <si>
    <t>764.3799438476562</t>
  </si>
  <si>
    <t>0.04511892030225795</t>
  </si>
  <si>
    <t>8.960555076599121</t>
  </si>
  <si>
    <t>768.9288940429688</t>
  </si>
  <si>
    <t>0.04561991951909761</t>
  </si>
  <si>
    <t>11232</t>
  </si>
  <si>
    <t>10.014267921447754</t>
  </si>
  <si>
    <t>711.7355346679688</t>
  </si>
  <si>
    <t>0.055180732732010185</t>
  </si>
  <si>
    <t>8.541577339172363</t>
  </si>
  <si>
    <t>764.3016357421875</t>
  </si>
  <si>
    <t>-0.007417039498021083</t>
  </si>
  <si>
    <t>11583</t>
  </si>
  <si>
    <t>9.265339851379395</t>
  </si>
  <si>
    <t>718.1140747070312</t>
  </si>
  <si>
    <t>0.03818869816477388</t>
  </si>
  <si>
    <t>11732</t>
  </si>
  <si>
    <t>8.70024299621582</t>
  </si>
  <si>
    <t>556.8985595703125</t>
  </si>
  <si>
    <t>0.012781645164995581</t>
  </si>
  <si>
    <t>12414</t>
  </si>
  <si>
    <t>8.95700740814209</t>
  </si>
  <si>
    <t>717.3486328125</t>
  </si>
  <si>
    <t>0.05650471687625647</t>
  </si>
  <si>
    <t>7.815506458282471</t>
  </si>
  <si>
    <t>702.6129760742188</t>
  </si>
  <si>
    <t>0.021989413734836205</t>
  </si>
  <si>
    <t>9.654863357543945</t>
  </si>
  <si>
    <t>666.5106811523438</t>
  </si>
  <si>
    <t>0.07672752585441067</t>
  </si>
  <si>
    <t>9.51550579071045</t>
  </si>
  <si>
    <t>655.9982299804688</t>
  </si>
  <si>
    <t>0.03386749280735657</t>
  </si>
  <si>
    <t>9.454863548278809</t>
  </si>
  <si>
    <t>693.7762451171875</t>
  </si>
  <si>
    <t>0.05577385827479553</t>
  </si>
  <si>
    <t>9.0372896194458</t>
  </si>
  <si>
    <t>786.4063720703125</t>
  </si>
  <si>
    <t>0.021061749724870182</t>
  </si>
  <si>
    <t>16084</t>
  </si>
  <si>
    <t>8.528790473937988</t>
  </si>
  <si>
    <t>970.8714599609375</t>
  </si>
  <si>
    <t>0.049580080647297464</t>
  </si>
  <si>
    <t>9.285886764526367</t>
  </si>
  <si>
    <t>604.7625122070312</t>
  </si>
  <si>
    <t>0.10176664938415136</t>
  </si>
  <si>
    <t>9.093314170837402</t>
  </si>
  <si>
    <t>603.1071166992188</t>
  </si>
  <si>
    <t>0.007441218211472034</t>
  </si>
  <si>
    <t>17275</t>
  </si>
  <si>
    <t>9.21088695526123</t>
  </si>
  <si>
    <t>666.4133911132812</t>
  </si>
  <si>
    <t>-0.03777248697691604</t>
  </si>
  <si>
    <t>17674</t>
  </si>
  <si>
    <t>10.383244514465332</t>
  </si>
  <si>
    <t>760.6094970703125</t>
  </si>
  <si>
    <t>0.022834263442078395</t>
  </si>
  <si>
    <t>18547</t>
  </si>
  <si>
    <t>9.923839569091797</t>
  </si>
  <si>
    <t>555.5171508789062</t>
  </si>
  <si>
    <t>0.04821341781133803</t>
  </si>
  <si>
    <t>9.483244895935059</t>
  </si>
  <si>
    <t>773.3120727539062</t>
  </si>
  <si>
    <t>0.007841071323044346</t>
  </si>
  <si>
    <t>19745</t>
  </si>
  <si>
    <t>10.158411026000977</t>
  </si>
  <si>
    <t>773.4694213867188</t>
  </si>
  <si>
    <t>0.05475117250841777</t>
  </si>
  <si>
    <t>10.197601318359375</t>
  </si>
  <si>
    <t>633.0562744140625</t>
  </si>
  <si>
    <t>0.04940495904621933</t>
  </si>
  <si>
    <t>21470</t>
  </si>
  <si>
    <t>10.770126342773438</t>
  </si>
  <si>
    <t>631.261474609375</t>
  </si>
  <si>
    <t>0.03435135810585699</t>
  </si>
  <si>
    <t>21164</t>
  </si>
  <si>
    <t>10.141743659973145</t>
  </si>
  <si>
    <t>794.2510986328125</t>
  </si>
  <si>
    <t>-0.01435498684880443</t>
  </si>
  <si>
    <t>9.245291709899902</t>
  </si>
  <si>
    <t>690.2908325195312</t>
  </si>
  <si>
    <t>0.07050373107558272</t>
  </si>
  <si>
    <t>24490</t>
  </si>
  <si>
    <t>10.366744041442871</t>
  </si>
  <si>
    <t>651.904541015625</t>
  </si>
  <si>
    <t>0.0754595148466084</t>
  </si>
  <si>
    <t>8769</t>
  </si>
  <si>
    <t>8.469101905822754</t>
  </si>
  <si>
    <t>548.4404907226562</t>
  </si>
  <si>
    <t>368.532470703125</t>
  </si>
  <si>
    <t>Walbrzyski</t>
  </si>
  <si>
    <t>7.457700252532959</t>
  </si>
  <si>
    <t>596.7359008789062</t>
  </si>
  <si>
    <t>-0.07640013107907961</t>
  </si>
  <si>
    <t>8.401141166687012</t>
  </si>
  <si>
    <t>552.990966796875</t>
  </si>
  <si>
    <t>0.02155334575475898</t>
  </si>
  <si>
    <t>7.323071002960205</t>
  </si>
  <si>
    <t>719.7061767578125</t>
  </si>
  <si>
    <t>0.0339898905436371</t>
  </si>
  <si>
    <t>8.086616516113281</t>
  </si>
  <si>
    <t>709.48974609375</t>
  </si>
  <si>
    <t>0.049300158969669994</t>
  </si>
  <si>
    <t>7.330954074859619</t>
  </si>
  <si>
    <t>682.9828491210938</t>
  </si>
  <si>
    <t>0.06708460099862457</t>
  </si>
  <si>
    <t>5.920848369598389</t>
  </si>
  <si>
    <t>661.53564453125</t>
  </si>
  <si>
    <t>0.058769424291712724</t>
  </si>
  <si>
    <t>10885</t>
  </si>
  <si>
    <t>7.9076995849609375</t>
  </si>
  <si>
    <t>815.4489135742188</t>
  </si>
  <si>
    <t>0.06186563040996873</t>
  </si>
  <si>
    <t>7.834473133087158</t>
  </si>
  <si>
    <t>747.406005859375</t>
  </si>
  <si>
    <t>0.04508665914195653</t>
  </si>
  <si>
    <t>11919</t>
  </si>
  <si>
    <t>8.310769081115723</t>
  </si>
  <si>
    <t>677.4426879882812</t>
  </si>
  <si>
    <t>0.04566141167210347</t>
  </si>
  <si>
    <t>8.910768508911133</t>
  </si>
  <si>
    <t>723.1690673828125</t>
  </si>
  <si>
    <t>0.05516614430400324</t>
  </si>
  <si>
    <t>13166</t>
  </si>
  <si>
    <t>7.702885150909424</t>
  </si>
  <si>
    <t>834.17431640625</t>
  </si>
  <si>
    <t>0.0443378392411109</t>
  </si>
  <si>
    <t>13348</t>
  </si>
  <si>
    <t>8.142807006835938</t>
  </si>
  <si>
    <t>815.2147827148438</t>
  </si>
  <si>
    <t>0.013728811843442656</t>
  </si>
  <si>
    <t>14032</t>
  </si>
  <si>
    <t>7.786218643188477</t>
  </si>
  <si>
    <t>518.2439575195312</t>
  </si>
  <si>
    <t>0.04997387474069903</t>
  </si>
  <si>
    <t>14532</t>
  </si>
  <si>
    <t>8.176138877868652</t>
  </si>
  <si>
    <t>640.206298828125</t>
  </si>
  <si>
    <t>0.035012678729128055</t>
  </si>
  <si>
    <t>14787</t>
  </si>
  <si>
    <t>7.207700729370117</t>
  </si>
  <si>
    <t>670.859375</t>
  </si>
  <si>
    <t>0.01739530203239603</t>
  </si>
  <si>
    <t>15977</t>
  </si>
  <si>
    <t>9.102435111999512</t>
  </si>
  <si>
    <t>727.2021484375</t>
  </si>
  <si>
    <t>0.07740177165408291</t>
  </si>
  <si>
    <t>8.726140022277832</t>
  </si>
  <si>
    <t>740.9110717773438</t>
  </si>
  <si>
    <t>0.06482404712335388</t>
  </si>
  <si>
    <t>17445</t>
  </si>
  <si>
    <t>8.330953598022461</t>
  </si>
  <si>
    <t>591.965576171875</t>
  </si>
  <si>
    <t>0.023078839469949486</t>
  </si>
  <si>
    <t>17971</t>
  </si>
  <si>
    <t>7.794101715087891</t>
  </si>
  <si>
    <t>805.7935791015625</t>
  </si>
  <si>
    <t>0.0297062729111488</t>
  </si>
  <si>
    <t>17855</t>
  </si>
  <si>
    <t>7.35902214050293</t>
  </si>
  <si>
    <t>895.5636596679688</t>
  </si>
  <si>
    <t>-0.006475766503474034</t>
  </si>
  <si>
    <t>18645</t>
  </si>
  <si>
    <t>8.55947208404541</t>
  </si>
  <si>
    <t>693.2188110351562</t>
  </si>
  <si>
    <t>0.043294432584373155</t>
  </si>
  <si>
    <t>7.847621440887451</t>
  </si>
  <si>
    <t>721.6181640625</t>
  </si>
  <si>
    <t>0.0009113571810459575</t>
  </si>
  <si>
    <t>7.947619915008545</t>
  </si>
  <si>
    <t>726.1856079101562</t>
  </si>
  <si>
    <t>-0.001125914924722693</t>
  </si>
  <si>
    <t>19821</t>
  </si>
  <si>
    <t>9.529657363891602</t>
  </si>
  <si>
    <t>743.9555053710938</t>
  </si>
  <si>
    <t>0.061378525828750696</t>
  </si>
  <si>
    <t>8.910795211791992</t>
  </si>
  <si>
    <t>613.3064575195312</t>
  </si>
  <si>
    <t>0.0445987193054993</t>
  </si>
  <si>
    <t>8.672196388244629</t>
  </si>
  <si>
    <t>697.5333862304688</t>
  </si>
  <si>
    <t>0.03787434929243716</t>
  </si>
  <si>
    <t>9.016510963439941</t>
  </si>
  <si>
    <t>849.662841796875</t>
  </si>
  <si>
    <t>0.03267741906858568</t>
  </si>
  <si>
    <t>9.291007041931152</t>
  </si>
  <si>
    <t>582.3362426757812</t>
  </si>
  <si>
    <t>0.053958355064368746</t>
  </si>
  <si>
    <t>9.826138496398926</t>
  </si>
  <si>
    <t>619.71728515625</t>
  </si>
  <si>
    <t>0.0315343333300806</t>
  </si>
  <si>
    <t>9.299392700195312</t>
  </si>
  <si>
    <t>698.5471801757812</t>
  </si>
  <si>
    <t>-0.04435419720195988</t>
  </si>
  <si>
    <t>8.439286231994629</t>
  </si>
  <si>
    <t>719.9982299804688</t>
  </si>
  <si>
    <t>0.07047044795587531</t>
  </si>
  <si>
    <t>9.464287757873535</t>
  </si>
  <si>
    <t>567.33203125</t>
  </si>
  <si>
    <t>0.07549731576892604</t>
  </si>
  <si>
    <t>9960</t>
  </si>
  <si>
    <t>8.99206829071045</t>
  </si>
  <si>
    <t>512.5097045898438</t>
  </si>
  <si>
    <t>809.9507446289062</t>
  </si>
  <si>
    <t>Warsaw-East</t>
  </si>
  <si>
    <t>7.924615383148193</t>
  </si>
  <si>
    <t>425.68414306640625</t>
  </si>
  <si>
    <t>-0.07644310300008783</t>
  </si>
  <si>
    <t>8.74128246307373</t>
  </si>
  <si>
    <t>541.4901123046875</t>
  </si>
  <si>
    <t>0.02165607788712265</t>
  </si>
  <si>
    <t>8.107161521911621</t>
  </si>
  <si>
    <t>477.17584228515625</t>
  </si>
  <si>
    <t>0.0339899275915343</t>
  </si>
  <si>
    <t>8.874615669250488</t>
  </si>
  <si>
    <t>555.5094604492188</t>
  </si>
  <si>
    <t>0.0493025905193587</t>
  </si>
  <si>
    <t>7.851190567016602</t>
  </si>
  <si>
    <t>523.1447143554688</t>
  </si>
  <si>
    <t>0.06707847188682159</t>
  </si>
  <si>
    <t>6.6277642250061035</t>
  </si>
  <si>
    <t>472.4290466308594</t>
  </si>
  <si>
    <t>0.0587388171716583</t>
  </si>
  <si>
    <t>8.215495109558105</t>
  </si>
  <si>
    <t>582.7327270507812</t>
  </si>
  <si>
    <t>0.06188917061695598</t>
  </si>
  <si>
    <t>8.257948875427246</t>
  </si>
  <si>
    <t>572.2352905273438</t>
  </si>
  <si>
    <t>0.04514779136812308</t>
  </si>
  <si>
    <t>8.6178560256958</t>
  </si>
  <si>
    <t>518.397705078125</t>
  </si>
  <si>
    <t>0.04563759387498045</t>
  </si>
  <si>
    <t>14307</t>
  </si>
  <si>
    <t>9.65794849395752</t>
  </si>
  <si>
    <t>491.6454162597656</t>
  </si>
  <si>
    <t>0.05517451847122423</t>
  </si>
  <si>
    <t>14451</t>
  </si>
  <si>
    <t>8.224616050720215</t>
  </si>
  <si>
    <t>596.607421875</t>
  </si>
  <si>
    <t>0.010014688331995814</t>
  </si>
  <si>
    <t>13588</t>
  </si>
  <si>
    <t>8.942856788635254</t>
  </si>
  <si>
    <t>492.1456604003906</t>
  </si>
  <si>
    <t>-0.06157656601785533</t>
  </si>
  <si>
    <t>8.432161331176758</t>
  </si>
  <si>
    <t>441.8544006347656</t>
  </si>
  <si>
    <t>0.03443129064448236</t>
  </si>
  <si>
    <t>14430</t>
  </si>
  <si>
    <t>8.633736610412598</t>
  </si>
  <si>
    <t>548.5859985351562</t>
  </si>
  <si>
    <t>0.025691031842958623</t>
  </si>
  <si>
    <t>7.517068862915039</t>
  </si>
  <si>
    <t>451.3290710449219</t>
  </si>
  <si>
    <t>0.09177593819557295</t>
  </si>
  <si>
    <t>9.324615478515625</t>
  </si>
  <si>
    <t>515.9926147460938</t>
  </si>
  <si>
    <t>0.041850737484663725</t>
  </si>
  <si>
    <t>9.232161521911621</t>
  </si>
  <si>
    <t>543.6187133789062</t>
  </si>
  <si>
    <t>0.05307428191283847</t>
  </si>
  <si>
    <t>18357</t>
  </si>
  <si>
    <t>9.15040397644043</t>
  </si>
  <si>
    <t>509.80352783203125</t>
  </si>
  <si>
    <t>0.054000642769658214</t>
  </si>
  <si>
    <t>18731</t>
  </si>
  <si>
    <t>8.798829078674316</t>
  </si>
  <si>
    <t>624.053955078125</t>
  </si>
  <si>
    <t>0.020168932165242737</t>
  </si>
  <si>
    <t>8.217068672180176</t>
  </si>
  <si>
    <t>0.060338801187349134</t>
  </si>
  <si>
    <t>20997</t>
  </si>
  <si>
    <t>9.032161712646484</t>
  </si>
  <si>
    <t>505.00994873046875</t>
  </si>
  <si>
    <t>0.05386086387440869</t>
  </si>
  <si>
    <t>8.817069053649902</t>
  </si>
  <si>
    <t>539.181640625</t>
  </si>
  <si>
    <t>0.0053672914847169295</t>
  </si>
  <si>
    <t>21654</t>
  </si>
  <si>
    <t>8.893643379211426</t>
  </si>
  <si>
    <t>589.5320434570312</t>
  </si>
  <si>
    <t>0.0254433330284769</t>
  </si>
  <si>
    <t>10.092856407165527</t>
  </si>
  <si>
    <t>529.8391723632812</t>
  </si>
  <si>
    <t>0.041697200221751274</t>
  </si>
  <si>
    <t>23941</t>
  </si>
  <si>
    <t>9.602765083312988</t>
  </si>
  <si>
    <t>420.2751770019531</t>
  </si>
  <si>
    <t>0.05870507524138446</t>
  </si>
  <si>
    <t>9.159523963928223</t>
  </si>
  <si>
    <t>621.7246704101562</t>
  </si>
  <si>
    <t>-0.0020906513719598507</t>
  </si>
  <si>
    <t>9.882948875427246</t>
  </si>
  <si>
    <t>685.2573852539062</t>
  </si>
  <si>
    <t>0.048648638421974866</t>
  </si>
  <si>
    <t>9.892069816589355</t>
  </si>
  <si>
    <t>491.2585754394531</t>
  </si>
  <si>
    <t>0.07294539337775241</t>
  </si>
  <si>
    <t>10.408736228942871</t>
  </si>
  <si>
    <t>438.57794189453125</t>
  </si>
  <si>
    <t>0.04149189610534876</t>
  </si>
  <si>
    <t>9.83373737335205</t>
  </si>
  <si>
    <t>591.3968505859375</t>
  </si>
  <si>
    <t>-0.0115876980583689</t>
  </si>
  <si>
    <t>29829</t>
  </si>
  <si>
    <t>8.974616050720215</t>
  </si>
  <si>
    <t>587.114990234375</t>
  </si>
  <si>
    <t>0.07048102583945592</t>
  </si>
  <si>
    <t>10.072254180908203</t>
  </si>
  <si>
    <t>514.4403686523438</t>
  </si>
  <si>
    <t>0.07549109492892647</t>
  </si>
  <si>
    <t>15212</t>
  </si>
  <si>
    <t>512.5999755859375</t>
  </si>
  <si>
    <t>617.0452270507812</t>
  </si>
  <si>
    <t>Warszawski zachodni</t>
  </si>
  <si>
    <t>14092</t>
  </si>
  <si>
    <t>428.9000244140625</t>
  </si>
  <si>
    <t>-0.07647732958702136</t>
  </si>
  <si>
    <t>0.0216209461029635</t>
  </si>
  <si>
    <t>14898</t>
  </si>
  <si>
    <t>483.70001220703125</t>
  </si>
  <si>
    <t>0.03399876917213085</t>
  </si>
  <si>
    <t>0.04930783695428076</t>
  </si>
  <si>
    <t>0.06708702482313456</t>
  </si>
  <si>
    <t>478.3999938964844</t>
  </si>
  <si>
    <t>0.05870733877470791</t>
  </si>
  <si>
    <t>18883</t>
  </si>
  <si>
    <t>0.061932870093231784</t>
  </si>
  <si>
    <t>19754</t>
  </si>
  <si>
    <t>577.0000610351562</t>
  </si>
  <si>
    <t>0.04509395608649491</t>
  </si>
  <si>
    <t>20677</t>
  </si>
  <si>
    <t>0.045665968932697254</t>
  </si>
  <si>
    <t>21849</t>
  </si>
  <si>
    <t>495.20001220703125</t>
  </si>
  <si>
    <t>0.055133182485255006</t>
  </si>
  <si>
    <t>23333</t>
  </si>
  <si>
    <t>0.06571351366103428</t>
  </si>
  <si>
    <t>24715</t>
  </si>
  <si>
    <t>504.1000061035156</t>
  </si>
  <si>
    <t>0.057541679194001105</t>
  </si>
  <si>
    <t>23541</t>
  </si>
  <si>
    <t>441.7999572753906</t>
  </si>
  <si>
    <t>-0.048666764945476615</t>
  </si>
  <si>
    <t>0.049233062185754406</t>
  </si>
  <si>
    <t>458.3000183105469</t>
  </si>
  <si>
    <t>-0.0170888556711688</t>
  </si>
  <si>
    <t>521.6000366210938</t>
  </si>
  <si>
    <t>0.08791594512005751</t>
  </si>
  <si>
    <t>548.9000244140625</t>
  </si>
  <si>
    <t>0.056752296960628</t>
  </si>
  <si>
    <t>510.1000061035156</t>
  </si>
  <si>
    <t>0.05035849438892015</t>
  </si>
  <si>
    <t>31645</t>
  </si>
  <si>
    <t>0.06866563342963161</t>
  </si>
  <si>
    <t>32928</t>
  </si>
  <si>
    <t>739.6000366210938</t>
  </si>
  <si>
    <t>0.039743201424370156</t>
  </si>
  <si>
    <t>35036</t>
  </si>
  <si>
    <t>507.9000244140625</t>
  </si>
  <si>
    <t>0.062052744649202296</t>
  </si>
  <si>
    <t>0.0143389914624521</t>
  </si>
  <si>
    <t>0.0026973885419288024</t>
  </si>
  <si>
    <t>541.1000366210938</t>
  </si>
  <si>
    <t>0.06317317508757903</t>
  </si>
  <si>
    <t>40258</t>
  </si>
  <si>
    <t>418.0999755859375</t>
  </si>
  <si>
    <t>0.05872308248603808</t>
  </si>
  <si>
    <t>617.800048828125</t>
  </si>
  <si>
    <t>0.020480377541954198</t>
  </si>
  <si>
    <t>0.019926209530174432</t>
  </si>
  <si>
    <t>45323</t>
  </si>
  <si>
    <t>0.07809930095796425</t>
  </si>
  <si>
    <t>47780</t>
  </si>
  <si>
    <t>0.052792511988730695</t>
  </si>
  <si>
    <t>46950</t>
  </si>
  <si>
    <t>600.5000610351562</t>
  </si>
  <si>
    <t>-0.017523936243390992</t>
  </si>
  <si>
    <t>50378</t>
  </si>
  <si>
    <t>0.07047136618922067</t>
  </si>
  <si>
    <t>516.2000732421875</t>
  </si>
  <si>
    <t>0.07548517596799798</t>
  </si>
  <si>
    <t>9.279967308044434</t>
  </si>
  <si>
    <t>500.66552734375</t>
  </si>
  <si>
    <t>221.099365234375</t>
  </si>
  <si>
    <t>Wloclawski</t>
  </si>
  <si>
    <t>7912</t>
  </si>
  <si>
    <t>8.406874656677246</t>
  </si>
  <si>
    <t>449.65130615234375</t>
  </si>
  <si>
    <t>-0.0763804134800683</t>
  </si>
  <si>
    <t>9.163300514221191</t>
  </si>
  <si>
    <t>498.5687561035156</t>
  </si>
  <si>
    <t>0.021629898708660278</t>
  </si>
  <si>
    <t>8.143845558166504</t>
  </si>
  <si>
    <t>569.7764892578125</t>
  </si>
  <si>
    <t>0.03392628853731594</t>
  </si>
  <si>
    <t>8.801836013793945</t>
  </si>
  <si>
    <t>526.2340698242188</t>
  </si>
  <si>
    <t>0.04933657494731847</t>
  </si>
  <si>
    <t>9397</t>
  </si>
  <si>
    <t>8.122551918029785</t>
  </si>
  <si>
    <t>509.5650939941406</t>
  </si>
  <si>
    <t>0.06711713288722265</t>
  </si>
  <si>
    <t>6.895138263702393</t>
  </si>
  <si>
    <t>480.0660400390625</t>
  </si>
  <si>
    <t>0.05868846426382923</t>
  </si>
  <si>
    <t>8.59969425201416</t>
  </si>
  <si>
    <t>585.28515625</t>
  </si>
  <si>
    <t>0.06186938262620245</t>
  </si>
  <si>
    <t>11090</t>
  </si>
  <si>
    <t>8.498775482177734</t>
  </si>
  <si>
    <t>600.5016479492188</t>
  </si>
  <si>
    <t>0.045095465071316454</t>
  </si>
  <si>
    <t>11609</t>
  </si>
  <si>
    <t>9.108062744140625</t>
  </si>
  <si>
    <t>521.7940673828125</t>
  </si>
  <si>
    <t>0.04573685799362259</t>
  </si>
  <si>
    <t>12267</t>
  </si>
  <si>
    <t>9.8096284866333</t>
  </si>
  <si>
    <t>531.5142822265625</t>
  </si>
  <si>
    <t>0.05513207069471626</t>
  </si>
  <si>
    <t>12553</t>
  </si>
  <si>
    <t>8.58153247833252</t>
  </si>
  <si>
    <t>634.2377319335938</t>
  </si>
  <si>
    <t>0.023046950785456488</t>
  </si>
  <si>
    <t>9.123847007751465</t>
  </si>
  <si>
    <t>552.4461059570312</t>
  </si>
  <si>
    <t>0.020968764493925818</t>
  </si>
  <si>
    <t>8.50554370880127</t>
  </si>
  <si>
    <t>431.11993408203125</t>
  </si>
  <si>
    <t>0.032993632555989194</t>
  </si>
  <si>
    <t>9.028436660766602</t>
  </si>
  <si>
    <t>555.641357421875</t>
  </si>
  <si>
    <t>0.0680514769958176</t>
  </si>
  <si>
    <t>7.984899044036865</t>
  </si>
  <si>
    <t>470.6051025390625</t>
  </si>
  <si>
    <t>-0.007928683755507038</t>
  </si>
  <si>
    <t>9.831155776977539</t>
  </si>
  <si>
    <t>524.6926879882812</t>
  </si>
  <si>
    <t>16135</t>
  </si>
  <si>
    <t>9.462653160095215</t>
  </si>
  <si>
    <t>612.7557373046875</t>
  </si>
  <si>
    <t>0.08177957306891948</t>
  </si>
  <si>
    <t>16434</t>
  </si>
  <si>
    <t>9.304390907287598</t>
  </si>
  <si>
    <t>507.7659606933594</t>
  </si>
  <si>
    <t>0.018361534005070013</t>
  </si>
  <si>
    <t>15965</t>
  </si>
  <si>
    <t>8.567890167236328</t>
  </si>
  <si>
    <t>593.2715454101562</t>
  </si>
  <si>
    <t>-0.028953533342249926</t>
  </si>
  <si>
    <t>16970</t>
  </si>
  <si>
    <t>8.415207862854004</t>
  </si>
  <si>
    <t>704.6581420898438</t>
  </si>
  <si>
    <t>0.06104825307938988</t>
  </si>
  <si>
    <t>9.253401756286621</t>
  </si>
  <si>
    <t>534.2606201171875</t>
  </si>
  <si>
    <t>0.02611448524918991</t>
  </si>
  <si>
    <t>17267</t>
  </si>
  <si>
    <t>8.632721900939941</t>
  </si>
  <si>
    <t>562.338623046875</t>
  </si>
  <si>
    <t>-0.00876439906503279</t>
  </si>
  <si>
    <t>8.94513988494873</t>
  </si>
  <si>
    <t>567.0054931640625</t>
  </si>
  <si>
    <t>0.054381126513090905</t>
  </si>
  <si>
    <t>18197</t>
  </si>
  <si>
    <t>10.288912773132324</t>
  </si>
  <si>
    <t>550.4952392578125</t>
  </si>
  <si>
    <t>-0.0019215466122783909</t>
  </si>
  <si>
    <t>9.744492530822754</t>
  </si>
  <si>
    <t>444.5754089355469</t>
  </si>
  <si>
    <t>0.08154225281098704</t>
  </si>
  <si>
    <t>9.503437042236328</t>
  </si>
  <si>
    <t>555.4063110351562</t>
  </si>
  <si>
    <t>0.004699470484794688</t>
  </si>
  <si>
    <t>20332</t>
  </si>
  <si>
    <t>9.788912773132324</t>
  </si>
  <si>
    <t>641.7557373046875</t>
  </si>
  <si>
    <t>0.024697530957769942</t>
  </si>
  <si>
    <t>458.84320068359375</t>
  </si>
  <si>
    <t>0.032612111615927475</t>
  </si>
  <si>
    <t>10.757792472839355</t>
  </si>
  <si>
    <t>467.32403564453125</t>
  </si>
  <si>
    <t>0.04195246070097092</t>
  </si>
  <si>
    <t>10.14078426361084</t>
  </si>
  <si>
    <t>544.3522338867188</t>
  </si>
  <si>
    <t>0.026399118528400933</t>
  </si>
  <si>
    <t>9.194150924682617</t>
  </si>
  <si>
    <t>526.484130859375</t>
  </si>
  <si>
    <t>0.07046194422145291</t>
  </si>
  <si>
    <t>10.121293067932129</t>
  </si>
  <si>
    <t>500.9327087402344</t>
  </si>
  <si>
    <t>0.07547440370315606</t>
  </si>
  <si>
    <t>9.74362850189209</t>
  </si>
  <si>
    <t>436.5472412109375</t>
  </si>
  <si>
    <t>562.15185546875</t>
  </si>
  <si>
    <t>Wroclawski</t>
  </si>
  <si>
    <t>8.751173973083496</t>
  </si>
  <si>
    <t>477.0376892089844</t>
  </si>
  <si>
    <t>-0.07647698285316551</t>
  </si>
  <si>
    <t>9.65900707244873</t>
  </si>
  <si>
    <t>429.1500244140625</t>
  </si>
  <si>
    <t>0.021582718461617745</t>
  </si>
  <si>
    <t>8.65102481842041</t>
  </si>
  <si>
    <t>574.3484497070312</t>
  </si>
  <si>
    <t>0.0340227706696723</t>
  </si>
  <si>
    <t>9.377777099609375</t>
  </si>
  <si>
    <t>535.220458984375</t>
  </si>
  <si>
    <t>0.04933537483127992</t>
  </si>
  <si>
    <t>8.610296249389648</t>
  </si>
  <si>
    <t>544.5580444335938</t>
  </si>
  <si>
    <t>0.0670986518897898</t>
  </si>
  <si>
    <t>7.233772277832031</t>
  </si>
  <si>
    <t>539.9827880859375</t>
  </si>
  <si>
    <t>0.058699190079526176</t>
  </si>
  <si>
    <t>9.151253700256348</t>
  </si>
  <si>
    <t>666.0372924804688</t>
  </si>
  <si>
    <t>0.0619058591408681</t>
  </si>
  <si>
    <t>9.098946571350098</t>
  </si>
  <si>
    <t>593.755126953125</t>
  </si>
  <si>
    <t>0.04512832890597096</t>
  </si>
  <si>
    <t>12240</t>
  </si>
  <si>
    <t>9.570635795593262</t>
  </si>
  <si>
    <t>542.8439331054688</t>
  </si>
  <si>
    <t>0.045633387330701325</t>
  </si>
  <si>
    <t>10.235424041748047</t>
  </si>
  <si>
    <t>578.5325927734375</t>
  </si>
  <si>
    <t>0.05515022594022234</t>
  </si>
  <si>
    <t>8.996527671813965</t>
  </si>
  <si>
    <t>662.261474609375</t>
  </si>
  <si>
    <t>0.009618048213868136</t>
  </si>
  <si>
    <t>14158</t>
  </si>
  <si>
    <t>9.476611137390137</t>
  </si>
  <si>
    <t>619.073974609375</t>
  </si>
  <si>
    <t>0.08080228411372836</t>
  </si>
  <si>
    <t>9.066014289855957</t>
  </si>
  <si>
    <t>415.90289306640625</t>
  </si>
  <si>
    <t>0.03675099852613606</t>
  </si>
  <si>
    <t>9.458444595336914</t>
  </si>
  <si>
    <t>489.43341064453125</t>
  </si>
  <si>
    <t>-0.0012262417232431488</t>
  </si>
  <si>
    <t>15326</t>
  </si>
  <si>
    <t>8.471702575683594</t>
  </si>
  <si>
    <t>526.7901000976562</t>
  </si>
  <si>
    <t>0.04374614039332059</t>
  </si>
  <si>
    <t>16061</t>
  </si>
  <si>
    <t>10.364714622497559</t>
  </si>
  <si>
    <t>570.0001831054688</t>
  </si>
  <si>
    <t>0.046843240532547625</t>
  </si>
  <si>
    <t>10.014945983886719</t>
  </si>
  <si>
    <t>577.8943481445312</t>
  </si>
  <si>
    <t>0.14013274229225736</t>
  </si>
  <si>
    <t>9.676907539367676</t>
  </si>
  <si>
    <t>466.3121643066406</t>
  </si>
  <si>
    <t>0.07920555818097341</t>
  </si>
  <si>
    <t>20476</t>
  </si>
  <si>
    <t>9.139920234680176</t>
  </si>
  <si>
    <t>647.4877319335938</t>
  </si>
  <si>
    <t>0.023521195041347198</t>
  </si>
  <si>
    <t>21786</t>
  </si>
  <si>
    <t>8.698710441589355</t>
  </si>
  <si>
    <t>709.0908203125</t>
  </si>
  <si>
    <t>0.06201409306491712</t>
  </si>
  <si>
    <t>23554</t>
  </si>
  <si>
    <t>9.822978019714355</t>
  </si>
  <si>
    <t>549.612548828125</t>
  </si>
  <si>
    <t>0.07802809575910175</t>
  </si>
  <si>
    <t>24942</t>
  </si>
  <si>
    <t>9.180218696594238</t>
  </si>
  <si>
    <t>564.333984375</t>
  </si>
  <si>
    <t>0.057257472079198735</t>
  </si>
  <si>
    <t>9.295917510986328</t>
  </si>
  <si>
    <t>588.1756591796875</t>
  </si>
  <si>
    <t>0.025492197396287608</t>
  </si>
  <si>
    <t>10.823280334472656</t>
  </si>
  <si>
    <t>593.0402221679688</t>
  </si>
  <si>
    <t>0.021115290083661975</t>
  </si>
  <si>
    <t>10.235222816467285</t>
  </si>
  <si>
    <t>459.81317138671875</t>
  </si>
  <si>
    <t>0.08765533512272583</t>
  </si>
  <si>
    <t>9.95399284362793</t>
  </si>
  <si>
    <t>563.3019409179688</t>
  </si>
  <si>
    <t>0.057224628042918724</t>
  </si>
  <si>
    <t>10.34899616241455</t>
  </si>
  <si>
    <t>703.5123291015625</t>
  </si>
  <si>
    <t>0.03305036517968318</t>
  </si>
  <si>
    <t>10.586567878723145</t>
  </si>
  <si>
    <t>416.3470153808594</t>
  </si>
  <si>
    <t>0.053414613471975514</t>
  </si>
  <si>
    <t>33775</t>
  </si>
  <si>
    <t>11.14207935333252</t>
  </si>
  <si>
    <t>450.1877746582031</t>
  </si>
  <si>
    <t>0.025215325050455206</t>
  </si>
  <si>
    <t>35449</t>
  </si>
  <si>
    <t>10.592179298400879</t>
  </si>
  <si>
    <t>551.38232421875</t>
  </si>
  <si>
    <t>0.0483741599892884</t>
  </si>
  <si>
    <t>9.729275703430176</t>
  </si>
  <si>
    <t>551.767333984375</t>
  </si>
  <si>
    <t>0.07049061622391761</t>
  </si>
  <si>
    <t>10.76050090789795</t>
  </si>
  <si>
    <t>458.2313232421875</t>
  </si>
  <si>
    <t>0.07549847063964243</t>
  </si>
  <si>
    <t>10.236184120178223</t>
  </si>
  <si>
    <t>491.8851013183594</t>
  </si>
  <si>
    <t>498.2002258300781</t>
  </si>
  <si>
    <t>ZielonogÔøΩrski</t>
  </si>
  <si>
    <t>9164</t>
  </si>
  <si>
    <t>9.170559883117676</t>
  </si>
  <si>
    <t>465.73614501953125</t>
  </si>
  <si>
    <t>-0.0764435850679206</t>
  </si>
  <si>
    <t>10.223560333251953</t>
  </si>
  <si>
    <t>472.75689697265625</t>
  </si>
  <si>
    <t>0.021589785037415155</t>
  </si>
  <si>
    <t>9.15678596496582</t>
  </si>
  <si>
    <t>635.8737182617188</t>
  </si>
  <si>
    <t>0.034015456622126905</t>
  </si>
  <si>
    <t>9.922075271606445</t>
  </si>
  <si>
    <t>579.6046142578125</t>
  </si>
  <si>
    <t>0.04924226595900372</t>
  </si>
  <si>
    <t>9.09156322479248</t>
  </si>
  <si>
    <t>522.8818359375</t>
  </si>
  <si>
    <t>0.06716354871120522</t>
  </si>
  <si>
    <t>7.676050662994385</t>
  </si>
  <si>
    <t>519.681396484375</t>
  </si>
  <si>
    <t>0.05861209151726854</t>
  </si>
  <si>
    <t>9.75367259979248</t>
  </si>
  <si>
    <t>614.7682495117188</t>
  </si>
  <si>
    <t>0.061984573740106796</t>
  </si>
  <si>
    <t>12845</t>
  </si>
  <si>
    <t>9.672537803649902</t>
  </si>
  <si>
    <t>622.648193359375</t>
  </si>
  <si>
    <t>0.04506414438347228</t>
  </si>
  <si>
    <t>13446</t>
  </si>
  <si>
    <t>10.082446098327637</t>
  </si>
  <si>
    <t>510.13262939453125</t>
  </si>
  <si>
    <t>0.04572703348499729</t>
  </si>
  <si>
    <t>14208</t>
  </si>
  <si>
    <t>10.704429626464844</t>
  </si>
  <si>
    <t>565.0756225585938</t>
  </si>
  <si>
    <t>0.0551235222029689</t>
  </si>
  <si>
    <t>14285</t>
  </si>
  <si>
    <t>9.557011604309082</t>
  </si>
  <si>
    <t>619.58056640625</t>
  </si>
  <si>
    <t>0.0054048494329226315</t>
  </si>
  <si>
    <t>14378</t>
  </si>
  <si>
    <t>9.973031044006348</t>
  </si>
  <si>
    <t>671.3779907226562</t>
  </si>
  <si>
    <t>0.0064892248789441</t>
  </si>
  <si>
    <t>14849</t>
  </si>
  <si>
    <t>9.662421226501465</t>
  </si>
  <si>
    <t>407.8331298828125</t>
  </si>
  <si>
    <t>0.03223326235224455</t>
  </si>
  <si>
    <t>9.993406295776367</t>
  </si>
  <si>
    <t>536.0662841796875</t>
  </si>
  <si>
    <t>0.09182054549543572</t>
  </si>
  <si>
    <t>9.066868782043457</t>
  </si>
  <si>
    <t>527.1254272460938</t>
  </si>
  <si>
    <t>0.06481878535561592</t>
  </si>
  <si>
    <t>10.88428783416748</t>
  </si>
  <si>
    <t>549.4946899414062</t>
  </si>
  <si>
    <t>0.04986716134262359</t>
  </si>
  <si>
    <t>19469</t>
  </si>
  <si>
    <t>10.541389465332031</t>
  </si>
  <si>
    <t>662.138427734375</t>
  </si>
  <si>
    <t>0.0643844418891728</t>
  </si>
  <si>
    <t>10.074665069580078</t>
  </si>
  <si>
    <t>505.9761962890625</t>
  </si>
  <si>
    <t>0.0020011808510336238</t>
  </si>
  <si>
    <t>19309</t>
  </si>
  <si>
    <t>9.646586418151855</t>
  </si>
  <si>
    <t>601.8906860351562</t>
  </si>
  <si>
    <t>-0.010253329387404975</t>
  </si>
  <si>
    <t>9.052287101745605</t>
  </si>
  <si>
    <t>686.3805541992188</t>
  </si>
  <si>
    <t>0.03260770830587134</t>
  </si>
  <si>
    <t>10.32857894897461</t>
  </si>
  <si>
    <t>576.2093505859375</t>
  </si>
  <si>
    <t>0.04900736115960136</t>
  </si>
  <si>
    <t>9.627226829528809</t>
  </si>
  <si>
    <t>596.3881225585938</t>
  </si>
  <si>
    <t>0.0073236013085882234</t>
  </si>
  <si>
    <t>9.712250709533691</t>
  </si>
  <si>
    <t>564.9769897460938</t>
  </si>
  <si>
    <t>0.027387448737036024</t>
  </si>
  <si>
    <t>22823</t>
  </si>
  <si>
    <t>11.33252239227295</t>
  </si>
  <si>
    <t>578.579833984375</t>
  </si>
  <si>
    <t>0.05087137145024201</t>
  </si>
  <si>
    <t>23495</t>
  </si>
  <si>
    <t>10.64316463470459</t>
  </si>
  <si>
    <t>475.7495422363281</t>
  </si>
  <si>
    <t>0.02901883313303877</t>
  </si>
  <si>
    <t>10.386387825012207</t>
  </si>
  <si>
    <t>513.755615234375</t>
  </si>
  <si>
    <t>0.036852432245160216</t>
  </si>
  <si>
    <t>10.802037239074707</t>
  </si>
  <si>
    <t>730.07080078125</t>
  </si>
  <si>
    <t>0.03838887731317442</t>
  </si>
  <si>
    <t>11.008526802062988</t>
  </si>
  <si>
    <t>386.8526916503906</t>
  </si>
  <si>
    <t>0.05226002130331864</t>
  </si>
  <si>
    <t>11.535918235778809</t>
  </si>
  <si>
    <t>463.4336853027344</t>
  </si>
  <si>
    <t>0.030187908041156675</t>
  </si>
  <si>
    <t>26854</t>
  </si>
  <si>
    <t>11.044231414794922</t>
  </si>
  <si>
    <t>516.9244384765625</t>
  </si>
  <si>
    <t>-0.024062085807072364</t>
  </si>
  <si>
    <t>28814</t>
  </si>
  <si>
    <t>10.235305786132812</t>
  </si>
  <si>
    <t>563.3572387695312</t>
  </si>
  <si>
    <t>0.07044659448876445</t>
  </si>
  <si>
    <t>11.21285629272461</t>
  </si>
  <si>
    <t>450.71875</t>
  </si>
  <si>
    <t>0.07551007653052721</t>
  </si>
  <si>
    <t>9.051734924316406</t>
  </si>
  <si>
    <t>531.2978515625</t>
  </si>
  <si>
    <t>173.6825714111328</t>
  </si>
  <si>
    <t>Zyrardowski</t>
  </si>
  <si>
    <t>7.991408824920654</t>
  </si>
  <si>
    <t>444.3688659667969</t>
  </si>
  <si>
    <t>-0.07654500285460664</t>
  </si>
  <si>
    <t>8.801734924316406</t>
  </si>
  <si>
    <t>563.021728515625</t>
  </si>
  <si>
    <t>0.021640606129118112</t>
  </si>
  <si>
    <t>8.145395278930664</t>
  </si>
  <si>
    <t>497.9607849121094</t>
  </si>
  <si>
    <t>0.0339893173337984</t>
  </si>
  <si>
    <t>9494</t>
  </si>
  <si>
    <t>8.901734352111816</t>
  </si>
  <si>
    <t>579.6751098632812</t>
  </si>
  <si>
    <t>0.04933275920930846</t>
  </si>
  <si>
    <t>10153</t>
  </si>
  <si>
    <t>7.906898021697998</t>
  </si>
  <si>
    <t>541.5744018554688</t>
  </si>
  <si>
    <t>0.0671092081899598</t>
  </si>
  <si>
    <t>6.710069179534912</t>
  </si>
  <si>
    <t>502.53656005859375</t>
  </si>
  <si>
    <t>0.058716672514494306</t>
  </si>
  <si>
    <t>8.281899452209473</t>
  </si>
  <si>
    <t>606.1155395507812</t>
  </si>
  <si>
    <t>0.061940415071878974</t>
  </si>
  <si>
    <t>8.339055061340332</t>
  </si>
  <si>
    <t>597.880615234375</t>
  </si>
  <si>
    <t>0.04506266279492088</t>
  </si>
  <si>
    <t>12543</t>
  </si>
  <si>
    <t>8.710067749023438</t>
  </si>
  <si>
    <t>544.5997314453125</t>
  </si>
  <si>
    <t>0.045673762342156365</t>
  </si>
  <si>
    <t>9.702911376953125</t>
  </si>
  <si>
    <t>516.689208984375</t>
  </si>
  <si>
    <t>0.05513665262349754</t>
  </si>
  <si>
    <t>8.298564910888672</t>
  </si>
  <si>
    <t>633.6701049804688</t>
  </si>
  <si>
    <t>0.06774467064643552</t>
  </si>
  <si>
    <t>14475</t>
  </si>
  <si>
    <t>9.004904747009277</t>
  </si>
  <si>
    <t>529.1824951171875</t>
  </si>
  <si>
    <t>0.020378959146588826</t>
  </si>
  <si>
    <t>15591</t>
  </si>
  <si>
    <t>8.44657039642334</t>
  </si>
  <si>
    <t>455.5743713378906</t>
  </si>
  <si>
    <t>0.07427080123535568</t>
  </si>
  <si>
    <t>8.71206283569336</t>
  </si>
  <si>
    <t>572.3892211914062</t>
  </si>
  <si>
    <t>-0.010056166740291417</t>
  </si>
  <si>
    <t>7.5902323722839355</t>
  </si>
  <si>
    <t>480.85980224609375</t>
  </si>
  <si>
    <t>0.08122314247952467</t>
  </si>
  <si>
    <t>9.429905891418457</t>
  </si>
  <si>
    <t>544.5947265625</t>
  </si>
  <si>
    <t>0.03325024350921524</t>
  </si>
  <si>
    <t>17615</t>
  </si>
  <si>
    <t>9.29023265838623</t>
  </si>
  <si>
    <t>565.2681884765625</t>
  </si>
  <si>
    <t>0.017639767850338828</t>
  </si>
  <si>
    <t>9.229905128479004</t>
  </si>
  <si>
    <t>532.2291870117188</t>
  </si>
  <si>
    <t>0.02106523616924072</t>
  </si>
  <si>
    <t>19673</t>
  </si>
  <si>
    <t>8.798565864562988</t>
  </si>
  <si>
    <t>649.60595703125</t>
  </si>
  <si>
    <t>0.08943108933168631</t>
  </si>
  <si>
    <t>775.2169189453125</t>
  </si>
  <si>
    <t>0.02192033874980126</t>
  </si>
  <si>
    <t>21351</t>
  </si>
  <si>
    <t>9.078729629516602</t>
  </si>
  <si>
    <t>526.6848754882812</t>
  </si>
  <si>
    <t>0.0599311009413146</t>
  </si>
  <si>
    <t>8.838237762451172</t>
  </si>
  <si>
    <t>562.4555053710938</t>
  </si>
  <si>
    <t>0.05702830478235299</t>
  </si>
  <si>
    <t>23253</t>
  </si>
  <si>
    <t>8.965231895446777</t>
  </si>
  <si>
    <t>616.748779296875</t>
  </si>
  <si>
    <t>0.028307274199885768</t>
  </si>
  <si>
    <t>10.151735305786133</t>
  </si>
  <si>
    <t>571.5390014648438</t>
  </si>
  <si>
    <t>0.005575106643773253</t>
  </si>
  <si>
    <t>9.686244010925293</t>
  </si>
  <si>
    <t>428.95477294921875</t>
  </si>
  <si>
    <t>0.07348461455852018</t>
  </si>
  <si>
    <t>9.254904747009277</t>
  </si>
  <si>
    <t>629.9112548828125</t>
  </si>
  <si>
    <t>0.013498251283248663</t>
  </si>
  <si>
    <t>9.90490436553955</t>
  </si>
  <si>
    <t>689.524169921875</t>
  </si>
  <si>
    <t>0.027721025829334778</t>
  </si>
  <si>
    <t>9.978729248046875</t>
  </si>
  <si>
    <t>491.3014221191406</t>
  </si>
  <si>
    <t>0.0326729612331107</t>
  </si>
  <si>
    <t>28296</t>
  </si>
  <si>
    <t>10.519577980041504</t>
  </si>
  <si>
    <t>465.1468811035156</t>
  </si>
  <si>
    <t>0.04333433638770856</t>
  </si>
  <si>
    <t>28630</t>
  </si>
  <si>
    <t>9.91441535949707</t>
  </si>
  <si>
    <t>628.237060546875</t>
  </si>
  <si>
    <t>0.011734667206845018</t>
  </si>
  <si>
    <t>8.998923301696777</t>
  </si>
  <si>
    <t>603.53466796875</t>
  </si>
  <si>
    <t>0.07045878916944659</t>
  </si>
  <si>
    <t>10.131898880004883</t>
  </si>
  <si>
    <t>530.4222412109375</t>
  </si>
  <si>
    <t>0.07549512345363318</t>
  </si>
  <si>
    <t>PRT</t>
  </si>
  <si>
    <t>17.10134506225586</t>
  </si>
  <si>
    <t>522.7083129882812</t>
  </si>
  <si>
    <t>54.8688850402832</t>
  </si>
  <si>
    <t>Alentejo Central</t>
  </si>
  <si>
    <t>Portugal</t>
  </si>
  <si>
    <t>25448</t>
  </si>
  <si>
    <t>16.523229598999023</t>
  </si>
  <si>
    <t>460.9198913574219</t>
  </si>
  <si>
    <t>0.044064237999695166</t>
  </si>
  <si>
    <t>16.66514778137207</t>
  </si>
  <si>
    <t>435.25048828125</t>
  </si>
  <si>
    <t>0.010592863917885609</t>
  </si>
  <si>
    <t>16.031688690185547</t>
  </si>
  <si>
    <t>708.1159057617188</t>
  </si>
  <si>
    <t>-0.022889154065468986</t>
  </si>
  <si>
    <t>25286</t>
  </si>
  <si>
    <t>17.053953170776367</t>
  </si>
  <si>
    <t>499.54876708984375</t>
  </si>
  <si>
    <t>0.005910018590446597</t>
  </si>
  <si>
    <t>17.584802627563477</t>
  </si>
  <si>
    <t>829.9396362304688</t>
  </si>
  <si>
    <t>0.03745320066041735</t>
  </si>
  <si>
    <t>27055</t>
  </si>
  <si>
    <t>16.64860725402832</t>
  </si>
  <si>
    <t>797.1067504882812</t>
  </si>
  <si>
    <t>0.030167747544576073</t>
  </si>
  <si>
    <t>17.66304588317871</t>
  </si>
  <si>
    <t>743.1204833984375</t>
  </si>
  <si>
    <t>0.03807566535933837</t>
  </si>
  <si>
    <t>17.063045501708984</t>
  </si>
  <si>
    <t>474.2782287597656</t>
  </si>
  <si>
    <t>16.72411346435547</t>
  </si>
  <si>
    <t>522.0948486328125</t>
  </si>
  <si>
    <t>0.032147604846684885</t>
  </si>
  <si>
    <t>17.14860725402832</t>
  </si>
  <si>
    <t>858.644775390625</t>
  </si>
  <si>
    <t>0.029927826657498713</t>
  </si>
  <si>
    <t>31412</t>
  </si>
  <si>
    <t>17.065401077270508</t>
  </si>
  <si>
    <t>612.2088623046875</t>
  </si>
  <si>
    <t>0.0077659743782785284</t>
  </si>
  <si>
    <t>29166</t>
  </si>
  <si>
    <t>16.726343154907227</t>
  </si>
  <si>
    <t>663.2262573242188</t>
  </si>
  <si>
    <t>-0.07418633822125464</t>
  </si>
  <si>
    <t>17.479459762573242</t>
  </si>
  <si>
    <t>685.1669921875</t>
  </si>
  <si>
    <t>-0.005914735262667392</t>
  </si>
  <si>
    <t>16.868391036987305</t>
  </si>
  <si>
    <t>502.10589599609375</t>
  </si>
  <si>
    <t>0.006120433093281363</t>
  </si>
  <si>
    <t>28708</t>
  </si>
  <si>
    <t>16.976598739624023</t>
  </si>
  <si>
    <t>447.1539001464844</t>
  </si>
  <si>
    <t>-0.016033515554161326</t>
  </si>
  <si>
    <t>17.50433349609375</t>
  </si>
  <si>
    <t>702.4013671875</t>
  </si>
  <si>
    <t>-0.010188271935827942</t>
  </si>
  <si>
    <t>28382</t>
  </si>
  <si>
    <t>16.9876651763916</t>
  </si>
  <si>
    <t>483.6575012207031</t>
  </si>
  <si>
    <t>-0.0012324162196524213</t>
  </si>
  <si>
    <t>16.768138885498047</t>
  </si>
  <si>
    <t>630.2164916992188</t>
  </si>
  <si>
    <t>0.010375136880501401</t>
  </si>
  <si>
    <t>17.498735427856445</t>
  </si>
  <si>
    <t>719.2174682617188</t>
  </si>
  <si>
    <t>-0.04613486005716183</t>
  </si>
  <si>
    <t>17.05668830871582</t>
  </si>
  <si>
    <t>1006.8496704101562</t>
  </si>
  <si>
    <t>0.029893774698066977</t>
  </si>
  <si>
    <t>17.448354721069336</t>
  </si>
  <si>
    <t>507.1077575683594</t>
  </si>
  <si>
    <t>-0.007756113881118409</t>
  </si>
  <si>
    <t>17.137666702270508</t>
  </si>
  <si>
    <t>511.9913024902344</t>
  </si>
  <si>
    <t>-0.045187475283043455</t>
  </si>
  <si>
    <t>17.02659797668457</t>
  </si>
  <si>
    <t>694.7587890625</t>
  </si>
  <si>
    <t>-0.011349238691884977</t>
  </si>
  <si>
    <t>26711</t>
  </si>
  <si>
    <t>17.420873641967773</t>
  </si>
  <si>
    <t>634.9725341796875</t>
  </si>
  <si>
    <t>0.009479100504700355</t>
  </si>
  <si>
    <t>17.7650203704834</t>
  </si>
  <si>
    <t>472.2867126464844</t>
  </si>
  <si>
    <t>0.030745565342273906</t>
  </si>
  <si>
    <t>17.34524154663086</t>
  </si>
  <si>
    <t>638.6776733398438</t>
  </si>
  <si>
    <t>0.020375500520062317</t>
  </si>
  <si>
    <t>29881</t>
  </si>
  <si>
    <t>17.900711059570312</t>
  </si>
  <si>
    <t>416.3624267578125</t>
  </si>
  <si>
    <t>0.06102629546200333</t>
  </si>
  <si>
    <t>17.0734806060791</t>
  </si>
  <si>
    <t>710.78271484375</t>
  </si>
  <si>
    <t>0.03808608438417771</t>
  </si>
  <si>
    <t>17.440149307250977</t>
  </si>
  <si>
    <t>422.0401916503906</t>
  </si>
  <si>
    <t>0.016961740555233362</t>
  </si>
  <si>
    <t>29455</t>
  </si>
  <si>
    <t>17.72920799255371</t>
  </si>
  <si>
    <t>576.7548217773438</t>
  </si>
  <si>
    <t>-0.06940697687250541</t>
  </si>
  <si>
    <t>17.52360725402832</t>
  </si>
  <si>
    <t>475.49981689453125</t>
  </si>
  <si>
    <t>0.04847486360049125</t>
  </si>
  <si>
    <t>32841</t>
  </si>
  <si>
    <t>18.273988723754883</t>
  </si>
  <si>
    <t>626.454833984375</t>
  </si>
  <si>
    <t>0.06033919621638795</t>
  </si>
  <si>
    <t>17.544527053833008</t>
  </si>
  <si>
    <t>63.848934173583984</t>
  </si>
  <si>
    <t>Alentejo Litoral</t>
  </si>
  <si>
    <t>16.966472625732422</t>
  </si>
  <si>
    <t>450.5976257324219</t>
  </si>
  <si>
    <t>0.04404082187346248</t>
  </si>
  <si>
    <t>17.099637985229492</t>
  </si>
  <si>
    <t>401.07196044921875</t>
  </si>
  <si>
    <t>0.010615003526359246</t>
  </si>
  <si>
    <t>16.476408004760742</t>
  </si>
  <si>
    <t>645.807861328125</t>
  </si>
  <si>
    <t>-0.0228908421289038</t>
  </si>
  <si>
    <t>17.44151496887207</t>
  </si>
  <si>
    <t>462.6058654785156</t>
  </si>
  <si>
    <t>0.005905859251733148</t>
  </si>
  <si>
    <t>31030</t>
  </si>
  <si>
    <t>17.958995819091797</t>
  </si>
  <si>
    <t>826.1316528320312</t>
  </si>
  <si>
    <t>0.037463958729460956</t>
  </si>
  <si>
    <t>16.99530601501465</t>
  </si>
  <si>
    <t>762.015380859375</t>
  </si>
  <si>
    <t>0.030156228945518393</t>
  </si>
  <si>
    <t>17.95100212097168</t>
  </si>
  <si>
    <t>719.9993286132812</t>
  </si>
  <si>
    <t>0.03807149867425785</t>
  </si>
  <si>
    <t>17.382680892944336</t>
  </si>
  <si>
    <t>432.68646240234375</t>
  </si>
  <si>
    <t>0.04139375842743753</t>
  </si>
  <si>
    <t>35757</t>
  </si>
  <si>
    <t>17.077096939086914</t>
  </si>
  <si>
    <t>486.537109375</t>
  </si>
  <si>
    <t>0.032170089661178736</t>
  </si>
  <si>
    <t>17.52472496032715</t>
  </si>
  <si>
    <t>810.4133911132812</t>
  </si>
  <si>
    <t>0.02991958712767584</t>
  </si>
  <si>
    <t>36238</t>
  </si>
  <si>
    <t>17.45553207397461</t>
  </si>
  <si>
    <t>564.9380493164062</t>
  </si>
  <si>
    <t>-0.01655734928244179</t>
  </si>
  <si>
    <t>17.092100143432617</t>
  </si>
  <si>
    <t>610.9673461914062</t>
  </si>
  <si>
    <t>-0.011825259242005615</t>
  </si>
  <si>
    <t>37544</t>
  </si>
  <si>
    <t>17.816015243530273</t>
  </si>
  <si>
    <t>651.7418212890625</t>
  </si>
  <si>
    <t>0.0472305457202058</t>
  </si>
  <si>
    <t>17.24188232421875</t>
  </si>
  <si>
    <t>435.1490783691406</t>
  </si>
  <si>
    <t>-0.024727905137288175</t>
  </si>
  <si>
    <t>41119</t>
  </si>
  <si>
    <t>17.32957649230957</t>
  </si>
  <si>
    <t>418.0243225097656</t>
  </si>
  <si>
    <t>0.11568462843022154</t>
  </si>
  <si>
    <t>43363</t>
  </si>
  <si>
    <t>17.8769474029541</t>
  </si>
  <si>
    <t>661.8078002929688</t>
  </si>
  <si>
    <t>0.05313624114483062</t>
  </si>
  <si>
    <t>43263</t>
  </si>
  <si>
    <t>17.39935874938965</t>
  </si>
  <si>
    <t>434.2745361328125</t>
  </si>
  <si>
    <t>-0.0023087766818363775</t>
  </si>
  <si>
    <t>17.12898063659668</t>
  </si>
  <si>
    <t>628.9087524414062</t>
  </si>
  <si>
    <t>-0.0038675808698105385</t>
  </si>
  <si>
    <t>17.928298950195312</t>
  </si>
  <si>
    <t>715.1428833007812</t>
  </si>
  <si>
    <t>-0.1813845539283072</t>
  </si>
  <si>
    <t>41056</t>
  </si>
  <si>
    <t>17.585556030273438</t>
  </si>
  <si>
    <t>959.9631958007812</t>
  </si>
  <si>
    <t>0.13289135698330057</t>
  </si>
  <si>
    <t>17.891332626342773</t>
  </si>
  <si>
    <t>537.3291015625</t>
  </si>
  <si>
    <t>-0.010824153678701265</t>
  </si>
  <si>
    <t>38061</t>
  </si>
  <si>
    <t>17.52182960510254</t>
  </si>
  <si>
    <t>558.8781127929688</t>
  </si>
  <si>
    <t>-0.06492269892795477</t>
  </si>
  <si>
    <t>17.336715698242188</t>
  </si>
  <si>
    <t>-0.059707108492032646</t>
  </si>
  <si>
    <t>17.806230545043945</t>
  </si>
  <si>
    <t>618.6228637695312</t>
  </si>
  <si>
    <t>0.025579940686288438</t>
  </si>
  <si>
    <t>18.215085983276367</t>
  </si>
  <si>
    <t>423.0820007324219</t>
  </si>
  <si>
    <t>0.20457287472889263</t>
  </si>
  <si>
    <t>43257</t>
  </si>
  <si>
    <t>17.857921600341797</t>
  </si>
  <si>
    <t>597.7767333984375</t>
  </si>
  <si>
    <t>-0.04247677275709982</t>
  </si>
  <si>
    <t>46449</t>
  </si>
  <si>
    <t>18.418663024902344</t>
  </si>
  <si>
    <t>401.3868408203125</t>
  </si>
  <si>
    <t>0.07119586651019105</t>
  </si>
  <si>
    <t>17.439483642578125</t>
  </si>
  <si>
    <t>636.08935546875</t>
  </si>
  <si>
    <t>-0.05701025471677923</t>
  </si>
  <si>
    <t>42819</t>
  </si>
  <si>
    <t>17.877344131469727</t>
  </si>
  <si>
    <t>407.3896484375</t>
  </si>
  <si>
    <t>-0.024362752470290516</t>
  </si>
  <si>
    <t>34345</t>
  </si>
  <si>
    <t>18.135101318359375</t>
  </si>
  <si>
    <t>536.4017944335938</t>
  </si>
  <si>
    <t>-0.22052548164989538</t>
  </si>
  <si>
    <t>36050</t>
  </si>
  <si>
    <t>17.960248947143555</t>
  </si>
  <si>
    <t>393.0898132324219</t>
  </si>
  <si>
    <t>0.0484504160651138</t>
  </si>
  <si>
    <t>18.5581111907959</t>
  </si>
  <si>
    <t>589.8233642578125</t>
  </si>
  <si>
    <t>0.06036024812758356</t>
  </si>
  <si>
    <t>25043</t>
  </si>
  <si>
    <t>17.134836196899414</t>
  </si>
  <si>
    <t>456.65167236328125</t>
  </si>
  <si>
    <t>196.01416015625</t>
  </si>
  <si>
    <t>Algarve</t>
  </si>
  <si>
    <t>16.60740089416504</t>
  </si>
  <si>
    <t>446.9682922363281</t>
  </si>
  <si>
    <t>0.044057580142618846</t>
  </si>
  <si>
    <t>26450</t>
  </si>
  <si>
    <t>16.67347526550293</t>
  </si>
  <si>
    <t>437.95831298828125</t>
  </si>
  <si>
    <t>0.010604230799524217</t>
  </si>
  <si>
    <t>16.10671043395996</t>
  </si>
  <si>
    <t>583.325439453125</t>
  </si>
  <si>
    <t>-0.02290687337856845</t>
  </si>
  <si>
    <t>26004</t>
  </si>
  <si>
    <t>17.051109313964844</t>
  </si>
  <si>
    <t>391.9725036621094</t>
  </si>
  <si>
    <t>0.005901087416482653</t>
  </si>
  <si>
    <t>17.58345603942871</t>
  </si>
  <si>
    <t>855.6868896484375</t>
  </si>
  <si>
    <t>0.0374753763776976</t>
  </si>
  <si>
    <t>27824</t>
  </si>
  <si>
    <t>16.594144821166992</t>
  </si>
  <si>
    <t>785.0220336914062</t>
  </si>
  <si>
    <t>0.030173208892007253</t>
  </si>
  <si>
    <t>28904</t>
  </si>
  <si>
    <t>17.587020874023438</t>
  </si>
  <si>
    <t>686.28076171875</t>
  </si>
  <si>
    <t>0.03808103623341097</t>
  </si>
  <si>
    <t>17.02674674987793</t>
  </si>
  <si>
    <t>393.3032531738281</t>
  </si>
  <si>
    <t>0.04137539796547962</t>
  </si>
  <si>
    <t>31110</t>
  </si>
  <si>
    <t>16.701412200927734</t>
  </si>
  <si>
    <t>445.56427001953125</t>
  </si>
  <si>
    <t>0.03217391909872802</t>
  </si>
  <si>
    <t>17.161605834960938</t>
  </si>
  <si>
    <t>761.2018432617188</t>
  </si>
  <si>
    <t>0.029892669661837346</t>
  </si>
  <si>
    <t>17.12664031982422</t>
  </si>
  <si>
    <t>534.7039794921875</t>
  </si>
  <si>
    <t>0.028449014693451957</t>
  </si>
  <si>
    <t>33315</t>
  </si>
  <si>
    <t>16.679473876953125</t>
  </si>
  <si>
    <t>609.7695922851562</t>
  </si>
  <si>
    <t>0.010136750749664358</t>
  </si>
  <si>
    <t>17.446439743041992</t>
  </si>
  <si>
    <t>625.0159301757812</t>
  </si>
  <si>
    <t>0.004223396671777735</t>
  </si>
  <si>
    <t>16.810890197753906</t>
  </si>
  <si>
    <t>420.400390625</t>
  </si>
  <si>
    <t>0.00017932394919384365</t>
  </si>
  <si>
    <t>16.944265365600586</t>
  </si>
  <si>
    <t>426.64508056640625</t>
  </si>
  <si>
    <t>0.015597054505823493</t>
  </si>
  <si>
    <t>17.466079711914062</t>
  </si>
  <si>
    <t>605.1875610351562</t>
  </si>
  <si>
    <t>0.01631319462220837</t>
  </si>
  <si>
    <t>35352</t>
  </si>
  <si>
    <t>16.971458435058594</t>
  </si>
  <si>
    <t>409.3199462890625</t>
  </si>
  <si>
    <t>0.023034252064935146</t>
  </si>
  <si>
    <t>16.721698760986328</t>
  </si>
  <si>
    <t>592.7819213867188</t>
  </si>
  <si>
    <t>-0.002605790858714485</t>
  </si>
  <si>
    <t>17.59223175048828</t>
  </si>
  <si>
    <t>719.0550537109375</t>
  </si>
  <si>
    <t>-0.07849824017228357</t>
  </si>
  <si>
    <t>17.261484146118164</t>
  </si>
  <si>
    <t>923.3972778320312</t>
  </si>
  <si>
    <t>-0.010267885409637856</t>
  </si>
  <si>
    <t>17.495214462280273</t>
  </si>
  <si>
    <t>512.4759521484375</t>
  </si>
  <si>
    <t>-0.024249506065581627</t>
  </si>
  <si>
    <t>17.167034149169922</t>
  </si>
  <si>
    <t>480.3642578125</t>
  </si>
  <si>
    <t>-0.0205643805853164</t>
  </si>
  <si>
    <t>16.911855697631836</t>
  </si>
  <si>
    <t>591.5114135742188</t>
  </si>
  <si>
    <t>-0.008299883277285147</t>
  </si>
  <si>
    <t>17.44704246520996</t>
  </si>
  <si>
    <t>563.2926025390625</t>
  </si>
  <si>
    <t>0.03038730007527235</t>
  </si>
  <si>
    <t>17.838037490844727</t>
  </si>
  <si>
    <t>399.99560546875</t>
  </si>
  <si>
    <t>0.02770398859298595</t>
  </si>
  <si>
    <t>34388</t>
  </si>
  <si>
    <t>17.44650650024414</t>
  </si>
  <si>
    <t>558.5352783203125</t>
  </si>
  <si>
    <t>0.0587470961843195</t>
  </si>
  <si>
    <t>36817</t>
  </si>
  <si>
    <t>18.024892807006836</t>
  </si>
  <si>
    <t>448.84161376953125</t>
  </si>
  <si>
    <t>0.06825202871536362</t>
  </si>
  <si>
    <t>16.990819931030273</t>
  </si>
  <si>
    <t>628.8640747070312</t>
  </si>
  <si>
    <t>0.03742540775416536</t>
  </si>
  <si>
    <t>39572</t>
  </si>
  <si>
    <t>17.4872989654541</t>
  </si>
  <si>
    <t>379.3623352050781</t>
  </si>
  <si>
    <t>0.03473669467924978</t>
  </si>
  <si>
    <t>32228</t>
  </si>
  <si>
    <t>17.757455825805664</t>
  </si>
  <si>
    <t>527.9352416992188</t>
  </si>
  <si>
    <t>-0.20528615754602697</t>
  </si>
  <si>
    <t>17.590545654296875</t>
  </si>
  <si>
    <t>334.5838623046875</t>
  </si>
  <si>
    <t>0.04845322200502622</t>
  </si>
  <si>
    <t>18.207889556884766</t>
  </si>
  <si>
    <t>564.2794189453125</t>
  </si>
  <si>
    <t>0.06033940144698491</t>
  </si>
  <si>
    <t>12.650748252868652</t>
  </si>
  <si>
    <t>Alto Alentejo</t>
  </si>
  <si>
    <t>19292</t>
  </si>
  <si>
    <t>558.3999633789062</t>
  </si>
  <si>
    <t>0.04403010341829372</t>
  </si>
  <si>
    <t>19498</t>
  </si>
  <si>
    <t>506.5</t>
  </si>
  <si>
    <t>0.010621394000354556</t>
  </si>
  <si>
    <t>15.991668701171875</t>
  </si>
  <si>
    <t>803.2000732421875</t>
  </si>
  <si>
    <t>-0.022877408060841375</t>
  </si>
  <si>
    <t>567.199951171875</t>
  </si>
  <si>
    <t>0.005859902709783427</t>
  </si>
  <si>
    <t>19901</t>
  </si>
  <si>
    <t>972.2000122070312</t>
  </si>
  <si>
    <t>0.03747559086815322</t>
  </si>
  <si>
    <t>934.1000366210938</t>
  </si>
  <si>
    <t>0.03019134587559158</t>
  </si>
  <si>
    <t>21307</t>
  </si>
  <si>
    <t>929.7000732421875</t>
  </si>
  <si>
    <t>0.03807432962346269</t>
  </si>
  <si>
    <t>22207</t>
  </si>
  <si>
    <t>0.0413718972688919</t>
  </si>
  <si>
    <t>634.800048828125</t>
  </si>
  <si>
    <t>0.03216936678971294</t>
  </si>
  <si>
    <t>23629</t>
  </si>
  <si>
    <t>956.0000610351562</t>
  </si>
  <si>
    <t>0.029897849935595744</t>
  </si>
  <si>
    <t>0.004855095767538842</t>
  </si>
  <si>
    <t>16.69166374206543</t>
  </si>
  <si>
    <t>841.7000732421875</t>
  </si>
  <si>
    <t>0.010140459824560466</t>
  </si>
  <si>
    <t>811.7000732421875</t>
  </si>
  <si>
    <t>0.028846968811274465</t>
  </si>
  <si>
    <t>572.4000854492188</t>
  </si>
  <si>
    <t>0.022191978215634123</t>
  </si>
  <si>
    <t>24554</t>
  </si>
  <si>
    <t>-0.02763450007778978</t>
  </si>
  <si>
    <t>17.483333587646484</t>
  </si>
  <si>
    <t>879.3999633789062</t>
  </si>
  <si>
    <t>-0.016424775905464983</t>
  </si>
  <si>
    <t>0.006149801663280385</t>
  </si>
  <si>
    <t>-0.010922288052420015</t>
  </si>
  <si>
    <t>860.2000122070312</t>
  </si>
  <si>
    <t>-0.00936187721122117</t>
  </si>
  <si>
    <t>1240.5999755859375</t>
  </si>
  <si>
    <t>0.010484421763148788</t>
  </si>
  <si>
    <t>-0.006796081943308607</t>
  </si>
  <si>
    <t>22578</t>
  </si>
  <si>
    <t>784.9000244140625</t>
  </si>
  <si>
    <t>-0.05702799323330865</t>
  </si>
  <si>
    <t>16.98333168029785</t>
  </si>
  <si>
    <t>858.0999755859375</t>
  </si>
  <si>
    <t>0.012456421102479354</t>
  </si>
  <si>
    <t>0.04561691938581269</t>
  </si>
  <si>
    <t>17.79166603088379</t>
  </si>
  <si>
    <t>495.70001220703125</t>
  </si>
  <si>
    <t>0.032158698672871466</t>
  </si>
  <si>
    <t>0.02217243751276854</t>
  </si>
  <si>
    <t>0.022504520961859953</t>
  </si>
  <si>
    <t>0.03401377882354595</t>
  </si>
  <si>
    <t>27189</t>
  </si>
  <si>
    <t>495.0000305175781</t>
  </si>
  <si>
    <t>0.01691372244206235</t>
  </si>
  <si>
    <t>681.4999389648438</t>
  </si>
  <si>
    <t>-0.03781671925900021</t>
  </si>
  <si>
    <t>17.483335494995117</t>
  </si>
  <si>
    <t>539.5000610351562</t>
  </si>
  <si>
    <t>0.04842631610836534</t>
  </si>
  <si>
    <t>0.06036984938143419</t>
  </si>
  <si>
    <t>1291.7000732421875</t>
  </si>
  <si>
    <t>202.1175537109375</t>
  </si>
  <si>
    <t>Alto Minho</t>
  </si>
  <si>
    <t>0.04402992924388194</t>
  </si>
  <si>
    <t>0.01062106417836084</t>
  </si>
  <si>
    <t>13.625000953674316</t>
  </si>
  <si>
    <t>1698.0999755859375</t>
  </si>
  <si>
    <t>-0.022890407775793875</t>
  </si>
  <si>
    <t>16379</t>
  </si>
  <si>
    <t>1541.2999267578125</t>
  </si>
  <si>
    <t>0.005939823348457551</t>
  </si>
  <si>
    <t>17004</t>
  </si>
  <si>
    <t>1898.0</t>
  </si>
  <si>
    <t>0.037448583996301466</t>
  </si>
  <si>
    <t>0.03012275945510723</t>
  </si>
  <si>
    <t>1734.900146484375</t>
  </si>
  <si>
    <t>0.0381249116757445</t>
  </si>
  <si>
    <t>14.383332252502441</t>
  </si>
  <si>
    <t>1348.10009765625</t>
  </si>
  <si>
    <t>0.04137333934328957</t>
  </si>
  <si>
    <t>19594</t>
  </si>
  <si>
    <t>1564.60009765625</t>
  </si>
  <si>
    <t>0.032153775951764274</t>
  </si>
  <si>
    <t>20189</t>
  </si>
  <si>
    <t>2224.199951171875</t>
  </si>
  <si>
    <t>0.029914504705637057</t>
  </si>
  <si>
    <t>1486.2999267578125</t>
  </si>
  <si>
    <t>0.014164403438336137</t>
  </si>
  <si>
    <t>20580</t>
  </si>
  <si>
    <t>1870.900146484375</t>
  </si>
  <si>
    <t>0.005017425339479686</t>
  </si>
  <si>
    <t>20170</t>
  </si>
  <si>
    <t>1709.5999755859375</t>
  </si>
  <si>
    <t>-0.020123378439782513</t>
  </si>
  <si>
    <t>20335</t>
  </si>
  <si>
    <t>0.008147187393067412</t>
  </si>
  <si>
    <t>20605</t>
  </si>
  <si>
    <t>0.013190225431593205</t>
  </si>
  <si>
    <t>1809.5</t>
  </si>
  <si>
    <t>0.03462764891889947</t>
  </si>
  <si>
    <t>1426.300048828125</t>
  </si>
  <si>
    <t>0.009007177917492726</t>
  </si>
  <si>
    <t>1786.7000732421875</t>
  </si>
  <si>
    <t>0.026861403242181225</t>
  </si>
  <si>
    <t>15.049999237060547</t>
  </si>
  <si>
    <t>1654.1002197265625</t>
  </si>
  <si>
    <t>23638</t>
  </si>
  <si>
    <t>1966.0001220703125</t>
  </si>
  <si>
    <t>0.0524116559041623</t>
  </si>
  <si>
    <t>1274.2999267578125</t>
  </si>
  <si>
    <t>-0.033729429865527294</t>
  </si>
  <si>
    <t>22726</t>
  </si>
  <si>
    <t>1696.0</t>
  </si>
  <si>
    <t>-0.0056165132287056</t>
  </si>
  <si>
    <t>14.466670036315918</t>
  </si>
  <si>
    <t>2054.599853515625</t>
  </si>
  <si>
    <t>0.03395875324302011</t>
  </si>
  <si>
    <t>1653.4000244140625</t>
  </si>
  <si>
    <t>0.005767860258684365</t>
  </si>
  <si>
    <t>1433.7999267578125</t>
  </si>
  <si>
    <t>-0.005045055745826588</t>
  </si>
  <si>
    <t>1558.699951171875</t>
  </si>
  <si>
    <t>0.04150180419973282</t>
  </si>
  <si>
    <t>1258.5</t>
  </si>
  <si>
    <t>0.0467201624098621</t>
  </si>
  <si>
    <t>26827</t>
  </si>
  <si>
    <t>1811.8001708984375</t>
  </si>
  <si>
    <t>0.04299567519215053</t>
  </si>
  <si>
    <t>27328</t>
  </si>
  <si>
    <t>0.01850297455271921</t>
  </si>
  <si>
    <t>25920</t>
  </si>
  <si>
    <t>1559.10009765625</t>
  </si>
  <si>
    <t>-0.052896946122086064</t>
  </si>
  <si>
    <t>27206</t>
  </si>
  <si>
    <t>1509.800048828125</t>
  </si>
  <si>
    <t>0.04842266572716447</t>
  </si>
  <si>
    <t>15.833335876464844</t>
  </si>
  <si>
    <t>1680.10009765625</t>
  </si>
  <si>
    <t>0.06036945523235815</t>
  </si>
  <si>
    <t>12.777361869812012</t>
  </si>
  <si>
    <t>831.63671875</t>
  </si>
  <si>
    <t>65.698486328125</t>
  </si>
  <si>
    <t>Alto TÔøΩmega</t>
  </si>
  <si>
    <t>12.130538940429688</t>
  </si>
  <si>
    <t>775.5034790039062</t>
  </si>
  <si>
    <t>0.04401915196512718</t>
  </si>
  <si>
    <t>12.309913635253906</t>
  </si>
  <si>
    <t>778.5382690429688</t>
  </si>
  <si>
    <t>0.010596424254082137</t>
  </si>
  <si>
    <t>13075</t>
  </si>
  <si>
    <t>11.67220687866211</t>
  </si>
  <si>
    <t>1273.172119140625</t>
  </si>
  <si>
    <t>-0.022834804362462435</t>
  </si>
  <si>
    <t>13152</t>
  </si>
  <si>
    <t>12.79720687866211</t>
  </si>
  <si>
    <t>967.92529296875</t>
  </si>
  <si>
    <t>0.0058718283628369505</t>
  </si>
  <si>
    <t>13.094444274902344</t>
  </si>
  <si>
    <t>1374.4698486328125</t>
  </si>
  <si>
    <t>0.03745868068226521</t>
  </si>
  <si>
    <t>12.03371524810791</t>
  </si>
  <si>
    <t>1285.208984375</t>
  </si>
  <si>
    <t>0.030154488439167793</t>
  </si>
  <si>
    <t>14618</t>
  </si>
  <si>
    <t>13.167831420898438</t>
  </si>
  <si>
    <t>1299.2611083984375</t>
  </si>
  <si>
    <t>0.03806663862294357</t>
  </si>
  <si>
    <t>15236</t>
  </si>
  <si>
    <t>12.405539512634277</t>
  </si>
  <si>
    <t>867.6671752929688</t>
  </si>
  <si>
    <t>0.041407402558157</t>
  </si>
  <si>
    <t>15734</t>
  </si>
  <si>
    <t>12.289653778076172</t>
  </si>
  <si>
    <t>1052.77685546875</t>
  </si>
  <si>
    <t>0.03216292729069359</t>
  </si>
  <si>
    <t>16212</t>
  </si>
  <si>
    <t>12.74600887298584</t>
  </si>
  <si>
    <t>1639.1090087890625</t>
  </si>
  <si>
    <t>0.029927732859011513</t>
  </si>
  <si>
    <t>16691</t>
  </si>
  <si>
    <t>12.43491268157959</t>
  </si>
  <si>
    <t>949.4437255859375</t>
  </si>
  <si>
    <t>0.029117943230218657</t>
  </si>
  <si>
    <t>16643</t>
  </si>
  <si>
    <t>12.451580047607422</t>
  </si>
  <si>
    <t>1371.9049072265625</t>
  </si>
  <si>
    <t>-0.0028799443916920353</t>
  </si>
  <si>
    <t>16555</t>
  </si>
  <si>
    <t>13.038872718811035</t>
  </si>
  <si>
    <t>1230.8507080078125</t>
  </si>
  <si>
    <t>-0.005301536605378132</t>
  </si>
  <si>
    <t>12.251580238342285</t>
  </si>
  <si>
    <t>805.04150390625</t>
  </si>
  <si>
    <t>0.049782035221273446</t>
  </si>
  <si>
    <t>18271</t>
  </si>
  <si>
    <t>12.305954933166504</t>
  </si>
  <si>
    <t>861.7942504882812</t>
  </si>
  <si>
    <t>0.048844897209043836</t>
  </si>
  <si>
    <t>13.126580238342285</t>
  </si>
  <si>
    <t>1248.828125</t>
  </si>
  <si>
    <t>0.025878648986891406</t>
  </si>
  <si>
    <t>12.398404121398926</t>
  </si>
  <si>
    <t>1008.9451904296875</t>
  </si>
  <si>
    <t>0.030723172642840524</t>
  </si>
  <si>
    <t>12.110695838928223</t>
  </si>
  <si>
    <t>1135.1434326171875</t>
  </si>
  <si>
    <t>0.04727436817888808</t>
  </si>
  <si>
    <t>13.026580810546875</t>
  </si>
  <si>
    <t>1122.46044921875</t>
  </si>
  <si>
    <t>0.005019201561616171</t>
  </si>
  <si>
    <t>12.31788158416748</t>
  </si>
  <si>
    <t>1450.5830078125</t>
  </si>
  <si>
    <t>0.024102226289345552</t>
  </si>
  <si>
    <t>20785</t>
  </si>
  <si>
    <t>13.117831230163574</t>
  </si>
  <si>
    <t>810.104736328125</t>
  </si>
  <si>
    <t>-0.004081148384509348</t>
  </si>
  <si>
    <t>12.602776527404785</t>
  </si>
  <si>
    <t>1047.8565673828125</t>
  </si>
  <si>
    <t>-0.04100242936872789</t>
  </si>
  <si>
    <t>12.482935905456543</t>
  </si>
  <si>
    <t>1358.3228759765625</t>
  </si>
  <si>
    <t>0.04862306583167175</t>
  </si>
  <si>
    <t>20173</t>
  </si>
  <si>
    <t>12.926165580749512</t>
  </si>
  <si>
    <t>1098.3763427734375</t>
  </si>
  <si>
    <t>-0.03750713251533</t>
  </si>
  <si>
    <t>19993</t>
  </si>
  <si>
    <t>13.271008491516113</t>
  </si>
  <si>
    <t>1000.6094970703125</t>
  </si>
  <si>
    <t>-0.00896286436251792</t>
  </si>
  <si>
    <t>20837</t>
  </si>
  <si>
    <t>12.711894035339355</t>
  </si>
  <si>
    <t>1020.9948120117188</t>
  </si>
  <si>
    <t>0.041348040298366584</t>
  </si>
  <si>
    <t>21176</t>
  </si>
  <si>
    <t>13.436111450195312</t>
  </si>
  <si>
    <t>774.9917602539062</t>
  </si>
  <si>
    <t>0.016138212336738178</t>
  </si>
  <si>
    <t>12.671008110046387</t>
  </si>
  <si>
    <t>1285.2225341796875</t>
  </si>
  <si>
    <t>0.025595206226654454</t>
  </si>
  <si>
    <t>13.068248748779297</t>
  </si>
  <si>
    <t>1024.4195556640625</t>
  </si>
  <si>
    <t>0.03780340403127269</t>
  </si>
  <si>
    <t>21641</t>
  </si>
  <si>
    <t>13.20871639251709</t>
  </si>
  <si>
    <t>1127.5079345703125</t>
  </si>
  <si>
    <t>-0.04167741155124283</t>
  </si>
  <si>
    <t>22715</t>
  </si>
  <si>
    <t>12.983716011047363</t>
  </si>
  <si>
    <t>1058.345458984375</t>
  </si>
  <si>
    <t>0.04843583557988218</t>
  </si>
  <si>
    <t>13.877362251281738</t>
  </si>
  <si>
    <t>1165.8089599609375</t>
  </si>
  <si>
    <t>0.0603889373786739</t>
  </si>
  <si>
    <t>21679</t>
  </si>
  <si>
    <t>549.487060546875</t>
  </si>
  <si>
    <t>Autonomous Region of Madeira</t>
  </si>
  <si>
    <t>22655</t>
  </si>
  <si>
    <t>0.04403652807272174</t>
  </si>
  <si>
    <t>22896</t>
  </si>
  <si>
    <t>427.5000305175781</t>
  </si>
  <si>
    <t>0.010581644694992676</t>
  </si>
  <si>
    <t>22378</t>
  </si>
  <si>
    <t>530.0999755859375</t>
  </si>
  <si>
    <t>-0.022883889428564785</t>
  </si>
  <si>
    <t>350.6999816894531</t>
  </si>
  <si>
    <t>0.005925745246496916</t>
  </si>
  <si>
    <t>17.766664505004883</t>
  </si>
  <si>
    <t>884.7000122070312</t>
  </si>
  <si>
    <t>0.03744906991873975</t>
  </si>
  <si>
    <t>952.7999877929688</t>
  </si>
  <si>
    <t>0.03013609153141772</t>
  </si>
  <si>
    <t>25020</t>
  </si>
  <si>
    <t>0.03808626495658096</t>
  </si>
  <si>
    <t>0.04141654196251565</t>
  </si>
  <si>
    <t>0.03214885982222704</t>
  </si>
  <si>
    <t>27748</t>
  </si>
  <si>
    <t>646.300048828125</t>
  </si>
  <si>
    <t>0.029922858699547916</t>
  </si>
  <si>
    <t>27478</t>
  </si>
  <si>
    <t>799.9999389648438</t>
  </si>
  <si>
    <t>-0.009778081021298846</t>
  </si>
  <si>
    <t>29587</t>
  </si>
  <si>
    <t>0.07394939116725041</t>
  </si>
  <si>
    <t>627.4000854492188</t>
  </si>
  <si>
    <t>0.004350545620551927</t>
  </si>
  <si>
    <t>462.4999694824219</t>
  </si>
  <si>
    <t>0.04959748391188157</t>
  </si>
  <si>
    <t>773.1000366210938</t>
  </si>
  <si>
    <t>0.019377439731503188</t>
  </si>
  <si>
    <t>554.199951171875</t>
  </si>
  <si>
    <t>0.01195786895747375</t>
  </si>
  <si>
    <t>626.4999389648438</t>
  </si>
  <si>
    <t>0.009267620623914397</t>
  </si>
  <si>
    <t>0.010613505554609048</t>
  </si>
  <si>
    <t>31470</t>
  </si>
  <si>
    <t>17.791667938232422</t>
  </si>
  <si>
    <t>-0.043464828992625826</t>
  </si>
  <si>
    <t>1264.400146484375</t>
  </si>
  <si>
    <t>0.007218876333919155</t>
  </si>
  <si>
    <t>31960</t>
  </si>
  <si>
    <t>443.6000061035156</t>
  </si>
  <si>
    <t>0.008231533487839116</t>
  </si>
  <si>
    <t>-0.07860444334781214</t>
  </si>
  <si>
    <t>0.0015557888618573656</t>
  </si>
  <si>
    <t>0.013794248027826583</t>
  </si>
  <si>
    <t>30433</t>
  </si>
  <si>
    <t>618.3999633789062</t>
  </si>
  <si>
    <t>0.014296831530364429</t>
  </si>
  <si>
    <t>31269</t>
  </si>
  <si>
    <t>872.7000122070312</t>
  </si>
  <si>
    <t>0.02709964545498522</t>
  </si>
  <si>
    <t>0.054970684523174995</t>
  </si>
  <si>
    <t>33540</t>
  </si>
  <si>
    <t>0.015140880446592675</t>
  </si>
  <si>
    <t>34200</t>
  </si>
  <si>
    <t>17.591665267944336</t>
  </si>
  <si>
    <t>354.0</t>
  </si>
  <si>
    <t>0.019486887673496156</t>
  </si>
  <si>
    <t>-0.1649298140820843</t>
  </si>
  <si>
    <t>17.625001907348633</t>
  </si>
  <si>
    <t>683.7000732421875</t>
  </si>
  <si>
    <t>0.04842885095621874</t>
  </si>
  <si>
    <t>677.2999267578125</t>
  </si>
  <si>
    <t>0.06036369956108878</t>
  </si>
  <si>
    <t>19353</t>
  </si>
  <si>
    <t>16.157262802124023</t>
  </si>
  <si>
    <t>1120.502197265625</t>
  </si>
  <si>
    <t>524.10986328125</t>
  </si>
  <si>
    <t>Autonomous Region of the Azores</t>
  </si>
  <si>
    <t>16.888660430908203</t>
  </si>
  <si>
    <t>932.6047973632812</t>
  </si>
  <si>
    <t>0.044022571746232586</t>
  </si>
  <si>
    <t>20440</t>
  </si>
  <si>
    <t>16.807466506958008</t>
  </si>
  <si>
    <t>0.010623747371056425</t>
  </si>
  <si>
    <t>15.97817611694336</t>
  </si>
  <si>
    <t>928.1331176757812</t>
  </si>
  <si>
    <t>-0.02291215353890763</t>
  </si>
  <si>
    <t>16.565858840942383</t>
  </si>
  <si>
    <t>828.5007934570312</t>
  </si>
  <si>
    <t>0.005889416104569278</t>
  </si>
  <si>
    <t>16.788454055786133</t>
  </si>
  <si>
    <t>1309.207763671875</t>
  </si>
  <si>
    <t>0.037506227246572266</t>
  </si>
  <si>
    <t>16.221952438354492</t>
  </si>
  <si>
    <t>1127.115478515625</t>
  </si>
  <si>
    <t>0.030122190532154036</t>
  </si>
  <si>
    <t>16.72528839111328</t>
  </si>
  <si>
    <t>1099.5379638671875</t>
  </si>
  <si>
    <t>0.038100280900071226</t>
  </si>
  <si>
    <t>23280</t>
  </si>
  <si>
    <t>17.308481216430664</t>
  </si>
  <si>
    <t>809.237548828125</t>
  </si>
  <si>
    <t>0.04139489628327553</t>
  </si>
  <si>
    <t>24041</t>
  </si>
  <si>
    <t>17.050018310546875</t>
  </si>
  <si>
    <t>769.3948974609375</t>
  </si>
  <si>
    <t>0.03216608327639392</t>
  </si>
  <si>
    <t>16.675722122192383</t>
  </si>
  <si>
    <t>906.7899169921875</t>
  </si>
  <si>
    <t>0.02991290796376944</t>
  </si>
  <si>
    <t>16.79564094543457</t>
  </si>
  <si>
    <t>1177.10205078125</t>
  </si>
  <si>
    <t>0.05321909618157328</t>
  </si>
  <si>
    <t>16.500064849853516</t>
  </si>
  <si>
    <t>1103.8187255859375</t>
  </si>
  <si>
    <t>0.030719460697243406</t>
  </si>
  <si>
    <t>26999</t>
  </si>
  <si>
    <t>16.60243797302246</t>
  </si>
  <si>
    <t>1004.56787109375</t>
  </si>
  <si>
    <t>0.002187657299186796</t>
  </si>
  <si>
    <t>16.859848022460938</t>
  </si>
  <si>
    <t>952.00244140625</t>
  </si>
  <si>
    <t>0.01225834863712727</t>
  </si>
  <si>
    <t>16.536165237426758</t>
  </si>
  <si>
    <t>1175.8394775390625</t>
  </si>
  <si>
    <t>0.01834381688667719</t>
  </si>
  <si>
    <t>28274</t>
  </si>
  <si>
    <t>16.648971557617188</t>
  </si>
  <si>
    <t>1087.37255859375</t>
  </si>
  <si>
    <t>0.015540660639631554</t>
  </si>
  <si>
    <t>16.945634841918945</t>
  </si>
  <si>
    <t>833.1834106445312</t>
  </si>
  <si>
    <t>0.01759905194848166</t>
  </si>
  <si>
    <t>17.336368560791016</t>
  </si>
  <si>
    <t>722.9823608398438</t>
  </si>
  <si>
    <t>0.024712954538520293</t>
  </si>
  <si>
    <t>16.519014358520508</t>
  </si>
  <si>
    <t>966.801025390625</t>
  </si>
  <si>
    <t>-0.020516877430068803</t>
  </si>
  <si>
    <t>16.615636825561523</t>
  </si>
  <si>
    <t>1189.2841796875</t>
  </si>
  <si>
    <t>0.017256890842862305</t>
  </si>
  <si>
    <t>28867</t>
  </si>
  <si>
    <t>16.87774085998535</t>
  </si>
  <si>
    <t>802.9767456054688</t>
  </si>
  <si>
    <t>-0.01829560016691545</t>
  </si>
  <si>
    <t>16.520280838012695</t>
  </si>
  <si>
    <t>1120.59423828125</t>
  </si>
  <si>
    <t>-0.04249485172509715</t>
  </si>
  <si>
    <t>16.424100875854492</t>
  </si>
  <si>
    <t>1029.0010986328125</t>
  </si>
  <si>
    <t>-0.001048767794085137</t>
  </si>
  <si>
    <t>27709</t>
  </si>
  <si>
    <t>16.459897994995117</t>
  </si>
  <si>
    <t>735.4470825195312</t>
  </si>
  <si>
    <t>0.0026018155103049168</t>
  </si>
  <si>
    <t>16.448007583618164</t>
  </si>
  <si>
    <t>1194.944091796875</t>
  </si>
  <si>
    <t>0.019159180608381732</t>
  </si>
  <si>
    <t>28890</t>
  </si>
  <si>
    <t>16.812170028686523</t>
  </si>
  <si>
    <t>835.8025512695312</t>
  </si>
  <si>
    <t>0.022579063700918667</t>
  </si>
  <si>
    <t>29555</t>
  </si>
  <si>
    <t>17.226472854614258</t>
  </si>
  <si>
    <t>988.7110595703125</t>
  </si>
  <si>
    <t>0.02275741979818946</t>
  </si>
  <si>
    <t>16.980154037475586</t>
  </si>
  <si>
    <t>882.1760864257812</t>
  </si>
  <si>
    <t>0.027531562891294215</t>
  </si>
  <si>
    <t>31326</t>
  </si>
  <si>
    <t>17.235944747924805</t>
  </si>
  <si>
    <t>1033.8126220703125</t>
  </si>
  <si>
    <t>0.03066392648884353</t>
  </si>
  <si>
    <t>16.985944747924805</t>
  </si>
  <si>
    <t>1276.3226318359375</t>
  </si>
  <si>
    <t>-0.09703867272403954</t>
  </si>
  <si>
    <t>17.12510871887207</t>
  </si>
  <si>
    <t>1271.3741455078125</t>
  </si>
  <si>
    <t>0.048440024403129556</t>
  </si>
  <si>
    <t>16.90143394470215</t>
  </si>
  <si>
    <t>982.7837524414062</t>
  </si>
  <si>
    <t>0.06037226384531458</t>
  </si>
  <si>
    <t>2150</t>
  </si>
  <si>
    <t>17860</t>
  </si>
  <si>
    <t>17.34773063659668</t>
  </si>
  <si>
    <t>455.7505187988281</t>
  </si>
  <si>
    <t>63.65101623535156</t>
  </si>
  <si>
    <t>Baixo Alentejo</t>
  </si>
  <si>
    <t>16.768735885620117</t>
  </si>
  <si>
    <t>438.56402587890625</t>
  </si>
  <si>
    <t>0.04403295927077622</t>
  </si>
  <si>
    <t>16.918537139892578</t>
  </si>
  <si>
    <t>403.0166320800781</t>
  </si>
  <si>
    <t>0.01060579664445882</t>
  </si>
  <si>
    <t>16.304214477539062</t>
  </si>
  <si>
    <t>581.5762939453125</t>
  </si>
  <si>
    <t>-0.022897056505325253</t>
  </si>
  <si>
    <t>18545</t>
  </si>
  <si>
    <t>17.290935516357422</t>
  </si>
  <si>
    <t>401.1732177734375</t>
  </si>
  <si>
    <t>0.005894936083292279</t>
  </si>
  <si>
    <t>19253</t>
  </si>
  <si>
    <t>17.813554763793945</t>
  </si>
  <si>
    <t>749.6256713867188</t>
  </si>
  <si>
    <t>0.037466681805643276</t>
  </si>
  <si>
    <t>19843</t>
  </si>
  <si>
    <t>16.839885711669922</t>
  </si>
  <si>
    <t>730.895263671875</t>
  </si>
  <si>
    <t>0.03018440735591632</t>
  </si>
  <si>
    <t>17.868986129760742</t>
  </si>
  <si>
    <t>686.2450561523438</t>
  </si>
  <si>
    <t>0.03807064461393317</t>
  </si>
  <si>
    <t>21484</t>
  </si>
  <si>
    <t>17.285621643066406</t>
  </si>
  <si>
    <t>407.9524230957031</t>
  </si>
  <si>
    <t>0.04138652732616599</t>
  </si>
  <si>
    <t>22186</t>
  </si>
  <si>
    <t>16.95109748840332</t>
  </si>
  <si>
    <t>475.21295166015625</t>
  </si>
  <si>
    <t>0.03215298727325333</t>
  </si>
  <si>
    <t>17.381345748901367</t>
  </si>
  <si>
    <t>741.0707397460938</t>
  </si>
  <si>
    <t>0.029927199050197473</t>
  </si>
  <si>
    <t>17.3237247467041</t>
  </si>
  <si>
    <t>533.627197265625</t>
  </si>
  <si>
    <t>0.01910761973895525</t>
  </si>
  <si>
    <t>23608</t>
  </si>
  <si>
    <t>16.971426010131836</t>
  </si>
  <si>
    <t>607.2088623046875</t>
  </si>
  <si>
    <t>0.013089359535017664</t>
  </si>
  <si>
    <t>17.7202205657959</t>
  </si>
  <si>
    <t>620.7933349609375</t>
  </si>
  <si>
    <t>-0.021709731006586352</t>
  </si>
  <si>
    <t>24732</t>
  </si>
  <si>
    <t>17.095876693725586</t>
  </si>
  <si>
    <t>420.3154296875</t>
  </si>
  <si>
    <t>0.06822204506227081</t>
  </si>
  <si>
    <t>17.20785903930664</t>
  </si>
  <si>
    <t>398.6342468261719</t>
  </si>
  <si>
    <t>0.029324810458456696</t>
  </si>
  <si>
    <t>17.735502243041992</t>
  </si>
  <si>
    <t>635.0670166015625</t>
  </si>
  <si>
    <t>0.13948192693833228</t>
  </si>
  <si>
    <t>17.23212432861328</t>
  </si>
  <si>
    <t>444.9628601074219</t>
  </si>
  <si>
    <t>0.0302747642465917</t>
  </si>
  <si>
    <t>16.968074798583984</t>
  </si>
  <si>
    <t>599.744384765625</t>
  </si>
  <si>
    <t>-0.08232330493427042</t>
  </si>
  <si>
    <t>29126</t>
  </si>
  <si>
    <t>17.786895751953125</t>
  </si>
  <si>
    <t>684.776611328125</t>
  </si>
  <si>
    <t>0.046775097654956355</t>
  </si>
  <si>
    <t>17.383134841918945</t>
  </si>
  <si>
    <t>930.366943359375</t>
  </si>
  <si>
    <t>0.04083572785999756</t>
  </si>
  <si>
    <t>30163</t>
  </si>
  <si>
    <t>17.693490982055664</t>
  </si>
  <si>
    <t>516.9810791015625</t>
  </si>
  <si>
    <t>-0.005850966231371046</t>
  </si>
  <si>
    <t>17.385927200317383</t>
  </si>
  <si>
    <t>547.603759765625</t>
  </si>
  <si>
    <t>-0.016108897235049824</t>
  </si>
  <si>
    <t>29422</t>
  </si>
  <si>
    <t>17.22495460510254</t>
  </si>
  <si>
    <t>619.5136108398438</t>
  </si>
  <si>
    <t>-0.008764416625945515</t>
  </si>
  <si>
    <t>30111</t>
  </si>
  <si>
    <t>17.648195266723633</t>
  </si>
  <si>
    <t>592.5511474609375</t>
  </si>
  <si>
    <t>0.023147859671754034</t>
  </si>
  <si>
    <t>30722</t>
  </si>
  <si>
    <t>18.020132064819336</t>
  </si>
  <si>
    <t>379.61590576171875</t>
  </si>
  <si>
    <t>0.020088456827179968</t>
  </si>
  <si>
    <t>30627</t>
  </si>
  <si>
    <t>17.599443435668945</t>
  </si>
  <si>
    <t>567.4389038085938</t>
  </si>
  <si>
    <t>-0.003097037471965436</t>
  </si>
  <si>
    <t>18.185667037963867</t>
  </si>
  <si>
    <t>383.61370849609375</t>
  </si>
  <si>
    <t>0.06530960197402713</t>
  </si>
  <si>
    <t>17.27656364440918</t>
  </si>
  <si>
    <t>600.3093872070312</t>
  </si>
  <si>
    <t>0.028880914859552576</t>
  </si>
  <si>
    <t>33356</t>
  </si>
  <si>
    <t>17.70354652404785</t>
  </si>
  <si>
    <t>368.32611083984375</t>
  </si>
  <si>
    <t>-0.008834823463828911</t>
  </si>
  <si>
    <t>30062</t>
  </si>
  <si>
    <t>17.994003295898438</t>
  </si>
  <si>
    <t>500.6923522949219</t>
  </si>
  <si>
    <t>-0.10397575051370467</t>
  </si>
  <si>
    <t>31554</t>
  </si>
  <si>
    <t>17.789396286010742</t>
  </si>
  <si>
    <t>355.2032775878906</t>
  </si>
  <si>
    <t>0.04843844812422837</t>
  </si>
  <si>
    <t>18.48567771911621</t>
  </si>
  <si>
    <t>536.9909057617188</t>
  </si>
  <si>
    <t>0.06038224412741933</t>
  </si>
  <si>
    <t>2151</t>
  </si>
  <si>
    <t>15.624756813049316</t>
  </si>
  <si>
    <t>658.4118041992188</t>
  </si>
  <si>
    <t>71.86578369140625</t>
  </si>
  <si>
    <t>Beira Baixa</t>
  </si>
  <si>
    <t>20006</t>
  </si>
  <si>
    <t>15.010573387145996</t>
  </si>
  <si>
    <t>633.4910888671875</t>
  </si>
  <si>
    <t>0.044042877956915305</t>
  </si>
  <si>
    <t>20219</t>
  </si>
  <si>
    <t>15.167972564697266</t>
  </si>
  <si>
    <t>594.8914184570312</t>
  </si>
  <si>
    <t>0.010590527822175844</t>
  </si>
  <si>
    <t>14.494839668273926</t>
  </si>
  <si>
    <t>916.603271484375</t>
  </si>
  <si>
    <t>-0.022861854612393984</t>
  </si>
  <si>
    <t>15.61185073852539</t>
  </si>
  <si>
    <t>658.308837890625</t>
  </si>
  <si>
    <t>0.005852690773043179</t>
  </si>
  <si>
    <t>16.12851905822754</t>
  </si>
  <si>
    <t>1113.5914306640625</t>
  </si>
  <si>
    <t>0.03747198866617296</t>
  </si>
  <si>
    <t>15.128173828125</t>
  </si>
  <si>
    <t>1086.1651611328125</t>
  </si>
  <si>
    <t>0.030165032320422114</t>
  </si>
  <si>
    <t>16.105939865112305</t>
  </si>
  <si>
    <t>1072.9052734375</t>
  </si>
  <si>
    <t>0.03810072505029538</t>
  </si>
  <si>
    <t>15.525959014892578</t>
  </si>
  <si>
    <t>652.5578002929688</t>
  </si>
  <si>
    <t>0.041359528230859866</t>
  </si>
  <si>
    <t>15.17575454711914</t>
  </si>
  <si>
    <t>732.2116088867188</t>
  </si>
  <si>
    <t>0.0321760757095646</t>
  </si>
  <si>
    <t>15.652239799499512</t>
  </si>
  <si>
    <t>1150.1072998046875</t>
  </si>
  <si>
    <t>0.029908616510880393</t>
  </si>
  <si>
    <t>24437</t>
  </si>
  <si>
    <t>15.590206146240234</t>
  </si>
  <si>
    <t>793.3291625976562</t>
  </si>
  <si>
    <t>-0.002697181855795705</t>
  </si>
  <si>
    <t>15.220187187194824</t>
  </si>
  <si>
    <t>949.580322265625</t>
  </si>
  <si>
    <t>0.010947751936409844</t>
  </si>
  <si>
    <t>15.946121215820312</t>
  </si>
  <si>
    <t>919.6403198242188</t>
  </si>
  <si>
    <t>0.002062148194525548</t>
  </si>
  <si>
    <t>15.347808837890625</t>
  </si>
  <si>
    <t>678.6598510742188</t>
  </si>
  <si>
    <t>0.006562416610103483</t>
  </si>
  <si>
    <t>15.486851692199707</t>
  </si>
  <si>
    <t>582.626220703125</t>
  </si>
  <si>
    <t>0.03256973957885201</t>
  </si>
  <si>
    <t>16.006874084472656</t>
  </si>
  <si>
    <t>979.2623901367188</t>
  </si>
  <si>
    <t>0.040273388052366244</t>
  </si>
  <si>
    <t>27070</t>
  </si>
  <si>
    <t>15.459495544433594</t>
  </si>
  <si>
    <t>741.8704223632812</t>
  </si>
  <si>
    <t>0.009912282075740464</t>
  </si>
  <si>
    <t>15.283560752868652</t>
  </si>
  <si>
    <t>913.4677734375</t>
  </si>
  <si>
    <t>-0.00025862228359940787</t>
  </si>
  <si>
    <t>16.003175735473633</t>
  </si>
  <si>
    <t>972.04150390625</t>
  </si>
  <si>
    <t>-0.00485231065957592</t>
  </si>
  <si>
    <t>28564</t>
  </si>
  <si>
    <t>15.634150505065918</t>
  </si>
  <si>
    <t>1377.767822265625</t>
  </si>
  <si>
    <t>0.05883201300382801</t>
  </si>
  <si>
    <t>28532</t>
  </si>
  <si>
    <t>16.017635345458984</t>
  </si>
  <si>
    <t>790.2957153320312</t>
  </si>
  <si>
    <t>-0.0011209192710719407</t>
  </si>
  <si>
    <t>29605</t>
  </si>
  <si>
    <t>15.659089088439941</t>
  </si>
  <si>
    <t>858.8388061523438</t>
  </si>
  <si>
    <t>0.036917001567948304</t>
  </si>
  <si>
    <t>15.512992858886719</t>
  </si>
  <si>
    <t>973.6836547851562</t>
  </si>
  <si>
    <t>-0.03544605254077382</t>
  </si>
  <si>
    <t>16.014616012573242</t>
  </si>
  <si>
    <t>928.14990234375</t>
  </si>
  <si>
    <t>0.0022023745596086997</t>
  </si>
  <si>
    <t>16.341604232788086</t>
  </si>
  <si>
    <t>592.3145141601562</t>
  </si>
  <si>
    <t>0.024524812849174182</t>
  </si>
  <si>
    <t>15.948538780212402</t>
  </si>
  <si>
    <t>885.2324829101562</t>
  </si>
  <si>
    <t>-0.005946499187727383</t>
  </si>
  <si>
    <t>16.5477237701416</t>
  </si>
  <si>
    <t>551.8491821289062</t>
  </si>
  <si>
    <t>0.026785503956931578</t>
  </si>
  <si>
    <t>15.604981422424316</t>
  </si>
  <si>
    <t>915.5811157226562</t>
  </si>
  <si>
    <t>0.010556114620106527</t>
  </si>
  <si>
    <t>16.076520919799805</t>
  </si>
  <si>
    <t>588.7542724609375</t>
  </si>
  <si>
    <t>0.044624029838182366</t>
  </si>
  <si>
    <t>29743</t>
  </si>
  <si>
    <t>16.310056686401367</t>
  </si>
  <si>
    <t>812.3671264648438</t>
  </si>
  <si>
    <t>-0.06264973989125444</t>
  </si>
  <si>
    <t>31219</t>
  </si>
  <si>
    <t>16.060808181762695</t>
  </si>
  <si>
    <t>689.9302978515625</t>
  </si>
  <si>
    <t>0.048433073636783064</t>
  </si>
  <si>
    <t>16.783906936645508</t>
  </si>
  <si>
    <t>898.5479736328125</t>
  </si>
  <si>
    <t>0.06037775825441116</t>
  </si>
  <si>
    <t>13.674999237060547</t>
  </si>
  <si>
    <t>37.13584899902344</t>
  </si>
  <si>
    <t>Beiras e Serra da Estrela</t>
  </si>
  <si>
    <t>14955</t>
  </si>
  <si>
    <t>13.075000762939453</t>
  </si>
  <si>
    <t>724.89990234375</t>
  </si>
  <si>
    <t>0.0440172197531723</t>
  </si>
  <si>
    <t>15114</t>
  </si>
  <si>
    <t>0.010575774516617287</t>
  </si>
  <si>
    <t>12.549999237060547</t>
  </si>
  <si>
    <t>1084.39990234375</t>
  </si>
  <si>
    <t>-0.022887969608211378</t>
  </si>
  <si>
    <t>14860</t>
  </si>
  <si>
    <t>896.699951171875</t>
  </si>
  <si>
    <t>0.005939542299294942</t>
  </si>
  <si>
    <t>14.174999237060547</t>
  </si>
  <si>
    <t>1264.0999755859375</t>
  </si>
  <si>
    <t>0.0374461817401901</t>
  </si>
  <si>
    <t>13.158331871032715</t>
  </si>
  <si>
    <t>1181.60009765625</t>
  </si>
  <si>
    <t>0.030136993136769874</t>
  </si>
  <si>
    <t>0.038133939372380965</t>
  </si>
  <si>
    <t>17215</t>
  </si>
  <si>
    <t>778.9000244140625</t>
  </si>
  <si>
    <t>0.041390943251533585</t>
  </si>
  <si>
    <t>0.03212439015006119</t>
  </si>
  <si>
    <t>0.029924103437531713</t>
  </si>
  <si>
    <t>18164</t>
  </si>
  <si>
    <t>13.558334350585938</t>
  </si>
  <si>
    <t>885.39990234375</t>
  </si>
  <si>
    <t>-0.008387977142374936</t>
  </si>
  <si>
    <t>1243.4998779296875</t>
  </si>
  <si>
    <t>-0.01380326247878827</t>
  </si>
  <si>
    <t>17846</t>
  </si>
  <si>
    <t>-0.0038589572789575755</t>
  </si>
  <si>
    <t>18231</t>
  </si>
  <si>
    <t>805.7000122070312</t>
  </si>
  <si>
    <t>0.021344048343369337</t>
  </si>
  <si>
    <t>0.035720969525614876</t>
  </si>
  <si>
    <t>1215.5</t>
  </si>
  <si>
    <t>0.034693376697278566</t>
  </si>
  <si>
    <t>955.800048828125</t>
  </si>
  <si>
    <t>0.00040889343784655807</t>
  </si>
  <si>
    <t>19736</t>
  </si>
  <si>
    <t>13.299999237060547</t>
  </si>
  <si>
    <t>0.00849769774498732</t>
  </si>
  <si>
    <t>19553</t>
  </si>
  <si>
    <t>1153.5</t>
  </si>
  <si>
    <t>-0.009315651882918274</t>
  </si>
  <si>
    <t>20182</t>
  </si>
  <si>
    <t>13.541666984558105</t>
  </si>
  <si>
    <t>0.03166239069819987</t>
  </si>
  <si>
    <t>20135</t>
  </si>
  <si>
    <t>846.4000244140625</t>
  </si>
  <si>
    <t>-0.002331523738920538</t>
  </si>
  <si>
    <t>13.683334350585938</t>
  </si>
  <si>
    <t>1058.60009765625</t>
  </si>
  <si>
    <t>-0.030251865796383726</t>
  </si>
  <si>
    <t>19849</t>
  </si>
  <si>
    <t>1243.0</t>
  </si>
  <si>
    <t>0.015945899523407192</t>
  </si>
  <si>
    <t>0.0257132157190334</t>
  </si>
  <si>
    <t>14.300002098083496</t>
  </si>
  <si>
    <t>911.8999633789062</t>
  </si>
  <si>
    <t>0.03914328095599018</t>
  </si>
  <si>
    <t>987.9000854492188</t>
  </si>
  <si>
    <t>0.021995329743035086</t>
  </si>
  <si>
    <t>22743</t>
  </si>
  <si>
    <t>705.3999633789062</t>
  </si>
  <si>
    <t>0.04925195129377791</t>
  </si>
  <si>
    <t>23552</t>
  </si>
  <si>
    <t>1141.60009765625</t>
  </si>
  <si>
    <t>0.03495333680418966</t>
  </si>
  <si>
    <t>24488</t>
  </si>
  <si>
    <t>0.038972459096644485</t>
  </si>
  <si>
    <t>969.1000366210938</t>
  </si>
  <si>
    <t>-0.05761492404367097</t>
  </si>
  <si>
    <t>24264</t>
  </si>
  <si>
    <t>14.091666221618652</t>
  </si>
  <si>
    <t>0.04842549278684061</t>
  </si>
  <si>
    <t>14.866667747497559</t>
  </si>
  <si>
    <t>1147.7000732421875</t>
  </si>
  <si>
    <t>0.06037246147991837</t>
  </si>
  <si>
    <t>17649</t>
  </si>
  <si>
    <t>1209.2000732421875</t>
  </si>
  <si>
    <t>140.41656494140625</t>
  </si>
  <si>
    <t>CÔøΩvado</t>
  </si>
  <si>
    <t>18444</t>
  </si>
  <si>
    <t>1179.4000244140625</t>
  </si>
  <si>
    <t>0.044059989794030585</t>
  </si>
  <si>
    <t>0.010624341542648352</t>
  </si>
  <si>
    <t>-0.022898450303559414</t>
  </si>
  <si>
    <t>18327</t>
  </si>
  <si>
    <t>1465.199951171875</t>
  </si>
  <si>
    <t>0.005910376752190416</t>
  </si>
  <si>
    <t>1833.2001953125</t>
  </si>
  <si>
    <t>0.037431082448526</t>
  </si>
  <si>
    <t>19609</t>
  </si>
  <si>
    <t>1738.300048828125</t>
  </si>
  <si>
    <t>0.030182179733113657</t>
  </si>
  <si>
    <t>1722.0</t>
  </si>
  <si>
    <t>0.03807458572133626</t>
  </si>
  <si>
    <t>21231</t>
  </si>
  <si>
    <t>1274.9000244140625</t>
  </si>
  <si>
    <t>0.041399147523042856</t>
  </si>
  <si>
    <t>0.0321651604964881</t>
  </si>
  <si>
    <t>22591</t>
  </si>
  <si>
    <t>2161.10009765625</t>
  </si>
  <si>
    <t>0.029924058616838778</t>
  </si>
  <si>
    <t>23593</t>
  </si>
  <si>
    <t>1415.0999755859375</t>
  </si>
  <si>
    <t>0.04339846098949174</t>
  </si>
  <si>
    <t>1809.900146484375</t>
  </si>
  <si>
    <t>0.013639445292151109</t>
  </si>
  <si>
    <t>23063</t>
  </si>
  <si>
    <t>1650.4002685546875</t>
  </si>
  <si>
    <t>-0.036359901374192205</t>
  </si>
  <si>
    <t>23538</t>
  </si>
  <si>
    <t>1126.2999267578125</t>
  </si>
  <si>
    <t>0.020386534672935497</t>
  </si>
  <si>
    <t>0.000297347240046264</t>
  </si>
  <si>
    <t>1679.2000732421875</t>
  </si>
  <si>
    <t>0.010015508319868971</t>
  </si>
  <si>
    <t>24534</t>
  </si>
  <si>
    <t>1384.199951171875</t>
  </si>
  <si>
    <t>0.03113091859517425</t>
  </si>
  <si>
    <t>1754.5999755859375</t>
  </si>
  <si>
    <t>0.02543396655921626</t>
  </si>
  <si>
    <t>24574</t>
  </si>
  <si>
    <t>13.4833345413208</t>
  </si>
  <si>
    <t>-0.02380490372439681</t>
  </si>
  <si>
    <t>12.816668510437012</t>
  </si>
  <si>
    <t>1816.10009765625</t>
  </si>
  <si>
    <t>0.006408978250941999</t>
  </si>
  <si>
    <t>1189.300048828125</t>
  </si>
  <si>
    <t>-0.014457886896382277</t>
  </si>
  <si>
    <t>1635.0</t>
  </si>
  <si>
    <t>-0.013546649154223545</t>
  </si>
  <si>
    <t>12.900001525878906</t>
  </si>
  <si>
    <t>1961.3001708984375</t>
  </si>
  <si>
    <t>0.005928584351407196</t>
  </si>
  <si>
    <t>24913</t>
  </si>
  <si>
    <t>1544.0</t>
  </si>
  <si>
    <t>0.029367755586244826</t>
  </si>
  <si>
    <t>1412.0999755859375</t>
  </si>
  <si>
    <t>0.019949795315497454</t>
  </si>
  <si>
    <t>26695</t>
  </si>
  <si>
    <t>1460.2999267578125</t>
  </si>
  <si>
    <t>0.04913673105328442</t>
  </si>
  <si>
    <t>27941</t>
  </si>
  <si>
    <t>1224.0</t>
  </si>
  <si>
    <t>0.04561886221685718</t>
  </si>
  <si>
    <t>1755.9000244140625</t>
  </si>
  <si>
    <t>0.03481854041590182</t>
  </si>
  <si>
    <t>1465.400146484375</t>
  </si>
  <si>
    <t>0.05359957484247779</t>
  </si>
  <si>
    <t>28720</t>
  </si>
  <si>
    <t>1491.39990234375</t>
  </si>
  <si>
    <t>-0.060919515247363165</t>
  </si>
  <si>
    <t>1477.900146484375</t>
  </si>
  <si>
    <t>0.048425327761345116</t>
  </si>
  <si>
    <t>32021</t>
  </si>
  <si>
    <t>14.274998664855957</t>
  </si>
  <si>
    <t>1599.3001708984375</t>
  </si>
  <si>
    <t>0.06037286562048827</t>
  </si>
  <si>
    <t>13.458011627197266</t>
  </si>
  <si>
    <t>101.49478149414062</t>
  </si>
  <si>
    <t>Douro</t>
  </si>
  <si>
    <t>14389</t>
  </si>
  <si>
    <t>12.550261497497559</t>
  </si>
  <si>
    <t>774.6646118164062</t>
  </si>
  <si>
    <t>0.04404433731904511</t>
  </si>
  <si>
    <t>14542</t>
  </si>
  <si>
    <t>12.861897468566895</t>
  </si>
  <si>
    <t>824.68017578125</t>
  </si>
  <si>
    <t>0.01057698844658539</t>
  </si>
  <si>
    <t>14213</t>
  </si>
  <si>
    <t>12.263381004333496</t>
  </si>
  <si>
    <t>1243.822998046875</t>
  </si>
  <si>
    <t>-0.022883975470991302</t>
  </si>
  <si>
    <t>13.418289184570312</t>
  </si>
  <si>
    <t>942.3067016601562</t>
  </si>
  <si>
    <t>0.0058926862901529375</t>
  </si>
  <si>
    <t>14843</t>
  </si>
  <si>
    <t>13.71372127532959</t>
  </si>
  <si>
    <t>1400.366943359375</t>
  </si>
  <si>
    <t>0.03747864859560046</t>
  </si>
  <si>
    <t>12.451401710510254</t>
  </si>
  <si>
    <t>1414.5062255859375</t>
  </si>
  <si>
    <t>0.030193727257046277</t>
  </si>
  <si>
    <t>15892</t>
  </si>
  <si>
    <t>13.750140190124512</t>
  </si>
  <si>
    <t>1412.1610107421875</t>
  </si>
  <si>
    <t>0.03809373705267838</t>
  </si>
  <si>
    <t>12.950940132141113</t>
  </si>
  <si>
    <t>885.639892578125</t>
  </si>
  <si>
    <t>0.041355454017665494</t>
  </si>
  <si>
    <t>17104</t>
  </si>
  <si>
    <t>12.94591236114502</t>
  </si>
  <si>
    <t>1016.373779296875</t>
  </si>
  <si>
    <t>0.032141062312671664</t>
  </si>
  <si>
    <t>17624</t>
  </si>
  <si>
    <t>13.386436462402344</t>
  </si>
  <si>
    <t>1591.849853515625</t>
  </si>
  <si>
    <t>0.029949255217351478</t>
  </si>
  <si>
    <t>18446</t>
  </si>
  <si>
    <t>12.929366111755371</t>
  </si>
  <si>
    <t>1047.2852783203125</t>
  </si>
  <si>
    <t>0.0455859353134862</t>
  </si>
  <si>
    <t>13.04443073272705</t>
  </si>
  <si>
    <t>1352.4595947265625</t>
  </si>
  <si>
    <t>-0.017445005332746177</t>
  </si>
  <si>
    <t>18184</t>
  </si>
  <si>
    <t>13.57137393951416</t>
  </si>
  <si>
    <t>1241.6326904296875</t>
  </si>
  <si>
    <t>0.0031395470694608463</t>
  </si>
  <si>
    <t>12.909153938293457</t>
  </si>
  <si>
    <t>868.3523559570312</t>
  </si>
  <si>
    <t>0.010884237950492093</t>
  </si>
  <si>
    <t>19186</t>
  </si>
  <si>
    <t>13.002303123474121</t>
  </si>
  <si>
    <t>863.3171997070312</t>
  </si>
  <si>
    <t>0.042754521895021824</t>
  </si>
  <si>
    <t>13.764863014221191</t>
  </si>
  <si>
    <t>1283.43701171875</t>
  </si>
  <si>
    <t>0.03668962774132822</t>
  </si>
  <si>
    <t>20131</t>
  </si>
  <si>
    <t>12.967947959899902</t>
  </si>
  <si>
    <t>1045.525634765625</t>
  </si>
  <si>
    <t>0.011390441379607097</t>
  </si>
  <si>
    <t>20940</t>
  </si>
  <si>
    <t>12.622515678405762</t>
  </si>
  <si>
    <t>1205.0458984375</t>
  </si>
  <si>
    <t>0.039400289925699994</t>
  </si>
  <si>
    <t>13.541464805603027</t>
  </si>
  <si>
    <t>1218.877197265625</t>
  </si>
  <si>
    <t>0.008559253395668875</t>
  </si>
  <si>
    <t>22047</t>
  </si>
  <si>
    <t>12.80927562713623</t>
  </si>
  <si>
    <t>1582.6524658203125</t>
  </si>
  <si>
    <t>0.04295607937678447</t>
  </si>
  <si>
    <t>22136</t>
  </si>
  <si>
    <t>13.947274208068848</t>
  </si>
  <si>
    <t>963.6246948242188</t>
  </si>
  <si>
    <t>0.004028704269780192</t>
  </si>
  <si>
    <t>21598</t>
  </si>
  <si>
    <t>13.2160062789917</t>
  </si>
  <si>
    <t>1101.6373291015625</t>
  </si>
  <si>
    <t>-0.02460452467405716</t>
  </si>
  <si>
    <t>21910</t>
  </si>
  <si>
    <t>13.024798393249512</t>
  </si>
  <si>
    <t>1379.0211181640625</t>
  </si>
  <si>
    <t>0.014342435796807607</t>
  </si>
  <si>
    <t>22392</t>
  </si>
  <si>
    <t>13.685977935791016</t>
  </si>
  <si>
    <t>1174.2115478515625</t>
  </si>
  <si>
    <t>0.02176059860577695</t>
  </si>
  <si>
    <t>22614</t>
  </si>
  <si>
    <t>13.828564643859863</t>
  </si>
  <si>
    <t>1027.948486328125</t>
  </si>
  <si>
    <t>0.009865431299902028</t>
  </si>
  <si>
    <t>13.300479888916016</t>
  </si>
  <si>
    <t>1071.2869873046875</t>
  </si>
  <si>
    <t>0.03527733313462811</t>
  </si>
  <si>
    <t>23582</t>
  </si>
  <si>
    <t>14.055388450622559</t>
  </si>
  <si>
    <t>832.0195922851562</t>
  </si>
  <si>
    <t>0.006637192506799394</t>
  </si>
  <si>
    <t>24952</t>
  </si>
  <si>
    <t>13.270913124084473</t>
  </si>
  <si>
    <t>1258.0521240234375</t>
  </si>
  <si>
    <t>0.056470270151020685</t>
  </si>
  <si>
    <t>13.804125785827637</t>
  </si>
  <si>
    <t>961.6649169921875</t>
  </si>
  <si>
    <t>0.036864188760262095</t>
  </si>
  <si>
    <t>13.855729103088379</t>
  </si>
  <si>
    <t>1091.38916015625</t>
  </si>
  <si>
    <t>-0.07098411454482978</t>
  </si>
  <si>
    <t>13.484272956848145</t>
  </si>
  <si>
    <t>1017.637939453125</t>
  </si>
  <si>
    <t>0.0484840442371528</t>
  </si>
  <si>
    <t>14.42856502532959</t>
  </si>
  <si>
    <t>0.060324800660993105</t>
  </si>
  <si>
    <t>23151</t>
  </si>
  <si>
    <t>17.310760498046875</t>
  </si>
  <si>
    <t>626.96142578125</t>
  </si>
  <si>
    <t>148.18405151367188</t>
  </si>
  <si>
    <t>LezÔøΩria do Tejo</t>
  </si>
  <si>
    <t>16.760759353637695</t>
  </si>
  <si>
    <t>574.7946166992188</t>
  </si>
  <si>
    <t>0.04406669239408245</t>
  </si>
  <si>
    <t>16.882282257080078</t>
  </si>
  <si>
    <t>534.782470703125</t>
  </si>
  <si>
    <t>0.010566446342350488</t>
  </si>
  <si>
    <t>862.3264770507812</t>
  </si>
  <si>
    <t>-0.022876341452445104</t>
  </si>
  <si>
    <t>24040</t>
  </si>
  <si>
    <t>17.28228187561035</t>
  </si>
  <si>
    <t>619.3441162109375</t>
  </si>
  <si>
    <t>0.005924336239443662</t>
  </si>
  <si>
    <t>17.75242805480957</t>
  </si>
  <si>
    <t>1016.3231201171875</t>
  </si>
  <si>
    <t>0.03743523430285478</t>
  </si>
  <si>
    <t>974.5540771484375</t>
  </si>
  <si>
    <t>0.03019231287403379</t>
  </si>
  <si>
    <t>17.78090476989746</t>
  </si>
  <si>
    <t>915.6324462890625</t>
  </si>
  <si>
    <t>0.03806569182454922</t>
  </si>
  <si>
    <t>27849</t>
  </si>
  <si>
    <t>17.185760498046875</t>
  </si>
  <si>
    <t>581.4414672851562</t>
  </si>
  <si>
    <t>0.041384710417460724</t>
  </si>
  <si>
    <t>16.860759735107422</t>
  </si>
  <si>
    <t>636.953125</t>
  </si>
  <si>
    <t>0.03215370264782891</t>
  </si>
  <si>
    <t>17.33576011657715</t>
  </si>
  <si>
    <t>1057.7667236328125</t>
  </si>
  <si>
    <t>0.029937843460823288</t>
  </si>
  <si>
    <t>29366</t>
  </si>
  <si>
    <t>742.4676513671875</t>
  </si>
  <si>
    <t>-0.009051062653810504</t>
  </si>
  <si>
    <t>16.91909408569336</t>
  </si>
  <si>
    <t>835.3851318359375</t>
  </si>
  <si>
    <t>0.029195724889182983</t>
  </si>
  <si>
    <t>30047</t>
  </si>
  <si>
    <t>17.635761260986328</t>
  </si>
  <si>
    <t>835.8229370117188</t>
  </si>
  <si>
    <t>-0.0062704450430679515</t>
  </si>
  <si>
    <t>17.010761260986328</t>
  </si>
  <si>
    <t>619.7568969726562</t>
  </si>
  <si>
    <t>0.02608215120410584</t>
  </si>
  <si>
    <t>29195</t>
  </si>
  <si>
    <t>17.144094467163086</t>
  </si>
  <si>
    <t>553.8123168945312</t>
  </si>
  <si>
    <t>-0.05484751185546699</t>
  </si>
  <si>
    <t>29469</t>
  </si>
  <si>
    <t>17.685760498046875</t>
  </si>
  <si>
    <t>871.979248046875</t>
  </si>
  <si>
    <t>0.009341401625341916</t>
  </si>
  <si>
    <t>17.152427673339844</t>
  </si>
  <si>
    <t>614.0443115234375</t>
  </si>
  <si>
    <t>0.014252022707200496</t>
  </si>
  <si>
    <t>771.1928100585938</t>
  </si>
  <si>
    <t>-0.014082367276971652</t>
  </si>
  <si>
    <t>857.5472412109375</t>
  </si>
  <si>
    <t>-0.02943768587418205</t>
  </si>
  <si>
    <t>17.264240264892578</t>
  </si>
  <si>
    <t>1201.9122314453125</t>
  </si>
  <si>
    <t>-0.002904384860299203</t>
  </si>
  <si>
    <t>647.0267333984375</t>
  </si>
  <si>
    <t>-0.03628977286096102</t>
  </si>
  <si>
    <t>17.322572708129883</t>
  </si>
  <si>
    <t>639.4122924804688</t>
  </si>
  <si>
    <t>-0.043939850700969174</t>
  </si>
  <si>
    <t>881.83154296875</t>
  </si>
  <si>
    <t>-0.010420140467385153</t>
  </si>
  <si>
    <t>26418</t>
  </si>
  <si>
    <t>781.5122680664062</t>
  </si>
  <si>
    <t>0.013528911974397317</t>
  </si>
  <si>
    <t>27121</t>
  </si>
  <si>
    <t>17.977428436279297</t>
  </si>
  <si>
    <t>630.6199951171875</t>
  </si>
  <si>
    <t>0.02626273954706626</t>
  </si>
  <si>
    <t>17.610761642456055</t>
  </si>
  <si>
    <t>775.5189819335938</t>
  </si>
  <si>
    <t>0.028282510342323874</t>
  </si>
  <si>
    <t>544.3617553710938</t>
  </si>
  <si>
    <t>0.035527527529673364</t>
  </si>
  <si>
    <t>29158</t>
  </si>
  <si>
    <t>17.29409408569336</t>
  </si>
  <si>
    <t>867.7811889648438</t>
  </si>
  <si>
    <t>0.00861094426189446</t>
  </si>
  <si>
    <t>17.6381893157959</t>
  </si>
  <si>
    <t>580.01416015625</t>
  </si>
  <si>
    <t>0.026599652919497174</t>
  </si>
  <si>
    <t>17.913188934326172</t>
  </si>
  <si>
    <t>755.8353881835938</t>
  </si>
  <si>
    <t>-0.045852325151383155</t>
  </si>
  <si>
    <t>30022</t>
  </si>
  <si>
    <t>17.729854583740234</t>
  </si>
  <si>
    <t>647.0374145507812</t>
  </si>
  <si>
    <t>0.048453800787241263</t>
  </si>
  <si>
    <t>18.427427291870117</t>
  </si>
  <si>
    <t>795.9276733398438</t>
  </si>
  <si>
    <t>0.0603620347839815</t>
  </si>
  <si>
    <t>34928</t>
  </si>
  <si>
    <t>653.0926513671875</t>
  </si>
  <si>
    <t>1642.4013671875</t>
  </si>
  <si>
    <t>Metropolitan area of Lisbon</t>
  </si>
  <si>
    <t>16.8267879486084</t>
  </si>
  <si>
    <t>587.5426635742188</t>
  </si>
  <si>
    <t>0.04402346078085806</t>
  </si>
  <si>
    <t>16.96845245361328</t>
  </si>
  <si>
    <t>489.87841796875</t>
  </si>
  <si>
    <t>0.010601143035479765</t>
  </si>
  <si>
    <t>36055</t>
  </si>
  <si>
    <t>16.314882278442383</t>
  </si>
  <si>
    <t>856.5283813476562</t>
  </si>
  <si>
    <t>-0.022867853255201354</t>
  </si>
  <si>
    <t>17.367263793945312</t>
  </si>
  <si>
    <t>619.2640991210938</t>
  </si>
  <si>
    <t>0.005890259415085808</t>
  </si>
  <si>
    <t>17.834524154663086</t>
  </si>
  <si>
    <t>1026.94970703125</t>
  </si>
  <si>
    <t>0.03747682256260987</t>
  </si>
  <si>
    <t>38806</t>
  </si>
  <si>
    <t>16.882740020751953</t>
  </si>
  <si>
    <t>959.2783203125</t>
  </si>
  <si>
    <t>0.030162241502662113</t>
  </si>
  <si>
    <t>17.867856979370117</t>
  </si>
  <si>
    <t>952.8211669921875</t>
  </si>
  <si>
    <t>0.03807431752921531</t>
  </si>
  <si>
    <t>42015</t>
  </si>
  <si>
    <t>17.28452491760254</t>
  </si>
  <si>
    <t>557.4427490234375</t>
  </si>
  <si>
    <t>0.04137750600188461</t>
  </si>
  <si>
    <t>16.930953979492188</t>
  </si>
  <si>
    <t>649.5426635742188</t>
  </si>
  <si>
    <t>0.03215620779779016</t>
  </si>
  <si>
    <t>17.41488265991211</t>
  </si>
  <si>
    <t>1025.1783447265625</t>
  </si>
  <si>
    <t>0.029924815621674483</t>
  </si>
  <si>
    <t>17.322620391845703</t>
  </si>
  <si>
    <t>715.10693359375</t>
  </si>
  <si>
    <t>0.004552766299999789</t>
  </si>
  <si>
    <t>45368</t>
  </si>
  <si>
    <t>16.968454360961914</t>
  </si>
  <si>
    <t>820.5711669921875</t>
  </si>
  <si>
    <t>0.010146523612080571</t>
  </si>
  <si>
    <t>44732</t>
  </si>
  <si>
    <t>17.71190643310547</t>
  </si>
  <si>
    <t>860.5711669921875</t>
  </si>
  <si>
    <t>-0.014117881545784527</t>
  </si>
  <si>
    <t>17.105358123779297</t>
  </si>
  <si>
    <t>549.1854858398438</t>
  </si>
  <si>
    <t>0.021452931452763835</t>
  </si>
  <si>
    <t>45854</t>
  </si>
  <si>
    <t>17.223215103149414</t>
  </si>
  <si>
    <t>0.003320375281765209</t>
  </si>
  <si>
    <t>46203</t>
  </si>
  <si>
    <t>17.766071319580078</t>
  </si>
  <si>
    <t>911.7640380859375</t>
  </si>
  <si>
    <t>0.007582295143967244</t>
  </si>
  <si>
    <t>47063</t>
  </si>
  <si>
    <t>17.249406814575195</t>
  </si>
  <si>
    <t>578.9141235351562</t>
  </si>
  <si>
    <t>0.018442398629224144</t>
  </si>
  <si>
    <t>17.01964569091797</t>
  </si>
  <si>
    <t>846.62841796875</t>
  </si>
  <si>
    <t>0.004177142085099561</t>
  </si>
  <si>
    <t>45690</t>
  </si>
  <si>
    <t>17.763097763061523</t>
  </si>
  <si>
    <t>894.6283569335938</t>
  </si>
  <si>
    <t>-0.03378481618358187</t>
  </si>
  <si>
    <t>46002</t>
  </si>
  <si>
    <t>17.372026443481445</t>
  </si>
  <si>
    <t>1291.0498046875</t>
  </si>
  <si>
    <t>0.00680541822963221</t>
  </si>
  <si>
    <t>17.742263793945312</t>
  </si>
  <si>
    <t>801.7782592773438</t>
  </si>
  <si>
    <t>-0.022400233188271557</t>
  </si>
  <si>
    <t>42473</t>
  </si>
  <si>
    <t>17.40118980407715</t>
  </si>
  <si>
    <t>773.7427368164062</t>
  </si>
  <si>
    <t>-0.0574160606886327</t>
  </si>
  <si>
    <t>41907</t>
  </si>
  <si>
    <t>17.277978897094727</t>
  </si>
  <si>
    <t>903.4713134765625</t>
  </si>
  <si>
    <t>-0.01341570251438462</t>
  </si>
  <si>
    <t>17.733930587768555</t>
  </si>
  <si>
    <t>872.58544921875</t>
  </si>
  <si>
    <t>-0.004088811693431893</t>
  </si>
  <si>
    <t>41958</t>
  </si>
  <si>
    <t>18.077383041381836</t>
  </si>
  <si>
    <t>539.3497924804688</t>
  </si>
  <si>
    <t>0.005305052229692464</t>
  </si>
  <si>
    <t>17.704763412475586</t>
  </si>
  <si>
    <t>778.7855224609375</t>
  </si>
  <si>
    <t>0.011068693170505739</t>
  </si>
  <si>
    <t>18.263097763061523</t>
  </si>
  <si>
    <t>562.5782470703125</t>
  </si>
  <si>
    <t>0.030913788884699755</t>
  </si>
  <si>
    <t>44719</t>
  </si>
  <si>
    <t>17.364288330078125</t>
  </si>
  <si>
    <t>844.3568725585938</t>
  </si>
  <si>
    <t>0.021746867232264933</t>
  </si>
  <si>
    <t>45984</t>
  </si>
  <si>
    <t>17.71904945373535</t>
  </si>
  <si>
    <t>511.97845458984375</t>
  </si>
  <si>
    <t>0.027895042659359603</t>
  </si>
  <si>
    <t>41393</t>
  </si>
  <si>
    <t>17.977977752685547</t>
  </si>
  <si>
    <t>713.4212036132812</t>
  </si>
  <si>
    <t>-0.10518172548694338</t>
  </si>
  <si>
    <t>17.77738380432129</t>
  </si>
  <si>
    <t>511.3784484863281</t>
  </si>
  <si>
    <t>0.0484530363228739</t>
  </si>
  <si>
    <t>46151</t>
  </si>
  <si>
    <t>18.496431350708008</t>
  </si>
  <si>
    <t>778.9926147460938</t>
  </si>
  <si>
    <t>0.06035380845393057</t>
  </si>
  <si>
    <t>20673</t>
  </si>
  <si>
    <t>753.300048828125</t>
  </si>
  <si>
    <t>55.18397521972656</t>
  </si>
  <si>
    <t>MÔøΩdio Tejo</t>
  </si>
  <si>
    <t>672.60009765625</t>
  </si>
  <si>
    <t>0.0440499816874631</t>
  </si>
  <si>
    <t>21834</t>
  </si>
  <si>
    <t>0.010589905127433852</t>
  </si>
  <si>
    <t>21340</t>
  </si>
  <si>
    <t>-0.02288514198447089</t>
  </si>
  <si>
    <t>21467</t>
  </si>
  <si>
    <t>0.005933626398345382</t>
  </si>
  <si>
    <t>22286</t>
  </si>
  <si>
    <t>16.733333587646484</t>
  </si>
  <si>
    <t>1234.199951171875</t>
  </si>
  <si>
    <t>0.03744180635290917</t>
  </si>
  <si>
    <t>22968</t>
  </si>
  <si>
    <t>1116.0999755859375</t>
  </si>
  <si>
    <t>0.03014326419390123</t>
  </si>
  <si>
    <t>1185.60009765625</t>
  </si>
  <si>
    <t>0.038101473851007484</t>
  </si>
  <si>
    <t>16.241666793823242</t>
  </si>
  <si>
    <t>0.04137841973732037</t>
  </si>
  <si>
    <t>862.10009765625</t>
  </si>
  <si>
    <t>0.03216958246646584</t>
  </si>
  <si>
    <t>26461</t>
  </si>
  <si>
    <t>1346.5001220703125</t>
  </si>
  <si>
    <t>0.029920531994054755</t>
  </si>
  <si>
    <t>16.19999885559082</t>
  </si>
  <si>
    <t>854.699951171875</t>
  </si>
  <si>
    <t>0.0045247239821737395</t>
  </si>
  <si>
    <t>1194.4000244140625</t>
  </si>
  <si>
    <t>-0.01948816637965045</t>
  </si>
  <si>
    <t>0.01098744458143841</t>
  </si>
  <si>
    <t>0.00996685991539259</t>
  </si>
  <si>
    <t>25932</t>
  </si>
  <si>
    <t>690.3999633789062</t>
  </si>
  <si>
    <t>-0.026185085654216067</t>
  </si>
  <si>
    <t>16.683332443237305</t>
  </si>
  <si>
    <t>1209.5</t>
  </si>
  <si>
    <t>0.02903601413632373</t>
  </si>
  <si>
    <t>860.800048828125</t>
  </si>
  <si>
    <t>0.02013602843885387</t>
  </si>
  <si>
    <t>15.900001525878906</t>
  </si>
  <si>
    <t>1048.5999755859375</t>
  </si>
  <si>
    <t>-0.02418978370859115</t>
  </si>
  <si>
    <t>26214</t>
  </si>
  <si>
    <t>-0.014166366981982037</t>
  </si>
  <si>
    <t>1592.0</t>
  </si>
  <si>
    <t>0.023599692906127956</t>
  </si>
  <si>
    <t>-0.0144103364239907</t>
  </si>
  <si>
    <t>-0.03861007410963602</t>
  </si>
  <si>
    <t>25211</t>
  </si>
  <si>
    <t>1198.5</t>
  </si>
  <si>
    <t>-0.009592494357843151</t>
  </si>
  <si>
    <t>1108.2000732421875</t>
  </si>
  <si>
    <t>0.009631780142287383</t>
  </si>
  <si>
    <t>25850</t>
  </si>
  <si>
    <t>0.015398413600138383</t>
  </si>
  <si>
    <t>0.034298635947854095</t>
  </si>
  <si>
    <t>663.5000610351562</t>
  </si>
  <si>
    <t>0.026703659449344386</t>
  </si>
  <si>
    <t>27955</t>
  </si>
  <si>
    <t>1062.2000732421875</t>
  </si>
  <si>
    <t>0.017283178126971777</t>
  </si>
  <si>
    <t>792.300048828125</t>
  </si>
  <si>
    <t>0.005351421975429815</t>
  </si>
  <si>
    <t>26469</t>
  </si>
  <si>
    <t>16.875</t>
  </si>
  <si>
    <t>977.9999389648438</t>
  </si>
  <si>
    <t>-0.059973259545961</t>
  </si>
  <si>
    <t>838.0</t>
  </si>
  <si>
    <t>0.04845008594816491</t>
  </si>
  <si>
    <t>1012.2999877929688</t>
  </si>
  <si>
    <t>0.06037263743813348</t>
  </si>
  <si>
    <t>20747</t>
  </si>
  <si>
    <t>151.06008911132812</t>
  </si>
  <si>
    <t>Oeste</t>
  </si>
  <si>
    <t>16.650001525878906</t>
  </si>
  <si>
    <t>643.1000366210938</t>
  </si>
  <si>
    <t>0.04403464305795168</t>
  </si>
  <si>
    <t>21912</t>
  </si>
  <si>
    <t>568.699951171875</t>
  </si>
  <si>
    <t>0.010598130991823496</t>
  </si>
  <si>
    <t>952.1000366210938</t>
  </si>
  <si>
    <t>-0.022896125742725815</t>
  </si>
  <si>
    <t>21543</t>
  </si>
  <si>
    <t>687.0999755859375</t>
  </si>
  <si>
    <t>0.005912631578238958</t>
  </si>
  <si>
    <t>17.649999618530273</t>
  </si>
  <si>
    <t>0.03744629908852026</t>
  </si>
  <si>
    <t>1055.0001220703125</t>
  </si>
  <si>
    <t>0.03016853255784646</t>
  </si>
  <si>
    <t>23945</t>
  </si>
  <si>
    <t>0.03809376435191503</t>
  </si>
  <si>
    <t>629.5</t>
  </si>
  <si>
    <t>0.04139481017528901</t>
  </si>
  <si>
    <t>690.10009765625</t>
  </si>
  <si>
    <t>0.032134287306535114</t>
  </si>
  <si>
    <t>1122.300048828125</t>
  </si>
  <si>
    <t>0.029929422597966493</t>
  </si>
  <si>
    <t>803.5000610351562</t>
  </si>
  <si>
    <t>0.0037586964003608614</t>
  </si>
  <si>
    <t>26506</t>
  </si>
  <si>
    <t>-0.005605627816237302</t>
  </si>
  <si>
    <t>26613</t>
  </si>
  <si>
    <t>17.5</t>
  </si>
  <si>
    <t>0.004028695748072408</t>
  </si>
  <si>
    <t>725.5999755859375</t>
  </si>
  <si>
    <t>0.02097120914870132</t>
  </si>
  <si>
    <t>17.033334732055664</t>
  </si>
  <si>
    <t>645.699951171875</t>
  </si>
  <si>
    <t>-0.012738554036259231</t>
  </si>
  <si>
    <t>26988</t>
  </si>
  <si>
    <t>17.608333587646484</t>
  </si>
  <si>
    <t>950.7000122070312</t>
  </si>
  <si>
    <t>0.005759849446178578</t>
  </si>
  <si>
    <t>0.01835722303666465</t>
  </si>
  <si>
    <t>-0.03268796537966878</t>
  </si>
  <si>
    <t>-0.02012293118158759</t>
  </si>
  <si>
    <t>25808</t>
  </si>
  <si>
    <t>-0.01025412785773483</t>
  </si>
  <si>
    <t>24925</t>
  </si>
  <si>
    <t>789.7999877929688</t>
  </si>
  <si>
    <t>-0.0348132055349506</t>
  </si>
  <si>
    <t>24427</t>
  </si>
  <si>
    <t>-0.020182237955037152</t>
  </si>
  <si>
    <t>24545</t>
  </si>
  <si>
    <t>0.004819089617150496</t>
  </si>
  <si>
    <t>0.013113880409637346</t>
  </si>
  <si>
    <t>25404</t>
  </si>
  <si>
    <t>710.1000366210938</t>
  </si>
  <si>
    <t>0.02128459402107552</t>
  </si>
  <si>
    <t>26246</t>
  </si>
  <si>
    <t>0.03260695453336737</t>
  </si>
  <si>
    <t>18.183334350585938</t>
  </si>
  <si>
    <t>701.699951171875</t>
  </si>
  <si>
    <t>0.0356298447126715</t>
  </si>
  <si>
    <t>959.699951171875</t>
  </si>
  <si>
    <t>0.02605655996813816</t>
  </si>
  <si>
    <t>28978</t>
  </si>
  <si>
    <t>0.037336920243625116</t>
  </si>
  <si>
    <t>834.4000854492188</t>
  </si>
  <si>
    <t>-0.07619661532202571</t>
  </si>
  <si>
    <t>28185</t>
  </si>
  <si>
    <t>0.048449615457032635</t>
  </si>
  <si>
    <t>29939</t>
  </si>
  <si>
    <t>0.060372056766548</t>
  </si>
  <si>
    <t>15.84095287322998</t>
  </si>
  <si>
    <t>825.7522583007812</t>
  </si>
  <si>
    <t>304.5597839355469</t>
  </si>
  <si>
    <t>RegiÔøΩo de Coimbra</t>
  </si>
  <si>
    <t>22322</t>
  </si>
  <si>
    <t>15.253090858459473</t>
  </si>
  <si>
    <t>749.8621826171875</t>
  </si>
  <si>
    <t>0.044052725141527915</t>
  </si>
  <si>
    <t>22560</t>
  </si>
  <si>
    <t>15.416104316711426</t>
  </si>
  <si>
    <t>696.6057739257812</t>
  </si>
  <si>
    <t>0.010605687396335384</t>
  </si>
  <si>
    <t>22049</t>
  </si>
  <si>
    <t>14.741103172302246</t>
  </si>
  <si>
    <t>1247.5010986328125</t>
  </si>
  <si>
    <t>-0.02291117723933489</t>
  </si>
  <si>
    <t>22180</t>
  </si>
  <si>
    <t>15.832352638244629</t>
  </si>
  <si>
    <t>921.70654296875</t>
  </si>
  <si>
    <t>0.005923732531698533</t>
  </si>
  <si>
    <t>23027</t>
  </si>
  <si>
    <t>16.352333068847656</t>
  </si>
  <si>
    <t>1371.8492431640625</t>
  </si>
  <si>
    <t>0.03747645855326098</t>
  </si>
  <si>
    <t>15.350970268249512</t>
  </si>
  <si>
    <t>1245.7822265625</t>
  </si>
  <si>
    <t>0.03015690792091341</t>
  </si>
  <si>
    <t>16.412580490112305</t>
  </si>
  <si>
    <t>1316.470703125</t>
  </si>
  <si>
    <t>0.03807424854094599</t>
  </si>
  <si>
    <t>15.803584098815918</t>
  </si>
  <si>
    <t>826.2691040039062</t>
  </si>
  <si>
    <t>0.04139782350685017</t>
  </si>
  <si>
    <t>15.480953216552734</t>
  </si>
  <si>
    <t>969.0861206054688</t>
  </si>
  <si>
    <t>0.03213050905053372</t>
  </si>
  <si>
    <t>15.875969886779785</t>
  </si>
  <si>
    <t>1508.31005859375</t>
  </si>
  <si>
    <t>0.0299239018010784</t>
  </si>
  <si>
    <t>15.77182388305664</t>
  </si>
  <si>
    <t>951.477783203125</t>
  </si>
  <si>
    <t>0.023567923769583388</t>
  </si>
  <si>
    <t>28045</t>
  </si>
  <si>
    <t>15.45886516571045</t>
  </si>
  <si>
    <t>1330.531005859375</t>
  </si>
  <si>
    <t>0.0018916078949118287</t>
  </si>
  <si>
    <t>16.223737716674805</t>
  </si>
  <si>
    <t>1195.489990234375</t>
  </si>
  <si>
    <t>0.0019236255575503236</t>
  </si>
  <si>
    <t>15.609969139099121</t>
  </si>
  <si>
    <t>796.972412109375</t>
  </si>
  <si>
    <t>0.017917454605033356</t>
  </si>
  <si>
    <t>15.719417572021484</t>
  </si>
  <si>
    <t>794.2349853515625</t>
  </si>
  <si>
    <t>-0.0012942268802014212</t>
  </si>
  <si>
    <t>16.276634216308594</t>
  </si>
  <si>
    <t>1322.7491455078125</t>
  </si>
  <si>
    <t>0.006106622832572128</t>
  </si>
  <si>
    <t>15.71829891204834</t>
  </si>
  <si>
    <t>959.6329956054688</t>
  </si>
  <si>
    <t>0.01642378979654069</t>
  </si>
  <si>
    <t>15.490439414978027</t>
  </si>
  <si>
    <t>1150.796630859375</t>
  </si>
  <si>
    <t>-0.0010614440057707952</t>
  </si>
  <si>
    <t>16.235837936401367</t>
  </si>
  <si>
    <t>1208.7296142578125</t>
  </si>
  <si>
    <t>-0.012999510680552717</t>
  </si>
  <si>
    <t>15.78451156616211</t>
  </si>
  <si>
    <t>1653.5452880859375</t>
  </si>
  <si>
    <t>0.03069067342337739</t>
  </si>
  <si>
    <t>16.214570999145508</t>
  </si>
  <si>
    <t>989.64990234375</t>
  </si>
  <si>
    <t>-0.016253347973197663</t>
  </si>
  <si>
    <t>27972</t>
  </si>
  <si>
    <t>15.884305000305176</t>
  </si>
  <si>
    <t>1169.25537109375</t>
  </si>
  <si>
    <t>-0.044059989794030585</t>
  </si>
  <si>
    <t>15.783432006835938</t>
  </si>
  <si>
    <t>1309.7711181640625</t>
  </si>
  <si>
    <t>-0.007571851797075979</t>
  </si>
  <si>
    <t>27788</t>
  </si>
  <si>
    <t>16.173110961914062</t>
  </si>
  <si>
    <t>1197.92919921875</t>
  </si>
  <si>
    <t>0.0009721147860908275</t>
  </si>
  <si>
    <t>16.49828338623047</t>
  </si>
  <si>
    <t>927.4556274414062</t>
  </si>
  <si>
    <t>0.04238116416133053</t>
  </si>
  <si>
    <t>16.026384353637695</t>
  </si>
  <si>
    <t>1077.06201171875</t>
  </si>
  <si>
    <t>0.017472620665891725</t>
  </si>
  <si>
    <t>16.66257667541504</t>
  </si>
  <si>
    <t>773.0294189453125</t>
  </si>
  <si>
    <t>0.02758034718217317</t>
  </si>
  <si>
    <t>15.80905818939209</t>
  </si>
  <si>
    <t>1172.8779296875</t>
  </si>
  <si>
    <t>0.043015649612835105</t>
  </si>
  <si>
    <t>16.206443786621094</t>
  </si>
  <si>
    <t>927.2064208984375</t>
  </si>
  <si>
    <t>0.015016191495664799</t>
  </si>
  <si>
    <t>16.468923568725586</t>
  </si>
  <si>
    <t>1083.8121337890625</t>
  </si>
  <si>
    <t>-0.07137599450449272</t>
  </si>
  <si>
    <t>31410</t>
  </si>
  <si>
    <t>16.26083755493164</t>
  </si>
  <si>
    <t>960.1561279296875</t>
  </si>
  <si>
    <t>0.04843206210651729</t>
  </si>
  <si>
    <t>16.999191284179688</t>
  </si>
  <si>
    <t>1121.6871337890625</t>
  </si>
  <si>
    <t>0.060351160828810535</t>
  </si>
  <si>
    <t>23788</t>
  </si>
  <si>
    <t>16.48333168029785</t>
  </si>
  <si>
    <t>788.9999389648438</t>
  </si>
  <si>
    <t>140.8062286376953</t>
  </si>
  <si>
    <t>RegiÔøΩo de Leiria</t>
  </si>
  <si>
    <t>24859</t>
  </si>
  <si>
    <t>704.2999267578125</t>
  </si>
  <si>
    <t>0.044038608167696225</t>
  </si>
  <si>
    <t>16.050003051757812</t>
  </si>
  <si>
    <t>684.3999633789062</t>
  </si>
  <si>
    <t>0.010603704580089968</t>
  </si>
  <si>
    <t>15.40833568572998</t>
  </si>
  <si>
    <t>1108.7999267578125</t>
  </si>
  <si>
    <t>-0.022867341026884702</t>
  </si>
  <si>
    <t>0.005887505079112287</t>
  </si>
  <si>
    <t>25644</t>
  </si>
  <si>
    <t>1251.699951171875</t>
  </si>
  <si>
    <t>0.03746589748064899</t>
  </si>
  <si>
    <t>1200.5999755859375</t>
  </si>
  <si>
    <t>0.03015226598273557</t>
  </si>
  <si>
    <t>27455</t>
  </si>
  <si>
    <t>17.016666412353516</t>
  </si>
  <si>
    <t>1190.800048828125</t>
  </si>
  <si>
    <t>0.038086408623088985</t>
  </si>
  <si>
    <t>28615</t>
  </si>
  <si>
    <t>0.04138275513023082</t>
  </si>
  <si>
    <t>796.4000854492188</t>
  </si>
  <si>
    <t>0.03215268799104187</t>
  </si>
  <si>
    <t>30448</t>
  </si>
  <si>
    <t>1286.2999267578125</t>
  </si>
  <si>
    <t>0.029936566701685763</t>
  </si>
  <si>
    <t>31019</t>
  </si>
  <si>
    <t>908.5000610351562</t>
  </si>
  <si>
    <t>0.018579609408687858</t>
  </si>
  <si>
    <t>16.124998092651367</t>
  </si>
  <si>
    <t>-0.003940828150707176</t>
  </si>
  <si>
    <t>1022.5000610351562</t>
  </si>
  <si>
    <t>-0.00048560191310187406</t>
  </si>
  <si>
    <t>0.013093108179054624</t>
  </si>
  <si>
    <t>689.5</t>
  </si>
  <si>
    <t>-0.013902969089221173</t>
  </si>
  <si>
    <t>1082.5999755859375</t>
  </si>
  <si>
    <t>0.028182579627296533</t>
  </si>
  <si>
    <t>0.02378618415210454</t>
  </si>
  <si>
    <t>945.0000610351562</t>
  </si>
  <si>
    <t>-0.0122583178695983</t>
  </si>
  <si>
    <t>31216</t>
  </si>
  <si>
    <t>-0.028143291017553196</t>
  </si>
  <si>
    <t>0.0013445595392465037</t>
  </si>
  <si>
    <t>31005</t>
  </si>
  <si>
    <t>-0.008126861618160675</t>
  </si>
  <si>
    <t>16.558332443237305</t>
  </si>
  <si>
    <t>-0.03605591509316497</t>
  </si>
  <si>
    <t>1097.800048828125</t>
  </si>
  <si>
    <t>0.004437260187257763</t>
  </si>
  <si>
    <t>981.800048828125</t>
  </si>
  <si>
    <t>0.024172845174582847</t>
  </si>
  <si>
    <t>31252</t>
  </si>
  <si>
    <t>0.015380702063980678</t>
  </si>
  <si>
    <t>16.82499885559082</t>
  </si>
  <si>
    <t>953.7000122070312</t>
  </si>
  <si>
    <t>0.02699070076381105</t>
  </si>
  <si>
    <t>17.391666412353516</t>
  </si>
  <si>
    <t>0.03573228938286732</t>
  </si>
  <si>
    <t>1069.099853515625</t>
  </si>
  <si>
    <t>0.0181365622881291</t>
  </si>
  <si>
    <t>16.900001525878906</t>
  </si>
  <si>
    <t>0.02765099474028787</t>
  </si>
  <si>
    <t>-0.06735582931122863</t>
  </si>
  <si>
    <t>16.916669845581055</t>
  </si>
  <si>
    <t>861.7999877929688</t>
  </si>
  <si>
    <t>0.04846109772794982</t>
  </si>
  <si>
    <t>991.199951171875</t>
  </si>
  <si>
    <t>0.06033891293806626</t>
  </si>
  <si>
    <t>15377</t>
  </si>
  <si>
    <t>13.773860931396484</t>
  </si>
  <si>
    <t>611.6785888671875</t>
  </si>
  <si>
    <t>55.19080352783203</t>
  </si>
  <si>
    <t>Terras de TrÔøΩs-os-Montes</t>
  </si>
  <si>
    <t>16069</t>
  </si>
  <si>
    <t>12.898859977722168</t>
  </si>
  <si>
    <t>546.9255981445312</t>
  </si>
  <si>
    <t>0.044019063526059554</t>
  </si>
  <si>
    <t>16241</t>
  </si>
  <si>
    <t>13.171711921691895</t>
  </si>
  <si>
    <t>577.6905517578125</t>
  </si>
  <si>
    <t>0.010646959132850853</t>
  </si>
  <si>
    <t>12.496711730957031</t>
  </si>
  <si>
    <t>999.6555786132812</t>
  </si>
  <si>
    <t>-0.022919356602361773</t>
  </si>
  <si>
    <t>13.7300443649292</t>
  </si>
  <si>
    <t>695.7267456054688</t>
  </si>
  <si>
    <t>0.005904539767460193</t>
  </si>
  <si>
    <t>13.995230674743652</t>
  </si>
  <si>
    <t>1092.8231201171875</t>
  </si>
  <si>
    <t>0.03749210008516357</t>
  </si>
  <si>
    <t>17084</t>
  </si>
  <si>
    <t>12.740527153015137</t>
  </si>
  <si>
    <t>996.3275756835938</t>
  </si>
  <si>
    <t>0.030126160536491753</t>
  </si>
  <si>
    <t>14.095635414123535</t>
  </si>
  <si>
    <t>1035.3795166015625</t>
  </si>
  <si>
    <t>0.03807413457320763</t>
  </si>
  <si>
    <t>13.276413917541504</t>
  </si>
  <si>
    <t>636.0452270507812</t>
  </si>
  <si>
    <t>0.041392069219984506</t>
  </si>
  <si>
    <t>19102</t>
  </si>
  <si>
    <t>13.2420072555542</t>
  </si>
  <si>
    <t>772.861083984375</t>
  </si>
  <si>
    <t>0.032184484840133365</t>
  </si>
  <si>
    <t>13.597784996032715</t>
  </si>
  <si>
    <t>1265.5057373046875</t>
  </si>
  <si>
    <t>0.02991147086424739</t>
  </si>
  <si>
    <t>13.283267974853516</t>
  </si>
  <si>
    <t>706.8734741210938</t>
  </si>
  <si>
    <t>0.02558197388200867</t>
  </si>
  <si>
    <t>13.358673095703125</t>
  </si>
  <si>
    <t>1057.3341064453125</t>
  </si>
  <si>
    <t>0.0018307320617534373</t>
  </si>
  <si>
    <t>13.926414489746094</t>
  </si>
  <si>
    <t>965.4442138671875</t>
  </si>
  <si>
    <t>-0.0013356090135623333</t>
  </si>
  <si>
    <t>13.097784996032715</t>
  </si>
  <si>
    <t>669.994873046875</t>
  </si>
  <si>
    <t>0.044628225437694624</t>
  </si>
  <si>
    <t>22075</t>
  </si>
  <si>
    <t>13.266600608825684</t>
  </si>
  <si>
    <t>583.922119140625</t>
  </si>
  <si>
    <t>0.04403591164533616</t>
  </si>
  <si>
    <t>22379</t>
  </si>
  <si>
    <t>14.219155311584473</t>
  </si>
  <si>
    <t>1005.7158203125</t>
  </si>
  <si>
    <t>0.013677272642993898</t>
  </si>
  <si>
    <t>22899</t>
  </si>
  <si>
    <t>13.210823059082031</t>
  </si>
  <si>
    <t>775.8221435546875</t>
  </si>
  <si>
    <t>0.022970222351425207</t>
  </si>
  <si>
    <t>24098</t>
  </si>
  <si>
    <t>12.877490043640137</t>
  </si>
  <si>
    <t>819.4249267578125</t>
  </si>
  <si>
    <t>0.05103560801664209</t>
  </si>
  <si>
    <t>13.920230865478516</t>
  </si>
  <si>
    <t>866.5531005859375</t>
  </si>
  <si>
    <t>0.0031488259361811544</t>
  </si>
  <si>
    <t>25103</t>
  </si>
  <si>
    <t>13.173454284667969</t>
  </si>
  <si>
    <t>1235.30322265625</t>
  </si>
  <si>
    <t>0.03770968547064868</t>
  </si>
  <si>
    <t>14.100340843200684</t>
  </si>
  <si>
    <t>655.8361206054688</t>
  </si>
  <si>
    <t>0.0013932845947302042</t>
  </si>
  <si>
    <t>13.582192420959473</t>
  </si>
  <si>
    <t>718.085205078125</t>
  </si>
  <si>
    <t>-0.09254528895631431</t>
  </si>
  <si>
    <t>13.39052677154541</t>
  </si>
  <si>
    <t>990.1026611328125</t>
  </si>
  <si>
    <t>0.014340734903592889</t>
  </si>
  <si>
    <t>13.878971099853516</t>
  </si>
  <si>
    <t>880.650146484375</t>
  </si>
  <si>
    <t>0.0504132238390369</t>
  </si>
  <si>
    <t>14.101414680480957</t>
  </si>
  <si>
    <t>748.804931640625</t>
  </si>
  <si>
    <t>0.011306448736077002</t>
  </si>
  <si>
    <t>25074</t>
  </si>
  <si>
    <t>13.554640769958496</t>
  </si>
  <si>
    <t>816.8123168945312</t>
  </si>
  <si>
    <t>0.013935688668796686</t>
  </si>
  <si>
    <t>14.369155883789062</t>
  </si>
  <si>
    <t>549.9974365234375</t>
  </si>
  <si>
    <t>-0.047869315249144506</t>
  </si>
  <si>
    <t>13.631524085998535</t>
  </si>
  <si>
    <t>995.572509765625</t>
  </si>
  <si>
    <t>0.10630977628858496</t>
  </si>
  <si>
    <t>26802</t>
  </si>
  <si>
    <t>13.97896957397461</t>
  </si>
  <si>
    <t>738.3289794921875</t>
  </si>
  <si>
    <t>0.008204597864761354</t>
  </si>
  <si>
    <t>25726</t>
  </si>
  <si>
    <t>14.08945369720459</t>
  </si>
  <si>
    <t>884.8026123046875</t>
  </si>
  <si>
    <t>-0.040974357941511386</t>
  </si>
  <si>
    <t>27003</t>
  </si>
  <si>
    <t>13.647785186767578</t>
  </si>
  <si>
    <t>782.8287353515625</t>
  </si>
  <si>
    <t>0.048445817286532744</t>
  </si>
  <si>
    <t>14.778969764709473</t>
  </si>
  <si>
    <t>896.2713623046875</t>
  </si>
  <si>
    <t>0.060356641828361646</t>
  </si>
  <si>
    <t>392.895263671875</t>
  </si>
  <si>
    <t>TÔøΩmega e Sousa</t>
  </si>
  <si>
    <t>0.04408323483495025</t>
  </si>
  <si>
    <t>0.01055960534286804</t>
  </si>
  <si>
    <t>1492.699951171875</t>
  </si>
  <si>
    <t>-0.022872474147291655</t>
  </si>
  <si>
    <t>13478</t>
  </si>
  <si>
    <t>14.449999809265137</t>
  </si>
  <si>
    <t>1155.300048828125</t>
  </si>
  <si>
    <t>0.005878649217553544</t>
  </si>
  <si>
    <t>14.950000762939453</t>
  </si>
  <si>
    <t>1662.400146484375</t>
  </si>
  <si>
    <t>0.03749847804955131</t>
  </si>
  <si>
    <t>14421</t>
  </si>
  <si>
    <t>13.941668510437012</t>
  </si>
  <si>
    <t>1517.5</t>
  </si>
  <si>
    <t>0.030128273006356565</t>
  </si>
  <si>
    <t>14981</t>
  </si>
  <si>
    <t>15.066668510437012</t>
  </si>
  <si>
    <t>1554.0999755859375</t>
  </si>
  <si>
    <t>0.03809725395531238</t>
  </si>
  <si>
    <t>1014.699951171875</t>
  </si>
  <si>
    <t>16124</t>
  </si>
  <si>
    <t>1203.0001220703125</t>
  </si>
  <si>
    <t>0.032140897556820036</t>
  </si>
  <si>
    <t>16614</t>
  </si>
  <si>
    <t>1884.800048828125</t>
  </si>
  <si>
    <t>0.029936868161959396</t>
  </si>
  <si>
    <t>1127.0</t>
  </si>
  <si>
    <t>0.030410452233352814</t>
  </si>
  <si>
    <t>17327</t>
  </si>
  <si>
    <t>1648.60009765625</t>
  </si>
  <si>
    <t>0.011609812878477399</t>
  </si>
  <si>
    <t>14.8583345413208</t>
  </si>
  <si>
    <t>1432.7000732421875</t>
  </si>
  <si>
    <t>-0.030827570081443767</t>
  </si>
  <si>
    <t>943.2999877929688</t>
  </si>
  <si>
    <t>-0.001548725589520572</t>
  </si>
  <si>
    <t>978.4000854492188</t>
  </si>
  <si>
    <t>0.02461264137996544</t>
  </si>
  <si>
    <t>1605.0</t>
  </si>
  <si>
    <t>0.04503575290987705</t>
  </si>
  <si>
    <t>1156.0999755859375</t>
  </si>
  <si>
    <t>0.04010781127854379</t>
  </si>
  <si>
    <t>0.00026704409056677036</t>
  </si>
  <si>
    <t>1414.0999755859375</t>
  </si>
  <si>
    <t>-0.015173818172238285</t>
  </si>
  <si>
    <t>1834.800048828125</t>
  </si>
  <si>
    <t>0.030068218024240423</t>
  </si>
  <si>
    <t>18906</t>
  </si>
  <si>
    <t>1053.800048828125</t>
  </si>
  <si>
    <t>-0.0053280003655071795</t>
  </si>
  <si>
    <t>1309.2000732421875</t>
  </si>
  <si>
    <t>-0.023331537792044443</t>
  </si>
  <si>
    <t>18663</t>
  </si>
  <si>
    <t>0.010395159989844416</t>
  </si>
  <si>
    <t>14.791665077209473</t>
  </si>
  <si>
    <t>1373.3001708984375</t>
  </si>
  <si>
    <t>0.023250087411552656</t>
  </si>
  <si>
    <t>19564</t>
  </si>
  <si>
    <t>0.02389810106456558</t>
  </si>
  <si>
    <t>19989</t>
  </si>
  <si>
    <t>1263.10009765625</t>
  </si>
  <si>
    <t>0.021490979571398228</t>
  </si>
  <si>
    <t>20343</t>
  </si>
  <si>
    <t>943.800048828125</t>
  </si>
  <si>
    <t>0.01755475012130603</t>
  </si>
  <si>
    <t>20941</t>
  </si>
  <si>
    <t>0.02897208742419899</t>
  </si>
  <si>
    <t>1181.5999755859375</t>
  </si>
  <si>
    <t>0.02252273018466866</t>
  </si>
  <si>
    <t>1309.9000244140625</t>
  </si>
  <si>
    <t>-0.04351416373078365</t>
  </si>
  <si>
    <t>1198.0</t>
  </si>
  <si>
    <t>0.04845106537927357</t>
  </si>
  <si>
    <t>22863</t>
  </si>
  <si>
    <t>15.6083345413208</t>
  </si>
  <si>
    <t>0.06035129172491693</t>
  </si>
  <si>
    <t>14.132087707519531</t>
  </si>
  <si>
    <t>933.3046875</t>
  </si>
  <si>
    <t>212.08023071289062</t>
  </si>
  <si>
    <t>Viseu DÔøΩo LafÔøΩes</t>
  </si>
  <si>
    <t>17917</t>
  </si>
  <si>
    <t>13.538703918457031</t>
  </si>
  <si>
    <t>868.0986328125</t>
  </si>
  <si>
    <t>0.04404339690287884</t>
  </si>
  <si>
    <t>13.697037696838379</t>
  </si>
  <si>
    <t>824.0348510742188</t>
  </si>
  <si>
    <t>0.010548621020744164</t>
  </si>
  <si>
    <t>17698</t>
  </si>
  <si>
    <t>13.012069702148438</t>
  </si>
  <si>
    <t>1396.3851318359375</t>
  </si>
  <si>
    <t>-0.02284696499334693</t>
  </si>
  <si>
    <t>17803</t>
  </si>
  <si>
    <t>14.130370140075684</t>
  </si>
  <si>
    <t>1056.8773193359375</t>
  </si>
  <si>
    <t>0.00591534357756629</t>
  </si>
  <si>
    <t>18482</t>
  </si>
  <si>
    <t>14.64205265045166</t>
  </si>
  <si>
    <t>1580.0687255859375</t>
  </si>
  <si>
    <t>0.03743030304312356</t>
  </si>
  <si>
    <t>19048</t>
  </si>
  <si>
    <t>13.625388145446777</t>
  </si>
  <si>
    <t>1457.2391357421875</t>
  </si>
  <si>
    <t>0.030164823718711986</t>
  </si>
  <si>
    <t>19787</t>
  </si>
  <si>
    <t>14.720402717590332</t>
  </si>
  <si>
    <t>1529.5609130859375</t>
  </si>
  <si>
    <t>0.03806304722574261</t>
  </si>
  <si>
    <t>14.097038269042969</t>
  </si>
  <si>
    <t>946.111572265625</t>
  </si>
  <si>
    <t>0.0414302897865273</t>
  </si>
  <si>
    <t>13.77873706817627</t>
  </si>
  <si>
    <t>1107.1474609375</t>
  </si>
  <si>
    <t>0.032157725396361414</t>
  </si>
  <si>
    <t>14.15038776397705</t>
  </si>
  <si>
    <t>1716.6121826171875</t>
  </si>
  <si>
    <t>0.02988058204211086</t>
  </si>
  <si>
    <t>22242</t>
  </si>
  <si>
    <t>14.03037166595459</t>
  </si>
  <si>
    <t>1108.0372314453125</t>
  </si>
  <si>
    <t>0.013488639761346732</t>
  </si>
  <si>
    <t>21809</t>
  </si>
  <si>
    <t>13.745320320129395</t>
  </si>
  <si>
    <t>1476.1868896484375</t>
  </si>
  <si>
    <t>-0.019659664761560336</t>
  </si>
  <si>
    <t>22098</t>
  </si>
  <si>
    <t>14.52538776397705</t>
  </si>
  <si>
    <t>1344.777587890625</t>
  </si>
  <si>
    <t>0.013164378055893877</t>
  </si>
  <si>
    <t>13.908721923828125</t>
  </si>
  <si>
    <t>936.2261962890625</t>
  </si>
  <si>
    <t>0.029429625243833968</t>
  </si>
  <si>
    <t>14.012070655822754</t>
  </si>
  <si>
    <t>925.713623046875</t>
  </si>
  <si>
    <t>0.013703029167722036</t>
  </si>
  <si>
    <t>23831</t>
  </si>
  <si>
    <t>14.56705379486084</t>
  </si>
  <si>
    <t>1458.622802734375</t>
  </si>
  <si>
    <t>0.03236749303868791</t>
  </si>
  <si>
    <t>14.020405769348145</t>
  </si>
  <si>
    <t>1110.9521484375</t>
  </si>
  <si>
    <t>0.023472919779186086</t>
  </si>
  <si>
    <t>13.767054557800293</t>
  </si>
  <si>
    <t>1312.07373046875</t>
  </si>
  <si>
    <t>-0.004766022415791937</t>
  </si>
  <si>
    <t>14.495404243469238</t>
  </si>
  <si>
    <t>1354.9727783203125</t>
  </si>
  <si>
    <t>-0.02295408105694996</t>
  </si>
  <si>
    <t>14.01705551147461</t>
  </si>
  <si>
    <t>1774.6854248046875</t>
  </si>
  <si>
    <t>0.00571478149979221</t>
  </si>
  <si>
    <t>23488</t>
  </si>
  <si>
    <t>14.537071228027344</t>
  </si>
  <si>
    <t>1103.4013671875</t>
  </si>
  <si>
    <t>-0.015965199515358464</t>
  </si>
  <si>
    <t>1275.39794921875</t>
  </si>
  <si>
    <t>-0.006063989201633646</t>
  </si>
  <si>
    <t>14.06705379486084</t>
  </si>
  <si>
    <t>1483.258544921875</t>
  </si>
  <si>
    <t>0.002694900572262071</t>
  </si>
  <si>
    <t>23138</t>
  </si>
  <si>
    <t>14.450387001037598</t>
  </si>
  <si>
    <t>1318.709716796875</t>
  </si>
  <si>
    <t>-0.01164427619603714</t>
  </si>
  <si>
    <t>23643</t>
  </si>
  <si>
    <t>14.780369758605957</t>
  </si>
  <si>
    <t>1076.47705078125</t>
  </si>
  <si>
    <t>0.02159080043292505</t>
  </si>
  <si>
    <t>14.26705551147461</t>
  </si>
  <si>
    <t>1204.918212890625</t>
  </si>
  <si>
    <t>0.015986242641407244</t>
  </si>
  <si>
    <t>14.920405387878418</t>
  </si>
  <si>
    <t>890.325927734375</t>
  </si>
  <si>
    <t>0.03211285111711959</t>
  </si>
  <si>
    <t>25804</t>
  </si>
  <si>
    <t>14.105369567871094</t>
  </si>
  <si>
    <t>1325.1322021484375</t>
  </si>
  <si>
    <t>0.039363336871847565</t>
  </si>
  <si>
    <t>27117</t>
  </si>
  <si>
    <t>14.497038841247559</t>
  </si>
  <si>
    <t>1061.1434326171875</t>
  </si>
  <si>
    <t>0.04963131881438798</t>
  </si>
  <si>
    <t>14.762070655822754</t>
  </si>
  <si>
    <t>1207.544189453125</t>
  </si>
  <si>
    <t>-0.04294930635061078</t>
  </si>
  <si>
    <t>14.558720588684082</t>
  </si>
  <si>
    <t>1109.76806640625</t>
  </si>
  <si>
    <t>0.04842897363016441</t>
  </si>
  <si>
    <t>15.307087898254395</t>
  </si>
  <si>
    <t>1299.9691162109375</t>
  </si>
  <si>
    <t>0.060378648548605085</t>
  </si>
  <si>
    <t>PRY</t>
  </si>
  <si>
    <t>25.236854553222656</t>
  </si>
  <si>
    <t>949.205322265625</t>
  </si>
  <si>
    <t>5.432567119598389</t>
  </si>
  <si>
    <t>Alto Paraguay</t>
  </si>
  <si>
    <t>Paraguay</t>
  </si>
  <si>
    <t>1052.1778564453125</t>
  </si>
  <si>
    <t>0.00863132412442269</t>
  </si>
  <si>
    <t>12578</t>
  </si>
  <si>
    <t>24.98963737487793</t>
  </si>
  <si>
    <t>1148.388916015625</t>
  </si>
  <si>
    <t>-0.008313257963980192</t>
  </si>
  <si>
    <t>12605</t>
  </si>
  <si>
    <t>25.370315551757812</t>
  </si>
  <si>
    <t>726.4058227539062</t>
  </si>
  <si>
    <t>0.002144304518571616</t>
  </si>
  <si>
    <t>26.13652801513672</t>
  </si>
  <si>
    <t>917.607421875</t>
  </si>
  <si>
    <t>0.0057746472220916445</t>
  </si>
  <si>
    <t>25.6096134185791</t>
  </si>
  <si>
    <t>920.0703125</t>
  </si>
  <si>
    <t>0.019991295162427036</t>
  </si>
  <si>
    <t>25.070554733276367</t>
  </si>
  <si>
    <t>967.9013061523438</t>
  </si>
  <si>
    <t>-0.031015715816000267</t>
  </si>
  <si>
    <t>12479</t>
  </si>
  <si>
    <t>26.162134170532227</t>
  </si>
  <si>
    <t>1050.7301025390625</t>
  </si>
  <si>
    <t>-0.004796555682684556</t>
  </si>
  <si>
    <t>24.99427604675293</t>
  </si>
  <si>
    <t>992.8863525390625</t>
  </si>
  <si>
    <t>-0.04549405570989151</t>
  </si>
  <si>
    <t>11234</t>
  </si>
  <si>
    <t>25.48764991760254</t>
  </si>
  <si>
    <t>716.2017822265625</t>
  </si>
  <si>
    <t>-0.059608281705584076</t>
  </si>
  <si>
    <t>10490</t>
  </si>
  <si>
    <t>25.251008987426758</t>
  </si>
  <si>
    <t>948.60400390625</t>
  </si>
  <si>
    <t>-0.0685224717020354</t>
  </si>
  <si>
    <t>26.053678512573242</t>
  </si>
  <si>
    <t>855.9625854492188</t>
  </si>
  <si>
    <t>-0.05224703790286078</t>
  </si>
  <si>
    <t>25.98284149169922</t>
  </si>
  <si>
    <t>751.4110107421875</t>
  </si>
  <si>
    <t>-0.0420531659216401</t>
  </si>
  <si>
    <t>25.759902954101562</t>
  </si>
  <si>
    <t>898.8675537109375</t>
  </si>
  <si>
    <t>0.037825681014677315</t>
  </si>
  <si>
    <t>25.295822143554688</t>
  </si>
  <si>
    <t>1028.412353515625</t>
  </si>
  <si>
    <t>0.036349631962199425</t>
  </si>
  <si>
    <t>25.52776336669922</t>
  </si>
  <si>
    <t>766.5647583007812</t>
  </si>
  <si>
    <t>0.018311999744742735</t>
  </si>
  <si>
    <t>25.97624969482422</t>
  </si>
  <si>
    <t>1009.7443237304688</t>
  </si>
  <si>
    <t>0.045551505175930984</t>
  </si>
  <si>
    <t>11544</t>
  </si>
  <si>
    <t>25.383569717407227</t>
  </si>
  <si>
    <t>842.7625732421875</t>
  </si>
  <si>
    <t>0.05200478499031469</t>
  </si>
  <si>
    <t>25.374807357788086</t>
  </si>
  <si>
    <t>796.2604370117188</t>
  </si>
  <si>
    <t>0.062375971413864306</t>
  </si>
  <si>
    <t>12138</t>
  </si>
  <si>
    <t>25.78204917907715</t>
  </si>
  <si>
    <t>893.9527587890625</t>
  </si>
  <si>
    <t>-0.012200765471771291</t>
  </si>
  <si>
    <t>25.21059226989746</t>
  </si>
  <si>
    <t>870.7113037109375</t>
  </si>
  <si>
    <t>0.094201100226595</t>
  </si>
  <si>
    <t>13751</t>
  </si>
  <si>
    <t>25.50786018371582</t>
  </si>
  <si>
    <t>1056.015625</t>
  </si>
  <si>
    <t>0.030569421100549832</t>
  </si>
  <si>
    <t>13492</t>
  </si>
  <si>
    <t>26.170503616333008</t>
  </si>
  <si>
    <t>841.687255859375</t>
  </si>
  <si>
    <t>-0.01901463154140437</t>
  </si>
  <si>
    <t>25.41276741027832</t>
  </si>
  <si>
    <t>965.146240234375</t>
  </si>
  <si>
    <t>0.06742033418602311</t>
  </si>
  <si>
    <t>26.228164672851562</t>
  </si>
  <si>
    <t>943.895263671875</t>
  </si>
  <si>
    <t>0.0390661408784414</t>
  </si>
  <si>
    <t>26.40803337097168</t>
  </si>
  <si>
    <t>1097.6787109375</t>
  </si>
  <si>
    <t>0.01632392590476428</t>
  </si>
  <si>
    <t>25.300458908081055</t>
  </si>
  <si>
    <t>927.0911254882812</t>
  </si>
  <si>
    <t>0.02989923427535146</t>
  </si>
  <si>
    <t>26.05223846435547</t>
  </si>
  <si>
    <t>968.7722778320312</t>
  </si>
  <si>
    <t>0.03513080813041114</t>
  </si>
  <si>
    <t>25.679908752441406</t>
  </si>
  <si>
    <t>917.7100830078125</t>
  </si>
  <si>
    <t>0.020007356542466326</t>
  </si>
  <si>
    <t>16357</t>
  </si>
  <si>
    <t>26.091093063354492</t>
  </si>
  <si>
    <t>826.8065795898438</t>
  </si>
  <si>
    <t>-0.015288776840472806</t>
  </si>
  <si>
    <t>16039</t>
  </si>
  <si>
    <t>26.257444381713867</t>
  </si>
  <si>
    <t>861.7076416015625</t>
  </si>
  <si>
    <t>-0.01963268392114692</t>
  </si>
  <si>
    <t>25.970556259155273</t>
  </si>
  <si>
    <t>693.0562133789062</t>
  </si>
  <si>
    <t>0.02791279211077402</t>
  </si>
  <si>
    <t>25.51949119567871</t>
  </si>
  <si>
    <t>655.1988525390625</t>
  </si>
  <si>
    <t>-0.009442365546338038</t>
  </si>
  <si>
    <t>21.312631607055664</t>
  </si>
  <si>
    <t>2352.7421875</t>
  </si>
  <si>
    <t>350.3036193847656</t>
  </si>
  <si>
    <t>Alto Paran</t>
  </si>
  <si>
    <t>22.05985450744629</t>
  </si>
  <si>
    <t>1699.984375</t>
  </si>
  <si>
    <t>0.008513795040981265</t>
  </si>
  <si>
    <t>21.40032958984375</t>
  </si>
  <si>
    <t>2239.526123046875</t>
  </si>
  <si>
    <t>-0.008269535147240603</t>
  </si>
  <si>
    <t>8682</t>
  </si>
  <si>
    <t>21.62544059753418</t>
  </si>
  <si>
    <t>1726.905517578125</t>
  </si>
  <si>
    <t>0.058460126589350736</t>
  </si>
  <si>
    <t>22.29599952697754</t>
  </si>
  <si>
    <t>2065.89208984375</t>
  </si>
  <si>
    <t>0.06131546813061206</t>
  </si>
  <si>
    <t>21.844919204711914</t>
  </si>
  <si>
    <t>1431.6827392578125</t>
  </si>
  <si>
    <t>0.07490465859920903</t>
  </si>
  <si>
    <t>21.37701988220215</t>
  </si>
  <si>
    <t>2001.411865234375</t>
  </si>
  <si>
    <t>0.023542184855189774</t>
  </si>
  <si>
    <t>22.26953125</t>
  </si>
  <si>
    <t>2164.423095703125</t>
  </si>
  <si>
    <t>0.0493229665824515</t>
  </si>
  <si>
    <t>21.307096481323242</t>
  </si>
  <si>
    <t>2431.74755859375</t>
  </si>
  <si>
    <t>0.008282584225177914</t>
  </si>
  <si>
    <t>21.615636825561523</t>
  </si>
  <si>
    <t>1634.9410400390625</t>
  </si>
  <si>
    <t>-0.005949078709308608</t>
  </si>
  <si>
    <t>21.4022216796875</t>
  </si>
  <si>
    <t>1962.832763671875</t>
  </si>
  <si>
    <t>-0.015124049492714065</t>
  </si>
  <si>
    <t>22.31365966796875</t>
  </si>
  <si>
    <t>1551.146240234375</t>
  </si>
  <si>
    <t>0.00104063204131144</t>
  </si>
  <si>
    <t>22.09258460998535</t>
  </si>
  <si>
    <t>2071.40673828125</t>
  </si>
  <si>
    <t>0.011376045214662511</t>
  </si>
  <si>
    <t>21.82971954345703</t>
  </si>
  <si>
    <t>1843.19189453125</t>
  </si>
  <si>
    <t>0.016687139787720184</t>
  </si>
  <si>
    <t>21.559907913208008</t>
  </si>
  <si>
    <t>1712.553466796875</t>
  </si>
  <si>
    <t>0.015055715750138532</t>
  </si>
  <si>
    <t>11010</t>
  </si>
  <si>
    <t>21.853544235229492</t>
  </si>
  <si>
    <t>1522.105712890625</t>
  </si>
  <si>
    <t>-0.002902233127263898</t>
  </si>
  <si>
    <t>11279</t>
  </si>
  <si>
    <t>22.19743537902832</t>
  </si>
  <si>
    <t>1846.707275390625</t>
  </si>
  <si>
    <t>0.02413863892319057</t>
  </si>
  <si>
    <t>21.533395767211914</t>
  </si>
  <si>
    <t>1844.0150146484375</t>
  </si>
  <si>
    <t>0.030559388653127684</t>
  </si>
  <si>
    <t>21.5072078704834</t>
  </si>
  <si>
    <t>1615.8931884765625</t>
  </si>
  <si>
    <t>0.04085983024784845</t>
  </si>
  <si>
    <t>11967</t>
  </si>
  <si>
    <t>21.8409366607666</t>
  </si>
  <si>
    <t>1991.249267578125</t>
  </si>
  <si>
    <t>-0.012208946967376733</t>
  </si>
  <si>
    <t>21.32705307006836</t>
  </si>
  <si>
    <t>1708.6846923828125</t>
  </si>
  <si>
    <t>0.09419284851340315</t>
  </si>
  <si>
    <t>21.54871940612793</t>
  </si>
  <si>
    <t>1658.478271484375</t>
  </si>
  <si>
    <t>0.030631068903991476</t>
  </si>
  <si>
    <t>13302</t>
  </si>
  <si>
    <t>22.33293914794922</t>
  </si>
  <si>
    <t>1596.0684814453125</t>
  </si>
  <si>
    <t>-0.019062379146543407</t>
  </si>
  <si>
    <t>14229</t>
  </si>
  <si>
    <t>21.574018478393555</t>
  </si>
  <si>
    <t>1786.7596435546875</t>
  </si>
  <si>
    <t>0.0673677357013247</t>
  </si>
  <si>
    <t>22.32383155822754</t>
  </si>
  <si>
    <t>2242.712646484375</t>
  </si>
  <si>
    <t>15040</t>
  </si>
  <si>
    <t>22.499723434448242</t>
  </si>
  <si>
    <t>2107.87841796875</t>
  </si>
  <si>
    <t>0.016356444551487215</t>
  </si>
  <si>
    <t>21.36391258239746</t>
  </si>
  <si>
    <t>1839.4957275390625</t>
  </si>
  <si>
    <t>0.02986860758300125</t>
  </si>
  <si>
    <t>16051</t>
  </si>
  <si>
    <t>22.313934326171875</t>
  </si>
  <si>
    <t>2249.56494140625</t>
  </si>
  <si>
    <t>0.03518922682638603</t>
  </si>
  <si>
    <t>16375</t>
  </si>
  <si>
    <t>21.954572677612305</t>
  </si>
  <si>
    <t>1749.3812255859375</t>
  </si>
  <si>
    <t>0.0199846285902332</t>
  </si>
  <si>
    <t>22.2342472076416</t>
  </si>
  <si>
    <t>1822.7957763671875</t>
  </si>
  <si>
    <t>-0.015260895522935414</t>
  </si>
  <si>
    <t>15813</t>
  </si>
  <si>
    <t>22.235750198364258</t>
  </si>
  <si>
    <t>1434.2720947265625</t>
  </si>
  <si>
    <t>-0.019662499457199445</t>
  </si>
  <si>
    <t>22.07164192199707</t>
  </si>
  <si>
    <t>1207.7808837890625</t>
  </si>
  <si>
    <t>0.027875717578485393</t>
  </si>
  <si>
    <t>21.626306533813477</t>
  </si>
  <si>
    <t>1880.1375732421875</t>
  </si>
  <si>
    <t>-0.009392061130457208</t>
  </si>
  <si>
    <t>8038</t>
  </si>
  <si>
    <t>22.681612014770508</t>
  </si>
  <si>
    <t>1689.666015625</t>
  </si>
  <si>
    <t>54.78857421875</t>
  </si>
  <si>
    <t>Amambay</t>
  </si>
  <si>
    <t>8107</t>
  </si>
  <si>
    <t>23.007204055786133</t>
  </si>
  <si>
    <t>1554.39794921875</t>
  </si>
  <si>
    <t>0.008547589978562087</t>
  </si>
  <si>
    <t>22.293088912963867</t>
  </si>
  <si>
    <t>2026.6129150390625</t>
  </si>
  <si>
    <t>-0.008298802814696415</t>
  </si>
  <si>
    <t>22.76433753967285</t>
  </si>
  <si>
    <t>1358.4482421875</t>
  </si>
  <si>
    <t>0.03182643161167853</t>
  </si>
  <si>
    <t>23.50281524658203</t>
  </si>
  <si>
    <t>1624.9859619140625</t>
  </si>
  <si>
    <t>0.03597169660292998</t>
  </si>
  <si>
    <t>23.07457733154297</t>
  </si>
  <si>
    <t>1458.1644287109375</t>
  </si>
  <si>
    <t>0.050537546306351544</t>
  </si>
  <si>
    <t>22.522802352905273</t>
  </si>
  <si>
    <t>1706.6700439453125</t>
  </si>
  <si>
    <t>23.31879425048828</t>
  </si>
  <si>
    <t>1885.732666015625</t>
  </si>
  <si>
    <t>0.02671186346157306</t>
  </si>
  <si>
    <t>22.65178680419922</t>
  </si>
  <si>
    <t>1865.344970703125</t>
  </si>
  <si>
    <t>-0.013430289596600531</t>
  </si>
  <si>
    <t>23.002166748046875</t>
  </si>
  <si>
    <t>1166.2677001953125</t>
  </si>
  <si>
    <t>-0.026965939379582693</t>
  </si>
  <si>
    <t>22.793485641479492</t>
  </si>
  <si>
    <t>1733.913330078125</t>
  </si>
  <si>
    <t>-0.03534339593959501</t>
  </si>
  <si>
    <t>23.514829635620117</t>
  </si>
  <si>
    <t>1533.0986328125</t>
  </si>
  <si>
    <t>-0.01850603293575226</t>
  </si>
  <si>
    <t>8395</t>
  </si>
  <si>
    <t>23.869712829589844</t>
  </si>
  <si>
    <t>1467.894775390625</t>
  </si>
  <si>
    <t>-0.007594672792372137</t>
  </si>
  <si>
    <t>23.17661476135254</t>
  </si>
  <si>
    <t>1606.4525146484375</t>
  </si>
  <si>
    <t>0.045637065984200476</t>
  </si>
  <si>
    <t>22.899757385253906</t>
  </si>
  <si>
    <t>1811.3375244140625</t>
  </si>
  <si>
    <t>0.043753848118694094</t>
  </si>
  <si>
    <t>23.175661087036133</t>
  </si>
  <si>
    <t>1368.71484375</t>
  </si>
  <si>
    <t>23.29185676574707</t>
  </si>
  <si>
    <t>1798.0452880859375</t>
  </si>
  <si>
    <t>0.052736296080942324</t>
  </si>
  <si>
    <t>10531</t>
  </si>
  <si>
    <t>23.188459396362305</t>
  </si>
  <si>
    <t>1509.364990234375</t>
  </si>
  <si>
    <t>0.05896424049615412</t>
  </si>
  <si>
    <t>11286</t>
  </si>
  <si>
    <t>23.0140438079834</t>
  </si>
  <si>
    <t>1514.0213623046875</t>
  </si>
  <si>
    <t>0.06923973114848891</t>
  </si>
  <si>
    <t>23.314292907714844</t>
  </si>
  <si>
    <t>1789.83056640625</t>
  </si>
  <si>
    <t>-0.012213211761514131</t>
  </si>
  <si>
    <t>12250</t>
  </si>
  <si>
    <t>22.965232849121094</t>
  </si>
  <si>
    <t>1636.5855712890625</t>
  </si>
  <si>
    <t>0.0941761292053016</t>
  </si>
  <si>
    <t>12631</t>
  </si>
  <si>
    <t>23.11268424987793</t>
  </si>
  <si>
    <t>1589.899658203125</t>
  </si>
  <si>
    <t>0.030628172801101528</t>
  </si>
  <si>
    <t>1565.197998046875</t>
  </si>
  <si>
    <t>-0.01902231270910093</t>
  </si>
  <si>
    <t>23.047304153442383</t>
  </si>
  <si>
    <t>1808.6126708984375</t>
  </si>
  <si>
    <t>0.06731848304152521</t>
  </si>
  <si>
    <t>13785</t>
  </si>
  <si>
    <t>23.80884552001953</t>
  </si>
  <si>
    <t>1789.20654296875</t>
  </si>
  <si>
    <t>0.03913076435149776</t>
  </si>
  <si>
    <t>23.940900802612305</t>
  </si>
  <si>
    <t>2277.511962890625</t>
  </si>
  <si>
    <t>0.016333060859480497</t>
  </si>
  <si>
    <t>14437</t>
  </si>
  <si>
    <t>22.916906356811523</t>
  </si>
  <si>
    <t>1753.9072265625</t>
  </si>
  <si>
    <t>0.029880250312437795</t>
  </si>
  <si>
    <t>14953</t>
  </si>
  <si>
    <t>23.75665855407715</t>
  </si>
  <si>
    <t>1777.3670654296875</t>
  </si>
  <si>
    <t>0.03511759295402861</t>
  </si>
  <si>
    <t>23.54633331298828</t>
  </si>
  <si>
    <t>1693.017333984375</t>
  </si>
  <si>
    <t>0.019995369566926158</t>
  </si>
  <si>
    <t>15024</t>
  </si>
  <si>
    <t>23.893714904785156</t>
  </si>
  <si>
    <t>1697.139892578125</t>
  </si>
  <si>
    <t>-0.015258395702725025</t>
  </si>
  <si>
    <t>14732</t>
  </si>
  <si>
    <t>23.814727783203125</t>
  </si>
  <si>
    <t>1500.107666015625</t>
  </si>
  <si>
    <t>-0.019626923883087954</t>
  </si>
  <si>
    <t>15149</t>
  </si>
  <si>
    <t>23.578018188476562</t>
  </si>
  <si>
    <t>1085.71484375</t>
  </si>
  <si>
    <t>0.027912524593366683</t>
  </si>
  <si>
    <t>15007</t>
  </si>
  <si>
    <t>22.9778995513916</t>
  </si>
  <si>
    <t>1596.3681640625</t>
  </si>
  <si>
    <t>-0.009417764262334316</t>
  </si>
  <si>
    <t>14426</t>
  </si>
  <si>
    <t>24.31712532043457</t>
  </si>
  <si>
    <t>640.6519165039062</t>
  </si>
  <si>
    <t>13.91897964477539</t>
  </si>
  <si>
    <t>Boquern</t>
  </si>
  <si>
    <t>14551</t>
  </si>
  <si>
    <t>24.866796493530273</t>
  </si>
  <si>
    <t>702.6912841796875</t>
  </si>
  <si>
    <t>0.008627585696659779</t>
  </si>
  <si>
    <t>24.2374324798584</t>
  </si>
  <si>
    <t>658.8377685546875</t>
  </si>
  <si>
    <t>-0.00828104932420004</t>
  </si>
  <si>
    <t>24.62230110168457</t>
  </si>
  <si>
    <t>493.2833251953125</t>
  </si>
  <si>
    <t>-0.07181320252700374</t>
  </si>
  <si>
    <t>12426</t>
  </si>
  <si>
    <t>25.4063663482666</t>
  </si>
  <si>
    <t>595.3627319335938</t>
  </si>
  <si>
    <t>-0.07777441628543436</t>
  </si>
  <si>
    <t>24.800460815429688</t>
  </si>
  <si>
    <t>578.553466796875</t>
  </si>
  <si>
    <t>-0.07561959458558576</t>
  </si>
  <si>
    <t>24.300188064575195</t>
  </si>
  <si>
    <t>698.4849853515625</t>
  </si>
  <si>
    <t>-0.1418864090708727</t>
  </si>
  <si>
    <t>25.371337890625</t>
  </si>
  <si>
    <t>619.0140380859375</t>
  </si>
  <si>
    <t>-0.13609257989655354</t>
  </si>
  <si>
    <t>24.07379722595215</t>
  </si>
  <si>
    <t>662.9115600585938</t>
  </si>
  <si>
    <t>-0.2046902242733406</t>
  </si>
  <si>
    <t>24.386117935180664</t>
  </si>
  <si>
    <t>555.9841918945312</t>
  </si>
  <si>
    <t>-0.2596674821150824</t>
  </si>
  <si>
    <t>24.348928451538086</t>
  </si>
  <si>
    <t>635.3216552734375</t>
  </si>
  <si>
    <t>-0.33370437120784935</t>
  </si>
  <si>
    <t>25.1160888671875</t>
  </si>
  <si>
    <t>551.4581298828125</t>
  </si>
  <si>
    <t>-0.43793675344907257</t>
  </si>
  <si>
    <t>25.054489135742188</t>
  </si>
  <si>
    <t>592.8080444335938</t>
  </si>
  <si>
    <t>-0.7272527930464561</t>
  </si>
  <si>
    <t>25.03895378112793</t>
  </si>
  <si>
    <t>622.9371948242188</t>
  </si>
  <si>
    <t>0.8369824483227406</t>
  </si>
  <si>
    <t>4520</t>
  </si>
  <si>
    <t>24.603708267211914</t>
  </si>
  <si>
    <t>620.8428955078125</t>
  </si>
  <si>
    <t>0.468588701524709</t>
  </si>
  <si>
    <t>6191</t>
  </si>
  <si>
    <t>24.734113693237305</t>
  </si>
  <si>
    <t>560.4768676757812</t>
  </si>
  <si>
    <t>0.3145846306929556</t>
  </si>
  <si>
    <t>25.31302833557129</t>
  </si>
  <si>
    <t>691.3875732421875</t>
  </si>
  <si>
    <t>0.27024782231173283</t>
  </si>
  <si>
    <t>24.4739933013916</t>
  </si>
  <si>
    <t>554.491943359375</t>
  </si>
  <si>
    <t>0.232566471448715</t>
  </si>
  <si>
    <t>12663</t>
  </si>
  <si>
    <t>24.607284545898438</t>
  </si>
  <si>
    <t>547.5423583984375</t>
  </si>
  <si>
    <t>0.21277343717092911</t>
  </si>
  <si>
    <t>25.117958068847656</t>
  </si>
  <si>
    <t>552.45947265625</t>
  </si>
  <si>
    <t>-0.012156030989652677</t>
  </si>
  <si>
    <t>24.386077880859375</t>
  </si>
  <si>
    <t>559.4865112304688</t>
  </si>
  <si>
    <t>0.0942195482205932</t>
  </si>
  <si>
    <t>14173</t>
  </si>
  <si>
    <t>24.680395126342773</t>
  </si>
  <si>
    <t>666.1401977539062</t>
  </si>
  <si>
    <t>0.030590873485355274</t>
  </si>
  <si>
    <t>13905</t>
  </si>
  <si>
    <t>25.420549392700195</t>
  </si>
  <si>
    <t>581.1035766601562</t>
  </si>
  <si>
    <t>-0.019090258498840385</t>
  </si>
  <si>
    <t>24.74945831298828</t>
  </si>
  <si>
    <t>598.6973266601562</t>
  </si>
  <si>
    <t>0.06743346374576653</t>
  </si>
  <si>
    <t>25.417795181274414</t>
  </si>
  <si>
    <t>659.1705932617188</t>
  </si>
  <si>
    <t>0.039091422313356716</t>
  </si>
  <si>
    <t>25.5994873046875</t>
  </si>
  <si>
    <t>693.3564453125</t>
  </si>
  <si>
    <t>0.016351234743087417</t>
  </si>
  <si>
    <t>16199</t>
  </si>
  <si>
    <t>24.46904754638672</t>
  </si>
  <si>
    <t>616.265380859375</t>
  </si>
  <si>
    <t>0.029824903449862106</t>
  </si>
  <si>
    <t>25.20755958557129</t>
  </si>
  <si>
    <t>627.7601318359375</t>
  </si>
  <si>
    <t>0.0351785925695598</t>
  </si>
  <si>
    <t>24.819936752319336</t>
  </si>
  <si>
    <t>640.8232421875</t>
  </si>
  <si>
    <t>0.02000243695185766</t>
  </si>
  <si>
    <t>16859</t>
  </si>
  <si>
    <t>25.063125610351562</t>
  </si>
  <si>
    <t>642.5716552734375</t>
  </si>
  <si>
    <t>-0.015245902625753871</t>
  </si>
  <si>
    <t>25.460769653320312</t>
  </si>
  <si>
    <t>532.1290893554688</t>
  </si>
  <si>
    <t>-0.019647232762789457</t>
  </si>
  <si>
    <t>25.096235275268555</t>
  </si>
  <si>
    <t>520.8075561523438</t>
  </si>
  <si>
    <t>0.027858284005560563</t>
  </si>
  <si>
    <t>24.783205032348633</t>
  </si>
  <si>
    <t>423.0188903808594</t>
  </si>
  <si>
    <t>-0.009398065448262827</t>
  </si>
  <si>
    <t>2171</t>
  </si>
  <si>
    <t>21.567426681518555</t>
  </si>
  <si>
    <t>2145.29052734375</t>
  </si>
  <si>
    <t>111.62579345703125</t>
  </si>
  <si>
    <t>Caaguaz</t>
  </si>
  <si>
    <t>5501</t>
  </si>
  <si>
    <t>22.081193923950195</t>
  </si>
  <si>
    <t>1674.98583984375</t>
  </si>
  <si>
    <t>0.008580609469925449</t>
  </si>
  <si>
    <t>5455</t>
  </si>
  <si>
    <t>21.36992073059082</t>
  </si>
  <si>
    <t>2247.520263671875</t>
  </si>
  <si>
    <t>-0.008397274608286764</t>
  </si>
  <si>
    <t>21.603965759277344</t>
  </si>
  <si>
    <t>1571.1585693359375</t>
  </si>
  <si>
    <t>0.0324645282067042</t>
  </si>
  <si>
    <t>22.449743270874023</t>
  </si>
  <si>
    <t>1927.6182861328125</t>
  </si>
  <si>
    <t>0.036418346396713375</t>
  </si>
  <si>
    <t>21.790252685546875</t>
  </si>
  <si>
    <t>1377.3797607421875</t>
  </si>
  <si>
    <t>0.05087397308287933</t>
  </si>
  <si>
    <t>6153</t>
  </si>
  <si>
    <t>21.352827072143555</t>
  </si>
  <si>
    <t>2006.848388671875</t>
  </si>
  <si>
    <t>0.0006503007870222177</t>
  </si>
  <si>
    <t>22.425092697143555</t>
  </si>
  <si>
    <t>2027.8114013671875</t>
  </si>
  <si>
    <t>0.027095846035072313</t>
  </si>
  <si>
    <t>6240</t>
  </si>
  <si>
    <t>21.32115364074707</t>
  </si>
  <si>
    <t>2409.764404296875</t>
  </si>
  <si>
    <t>-0.013055431412089646</t>
  </si>
  <si>
    <t>6077</t>
  </si>
  <si>
    <t>21.81916046142578</t>
  </si>
  <si>
    <t>1535.3087158203125</t>
  </si>
  <si>
    <t>-0.026469029228119112</t>
  </si>
  <si>
    <t>21.481733322143555</t>
  </si>
  <si>
    <t>1833.295654296875</t>
  </si>
  <si>
    <t>-0.0348268915770209</t>
  </si>
  <si>
    <t>22.303983688354492</t>
  </si>
  <si>
    <t>1597.638671875</t>
  </si>
  <si>
    <t>-0.018052583438921133</t>
  </si>
  <si>
    <t>22.08753776550293</t>
  </si>
  <si>
    <t>2006.0570068359375</t>
  </si>
  <si>
    <t>-0.007138534710311006</t>
  </si>
  <si>
    <t>21.8553409576416</t>
  </si>
  <si>
    <t>1718.435546875</t>
  </si>
  <si>
    <t>0.02774365931222711</t>
  </si>
  <si>
    <t>21.433578491210938</t>
  </si>
  <si>
    <t>1714.1683349609375</t>
  </si>
  <si>
    <t>0.02633275841741245</t>
  </si>
  <si>
    <t>21.774965286254883</t>
  </si>
  <si>
    <t>1448.3323974609375</t>
  </si>
  <si>
    <t>0.008406873876310783</t>
  </si>
  <si>
    <t>22.178552627563477</t>
  </si>
  <si>
    <t>1809.640869140625</t>
  </si>
  <si>
    <t>0.035634564352573506</t>
  </si>
  <si>
    <t>21.558725357055664</t>
  </si>
  <si>
    <t>1700.6290283203125</t>
  </si>
  <si>
    <t>0.04218333580975653</t>
  </si>
  <si>
    <t>21.64457130432129</t>
  </si>
  <si>
    <t>1494.7509765625</t>
  </si>
  <si>
    <t>0.052795582244350214</t>
  </si>
  <si>
    <t>6857</t>
  </si>
  <si>
    <t>22.00965690612793</t>
  </si>
  <si>
    <t>1867.023681640625</t>
  </si>
  <si>
    <t>-0.012319889137367923</t>
  </si>
  <si>
    <t>7535</t>
  </si>
  <si>
    <t>21.445945739746094</t>
  </si>
  <si>
    <t>1682.769287109375</t>
  </si>
  <si>
    <t>0.09428880377623194</t>
  </si>
  <si>
    <t>7769</t>
  </si>
  <si>
    <t>21.78264808654785</t>
  </si>
  <si>
    <t>1555.262939453125</t>
  </si>
  <si>
    <t>0.030582623889824134</t>
  </si>
  <si>
    <t>22.458723068237305</t>
  </si>
  <si>
    <t>1537.2017822265625</t>
  </si>
  <si>
    <t>-0.01910265351661522</t>
  </si>
  <si>
    <t>21.714401245117188</t>
  </si>
  <si>
    <t>1721.3570556640625</t>
  </si>
  <si>
    <t>0.06746980194539276</t>
  </si>
  <si>
    <t>22.48329734802246</t>
  </si>
  <si>
    <t>2179.624267578125</t>
  </si>
  <si>
    <t>0.03908391392480581</t>
  </si>
  <si>
    <t>22.67317771911621</t>
  </si>
  <si>
    <t>2244.4677734375</t>
  </si>
  <si>
    <t>0.016376550343395024</t>
  </si>
  <si>
    <t>21.47453498840332</t>
  </si>
  <si>
    <t>1760.634765625</t>
  </si>
  <si>
    <t>0.029832488338817242</t>
  </si>
  <si>
    <t>22.372955322265625</t>
  </si>
  <si>
    <t>2081.405029296875</t>
  </si>
  <si>
    <t>0.03507578691648128</t>
  </si>
  <si>
    <t>21.99458885192871</t>
  </si>
  <si>
    <t>1731.1920166015625</t>
  </si>
  <si>
    <t>0.02002219738735178</t>
  </si>
  <si>
    <t>22.420740127563477</t>
  </si>
  <si>
    <t>1743.150634765625</t>
  </si>
  <si>
    <t>-0.015249436402008598</t>
  </si>
  <si>
    <t>9061</t>
  </si>
  <si>
    <t>22.393022537231445</t>
  </si>
  <si>
    <t>1371.6268310546875</t>
  </si>
  <si>
    <t>-0.01967061566598005</t>
  </si>
  <si>
    <t>9318</t>
  </si>
  <si>
    <t>22.24615478515625</t>
  </si>
  <si>
    <t>1154.8499755859375</t>
  </si>
  <si>
    <t>0.027968524154681873</t>
  </si>
  <si>
    <t>21.758520126342773</t>
  </si>
  <si>
    <t>1743.5888671875</t>
  </si>
  <si>
    <t>-0.00948896487984463</t>
  </si>
  <si>
    <t>21.23387336730957</t>
  </si>
  <si>
    <t>2247.64404296875</t>
  </si>
  <si>
    <t>39.749595642089844</t>
  </si>
  <si>
    <t>Caazap</t>
  </si>
  <si>
    <t>21.921348571777344</t>
  </si>
  <si>
    <t>1480.1793212890625</t>
  </si>
  <si>
    <t>0.008669046785131584</t>
  </si>
  <si>
    <t>21.24570655822754</t>
  </si>
  <si>
    <t>2233.317626953125</t>
  </si>
  <si>
    <t>-0.008244418328645864</t>
  </si>
  <si>
    <t>21.50823211669922</t>
  </si>
  <si>
    <t>1623.0123291015625</t>
  </si>
  <si>
    <t>0.08967886962818383</t>
  </si>
  <si>
    <t>22.1821231842041</t>
  </si>
  <si>
    <t>2058.68994140625</t>
  </si>
  <si>
    <t>0.08977293975335066</t>
  </si>
  <si>
    <t>6235</t>
  </si>
  <si>
    <t>21.650306701660156</t>
  </si>
  <si>
    <t>1362.4412841796875</t>
  </si>
  <si>
    <t>0.10082657003256124</t>
  </si>
  <si>
    <t>21.274202346801758</t>
  </si>
  <si>
    <t>1953.2403564453125</t>
  </si>
  <si>
    <t>0.04729976549859316</t>
  </si>
  <si>
    <t>22.122041702270508</t>
  </si>
  <si>
    <t>1813.4197998046875</t>
  </si>
  <si>
    <t>0.07099993253043024</t>
  </si>
  <si>
    <t>21.084518432617188</t>
  </si>
  <si>
    <t>2248.499755859375</t>
  </si>
  <si>
    <t>0.028376675743713164</t>
  </si>
  <si>
    <t>21.475770950317383</t>
  </si>
  <si>
    <t>1472.551513671875</t>
  </si>
  <si>
    <t>0.012661881247113982</t>
  </si>
  <si>
    <t>7328</t>
  </si>
  <si>
    <t>21.216100692749023</t>
  </si>
  <si>
    <t>1850.6260986328125</t>
  </si>
  <si>
    <t>0.0021857932199793595</t>
  </si>
  <si>
    <t>22.21919059753418</t>
  </si>
  <si>
    <t>1553.5294189453125</t>
  </si>
  <si>
    <t>0.0170481736852377</t>
  </si>
  <si>
    <t>7653</t>
  </si>
  <si>
    <t>21.99814796447754</t>
  </si>
  <si>
    <t>2143.89501953125</t>
  </si>
  <si>
    <t>0.02634692677071726</t>
  </si>
  <si>
    <t>21.741792678833008</t>
  </si>
  <si>
    <t>1698.7864990234375</t>
  </si>
  <si>
    <t>0.029357071543728352</t>
  </si>
  <si>
    <t>21.547454833984375</t>
  </si>
  <si>
    <t>1552.4432373046875</t>
  </si>
  <si>
    <t>0.02790296757486921</t>
  </si>
  <si>
    <t>21.76214027404785</t>
  </si>
  <si>
    <t>1505.822265625</t>
  </si>
  <si>
    <t>0.010067611123830034</t>
  </si>
  <si>
    <t>22.172685623168945</t>
  </si>
  <si>
    <t>1787.0736083984375</t>
  </si>
  <si>
    <t>0.037287781951192756</t>
  </si>
  <si>
    <t>21.5095157623291</t>
  </si>
  <si>
    <t>1700.45947265625</t>
  </si>
  <si>
    <t>0.04386314639043931</t>
  </si>
  <si>
    <t>21.535856246948242</t>
  </si>
  <si>
    <t>1423.1185302734375</t>
  </si>
  <si>
    <t>0.054256909352504934</t>
  </si>
  <si>
    <t>21.781892776489258</t>
  </si>
  <si>
    <t>1881.1854248046875</t>
  </si>
  <si>
    <t>-0.012129167106261107</t>
  </si>
  <si>
    <t>10174</t>
  </si>
  <si>
    <t>21.34174346923828</t>
  </si>
  <si>
    <t>1702.023193359375</t>
  </si>
  <si>
    <t>0.09413139774248513</t>
  </si>
  <si>
    <t>21.522916793823242</t>
  </si>
  <si>
    <t>1573.4779052734375</t>
  </si>
  <si>
    <t>0.030682300348775726</t>
  </si>
  <si>
    <t>22.331893920898438</t>
  </si>
  <si>
    <t>1517.12353515625</t>
  </si>
  <si>
    <t>-0.019053694204925975</t>
  </si>
  <si>
    <t>21.53037452697754</t>
  </si>
  <si>
    <t>1706.2940673828125</t>
  </si>
  <si>
    <t>0.06733989819016628</t>
  </si>
  <si>
    <t>22.319185256958008</t>
  </si>
  <si>
    <t>2370.761962890625</t>
  </si>
  <si>
    <t>0.03909843920708589</t>
  </si>
  <si>
    <t>11638</t>
  </si>
  <si>
    <t>22.4772891998291</t>
  </si>
  <si>
    <t>2132.6376953125</t>
  </si>
  <si>
    <t>0.01637321629280386</t>
  </si>
  <si>
    <t>21.32443618774414</t>
  </si>
  <si>
    <t>1848.697998046875</t>
  </si>
  <si>
    <t>0.029797362804943717</t>
  </si>
  <si>
    <t>22.32134437561035</t>
  </si>
  <si>
    <t>2340.750732421875</t>
  </si>
  <si>
    <t>0.035235107465910076</t>
  </si>
  <si>
    <t>21.91936683654785</t>
  </si>
  <si>
    <t>1571.6043701171875</t>
  </si>
  <si>
    <t>0.01992891782771622</t>
  </si>
  <si>
    <t>22.181432723999023</t>
  </si>
  <si>
    <t>1765.482177734375</t>
  </si>
  <si>
    <t>-0.01518976280733142</t>
  </si>
  <si>
    <t>22.245704650878906</t>
  </si>
  <si>
    <t>1235.9874267578125</t>
  </si>
  <si>
    <t>-0.019664805237059824</t>
  </si>
  <si>
    <t>22.011266708374023</t>
  </si>
  <si>
    <t>1109.4891357421875</t>
  </si>
  <si>
    <t>0.027884794859181383</t>
  </si>
  <si>
    <t>21.595474243164062</t>
  </si>
  <si>
    <t>1536.55615234375</t>
  </si>
  <si>
    <t>-0.009422732019446656</t>
  </si>
  <si>
    <t>21.9512939453125</t>
  </si>
  <si>
    <t>1876.8582763671875</t>
  </si>
  <si>
    <t>57.66612243652344</t>
  </si>
  <si>
    <t>Canindey</t>
  </si>
  <si>
    <t>22.555761337280273</t>
  </si>
  <si>
    <t>1613.408935546875</t>
  </si>
  <si>
    <t>0.008524508693943389</t>
  </si>
  <si>
    <t>21.914411544799805</t>
  </si>
  <si>
    <t>2168.6240234375</t>
  </si>
  <si>
    <t>-0.008320697422474765</t>
  </si>
  <si>
    <t>22.12311553955078</t>
  </si>
  <si>
    <t>1552.5850830078125</t>
  </si>
  <si>
    <t>0.17372551532415592</t>
  </si>
  <si>
    <t>22.875154495239258</t>
  </si>
  <si>
    <t>1734.15087890625</t>
  </si>
  <si>
    <t>0.15810701878518785</t>
  </si>
  <si>
    <t>22.49248695373535</t>
  </si>
  <si>
    <t>1405.455322265625</t>
  </si>
  <si>
    <t>0.15782086787338656</t>
  </si>
  <si>
    <t>21.935508728027344</t>
  </si>
  <si>
    <t>1882.633544921875</t>
  </si>
  <si>
    <t>0.09545776703716236</t>
  </si>
  <si>
    <t>22.771154403686523</t>
  </si>
  <si>
    <t>2070.62060546875</t>
  </si>
  <si>
    <t>0.11261081746524582</t>
  </si>
  <si>
    <t>22.05536460876465</t>
  </si>
  <si>
    <t>2198.1015625</t>
  </si>
  <si>
    <t>0.06441806556175855</t>
  </si>
  <si>
    <t>22.33142852783203</t>
  </si>
  <si>
    <t>1351.883056640625</t>
  </si>
  <si>
    <t>0.044273946932099406</t>
  </si>
  <si>
    <t>22.1893310546875</t>
  </si>
  <si>
    <t>1855.0035400390625</t>
  </si>
  <si>
    <t>0.0301125001318141</t>
  </si>
  <si>
    <t>22.99980926513672</t>
  </si>
  <si>
    <t>1524.439697265625</t>
  </si>
  <si>
    <t>0.04209601266646601</t>
  </si>
  <si>
    <t>23.02954864501953</t>
  </si>
  <si>
    <t>1718.70947265625</t>
  </si>
  <si>
    <t>0.04873373235315981</t>
  </si>
  <si>
    <t>12669</t>
  </si>
  <si>
    <t>22.544145584106445</t>
  </si>
  <si>
    <t>1709.671630859375</t>
  </si>
  <si>
    <t>0.021139063381713896</t>
  </si>
  <si>
    <t>22.223403930664062</t>
  </si>
  <si>
    <t>1759.2158203125</t>
  </si>
  <si>
    <t>0.01946362299036508</t>
  </si>
  <si>
    <t>12939</t>
  </si>
  <si>
    <t>22.621007919311523</t>
  </si>
  <si>
    <t>1363.14892578125</t>
  </si>
  <si>
    <t>0.0016243187235343015</t>
  </si>
  <si>
    <t>13317</t>
  </si>
  <si>
    <t>22.780736923217773</t>
  </si>
  <si>
    <t>1740.6741943359375</t>
  </si>
  <si>
    <t>0.028795408186191196</t>
  </si>
  <si>
    <t>22.444395065307617</t>
  </si>
  <si>
    <t>1548.477294921875</t>
  </si>
  <si>
    <t>0.035337280554587736</t>
  </si>
  <si>
    <t>22.204187393188477</t>
  </si>
  <si>
    <t>1543.822021484375</t>
  </si>
  <si>
    <t>0.04562343839008598</t>
  </si>
  <si>
    <t>14265</t>
  </si>
  <si>
    <t>22.640485763549805</t>
  </si>
  <si>
    <t>1984.97705078125</t>
  </si>
  <si>
    <t>-0.012193148799218179</t>
  </si>
  <si>
    <t>15674</t>
  </si>
  <si>
    <t>22.178956985473633</t>
  </si>
  <si>
    <t>1636.8475341796875</t>
  </si>
  <si>
    <t>0.09419430396521022</t>
  </si>
  <si>
    <t>16161</t>
  </si>
  <si>
    <t>22.303396224975586</t>
  </si>
  <si>
    <t>1537.4051513671875</t>
  </si>
  <si>
    <t>0.030597643735832847</t>
  </si>
  <si>
    <t>23.0244083404541</t>
  </si>
  <si>
    <t>1569.849853515625</t>
  </si>
  <si>
    <t>-0.018989889159074735</t>
  </si>
  <si>
    <t>22.311784744262695</t>
  </si>
  <si>
    <t>1810.6573486328125</t>
  </si>
  <si>
    <t>0.06736450473207789</t>
  </si>
  <si>
    <t>23.082700729370117</t>
  </si>
  <si>
    <t>1974.3536376953125</t>
  </si>
  <si>
    <t>0.03908011752647944</t>
  </si>
  <si>
    <t>17929</t>
  </si>
  <si>
    <t>23.193517684936523</t>
  </si>
  <si>
    <t>2338.254150390625</t>
  </si>
  <si>
    <t>0.01636384814730185</t>
  </si>
  <si>
    <t>18472</t>
  </si>
  <si>
    <t>22.216989517211914</t>
  </si>
  <si>
    <t>1792.54833984375</t>
  </si>
  <si>
    <t>0.029836558438903538</t>
  </si>
  <si>
    <t>22.949357986450195</t>
  </si>
  <si>
    <t>2063.93310546875</t>
  </si>
  <si>
    <t>0.03515852085067195</t>
  </si>
  <si>
    <t>19519</t>
  </si>
  <si>
    <t>22.760591506958008</t>
  </si>
  <si>
    <t>1598.375244140625</t>
  </si>
  <si>
    <t>0.019973757261608327</t>
  </si>
  <si>
    <t>19224</t>
  </si>
  <si>
    <t>23.184762954711914</t>
  </si>
  <si>
    <t>1654.2086181640625</t>
  </si>
  <si>
    <t>-0.015228851730306303</t>
  </si>
  <si>
    <t>18850</t>
  </si>
  <si>
    <t>23.09386444091797</t>
  </si>
  <si>
    <t>1475.9207763671875</t>
  </si>
  <si>
    <t>-0.01964658454014767</t>
  </si>
  <si>
    <t>22.899301528930664</t>
  </si>
  <si>
    <t>1115.388671875</t>
  </si>
  <si>
    <t>0.027883479350117923</t>
  </si>
  <si>
    <t>19201</t>
  </si>
  <si>
    <t>22.3699951171875</t>
  </si>
  <si>
    <t>1788.153564453125</t>
  </si>
  <si>
    <t>-0.009434032233357925</t>
  </si>
  <si>
    <t>23.519912719726562</t>
  </si>
  <si>
    <t>1589.7078857421875</t>
  </si>
  <si>
    <t>65.48301696777344</t>
  </si>
  <si>
    <t>Concepcin</t>
  </si>
  <si>
    <t>6558</t>
  </si>
  <si>
    <t>23.98890495300293</t>
  </si>
  <si>
    <t>1393.7337646484375</t>
  </si>
  <si>
    <t>0.008575856540742777</t>
  </si>
  <si>
    <t>23.284536361694336</t>
  </si>
  <si>
    <t>1880.6151123046875</t>
  </si>
  <si>
    <t>-0.00826830617694796</t>
  </si>
  <si>
    <t>23.538068771362305</t>
  </si>
  <si>
    <t>1216.52783203125</t>
  </si>
  <si>
    <t>0.021597797686892406</t>
  </si>
  <si>
    <t>24.365272521972656</t>
  </si>
  <si>
    <t>1499.24609375</t>
  </si>
  <si>
    <t>0.025844301922969493</t>
  </si>
  <si>
    <t>23.726913452148438</t>
  </si>
  <si>
    <t>1342.440673828125</t>
  </si>
  <si>
    <t>0.0405169626655244</t>
  </si>
  <si>
    <t>23.279783248901367</t>
  </si>
  <si>
    <t>1578.4990234375</t>
  </si>
  <si>
    <t>-0.010047491303870615</t>
  </si>
  <si>
    <t>24.38237190246582</t>
  </si>
  <si>
    <t>1669.7144775390625</t>
  </si>
  <si>
    <t>0.01678341348889134</t>
  </si>
  <si>
    <t>23.238595962524414</t>
  </si>
  <si>
    <t>1628.7471923828125</t>
  </si>
  <si>
    <t>-0.023347363996991888</t>
  </si>
  <si>
    <t>23.7593994140625</t>
  </si>
  <si>
    <t>1040.1322021484375</t>
  </si>
  <si>
    <t>-0.036744183145779985</t>
  </si>
  <si>
    <t>23.416664123535156</t>
  </si>
  <si>
    <t>1494.8851318359375</t>
  </si>
  <si>
    <t>-0.04511358043300717</t>
  </si>
  <si>
    <t>6256</t>
  </si>
  <si>
    <t>24.279144287109375</t>
  </si>
  <si>
    <t>1350.806884765625</t>
  </si>
  <si>
    <t>-0.028366225887127783</t>
  </si>
  <si>
    <t>24.084135055541992</t>
  </si>
  <si>
    <t>1472.22314453125</t>
  </si>
  <si>
    <t>-0.017251536271677637</t>
  </si>
  <si>
    <t>23.90892791748047</t>
  </si>
  <si>
    <t>1434.179443359375</t>
  </si>
  <si>
    <t>0.04825567198237124</t>
  </si>
  <si>
    <t>23.3653507232666</t>
  </si>
  <si>
    <t>1697.86865234375</t>
  </si>
  <si>
    <t>0.0463298111645134</t>
  </si>
  <si>
    <t>23.683504104614258</t>
  </si>
  <si>
    <t>1245.116455078125</t>
  </si>
  <si>
    <t>0.028154437844873925</t>
  </si>
  <si>
    <t>24.115488052368164</t>
  </si>
  <si>
    <t>1611.916259765625</t>
  </si>
  <si>
    <t>0.05499042166275103</t>
  </si>
  <si>
    <t>23.512514114379883</t>
  </si>
  <si>
    <t>1385.8209228515625</t>
  </si>
  <si>
    <t>0.06125710505469684</t>
  </si>
  <si>
    <t>23.555349349975586</t>
  </si>
  <si>
    <t>1381.905029296875</t>
  </si>
  <si>
    <t>0.07140597332173648</t>
  </si>
  <si>
    <t>8285</t>
  </si>
  <si>
    <t>23.911855697631836</t>
  </si>
  <si>
    <t>1565.7874755859375</t>
  </si>
  <si>
    <t>-0.012236237123747884</t>
  </si>
  <si>
    <t>9104</t>
  </si>
  <si>
    <t>23.327253341674805</t>
  </si>
  <si>
    <t>1514.69873046875</t>
  </si>
  <si>
    <t>0.09426722650544761</t>
  </si>
  <si>
    <t>9387</t>
  </si>
  <si>
    <t>23.695119857788086</t>
  </si>
  <si>
    <t>1565.54052734375</t>
  </si>
  <si>
    <t>0.03061187597088022</t>
  </si>
  <si>
    <t>24.412832260131836</t>
  </si>
  <si>
    <t>1508.9515380859375</t>
  </si>
  <si>
    <t>-0.019035903087639028</t>
  </si>
  <si>
    <t>23.60926055908203</t>
  </si>
  <si>
    <t>1680.4454345703125</t>
  </si>
  <si>
    <t>0.06738462999107497</t>
  </si>
  <si>
    <t>24.43998146057129</t>
  </si>
  <si>
    <t>1594.5263671875</t>
  </si>
  <si>
    <t>0.039017688078988755</t>
  </si>
  <si>
    <t>24.615995407104492</t>
  </si>
  <si>
    <t>2173.079345703125</t>
  </si>
  <si>
    <t>0.016362857210479476</t>
  </si>
  <si>
    <t>23.40970802307129</t>
  </si>
  <si>
    <t>1647.805908203125</t>
  </si>
  <si>
    <t>0.029895330106850082</t>
  </si>
  <si>
    <t>24.29984474182129</t>
  </si>
  <si>
    <t>1603.476806640625</t>
  </si>
  <si>
    <t>0.035165238548900746</t>
  </si>
  <si>
    <t>11337</t>
  </si>
  <si>
    <t>23.926950454711914</t>
  </si>
  <si>
    <t>1579.9716796875</t>
  </si>
  <si>
    <t>0.01995611883195103</t>
  </si>
  <si>
    <t>24.361068725585938</t>
  </si>
  <si>
    <t>1630.8233642578125</t>
  </si>
  <si>
    <t>-0.015198266147292472</t>
  </si>
  <si>
    <t>24.338720321655273</t>
  </si>
  <si>
    <t>1302.2391357421875</t>
  </si>
  <si>
    <t>-0.01971665570973613</t>
  </si>
  <si>
    <t>11258</t>
  </si>
  <si>
    <t>24.186559677124023</t>
  </si>
  <si>
    <t>962.0823364257812</t>
  </si>
  <si>
    <t>0.027922195863402166</t>
  </si>
  <si>
    <t>23.683897018432617</t>
  </si>
  <si>
    <t>1353.7923583984375</t>
  </si>
  <si>
    <t>-0.009460133023665662</t>
  </si>
  <si>
    <t>22.66895866394043</t>
  </si>
  <si>
    <t>1902.6451416015625</t>
  </si>
  <si>
    <t>322.4228820800781</t>
  </si>
  <si>
    <t>Cordillera</t>
  </si>
  <si>
    <t>23.133010864257812</t>
  </si>
  <si>
    <t>1580.695068359375</t>
  </si>
  <si>
    <t>0.008587491824352256</t>
  </si>
  <si>
    <t>22.423858642578125</t>
  </si>
  <si>
    <t>2041.9283447265625</t>
  </si>
  <si>
    <t>-0.008295179632852978</t>
  </si>
  <si>
    <t>22.710622787475586</t>
  </si>
  <si>
    <t>1263.2042236328125</t>
  </si>
  <si>
    <t>0.011767405343602988</t>
  </si>
  <si>
    <t>7033</t>
  </si>
  <si>
    <t>23.504743576049805</t>
  </si>
  <si>
    <t>1829.1246337890625</t>
  </si>
  <si>
    <t>0.015619720011917693</t>
  </si>
  <si>
    <t>22.92320442199707</t>
  </si>
  <si>
    <t>1301.7403564453125</t>
  </si>
  <si>
    <t>0.030250170992859537</t>
  </si>
  <si>
    <t>22.459808349609375</t>
  </si>
  <si>
    <t>2017.1121826171875</t>
  </si>
  <si>
    <t>-0.020346298303067556</t>
  </si>
  <si>
    <t>7147</t>
  </si>
  <si>
    <t>23.558990478515625</t>
  </si>
  <si>
    <t>1736.2410888671875</t>
  </si>
  <si>
    <t>0.006175458222168473</t>
  </si>
  <si>
    <t>6907</t>
  </si>
  <si>
    <t>22.42402458190918</t>
  </si>
  <si>
    <t>2187.614990234375</t>
  </si>
  <si>
    <t>-0.03415729813100654</t>
  </si>
  <si>
    <t>22.98333740234375</t>
  </si>
  <si>
    <t>1401.1461181640625</t>
  </si>
  <si>
    <t>-0.0477410549115902</t>
  </si>
  <si>
    <t>6226</t>
  </si>
  <si>
    <t>22.589874267578125</t>
  </si>
  <si>
    <t>1675.0106201171875</t>
  </si>
  <si>
    <t>-0.05606026317582824</t>
  </si>
  <si>
    <t>5984</t>
  </si>
  <si>
    <t>23.416505813598633</t>
  </si>
  <si>
    <t>1560.3560791015625</t>
  </si>
  <si>
    <t>-0.03964483134724084</t>
  </si>
  <si>
    <t>23.229904174804688</t>
  </si>
  <si>
    <t>1981.6873779296875</t>
  </si>
  <si>
    <t>-0.028648454701547976</t>
  </si>
  <si>
    <t>23.01160430908203</t>
  </si>
  <si>
    <t>1494.0377197265625</t>
  </si>
  <si>
    <t>0.03746641384366178</t>
  </si>
  <si>
    <t>6258</t>
  </si>
  <si>
    <t>22.516508102416992</t>
  </si>
  <si>
    <t>1536.4091796875</t>
  </si>
  <si>
    <t>0.03595344543240131</t>
  </si>
  <si>
    <t>6371</t>
  </si>
  <si>
    <t>22.820592880249023</t>
  </si>
  <si>
    <t>1333.1265869140625</t>
  </si>
  <si>
    <t>0.01789579788765927</t>
  </si>
  <si>
    <t>23.283172607421875</t>
  </si>
  <si>
    <t>1681.507568359375</t>
  </si>
  <si>
    <t>0.04526353675119843</t>
  </si>
  <si>
    <t>22.651473999023438</t>
  </si>
  <si>
    <t>1500.7177734375</t>
  </si>
  <si>
    <t>0.051600777862736535</t>
  </si>
  <si>
    <t>22.73480796813965</t>
  </si>
  <si>
    <t>1185.1480712890625</t>
  </si>
  <si>
    <t>0.06214036362664466</t>
  </si>
  <si>
    <t>23.093141555786133</t>
  </si>
  <si>
    <t>1631.1842041015625</t>
  </si>
  <si>
    <t>-0.012258522200445654</t>
  </si>
  <si>
    <t>22.546571731567383</t>
  </si>
  <si>
    <t>1558.4871826171875</t>
  </si>
  <si>
    <t>0.09422528683108666</t>
  </si>
  <si>
    <t>22.8740234375</t>
  </si>
  <si>
    <t>1470.39111328125</t>
  </si>
  <si>
    <t>0.030610916711447445</t>
  </si>
  <si>
    <t>23.58235740661621</t>
  </si>
  <si>
    <t>1364.6536865234375</t>
  </si>
  <si>
    <t>-0.01908270466274331</t>
  </si>
  <si>
    <t>22.79313850402832</t>
  </si>
  <si>
    <t>1546.9246826171875</t>
  </si>
  <si>
    <t>0.067422725091971</t>
  </si>
  <si>
    <t>23.60735511779785</t>
  </si>
  <si>
    <t>2151.35986328125</t>
  </si>
  <si>
    <t>0.039010255143262285</t>
  </si>
  <si>
    <t>23.81160545349121</t>
  </si>
  <si>
    <t>1990.873779296875</t>
  </si>
  <si>
    <t>0.01641787352857982</t>
  </si>
  <si>
    <t>22.597389221191406</t>
  </si>
  <si>
    <t>1616.6343994140625</t>
  </si>
  <si>
    <t>0.029852963149682665</t>
  </si>
  <si>
    <t>23.53497314453125</t>
  </si>
  <si>
    <t>1971.1512451171875</t>
  </si>
  <si>
    <t>0.035170720122415844</t>
  </si>
  <si>
    <t>23.12745475769043</t>
  </si>
  <si>
    <t>1605.337890625</t>
  </si>
  <si>
    <t>0.020008670708671517</t>
  </si>
  <si>
    <t>23.544939041137695</t>
  </si>
  <si>
    <t>1590.648193359375</t>
  </si>
  <si>
    <t>-0.015270519800921534</t>
  </si>
  <si>
    <t>9749</t>
  </si>
  <si>
    <t>23.572553634643555</t>
  </si>
  <si>
    <t>1236.5972900390625</t>
  </si>
  <si>
    <t>-0.019704070350801572</t>
  </si>
  <si>
    <t>23.380722045898438</t>
  </si>
  <si>
    <t>1106.4444580078125</t>
  </si>
  <si>
    <t>0.02791725754549823</t>
  </si>
  <si>
    <t>9931</t>
  </si>
  <si>
    <t>22.851476669311523</t>
  </si>
  <si>
    <t>1440.6650390625</t>
  </si>
  <si>
    <t>-0.00942079527141182</t>
  </si>
  <si>
    <t>21.300222396850586</t>
  </si>
  <si>
    <t>2209.38818359375</t>
  </si>
  <si>
    <t>87.69349670410156</t>
  </si>
  <si>
    <t>Guair</t>
  </si>
  <si>
    <t>21.904783248901367</t>
  </si>
  <si>
    <t>1590.85205078125</t>
  </si>
  <si>
    <t>0.00865017913667998</t>
  </si>
  <si>
    <t>21.201885223388672</t>
  </si>
  <si>
    <t>2208.67333984375</t>
  </si>
  <si>
    <t>-0.008345394007834628</t>
  </si>
  <si>
    <t>21.4345645904541</t>
  </si>
  <si>
    <t>1571.1700439453125</t>
  </si>
  <si>
    <t>0.03870486850486721</t>
  </si>
  <si>
    <t>22.1826114654541</t>
  </si>
  <si>
    <t>1983.2880859375</t>
  </si>
  <si>
    <t>0.04247410309154631</t>
  </si>
  <si>
    <t>21.60637855529785</t>
  </si>
  <si>
    <t>1350.2562255859375</t>
  </si>
  <si>
    <t>0.057064750186061275</t>
  </si>
  <si>
    <t>21.1993465423584</t>
  </si>
  <si>
    <t>1972.2977294921875</t>
  </si>
  <si>
    <t>0.006349227678660085</t>
  </si>
  <si>
    <t>22.174570083618164</t>
  </si>
  <si>
    <t>1922.0948486328125</t>
  </si>
  <si>
    <t>0.03281534311800627</t>
  </si>
  <si>
    <t>21.105073928833008</t>
  </si>
  <si>
    <t>2364.636474609375</t>
  </si>
  <si>
    <t>-0.007299769880427576</t>
  </si>
  <si>
    <t>21.52681541442871</t>
  </si>
  <si>
    <t>1540.33349609375</t>
  </si>
  <si>
    <t>-0.021042470133888713</t>
  </si>
  <si>
    <t>21.227176666259766</t>
  </si>
  <si>
    <t>1820.7313232421875</t>
  </si>
  <si>
    <t>-0.029439355450680438</t>
  </si>
  <si>
    <t>22.110870361328125</t>
  </si>
  <si>
    <t>1575.057861328125</t>
  </si>
  <si>
    <t>-0.012926229372286713</t>
  </si>
  <si>
    <t>21.86406135559082</t>
  </si>
  <si>
    <t>2143.079345703125</t>
  </si>
  <si>
    <t>-0.0019191232757869159</t>
  </si>
  <si>
    <t>21.63007354736328</t>
  </si>
  <si>
    <t>1682.1383056640625</t>
  </si>
  <si>
    <t>0.028006971596903796</t>
  </si>
  <si>
    <t>21.30325698852539</t>
  </si>
  <si>
    <t>1619.4063720703125</t>
  </si>
  <si>
    <t>0.02659451099761867</t>
  </si>
  <si>
    <t>21.622461318969727</t>
  </si>
  <si>
    <t>1460.1971435546875</t>
  </si>
  <si>
    <t>0.008667022754584863</t>
  </si>
  <si>
    <t>22.01058006286621</t>
  </si>
  <si>
    <t>1786.0264892578125</t>
  </si>
  <si>
    <t>0.03592594805061822</t>
  </si>
  <si>
    <t>21.391664505004883</t>
  </si>
  <si>
    <t>1710.69091796875</t>
  </si>
  <si>
    <t>0.042450885844043995</t>
  </si>
  <si>
    <t>21.45732307434082</t>
  </si>
  <si>
    <t>1440.698486328125</t>
  </si>
  <si>
    <t>0.052994835108522764</t>
  </si>
  <si>
    <t>21.779420852661133</t>
  </si>
  <si>
    <t>1852.8988037109375</t>
  </si>
  <si>
    <t>-0.01227288131922144</t>
  </si>
  <si>
    <t>9611</t>
  </si>
  <si>
    <t>21.25992774963379</t>
  </si>
  <si>
    <t>1673.235595703125</t>
  </si>
  <si>
    <t>0.09431182285041828</t>
  </si>
  <si>
    <t>21.531959533691406</t>
  </si>
  <si>
    <t>1524.101806640625</t>
  </si>
  <si>
    <t>0.03053515923561534</t>
  </si>
  <si>
    <t>22.254133224487305</t>
  </si>
  <si>
    <t>1500.3824462890625</t>
  </si>
  <si>
    <t>-0.019052076453498046</t>
  </si>
  <si>
    <t>10400</t>
  </si>
  <si>
    <t>21.489349365234375</t>
  </si>
  <si>
    <t>1686.4901123046875</t>
  </si>
  <si>
    <t>0.06741444752406345</t>
  </si>
  <si>
    <t>10814</t>
  </si>
  <si>
    <t>22.248987197875977</t>
  </si>
  <si>
    <t>2308.25830078125</t>
  </si>
  <si>
    <t>0.039035784812485375</t>
  </si>
  <si>
    <t>22.43840789794922</t>
  </si>
  <si>
    <t>2156.8486328125</t>
  </si>
  <si>
    <t>0.016417115636913948</t>
  </si>
  <si>
    <t>11326</t>
  </si>
  <si>
    <t>21.268550872802734</t>
  </si>
  <si>
    <t>1742.398681640625</t>
  </si>
  <si>
    <t>0.029842261094886524</t>
  </si>
  <si>
    <t>11731</t>
  </si>
  <si>
    <t>22.194562911987305</t>
  </si>
  <si>
    <t>2199.50634765625</t>
  </si>
  <si>
    <t>0.0351339428319708</t>
  </si>
  <si>
    <t>21.81123161315918</t>
  </si>
  <si>
    <t>1653.486328125</t>
  </si>
  <si>
    <t>0.020001510708537396</t>
  </si>
  <si>
    <t>22.18587303161621</t>
  </si>
  <si>
    <t>1758.4833984375</t>
  </si>
  <si>
    <t>-0.015239191987689082</t>
  </si>
  <si>
    <t>22.153188705444336</t>
  </si>
  <si>
    <t>1291.945556640625</t>
  </si>
  <si>
    <t>-0.019619391348845383</t>
  </si>
  <si>
    <t>22.009567260742188</t>
  </si>
  <si>
    <t>1131.1895751953125</t>
  </si>
  <si>
    <t>0.027899262916569967</t>
  </si>
  <si>
    <t>21.557029724121094</t>
  </si>
  <si>
    <t>1670.903564453125</t>
  </si>
  <si>
    <t>-0.009468326716097764</t>
  </si>
  <si>
    <t>20.980976104736328</t>
  </si>
  <si>
    <t>2295.339599609375</t>
  </si>
  <si>
    <t>217.5777130126953</t>
  </si>
  <si>
    <t>Itapa</t>
  </si>
  <si>
    <t>21.851280212402344</t>
  </si>
  <si>
    <t>1536.066162109375</t>
  </si>
  <si>
    <t>0.008655386337901305</t>
  </si>
  <si>
    <t>21.132863998413086</t>
  </si>
  <si>
    <t>2291.040771484375</t>
  </si>
  <si>
    <t>-0.0083449719321802</t>
  </si>
  <si>
    <t>21.282514572143555</t>
  </si>
  <si>
    <t>1704.1378173828125</t>
  </si>
  <si>
    <t>0.06517844669534512</t>
  </si>
  <si>
    <t>21.938764572143555</t>
  </si>
  <si>
    <t>2137.24365234375</t>
  </si>
  <si>
    <t>0.06759614193438779</t>
  </si>
  <si>
    <t>7978</t>
  </si>
  <si>
    <t>21.526290893554688</t>
  </si>
  <si>
    <t>1385.0548095703125</t>
  </si>
  <si>
    <t>0.08076369953875329</t>
  </si>
  <si>
    <t>21.136919021606445</t>
  </si>
  <si>
    <t>1941.3089599609375</t>
  </si>
  <si>
    <t>0.02890874567347268</t>
  </si>
  <si>
    <t>21.900094985961914</t>
  </si>
  <si>
    <t>1963.6226806640625</t>
  </si>
  <si>
    <t>0.05438762523833596</t>
  </si>
  <si>
    <t>20.955554962158203</t>
  </si>
  <si>
    <t>2329.770263671875</t>
  </si>
  <si>
    <t>0.01306159724403777</t>
  </si>
  <si>
    <t>8772</t>
  </si>
  <si>
    <t>21.191102981567383</t>
  </si>
  <si>
    <t>1605.429931640625</t>
  </si>
  <si>
    <t>-0.0014808910834194222</t>
  </si>
  <si>
    <t>8677</t>
  </si>
  <si>
    <t>21.00889015197754</t>
  </si>
  <si>
    <t>1934.913818359375</t>
  </si>
  <si>
    <t>-0.010888983744289149</t>
  </si>
  <si>
    <t>21.977691650390625</t>
  </si>
  <si>
    <t>1558.809326171875</t>
  </si>
  <si>
    <t>0.0049433911095349</t>
  </si>
  <si>
    <t>21.694387435913086</t>
  </si>
  <si>
    <t>2379.001953125</t>
  </si>
  <si>
    <t>0.015137146708024574</t>
  </si>
  <si>
    <t>21.43625831604004</t>
  </si>
  <si>
    <t>1792.6844482421875</t>
  </si>
  <si>
    <t>0.027408132745641467</t>
  </si>
  <si>
    <t>21.345178604125977</t>
  </si>
  <si>
    <t>1566.8258056640625</t>
  </si>
  <si>
    <t>0.025927579174192417</t>
  </si>
  <si>
    <t>9413</t>
  </si>
  <si>
    <t>21.642316818237305</t>
  </si>
  <si>
    <t>1647.4041748046875</t>
  </si>
  <si>
    <t>0.007999616016336475</t>
  </si>
  <si>
    <t>21.963584899902344</t>
  </si>
  <si>
    <t>1782.1776123046875</t>
  </si>
  <si>
    <t>0.03527813128789958</t>
  </si>
  <si>
    <t>21.319446563720703</t>
  </si>
  <si>
    <t>1811.2999267578125</t>
  </si>
  <si>
    <t>0.04187569003417124</t>
  </si>
  <si>
    <t>21.282230377197266</t>
  </si>
  <si>
    <t>1518.9915771484375</t>
  </si>
  <si>
    <t>0.052212423393267926</t>
  </si>
  <si>
    <t>21.570463180541992</t>
  </si>
  <si>
    <t>1973.0643310546875</t>
  </si>
  <si>
    <t>-0.012209017168833824</t>
  </si>
  <si>
    <t>21.1666316986084</t>
  </si>
  <si>
    <t>1748.7091064453125</t>
  </si>
  <si>
    <t>0.0942530381993194</t>
  </si>
  <si>
    <t>21.26936912536621</t>
  </si>
  <si>
    <t>1638.7353515625</t>
  </si>
  <si>
    <t>0.030570990728515213</t>
  </si>
  <si>
    <t>22.103958129882812</t>
  </si>
  <si>
    <t>1560.382080078125</t>
  </si>
  <si>
    <t>-0.01902894834767288</t>
  </si>
  <si>
    <t>12584</t>
  </si>
  <si>
    <t>21.260639190673828</t>
  </si>
  <si>
    <t>1747.3394775390625</t>
  </si>
  <si>
    <t>0.06738214506422757</t>
  </si>
  <si>
    <t>22.030797958374023</t>
  </si>
  <si>
    <t>2445.229248046875</t>
  </si>
  <si>
    <t>0.03911679069157081</t>
  </si>
  <si>
    <t>22.21857452392578</t>
  </si>
  <si>
    <t>2213.498779296875</t>
  </si>
  <si>
    <t>0.01637144341468222</t>
  </si>
  <si>
    <t>21.08445930480957</t>
  </si>
  <si>
    <t>1822.238037109375</t>
  </si>
  <si>
    <t>0.029846329892519563</t>
  </si>
  <si>
    <t>22.114030838012695</t>
  </si>
  <si>
    <t>2315.856201171875</t>
  </si>
  <si>
    <t>0.0351290601701848</t>
  </si>
  <si>
    <t>21.732873916625977</t>
  </si>
  <si>
    <t>1637.0250244140625</t>
  </si>
  <si>
    <t>0.020016709041694725</t>
  </si>
  <si>
    <t>14263</t>
  </si>
  <si>
    <t>22.008867263793945</t>
  </si>
  <si>
    <t>1843.5404052734375</t>
  </si>
  <si>
    <t>-0.015237727425343905</t>
  </si>
  <si>
    <t>21.980005264282227</t>
  </si>
  <si>
    <t>1292.9676513671875</t>
  </si>
  <si>
    <t>-0.01968344488736129</t>
  </si>
  <si>
    <t>14381</t>
  </si>
  <si>
    <t>21.787559509277344</t>
  </si>
  <si>
    <t>1160.2674560546875</t>
  </si>
  <si>
    <t>0.02792256425031958</t>
  </si>
  <si>
    <t>14246</t>
  </si>
  <si>
    <t>21.4432315826416</t>
  </si>
  <si>
    <t>1587.0211181640625</t>
  </si>
  <si>
    <t>-0.009431725348081343</t>
  </si>
  <si>
    <t>21.56645393371582</t>
  </si>
  <si>
    <t>2023.9820556640625</t>
  </si>
  <si>
    <t>44.69190216064453</t>
  </si>
  <si>
    <t>22.33075523376465</t>
  </si>
  <si>
    <t>1454.2147216796875</t>
  </si>
  <si>
    <t>0.008551254182792789</t>
  </si>
  <si>
    <t>21.602149963378906</t>
  </si>
  <si>
    <t>2049.088623046875</t>
  </si>
  <si>
    <t>-0.008269722649401956</t>
  </si>
  <si>
    <t>7452</t>
  </si>
  <si>
    <t>21.834688186645508</t>
  </si>
  <si>
    <t>1487.855224609375</t>
  </si>
  <si>
    <t>0.0476836911902776</t>
  </si>
  <si>
    <t>7843</t>
  </si>
  <si>
    <t>22.489036560058594</t>
  </si>
  <si>
    <t>1866.6544189453125</t>
  </si>
  <si>
    <t>0.05113896149118702</t>
  </si>
  <si>
    <t>22.04920196533203</t>
  </si>
  <si>
    <t>1285.380859375</t>
  </si>
  <si>
    <t>0.06539082899176663</t>
  </si>
  <si>
    <t>21.6655216217041</t>
  </si>
  <si>
    <t>1852.59716796875</t>
  </si>
  <si>
    <t>0.01434778866878439</t>
  </si>
  <si>
    <t>8846</t>
  </si>
  <si>
    <t>22.501144409179688</t>
  </si>
  <si>
    <t>1805.8914794921875</t>
  </si>
  <si>
    <t>0.04060534755505607</t>
  </si>
  <si>
    <t>21.488052368164062</t>
  </si>
  <si>
    <t>2124.388916015625</t>
  </si>
  <si>
    <t>0.00011303905511361734</t>
  </si>
  <si>
    <t>21.801855087280273</t>
  </si>
  <si>
    <t>1460.1961669921875</t>
  </si>
  <si>
    <t>-0.01377134379983147</t>
  </si>
  <si>
    <t>21.556716918945312</t>
  </si>
  <si>
    <t>1737.650146484375</t>
  </si>
  <si>
    <t>-0.02248327409231443</t>
  </si>
  <si>
    <t>8480</t>
  </si>
  <si>
    <t>22.58414649963379</t>
  </si>
  <si>
    <t>1464.3790283203125</t>
  </si>
  <si>
    <t>-0.0061133508052915175</t>
  </si>
  <si>
    <t>22.33026695251465</t>
  </si>
  <si>
    <t>2164.99853515625</t>
  </si>
  <si>
    <t>0.004588513256891247</t>
  </si>
  <si>
    <t>8782</t>
  </si>
  <si>
    <t>22.084585189819336</t>
  </si>
  <si>
    <t>1532.4986572265625</t>
  </si>
  <si>
    <t>0.030405209078821827</t>
  </si>
  <si>
    <t>21.88916778564453</t>
  </si>
  <si>
    <t>1519.2803955078125</t>
  </si>
  <si>
    <t>0.02884437667674966</t>
  </si>
  <si>
    <t>22.19384002685547</t>
  </si>
  <si>
    <t>1398.8294677734375</t>
  </si>
  <si>
    <t>0.011002421473790491</t>
  </si>
  <si>
    <t>9496</t>
  </si>
  <si>
    <t>22.480934143066406</t>
  </si>
  <si>
    <t>1674.7584228515625</t>
  </si>
  <si>
    <t>0.03831968701730126</t>
  </si>
  <si>
    <t>21.859621047973633</t>
  </si>
  <si>
    <t>1597.2784423828125</t>
  </si>
  <si>
    <t>0.04479052061385502</t>
  </si>
  <si>
    <t>10495</t>
  </si>
  <si>
    <t>21.780553817749023</t>
  </si>
  <si>
    <t>1321.31494140625</t>
  </si>
  <si>
    <t>0.055237775351374196</t>
  </si>
  <si>
    <t>22.08510398864746</t>
  </si>
  <si>
    <t>1709.8582763671875</t>
  </si>
  <si>
    <t>-0.012174813662676698</t>
  </si>
  <si>
    <t>11392</t>
  </si>
  <si>
    <t>21.654932022094727</t>
  </si>
  <si>
    <t>1520.658447265625</t>
  </si>
  <si>
    <t>0.0941872150597014</t>
  </si>
  <si>
    <t>11746</t>
  </si>
  <si>
    <t>21.825075149536133</t>
  </si>
  <si>
    <t>1425.9969482421875</t>
  </si>
  <si>
    <t>0.03060140243070819</t>
  </si>
  <si>
    <t>11525</t>
  </si>
  <si>
    <t>22.600387573242188</t>
  </si>
  <si>
    <t>1404.67138671875</t>
  </si>
  <si>
    <t>-0.018994168217616902</t>
  </si>
  <si>
    <t>21.83507537841797</t>
  </si>
  <si>
    <t>1583.40380859375</t>
  </si>
  <si>
    <t>0.06735450913510377</t>
  </si>
  <si>
    <t>22.619596481323242</t>
  </si>
  <si>
    <t>2104.09033203125</t>
  </si>
  <si>
    <t>0.039055347312181965</t>
  </si>
  <si>
    <t>22.77276611328125</t>
  </si>
  <si>
    <t>1959.76318359375</t>
  </si>
  <si>
    <t>0.016402688832771517</t>
  </si>
  <si>
    <t>21.653486251831055</t>
  </si>
  <si>
    <t>1656.266357421875</t>
  </si>
  <si>
    <t>0.02978750623215909</t>
  </si>
  <si>
    <t>13906</t>
  </si>
  <si>
    <t>22.640180587768555</t>
  </si>
  <si>
    <t>2093.248046875</t>
  </si>
  <si>
    <t>0.03520176128189867</t>
  </si>
  <si>
    <t>22.241506576538086</t>
  </si>
  <si>
    <t>1573.398193359375</t>
  </si>
  <si>
    <t>0.0200056506530224</t>
  </si>
  <si>
    <t>13972</t>
  </si>
  <si>
    <t>22.538225173950195</t>
  </si>
  <si>
    <t>1702.601806640625</t>
  </si>
  <si>
    <t>-0.015270725385263972</t>
  </si>
  <si>
    <t>22.519704818725586</t>
  </si>
  <si>
    <t>1196.10595703125</t>
  </si>
  <si>
    <t>-0.01965949411050616</t>
  </si>
  <si>
    <t>22.336427688598633</t>
  </si>
  <si>
    <t>1105.888671875</t>
  </si>
  <si>
    <t>0.027927538359826087</t>
  </si>
  <si>
    <t>13956</t>
  </si>
  <si>
    <t>21.870729446411133</t>
  </si>
  <si>
    <t>1438.3004150390625</t>
  </si>
  <si>
    <t>-0.009413847869376823</t>
  </si>
  <si>
    <t>22.093358993530273</t>
  </si>
  <si>
    <t>2042.5469970703125</t>
  </si>
  <si>
    <t>123.27208709716797</t>
  </si>
  <si>
    <t>Paraguar</t>
  </si>
  <si>
    <t>22.580656051635742</t>
  </si>
  <si>
    <t>1557.3358154296875</t>
  </si>
  <si>
    <t>0.00863830650684605</t>
  </si>
  <si>
    <t>6111</t>
  </si>
  <si>
    <t>21.889375686645508</t>
  </si>
  <si>
    <t>2061.174560546875</t>
  </si>
  <si>
    <t>-0.008310974261696913</t>
  </si>
  <si>
    <t>22.168256759643555</t>
  </si>
  <si>
    <t>1392.67333984375</t>
  </si>
  <si>
    <t>0.015264992743791339</t>
  </si>
  <si>
    <t>22.946693420410156</t>
  </si>
  <si>
    <t>1891.2523193359375</t>
  </si>
  <si>
    <t>0.019154615957013732</t>
  </si>
  <si>
    <t>6544</t>
  </si>
  <si>
    <t>22.35943031311035</t>
  </si>
  <si>
    <t>1310.6748046875</t>
  </si>
  <si>
    <t>0.034038564686861505</t>
  </si>
  <si>
    <t>21.889142990112305</t>
  </si>
  <si>
    <t>1966.093994140625</t>
  </si>
  <si>
    <t>-0.016641370170308534</t>
  </si>
  <si>
    <t>22.976760864257812</t>
  </si>
  <si>
    <t>1818.97705078125</t>
  </si>
  <si>
    <t>0.010048782092194841</t>
  </si>
  <si>
    <t>21.854942321777344</t>
  </si>
  <si>
    <t>2227.2509765625</t>
  </si>
  <si>
    <t>-0.030137342121539845</t>
  </si>
  <si>
    <t>22.364768981933594</t>
  </si>
  <si>
    <t>1439.15380859375</t>
  </si>
  <si>
    <t>-0.043580233775028177</t>
  </si>
  <si>
    <t>22.028892517089844</t>
  </si>
  <si>
    <t>1725.08203125</t>
  </si>
  <si>
    <t>-0.05199948139951793</t>
  </si>
  <si>
    <t>5534</t>
  </si>
  <si>
    <t>22.862817764282227</t>
  </si>
  <si>
    <t>1580.027099609375</t>
  </si>
  <si>
    <t>-0.03532807256151216</t>
  </si>
  <si>
    <t>5401</t>
  </si>
  <si>
    <t>22.666053771972656</t>
  </si>
  <si>
    <t>2194.3994140625</t>
  </si>
  <si>
    <t>-0.024326759753979132</t>
  </si>
  <si>
    <t>22.43206214904785</t>
  </si>
  <si>
    <t>1529.865478515625</t>
  </si>
  <si>
    <t>0.03009254149294449</t>
  </si>
  <si>
    <t>21.99615478515625</t>
  </si>
  <si>
    <t>1556.9879150390625</t>
  </si>
  <si>
    <t>0.028515170308020643</t>
  </si>
  <si>
    <t>22.308334350585938</t>
  </si>
  <si>
    <t>1382.6812744140625</t>
  </si>
  <si>
    <t>0.010594975357516745</t>
  </si>
  <si>
    <t>6012</t>
  </si>
  <si>
    <t>22.740951538085938</t>
  </si>
  <si>
    <t>1723.3651123046875</t>
  </si>
  <si>
    <t>0.037970663121491555</t>
  </si>
  <si>
    <t>22.109262466430664</t>
  </si>
  <si>
    <t>1557.3785400390625</t>
  </si>
  <si>
    <t>0.04440837015148169</t>
  </si>
  <si>
    <t>22.193710327148438</t>
  </si>
  <si>
    <t>1263.45751953125</t>
  </si>
  <si>
    <t>0.05494612144613242</t>
  </si>
  <si>
    <t>22.533905029296875</t>
  </si>
  <si>
    <t>1704.718017578125</t>
  </si>
  <si>
    <t>-0.012121360532344028</t>
  </si>
  <si>
    <t>22.00351905822754</t>
  </si>
  <si>
    <t>1555.1544189453125</t>
  </si>
  <si>
    <t>0.09420091735003844</t>
  </si>
  <si>
    <t>22.339567184448242</t>
  </si>
  <si>
    <t>1463.8408203125</t>
  </si>
  <si>
    <t>0.03060348120550138</t>
  </si>
  <si>
    <t>23.021455764770508</t>
  </si>
  <si>
    <t>1396.6455078125</t>
  </si>
  <si>
    <t>-0.019017144695121502</t>
  </si>
  <si>
    <t>7800</t>
  </si>
  <si>
    <t>22.26871681213379</t>
  </si>
  <si>
    <t>1608.4495849609375</t>
  </si>
  <si>
    <t>0.06734587687912885</t>
  </si>
  <si>
    <t>23.042037963867188</t>
  </si>
  <si>
    <t>2176.586669921875</t>
  </si>
  <si>
    <t>0.039097431392661974</t>
  </si>
  <si>
    <t>23.241683959960938</t>
  </si>
  <si>
    <t>2065.897705078125</t>
  </si>
  <si>
    <t>0.016385790923354904</t>
  </si>
  <si>
    <t>22.04901695251465</t>
  </si>
  <si>
    <t>1684.0419921875</t>
  </si>
  <si>
    <t>0.029753075879517255</t>
  </si>
  <si>
    <t>22.953269958496094</t>
  </si>
  <si>
    <t>2100.668701171875</t>
  </si>
  <si>
    <t>0.03516439103544755</t>
  </si>
  <si>
    <t>22.56707000732422</t>
  </si>
  <si>
    <t>1632.4610595703125</t>
  </si>
  <si>
    <t>0.020029925853814134</t>
  </si>
  <si>
    <t>22.960447311401367</t>
  </si>
  <si>
    <t>1716.923828125</t>
  </si>
  <si>
    <t>-0.015267472130789272</t>
  </si>
  <si>
    <t>22.982093811035156</t>
  </si>
  <si>
    <t>1242.805908203125</t>
  </si>
  <si>
    <t>-0.019648792975440088</t>
  </si>
  <si>
    <t>22.802047729492188</t>
  </si>
  <si>
    <t>1086.77490234375</t>
  </si>
  <si>
    <t>0.02787280147446758</t>
  </si>
  <si>
    <t>22.298219680786133</t>
  </si>
  <si>
    <t>1513.795166015625</t>
  </si>
  <si>
    <t>-0.009355870532710142</t>
  </si>
  <si>
    <t>23.70255470275879</t>
  </si>
  <si>
    <t>1293.327880859375</t>
  </si>
  <si>
    <t>45.38771438598633</t>
  </si>
  <si>
    <t>Presidente Hayes</t>
  </si>
  <si>
    <t>16521</t>
  </si>
  <si>
    <t>24.15785026550293</t>
  </si>
  <si>
    <t>1134.150390625</t>
  </si>
  <si>
    <t>0.008632272448211964</t>
  </si>
  <si>
    <t>23.463327407836914</t>
  </si>
  <si>
    <t>1443.3829345703125</t>
  </si>
  <si>
    <t>-0.008327050091358146</t>
  </si>
  <si>
    <t>16076</t>
  </si>
  <si>
    <t>23.683576583862305</t>
  </si>
  <si>
    <t>911.1761474609375</t>
  </si>
  <si>
    <t>-0.018977772270142523</t>
  </si>
  <si>
    <t>24.5202579498291</t>
  </si>
  <si>
    <t>1247.4156494140625</t>
  </si>
  <si>
    <t>-0.01681133558144232</t>
  </si>
  <si>
    <t>23.872678756713867</t>
  </si>
  <si>
    <t>1055.6998291015625</t>
  </si>
  <si>
    <t>-0.004183841285254175</t>
  </si>
  <si>
    <t>23.45607566833496</t>
  </si>
  <si>
    <t>1276.869384765625</t>
  </si>
  <si>
    <t>-0.0569192920137116</t>
  </si>
  <si>
    <t>24.5557804107666</t>
  </si>
  <si>
    <t>1216.071044921875</t>
  </si>
  <si>
    <t>-0.03280999651850891</t>
  </si>
  <si>
    <t>13342</t>
  </si>
  <si>
    <t>23.36871337890625</t>
  </si>
  <si>
    <t>1320.4239501953125</t>
  </si>
  <si>
    <t>-0.07568605690071273</t>
  </si>
  <si>
    <t>23.89869499206543</t>
  </si>
  <si>
    <t>924.2326049804688</t>
  </si>
  <si>
    <t>-0.0922717783888114</t>
  </si>
  <si>
    <t>23.546119689941406</t>
  </si>
  <si>
    <t>1111.5384521484375</t>
  </si>
  <si>
    <t>-0.10411920920611095</t>
  </si>
  <si>
    <t>24.40974998474121</t>
  </si>
  <si>
    <t>1059.1937255859375</t>
  </si>
  <si>
    <t>-0.09124111858408313</t>
  </si>
  <si>
    <t>24.2188777923584</t>
  </si>
  <si>
    <t>1270.68359375</t>
  </si>
  <si>
    <t>-0.08484252322670116</t>
  </si>
  <si>
    <t>24.039384841918945</t>
  </si>
  <si>
    <t>1094.3228759765625</t>
  </si>
  <si>
    <t>0.03095293959830947</t>
  </si>
  <si>
    <t>9765</t>
  </si>
  <si>
    <t>23.49273109436035</t>
  </si>
  <si>
    <t>1292.7501220703125</t>
  </si>
  <si>
    <t>0.0294092998487141</t>
  </si>
  <si>
    <t>23.813995361328125</t>
  </si>
  <si>
    <t>1001.6118774414062</t>
  </si>
  <si>
    <t>0.011404257597348533</t>
  </si>
  <si>
    <t>24.26243019104004</t>
  </si>
  <si>
    <t>1232.9615478515625</t>
  </si>
  <si>
    <t>0.03892082629016791</t>
  </si>
  <si>
    <t>10745</t>
  </si>
  <si>
    <t>23.647554397583008</t>
  </si>
  <si>
    <t>1095.534912109375</t>
  </si>
  <si>
    <t>0.04531088187831678</t>
  </si>
  <si>
    <t>23.69447898864746</t>
  </si>
  <si>
    <t>1006.0491333007812</t>
  </si>
  <si>
    <t>0.05574590749329289</t>
  </si>
  <si>
    <t>24.083940505981445</t>
  </si>
  <si>
    <t>1132.8580322265625</t>
  </si>
  <si>
    <t>-0.012221193553648035</t>
  </si>
  <si>
    <t>12332</t>
  </si>
  <si>
    <t>23.47095489501953</t>
  </si>
  <si>
    <t>1167.6949462890625</t>
  </si>
  <si>
    <t>0.09423226598978474</t>
  </si>
  <si>
    <t>12715</t>
  </si>
  <si>
    <t>23.832056045532227</t>
  </si>
  <si>
    <t>1183.909423828125</t>
  </si>
  <si>
    <t>0.030584888850178515</t>
  </si>
  <si>
    <t>24.541091918945312</t>
  </si>
  <si>
    <t>1124.801513671875</t>
  </si>
  <si>
    <t>-0.01905575723650088</t>
  </si>
  <si>
    <t>13345</t>
  </si>
  <si>
    <t>23.77784538269043</t>
  </si>
  <si>
    <t>1251.530029296875</t>
  </si>
  <si>
    <t>0.06741514121890546</t>
  </si>
  <si>
    <t>13877</t>
  </si>
  <si>
    <t>24.584070205688477</t>
  </si>
  <si>
    <t>1356.1636962890625</t>
  </si>
  <si>
    <t>0.039091010532386505</t>
  </si>
  <si>
    <t>24.770483016967773</t>
  </si>
  <si>
    <t>1595.4365234375</t>
  </si>
  <si>
    <t>0.016367445397113656</t>
  </si>
  <si>
    <t>14533</t>
  </si>
  <si>
    <t>23.5601749420166</t>
  </si>
  <si>
    <t>1223.662841796875</t>
  </si>
  <si>
    <t>0.029821686858046093</t>
  </si>
  <si>
    <t>15053</t>
  </si>
  <si>
    <t>24.45611000061035</t>
  </si>
  <si>
    <t>1240.6859130859375</t>
  </si>
  <si>
    <t>0.035155381234332594</t>
  </si>
  <si>
    <t>15357</t>
  </si>
  <si>
    <t>24.072546005249023</t>
  </si>
  <si>
    <t>1224.0262451171875</t>
  </si>
  <si>
    <t>0.01999408926518953</t>
  </si>
  <si>
    <t>24.493757247924805</t>
  </si>
  <si>
    <t>1221.07421875</t>
  </si>
  <si>
    <t>-0.015222392226650783</t>
  </si>
  <si>
    <t>14831</t>
  </si>
  <si>
    <t>24.497787475585938</t>
  </si>
  <si>
    <t>952.9554443359375</t>
  </si>
  <si>
    <t>-0.019629419157078942</t>
  </si>
  <si>
    <t>15250</t>
  </si>
  <si>
    <t>24.353681564331055</t>
  </si>
  <si>
    <t>827.9120483398438</t>
  </si>
  <si>
    <t>0.027859918293595243</t>
  </si>
  <si>
    <t>23.86432647705078</t>
  </si>
  <si>
    <t>979.062255859375</t>
  </si>
  <si>
    <t>-0.009421290491832934</t>
  </si>
  <si>
    <t>22.446943283081055</t>
  </si>
  <si>
    <t>1869.11474609375</t>
  </si>
  <si>
    <t>114.42839050292969</t>
  </si>
  <si>
    <t>San Pedro</t>
  </si>
  <si>
    <t>22.91217613220215</t>
  </si>
  <si>
    <t>1557.8592529296875</t>
  </si>
  <si>
    <t>0.008654012610573858</t>
  </si>
  <si>
    <t>22.201688766479492</t>
  </si>
  <si>
    <t>2067.531982421875</t>
  </si>
  <si>
    <t>-0.008419132985300948</t>
  </si>
  <si>
    <t>22.43515968322754</t>
  </si>
  <si>
    <t>1364.0946044921875</t>
  </si>
  <si>
    <t>0.06390715700304028</t>
  </si>
  <si>
    <t>23.310487747192383</t>
  </si>
  <si>
    <t>1743.341064453125</t>
  </si>
  <si>
    <t>0.06647814578875</t>
  </si>
  <si>
    <t>22.647926330566406</t>
  </si>
  <si>
    <t>1310.6024169921875</t>
  </si>
  <si>
    <t>0.07980482200026984</t>
  </si>
  <si>
    <t>22.20247459411621</t>
  </si>
  <si>
    <t>1853.7418212890625</t>
  </si>
  <si>
    <t>0.02796466359857952</t>
  </si>
  <si>
    <t>23.28118896484375</t>
  </si>
  <si>
    <t>1835.033447265625</t>
  </si>
  <si>
    <t>0.053336365990935164</t>
  </si>
  <si>
    <t>22.18670654296875</t>
  </si>
  <si>
    <t>2134.4794921875</t>
  </si>
  <si>
    <t>0.01220803442188867</t>
  </si>
  <si>
    <t>5756</t>
  </si>
  <si>
    <t>22.72691535949707</t>
  </si>
  <si>
    <t>1353.779296875</t>
  </si>
  <si>
    <t>-0.0022559662496313138</t>
  </si>
  <si>
    <t>22.36693000793457</t>
  </si>
  <si>
    <t>1643.37109375</t>
  </si>
  <si>
    <t>-0.011532540886880938</t>
  </si>
  <si>
    <t>5714</t>
  </si>
  <si>
    <t>23.169639587402344</t>
  </si>
  <si>
    <t>1497.8955078125</t>
  </si>
  <si>
    <t>0.004209055670342465</t>
  </si>
  <si>
    <t>5797</t>
  </si>
  <si>
    <t>22.96335792541504</t>
  </si>
  <si>
    <t>1752.749267578125</t>
  </si>
  <si>
    <t>0.014421238549013893</t>
  </si>
  <si>
    <t>22.754981994628906</t>
  </si>
  <si>
    <t>1573.9693603515625</t>
  </si>
  <si>
    <t>0.042056353999671</t>
  </si>
  <si>
    <t>22.29546546936035</t>
  </si>
  <si>
    <t>1646.52685546875</t>
  </si>
  <si>
    <t>0.040358771139043625</t>
  </si>
  <si>
    <t>22.61668586730957</t>
  </si>
  <si>
    <t>1334.728759765625</t>
  </si>
  <si>
    <t>0.0223069255741688</t>
  </si>
  <si>
    <t>6764</t>
  </si>
  <si>
    <t>23.043657302856445</t>
  </si>
  <si>
    <t>1663.7490234375</t>
  </si>
  <si>
    <t>0.04955183796585416</t>
  </si>
  <si>
    <t>22.41051483154297</t>
  </si>
  <si>
    <t>1543.5316162109375</t>
  </si>
  <si>
    <t>0.055917418089913795</t>
  </si>
  <si>
    <t>22.500038146972656</t>
  </si>
  <si>
    <t>1349.3201904296875</t>
  </si>
  <si>
    <t>0.06612749989846023</t>
  </si>
  <si>
    <t>22.86470603942871</t>
  </si>
  <si>
    <t>1708.7430419921875</t>
  </si>
  <si>
    <t>-0.012244244867220644</t>
  </si>
  <si>
    <t>22.2966251373291</t>
  </si>
  <si>
    <t>1573.33251953125</t>
  </si>
  <si>
    <t>0.0942378194849205</t>
  </si>
  <si>
    <t>22.63739776611328</t>
  </si>
  <si>
    <t>1432.028564453125</t>
  </si>
  <si>
    <t>0.030629174956237293</t>
  </si>
  <si>
    <t>8391</t>
  </si>
  <si>
    <t>23.313833236694336</t>
  </si>
  <si>
    <t>1444.16796875</t>
  </si>
  <si>
    <t>-0.019122395710711615</t>
  </si>
  <si>
    <t>22.578773498535156</t>
  </si>
  <si>
    <t>1627.31201171875</t>
  </si>
  <si>
    <t>0.06739464589240818</t>
  </si>
  <si>
    <t>23.361295700073242</t>
  </si>
  <si>
    <t>1960.3795166015625</t>
  </si>
  <si>
    <t>0.03910929874728275</t>
  </si>
  <si>
    <t>23.56205177307129</t>
  </si>
  <si>
    <t>2168.48486328125</t>
  </si>
  <si>
    <t>0.016364194727746195</t>
  </si>
  <si>
    <t>9775</t>
  </si>
  <si>
    <t>22.35688591003418</t>
  </si>
  <si>
    <t>1643.9324951171875</t>
  </si>
  <si>
    <t>0.029800263616058587</t>
  </si>
  <si>
    <t>10125</t>
  </si>
  <si>
    <t>23.261825561523438</t>
  </si>
  <si>
    <t>1883.1873779296875</t>
  </si>
  <si>
    <t>0.03517950712117468</t>
  </si>
  <si>
    <t>22.880826950073242</t>
  </si>
  <si>
    <t>1571.791015625</t>
  </si>
  <si>
    <t>0.020044670138943843</t>
  </si>
  <si>
    <t>23.31756019592285</t>
  </si>
  <si>
    <t>1594.42578125</t>
  </si>
  <si>
    <t>-0.01531513131993556</t>
  </si>
  <si>
    <t>23.308313369750977</t>
  </si>
  <si>
    <t>1316.537841796875</t>
  </si>
  <si>
    <t>-0.019554943433876204</t>
  </si>
  <si>
    <t>23.135480880737305</t>
  </si>
  <si>
    <t>1064.713623046875</t>
  </si>
  <si>
    <t>0.0278756805893412</t>
  </si>
  <si>
    <t>22.646469116210938</t>
  </si>
  <si>
    <t>1551.881103515625</t>
  </si>
  <si>
    <t>-0.009501026463333062</t>
  </si>
  <si>
    <t>7669</t>
  </si>
  <si>
    <t>22.06818962097168</t>
  </si>
  <si>
    <t>1855.2000732421875</t>
  </si>
  <si>
    <t>12.643138885498047</t>
  </si>
  <si>
    <t>—eembuc˙</t>
  </si>
  <si>
    <t>22.831003189086914</t>
  </si>
  <si>
    <t>1438.64404296875</t>
  </si>
  <si>
    <t>0.008569255242306895</t>
  </si>
  <si>
    <t>22.189010620117188</t>
  </si>
  <si>
    <t>1919.4954833984375</t>
  </si>
  <si>
    <t>-0.008308499047869233</t>
  </si>
  <si>
    <t>22.32637596130371</t>
  </si>
  <si>
    <t>1255.6788330078125</t>
  </si>
  <si>
    <t>0.015008691617689252</t>
  </si>
  <si>
    <t>7937</t>
  </si>
  <si>
    <t>23.104841232299805</t>
  </si>
  <si>
    <t>1798.396240234375</t>
  </si>
  <si>
    <t>0.019079693513889495</t>
  </si>
  <si>
    <t>22.379941940307617</t>
  </si>
  <si>
    <t>1272.2894287109375</t>
  </si>
  <si>
    <t>0.033695743257389665</t>
  </si>
  <si>
    <t>22.139083862304688</t>
  </si>
  <si>
    <t>1868.49072265625</t>
  </si>
  <si>
    <t>-0.01682983031482088</t>
  </si>
  <si>
    <t>22.977739334106445</t>
  </si>
  <si>
    <t>1625.30224609375</t>
  </si>
  <si>
    <t>0.009739336061013404</t>
  </si>
  <si>
    <t>21.900754928588867</t>
  </si>
  <si>
    <t>1915.1806640625</t>
  </si>
  <si>
    <t>-0.030392176023530837</t>
  </si>
  <si>
    <t>7567</t>
  </si>
  <si>
    <t>22.29993438720703</t>
  </si>
  <si>
    <t>1341.9287109375</t>
  </si>
  <si>
    <t>-0.04395175537640483</t>
  </si>
  <si>
    <t>21.89349937438965</t>
  </si>
  <si>
    <t>1641.3154296875</t>
  </si>
  <si>
    <t>-0.05235803858420418</t>
  </si>
  <si>
    <t>22.949033737182617</t>
  </si>
  <si>
    <t>1496.0028076171875</t>
  </si>
  <si>
    <t>-0.03557883592636912</t>
  </si>
  <si>
    <t>22.64479637145996</t>
  </si>
  <si>
    <t>2088.236083984375</t>
  </si>
  <si>
    <t>-0.02454110891611805</t>
  </si>
  <si>
    <t>6999</t>
  </si>
  <si>
    <t>1381.710205078125</t>
  </si>
  <si>
    <t>0.03444857742170804</t>
  </si>
  <si>
    <t>22.291833877563477</t>
  </si>
  <si>
    <t>1456.241943359375</t>
  </si>
  <si>
    <t>0.03274834138247407</t>
  </si>
  <si>
    <t>22.457183837890625</t>
  </si>
  <si>
    <t>1339.07373046875</t>
  </si>
  <si>
    <t>0.014959450038768196</t>
  </si>
  <si>
    <t>22.9574031829834</t>
  </si>
  <si>
    <t>1503.1446533203125</t>
  </si>
  <si>
    <t>0.0422757799264577</t>
  </si>
  <si>
    <t>22.098655700683594</t>
  </si>
  <si>
    <t>1415.6627197265625</t>
  </si>
  <si>
    <t>0.04867823013577244</t>
  </si>
  <si>
    <t>8530</t>
  </si>
  <si>
    <t>22.411603927612305</t>
  </si>
  <si>
    <t>1129.6541748046875</t>
  </si>
  <si>
    <t>0.05916027831271364</t>
  </si>
  <si>
    <t>8427</t>
  </si>
  <si>
    <t>22.559003829956055</t>
  </si>
  <si>
    <t>1459.7393798828125</t>
  </si>
  <si>
    <t>-0.012148524713371245</t>
  </si>
  <si>
    <t>22.09724235534668</t>
  </si>
  <si>
    <t>1403.3624267578125</t>
  </si>
  <si>
    <t>0.09415521467569299</t>
  </si>
  <si>
    <t>9547</t>
  </si>
  <si>
    <t>22.335798263549805</t>
  </si>
  <si>
    <t>1345.7191162109375</t>
  </si>
  <si>
    <t>0.03063091754998659</t>
  </si>
  <si>
    <t>9367</t>
  </si>
  <si>
    <t>23.029531478881836</t>
  </si>
  <si>
    <t>1346.1934814453125</t>
  </si>
  <si>
    <t>-0.01903409478890339</t>
  </si>
  <si>
    <t>22.36517333984375</t>
  </si>
  <si>
    <t>1575.984375</t>
  </si>
  <si>
    <t>0.06739022142972573</t>
  </si>
  <si>
    <t>22.94470977783203</t>
  </si>
  <si>
    <t>1881.1361083984375</t>
  </si>
  <si>
    <t>0.03904796677332811</t>
  </si>
  <si>
    <t>10591</t>
  </si>
  <si>
    <t>23.194061279296875</t>
  </si>
  <si>
    <t>1900.0751953125</t>
  </si>
  <si>
    <t>0.016373521431484406</t>
  </si>
  <si>
    <t>10912</t>
  </si>
  <si>
    <t>22.01766014099121</t>
  </si>
  <si>
    <t>1619.223876953125</t>
  </si>
  <si>
    <t>0.029858517239574667</t>
  </si>
  <si>
    <t>23.048776626586914</t>
  </si>
  <si>
    <t>1957.2689208984375</t>
  </si>
  <si>
    <t>0.03511660010654616</t>
  </si>
  <si>
    <t>22.643775939941406</t>
  </si>
  <si>
    <t>1591.791748046875</t>
  </si>
  <si>
    <t>0.02005935958132632</t>
  </si>
  <si>
    <t>22.83477020263672</t>
  </si>
  <si>
    <t>1644.5428466796875</t>
  </si>
  <si>
    <t>-0.015292822178253118</t>
  </si>
  <si>
    <t>22.84764862060547</t>
  </si>
  <si>
    <t>1153.1883544921875</t>
  </si>
  <si>
    <t>-0.01965293790139455</t>
  </si>
  <si>
    <t>22.737197875976562</t>
  </si>
  <si>
    <t>1096.4736328125</t>
  </si>
  <si>
    <t>0.027896429290917624</t>
  </si>
  <si>
    <t>11343</t>
  </si>
  <si>
    <t>22.286531448364258</t>
  </si>
  <si>
    <t>1337.4180908203125</t>
  </si>
  <si>
    <t>-0.009388916423342053</t>
  </si>
  <si>
    <t>ROU</t>
  </si>
  <si>
    <t>9.659526824951172</t>
  </si>
  <si>
    <t>478.2789001464844</t>
  </si>
  <si>
    <t>130.0582275390625</t>
  </si>
  <si>
    <t>Alba</t>
  </si>
  <si>
    <t>Romania</t>
  </si>
  <si>
    <t>8.367568016052246</t>
  </si>
  <si>
    <t>739.707763671875</t>
  </si>
  <si>
    <t>-0.12985190940394098</t>
  </si>
  <si>
    <t>9.52333927154541</t>
  </si>
  <si>
    <t>560.5035400390625</t>
  </si>
  <si>
    <t>-0.08286591864798076</t>
  </si>
  <si>
    <t>9.065703392028809</t>
  </si>
  <si>
    <t>644.13671875</t>
  </si>
  <si>
    <t>0.016280009996849643</t>
  </si>
  <si>
    <t>10.022171974182129</t>
  </si>
  <si>
    <t>575.3226928710938</t>
  </si>
  <si>
    <t>0.03991014637889201</t>
  </si>
  <si>
    <t>11180</t>
  </si>
  <si>
    <t>9.030505180358887</t>
  </si>
  <si>
    <t>661.2244873046875</t>
  </si>
  <si>
    <t>0.06227513342999025</t>
  </si>
  <si>
    <t>8.546296119689941</t>
  </si>
  <si>
    <t>667.3414306640625</t>
  </si>
  <si>
    <t>0.0410938716906859</t>
  </si>
  <si>
    <t>8.924036979675293</t>
  </si>
  <si>
    <t>765.4509887695312</t>
  </si>
  <si>
    <t>-0.04692479200148014</t>
  </si>
  <si>
    <t>8.919724464416504</t>
  </si>
  <si>
    <t>754.323974609375</t>
  </si>
  <si>
    <t>-0.018615747571180563</t>
  </si>
  <si>
    <t>9.202765464782715</t>
  </si>
  <si>
    <t>763.6931762695312</t>
  </si>
  <si>
    <t>-0.0022941051584677297</t>
  </si>
  <si>
    <t>10.815411567687988</t>
  </si>
  <si>
    <t>440.17822265625</t>
  </si>
  <si>
    <t>0.025487752201657443</t>
  </si>
  <si>
    <t>9.238839149475098</t>
  </si>
  <si>
    <t>770.5557861328125</t>
  </si>
  <si>
    <t>0.04910569825612754</t>
  </si>
  <si>
    <t>10.240703582763672</t>
  </si>
  <si>
    <t>604.1517333984375</t>
  </si>
  <si>
    <t>0.05797284638650524</t>
  </si>
  <si>
    <t>9.249329566955566</t>
  </si>
  <si>
    <t>529.3355712890625</t>
  </si>
  <si>
    <t>0.0903383651204912</t>
  </si>
  <si>
    <t>9.469432830810547</t>
  </si>
  <si>
    <t>725.122802734375</t>
  </si>
  <si>
    <t>0.11860767696375518</t>
  </si>
  <si>
    <t>15204</t>
  </si>
  <si>
    <t>8.54315185546875</t>
  </si>
  <si>
    <t>800.7538452148438</t>
  </si>
  <si>
    <t>9.995016098022461</t>
  </si>
  <si>
    <t>757.9617919921875</t>
  </si>
  <si>
    <t>0.1551086152680501</t>
  </si>
  <si>
    <t>21956</t>
  </si>
  <si>
    <t>10.36197566986084</t>
  </si>
  <si>
    <t>773.25927734375</t>
  </si>
  <si>
    <t>0.21237328429259072</t>
  </si>
  <si>
    <t>10.308941841125488</t>
  </si>
  <si>
    <t>719.6134033203125</t>
  </si>
  <si>
    <t>0.018367356756938236</t>
  </si>
  <si>
    <t>10.424036979675293</t>
  </si>
  <si>
    <t>670.2574462890625</t>
  </si>
  <si>
    <t>-0.08017686683121816</t>
  </si>
  <si>
    <t>21288</t>
  </si>
  <si>
    <t>9.671881675720215</t>
  </si>
  <si>
    <t>846.1884765625</t>
  </si>
  <si>
    <t>0.030912593062025095</t>
  </si>
  <si>
    <t>21512</t>
  </si>
  <si>
    <t>509.5876159667969</t>
  </si>
  <si>
    <t>0.01046738529117519</t>
  </si>
  <si>
    <t>22891</t>
  </si>
  <si>
    <t>10.27403736114502</t>
  </si>
  <si>
    <t>571.9056396484375</t>
  </si>
  <si>
    <t>0.06213290124330584</t>
  </si>
  <si>
    <t>22143</t>
  </si>
  <si>
    <t>10.615119934082031</t>
  </si>
  <si>
    <t>673.8067626953125</t>
  </si>
  <si>
    <t>-0.03322240075384286</t>
  </si>
  <si>
    <t>10.953056335449219</t>
  </si>
  <si>
    <t>755.7273559570312</t>
  </si>
  <si>
    <t>0.06317429334571223</t>
  </si>
  <si>
    <t>10.578350067138672</t>
  </si>
  <si>
    <t>580.619140625</t>
  </si>
  <si>
    <t>0.04229460283623965</t>
  </si>
  <si>
    <t>25467</t>
  </si>
  <si>
    <t>9.824328422546387</t>
  </si>
  <si>
    <t>723.0189819335938</t>
  </si>
  <si>
    <t>0.03439318078596365</t>
  </si>
  <si>
    <t>28415</t>
  </si>
  <si>
    <t>11.007953643798828</t>
  </si>
  <si>
    <t>616.5921630859375</t>
  </si>
  <si>
    <t>0.10953367832514438</t>
  </si>
  <si>
    <t>30698</t>
  </si>
  <si>
    <t>10.936389923095703</t>
  </si>
  <si>
    <t>696.228271484375</t>
  </si>
  <si>
    <t>0.07728033114213062</t>
  </si>
  <si>
    <t>11.378056526184082</t>
  </si>
  <si>
    <t>558.8865356445312</t>
  </si>
  <si>
    <t>0.009112049686924806</t>
  </si>
  <si>
    <t>30065</t>
  </si>
  <si>
    <t>10.915120124816895</t>
  </si>
  <si>
    <t>706.6555786132812</t>
  </si>
  <si>
    <t>-0.029947851086609134</t>
  </si>
  <si>
    <t>9.915120124816895</t>
  </si>
  <si>
    <t>644.4815673828125</t>
  </si>
  <si>
    <t>0.06228044391338905</t>
  </si>
  <si>
    <t>11.295016288757324</t>
  </si>
  <si>
    <t>591.926513671875</t>
  </si>
  <si>
    <t>0.048199160361319215</t>
  </si>
  <si>
    <t>11.589729309082031</t>
  </si>
  <si>
    <t>495.1556396484375</t>
  </si>
  <si>
    <t>197.72225952148438</t>
  </si>
  <si>
    <t>Arad</t>
  </si>
  <si>
    <t>10.320578575134277</t>
  </si>
  <si>
    <t>676.7427978515625</t>
  </si>
  <si>
    <t>-0.1298069935335402</t>
  </si>
  <si>
    <t>11.533878326416016</t>
  </si>
  <si>
    <t>542.5990600585938</t>
  </si>
  <si>
    <t>-0.08292980890399271</t>
  </si>
  <si>
    <t>10.945868492126465</t>
  </si>
  <si>
    <t>563.2456665039062</t>
  </si>
  <si>
    <t>0.016350920197568897</t>
  </si>
  <si>
    <t>12833</t>
  </si>
  <si>
    <t>11.895587921142578</t>
  </si>
  <si>
    <t>520.181640625</t>
  </si>
  <si>
    <t>0.03982246823841962</t>
  </si>
  <si>
    <t>10.946887969970703</t>
  </si>
  <si>
    <t>642.4216918945312</t>
  </si>
  <si>
    <t>0.0623054522765738</t>
  </si>
  <si>
    <t>10.38295841217041</t>
  </si>
  <si>
    <t>676.2007446289062</t>
  </si>
  <si>
    <t>0.04109725316262569</t>
  </si>
  <si>
    <t>10.833084106445312</t>
  </si>
  <si>
    <t>649.58154296875</t>
  </si>
  <si>
    <t>-0.04697184782206776</t>
  </si>
  <si>
    <t>10.824749946594238</t>
  </si>
  <si>
    <t>652.4739990234375</t>
  </si>
  <si>
    <t>-0.01850872325757358</t>
  </si>
  <si>
    <t>13298</t>
  </si>
  <si>
    <t>11.076563835144043</t>
  </si>
  <si>
    <t>774.1600952148438</t>
  </si>
  <si>
    <t>-0.0023284646416179555</t>
  </si>
  <si>
    <t>12.699748992919922</t>
  </si>
  <si>
    <t>401.80462646484375</t>
  </si>
  <si>
    <t>0.02546631553071954</t>
  </si>
  <si>
    <t>14554</t>
  </si>
  <si>
    <t>11.156142234802246</t>
  </si>
  <si>
    <t>661.4201049804688</t>
  </si>
  <si>
    <t>0.06478590641391158</t>
  </si>
  <si>
    <t>12.131144523620605</t>
  </si>
  <si>
    <t>612.2716674804688</t>
  </si>
  <si>
    <t>0.05429140652054798</t>
  </si>
  <si>
    <t>11.17099666595459</t>
  </si>
  <si>
    <t>534.5177612304688</t>
  </si>
  <si>
    <t>0.023666699461607266</t>
  </si>
  <si>
    <t>11.320075035095215</t>
  </si>
  <si>
    <t>725.6270141601562</t>
  </si>
  <si>
    <t>0.15031176383518385</t>
  </si>
  <si>
    <t>10.492308616638184</t>
  </si>
  <si>
    <t>729.86962890625</t>
  </si>
  <si>
    <t>0.0076269709445053735</t>
  </si>
  <si>
    <t>11.924750328063965</t>
  </si>
  <si>
    <t>636.460205078125</t>
  </si>
  <si>
    <t>0.11998763005477286</t>
  </si>
  <si>
    <t>21102</t>
  </si>
  <si>
    <t>12.305221557617188</t>
  </si>
  <si>
    <t>690.242919921875</t>
  </si>
  <si>
    <t>0.015617481978388525</t>
  </si>
  <si>
    <t>12.187758445739746</t>
  </si>
  <si>
    <t>636.4172973632812</t>
  </si>
  <si>
    <t>0.07092447076949782</t>
  </si>
  <si>
    <t>21671</t>
  </si>
  <si>
    <t>12.322810173034668</t>
  </si>
  <si>
    <t>671.1249389648438</t>
  </si>
  <si>
    <t>-0.044317332259204534</t>
  </si>
  <si>
    <t>11.530094146728516</t>
  </si>
  <si>
    <t>887.3675537109375</t>
  </si>
  <si>
    <t>-0.008666489186980542</t>
  </si>
  <si>
    <t>11.613680839538574</t>
  </si>
  <si>
    <t>460.44500732421875</t>
  </si>
  <si>
    <t>0.06094218121092254</t>
  </si>
  <si>
    <t>23225</t>
  </si>
  <si>
    <t>12.071887969970703</t>
  </si>
  <si>
    <t>548.7451171875</t>
  </si>
  <si>
    <t>0.016978631445766723</t>
  </si>
  <si>
    <t>23213</t>
  </si>
  <si>
    <t>12.359801292419434</t>
  </si>
  <si>
    <t>598.4454956054688</t>
  </si>
  <si>
    <t>-0.0005168181345940326</t>
  </si>
  <si>
    <t>23687</t>
  </si>
  <si>
    <t>12.805220603942871</t>
  </si>
  <si>
    <t>758.8115844726562</t>
  </si>
  <si>
    <t>0.020213907875135106</t>
  </si>
  <si>
    <t>25431</t>
  </si>
  <si>
    <t>12.443134307861328</t>
  </si>
  <si>
    <t>570.1076049804688</t>
  </si>
  <si>
    <t>0.07104252785393328</t>
  </si>
  <si>
    <t>11.75350284576416</t>
  </si>
  <si>
    <t>735.0625610351562</t>
  </si>
  <si>
    <t>0.04166627644735499</t>
  </si>
  <si>
    <t>12.8561429977417</t>
  </si>
  <si>
    <t>590.1345825195312</t>
  </si>
  <si>
    <t>0.08852207227515585</t>
  </si>
  <si>
    <t>12.781144142150879</t>
  </si>
  <si>
    <t>604.0491333007812</t>
  </si>
  <si>
    <t>0.0533056294521117</t>
  </si>
  <si>
    <t>13.270259857177734</t>
  </si>
  <si>
    <t>550.2605590820312</t>
  </si>
  <si>
    <t>0.044396262317865975</t>
  </si>
  <si>
    <t>12.745074272155762</t>
  </si>
  <si>
    <t>654.667724609375</t>
  </si>
  <si>
    <t>-0.0904784151214848</t>
  </si>
  <si>
    <t>11.77761173248291</t>
  </si>
  <si>
    <t>545.2268676757812</t>
  </si>
  <si>
    <t>0.0623146944043409</t>
  </si>
  <si>
    <t>13.199749946594238</t>
  </si>
  <si>
    <t>543.8456420898438</t>
  </si>
  <si>
    <t>0.048187326211040826</t>
  </si>
  <si>
    <t>9.448872566223145</t>
  </si>
  <si>
    <t>477.04766845703125</t>
  </si>
  <si>
    <t>318.97625732421875</t>
  </si>
  <si>
    <t>Arges</t>
  </si>
  <si>
    <t>12030</t>
  </si>
  <si>
    <t>8.138570785522461</t>
  </si>
  <si>
    <t>799.0885620117188</t>
  </si>
  <si>
    <t>-0.12984630678912445</t>
  </si>
  <si>
    <t>9.094182968139648</t>
  </si>
  <si>
    <t>596.3888549804688</t>
  </si>
  <si>
    <t>-0.08289381727061773</t>
  </si>
  <si>
    <t>8.5294828414917</t>
  </si>
  <si>
    <t>717.597900390625</t>
  </si>
  <si>
    <t>0.016302761642725372</t>
  </si>
  <si>
    <t>11713</t>
  </si>
  <si>
    <t>9.692503929138184</t>
  </si>
  <si>
    <t>642.441162109375</t>
  </si>
  <si>
    <t>0.0398868617290411</t>
  </si>
  <si>
    <t>12465</t>
  </si>
  <si>
    <t>8.58781623840332</t>
  </si>
  <si>
    <t>752.9100952148438</t>
  </si>
  <si>
    <t>0.062225380887785064</t>
  </si>
  <si>
    <t>12988</t>
  </si>
  <si>
    <t>8.486515045166016</t>
  </si>
  <si>
    <t>721.6148071289062</t>
  </si>
  <si>
    <t>0.041101137265076915</t>
  </si>
  <si>
    <t>8.342504501342773</t>
  </si>
  <si>
    <t>855.4564208984375</t>
  </si>
  <si>
    <t>-0.046894057157862434</t>
  </si>
  <si>
    <t>12165</t>
  </si>
  <si>
    <t>8.493170738220215</t>
  </si>
  <si>
    <t>748.759765625</t>
  </si>
  <si>
    <t>-0.018568820847249867</t>
  </si>
  <si>
    <t>12136</t>
  </si>
  <si>
    <t>8.987905502319336</t>
  </si>
  <si>
    <t>831.3855590820312</t>
  </si>
  <si>
    <t>-0.0023867341892547245</t>
  </si>
  <si>
    <t>12449</t>
  </si>
  <si>
    <t>10.272192001342773</t>
  </si>
  <si>
    <t>498.7899169921875</t>
  </si>
  <si>
    <t>0.02546405635341742</t>
  </si>
  <si>
    <t>8.915824890136719</t>
  </si>
  <si>
    <t>736.017333984375</t>
  </si>
  <si>
    <t>0.05918240821817733</t>
  </si>
  <si>
    <t>15085</t>
  </si>
  <si>
    <t>9.79476261138916</t>
  </si>
  <si>
    <t>725.6961669921875</t>
  </si>
  <si>
    <t>0.13287816599319768</t>
  </si>
  <si>
    <t>8.77780532836914</t>
  </si>
  <si>
    <t>581.7168579101562</t>
  </si>
  <si>
    <t>0.0157193542273788</t>
  </si>
  <si>
    <t>17468</t>
  </si>
  <si>
    <t>9.248871803283691</t>
  </si>
  <si>
    <t>793.222412109375</t>
  </si>
  <si>
    <t>0.13095040878491204</t>
  </si>
  <si>
    <t>19480</t>
  </si>
  <si>
    <t>8.221527099609375</t>
  </si>
  <si>
    <t>859.6007080078125</t>
  </si>
  <si>
    <t>0.10901766259107326</t>
  </si>
  <si>
    <t>21281</t>
  </si>
  <si>
    <t>9.590161323547363</t>
  </si>
  <si>
    <t>741.7384643554688</t>
  </si>
  <si>
    <t>0.08842635763614659</t>
  </si>
  <si>
    <t>22670</t>
  </si>
  <si>
    <t>9.973871231079102</t>
  </si>
  <si>
    <t>0.06322780866890199</t>
  </si>
  <si>
    <t>9.975838661193848</t>
  </si>
  <si>
    <t>690.2138061523438</t>
  </si>
  <si>
    <t>0.06270346836502583</t>
  </si>
  <si>
    <t>25782</t>
  </si>
  <si>
    <t>10.014494895935059</t>
  </si>
  <si>
    <t>749.9863891601562</t>
  </si>
  <si>
    <t>0.06593064113645042</t>
  </si>
  <si>
    <t>9.426126480102539</t>
  </si>
  <si>
    <t>855.5390014648438</t>
  </si>
  <si>
    <t>-0.16145628103177145</t>
  </si>
  <si>
    <t>21465</t>
  </si>
  <si>
    <t>9.229602813720703</t>
  </si>
  <si>
    <t>584.5181884765625</t>
  </si>
  <si>
    <t>-0.021796591312618574</t>
  </si>
  <si>
    <t>9.842535972595215</t>
  </si>
  <si>
    <t>691.3178100585938</t>
  </si>
  <si>
    <t>-0.059949331590630095</t>
  </si>
  <si>
    <t>10.161604881286621</t>
  </si>
  <si>
    <t>730.1402587890625</t>
  </si>
  <si>
    <t>0.0005439754850655731</t>
  </si>
  <si>
    <t>21843</t>
  </si>
  <si>
    <t>10.40578556060791</t>
  </si>
  <si>
    <t>868.4033203125</t>
  </si>
  <si>
    <t>0.07686215850972467</t>
  </si>
  <si>
    <t>10.204224586486816</t>
  </si>
  <si>
    <t>724.6867065429688</t>
  </si>
  <si>
    <t>0.0395851359828594</t>
  </si>
  <si>
    <t>9.600578308105469</t>
  </si>
  <si>
    <t>751.1204833984375</t>
  </si>
  <si>
    <t>0.032172151000070315</t>
  </si>
  <si>
    <t>10.527545928955078</t>
  </si>
  <si>
    <t>755.0096435546875</t>
  </si>
  <si>
    <t>0.1168546272416009</t>
  </si>
  <si>
    <t>10.42282772064209</t>
  </si>
  <si>
    <t>742.01123046875</t>
  </si>
  <si>
    <t>0.05924769834171961</t>
  </si>
  <si>
    <t>10.993548393249512</t>
  </si>
  <si>
    <t>598.5096435546875</t>
  </si>
  <si>
    <t>0.02637577531277202</t>
  </si>
  <si>
    <t>10.583622932434082</t>
  </si>
  <si>
    <t>758.0769653320312</t>
  </si>
  <si>
    <t>-0.052805523104714425</t>
  </si>
  <si>
    <t>9.466202735900879</t>
  </si>
  <si>
    <t>748.6126708984375</t>
  </si>
  <si>
    <t>0.06229575781207508</t>
  </si>
  <si>
    <t>30441</t>
  </si>
  <si>
    <t>10.806944847106934</t>
  </si>
  <si>
    <t>595.1358642578125</t>
  </si>
  <si>
    <t>0.04818425729799003</t>
  </si>
  <si>
    <t>9.942173957824707</t>
  </si>
  <si>
    <t>411.0091857910156</t>
  </si>
  <si>
    <t>388.82562255859375</t>
  </si>
  <si>
    <t>Bacau</t>
  </si>
  <si>
    <t>9446</t>
  </si>
  <si>
    <t>8.724543571472168</t>
  </si>
  <si>
    <t>648.6746826171875</t>
  </si>
  <si>
    <t>-0.12977939124576743</t>
  </si>
  <si>
    <t>9.436107635498047</t>
  </si>
  <si>
    <t>469.30657958984375</t>
  </si>
  <si>
    <t>-0.08295823890732557</t>
  </si>
  <si>
    <t>8.739594459533691</t>
  </si>
  <si>
    <t>562.8468017578125</t>
  </si>
  <si>
    <t>0.016314319969266577</t>
  </si>
  <si>
    <t>9.793486595153809</t>
  </si>
  <si>
    <t>475.596923828125</t>
  </si>
  <si>
    <t>0.03992989138469305</t>
  </si>
  <si>
    <t>8.868529319763184</t>
  </si>
  <si>
    <t>0.0622798016598658</t>
  </si>
  <si>
    <t>10198</t>
  </si>
  <si>
    <t>8.52139949798584</t>
  </si>
  <si>
    <t>526.4320678710938</t>
  </si>
  <si>
    <t>0.04103447705253771</t>
  </si>
  <si>
    <t>9730</t>
  </si>
  <si>
    <t>8.756794929504395</t>
  </si>
  <si>
    <t>671.9081420898438</t>
  </si>
  <si>
    <t>-0.046977726435050826</t>
  </si>
  <si>
    <t>9.029337882995605</t>
  </si>
  <si>
    <t>637.1406860351562</t>
  </si>
  <si>
    <t>-0.018568035145312578</t>
  </si>
  <si>
    <t>9.719132423400879</t>
  </si>
  <si>
    <t>598.9176635742188</t>
  </si>
  <si>
    <t>-0.002306080686549805</t>
  </si>
  <si>
    <t>10.59404468536377</t>
  </si>
  <si>
    <t>416.5219421386719</t>
  </si>
  <si>
    <t>0.025488325505378384</t>
  </si>
  <si>
    <t>9.33073616027832</t>
  </si>
  <si>
    <t>577.2877197265625</t>
  </si>
  <si>
    <t>0.07164238485242791</t>
  </si>
  <si>
    <t>11510</t>
  </si>
  <si>
    <t>10.02394962310791</t>
  </si>
  <si>
    <t>602.0133056640625</t>
  </si>
  <si>
    <t>0.09174573200993486</t>
  </si>
  <si>
    <t>8.913422584533691</t>
  </si>
  <si>
    <t>457.7397766113281</t>
  </si>
  <si>
    <t>0.010629664100838099</t>
  </si>
  <si>
    <t>12786</t>
  </si>
  <si>
    <t>9.698526382446289</t>
  </si>
  <si>
    <t>589.0423583984375</t>
  </si>
  <si>
    <t>0.0945049355099048</t>
  </si>
  <si>
    <t>8.742676734924316</t>
  </si>
  <si>
    <t>651.0241088867188</t>
  </si>
  <si>
    <t>-0.016719632383665584</t>
  </si>
  <si>
    <t>9.99924373626709</t>
  </si>
  <si>
    <t>556.4989013671875</t>
  </si>
  <si>
    <t>0.05017528456709108</t>
  </si>
  <si>
    <t>14161</t>
  </si>
  <si>
    <t>10.279963493347168</t>
  </si>
  <si>
    <t>500.92071533203125</t>
  </si>
  <si>
    <t>0.06868523271296212</t>
  </si>
  <si>
    <t>15420</t>
  </si>
  <si>
    <t>10.305205345153809</t>
  </si>
  <si>
    <t>543.6218872070312</t>
  </si>
  <si>
    <t>0.08517366089426126</t>
  </si>
  <si>
    <t>9.996800422668457</t>
  </si>
  <si>
    <t>514.28662109375</t>
  </si>
  <si>
    <t>-0.02608300805489705</t>
  </si>
  <si>
    <t>9.974183082580566</t>
  </si>
  <si>
    <t>652.2145385742188</t>
  </si>
  <si>
    <t>-0.049532635033259</t>
  </si>
  <si>
    <t>13827</t>
  </si>
  <si>
    <t>9.552054405212402</t>
  </si>
  <si>
    <t>437.66009521484375</t>
  </si>
  <si>
    <t>-0.03342652264054635</t>
  </si>
  <si>
    <t>10.01027774810791</t>
  </si>
  <si>
    <t>542.7859497070312</t>
  </si>
  <si>
    <t>0.12920077350056935</t>
  </si>
  <si>
    <t>10.32213306427002</t>
  </si>
  <si>
    <t>564.8900146484375</t>
  </si>
  <si>
    <t>-0.05600757973194348</t>
  </si>
  <si>
    <t>15474</t>
  </si>
  <si>
    <t>10.51667594909668</t>
  </si>
  <si>
    <t>615.7135009765625</t>
  </si>
  <si>
    <t>0.039344799952155896</t>
  </si>
  <si>
    <t>10.627788543701172</t>
  </si>
  <si>
    <t>495.01898193359375</t>
  </si>
  <si>
    <t>0.05267853070463069</t>
  </si>
  <si>
    <t>10.189275741577148</t>
  </si>
  <si>
    <t>575.0223999023438</t>
  </si>
  <si>
    <t>0.0051976758101979215</t>
  </si>
  <si>
    <t>10.71321964263916</t>
  </si>
  <si>
    <t>583.4447631835938</t>
  </si>
  <si>
    <t>0.06727553204506442</t>
  </si>
  <si>
    <t>19135</t>
  </si>
  <si>
    <t>10.488016128540039</t>
  </si>
  <si>
    <t>553.4852905273438</t>
  </si>
  <si>
    <t>0.08720618419051007</t>
  </si>
  <si>
    <t>11.474624633789062</t>
  </si>
  <si>
    <t>418.54107666015625</t>
  </si>
  <si>
    <t>0.06200395568487416</t>
  </si>
  <si>
    <t>11.15578842163086</t>
  </si>
  <si>
    <t>575.8758544921875</t>
  </si>
  <si>
    <t>0.01762460421240597</t>
  </si>
  <si>
    <t>9.759767532348633</t>
  </si>
  <si>
    <t>572.4376831054688</t>
  </si>
  <si>
    <t>0.062346312561540884</t>
  </si>
  <si>
    <t>10.974993705749512</t>
  </si>
  <si>
    <t>446.27423095703125</t>
  </si>
  <si>
    <t>0.04815515711765883</t>
  </si>
  <si>
    <t>10.791565895080566</t>
  </si>
  <si>
    <t>500.4059753417969</t>
  </si>
  <si>
    <t>164.9830780029297</t>
  </si>
  <si>
    <t>Bihor</t>
  </si>
  <si>
    <t>9.478692054748535</t>
  </si>
  <si>
    <t>689.3202514648438</t>
  </si>
  <si>
    <t>-0.12980408800158472</t>
  </si>
  <si>
    <t>10.709378242492676</t>
  </si>
  <si>
    <t>538.8855590820312</t>
  </si>
  <si>
    <t>-0.08294534157546174</t>
  </si>
  <si>
    <t>10.186836242675781</t>
  </si>
  <si>
    <t>581.5617065429688</t>
  </si>
  <si>
    <t>0.016316617643274967</t>
  </si>
  <si>
    <t>11.119422912597656</t>
  </si>
  <si>
    <t>539.6566772460938</t>
  </si>
  <si>
    <t>0.03988564580446052</t>
  </si>
  <si>
    <t>11976</t>
  </si>
  <si>
    <t>10.229438781738281</t>
  </si>
  <si>
    <t>667.5400390625</t>
  </si>
  <si>
    <t>0.06226988734946737</t>
  </si>
  <si>
    <t>9.543973922729492</t>
  </si>
  <si>
    <t>662.6957397460938</t>
  </si>
  <si>
    <t>0.04114258440838903</t>
  </si>
  <si>
    <t>10.150673866271973</t>
  </si>
  <si>
    <t>667.3408813476562</t>
  </si>
  <si>
    <t>-0.04700475679451799</t>
  </si>
  <si>
    <t>10.071501731872559</t>
  </si>
  <si>
    <t>692.62060546875</t>
  </si>
  <si>
    <t>-0.018565361780179757</t>
  </si>
  <si>
    <t>11660</t>
  </si>
  <si>
    <t>10.399547576904297</t>
  </si>
  <si>
    <t>783.5833740234375</t>
  </si>
  <si>
    <t>-0.002312932028672776</t>
  </si>
  <si>
    <t>11.980988502502441</t>
  </si>
  <si>
    <t>446.45306396484375</t>
  </si>
  <si>
    <t>0.025487176144981305</t>
  </si>
  <si>
    <t>13203</t>
  </si>
  <si>
    <t>10.335897445678711</t>
  </si>
  <si>
    <t>678.2236938476562</t>
  </si>
  <si>
    <t>0.09879271942973666</t>
  </si>
  <si>
    <t>15294</t>
  </si>
  <si>
    <t>11.33796215057373</t>
  </si>
  <si>
    <t>621.9766845703125</t>
  </si>
  <si>
    <t>0.1470165181249694</t>
  </si>
  <si>
    <t>15182</t>
  </si>
  <si>
    <t>10.399897575378418</t>
  </si>
  <si>
    <t>532.283447265625</t>
  </si>
  <si>
    <t>-0.0073500790274572125</t>
  </si>
  <si>
    <t>10.54516887664795</t>
  </si>
  <si>
    <t>736.4286499023438</t>
  </si>
  <si>
    <t>0.11233783004259656</t>
  </si>
  <si>
    <t>16941</t>
  </si>
  <si>
    <t>9.702376365661621</t>
  </si>
  <si>
    <t>764.524169921875</t>
  </si>
  <si>
    <t>-0.0027116262783639655</t>
  </si>
  <si>
    <t>11.154834747314453</t>
  </si>
  <si>
    <t>672.291748046875</t>
  </si>
  <si>
    <t>0.11196166570269561</t>
  </si>
  <si>
    <t>20405</t>
  </si>
  <si>
    <t>11.559566497802734</t>
  </si>
  <si>
    <t>696.7576293945312</t>
  </si>
  <si>
    <t>0.07408158379626428</t>
  </si>
  <si>
    <t>11.410503387451172</t>
  </si>
  <si>
    <t>661.4276123046875</t>
  </si>
  <si>
    <t>0.03987079490746481</t>
  </si>
  <si>
    <t>19691</t>
  </si>
  <si>
    <t>11.530961036682129</t>
  </si>
  <si>
    <t>677.766357421875</t>
  </si>
  <si>
    <t>-0.0754890852022001</t>
  </si>
  <si>
    <t>19197</t>
  </si>
  <si>
    <t>10.692898750305176</t>
  </si>
  <si>
    <t>904.2891235351562</t>
  </si>
  <si>
    <t>-0.025407661737601117</t>
  </si>
  <si>
    <t>17453</t>
  </si>
  <si>
    <t>10.845170021057129</t>
  </si>
  <si>
    <t>480.7270812988281</t>
  </si>
  <si>
    <t>-0.09524246318273377</t>
  </si>
  <si>
    <t>17458</t>
  </si>
  <si>
    <t>11.3487548828125</t>
  </si>
  <si>
    <t>549.9511108398438</t>
  </si>
  <si>
    <t>0.0002864426704594081</t>
  </si>
  <si>
    <t>11.698962211608887</t>
  </si>
  <si>
    <t>609.7722778320312</t>
  </si>
  <si>
    <t>0.00028636064454978793</t>
  </si>
  <si>
    <t>19208</t>
  </si>
  <si>
    <t>12.089485168457031</t>
  </si>
  <si>
    <t>746.1090698242188</t>
  </si>
  <si>
    <t>0.09524250196124484</t>
  </si>
  <si>
    <t>11.68342113494873</t>
  </si>
  <si>
    <t>569.7965087890625</t>
  </si>
  <si>
    <t>0.032020358100597335</t>
  </si>
  <si>
    <t>10.942898750305176</t>
  </si>
  <si>
    <t>722.1713256835938</t>
  </si>
  <si>
    <t>0.039447581986259195</t>
  </si>
  <si>
    <t>12.091944694519043</t>
  </si>
  <si>
    <t>628.6444702148438</t>
  </si>
  <si>
    <t>0.09464458717091517</t>
  </si>
  <si>
    <t>24042</t>
  </si>
  <si>
    <t>12.063170433044434</t>
  </si>
  <si>
    <t>630.036865234375</t>
  </si>
  <si>
    <t>0.05836291470533794</t>
  </si>
  <si>
    <t>25320</t>
  </si>
  <si>
    <t>12.509567260742188</t>
  </si>
  <si>
    <t>572.865478515625</t>
  </si>
  <si>
    <t>0.05179229639391281</t>
  </si>
  <si>
    <t>11.997628211975098</t>
  </si>
  <si>
    <t>690.266845703125</t>
  </si>
  <si>
    <t>-0.026087740146728322</t>
  </si>
  <si>
    <t>11.010880470275879</t>
  </si>
  <si>
    <t>568.7796630859375</t>
  </si>
  <si>
    <t>0.06231150125196905</t>
  </si>
  <si>
    <t>27550</t>
  </si>
  <si>
    <t>12.398754119873047</t>
  </si>
  <si>
    <t>576.2183227539062</t>
  </si>
  <si>
    <t>0.04818417721770807</t>
  </si>
  <si>
    <t>8.132767677307129</t>
  </si>
  <si>
    <t>577.3711547851562</t>
  </si>
  <si>
    <t>130.5419158935547</t>
  </si>
  <si>
    <t>Bistrita-Nasaud</t>
  </si>
  <si>
    <t>6.8305745124816895</t>
  </si>
  <si>
    <t>750.1507568359375</t>
  </si>
  <si>
    <t>-0.129837528340623</t>
  </si>
  <si>
    <t>7.8710174560546875</t>
  </si>
  <si>
    <t>652.3310546875</t>
  </si>
  <si>
    <t>-0.08289019746140447</t>
  </si>
  <si>
    <t>7.294003009796143</t>
  </si>
  <si>
    <t>740.485595703125</t>
  </si>
  <si>
    <t>0.016280330786642594</t>
  </si>
  <si>
    <t>9473</t>
  </si>
  <si>
    <t>8.399177551269531</t>
  </si>
  <si>
    <t>654.519775390625</t>
  </si>
  <si>
    <t>0.039841617370246496</t>
  </si>
  <si>
    <t>7.379706859588623</t>
  </si>
  <si>
    <t>690.9808959960938</t>
  </si>
  <si>
    <t>0.06230600876704173</t>
  </si>
  <si>
    <t>7.017857074737549</t>
  </si>
  <si>
    <t>726.0363159179688</t>
  </si>
  <si>
    <t>0.04109967863652386</t>
  </si>
  <si>
    <t>10023</t>
  </si>
  <si>
    <t>7.238218307495117</t>
  </si>
  <si>
    <t>833.7293090820312</t>
  </si>
  <si>
    <t>-0.04696888225423379</t>
  </si>
  <si>
    <t>9839</t>
  </si>
  <si>
    <t>7.296985626220703</t>
  </si>
  <si>
    <t>885.2208251953125</t>
  </si>
  <si>
    <t>-0.018528372159101636</t>
  </si>
  <si>
    <t>9816</t>
  </si>
  <si>
    <t>7.730140686035156</t>
  </si>
  <si>
    <t>848.1015014648438</t>
  </si>
  <si>
    <t>-0.002340372475018171</t>
  </si>
  <si>
    <t>9.134090423583984</t>
  </si>
  <si>
    <t>608.791259765625</t>
  </si>
  <si>
    <t>0.025447689524868977</t>
  </si>
  <si>
    <t>7.640843868255615</t>
  </si>
  <si>
    <t>879.1267700195312</t>
  </si>
  <si>
    <t>-0.032399261170517946</t>
  </si>
  <si>
    <t>10936</t>
  </si>
  <si>
    <t>8.572775840759277</t>
  </si>
  <si>
    <t>641.17138671875</t>
  </si>
  <si>
    <t>0.11499796365868775</t>
  </si>
  <si>
    <t>7.56382942199707</t>
  </si>
  <si>
    <t>597.2060546875</t>
  </si>
  <si>
    <t>0.043393666646821316</t>
  </si>
  <si>
    <t>12127</t>
  </si>
  <si>
    <t>7.867857456207275</t>
  </si>
  <si>
    <t>820.2133178710938</t>
  </si>
  <si>
    <t>0.05998060560618512</t>
  </si>
  <si>
    <t>6.971195220947266</t>
  </si>
  <si>
    <t>832.5247192382812</t>
  </si>
  <si>
    <t>0.11080456328087074</t>
  </si>
  <si>
    <t>8.378739356994629</t>
  </si>
  <si>
    <t>856.3832397460938</t>
  </si>
  <si>
    <t>0.08222061638168121</t>
  </si>
  <si>
    <t>8.770405769348145</t>
  </si>
  <si>
    <t>874.5940551757812</t>
  </si>
  <si>
    <t>0.09648996060079362</t>
  </si>
  <si>
    <t>17663</t>
  </si>
  <si>
    <t>8.649788856506348</t>
  </si>
  <si>
    <t>808.04736328125</t>
  </si>
  <si>
    <t>0.08652254423530614</t>
  </si>
  <si>
    <t>8.749354362487793</t>
  </si>
  <si>
    <t>747.6062622070312</t>
  </si>
  <si>
    <t>-0.0200721535092363</t>
  </si>
  <si>
    <t>15904</t>
  </si>
  <si>
    <t>8.07399845123291</t>
  </si>
  <si>
    <t>968.0895385742188</t>
  </si>
  <si>
    <t>-0.0848292527498522</t>
  </si>
  <si>
    <t>16683</t>
  </si>
  <si>
    <t>8.054707527160645</t>
  </si>
  <si>
    <t>583.7714233398438</t>
  </si>
  <si>
    <t>0.04781958695931898</t>
  </si>
  <si>
    <t>17551</t>
  </si>
  <si>
    <t>8.560669898986816</t>
  </si>
  <si>
    <t>677.6798706054688</t>
  </si>
  <si>
    <t>0.050720691472015744</t>
  </si>
  <si>
    <t>8.893214225769043</t>
  </si>
  <si>
    <t>788.7639770507812</t>
  </si>
  <si>
    <t>-0.05558775831270957</t>
  </si>
  <si>
    <t>17390</t>
  </si>
  <si>
    <t>9.214008331298828</t>
  </si>
  <si>
    <t>736.4405517578125</t>
  </si>
  <si>
    <t>0.04637215833334807</t>
  </si>
  <si>
    <t>18669</t>
  </si>
  <si>
    <t>8.945405960083008</t>
  </si>
  <si>
    <t>648.3252563476562</t>
  </si>
  <si>
    <t>0.07096906588899898</t>
  </si>
  <si>
    <t>8.276190757751465</t>
  </si>
  <si>
    <t>786.019775390625</t>
  </si>
  <si>
    <t>0.04046840477710312</t>
  </si>
  <si>
    <t>9.318390846252441</t>
  </si>
  <si>
    <t>735.0145263671875</t>
  </si>
  <si>
    <t>0.05659812888037585</t>
  </si>
  <si>
    <t>21455</t>
  </si>
  <si>
    <t>9.19198989868164</t>
  </si>
  <si>
    <t>738.1185913085938</t>
  </si>
  <si>
    <t>0.04202679053081937</t>
  </si>
  <si>
    <t>9.71584415435791</t>
  </si>
  <si>
    <t>634.1704711914062</t>
  </si>
  <si>
    <t>0.05336292935512077</t>
  </si>
  <si>
    <t>21765</t>
  </si>
  <si>
    <t>9.24662971496582</t>
  </si>
  <si>
    <t>791.3721313476562</t>
  </si>
  <si>
    <t>-0.03901747279434886</t>
  </si>
  <si>
    <t>23164</t>
  </si>
  <si>
    <t>8.17812728881836</t>
  </si>
  <si>
    <t>702.7552490234375</t>
  </si>
  <si>
    <t>0.062296174359282475</t>
  </si>
  <si>
    <t>24307</t>
  </si>
  <si>
    <t>9.589442253112793</t>
  </si>
  <si>
    <t>684.2567749023438</t>
  </si>
  <si>
    <t>0.04816502534358236</t>
  </si>
  <si>
    <t>409.2000427246094</t>
  </si>
  <si>
    <t>129.07801818847656</t>
  </si>
  <si>
    <t>Botosani</t>
  </si>
  <si>
    <t>6859</t>
  </si>
  <si>
    <t>610.60009765625</t>
  </si>
  <si>
    <t>-0.12984330533441124</t>
  </si>
  <si>
    <t>464.6000061035156</t>
  </si>
  <si>
    <t>-0.0829506591316953</t>
  </si>
  <si>
    <t>533.0999755859375</t>
  </si>
  <si>
    <t>0.016495543302177396</t>
  </si>
  <si>
    <t>450.1999816894531</t>
  </si>
  <si>
    <t>0.03971199883379661</t>
  </si>
  <si>
    <t>539.8999633789062</t>
  </si>
  <si>
    <t>0.062402368770943184</t>
  </si>
  <si>
    <t>0.041069572199015525</t>
  </si>
  <si>
    <t>648.9000854492188</t>
  </si>
  <si>
    <t>-0.046995933554468294</t>
  </si>
  <si>
    <t>-0.01856930945871227</t>
  </si>
  <si>
    <t>525.0000610351562</t>
  </si>
  <si>
    <t>-0.0023094698486616494</t>
  </si>
  <si>
    <t>430.29998779296875</t>
  </si>
  <si>
    <t>0.025397284594726344</t>
  </si>
  <si>
    <t>609.4000854492188</t>
  </si>
  <si>
    <t>0.03896058438807515</t>
  </si>
  <si>
    <t>0.08863607271663199</t>
  </si>
  <si>
    <t>7993</t>
  </si>
  <si>
    <t>443.8000183105469</t>
  </si>
  <si>
    <t>-0.008843552685130263</t>
  </si>
  <si>
    <t>509.0999755859375</t>
  </si>
  <si>
    <t>-0.007156788661310642</t>
  </si>
  <si>
    <t>550.800048828125</t>
  </si>
  <si>
    <t>0.0584729874435137</t>
  </si>
  <si>
    <t>0.1623602047375119</t>
  </si>
  <si>
    <t>597.7000732421875</t>
  </si>
  <si>
    <t>0.09552043316039338</t>
  </si>
  <si>
    <t>10970</t>
  </si>
  <si>
    <t>463.0</t>
  </si>
  <si>
    <t>-0.03985160588739589</t>
  </si>
  <si>
    <t>10722</t>
  </si>
  <si>
    <t>590.300048828125</t>
  </si>
  <si>
    <t>-0.022866568881793725</t>
  </si>
  <si>
    <t>11408</t>
  </si>
  <si>
    <t>367.3000183105469</t>
  </si>
  <si>
    <t>0.0620171582665936</t>
  </si>
  <si>
    <t>10995</t>
  </si>
  <si>
    <t>534.800048828125</t>
  </si>
  <si>
    <t>-0.03687423966521486</t>
  </si>
  <si>
    <t>0.08412712451576176</t>
  </si>
  <si>
    <t>522.7000122070312</t>
  </si>
  <si>
    <t>-0.009746338283141753</t>
  </si>
  <si>
    <t>383.70001220703125</t>
  </si>
  <si>
    <t>0.02171456624670931</t>
  </si>
  <si>
    <t>12581</t>
  </si>
  <si>
    <t>0.03865176288294059</t>
  </si>
  <si>
    <t>482.20001220703125</t>
  </si>
  <si>
    <t>0.12112464529388056</t>
  </si>
  <si>
    <t>15512</t>
  </si>
  <si>
    <t>0.08830153327747503</t>
  </si>
  <si>
    <t>16362</t>
  </si>
  <si>
    <t>377.3000183105469</t>
  </si>
  <si>
    <t>0.053347655151156914</t>
  </si>
  <si>
    <t>502.10003662109375</t>
  </si>
  <si>
    <t>-0.02587899018101325</t>
  </si>
  <si>
    <t>16968</t>
  </si>
  <si>
    <t>0.0622466343518866</t>
  </si>
  <si>
    <t>432.20001220703125</t>
  </si>
  <si>
    <t>0.04820626188909927</t>
  </si>
  <si>
    <t>12.087807655334473</t>
  </si>
  <si>
    <t>337.32843017578125</t>
  </si>
  <si>
    <t>236.42356872558594</t>
  </si>
  <si>
    <t>Braila</t>
  </si>
  <si>
    <t>10.804474830627441</t>
  </si>
  <si>
    <t>495.0823669433594</t>
  </si>
  <si>
    <t>-0.12989797237748313</t>
  </si>
  <si>
    <t>8248</t>
  </si>
  <si>
    <t>11.270201683044434</t>
  </si>
  <si>
    <t>415.6365966796875</t>
  </si>
  <si>
    <t>-0.08291108118742407</t>
  </si>
  <si>
    <t>8384</t>
  </si>
  <si>
    <t>10.945201873779297</t>
  </si>
  <si>
    <t>474.0517578125</t>
  </si>
  <si>
    <t>0.016354380864028073</t>
  </si>
  <si>
    <t>12.03933334350586</t>
  </si>
  <si>
    <t>404.30621337890625</t>
  </si>
  <si>
    <t>0.03986734050980445</t>
  </si>
  <si>
    <t>11.029475212097168</t>
  </si>
  <si>
    <t>535.2843627929688</t>
  </si>
  <si>
    <t>0.062315421509239854</t>
  </si>
  <si>
    <t>9675</t>
  </si>
  <si>
    <t>10.818676948547363</t>
  </si>
  <si>
    <t>475.34002685546875</t>
  </si>
  <si>
    <t>0.04103734931811509</t>
  </si>
  <si>
    <t>10.721141815185547</t>
  </si>
  <si>
    <t>626.2781982421875</t>
  </si>
  <si>
    <t>-0.04686952915010245</t>
  </si>
  <si>
    <t>9062</t>
  </si>
  <si>
    <t>11.487808227539062</t>
  </si>
  <si>
    <t>532.0411987304688</t>
  </si>
  <si>
    <t>-0.01858586352079783</t>
  </si>
  <si>
    <t>12.106940269470215</t>
  </si>
  <si>
    <t>511.9578552246094</t>
  </si>
  <si>
    <t>-0.002320058489715393</t>
  </si>
  <si>
    <t>12.631939888000488</t>
  </si>
  <si>
    <t>331.7992248535156</t>
  </si>
  <si>
    <t>0.02544499821403967</t>
  </si>
  <si>
    <t>11.740272521972656</t>
  </si>
  <si>
    <t>495.2245178222656</t>
  </si>
  <si>
    <t>0.11025470887827815</t>
  </si>
  <si>
    <t>12.190272331237793</t>
  </si>
  <si>
    <t>536.7633666992188</t>
  </si>
  <si>
    <t>0.08573904047023717</t>
  </si>
  <si>
    <t>10.948607444763184</t>
  </si>
  <si>
    <t>405.3551940917969</t>
  </si>
  <si>
    <t>0.00292074376771545</t>
  </si>
  <si>
    <t>12.048605918884277</t>
  </si>
  <si>
    <t>553.8018798828125</t>
  </si>
  <si>
    <t>0.11586633768662757</t>
  </si>
  <si>
    <t>11.217738151550293</t>
  </si>
  <si>
    <t>566.8124389648438</t>
  </si>
  <si>
    <t>12.098607063293457</t>
  </si>
  <si>
    <t>463.490234375</t>
  </si>
  <si>
    <t>0.1064891839492006</t>
  </si>
  <si>
    <t>16267</t>
  </si>
  <si>
    <t>12.510344505310059</t>
  </si>
  <si>
    <t>452.4139709472656</t>
  </si>
  <si>
    <t>0.165194823979105</t>
  </si>
  <si>
    <t>12.556939125061035</t>
  </si>
  <si>
    <t>460.343994140625</t>
  </si>
  <si>
    <t>0.10577845253085805</t>
  </si>
  <si>
    <t>18204</t>
  </si>
  <si>
    <t>12.34860610961914</t>
  </si>
  <si>
    <t>451.8205261230469</t>
  </si>
  <si>
    <t>0.006724381839221749</t>
  </si>
  <si>
    <t>14363</t>
  </si>
  <si>
    <t>12.5902738571167</t>
  </si>
  <si>
    <t>592.40966796875</t>
  </si>
  <si>
    <t>-0.2369858947047092</t>
  </si>
  <si>
    <t>11.426071166992188</t>
  </si>
  <si>
    <t>360.6030578613281</t>
  </si>
  <si>
    <t>0.1462521310922309</t>
  </si>
  <si>
    <t>502.95556640625</t>
  </si>
  <si>
    <t>-0.0013844165090741711</t>
  </si>
  <si>
    <t>12.604475975036621</t>
  </si>
  <si>
    <t>510.85595703125</t>
  </si>
  <si>
    <t>0.03212508813843229</t>
  </si>
  <si>
    <t>17031</t>
  </si>
  <si>
    <t>12.379474639892578</t>
  </si>
  <si>
    <t>558.14306640625</t>
  </si>
  <si>
    <t>-0.006613045314576738</t>
  </si>
  <si>
    <t>12.66527271270752</t>
  </si>
  <si>
    <t>487.8890075683594</t>
  </si>
  <si>
    <t>0.027279947256941384</t>
  </si>
  <si>
    <t>12.431939125061035</t>
  </si>
  <si>
    <t>514.0641479492188</t>
  </si>
  <si>
    <t>0.05837023911744055</t>
  </si>
  <si>
    <t>20916</t>
  </si>
  <si>
    <t>12.851070404052734</t>
  </si>
  <si>
    <t>542.1162719726562</t>
  </si>
  <si>
    <t>0.11982901709480309</t>
  </si>
  <si>
    <t>12.623607635498047</t>
  </si>
  <si>
    <t>456.4785461425781</t>
  </si>
  <si>
    <t>0.071533149609456</t>
  </si>
  <si>
    <t>23626</t>
  </si>
  <si>
    <t>13.665274620056152</t>
  </si>
  <si>
    <t>307.0236511230469</t>
  </si>
  <si>
    <t>0.050300234590988424</t>
  </si>
  <si>
    <t>13.631938934326172</t>
  </si>
  <si>
    <t>456.69720458984375</t>
  </si>
  <si>
    <t>-0.06261593695385237</t>
  </si>
  <si>
    <t>12.2152738571167</t>
  </si>
  <si>
    <t>516.4730834960938</t>
  </si>
  <si>
    <t>0.06227726960661428</t>
  </si>
  <si>
    <t>13.306939125061035</t>
  </si>
  <si>
    <t>347.98944091796875</t>
  </si>
  <si>
    <t>0.04818915049542305</t>
  </si>
  <si>
    <t>7.745376110076904</t>
  </si>
  <si>
    <t>504.9636535644531</t>
  </si>
  <si>
    <t>93.90634155273438</t>
  </si>
  <si>
    <t>Brasov</t>
  </si>
  <si>
    <t>6.445375919342041</t>
  </si>
  <si>
    <t>871.6361694335938</t>
  </si>
  <si>
    <t>-0.1298151463337014</t>
  </si>
  <si>
    <t>7.356956958770752</t>
  </si>
  <si>
    <t>637.2534790039062</t>
  </si>
  <si>
    <t>-0.0828809684032148</t>
  </si>
  <si>
    <t>6.803709506988525</t>
  </si>
  <si>
    <t>773.4759521484375</t>
  </si>
  <si>
    <t>0.016353116652089383</t>
  </si>
  <si>
    <t>14371</t>
  </si>
  <si>
    <t>7.960206508636475</t>
  </si>
  <si>
    <t>653.2574462890625</t>
  </si>
  <si>
    <t>0.03981931967090979</t>
  </si>
  <si>
    <t>15295</t>
  </si>
  <si>
    <t>6.858794689178467</t>
  </si>
  <si>
    <t>783.5944213867188</t>
  </si>
  <si>
    <t>0.06231369051075575</t>
  </si>
  <si>
    <t>6.771787166595459</t>
  </si>
  <si>
    <t>776.253662109375</t>
  </si>
  <si>
    <t>0.041054723239376756</t>
  </si>
  <si>
    <t>15205</t>
  </si>
  <si>
    <t>6.62870979309082</t>
  </si>
  <si>
    <t>884.114013671875</t>
  </si>
  <si>
    <t>-0.04695637971291511</t>
  </si>
  <si>
    <t>6.773623943328857</t>
  </si>
  <si>
    <t>842.576904296875</t>
  </si>
  <si>
    <t>-0.018586661850662267</t>
  </si>
  <si>
    <t>14891</t>
  </si>
  <si>
    <t>7.29212760925293</t>
  </si>
  <si>
    <t>812.4757690429688</t>
  </si>
  <si>
    <t>-0.0022806556705976533</t>
  </si>
  <si>
    <t>8.573624610900879</t>
  </si>
  <si>
    <t>527.1874389648438</t>
  </si>
  <si>
    <t>0.025460501449591888</t>
  </si>
  <si>
    <t>7.171786785125732</t>
  </si>
  <si>
    <t>867.7943115234375</t>
  </si>
  <si>
    <t>0.08372721205920186</t>
  </si>
  <si>
    <t>8.056957244873047</t>
  </si>
  <si>
    <t>692.74755859375</t>
  </si>
  <si>
    <t>0.11729455999183003</t>
  </si>
  <si>
    <t>18188</t>
  </si>
  <si>
    <t>7.046786785125732</t>
  </si>
  <si>
    <t>584.8585815429688</t>
  </si>
  <si>
    <t>-0.026477241145927977</t>
  </si>
  <si>
    <t>18748</t>
  </si>
  <si>
    <t>7.545375347137451</t>
  </si>
  <si>
    <t>798.9085693359375</t>
  </si>
  <si>
    <t>0.030325044097695653</t>
  </si>
  <si>
    <t>6.4935383796691895</t>
  </si>
  <si>
    <t>884.5315551757812</t>
  </si>
  <si>
    <t>0.0655947425291199</t>
  </si>
  <si>
    <t>7.870376110076904</t>
  </si>
  <si>
    <t>834.7652587890625</t>
  </si>
  <si>
    <t>0.05372801225510848</t>
  </si>
  <si>
    <t>8.2717866897583</t>
  </si>
  <si>
    <t>827.984375</t>
  </si>
  <si>
    <t>0.1279772732933786</t>
  </si>
  <si>
    <t>8.2569580078125</t>
  </si>
  <si>
    <t>815.1690673828125</t>
  </si>
  <si>
    <t>0.009864547186325012</t>
  </si>
  <si>
    <t>8.295376777648926</t>
  </si>
  <si>
    <t>727.607666015625</t>
  </si>
  <si>
    <t>0.0013189351512199465</t>
  </si>
  <si>
    <t>24783</t>
  </si>
  <si>
    <t>7.706958293914795</t>
  </si>
  <si>
    <t>885.0791015625</t>
  </si>
  <si>
    <t>0.020587343772866973</t>
  </si>
  <si>
    <t>7.5652899742126465</t>
  </si>
  <si>
    <t>600.7952270507812</t>
  </si>
  <si>
    <t>0.03504818586575276</t>
  </si>
  <si>
    <t>8.151872634887695</t>
  </si>
  <si>
    <t>660.0858154296875</t>
  </si>
  <si>
    <t>0.10030235568733659</t>
  </si>
  <si>
    <t>8.48195743560791</t>
  </si>
  <si>
    <t>787.25146484375</t>
  </si>
  <si>
    <t>-0.013804090668045887</t>
  </si>
  <si>
    <t>29067</t>
  </si>
  <si>
    <t>8.668539047241211</t>
  </si>
  <si>
    <t>813.1065063476562</t>
  </si>
  <si>
    <t>0.0378991249374554</t>
  </si>
  <si>
    <t>8.512042999267578</t>
  </si>
  <si>
    <t>652.4007568359375</t>
  </si>
  <si>
    <t>0.025408112504091918</t>
  </si>
  <si>
    <t>7.928710460662842</t>
  </si>
  <si>
    <t>789.4617309570312</t>
  </si>
  <si>
    <t>0.06765708117518798</t>
  </si>
  <si>
    <t>8.85695743560791</t>
  </si>
  <si>
    <t>722.169677734375</t>
  </si>
  <si>
    <t>0.062337963638185556</t>
  </si>
  <si>
    <t>36095</t>
  </si>
  <si>
    <t>8.693538665771484</t>
  </si>
  <si>
    <t>799.1735229492188</t>
  </si>
  <si>
    <t>0.06114768420268213</t>
  </si>
  <si>
    <t>36965</t>
  </si>
  <si>
    <t>9.298623085021973</t>
  </si>
  <si>
    <t>611.7472534179688</t>
  </si>
  <si>
    <t>0.02381716741793838</t>
  </si>
  <si>
    <t>35756</t>
  </si>
  <si>
    <t>8.8986234664917</t>
  </si>
  <si>
    <t>776.7113647460938</t>
  </si>
  <si>
    <t>-0.03325343178345719</t>
  </si>
  <si>
    <t>38054</t>
  </si>
  <si>
    <t>7.760204315185547</t>
  </si>
  <si>
    <t>785.7353515625</t>
  </si>
  <si>
    <t>0.06228811639260279</t>
  </si>
  <si>
    <t>9.138453483581543</t>
  </si>
  <si>
    <t>663.1566162109375</t>
  </si>
  <si>
    <t>0.04819684611478259</t>
  </si>
  <si>
    <t>10.199250221252441</t>
  </si>
  <si>
    <t>422.9178161621094</t>
  </si>
  <si>
    <t>223.26629638671875</t>
  </si>
  <si>
    <t>Buzau</t>
  </si>
  <si>
    <t>8.874865531921387</t>
  </si>
  <si>
    <t>724.8668212890625</t>
  </si>
  <si>
    <t>-0.12972036232035755</t>
  </si>
  <si>
    <t>9.830550193786621</t>
  </si>
  <si>
    <t>491.4910888671875</t>
  </si>
  <si>
    <t>-0.0829812247676287</t>
  </si>
  <si>
    <t>9.265917778015137</t>
  </si>
  <si>
    <t>605.5018310546875</t>
  </si>
  <si>
    <t>0.016334073418979855</t>
  </si>
  <si>
    <t>10.417952537536621</t>
  </si>
  <si>
    <t>550.1423950195312</t>
  </si>
  <si>
    <t>0.039824488203128894</t>
  </si>
  <si>
    <t>8887</t>
  </si>
  <si>
    <t>9.30616283416748</t>
  </si>
  <si>
    <t>708.7805786132812</t>
  </si>
  <si>
    <t>0.06232799589357363</t>
  </si>
  <si>
    <t>9.138495445251465</t>
  </si>
  <si>
    <t>620.6234130859375</t>
  </si>
  <si>
    <t>0.041114513901749916</t>
  </si>
  <si>
    <t>8835</t>
  </si>
  <si>
    <t>9.049864768981934</t>
  </si>
  <si>
    <t>815.0792846679688</t>
  </si>
  <si>
    <t>-0.04698294288642835</t>
  </si>
  <si>
    <t>9.245795249938965</t>
  </si>
  <si>
    <t>651.3414306640625</t>
  </si>
  <si>
    <t>-0.018506354069339537</t>
  </si>
  <si>
    <t>9.781970024108887</t>
  </si>
  <si>
    <t>709.6094970703125</t>
  </si>
  <si>
    <t>-0.002424243611507393</t>
  </si>
  <si>
    <t>10.980355262756348</t>
  </si>
  <si>
    <t>416.75579833984375</t>
  </si>
  <si>
    <t>0.02556049697953533</t>
  </si>
  <si>
    <t>9.65067195892334</t>
  </si>
  <si>
    <t>623.9994506835938</t>
  </si>
  <si>
    <t>0.09052592378695401</t>
  </si>
  <si>
    <t>10.494988441467285</t>
  </si>
  <si>
    <t>677.9095458984375</t>
  </si>
  <si>
    <t>-0.010136619686823778</t>
  </si>
  <si>
    <t>10842</t>
  </si>
  <si>
    <t>9.44072437286377</t>
  </si>
  <si>
    <t>524.105712890625</t>
  </si>
  <si>
    <t>0.11968717166766929</t>
  </si>
  <si>
    <t>9.992952346801758</t>
  </si>
  <si>
    <t>733.3873291015625</t>
  </si>
  <si>
    <t>0.12795880175423235</t>
  </si>
  <si>
    <t>8.985426902770996</t>
  </si>
  <si>
    <t>746.2485961914062</t>
  </si>
  <si>
    <t>-0.08490355294209628</t>
  </si>
  <si>
    <t>10.32912826538086</t>
  </si>
  <si>
    <t>634.4150390625</t>
  </si>
  <si>
    <t>0.09242268930984743</t>
  </si>
  <si>
    <t>10.735426902770996</t>
  </si>
  <si>
    <t>603.1259765625</t>
  </si>
  <si>
    <t>0.06998580030576562</t>
  </si>
  <si>
    <t>10.686654090881348</t>
  </si>
  <si>
    <t>578.5928344726562</t>
  </si>
  <si>
    <t>0.13273310186343146</t>
  </si>
  <si>
    <t>10.67751407623291</t>
  </si>
  <si>
    <t>633.7310791015625</t>
  </si>
  <si>
    <t>-0.05023810439870857</t>
  </si>
  <si>
    <t>10.146409034729004</t>
  </si>
  <si>
    <t>767.3331298828125</t>
  </si>
  <si>
    <t>-0.04122548762311595</t>
  </si>
  <si>
    <t>14139</t>
  </si>
  <si>
    <t>9.916951179504395</t>
  </si>
  <si>
    <t>505.2242431640625</t>
  </si>
  <si>
    <t>0.018776207502201103</t>
  </si>
  <si>
    <t>14995</t>
  </si>
  <si>
    <t>10.568567276000977</t>
  </si>
  <si>
    <t>656.57861328125</t>
  </si>
  <si>
    <t>0.058779875591268294</t>
  </si>
  <si>
    <t>15727</t>
  </si>
  <si>
    <t>10.869179725646973</t>
  </si>
  <si>
    <t>684.1707153320312</t>
  </si>
  <si>
    <t>0.047662168307615715</t>
  </si>
  <si>
    <t>15549</t>
  </si>
  <si>
    <t>10.989109992980957</t>
  </si>
  <si>
    <t>790.8818969726562</t>
  </si>
  <si>
    <t>-0.01138265263290883</t>
  </si>
  <si>
    <t>16558</t>
  </si>
  <si>
    <t>10.915724754333496</t>
  </si>
  <si>
    <t>666.1221313476562</t>
  </si>
  <si>
    <t>0.06287304084093392</t>
  </si>
  <si>
    <t>16309</t>
  </si>
  <si>
    <t>10.372830390930176</t>
  </si>
  <si>
    <t>682.2564697265625</t>
  </si>
  <si>
    <t>-0.015152266041832618</t>
  </si>
  <si>
    <t>18058</t>
  </si>
  <si>
    <t>11.219794273376465</t>
  </si>
  <si>
    <t>729.4317626953125</t>
  </si>
  <si>
    <t>0.10187169721050715</t>
  </si>
  <si>
    <t>20091</t>
  </si>
  <si>
    <t>11.061461448669434</t>
  </si>
  <si>
    <t>620.9819946289062</t>
  </si>
  <si>
    <t>0.10668315371073511</t>
  </si>
  <si>
    <t>21023</t>
  </si>
  <si>
    <t>11.738075256347656</t>
  </si>
  <si>
    <t>442.74090576171875</t>
  </si>
  <si>
    <t>0.04534512288696568</t>
  </si>
  <si>
    <t>20867</t>
  </si>
  <si>
    <t>11.386847496032715</t>
  </si>
  <si>
    <t>612.575439453125</t>
  </si>
  <si>
    <t>-0.007448112731740508</t>
  </si>
  <si>
    <t>22208</t>
  </si>
  <si>
    <t>10.20961856842041</t>
  </si>
  <si>
    <t>0.062283620573145626</t>
  </si>
  <si>
    <t>23305</t>
  </si>
  <si>
    <t>11.57912826538086</t>
  </si>
  <si>
    <t>486.178955078125</t>
  </si>
  <si>
    <t>0.048215345500310036</t>
  </si>
  <si>
    <t>12.542840003967285</t>
  </si>
  <si>
    <t>350.26263427734375</t>
  </si>
  <si>
    <t>61.924072265625</t>
  </si>
  <si>
    <t>Calarasi</t>
  </si>
  <si>
    <t>11.241551399230957</t>
  </si>
  <si>
    <t>510.8363952636719</t>
  </si>
  <si>
    <t>-0.12990928327173457</t>
  </si>
  <si>
    <t>11.726173400878906</t>
  </si>
  <si>
    <t>400.0227966308594</t>
  </si>
  <si>
    <t>-0.08280792397400383</t>
  </si>
  <si>
    <t>11.411505699157715</t>
  </si>
  <si>
    <t>459.2903137207031</t>
  </si>
  <si>
    <t>0.016339243982958607</t>
  </si>
  <si>
    <t>12.48708724975586</t>
  </si>
  <si>
    <t>426.29254150390625</t>
  </si>
  <si>
    <t>0.03986114890225423</t>
  </si>
  <si>
    <t>11.501884460449219</t>
  </si>
  <si>
    <t>573.0719604492188</t>
  </si>
  <si>
    <t>0.062192584845584875</t>
  </si>
  <si>
    <t>11.282698631286621</t>
  </si>
  <si>
    <t>449.4690246582031</t>
  </si>
  <si>
    <t>0.041147144905172794</t>
  </si>
  <si>
    <t>11.218329429626465</t>
  </si>
  <si>
    <t>623.6092529296875</t>
  </si>
  <si>
    <t>-0.046990743785695344</t>
  </si>
  <si>
    <t>11.878975868225098</t>
  </si>
  <si>
    <t>545.9577026367188</t>
  </si>
  <si>
    <t>-0.018571274505173818</t>
  </si>
  <si>
    <t>12.53450870513916</t>
  </si>
  <si>
    <t>521.6441040039062</t>
  </si>
  <si>
    <t>-0.0023632456956956815</t>
  </si>
  <si>
    <t>7371</t>
  </si>
  <si>
    <t>13.09563159942627</t>
  </si>
  <si>
    <t>317.1322021484375</t>
  </si>
  <si>
    <t>0.025557862676162557</t>
  </si>
  <si>
    <t>12.182784080505371</t>
  </si>
  <si>
    <t>399.2098693847656</t>
  </si>
  <si>
    <t>0.20432700666526316</t>
  </si>
  <si>
    <t>8075</t>
  </si>
  <si>
    <t>12.647144317626953</t>
  </si>
  <si>
    <t>530.5078735351562</t>
  </si>
  <si>
    <t>-0.1131075197636946</t>
  </si>
  <si>
    <t>11.439362525939941</t>
  </si>
  <si>
    <t>390.8136291503906</t>
  </si>
  <si>
    <t>0.05879450161871702</t>
  </si>
  <si>
    <t>12.544373512268066</t>
  </si>
  <si>
    <t>541.3561401367188</t>
  </si>
  <si>
    <t>0.26449973288360695</t>
  </si>
  <si>
    <t>11.658303260803223</t>
  </si>
  <si>
    <t>573.1038208007812</t>
  </si>
  <si>
    <t>-0.18928308082055345</t>
  </si>
  <si>
    <t>12.523709297180176</t>
  </si>
  <si>
    <t>457.0235595703125</t>
  </si>
  <si>
    <t>0.07930094516187403</t>
  </si>
  <si>
    <t>12.966086387634277</t>
  </si>
  <si>
    <t>419.719970703125</t>
  </si>
  <si>
    <t>0.05090802758552648</t>
  </si>
  <si>
    <t>13.003447532653809</t>
  </si>
  <si>
    <t>398.2876892089844</t>
  </si>
  <si>
    <t>0.2899140572321155</t>
  </si>
  <si>
    <t>12.767650604248047</t>
  </si>
  <si>
    <t>506.7560119628906</t>
  </si>
  <si>
    <t>-0.14220907818699757</t>
  </si>
  <si>
    <t>12.995665550231934</t>
  </si>
  <si>
    <t>576.5834350585938</t>
  </si>
  <si>
    <t>0.08450639652035541</t>
  </si>
  <si>
    <t>11.909507751464844</t>
  </si>
  <si>
    <t>435.8343811035156</t>
  </si>
  <si>
    <t>-0.03630622476846668</t>
  </si>
  <si>
    <t>12509</t>
  </si>
  <si>
    <t>13.063431739807129</t>
  </si>
  <si>
    <t>502.1501770019531</t>
  </si>
  <si>
    <t>-0.022449761102292243</t>
  </si>
  <si>
    <t>13525</t>
  </si>
  <si>
    <t>13.0800142288208</t>
  </si>
  <si>
    <t>483.96759033203125</t>
  </si>
  <si>
    <t>0.07809143949994102</t>
  </si>
  <si>
    <t>12.825434684753418</t>
  </si>
  <si>
    <t>614.0126342773438</t>
  </si>
  <si>
    <t>-0.03690177734708122</t>
  </si>
  <si>
    <t>13414</t>
  </si>
  <si>
    <t>13.068119049072266</t>
  </si>
  <si>
    <t>550.4241943359375</t>
  </si>
  <si>
    <t>0.02866089029208041</t>
  </si>
  <si>
    <t>13764</t>
  </si>
  <si>
    <t>12.906739234924316</t>
  </si>
  <si>
    <t>490.2390441894531</t>
  </si>
  <si>
    <t>0.025757550257688777</t>
  </si>
  <si>
    <t>14856</t>
  </si>
  <si>
    <t>13.307751655578613</t>
  </si>
  <si>
    <t>544.3107299804688</t>
  </si>
  <si>
    <t>0.07634733611517142</t>
  </si>
  <si>
    <t>16191</t>
  </si>
  <si>
    <t>13.095114707946777</t>
  </si>
  <si>
    <t>501.3795471191406</t>
  </si>
  <si>
    <t>0.08605170825421027</t>
  </si>
  <si>
    <t>14.104706764221191</t>
  </si>
  <si>
    <t>347.76055908203125</t>
  </si>
  <si>
    <t>0.042206990131168354</t>
  </si>
  <si>
    <t>14.10802936553955</t>
  </si>
  <si>
    <t>522.5286254882812</t>
  </si>
  <si>
    <t>-0.10595937521025789</t>
  </si>
  <si>
    <t>12.68576717376709</t>
  </si>
  <si>
    <t>538.4249267578125</t>
  </si>
  <si>
    <t>0.06233083287579433</t>
  </si>
  <si>
    <t>13.765101432800293</t>
  </si>
  <si>
    <t>341.0989990234375</t>
  </si>
  <si>
    <t>0.0481773612842229</t>
  </si>
  <si>
    <t>10.577844619750977</t>
  </si>
  <si>
    <t>584.9849243164062</t>
  </si>
  <si>
    <t>164.22637939453125</t>
  </si>
  <si>
    <t>Caras-Severin</t>
  </si>
  <si>
    <t>9.269699096679688</t>
  </si>
  <si>
    <t>833.4579467773438</t>
  </si>
  <si>
    <t>-0.12980034766040127</t>
  </si>
  <si>
    <t>10.3753662109375</t>
  </si>
  <si>
    <t>684.932861328125</t>
  </si>
  <si>
    <t>-0.08285321649576183</t>
  </si>
  <si>
    <t>9.838517189025879</t>
  </si>
  <si>
    <t>701.2460327148438</t>
  </si>
  <si>
    <t>0.016319881211757092</t>
  </si>
  <si>
    <t>10.863822937011719</t>
  </si>
  <si>
    <t>636.9913330078125</t>
  </si>
  <si>
    <t>0.039773521742034745</t>
  </si>
  <si>
    <t>9.854723930358887</t>
  </si>
  <si>
    <t>775.35595703125</t>
  </si>
  <si>
    <t>0.06238699118512159</t>
  </si>
  <si>
    <t>9.391111373901367</t>
  </si>
  <si>
    <t>818.095947265625</t>
  </si>
  <si>
    <t>0.04106811807552191</t>
  </si>
  <si>
    <t>10339</t>
  </si>
  <si>
    <t>9.679155349731445</t>
  </si>
  <si>
    <t>804.5327758789062</t>
  </si>
  <si>
    <t>-0.04695077161829353</t>
  </si>
  <si>
    <t>9.710814476013184</t>
  </si>
  <si>
    <t>812.8888549804688</t>
  </si>
  <si>
    <t>-0.018547974137874235</t>
  </si>
  <si>
    <t>10.170191764831543</t>
  </si>
  <si>
    <t>921.6728515625</t>
  </si>
  <si>
    <t>-0.002367565474077793</t>
  </si>
  <si>
    <t>10386</t>
  </si>
  <si>
    <t>11.569546699523926</t>
  </si>
  <si>
    <t>520.7779541015625</t>
  </si>
  <si>
    <t>0.025451132429523682</t>
  </si>
  <si>
    <t>10.079270362854004</t>
  </si>
  <si>
    <t>840.3814086914062</t>
  </si>
  <si>
    <t>0.08673051079644978</t>
  </si>
  <si>
    <t>10.997570037841797</t>
  </si>
  <si>
    <t>755.1477661132812</t>
  </si>
  <si>
    <t>0.06601619638411904</t>
  </si>
  <si>
    <t>13151</t>
  </si>
  <si>
    <t>10.040657043457031</t>
  </si>
  <si>
    <t>648.0292358398438</t>
  </si>
  <si>
    <t>0.08329234875713176</t>
  </si>
  <si>
    <t>14290</t>
  </si>
  <si>
    <t>10.31795597076416</t>
  </si>
  <si>
    <t>897.313232421875</t>
  </si>
  <si>
    <t>0.08306219058194841</t>
  </si>
  <si>
    <t>14132</t>
  </si>
  <si>
    <t>9.42879581451416</t>
  </si>
  <si>
    <t>915.8444213867188</t>
  </si>
  <si>
    <t>-0.011118262444878013</t>
  </si>
  <si>
    <t>10.846966743469238</t>
  </si>
  <si>
    <t>817.2637329101562</t>
  </si>
  <si>
    <t>0.0839758280536067</t>
  </si>
  <si>
    <t>16247</t>
  </si>
  <si>
    <t>11.196829795837402</t>
  </si>
  <si>
    <t>844.9735107421875</t>
  </si>
  <si>
    <t>0.055490718797107874</t>
  </si>
  <si>
    <t>17188</t>
  </si>
  <si>
    <t>11.111456871032715</t>
  </si>
  <si>
    <t>777.6395874023438</t>
  </si>
  <si>
    <t>0.05630318956513669</t>
  </si>
  <si>
    <t>18236</t>
  </si>
  <si>
    <t>11.190499305725098</t>
  </si>
  <si>
    <t>837.4768676757812</t>
  </si>
  <si>
    <t>0.05918619643844458</t>
  </si>
  <si>
    <t>10.450472831726074</t>
  </si>
  <si>
    <t>1078.5394287109375</t>
  </si>
  <si>
    <t>-0.06379302150868327</t>
  </si>
  <si>
    <t>16289</t>
  </si>
  <si>
    <t>10.477299690246582</t>
  </si>
  <si>
    <t>591.7606201171875</t>
  </si>
  <si>
    <t>-0.049114607467043214</t>
  </si>
  <si>
    <t>11.069575309753418</t>
  </si>
  <si>
    <t>678.0551147460938</t>
  </si>
  <si>
    <t>0.0964313343203429</t>
  </si>
  <si>
    <t>11.296319007873535</t>
  </si>
  <si>
    <t>760.7498779296875</t>
  </si>
  <si>
    <t>-0.055002979380034844</t>
  </si>
  <si>
    <t>17557</t>
  </si>
  <si>
    <t>11.591582298278809</t>
  </si>
  <si>
    <t>971.60595703125</t>
  </si>
  <si>
    <t>0.033534342471295275</t>
  </si>
  <si>
    <t>19065</t>
  </si>
  <si>
    <t>11.340550422668457</t>
  </si>
  <si>
    <t>721.1884155273438</t>
  </si>
  <si>
    <t>0.08240146252245673</t>
  </si>
  <si>
    <t>21121</t>
  </si>
  <si>
    <t>10.72513198852539</t>
  </si>
  <si>
    <t>910.610107421875</t>
  </si>
  <si>
    <t>0.10241361289247664</t>
  </si>
  <si>
    <t>11.744282722473145</t>
  </si>
  <si>
    <t>697.2609252929688</t>
  </si>
  <si>
    <t>0.05270321802158584</t>
  </si>
  <si>
    <t>11.608895301818848</t>
  </si>
  <si>
    <t>0.009743964816015804</t>
  </si>
  <si>
    <t>12.137862205505371</t>
  </si>
  <si>
    <t>739.6975708007812</t>
  </si>
  <si>
    <t>0.04912476744531169</t>
  </si>
  <si>
    <t>11.684334754943848</t>
  </si>
  <si>
    <t>822.594970703125</t>
  </si>
  <si>
    <t>-0.03354530984795545</t>
  </si>
  <si>
    <t>10.626811027526855</t>
  </si>
  <si>
    <t>700.5009765625</t>
  </si>
  <si>
    <t>0.062305352879501896</t>
  </si>
  <si>
    <t>25502</t>
  </si>
  <si>
    <t>12.040362358093262</t>
  </si>
  <si>
    <t>684.59814453125</t>
  </si>
  <si>
    <t>0.04815708094488613</t>
  </si>
  <si>
    <t>9.337481498718262</t>
  </si>
  <si>
    <t>471.77557373046875</t>
  </si>
  <si>
    <t>353.9452819824219</t>
  </si>
  <si>
    <t>Cluj</t>
  </si>
  <si>
    <t>8.01819133758545</t>
  </si>
  <si>
    <t>701.5126342773438</t>
  </si>
  <si>
    <t>-0.1298220614947443</t>
  </si>
  <si>
    <t>9.317004203796387</t>
  </si>
  <si>
    <t>578.095703125</t>
  </si>
  <si>
    <t>-0.08286845986720692</t>
  </si>
  <si>
    <t>8.751235008239746</t>
  </si>
  <si>
    <t>658.6288452148438</t>
  </si>
  <si>
    <t>0.01630139693247301</t>
  </si>
  <si>
    <t>13773</t>
  </si>
  <si>
    <t>9.700626373291016</t>
  </si>
  <si>
    <t>584.6373901367188</t>
  </si>
  <si>
    <t>0.03984531825613047</t>
  </si>
  <si>
    <t>8.709299087524414</t>
  </si>
  <si>
    <t>658.7301025390625</t>
  </si>
  <si>
    <t>0.062344327372699126</t>
  </si>
  <si>
    <t>15273</t>
  </si>
  <si>
    <t>8.122053146362305</t>
  </si>
  <si>
    <t>698.12841796875</t>
  </si>
  <si>
    <t>0.04103208228041488</t>
  </si>
  <si>
    <t>784.9891967773438</t>
  </si>
  <si>
    <t>-0.046916062036748585</t>
  </si>
  <si>
    <t>14305</t>
  </si>
  <si>
    <t>8.574119567871094</t>
  </si>
  <si>
    <t>751.4780883789062</t>
  </si>
  <si>
    <t>-0.018561375049486628</t>
  </si>
  <si>
    <t>8.856894493103027</t>
  </si>
  <si>
    <t>754.349853515625</t>
  </si>
  <si>
    <t>-0.002309550664419291</t>
  </si>
  <si>
    <t>10.461535453796387</t>
  </si>
  <si>
    <t>489.8177795410156</t>
  </si>
  <si>
    <t>0.02545793269551133</t>
  </si>
  <si>
    <t>767.3788452148438</t>
  </si>
  <si>
    <t>0.08331603301850521</t>
  </si>
  <si>
    <t>17885</t>
  </si>
  <si>
    <t>9.918460845947266</t>
  </si>
  <si>
    <t>606.3107299804688</t>
  </si>
  <si>
    <t>0.1168888311593097</t>
  </si>
  <si>
    <t>18329</t>
  </si>
  <si>
    <t>8.93384075164795</t>
  </si>
  <si>
    <t>520.1573486328125</t>
  </si>
  <si>
    <t>0.024522132278731235</t>
  </si>
  <si>
    <t>9.114717483520508</t>
  </si>
  <si>
    <t>726.9049682617188</t>
  </si>
  <si>
    <t>0.08102846875036285</t>
  </si>
  <si>
    <t>8.279807090759277</t>
  </si>
  <si>
    <t>754.0750732421875</t>
  </si>
  <si>
    <t>0.06566675845733627</t>
  </si>
  <si>
    <t>9.68925952911377</t>
  </si>
  <si>
    <t>756.8270874023438</t>
  </si>
  <si>
    <t>0.06815388595030214</t>
  </si>
  <si>
    <t>26969</t>
  </si>
  <si>
    <t>10.07348918914795</t>
  </si>
  <si>
    <t>782.2395629882812</t>
  </si>
  <si>
    <t>0.1713544400814353</t>
  </si>
  <si>
    <t>9.938939094543457</t>
  </si>
  <si>
    <t>729.9133911132812</t>
  </si>
  <si>
    <t>0.029844238497521047</t>
  </si>
  <si>
    <t>10.103251457214355</t>
  </si>
  <si>
    <t>686.9908447265625</t>
  </si>
  <si>
    <t>-0.028547293547045882</t>
  </si>
  <si>
    <t>9.33602523803711</t>
  </si>
  <si>
    <t>844.6572265625</t>
  </si>
  <si>
    <t>-0.043094299724144136</t>
  </si>
  <si>
    <t>9.427474021911621</t>
  </si>
  <si>
    <t>525.6284790039062</t>
  </si>
  <si>
    <t>0.019867062361763388</t>
  </si>
  <si>
    <t>9.929388999938965</t>
  </si>
  <si>
    <t>596.5455322265625</t>
  </si>
  <si>
    <t>0.06730861584068215</t>
  </si>
  <si>
    <t>10.2421236038208</t>
  </si>
  <si>
    <t>683.4395141601562</t>
  </si>
  <si>
    <t>0.017109447909900766</t>
  </si>
  <si>
    <t>30605</t>
  </si>
  <si>
    <t>10.629927635192871</t>
  </si>
  <si>
    <t>746.2490234375</t>
  </si>
  <si>
    <t>0.06398756473520706</t>
  </si>
  <si>
    <t>10.271714210510254</t>
  </si>
  <si>
    <t>594.3602294921875</t>
  </si>
  <si>
    <t>0.010272170419732163</t>
  </si>
  <si>
    <t>9.526914596557617</t>
  </si>
  <si>
    <t>720.3758544921875</t>
  </si>
  <si>
    <t>0.10046839018248299</t>
  </si>
  <si>
    <t>39424</t>
  </si>
  <si>
    <t>10.7101469039917</t>
  </si>
  <si>
    <t>628.8473510742188</t>
  </si>
  <si>
    <t>0.1424708130058061</t>
  </si>
  <si>
    <t>40964</t>
  </si>
  <si>
    <t>10.605605125427246</t>
  </si>
  <si>
    <t>710.8323974609375</t>
  </si>
  <si>
    <t>0.03831886430213771</t>
  </si>
  <si>
    <t>11.04625415802002</t>
  </si>
  <si>
    <t>585.1238403320312</t>
  </si>
  <si>
    <t>0.05965342714200794</t>
  </si>
  <si>
    <t>43282</t>
  </si>
  <si>
    <t>10.519108772277832</t>
  </si>
  <si>
    <t>726.0211181640625</t>
  </si>
  <si>
    <t>-0.004610215163769027</t>
  </si>
  <si>
    <t>9.515397071838379</t>
  </si>
  <si>
    <t>674.4605102539062</t>
  </si>
  <si>
    <t>0.062294889678389254</t>
  </si>
  <si>
    <t>10.954291343688965</t>
  </si>
  <si>
    <t>594.9940795898438</t>
  </si>
  <si>
    <t>0.04818626694596517</t>
  </si>
  <si>
    <t>18021</t>
  </si>
  <si>
    <t>12.384170532226562</t>
  </si>
  <si>
    <t>325.8269958496094</t>
  </si>
  <si>
    <t>120.8383560180664</t>
  </si>
  <si>
    <t>Constanta</t>
  </si>
  <si>
    <t>11.09246826171875</t>
  </si>
  <si>
    <t>452.48358154296875</t>
  </si>
  <si>
    <t>-0.12982040218498803</t>
  </si>
  <si>
    <t>11.536083221435547</t>
  </si>
  <si>
    <t>359.802490234375</t>
  </si>
  <si>
    <t>-0.0828899999258379</t>
  </si>
  <si>
    <t>14808</t>
  </si>
  <si>
    <t>11.220317840576172</t>
  </si>
  <si>
    <t>440.79522705078125</t>
  </si>
  <si>
    <t>0.0163402328458897</t>
  </si>
  <si>
    <t>12.314688682556152</t>
  </si>
  <si>
    <t>414.76904296875</t>
  </si>
  <si>
    <t>0.03984907406082705</t>
  </si>
  <si>
    <t>11.360650062561035</t>
  </si>
  <si>
    <t>542.1343994140625</t>
  </si>
  <si>
    <t>0.06226468549812836</t>
  </si>
  <si>
    <t>17088</t>
  </si>
  <si>
    <t>11.138752937316895</t>
  </si>
  <si>
    <t>468.8507385253906</t>
  </si>
  <si>
    <t>0.04109512794763148</t>
  </si>
  <si>
    <t>11.078434944152832</t>
  </si>
  <si>
    <t>607.97216796875</t>
  </si>
  <si>
    <t>-0.04696598629741544</t>
  </si>
  <si>
    <t>11.74665355682373</t>
  </si>
  <si>
    <t>543.25244140625</t>
  </si>
  <si>
    <t>-0.01857178548537952</t>
  </si>
  <si>
    <t>12.400115966796875</t>
  </si>
  <si>
    <t>515.0945434570312</t>
  </si>
  <si>
    <t>-0.0023145986374242256</t>
  </si>
  <si>
    <t>12.966205596923828</t>
  </si>
  <si>
    <t>307.0939636230469</t>
  </si>
  <si>
    <t>0.025475934142678014</t>
  </si>
  <si>
    <t>16732</t>
  </si>
  <si>
    <t>12.022263526916504</t>
  </si>
  <si>
    <t>426.5325927734375</t>
  </si>
  <si>
    <t>0.02132302707970979</t>
  </si>
  <si>
    <t>19270</t>
  </si>
  <si>
    <t>12.497303009033203</t>
  </si>
  <si>
    <t>517.8382568359375</t>
  </si>
  <si>
    <t>0.14122642884632164</t>
  </si>
  <si>
    <t>11.252028465270996</t>
  </si>
  <si>
    <t>399.0016784667969</t>
  </si>
  <si>
    <t>-0.02735573000985525</t>
  </si>
  <si>
    <t>20759</t>
  </si>
  <si>
    <t>12.384783744812012</t>
  </si>
  <si>
    <t>502.77838134765625</t>
  </si>
  <si>
    <t>0.10178613516423773</t>
  </si>
  <si>
    <t>22810</t>
  </si>
  <si>
    <t>11.498023986816406</t>
  </si>
  <si>
    <t>545.849365234375</t>
  </si>
  <si>
    <t>0.09421914871563963</t>
  </si>
  <si>
    <t>12.353362083435059</t>
  </si>
  <si>
    <t>491.650390625</t>
  </si>
  <si>
    <t>0.05156287663533021</t>
  </si>
  <si>
    <t>12.807690620422363</t>
  </si>
  <si>
    <t>459.6258850097656</t>
  </si>
  <si>
    <t>0.00045790405628842734</t>
  </si>
  <si>
    <t>12.848601341247559</t>
  </si>
  <si>
    <t>388.32501220703125</t>
  </si>
  <si>
    <t>0.022102848632696848</t>
  </si>
  <si>
    <t>12.591636657714844</t>
  </si>
  <si>
    <t>501.3218688964844</t>
  </si>
  <si>
    <t>0.02564036943020831</t>
  </si>
  <si>
    <t>24493</t>
  </si>
  <si>
    <t>571.41796875</t>
  </si>
  <si>
    <t>-0.028575672609955305</t>
  </si>
  <si>
    <t>11.754876136779785</t>
  </si>
  <si>
    <t>394.7824401855469</t>
  </si>
  <si>
    <t>0.16115434395245742</t>
  </si>
  <si>
    <t>12.875691413879395</t>
  </si>
  <si>
    <t>471.4218444824219</t>
  </si>
  <si>
    <t>0.040288073861526996</t>
  </si>
  <si>
    <t>12.902207374572754</t>
  </si>
  <si>
    <t>465.2495422363281</t>
  </si>
  <si>
    <t>0.08500384459097177</t>
  </si>
  <si>
    <t>12.684060096740723</t>
  </si>
  <si>
    <t>647.1398315429688</t>
  </si>
  <si>
    <t>0.09551362244465444</t>
  </si>
  <si>
    <t>33568</t>
  </si>
  <si>
    <t>12.933341979980469</t>
  </si>
  <si>
    <t>544.4541625976562</t>
  </si>
  <si>
    <t>-0.06677401507658942</t>
  </si>
  <si>
    <t>12.75195598602295</t>
  </si>
  <si>
    <t>491.8484802246094</t>
  </si>
  <si>
    <t>0.011462886351868207</t>
  </si>
  <si>
    <t>13.152785301208496</t>
  </si>
  <si>
    <t>553.3717651367188</t>
  </si>
  <si>
    <t>0.0207521072458956</t>
  </si>
  <si>
    <t>12.934603691101074</t>
  </si>
  <si>
    <t>482.57501220703125</t>
  </si>
  <si>
    <t>0.03480978421679559</t>
  </si>
  <si>
    <t>13.975765228271484</t>
  </si>
  <si>
    <t>-0.04033458024329306</t>
  </si>
  <si>
    <t>13.954875946044922</t>
  </si>
  <si>
    <t>457.68707275390625</t>
  </si>
  <si>
    <t>-0.07681138300027612</t>
  </si>
  <si>
    <t>12.532691955566406</t>
  </si>
  <si>
    <t>543.2554931640625</t>
  </si>
  <si>
    <t>0.06229063994993922</t>
  </si>
  <si>
    <t>35656</t>
  </si>
  <si>
    <t>13.626018524169922</t>
  </si>
  <si>
    <t>357.2424011230469</t>
  </si>
  <si>
    <t>0.04817474890943885</t>
  </si>
  <si>
    <t>14614</t>
  </si>
  <si>
    <t>7.701900482177734</t>
  </si>
  <si>
    <t>498.4996337890625</t>
  </si>
  <si>
    <t>251.92129516601562</t>
  </si>
  <si>
    <t>Covasna</t>
  </si>
  <si>
    <t>6.401900768280029</t>
  </si>
  <si>
    <t>865.7545166015625</t>
  </si>
  <si>
    <t>-0.12980415904592313</t>
  </si>
  <si>
    <t>7.301900386810303</t>
  </si>
  <si>
    <t>634.8179931640625</t>
  </si>
  <si>
    <t>-0.08289054543805996</t>
  </si>
  <si>
    <t>6.749628067016602</t>
  </si>
  <si>
    <t>761.2408447265625</t>
  </si>
  <si>
    <t>0.016287825446116955</t>
  </si>
  <si>
    <t>7.901899814605713</t>
  </si>
  <si>
    <t>638.0089111328125</t>
  </si>
  <si>
    <t>0.039835498766169763</t>
  </si>
  <si>
    <t>6.801900863647461</t>
  </si>
  <si>
    <t>799.640869140625</t>
  </si>
  <si>
    <t>0.06235544213037869</t>
  </si>
  <si>
    <t>6.720839023590088</t>
  </si>
  <si>
    <t>789.6095581054688</t>
  </si>
  <si>
    <t>0.041098647977481306</t>
  </si>
  <si>
    <t>6.56743049621582</t>
  </si>
  <si>
    <t>864.3313598632812</t>
  </si>
  <si>
    <t>-0.0469805742938032</t>
  </si>
  <si>
    <t>6.726900100708008</t>
  </si>
  <si>
    <t>819.69970703125</t>
  </si>
  <si>
    <t>-0.018549442205765487</t>
  </si>
  <si>
    <t>7.2507643699646</t>
  </si>
  <si>
    <t>763.4315185546875</t>
  </si>
  <si>
    <t>-0.002391330641623668</t>
  </si>
  <si>
    <t>13283</t>
  </si>
  <si>
    <t>8.526900291442871</t>
  </si>
  <si>
    <t>546.9183349609375</t>
  </si>
  <si>
    <t>0.025543686086368922</t>
  </si>
  <si>
    <t>7.118566989898682</t>
  </si>
  <si>
    <t>852.3954467773438</t>
  </si>
  <si>
    <t>-0.04598599893866151</t>
  </si>
  <si>
    <t>7.992431163787842</t>
  </si>
  <si>
    <t>717.85400390625</t>
  </si>
  <si>
    <t>0.11597714234445711</t>
  </si>
  <si>
    <t>6.985233783721924</t>
  </si>
  <si>
    <t>601.7815551757812</t>
  </si>
  <si>
    <t>-0.07179959842357952</t>
  </si>
  <si>
    <t>7.492431163787842</t>
  </si>
  <si>
    <t>787.4222412109375</t>
  </si>
  <si>
    <t>0.13114337123398911</t>
  </si>
  <si>
    <t>14190</t>
  </si>
  <si>
    <t>6.443567276000977</t>
  </si>
  <si>
    <t>857.3086547851562</t>
  </si>
  <si>
    <t>-0.06328244719462006</t>
  </si>
  <si>
    <t>7.818567276000977</t>
  </si>
  <si>
    <t>830.3593139648438</t>
  </si>
  <si>
    <t>0.0022525702893751998</t>
  </si>
  <si>
    <t>8.210233688354492</t>
  </si>
  <si>
    <t>802.7410278320312</t>
  </si>
  <si>
    <t>0.14004926971327514</t>
  </si>
  <si>
    <t>17147</t>
  </si>
  <si>
    <t>8.201900482177734</t>
  </si>
  <si>
    <t>809.6636352539062</t>
  </si>
  <si>
    <t>0.046983900022112834</t>
  </si>
  <si>
    <t>16403</t>
  </si>
  <si>
    <t>8.235234260559082</t>
  </si>
  <si>
    <t>696.7362060546875</t>
  </si>
  <si>
    <t>-0.04435898626636536</t>
  </si>
  <si>
    <t>15347</t>
  </si>
  <si>
    <t>7.651900768280029</t>
  </si>
  <si>
    <t>878.3224487304688</t>
  </si>
  <si>
    <t>-0.06654422973739216</t>
  </si>
  <si>
    <t>16326</t>
  </si>
  <si>
    <t>7.509097576141357</t>
  </si>
  <si>
    <t>587.304443359375</t>
  </si>
  <si>
    <t>0.061838913836206544</t>
  </si>
  <si>
    <t>8.085233688354492</t>
  </si>
  <si>
    <t>685.1585693359375</t>
  </si>
  <si>
    <t>-0.02763550290065453</t>
  </si>
  <si>
    <t>16085</t>
  </si>
  <si>
    <t>8.416295051574707</t>
  </si>
  <si>
    <t>790.4088134765625</t>
  </si>
  <si>
    <t>0.012763734562479812</t>
  </si>
  <si>
    <t>16372</t>
  </si>
  <si>
    <t>8.601901054382324</t>
  </si>
  <si>
    <t>779.0950317382812</t>
  </si>
  <si>
    <t>0.017685397939168013</t>
  </si>
  <si>
    <t>8.460233688354492</t>
  </si>
  <si>
    <t>641.6541137695312</t>
  </si>
  <si>
    <t>0.04799872102473124</t>
  </si>
  <si>
    <t>7.8769001960754395</t>
  </si>
  <si>
    <t>775.2587280273438</t>
  </si>
  <si>
    <t>0.05741065735329265</t>
  </si>
  <si>
    <t>8.800764083862305</t>
  </si>
  <si>
    <t>735.608642578125</t>
  </si>
  <si>
    <t>0.1034127096244628</t>
  </si>
  <si>
    <t>21936</t>
  </si>
  <si>
    <t>8.626899719238281</t>
  </si>
  <si>
    <t>782.8136596679688</t>
  </si>
  <si>
    <t>0.08373447618731511</t>
  </si>
  <si>
    <t>22851</t>
  </si>
  <si>
    <t>9.250763893127441</t>
  </si>
  <si>
    <t>598.6641845703125</t>
  </si>
  <si>
    <t>0.04086575723880159</t>
  </si>
  <si>
    <t>8.851900100708008</t>
  </si>
  <si>
    <t>762.0364990234375</t>
  </si>
  <si>
    <t>-0.0254401239760238</t>
  </si>
  <si>
    <t>7.693566799163818</t>
  </si>
  <si>
    <t>774.3272094726562</t>
  </si>
  <si>
    <t>0.06229996680821159</t>
  </si>
  <si>
    <t>9.073491096496582</t>
  </si>
  <si>
    <t>653.0593872070312</t>
  </si>
  <si>
    <t>0.04816935124622823</t>
  </si>
  <si>
    <t>10503</t>
  </si>
  <si>
    <t>12.292160987854004</t>
  </si>
  <si>
    <t>424.54351806640625</t>
  </si>
  <si>
    <t>247.19635009765625</t>
  </si>
  <si>
    <t>Dolj</t>
  </si>
  <si>
    <t>11.025660514831543</t>
  </si>
  <si>
    <t>660.0870971679688</t>
  </si>
  <si>
    <t>-0.12974374071404782</t>
  </si>
  <si>
    <t>12.21651554107666</t>
  </si>
  <si>
    <t>464.9822082519531</t>
  </si>
  <si>
    <t>-0.08291041090936524</t>
  </si>
  <si>
    <t>11.706713676452637</t>
  </si>
  <si>
    <t>439.7566833496094</t>
  </si>
  <si>
    <t>0.016237726078109915</t>
  </si>
  <si>
    <t>12.689553260803223</t>
  </si>
  <si>
    <t>557.4347534179688</t>
  </si>
  <si>
    <t>0.039866729593477146</t>
  </si>
  <si>
    <t>11.676483154296875</t>
  </si>
  <si>
    <t>686.4365844726562</t>
  </si>
  <si>
    <t>0.06237188439281205</t>
  </si>
  <si>
    <t>9959</t>
  </si>
  <si>
    <t>11.185626029968262</t>
  </si>
  <si>
    <t>541.5714111328125</t>
  </si>
  <si>
    <t>0.0409935458678774</t>
  </si>
  <si>
    <t>9503</t>
  </si>
  <si>
    <t>11.56014633178711</t>
  </si>
  <si>
    <t>666.6867065429688</t>
  </si>
  <si>
    <t>-0.04686912672032406</t>
  </si>
  <si>
    <t>11.480891227722168</t>
  </si>
  <si>
    <t>616.4464721679688</t>
  </si>
  <si>
    <t>-0.018586908621042397</t>
  </si>
  <si>
    <t>11.84689712524414</t>
  </si>
  <si>
    <t>673.6932983398438</t>
  </si>
  <si>
    <t>-0.002361276185679273</t>
  </si>
  <si>
    <t>13.39151668548584</t>
  </si>
  <si>
    <t>368.64288330078125</t>
  </si>
  <si>
    <t>0.025462865161248516</t>
  </si>
  <si>
    <t>11.834158897399902</t>
  </si>
  <si>
    <t>559.37353515625</t>
  </si>
  <si>
    <t>0.07757386943539402</t>
  </si>
  <si>
    <t>10109</t>
  </si>
  <si>
    <t>12.745759010314941</t>
  </si>
  <si>
    <t>650.148681640625</t>
  </si>
  <si>
    <t>-0.020269971847177715</t>
  </si>
  <si>
    <t>11.858017921447754</t>
  </si>
  <si>
    <t>581.21923828125</t>
  </si>
  <si>
    <t>0.11013690337502702</t>
  </si>
  <si>
    <t>12.010132789611816</t>
  </si>
  <si>
    <t>621.03662109375</t>
  </si>
  <si>
    <t>0.12837903157721087</t>
  </si>
  <si>
    <t>11.111930847167969</t>
  </si>
  <si>
    <t>728.9447021484375</t>
  </si>
  <si>
    <t>0.0032677225062656134</t>
  </si>
  <si>
    <t>13999</t>
  </si>
  <si>
    <t>12.629420280456543</t>
  </si>
  <si>
    <t>607.01123046875</t>
  </si>
  <si>
    <t>0.08377612486226305</t>
  </si>
  <si>
    <t>15383</t>
  </si>
  <si>
    <t>12.918960571289062</t>
  </si>
  <si>
    <t>648.8756103515625</t>
  </si>
  <si>
    <t>0.09427710508092524</t>
  </si>
  <si>
    <t>17591</t>
  </si>
  <si>
    <t>12.89249038696289</t>
  </si>
  <si>
    <t>540.2169799804688</t>
  </si>
  <si>
    <t>0.1341244040431544</t>
  </si>
  <si>
    <t>17208</t>
  </si>
  <si>
    <t>13.00442123413086</t>
  </si>
  <si>
    <t>658.303466796875</t>
  </si>
  <si>
    <t>-0.022013015651339174</t>
  </si>
  <si>
    <t>16723</t>
  </si>
  <si>
    <t>12.16356372833252</t>
  </si>
  <si>
    <t>701.6326293945312</t>
  </si>
  <si>
    <t>-0.02858937456644206</t>
  </si>
  <si>
    <t>12.344782829284668</t>
  </si>
  <si>
    <t>463.1272277832031</t>
  </si>
  <si>
    <t>0.051625117579654045</t>
  </si>
  <si>
    <t>17472</t>
  </si>
  <si>
    <t>12.82909107208252</t>
  </si>
  <si>
    <t>548.4761962890625</t>
  </si>
  <si>
    <t>-0.00781053541614618</t>
  </si>
  <si>
    <t>17481</t>
  </si>
  <si>
    <t>13.013729095458984</t>
  </si>
  <si>
    <t>563.1348266601562</t>
  </si>
  <si>
    <t>0.0005149772665529184</t>
  </si>
  <si>
    <t>13.396088600158691</t>
  </si>
  <si>
    <t>763.0740356445312</t>
  </si>
  <si>
    <t>0.05951692421569277</t>
  </si>
  <si>
    <t>18860</t>
  </si>
  <si>
    <t>13.070427894592285</t>
  </si>
  <si>
    <t>643.48583984375</t>
  </si>
  <si>
    <t>0.01641177616057199</t>
  </si>
  <si>
    <t>12.342970848083496</t>
  </si>
  <si>
    <t>641.016845703125</t>
  </si>
  <si>
    <t>0.00829003876482659</t>
  </si>
  <si>
    <t>21204</t>
  </si>
  <si>
    <t>13.457195281982422</t>
  </si>
  <si>
    <t>611.513671875</t>
  </si>
  <si>
    <t>0.10885652715542093</t>
  </si>
  <si>
    <t>23302</t>
  </si>
  <si>
    <t>13.360627174377441</t>
  </si>
  <si>
    <t>623.2213134765625</t>
  </si>
  <si>
    <t>0.0943493506721893</t>
  </si>
  <si>
    <t>25045</t>
  </si>
  <si>
    <t>13.862095832824707</t>
  </si>
  <si>
    <t>492.7563781738281</t>
  </si>
  <si>
    <t>0.072135013011831</t>
  </si>
  <si>
    <t>24271</t>
  </si>
  <si>
    <t>13.437260627746582</t>
  </si>
  <si>
    <t>675.48388671875</t>
  </si>
  <si>
    <t>-0.03139198478845806</t>
  </si>
  <si>
    <t>12.42255687713623</t>
  </si>
  <si>
    <t>636.3033447265625</t>
  </si>
  <si>
    <t>0.062331811434852114</t>
  </si>
  <si>
    <t>27107</t>
  </si>
  <si>
    <t>13.790692329406738</t>
  </si>
  <si>
    <t>544.9268798828125</t>
  </si>
  <si>
    <t>0.04817796365833793</t>
  </si>
  <si>
    <t>11.364590644836426</t>
  </si>
  <si>
    <t>414.12078857421875</t>
  </si>
  <si>
    <t>308.6148986816406</t>
  </si>
  <si>
    <t>DÔøΩmbovita</t>
  </si>
  <si>
    <t>10.061156272888184</t>
  </si>
  <si>
    <t>705.072509765625</t>
  </si>
  <si>
    <t>-0.1298577230225515</t>
  </si>
  <si>
    <t>8158</t>
  </si>
  <si>
    <t>10.993026733398438</t>
  </si>
  <si>
    <t>485.4626159667969</t>
  </si>
  <si>
    <t>-0.08288626686089451</t>
  </si>
  <si>
    <t>10.443025588989258</t>
  </si>
  <si>
    <t>616.5347900390625</t>
  </si>
  <si>
    <t>0.016292153678167054</t>
  </si>
  <si>
    <t>11.606257438659668</t>
  </si>
  <si>
    <t>558.4430541992188</t>
  </si>
  <si>
    <t>0.03983742895263731</t>
  </si>
  <si>
    <t>10.497923851013184</t>
  </si>
  <si>
    <t>695.9406127929688</t>
  </si>
  <si>
    <t>0.06233421605104006</t>
  </si>
  <si>
    <t>10.406258583068848</t>
  </si>
  <si>
    <t>604.7734985351562</t>
  </si>
  <si>
    <t>0.04106586721991512</t>
  </si>
  <si>
    <t>10.254794120788574</t>
  </si>
  <si>
    <t>791.6910400390625</t>
  </si>
  <si>
    <t>-0.046963012190248676</t>
  </si>
  <si>
    <t>10.406259536743164</t>
  </si>
  <si>
    <t>661.6102905273438</t>
  </si>
  <si>
    <t>-0.018572278242926288</t>
  </si>
  <si>
    <t>10.919489860534668</t>
  </si>
  <si>
    <t>764.2149658203125</t>
  </si>
  <si>
    <t>-0.002345976610769185</t>
  </si>
  <si>
    <t>9172</t>
  </si>
  <si>
    <t>12.181258201599121</t>
  </si>
  <si>
    <t>398.6261901855469</t>
  </si>
  <si>
    <t>0.02550792524247747</t>
  </si>
  <si>
    <t>10.827823638916016</t>
  </si>
  <si>
    <t>589.4667358398438</t>
  </si>
  <si>
    <t>0.025192418527197447</t>
  </si>
  <si>
    <t>11.709693908691406</t>
  </si>
  <si>
    <t>702.8881225585938</t>
  </si>
  <si>
    <t>0.100265696438667</t>
  </si>
  <si>
    <t>10.679793357849121</t>
  </si>
  <si>
    <t>521.0443725585938</t>
  </si>
  <si>
    <t>0.05090372053312997</t>
  </si>
  <si>
    <t>12207</t>
  </si>
  <si>
    <t>11.172924995422363</t>
  </si>
  <si>
    <t>736.18310546875</t>
  </si>
  <si>
    <t>0.10949235719300887</t>
  </si>
  <si>
    <t>10.152824401855469</t>
  </si>
  <si>
    <t>786.47021484375</t>
  </si>
  <si>
    <t>-0.010623941801952697</t>
  </si>
  <si>
    <t>13610</t>
  </si>
  <si>
    <t>11.506257057189941</t>
  </si>
  <si>
    <t>610.9935913085938</t>
  </si>
  <si>
    <t>0.11941920077766532</t>
  </si>
  <si>
    <t>11.884693145751953</t>
  </si>
  <si>
    <t>586.384033203125</t>
  </si>
  <si>
    <t>0.14049642643315075</t>
  </si>
  <si>
    <t>11.889592170715332</t>
  </si>
  <si>
    <t>546.3092651367188</t>
  </si>
  <si>
    <t>0.0414576859326381</t>
  </si>
  <si>
    <t>11.922924995422363</t>
  </si>
  <si>
    <t>668.7392578125</t>
  </si>
  <si>
    <t>-0.03395224426316723</t>
  </si>
  <si>
    <t>11.331257820129395</t>
  </si>
  <si>
    <t>766.6015625</t>
  </si>
  <si>
    <t>0.08964293663855649</t>
  </si>
  <si>
    <t>11.119491577148438</t>
  </si>
  <si>
    <t>486.04022216796875</t>
  </si>
  <si>
    <t>-0.037181197716549264</t>
  </si>
  <si>
    <t>11.741055488586426</t>
  </si>
  <si>
    <t>673.6370849609375</t>
  </si>
  <si>
    <t>0.0028220619767900246</t>
  </si>
  <si>
    <t>12.081257820129395</t>
  </si>
  <si>
    <t>666.935546875</t>
  </si>
  <si>
    <t>-0.04237714646096613</t>
  </si>
  <si>
    <t>16331</t>
  </si>
  <si>
    <t>12.326359748840332</t>
  </si>
  <si>
    <t>847.4296264648438</t>
  </si>
  <si>
    <t>0.02135180289077887</t>
  </si>
  <si>
    <t>12.111157417297363</t>
  </si>
  <si>
    <t>708.7808227539062</t>
  </si>
  <si>
    <t>0.08410879533524884</t>
  </si>
  <si>
    <t>18227</t>
  </si>
  <si>
    <t>11.509692192077637</t>
  </si>
  <si>
    <t>651.6117553710938</t>
  </si>
  <si>
    <t>0.0257300738129409</t>
  </si>
  <si>
    <t>19713</t>
  </si>
  <si>
    <t>12.422924995422363</t>
  </si>
  <si>
    <t>755.83349609375</t>
  </si>
  <si>
    <t>0.07837430534104506</t>
  </si>
  <si>
    <t>20321</t>
  </si>
  <si>
    <t>12.338127136230469</t>
  </si>
  <si>
    <t>630.6390380859375</t>
  </si>
  <si>
    <t>0.03037651751396453</t>
  </si>
  <si>
    <t>12.89792537689209</t>
  </si>
  <si>
    <t>456.67083740234375</t>
  </si>
  <si>
    <t>0.06020479984373672</t>
  </si>
  <si>
    <t>21343</t>
  </si>
  <si>
    <t>12.486156463623047</t>
  </si>
  <si>
    <t>644.4788208007812</t>
  </si>
  <si>
    <t>-0.011135816880111449</t>
  </si>
  <si>
    <t>11.368026733398438</t>
  </si>
  <si>
    <t>675.7904663085938</t>
  </si>
  <si>
    <t>0.062301682149936255</t>
  </si>
  <si>
    <t>23836</t>
  </si>
  <si>
    <t>12.696459770202637</t>
  </si>
  <si>
    <t>463.47283935546875</t>
  </si>
  <si>
    <t>0.048171543673365846</t>
  </si>
  <si>
    <t>374.5000305175781</t>
  </si>
  <si>
    <t>74.19461822509766</t>
  </si>
  <si>
    <t>Galati</t>
  </si>
  <si>
    <t>-0.12984382968303265</t>
  </si>
  <si>
    <t>424.3999938964844</t>
  </si>
  <si>
    <t>-0.08290692002090339</t>
  </si>
  <si>
    <t>497.00006103515625</t>
  </si>
  <si>
    <t>0.016390364820038528</t>
  </si>
  <si>
    <t>421.5000305175781</t>
  </si>
  <si>
    <t>0.039837767100969756</t>
  </si>
  <si>
    <t>0.06230791581914907</t>
  </si>
  <si>
    <t>471.9000244140625</t>
  </si>
  <si>
    <t>0.041017684818402955</t>
  </si>
  <si>
    <t>-0.04696306164795061</t>
  </si>
  <si>
    <t>563.699951171875</t>
  </si>
  <si>
    <t>-0.018533201460423143</t>
  </si>
  <si>
    <t>10347</t>
  </si>
  <si>
    <t>565.5</t>
  </si>
  <si>
    <t>-0.0023168269847833045</t>
  </si>
  <si>
    <t>349.20001220703125</t>
  </si>
  <si>
    <t>11407</t>
  </si>
  <si>
    <t>518.2999267578125</t>
  </si>
  <si>
    <t>0.07205331764005862</t>
  </si>
  <si>
    <t>559.2999877929688</t>
  </si>
  <si>
    <t>0.008293731245801794</t>
  </si>
  <si>
    <t>415.4000244140625</t>
  </si>
  <si>
    <t>-0.010224233775860014</t>
  </si>
  <si>
    <t>13585</t>
  </si>
  <si>
    <t>0.17666954336260865</t>
  </si>
  <si>
    <t>606.7000732421875</t>
  </si>
  <si>
    <t>13390</t>
  </si>
  <si>
    <t>472.9000244140625</t>
  </si>
  <si>
    <t>-0.003875973844692737</t>
  </si>
  <si>
    <t>0.1281678935944477</t>
  </si>
  <si>
    <t>16001</t>
  </si>
  <si>
    <t>455.0</t>
  </si>
  <si>
    <t>0.04997516698920812</t>
  </si>
  <si>
    <t>484.5999755859375</t>
  </si>
  <si>
    <t>-0.09995189648745395</t>
  </si>
  <si>
    <t>620.7999877929688</t>
  </si>
  <si>
    <t>0.027251499046275995</t>
  </si>
  <si>
    <t>15510</t>
  </si>
  <si>
    <t>381.7000427246094</t>
  </si>
  <si>
    <t>0.04153415434288732</t>
  </si>
  <si>
    <t>16049</t>
  </si>
  <si>
    <t>16752</t>
  </si>
  <si>
    <t>0.04287111178916092</t>
  </si>
  <si>
    <t>0.031494965076404924</t>
  </si>
  <si>
    <t>16793</t>
  </si>
  <si>
    <t>507.0</t>
  </si>
  <si>
    <t>-0.02905048629171425</t>
  </si>
  <si>
    <t>16763</t>
  </si>
  <si>
    <t>11.86666488647461</t>
  </si>
  <si>
    <t>543.5999755859375</t>
  </si>
  <si>
    <t>-0.0017880562637309083</t>
  </si>
  <si>
    <t>0.09399147324788792</t>
  </si>
  <si>
    <t>500.5</t>
  </si>
  <si>
    <t>0.09409995947063621</t>
  </si>
  <si>
    <t>335.10003662109375</t>
  </si>
  <si>
    <t>0.05214554084950862</t>
  </si>
  <si>
    <t>513.5999145507812</t>
  </si>
  <si>
    <t>-0.07899548077507568</t>
  </si>
  <si>
    <t>0.06229570530588724</t>
  </si>
  <si>
    <t>378.1000061035156</t>
  </si>
  <si>
    <t>0.048194805675601415</t>
  </si>
  <si>
    <t>12.313738822937012</t>
  </si>
  <si>
    <t>405.8012390136719</t>
  </si>
  <si>
    <t>1096.49755859375</t>
  </si>
  <si>
    <t>Giurgiu</t>
  </si>
  <si>
    <t>11.022682189941406</t>
  </si>
  <si>
    <t>628.9505004882812</t>
  </si>
  <si>
    <t>-0.12980627838776115</t>
  </si>
  <si>
    <t>11.915566444396973</t>
  </si>
  <si>
    <t>466.74786376953125</t>
  </si>
  <si>
    <t>-0.08292173309742168</t>
  </si>
  <si>
    <t>11.41069507598877</t>
  </si>
  <si>
    <t>579.5772094726562</t>
  </si>
  <si>
    <t>0.016357242024772845</t>
  </si>
  <si>
    <t>12.464958190917969</t>
  </si>
  <si>
    <t>552.4850463867188</t>
  </si>
  <si>
    <t>0.03983822661012226</t>
  </si>
  <si>
    <t>11.450053215026855</t>
  </si>
  <si>
    <t>668.4339599609375</t>
  </si>
  <si>
    <t>11.238192558288574</t>
  </si>
  <si>
    <t>579.613037109375</t>
  </si>
  <si>
    <t>0.0411652324407612</t>
  </si>
  <si>
    <t>11.256625175476074</t>
  </si>
  <si>
    <t>756.637451171875</t>
  </si>
  <si>
    <t>-0.04695288679484655</t>
  </si>
  <si>
    <t>11.514958381652832</t>
  </si>
  <si>
    <t>663.252685546875</t>
  </si>
  <si>
    <t>-0.018627547768735653</t>
  </si>
  <si>
    <t>12.05248737335205</t>
  </si>
  <si>
    <t>744.9490356445312</t>
  </si>
  <si>
    <t>-0.0022770408320518243</t>
  </si>
  <si>
    <t>13.164958000183105</t>
  </si>
  <si>
    <t>389.7815856933594</t>
  </si>
  <si>
    <t>0.02535960042404284</t>
  </si>
  <si>
    <t>11.956015586853027</t>
  </si>
  <si>
    <t>539.7294921875</t>
  </si>
  <si>
    <t>0.23454665379317952</t>
  </si>
  <si>
    <t>12.716113090515137</t>
  </si>
  <si>
    <t>673.9296875</t>
  </si>
  <si>
    <t>-0.05764798292551099</t>
  </si>
  <si>
    <t>11.581624031066895</t>
  </si>
  <si>
    <t>502.8553161621094</t>
  </si>
  <si>
    <t>-0.033837340034088115</t>
  </si>
  <si>
    <t>12.246527671813965</t>
  </si>
  <si>
    <t>686.6981811523438</t>
  </si>
  <si>
    <t>0.2054458087725557</t>
  </si>
  <si>
    <t>11.25838565826416</t>
  </si>
  <si>
    <t>749.7659912109375</t>
  </si>
  <si>
    <t>-0.013581300505334681</t>
  </si>
  <si>
    <t>9938</t>
  </si>
  <si>
    <t>12.431014060974121</t>
  </si>
  <si>
    <t>610.1467895507812</t>
  </si>
  <si>
    <t>0.05204560831805871</t>
  </si>
  <si>
    <t>12.855469703674316</t>
  </si>
  <si>
    <t>579.7479858398438</t>
  </si>
  <si>
    <t>-0.0040330766504350635</t>
  </si>
  <si>
    <t>12036</t>
  </si>
  <si>
    <t>12.881623268127441</t>
  </si>
  <si>
    <t>503.0059509277344</t>
  </si>
  <si>
    <t>0.19556944223810468</t>
  </si>
  <si>
    <t>12.833996772766113</t>
  </si>
  <si>
    <t>663.8500366210938</t>
  </si>
  <si>
    <t>0.02575390430618718</t>
  </si>
  <si>
    <t>12676</t>
  </si>
  <si>
    <t>12.44476318359375</t>
  </si>
  <si>
    <t>734.2940673828125</t>
  </si>
  <si>
    <t>0.0260543787546883</t>
  </si>
  <si>
    <t>11522</t>
  </si>
  <si>
    <t>12.015567779541016</t>
  </si>
  <si>
    <t>479.4716491699219</t>
  </si>
  <si>
    <t>-0.09545219051848264</t>
  </si>
  <si>
    <t>10057</t>
  </si>
  <si>
    <t>12.758997917175293</t>
  </si>
  <si>
    <t>642.7199096679688</t>
  </si>
  <si>
    <t>-0.13598934184784817</t>
  </si>
  <si>
    <t>13.0333890914917</t>
  </si>
  <si>
    <t>630.4667358398438</t>
  </si>
  <si>
    <t>0.15072146269583797</t>
  </si>
  <si>
    <t>13.189957618713379</t>
  </si>
  <si>
    <t>850.56982421875</t>
  </si>
  <si>
    <t>-0.03259599343784991</t>
  </si>
  <si>
    <t>12004</t>
  </si>
  <si>
    <t>13.056015014648438</t>
  </si>
  <si>
    <t>723.7211303710938</t>
  </si>
  <si>
    <t>0.058845548857789254</t>
  </si>
  <si>
    <t>12.58047103881836</t>
  </si>
  <si>
    <t>615.2171630859375</t>
  </si>
  <si>
    <t>-0.026164037824642605</t>
  </si>
  <si>
    <t>13011</t>
  </si>
  <si>
    <t>13.344154357910156</t>
  </si>
  <si>
    <t>741.0982055664062</t>
  </si>
  <si>
    <t>0.1067192637678609</t>
  </si>
  <si>
    <t>13.312649726867676</t>
  </si>
  <si>
    <t>634.9632568359375</t>
  </si>
  <si>
    <t>0.30805193204252745</t>
  </si>
  <si>
    <t>15069</t>
  </si>
  <si>
    <t>13.923355102539062</t>
  </si>
  <si>
    <t>433.356201171875</t>
  </si>
  <si>
    <t>-0.16120743212784916</t>
  </si>
  <si>
    <t>13.538192749023438</t>
  </si>
  <si>
    <t>627.5759887695312</t>
  </si>
  <si>
    <t>0.1771208065445311</t>
  </si>
  <si>
    <t>12.431624412536621</t>
  </si>
  <si>
    <t>654.90673828125</t>
  </si>
  <si>
    <t>0.06233335654361305</t>
  </si>
  <si>
    <t>13.666722297668457</t>
  </si>
  <si>
    <t>460.8423156738281</t>
  </si>
  <si>
    <t>0.04817813707186147</t>
  </si>
  <si>
    <t>14578</t>
  </si>
  <si>
    <t>10.260972023010254</t>
  </si>
  <si>
    <t>508.778564453125</t>
  </si>
  <si>
    <t>190.79660034179688</t>
  </si>
  <si>
    <t>Gorj</t>
  </si>
  <si>
    <t>12803</t>
  </si>
  <si>
    <t>8.977797508239746</t>
  </si>
  <si>
    <t>768.8084106445312</t>
  </si>
  <si>
    <t>-0.12983402449597925</t>
  </si>
  <si>
    <t>11784</t>
  </si>
  <si>
    <t>10.018034934997559</t>
  </si>
  <si>
    <t>608.0109252929688</t>
  </si>
  <si>
    <t>-0.08293683930371287</t>
  </si>
  <si>
    <t>11978</t>
  </si>
  <si>
    <t>9.506709098815918</t>
  </si>
  <si>
    <t>648.568359375</t>
  </si>
  <si>
    <t>0.01632895468194029</t>
  </si>
  <si>
    <t>10.581706047058105</t>
  </si>
  <si>
    <t>618.6947631835938</t>
  </si>
  <si>
    <t>0.0398530831332522</t>
  </si>
  <si>
    <t>9.520256996154785</t>
  </si>
  <si>
    <t>726.0647583007812</t>
  </si>
  <si>
    <t>0.062279654127841866</t>
  </si>
  <si>
    <t>9.28874397277832</t>
  </si>
  <si>
    <t>742.5870971679688</t>
  </si>
  <si>
    <t>0.04112950037885632</t>
  </si>
  <si>
    <t>9.306079864501953</t>
  </si>
  <si>
    <t>802.5154418945312</t>
  </si>
  <si>
    <t>-0.04695072263847244</t>
  </si>
  <si>
    <t>9.375025749206543</t>
  </si>
  <si>
    <t>749.7695922851562</t>
  </si>
  <si>
    <t>-0.0185962887204294</t>
  </si>
  <si>
    <t>9.810139656066895</t>
  </si>
  <si>
    <t>855.7852172851562</t>
  </si>
  <si>
    <t>-0.0023200072272899774</t>
  </si>
  <si>
    <t>11.209006309509277</t>
  </si>
  <si>
    <t>493.6022033691406</t>
  </si>
  <si>
    <t>0.025455224989958225</t>
  </si>
  <si>
    <t>14924</t>
  </si>
  <si>
    <t>9.767132759094238</t>
  </si>
  <si>
    <t>798.3910522460938</t>
  </si>
  <si>
    <t>0.11904857747292397</t>
  </si>
  <si>
    <t>16721</t>
  </si>
  <si>
    <t>10.67477035522461</t>
  </si>
  <si>
    <t>673.2411499023438</t>
  </si>
  <si>
    <t>0.1136947591216213</t>
  </si>
  <si>
    <t>9.701068878173828</t>
  </si>
  <si>
    <t>603.2239990234375</t>
  </si>
  <si>
    <t>0.021945103301247215</t>
  </si>
  <si>
    <t>10.045673370361328</t>
  </si>
  <si>
    <t>795.7930297851562</t>
  </si>
  <si>
    <t>0.04277655398735192</t>
  </si>
  <si>
    <t>9.071036338806152</t>
  </si>
  <si>
    <t>834.70751953125</t>
  </si>
  <si>
    <t>-0.02250598096433798</t>
  </si>
  <si>
    <t>18879</t>
  </si>
  <si>
    <t>10.501032829284668</t>
  </si>
  <si>
    <t>771.6734008789062</t>
  </si>
  <si>
    <t>0.07916910240811248</t>
  </si>
  <si>
    <t>19856</t>
  </si>
  <si>
    <t>10.828900337219238</t>
  </si>
  <si>
    <t>801.91796875</t>
  </si>
  <si>
    <t>0.05045603524934528</t>
  </si>
  <si>
    <t>19404</t>
  </si>
  <si>
    <t>10.850356101989746</t>
  </si>
  <si>
    <t>697.513916015625</t>
  </si>
  <si>
    <t>-0.023026998079281213</t>
  </si>
  <si>
    <t>21739</t>
  </si>
  <si>
    <t>10.92155933380127</t>
  </si>
  <si>
    <t>780.6785278320312</t>
  </si>
  <si>
    <t>0.11362865209207307</t>
  </si>
  <si>
    <t>20456</t>
  </si>
  <si>
    <t>10.225542068481445</t>
  </si>
  <si>
    <t>892.0156860351562</t>
  </si>
  <si>
    <t>-0.06083164448615719</t>
  </si>
  <si>
    <t>10.148216247558594</t>
  </si>
  <si>
    <t>563.827880859375</t>
  </si>
  <si>
    <t>0.01811801728399587</t>
  </si>
  <si>
    <t>10.738227844238281</t>
  </si>
  <si>
    <t>642.6766967773438</t>
  </si>
  <si>
    <t>0.1371075637070014</t>
  </si>
  <si>
    <t>10.998465538024902</t>
  </si>
  <si>
    <t>714.0850219726562</t>
  </si>
  <si>
    <t>-0.014291076433416094</t>
  </si>
  <si>
    <t>11.321837425231934</t>
  </si>
  <si>
    <t>861.2208862304688</t>
  </si>
  <si>
    <t>-0.07656709700317954</t>
  </si>
  <si>
    <t>24163</t>
  </si>
  <si>
    <t>11.037829399108887</t>
  </si>
  <si>
    <t>709.8500366210938</t>
  </si>
  <si>
    <t>0.10217889200002972</t>
  </si>
  <si>
    <t>10.376852989196777</t>
  </si>
  <si>
    <t>794.5751953125</t>
  </si>
  <si>
    <t>0.04214049750750348</t>
  </si>
  <si>
    <t>11.387139320373535</t>
  </si>
  <si>
    <t>675.4240112304688</t>
  </si>
  <si>
    <t>0.08925726268013001</t>
  </si>
  <si>
    <t>11.31717586517334</t>
  </si>
  <si>
    <t>748.5448608398438</t>
  </si>
  <si>
    <t>0.08637610484491276</t>
  </si>
  <si>
    <t>11.836159706115723</t>
  </si>
  <si>
    <t>648.5414428710938</t>
  </si>
  <si>
    <t>0.1033212898566962</t>
  </si>
  <si>
    <t>11.393375396728516</t>
  </si>
  <si>
    <t>777.86962890625</t>
  </si>
  <si>
    <t>-0.08947051556352825</t>
  </si>
  <si>
    <t>32419</t>
  </si>
  <si>
    <t>10.325464248657227</t>
  </si>
  <si>
    <t>704.773681640625</t>
  </si>
  <si>
    <t>0.062297493805466786</t>
  </si>
  <si>
    <t>11.684162139892578</t>
  </si>
  <si>
    <t>634.9553833007812</t>
  </si>
  <si>
    <t>0.048203916293218185</t>
  </si>
  <si>
    <t>12974</t>
  </si>
  <si>
    <t>7.03454065322876</t>
  </si>
  <si>
    <t>508.93878173828125</t>
  </si>
  <si>
    <t>151.5891571044922</t>
  </si>
  <si>
    <t>Harghita</t>
  </si>
  <si>
    <t>11394</t>
  </si>
  <si>
    <t>5.7603840827941895</t>
  </si>
  <si>
    <t>819.3480834960938</t>
  </si>
  <si>
    <t>-0.12986045373266109</t>
  </si>
  <si>
    <t>10488</t>
  </si>
  <si>
    <t>6.59976053237915</t>
  </si>
  <si>
    <t>588.561767578125</t>
  </si>
  <si>
    <t>-0.08285515459680504</t>
  </si>
  <si>
    <t>10660</t>
  </si>
  <si>
    <t>5.9611992835998535</t>
  </si>
  <si>
    <t>709.5560913085938</t>
  </si>
  <si>
    <t>0.016266672276300298</t>
  </si>
  <si>
    <t>11094</t>
  </si>
  <si>
    <t>7.116848468780518</t>
  </si>
  <si>
    <t>600.2269287109375</t>
  </si>
  <si>
    <t>0.03990600289534463</t>
  </si>
  <si>
    <t>6.068295955657959</t>
  </si>
  <si>
    <t>719.3634643554688</t>
  </si>
  <si>
    <t>0.06228815429192913</t>
  </si>
  <si>
    <t>5.900294780731201</t>
  </si>
  <si>
    <t>697.3236083984375</t>
  </si>
  <si>
    <t>0.041069274861204264</t>
  </si>
  <si>
    <t>5.919546127319336</t>
  </si>
  <si>
    <t>813.4625244140625</t>
  </si>
  <si>
    <t>-0.046930408650034394</t>
  </si>
  <si>
    <t>6.060298919677734</t>
  </si>
  <si>
    <t>803.3548583984375</t>
  </si>
  <si>
    <t>-0.018573190825950547</t>
  </si>
  <si>
    <t>6.630071640014648</t>
  </si>
  <si>
    <t>734.4408569335938</t>
  </si>
  <si>
    <t>-0.002346093095047408</t>
  </si>
  <si>
    <t>11791</t>
  </si>
  <si>
    <t>7.847425937652588</t>
  </si>
  <si>
    <t>486.1434020996094</t>
  </si>
  <si>
    <t>0.02542437037939216</t>
  </si>
  <si>
    <t>10938</t>
  </si>
  <si>
    <t>6.406379222869873</t>
  </si>
  <si>
    <t>799.1891479492188</t>
  </si>
  <si>
    <t>-0.0750935636699559</t>
  </si>
  <si>
    <t>7.22290563583374</t>
  </si>
  <si>
    <t>685.7013549804688</t>
  </si>
  <si>
    <t>0.1199545450993238</t>
  </si>
  <si>
    <t>6.185651779174805</t>
  </si>
  <si>
    <t>587.7553100585938</t>
  </si>
  <si>
    <t>-0.02188881094690842</t>
  </si>
  <si>
    <t>6.779860973358154</t>
  </si>
  <si>
    <t>746.0606079101562</t>
  </si>
  <si>
    <t>0.08892279674856596</t>
  </si>
  <si>
    <t>5.744110107421875</t>
  </si>
  <si>
    <t>794.4434814453125</t>
  </si>
  <si>
    <t>-0.00967737197727736</t>
  </si>
  <si>
    <t>15478</t>
  </si>
  <si>
    <t>7.123960018157959</t>
  </si>
  <si>
    <t>756.1404418945312</t>
  </si>
  <si>
    <t>0.16986553699998375</t>
  </si>
  <si>
    <t>16476</t>
  </si>
  <si>
    <t>7.469096660614014</t>
  </si>
  <si>
    <t>739.6266479492188</t>
  </si>
  <si>
    <t>0.06248511572556659</t>
  </si>
  <si>
    <t>17577</t>
  </si>
  <si>
    <t>7.479396820068359</t>
  </si>
  <si>
    <t>765.9342651367188</t>
  </si>
  <si>
    <t>0.06468645265692707</t>
  </si>
  <si>
    <t>16627</t>
  </si>
  <si>
    <t>7.3691253662109375</t>
  </si>
  <si>
    <t>657.9856567382812</t>
  </si>
  <si>
    <t>-0.055563349172519594</t>
  </si>
  <si>
    <t>15897</t>
  </si>
  <si>
    <t>7.0279083251953125</t>
  </si>
  <si>
    <t>865.0818481445312</t>
  </si>
  <si>
    <t>-0.04489746787950821</t>
  </si>
  <si>
    <t>6.764122009277344</t>
  </si>
  <si>
    <t>552.7830200195312</t>
  </si>
  <si>
    <t>0.027608068783781192</t>
  </si>
  <si>
    <t>16192</t>
  </si>
  <si>
    <t>7.251333713531494</t>
  </si>
  <si>
    <t>682.1285400390625</t>
  </si>
  <si>
    <t>-0.009221187857459512</t>
  </si>
  <si>
    <t>16120</t>
  </si>
  <si>
    <t>7.5984673500061035</t>
  </si>
  <si>
    <t>740.3679809570312</t>
  </si>
  <si>
    <t>-0.004456556026573466</t>
  </si>
  <si>
    <t>7.825083255767822</t>
  </si>
  <si>
    <t>727.3909912109375</t>
  </si>
  <si>
    <t>0.026204511520683482</t>
  </si>
  <si>
    <t>7.758472442626953</t>
  </si>
  <si>
    <t>579.6983032226562</t>
  </si>
  <si>
    <t>0.006205026083813792</t>
  </si>
  <si>
    <t>17523</t>
  </si>
  <si>
    <t>7.2058024406433105</t>
  </si>
  <si>
    <t>741.0718994140625</t>
  </si>
  <si>
    <t>0.051044029043302075</t>
  </si>
  <si>
    <t>7.984738826751709</t>
  </si>
  <si>
    <t>674.6133422851562</t>
  </si>
  <si>
    <t>0.13720551133874892</t>
  </si>
  <si>
    <t>7.789544582366943</t>
  </si>
  <si>
    <t>723.219970703125</t>
  </si>
  <si>
    <t>0.06872749631124186</t>
  </si>
  <si>
    <t>23031</t>
  </si>
  <si>
    <t>8.566004753112793</t>
  </si>
  <si>
    <t>519.726806640625</t>
  </si>
  <si>
    <t>0.06739382313759812</t>
  </si>
  <si>
    <t>8.199212074279785</t>
  </si>
  <si>
    <t>709.3856811523438</t>
  </si>
  <si>
    <t>-0.030149050651621323</t>
  </si>
  <si>
    <t>23784</t>
  </si>
  <si>
    <t>6.9296793937683105</t>
  </si>
  <si>
    <t>695.9093627929688</t>
  </si>
  <si>
    <t>0.062321001833547385</t>
  </si>
  <si>
    <t>8.23784351348877</t>
  </si>
  <si>
    <t>561.6173706054688</t>
  </si>
  <si>
    <t>0.04818132638986583</t>
  </si>
  <si>
    <t>12639</t>
  </si>
  <si>
    <t>9.319558143615723</t>
  </si>
  <si>
    <t>532.2999267578125</t>
  </si>
  <si>
    <t>304.33648681640625</t>
  </si>
  <si>
    <t>Hunedoara</t>
  </si>
  <si>
    <t>11100</t>
  </si>
  <si>
    <t>8.05994987487793</t>
  </si>
  <si>
    <t>834.897216796875</t>
  </si>
  <si>
    <t>-0.1298421633467015</t>
  </si>
  <si>
    <t>10217</t>
  </si>
  <si>
    <t>9.148110389709473</t>
  </si>
  <si>
    <t>669.162353515625</t>
  </si>
  <si>
    <t>-0.08289210870900199</t>
  </si>
  <si>
    <t>8.677495956420898</t>
  </si>
  <si>
    <t>719.938720703125</t>
  </si>
  <si>
    <t>0.016309457718790554</t>
  </si>
  <si>
    <t>9.69234561920166</t>
  </si>
  <si>
    <t>666.6137084960938</t>
  </si>
  <si>
    <t>0.03983161499295207</t>
  </si>
  <si>
    <t>8.662673950195312</t>
  </si>
  <si>
    <t>775.7605590820312</t>
  </si>
  <si>
    <t>0.062326860970534526</t>
  </si>
  <si>
    <t>8.298518180847168</t>
  </si>
  <si>
    <t>793.927978515625</t>
  </si>
  <si>
    <t>0.04105149348329995</t>
  </si>
  <si>
    <t>8.501039505004883</t>
  </si>
  <si>
    <t>893.1694946289062</t>
  </si>
  <si>
    <t>-0.04689359930011783</t>
  </si>
  <si>
    <t>830.3711547851562</t>
  </si>
  <si>
    <t>-0.018624484674585773</t>
  </si>
  <si>
    <t>8.876988410949707</t>
  </si>
  <si>
    <t>953.1898193359375</t>
  </si>
  <si>
    <t>-0.00231915187345777</t>
  </si>
  <si>
    <t>10.382608413696289</t>
  </si>
  <si>
    <t>500.0517883300781</t>
  </si>
  <si>
    <t>0.02548077023656603</t>
  </si>
  <si>
    <t>12544</t>
  </si>
  <si>
    <t>8.859617233276367</t>
  </si>
  <si>
    <t>896.2282104492188</t>
  </si>
  <si>
    <t>0.08802650244478372</t>
  </si>
  <si>
    <t>9.792654991149902</t>
  </si>
  <si>
    <t>721.8494873046875</t>
  </si>
  <si>
    <t>0.10845680139763658</t>
  </si>
  <si>
    <t>14057</t>
  </si>
  <si>
    <t>8.849257469177246</t>
  </si>
  <si>
    <t>625.1891479492188</t>
  </si>
  <si>
    <t>0.005421227343941126</t>
  </si>
  <si>
    <t>15611</t>
  </si>
  <si>
    <t>9.095730781555176</t>
  </si>
  <si>
    <t>875.5972290039062</t>
  </si>
  <si>
    <t>0.10485530162489987</t>
  </si>
  <si>
    <t>8.158255577087402</t>
  </si>
  <si>
    <t>935.8945922851562</t>
  </si>
  <si>
    <t>0.013109517006823168</t>
  </si>
  <si>
    <t>17036</t>
  </si>
  <si>
    <t>9.612523078918457</t>
  </si>
  <si>
    <t>856.9775390625</t>
  </si>
  <si>
    <t>0.07424344107961467</t>
  </si>
  <si>
    <t>19649</t>
  </si>
  <si>
    <t>9.959244728088379</t>
  </si>
  <si>
    <t>893.78466796875</t>
  </si>
  <si>
    <t>0.14269769437409252</t>
  </si>
  <si>
    <t>9.932148933410645</t>
  </si>
  <si>
    <t>770.8701782226562</t>
  </si>
  <si>
    <t>-0.006945536322197299</t>
  </si>
  <si>
    <t>10.053601264953613</t>
  </si>
  <si>
    <t>845.4627075195312</t>
  </si>
  <si>
    <t>-0.05039551088178129</t>
  </si>
  <si>
    <t>9.284825325012207</t>
  </si>
  <si>
    <t>1003.5179443359375</t>
  </si>
  <si>
    <t>-0.08806046354724018</t>
  </si>
  <si>
    <t>9.331790924072266</t>
  </si>
  <si>
    <t>599.617431640625</t>
  </si>
  <si>
    <t>0.01946788766854013</t>
  </si>
  <si>
    <t>9.86362075805664</t>
  </si>
  <si>
    <t>677.2242431640625</t>
  </si>
  <si>
    <t>0.22434347761657314</t>
  </si>
  <si>
    <t>10.12427043914795</t>
  </si>
  <si>
    <t>778.5122680664062</t>
  </si>
  <si>
    <t>-0.1707381501189431</t>
  </si>
  <si>
    <t>10.487695693969727</t>
  </si>
  <si>
    <t>981.6139526367188</t>
  </si>
  <si>
    <t>0.059059318404550254</t>
  </si>
  <si>
    <t>18805</t>
  </si>
  <si>
    <t>10.144250869750977</t>
  </si>
  <si>
    <t>751.8718872070312</t>
  </si>
  <si>
    <t>-0.03063467733226055</t>
  </si>
  <si>
    <t>9.43820858001709</t>
  </si>
  <si>
    <t>868.232666015625</t>
  </si>
  <si>
    <t>0.06575089413224156</t>
  </si>
  <si>
    <t>10.536246299743652</t>
  </si>
  <si>
    <t>725.9727783203125</t>
  </si>
  <si>
    <t>0.09343891583831265</t>
  </si>
  <si>
    <t>10.457422256469727</t>
  </si>
  <si>
    <t>820.5390625</t>
  </si>
  <si>
    <t>0.06653482651310405</t>
  </si>
  <si>
    <t>24467</t>
  </si>
  <si>
    <t>10.953911781311035</t>
  </si>
  <si>
    <t>695.79638671875</t>
  </si>
  <si>
    <t>0.03747784243179808</t>
  </si>
  <si>
    <t>10.496504783630371</t>
  </si>
  <si>
    <t>857.0115966796875</t>
  </si>
  <si>
    <t>-0.020146823525765356</t>
  </si>
  <si>
    <t>25521</t>
  </si>
  <si>
    <t>9.467122077941895</t>
  </si>
  <si>
    <t>760.6117553710938</t>
  </si>
  <si>
    <t>0.0623231953498653</t>
  </si>
  <si>
    <t>10.847969055175781</t>
  </si>
  <si>
    <t>684.6758422851562</t>
  </si>
  <si>
    <t>0.0481910382034787</t>
  </si>
  <si>
    <t>12.205670356750488</t>
  </si>
  <si>
    <t>349.0370178222656</t>
  </si>
  <si>
    <t>97.6688232421875</t>
  </si>
  <si>
    <t>Ialomita</t>
  </si>
  <si>
    <t>10.904037475585938</t>
  </si>
  <si>
    <t>561.69873046875</t>
  </si>
  <si>
    <t>-0.12978530794855203</t>
  </si>
  <si>
    <t>11.691323280334473</t>
  </si>
  <si>
    <t>407.515380859375</t>
  </si>
  <si>
    <t>-0.08288489358081996</t>
  </si>
  <si>
    <t>11.218470573425293</t>
  </si>
  <si>
    <t>493.3554382324219</t>
  </si>
  <si>
    <t>0.016297819544835335</t>
  </si>
  <si>
    <t>12.316752433776855</t>
  </si>
  <si>
    <t>443.4564514160156</t>
  </si>
  <si>
    <t>0.03979164710620786</t>
  </si>
  <si>
    <t>11.280240058898926</t>
  </si>
  <si>
    <t>589.5616455078125</t>
  </si>
  <si>
    <t>0.062342498294821524</t>
  </si>
  <si>
    <t>11.05859088897705</t>
  </si>
  <si>
    <t>491.7306823730469</t>
  </si>
  <si>
    <t>0.041094419297028395</t>
  </si>
  <si>
    <t>10.998452186584473</t>
  </si>
  <si>
    <t>667.4574584960938</t>
  </si>
  <si>
    <t>-0.04694999881286677</t>
  </si>
  <si>
    <t>9026</t>
  </si>
  <si>
    <t>11.424656867980957</t>
  </si>
  <si>
    <t>555.0276489257812</t>
  </si>
  <si>
    <t>-0.018550556651474537</t>
  </si>
  <si>
    <t>12.006443977355957</t>
  </si>
  <si>
    <t>597.3203125</t>
  </si>
  <si>
    <t>-0.0023293227768910185</t>
  </si>
  <si>
    <t>12.906786918640137</t>
  </si>
  <si>
    <t>338.8700256347656</t>
  </si>
  <si>
    <t>0.025437178982555153</t>
  </si>
  <si>
    <t>10519</t>
  </si>
  <si>
    <t>11.781014442443848</t>
  </si>
  <si>
    <t>470.4935302734375</t>
  </si>
  <si>
    <t>0.1299659881466635</t>
  </si>
  <si>
    <t>10444</t>
  </si>
  <si>
    <t>12.45859146118164</t>
  </si>
  <si>
    <t>569.8585205078125</t>
  </si>
  <si>
    <t>-0.007155494920255023</t>
  </si>
  <si>
    <t>11.319931030273438</t>
  </si>
  <si>
    <t>430.99774169921875</t>
  </si>
  <si>
    <t>0.07416268423142647</t>
  </si>
  <si>
    <t>13433</t>
  </si>
  <si>
    <t>12.115979194641113</t>
  </si>
  <si>
    <t>595.9470825195312</t>
  </si>
  <si>
    <t>0.17752403101256675</t>
  </si>
  <si>
    <t>11.17457103729248</t>
  </si>
  <si>
    <t>613.6677856445312</t>
  </si>
  <si>
    <t>-0.06855162503833867</t>
  </si>
  <si>
    <t>12.325345039367676</t>
  </si>
  <si>
    <t>494.46368408203125</t>
  </si>
  <si>
    <t>0.032396260266546406</t>
  </si>
  <si>
    <t>11811</t>
  </si>
  <si>
    <t>12.73367691040039</t>
  </si>
  <si>
    <t>461.4234313964844</t>
  </si>
  <si>
    <t>-0.09252770067937277</t>
  </si>
  <si>
    <t>12.713831901550293</t>
  </si>
  <si>
    <t>432.7646789550781</t>
  </si>
  <si>
    <t>0.2517376728802745</t>
  </si>
  <si>
    <t>12.603522300720215</t>
  </si>
  <si>
    <t>532.5585327148438</t>
  </si>
  <si>
    <t>-0.06492476387837698</t>
  </si>
  <si>
    <t>12.398368835449219</t>
  </si>
  <si>
    <t>629.4749755859375</t>
  </si>
  <si>
    <t>-0.0546371041474476</t>
  </si>
  <si>
    <t>14713</t>
  </si>
  <si>
    <t>11.753437042236328</t>
  </si>
  <si>
    <t>417.2968444824219</t>
  </si>
  <si>
    <t>0.08752435123165014</t>
  </si>
  <si>
    <t>14728</t>
  </si>
  <si>
    <t>12.664435386657715</t>
  </si>
  <si>
    <t>549.00390625</t>
  </si>
  <si>
    <t>0.0010189872149659607</t>
  </si>
  <si>
    <t>15520</t>
  </si>
  <si>
    <t>12.820446968078613</t>
  </si>
  <si>
    <t>538.9553833007812</t>
  </si>
  <si>
    <t>0.05237907082429594</t>
  </si>
  <si>
    <t>15178</t>
  </si>
  <si>
    <t>12.803006172180176</t>
  </si>
  <si>
    <t>665.6212768554688</t>
  </si>
  <si>
    <t>-0.022282503773350726</t>
  </si>
  <si>
    <t>12.855412483215332</t>
  </si>
  <si>
    <t>582.295654296875</t>
  </si>
  <si>
    <t>0.0513657650781294</t>
  </si>
  <si>
    <t>16440</t>
  </si>
  <si>
    <t>12.476031303405762</t>
  </si>
  <si>
    <t>546.1976928710938</t>
  </si>
  <si>
    <t>0.02850461356818279</t>
  </si>
  <si>
    <t>13.103608131408691</t>
  </si>
  <si>
    <t>604.2656860351562</t>
  </si>
  <si>
    <t>0.10351574942903419</t>
  </si>
  <si>
    <t>19287</t>
  </si>
  <si>
    <t>12.941752433776855</t>
  </si>
  <si>
    <t>518.6111450195312</t>
  </si>
  <si>
    <t>0.0561981547705912</t>
  </si>
  <si>
    <t>20427</t>
  </si>
  <si>
    <t>13.77731990814209</t>
  </si>
  <si>
    <t>372.451416015625</t>
  </si>
  <si>
    <t>0.05742626134128059</t>
  </si>
  <si>
    <t>19156</t>
  </si>
  <si>
    <t>13.568042755126953</t>
  </si>
  <si>
    <t>535.1493530273438</t>
  </si>
  <si>
    <t>-0.06424157268857655</t>
  </si>
  <si>
    <t>20387</t>
  </si>
  <si>
    <t>12.272594451904297</t>
  </si>
  <si>
    <t>569.0740356445312</t>
  </si>
  <si>
    <t>0.06228146033463844</t>
  </si>
  <si>
    <t>13.513660430908203</t>
  </si>
  <si>
    <t>372.72869873046875</t>
  </si>
  <si>
    <t>0.04821306606893749</t>
  </si>
  <si>
    <t>10.494231224060059</t>
  </si>
  <si>
    <t>379.3630065917969</t>
  </si>
  <si>
    <t>207.41879272460938</t>
  </si>
  <si>
    <t>Iasi</t>
  </si>
  <si>
    <t>9797</t>
  </si>
  <si>
    <t>9.36202335357666</t>
  </si>
  <si>
    <t>624.76025390625</t>
  </si>
  <si>
    <t>-0.1298116115219905</t>
  </si>
  <si>
    <t>9.940628051757812</t>
  </si>
  <si>
    <t>438.22149658203125</t>
  </si>
  <si>
    <t>-0.08285363636361254</t>
  </si>
  <si>
    <t>9.106169700622559</t>
  </si>
  <si>
    <t>534.5062255859375</t>
  </si>
  <si>
    <t>0.016278406088039432</t>
  </si>
  <si>
    <t>9539</t>
  </si>
  <si>
    <t>10.090627670288086</t>
  </si>
  <si>
    <t>437.7319030761719</t>
  </si>
  <si>
    <t>0.03988767207613897</t>
  </si>
  <si>
    <t>9.294232368469238</t>
  </si>
  <si>
    <t>565.2107543945312</t>
  </si>
  <si>
    <t>0.062282072249015386</t>
  </si>
  <si>
    <t>8.835898399353027</t>
  </si>
  <si>
    <t>519.6525268554688</t>
  </si>
  <si>
    <t>0.04110564223170243</t>
  </si>
  <si>
    <t>9.270356178283691</t>
  </si>
  <si>
    <t>628.4591674804688</t>
  </si>
  <si>
    <t>-0.04693425838706666</t>
  </si>
  <si>
    <t>9.428689956665039</t>
  </si>
  <si>
    <t>576.1951293945312</t>
  </si>
  <si>
    <t>-0.01860053626582925</t>
  </si>
  <si>
    <t>10.257294654846191</t>
  </si>
  <si>
    <t>526.1979370117188</t>
  </si>
  <si>
    <t>-0.0023242898645285948</t>
  </si>
  <si>
    <t>10139</t>
  </si>
  <si>
    <t>11.007294654846191</t>
  </si>
  <si>
    <t>387.8792724609375</t>
  </si>
  <si>
    <t>0.025472085844079118</t>
  </si>
  <si>
    <t>9.746480941772461</t>
  </si>
  <si>
    <t>568.0927124023438</t>
  </si>
  <si>
    <t>0.09916719768276394</t>
  </si>
  <si>
    <t>10.42396068572998</t>
  </si>
  <si>
    <t>565.847412109375</t>
  </si>
  <si>
    <t>0.06534205673725424</t>
  </si>
  <si>
    <t>9.320356369018555</t>
  </si>
  <si>
    <t>418.7328796386719</t>
  </si>
  <si>
    <t>-0.020711674892925913</t>
  </si>
  <si>
    <t>10.157294273376465</t>
  </si>
  <si>
    <t>0.0548446812623844</t>
  </si>
  <si>
    <t>9.157294273376465</t>
  </si>
  <si>
    <t>590.6515502929688</t>
  </si>
  <si>
    <t>0.07491047786196248</t>
  </si>
  <si>
    <t>13899</t>
  </si>
  <si>
    <t>10.498961448669434</t>
  </si>
  <si>
    <t>505.8346252441406</t>
  </si>
  <si>
    <t>0.041874782480739725</t>
  </si>
  <si>
    <t>10.665627479553223</t>
  </si>
  <si>
    <t>464.111083984375</t>
  </si>
  <si>
    <t>0.10209596552531508</t>
  </si>
  <si>
    <t>17191</t>
  </si>
  <si>
    <t>10.715628623962402</t>
  </si>
  <si>
    <t>520.4155883789062</t>
  </si>
  <si>
    <t>0.11047313043141926</t>
  </si>
  <si>
    <t>16354</t>
  </si>
  <si>
    <t>10.212023735046387</t>
  </si>
  <si>
    <t>464.1238708496094</t>
  </si>
  <si>
    <t>-0.049913475319570466</t>
  </si>
  <si>
    <t>16557</t>
  </si>
  <si>
    <t>10.373961448669434</t>
  </si>
  <si>
    <t>622.4636840820312</t>
  </si>
  <si>
    <t>0.012336457385687893</t>
  </si>
  <si>
    <t>10.078690528869629</t>
  </si>
  <si>
    <t>400.5048522949219</t>
  </si>
  <si>
    <t>-0.007760907201273426</t>
  </si>
  <si>
    <t>10.21562671661377</t>
  </si>
  <si>
    <t>522.681640625</t>
  </si>
  <si>
    <t>0.049401555480352854</t>
  </si>
  <si>
    <t>17892</t>
  </si>
  <si>
    <t>10.652565956115723</t>
  </si>
  <si>
    <t>539.1148681640625</t>
  </si>
  <si>
    <t>0.035904064166048855</t>
  </si>
  <si>
    <t>11.007293701171875</t>
  </si>
  <si>
    <t>556.3858032226562</t>
  </si>
  <si>
    <t>0.06124251848959261</t>
  </si>
  <si>
    <t>11.140628814697266</t>
  </si>
  <si>
    <t>447.3238830566406</t>
  </si>
  <si>
    <t>0.014353439354025</t>
  </si>
  <si>
    <t>19982</t>
  </si>
  <si>
    <t>10.723960876464844</t>
  </si>
  <si>
    <t>533.6014404296875</t>
  </si>
  <si>
    <t>0.03488222489660764</t>
  </si>
  <si>
    <t>11.108418464660645</t>
  </si>
  <si>
    <t>546.5806274414062</t>
  </si>
  <si>
    <t>0.1525479548523041</t>
  </si>
  <si>
    <t>10.841752052307129</t>
  </si>
  <si>
    <t>518.703125</t>
  </si>
  <si>
    <t>0.043055374073219355</t>
  </si>
  <si>
    <t>11.98702335357666</t>
  </si>
  <si>
    <t>363.57513427734375</t>
  </si>
  <si>
    <t>0.06804588222420982</t>
  </si>
  <si>
    <t>25549</t>
  </si>
  <si>
    <t>11.582294464111328</t>
  </si>
  <si>
    <t>515.4885864257812</t>
  </si>
  <si>
    <t>-0.017882902520044652</t>
  </si>
  <si>
    <t>10.128689765930176</t>
  </si>
  <si>
    <t>537.2159423828125</t>
  </si>
  <si>
    <t>0.06232463545329914</t>
  </si>
  <si>
    <t>11.269232749938965</t>
  </si>
  <si>
    <t>402.13116455078125</t>
  </si>
  <si>
    <t>0.048173546298807324</t>
  </si>
  <si>
    <t>7.553532123565674</t>
  </si>
  <si>
    <t>684.8576049804688</t>
  </si>
  <si>
    <t>227.1825408935547</t>
  </si>
  <si>
    <t>Maramures</t>
  </si>
  <si>
    <t>6.2992329597473145</t>
  </si>
  <si>
    <t>814.8773193359375</t>
  </si>
  <si>
    <t>-0.12974798778046193</t>
  </si>
  <si>
    <t>7.299116611480713</t>
  </si>
  <si>
    <t>721.0716552734375</t>
  </si>
  <si>
    <t>-0.08300713185600728</t>
  </si>
  <si>
    <t>6.6796956062316895</t>
  </si>
  <si>
    <t>745.4737548828125</t>
  </si>
  <si>
    <t>0.01640527667932723</t>
  </si>
  <si>
    <t>8250</t>
  </si>
  <si>
    <t>7.751835346221924</t>
  </si>
  <si>
    <t>697.7258911132812</t>
  </si>
  <si>
    <t>0.039812403318901346</t>
  </si>
  <si>
    <t>6.812873363494873</t>
  </si>
  <si>
    <t>750.2611083984375</t>
  </si>
  <si>
    <t>0.06237709603126973</t>
  </si>
  <si>
    <t>6.3675761222839355</t>
  </si>
  <si>
    <t>817.8770751953125</t>
  </si>
  <si>
    <t>0.04105428731953964</t>
  </si>
  <si>
    <t>6.716934680938721</t>
  </si>
  <si>
    <t>812.9718017578125</t>
  </si>
  <si>
    <t>-0.046993767944185194</t>
  </si>
  <si>
    <t>6.7436747550964355</t>
  </si>
  <si>
    <t>924.4186401367188</t>
  </si>
  <si>
    <t>-0.018499776066231988</t>
  </si>
  <si>
    <t>7.242002010345459</t>
  </si>
  <si>
    <t>869.4264526367188</t>
  </si>
  <si>
    <t>-0.0023367226428838705</t>
  </si>
  <si>
    <t>8.539762496948242</t>
  </si>
  <si>
    <t>680.9161987304688</t>
  </si>
  <si>
    <t>0.025408457753121283</t>
  </si>
  <si>
    <t>9127</t>
  </si>
  <si>
    <t>7.082090377807617</t>
  </si>
  <si>
    <t>904.7645874023438</t>
  </si>
  <si>
    <t>0.04001427873752128</t>
  </si>
  <si>
    <t>7.96619176864624</t>
  </si>
  <si>
    <t>721.556884765625</t>
  </si>
  <si>
    <t>0.0822063815420222</t>
  </si>
  <si>
    <t>6.962049961090088</t>
  </si>
  <si>
    <t>699.1317749023438</t>
  </si>
  <si>
    <t>0.0246212287656693</t>
  </si>
  <si>
    <t>11625</t>
  </si>
  <si>
    <t>7.319115161895752</t>
  </si>
  <si>
    <t>869.4246826171875</t>
  </si>
  <si>
    <t>0.1350932876309887</t>
  </si>
  <si>
    <t>6.4167914390563965</t>
  </si>
  <si>
    <t>831.2476196289062</t>
  </si>
  <si>
    <t>0.010865487398156404</t>
  </si>
  <si>
    <t>7.82404899597168</t>
  </si>
  <si>
    <t>845.2501831054688</t>
  </si>
  <si>
    <t>0.10545411236669366</t>
  </si>
  <si>
    <t>13846</t>
  </si>
  <si>
    <t>8.15248966217041</t>
  </si>
  <si>
    <t>843.8450927734375</t>
  </si>
  <si>
    <t>0.0585188310175635</t>
  </si>
  <si>
    <t>8.056768417358398</t>
  </si>
  <si>
    <t>837.184326171875</t>
  </si>
  <si>
    <t>0.06195773457696774</t>
  </si>
  <si>
    <t>14779</t>
  </si>
  <si>
    <t>8.042251586914062</t>
  </si>
  <si>
    <t>804.6520385742188</t>
  </si>
  <si>
    <t>0.003253137399633843</t>
  </si>
  <si>
    <t>14703</t>
  </si>
  <si>
    <t>7.512898921966553</t>
  </si>
  <si>
    <t>1058.191162109375</t>
  </si>
  <si>
    <t>-0.00515569963691398</t>
  </si>
  <si>
    <t>7.48829460144043</t>
  </si>
  <si>
    <t>636.2977905273438</t>
  </si>
  <si>
    <t>-0.0064822307429075465</t>
  </si>
  <si>
    <t>15677</t>
  </si>
  <si>
    <t>7.9050822257995605</t>
  </si>
  <si>
    <t>785.8176879882812</t>
  </si>
  <si>
    <t>0.07062534623378092</t>
  </si>
  <si>
    <t>8.2620210647583</t>
  </si>
  <si>
    <t>826.5885620117188</t>
  </si>
  <si>
    <t>-0.010580752146044148</t>
  </si>
  <si>
    <t>16590</t>
  </si>
  <si>
    <t>8.626826286315918</t>
  </si>
  <si>
    <t>802.2492065429688</t>
  </si>
  <si>
    <t>0.06718618626200268</t>
  </si>
  <si>
    <t>8.389676094055176</t>
  </si>
  <si>
    <t>658.8817749023438</t>
  </si>
  <si>
    <t>0.07527408780875611</t>
  </si>
  <si>
    <t>7.748382091522217</t>
  </si>
  <si>
    <t>838.8704833984375</t>
  </si>
  <si>
    <t>0.000782385196945512</t>
  </si>
  <si>
    <t>20078</t>
  </si>
  <si>
    <t>8.685226440429688</t>
  </si>
  <si>
    <t>774.3782958984375</t>
  </si>
  <si>
    <t>0.11476811106128082</t>
  </si>
  <si>
    <t>8.574737548828125</t>
  </si>
  <si>
    <t>779.2274780273438</t>
  </si>
  <si>
    <t>0.05016954338318591</t>
  </si>
  <si>
    <t>9.190199851989746</t>
  </si>
  <si>
    <t>681.9683837890625</t>
  </si>
  <si>
    <t>0.06545291040261247</t>
  </si>
  <si>
    <t>8.692394256591797</t>
  </si>
  <si>
    <t>853.907470703125</t>
  </si>
  <si>
    <t>-0.028714844174704268</t>
  </si>
  <si>
    <t>23309</t>
  </si>
  <si>
    <t>7.566328048706055</t>
  </si>
  <si>
    <t>736.5293579101562</t>
  </si>
  <si>
    <t>0.06230725420410366</t>
  </si>
  <si>
    <t>8.925005912780762</t>
  </si>
  <si>
    <t>686.31396484375</t>
  </si>
  <si>
    <t>0.04815869426434993</t>
  </si>
  <si>
    <t>2211</t>
  </si>
  <si>
    <t>11.726784706115723</t>
  </si>
  <si>
    <t>479.226318359375</t>
  </si>
  <si>
    <t>163.08193969726562</t>
  </si>
  <si>
    <t>Mehedinti</t>
  </si>
  <si>
    <t>10.475180625915527</t>
  </si>
  <si>
    <t>729.2516479492188</t>
  </si>
  <si>
    <t>-0.129824481175989</t>
  </si>
  <si>
    <t>11.7348051071167</t>
  </si>
  <si>
    <t>555.0481567382812</t>
  </si>
  <si>
    <t>-0.08289375044050473</t>
  </si>
  <si>
    <t>11.243346214294434</t>
  </si>
  <si>
    <t>492.39971923828125</t>
  </si>
  <si>
    <t>0.01634696511745659</t>
  </si>
  <si>
    <t>12.166847229003906</t>
  </si>
  <si>
    <t>607.1320190429688</t>
  </si>
  <si>
    <t>0.039798533973948835</t>
  </si>
  <si>
    <t>11.165138244628906</t>
  </si>
  <si>
    <t>733.2514038085938</t>
  </si>
  <si>
    <t>0.06224776914205421</t>
  </si>
  <si>
    <t>10.572494506835938</t>
  </si>
  <si>
    <t>662.3895874023438</t>
  </si>
  <si>
    <t>0.041159992385994215</t>
  </si>
  <si>
    <t>8352</t>
  </si>
  <si>
    <t>11.071762084960938</t>
  </si>
  <si>
    <t>713.7008056640625</t>
  </si>
  <si>
    <t>-0.04700970762842083</t>
  </si>
  <si>
    <t>10.946763038635254</t>
  </si>
  <si>
    <t>650.907470703125</t>
  </si>
  <si>
    <t>-0.018610809058136724</t>
  </si>
  <si>
    <t>8179</t>
  </si>
  <si>
    <t>11.266846656799316</t>
  </si>
  <si>
    <t>776.4342041015625</t>
  </si>
  <si>
    <t>-0.0023203283293096177</t>
  </si>
  <si>
    <t>12.860325813293457</t>
  </si>
  <si>
    <t>419.22027587890625</t>
  </si>
  <si>
    <t>0.02547062672627831</t>
  </si>
  <si>
    <t>11.278491973876953</t>
  </si>
  <si>
    <t>663.9292602539062</t>
  </si>
  <si>
    <t>0.20179694365899614</t>
  </si>
  <si>
    <t>12.203389167785645</t>
  </si>
  <si>
    <t>721.02099609375</t>
  </si>
  <si>
    <t>-0.06374657557164554</t>
  </si>
  <si>
    <t>11316</t>
  </si>
  <si>
    <t>11.351679801940918</t>
  </si>
  <si>
    <t>623.154541015625</t>
  </si>
  <si>
    <t>0.16112676487285604</t>
  </si>
  <si>
    <t>11.4351167678833</t>
  </si>
  <si>
    <t>714.53515625</t>
  </si>
  <si>
    <t>0.06574736071612541</t>
  </si>
  <si>
    <t>10971</t>
  </si>
  <si>
    <t>10.573263168334961</t>
  </si>
  <si>
    <t>822.3732299804688</t>
  </si>
  <si>
    <t>-0.09670958632009352</t>
  </si>
  <si>
    <t>12.133304595947266</t>
  </si>
  <si>
    <t>677.8294067382812</t>
  </si>
  <si>
    <t>0.12991305961433852</t>
  </si>
  <si>
    <t>12781</t>
  </si>
  <si>
    <t>12.3336181640625</t>
  </si>
  <si>
    <t>728.3845825195312</t>
  </si>
  <si>
    <t>0.022791205699885353</t>
  </si>
  <si>
    <t>13857</t>
  </si>
  <si>
    <t>12.326889038085938</t>
  </si>
  <si>
    <t>619.7955322265625</t>
  </si>
  <si>
    <t>0.08083082696700039</t>
  </si>
  <si>
    <t>12.43040943145752</t>
  </si>
  <si>
    <t>728.407958984375</t>
  </si>
  <si>
    <t>-0.011540683340864888</t>
  </si>
  <si>
    <t>11.552203178405762</t>
  </si>
  <si>
    <t>790.27197265625</t>
  </si>
  <si>
    <t>-0.11050015906526056</t>
  </si>
  <si>
    <t>11.800389289855957</t>
  </si>
  <si>
    <t>508.3633728027344</t>
  </si>
  <si>
    <t>0.031065627732949963</t>
  </si>
  <si>
    <t>12.301783561706543</t>
  </si>
  <si>
    <t>598.774658203125</t>
  </si>
  <si>
    <t>0.0532515401729885</t>
  </si>
  <si>
    <t>13009</t>
  </si>
  <si>
    <t>12.418659210205078</t>
  </si>
  <si>
    <t>630.2633056640625</t>
  </si>
  <si>
    <t>-0.025425419996969012</t>
  </si>
  <si>
    <t>12.83041000366211</t>
  </si>
  <si>
    <t>848.8819580078125</t>
  </si>
  <si>
    <t>0.028119629080661568</t>
  </si>
  <si>
    <t>14073</t>
  </si>
  <si>
    <t>12.486930847167969</t>
  </si>
  <si>
    <t>689.9725341796875</t>
  </si>
  <si>
    <t>0.05049701331434697</t>
  </si>
  <si>
    <t>14942</t>
  </si>
  <si>
    <t>11.766742706298828</t>
  </si>
  <si>
    <t>737.8301391601562</t>
  </si>
  <si>
    <t>0.059917971539180215</t>
  </si>
  <si>
    <t>12.901888847351074</t>
  </si>
  <si>
    <t>648.8976440429688</t>
  </si>
  <si>
    <t>0.20108433083630572</t>
  </si>
  <si>
    <t>12.823472023010254</t>
  </si>
  <si>
    <t>674.4427490234375</t>
  </si>
  <si>
    <t>0.11032354886667584</t>
  </si>
  <si>
    <t>18504</t>
  </si>
  <si>
    <t>13.283617973327637</t>
  </si>
  <si>
    <t>558.5444946289062</t>
  </si>
  <si>
    <t>-0.0975969943274535</t>
  </si>
  <si>
    <t>20166</t>
  </si>
  <si>
    <t>12.771971702575684</t>
  </si>
  <si>
    <t>740.1385498046875</t>
  </si>
  <si>
    <t>0.08601109304188448</t>
  </si>
  <si>
    <t>11.80861759185791</t>
  </si>
  <si>
    <t>688.0408325195312</t>
  </si>
  <si>
    <t>0.0622859115339125</t>
  </si>
  <si>
    <t>22521</t>
  </si>
  <si>
    <t>13.235325813293457</t>
  </si>
  <si>
    <t>602.6985473632812</t>
  </si>
  <si>
    <t>0.048164277754040086</t>
  </si>
  <si>
    <t>13506</t>
  </si>
  <si>
    <t>9.196147918701172</t>
  </si>
  <si>
    <t>488.14678955078125</t>
  </si>
  <si>
    <t>382.1844482421875</t>
  </si>
  <si>
    <t>Mures</t>
  </si>
  <si>
    <t>11862</t>
  </si>
  <si>
    <t>7.935084819793701</t>
  </si>
  <si>
    <t>714.43408203125</t>
  </si>
  <si>
    <t>-0.1297940177361152</t>
  </si>
  <si>
    <t>8.835301399230957</t>
  </si>
  <si>
    <t>560.7815551757812</t>
  </si>
  <si>
    <t>-0.0829272100569689</t>
  </si>
  <si>
    <t>8.240617752075195</t>
  </si>
  <si>
    <t>656.7001953125</t>
  </si>
  <si>
    <t>0.01635210854414204</t>
  </si>
  <si>
    <t>9.275423049926758</t>
  </si>
  <si>
    <t>571.6167602539062</t>
  </si>
  <si>
    <t>0.03983394122924189</t>
  </si>
  <si>
    <t>8.302294731140137</t>
  </si>
  <si>
    <t>639.8495483398438</t>
  </si>
  <si>
    <t>0.062268434099893355</t>
  </si>
  <si>
    <t>12807</t>
  </si>
  <si>
    <t>7.9530863761901855</t>
  </si>
  <si>
    <t>656.124755859375</t>
  </si>
  <si>
    <t>0.0411246092110904</t>
  </si>
  <si>
    <t>8.166966438293457</t>
  </si>
  <si>
    <t>741.4959716796875</t>
  </si>
  <si>
    <t>-0.04699977910954978</t>
  </si>
  <si>
    <t>8.279219627380371</t>
  </si>
  <si>
    <t>781.4112548828125</t>
  </si>
  <si>
    <t>-0.01850222104272703</t>
  </si>
  <si>
    <t>8.785239219665527</t>
  </si>
  <si>
    <t>733.8318481445312</t>
  </si>
  <si>
    <t>-0.002337034700278906</t>
  </si>
  <si>
    <t>12276</t>
  </si>
  <si>
    <t>10.075942039489746</t>
  </si>
  <si>
    <t>471.50909423828125</t>
  </si>
  <si>
    <t>0.025493275166111218</t>
  </si>
  <si>
    <t>8.609951972961426</t>
  </si>
  <si>
    <t>773.4143676757812</t>
  </si>
  <si>
    <t>0.10220304341605946</t>
  </si>
  <si>
    <t>14058</t>
  </si>
  <si>
    <t>9.485185623168945</t>
  </si>
  <si>
    <t>593.5512084960938</t>
  </si>
  <si>
    <t>0.03334244858016433</t>
  </si>
  <si>
    <t>8.44378662109375</t>
  </si>
  <si>
    <t>528.5735473632812</t>
  </si>
  <si>
    <t>0.06718918768677895</t>
  </si>
  <si>
    <t>8.926390647888184</t>
  </si>
  <si>
    <t>708.7288818359375</t>
  </si>
  <si>
    <t>0.006761261339935487</t>
  </si>
  <si>
    <t>7.950174331665039</t>
  </si>
  <si>
    <t>764.0487670898438</t>
  </si>
  <si>
    <t>-0.0062293110647413386</t>
  </si>
  <si>
    <t>9.352140426635742</t>
  </si>
  <si>
    <t>749.4306640625</t>
  </si>
  <si>
    <t>0.06858950179316281</t>
  </si>
  <si>
    <t>18076</t>
  </si>
  <si>
    <t>9.662492752075195</t>
  </si>
  <si>
    <t>763.6724243164062</t>
  </si>
  <si>
    <t>0.11508282304018458</t>
  </si>
  <si>
    <t>18360</t>
  </si>
  <si>
    <t>9.66108226776123</t>
  </si>
  <si>
    <t>729.906005859375</t>
  </si>
  <si>
    <t>0.015589293643310853</t>
  </si>
  <si>
    <t>9.572431564331055</t>
  </si>
  <si>
    <t>644.8827514648438</t>
  </si>
  <si>
    <t>-0.07754944950850451</t>
  </si>
  <si>
    <t>9.139128684997559</t>
  </si>
  <si>
    <t>839.411376953125</t>
  </si>
  <si>
    <t>-0.04798413241991817</t>
  </si>
  <si>
    <t>17052</t>
  </si>
  <si>
    <t>8.982366561889648</t>
  </si>
  <si>
    <t>513.8363647460938</t>
  </si>
  <si>
    <t>0.0516266956390421</t>
  </si>
  <si>
    <t>18283</t>
  </si>
  <si>
    <t>9.455724716186523</t>
  </si>
  <si>
    <t>585.5660400390625</t>
  </si>
  <si>
    <t>0.06970416744340291</t>
  </si>
  <si>
    <t>9.814000129699707</t>
  </si>
  <si>
    <t>674.790283203125</t>
  </si>
  <si>
    <t>-0.017601911120875613</t>
  </si>
  <si>
    <t>19238</t>
  </si>
  <si>
    <t>10.100531578063965</t>
  </si>
  <si>
    <t>679.3706665039062</t>
  </si>
  <si>
    <t>0.06851773450493148</t>
  </si>
  <si>
    <t>9.948494911193848</t>
  </si>
  <si>
    <t>567.4896850585938</t>
  </si>
  <si>
    <t>0.03784428348998503</t>
  </si>
  <si>
    <t>19859</t>
  </si>
  <si>
    <t>9.345062255859375</t>
  </si>
  <si>
    <t>709.1616821289062</t>
  </si>
  <si>
    <t>-0.0060744683383813225</t>
  </si>
  <si>
    <t>10.19527530670166</t>
  </si>
  <si>
    <t>622.7296142578125</t>
  </si>
  <si>
    <t>0.07337755792602785</t>
  </si>
  <si>
    <t>10.053808212280273</t>
  </si>
  <si>
    <t>679.639404296875</t>
  </si>
  <si>
    <t>0.11079702355873877</t>
  </si>
  <si>
    <t>10.758076667785645</t>
  </si>
  <si>
    <t>544.5516967773438</t>
  </si>
  <si>
    <t>0.014924719442538148</t>
  </si>
  <si>
    <t>10.331656455993652</t>
  </si>
  <si>
    <t>693.7023315429688</t>
  </si>
  <si>
    <t>0.028194947541622994</t>
  </si>
  <si>
    <t>9.15241527557373</t>
  </si>
  <si>
    <t>631.8271484375</t>
  </si>
  <si>
    <t>0.062324614798694</t>
  </si>
  <si>
    <t>10.464742660522461</t>
  </si>
  <si>
    <t>586.4295043945312</t>
  </si>
  <si>
    <t>0.04816174713121768</t>
  </si>
  <si>
    <t>9526</t>
  </si>
  <si>
    <t>7.492743015289307</t>
  </si>
  <si>
    <t>491.1845397949219</t>
  </si>
  <si>
    <t>217.73028564453125</t>
  </si>
  <si>
    <t>Neamt</t>
  </si>
  <si>
    <t>6.21105432510376</t>
  </si>
  <si>
    <t>754.862548828125</t>
  </si>
  <si>
    <t>-0.12984902935866138</t>
  </si>
  <si>
    <t>7.050780773162842</t>
  </si>
  <si>
    <t>569.5368041992188</t>
  </si>
  <si>
    <t>-0.08282568246289479</t>
  </si>
  <si>
    <t>6.319490909576416</t>
  </si>
  <si>
    <t>663.668701171875</t>
  </si>
  <si>
    <t>0.016356858976717348</t>
  </si>
  <si>
    <t>7.441604137420654</t>
  </si>
  <si>
    <t>575.0923461914062</t>
  </si>
  <si>
    <t>0.03981995969239094</t>
  </si>
  <si>
    <t>6.47433614730835</t>
  </si>
  <si>
    <t>684.642578125</t>
  </si>
  <si>
    <t>0.06222643466028188</t>
  </si>
  <si>
    <t>6.175114154815674</t>
  </si>
  <si>
    <t>614.7730712890625</t>
  </si>
  <si>
    <t>0.04113109428120332</t>
  </si>
  <si>
    <t>6.375787734985352</t>
  </si>
  <si>
    <t>789.5894165039062</t>
  </si>
  <si>
    <t>-0.046915469502444296</t>
  </si>
  <si>
    <t>6.515129089355469</t>
  </si>
  <si>
    <t>736.5232543945312</t>
  </si>
  <si>
    <t>-0.01861989504712902</t>
  </si>
  <si>
    <t>7.1337127685546875</t>
  </si>
  <si>
    <t>695.9530639648438</t>
  </si>
  <si>
    <t>-0.0023668650102663946</t>
  </si>
  <si>
    <t>8.2395658493042</t>
  </si>
  <si>
    <t>503.007568359375</t>
  </si>
  <si>
    <t>0.02550144041192226</t>
  </si>
  <si>
    <t>6.8496246337890625</t>
  </si>
  <si>
    <t>715.4216918945312</t>
  </si>
  <si>
    <t>0.0692700333512537</t>
  </si>
  <si>
    <t>7.634914875030518</t>
  </si>
  <si>
    <t>687.5098876953125</t>
  </si>
  <si>
    <t>0.02606114625357492</t>
  </si>
  <si>
    <t>6.5718159675598145</t>
  </si>
  <si>
    <t>559.6937255859375</t>
  </si>
  <si>
    <t>-0.04290662420247493</t>
  </si>
  <si>
    <t>7.203306198120117</t>
  </si>
  <si>
    <t>699.5703125</t>
  </si>
  <si>
    <t>0.13358619164911367</t>
  </si>
  <si>
    <t>6.20814323425293</t>
  </si>
  <si>
    <t>756.7149047851562</t>
  </si>
  <si>
    <t>0.03606963823937903</t>
  </si>
  <si>
    <t>11584</t>
  </si>
  <si>
    <t>7.581706523895264</t>
  </si>
  <si>
    <t>687.7854614257812</t>
  </si>
  <si>
    <t>0.06906070133272557</t>
  </si>
  <si>
    <t>11875</t>
  </si>
  <si>
    <t>7.874327182769775</t>
  </si>
  <si>
    <t>643.4136352539062</t>
  </si>
  <si>
    <t>0.02481051427734471</t>
  </si>
  <si>
    <t>7.860010147094727</t>
  </si>
  <si>
    <t>656.9813842773438</t>
  </si>
  <si>
    <t>0.04929129171687663</t>
  </si>
  <si>
    <t>7.640328884124756</t>
  </si>
  <si>
    <t>628.9699096679688</t>
  </si>
  <si>
    <t>-0.04752443247972771</t>
  </si>
  <si>
    <t>7.404477596282959</t>
  </si>
  <si>
    <t>795.7398681640625</t>
  </si>
  <si>
    <t>-0.0664682006467654</t>
  </si>
  <si>
    <t>11935</t>
  </si>
  <si>
    <t>7.18761682510376</t>
  </si>
  <si>
    <t>541.8672485351562</t>
  </si>
  <si>
    <t>0.0697412512797051</t>
  </si>
  <si>
    <t>13461</t>
  </si>
  <si>
    <t>7.5511088371276855</t>
  </si>
  <si>
    <t>651.9761962890625</t>
  </si>
  <si>
    <t>0.12032135587116244</t>
  </si>
  <si>
    <t>7.929965496063232</t>
  </si>
  <si>
    <t>686.9140625</t>
  </si>
  <si>
    <t>0.027549548025291415</t>
  </si>
  <si>
    <t>14026</t>
  </si>
  <si>
    <t>8.19701099395752</t>
  </si>
  <si>
    <t>705.1766967773438</t>
  </si>
  <si>
    <t>0.013566586427470995</t>
  </si>
  <si>
    <t>14969</t>
  </si>
  <si>
    <t>8.191475868225098</t>
  </si>
  <si>
    <t>584.2734985351562</t>
  </si>
  <si>
    <t>0.06506864581838023</t>
  </si>
  <si>
    <t>7.678594589233398</t>
  </si>
  <si>
    <t>691.5079345703125</t>
  </si>
  <si>
    <t>0.03840073441650205</t>
  </si>
  <si>
    <t>8.341980934143066</t>
  </si>
  <si>
    <t>674.7371826171875</t>
  </si>
  <si>
    <t>0.1009341474214196</t>
  </si>
  <si>
    <t>18673</t>
  </si>
  <si>
    <t>8.135965347290039</t>
  </si>
  <si>
    <t>664.6936645507812</t>
  </si>
  <si>
    <t>0.08176235246592256</t>
  </si>
  <si>
    <t>19203</t>
  </si>
  <si>
    <t>8.994988441467285</t>
  </si>
  <si>
    <t>503.9215087890625</t>
  </si>
  <si>
    <t>0.027987886591033018</t>
  </si>
  <si>
    <t>19305</t>
  </si>
  <si>
    <t>8.60823917388916</t>
  </si>
  <si>
    <t>668.904541015625</t>
  </si>
  <si>
    <t>0.005297612888224279</t>
  </si>
  <si>
    <t>20546</t>
  </si>
  <si>
    <t>7.300594329833984</t>
  </si>
  <si>
    <t>661.6484375</t>
  </si>
  <si>
    <t>0.06230214507787224</t>
  </si>
  <si>
    <t>21560</t>
  </si>
  <si>
    <t>8.594114303588867</t>
  </si>
  <si>
    <t>546.7803955078125</t>
  </si>
  <si>
    <t>0.048173471246723665</t>
  </si>
  <si>
    <t>12.33672046661377</t>
  </si>
  <si>
    <t>410.2324523925781</t>
  </si>
  <si>
    <t>329.0779113769531</t>
  </si>
  <si>
    <t>Olt</t>
  </si>
  <si>
    <t>11.048008918762207</t>
  </si>
  <si>
    <t>627.63134765625</t>
  </si>
  <si>
    <t>-0.1298485491291661</t>
  </si>
  <si>
    <t>8451</t>
  </si>
  <si>
    <t>12.127259254455566</t>
  </si>
  <si>
    <t>474.44677734375</t>
  </si>
  <si>
    <t>-0.08285135359921725</t>
  </si>
  <si>
    <t>11.598631858825684</t>
  </si>
  <si>
    <t>499.1517333984375</t>
  </si>
  <si>
    <t>0.016313958433817888</t>
  </si>
  <si>
    <t>12.654826164245605</t>
  </si>
  <si>
    <t>553.6782836914062</t>
  </si>
  <si>
    <t>0.039824990109551095</t>
  </si>
  <si>
    <t>9514</t>
  </si>
  <si>
    <t>11.611827850341797</t>
  </si>
  <si>
    <t>645.9536743164062</t>
  </si>
  <si>
    <t>0.062340671904374645</t>
  </si>
  <si>
    <t>11.268515586853027</t>
  </si>
  <si>
    <t>550.8518676757812</t>
  </si>
  <si>
    <t>0.04108262904067139</t>
  </si>
  <si>
    <t>11.444806098937988</t>
  </si>
  <si>
    <t>691.3267211914062</t>
  </si>
  <si>
    <t>-0.04698608282907735</t>
  </si>
  <si>
    <t>11.48452091217041</t>
  </si>
  <si>
    <t>620.1907958984375</t>
  </si>
  <si>
    <t>-0.0185684558094934</t>
  </si>
  <si>
    <t>11.907143592834473</t>
  </si>
  <si>
    <t>687.6132202148438</t>
  </si>
  <si>
    <t>-0.0022645181402989323</t>
  </si>
  <si>
    <t>9502</t>
  </si>
  <si>
    <t>13.304557800292969</t>
  </si>
  <si>
    <t>376.19671630859375</t>
  </si>
  <si>
    <t>0.025474332492837704</t>
  </si>
  <si>
    <t>11.849114418029785</t>
  </si>
  <si>
    <t>521.6781616210938</t>
  </si>
  <si>
    <t>0.042748153439259085</t>
  </si>
  <si>
    <t>8700</t>
  </si>
  <si>
    <t>12.748259544372559</t>
  </si>
  <si>
    <t>660.4873046875</t>
  </si>
  <si>
    <t>-0.13092743054344957</t>
  </si>
  <si>
    <t>11.795300483703613</t>
  </si>
  <si>
    <t>528.5969848632812</t>
  </si>
  <si>
    <t>0.039220713153280684</t>
  </si>
  <si>
    <t>10604</t>
  </si>
  <si>
    <t>12.088587760925293</t>
  </si>
  <si>
    <t>634.3533935546875</t>
  </si>
  <si>
    <t>0.15868754961296005</t>
  </si>
  <si>
    <t>11.167129516601562</t>
  </si>
  <si>
    <t>736.2942504882812</t>
  </si>
  <si>
    <t>-0.045927423024958</t>
  </si>
  <si>
    <t>12.599742889404297</t>
  </si>
  <si>
    <t>616.72607421875</t>
  </si>
  <si>
    <t>0.07739611703448546</t>
  </si>
  <si>
    <t>12.929828643798828</t>
  </si>
  <si>
    <t>608.0657958984375</t>
  </si>
  <si>
    <t>0.08886776608617986</t>
  </si>
  <si>
    <t>13140</t>
  </si>
  <si>
    <t>12.903595924377441</t>
  </si>
  <si>
    <t>508.1441955566406</t>
  </si>
  <si>
    <t>0.09409326453397782</t>
  </si>
  <si>
    <t>12.96670150756836</t>
  </si>
  <si>
    <t>682.1600952148438</t>
  </si>
  <si>
    <t>-0.11087204018756402</t>
  </si>
  <si>
    <t>12.24854564666748</t>
  </si>
  <si>
    <t>704.4266967773438</t>
  </si>
  <si>
    <t>0.06085966823918376</t>
  </si>
  <si>
    <t>12.262751579284668</t>
  </si>
  <si>
    <t>478.98858642578125</t>
  </si>
  <si>
    <t>0.0012792837756538944</t>
  </si>
  <si>
    <t>13535</t>
  </si>
  <si>
    <t>12.812671661376953</t>
  </si>
  <si>
    <t>579.9307861328125</t>
  </si>
  <si>
    <t>0.07835099818252722</t>
  </si>
  <si>
    <t>13.050209999084473</t>
  </si>
  <si>
    <t>577.5811157226562</t>
  </si>
  <si>
    <t>0.01938966909689377</t>
  </si>
  <si>
    <t>13.367249488830566</t>
  </si>
  <si>
    <t>799.7159423828125</t>
  </si>
  <si>
    <t>0.04782351353833647</t>
  </si>
  <si>
    <t>14545</t>
  </si>
  <si>
    <t>13.096302032470703</t>
  </si>
  <si>
    <t>666.047607421875</t>
  </si>
  <si>
    <t>0.004755186245668952</t>
  </si>
  <si>
    <t>12.454710960388184</t>
  </si>
  <si>
    <t>613.78857421875</t>
  </si>
  <si>
    <t>0.04194065356550247</t>
  </si>
  <si>
    <t>13.460712432861328</t>
  </si>
  <si>
    <t>670.2847290039062</t>
  </si>
  <si>
    <t>0.13906228472006177</t>
  </si>
  <si>
    <t>19114</t>
  </si>
  <si>
    <t>13.366901397705078</t>
  </si>
  <si>
    <t>643.7835083007812</t>
  </si>
  <si>
    <t>0.09217082061126014</t>
  </si>
  <si>
    <t>19930</t>
  </si>
  <si>
    <t>13.887969970703125</t>
  </si>
  <si>
    <t>487.9502258300781</t>
  </si>
  <si>
    <t>0.04180508338071398</t>
  </si>
  <si>
    <t>13.461132049560547</t>
  </si>
  <si>
    <t>665.2598876953125</t>
  </si>
  <si>
    <t>-0.1125221867308337</t>
  </si>
  <si>
    <t>12.41562557220459</t>
  </si>
  <si>
    <t>628.1766357421875</t>
  </si>
  <si>
    <t>0.06231104355413386</t>
  </si>
  <si>
    <t>13.77932357788086</t>
  </si>
  <si>
    <t>497.2410888671875</t>
  </si>
  <si>
    <t>0.04820210181787843</t>
  </si>
  <si>
    <t>10.422089576721191</t>
  </si>
  <si>
    <t>441.2879943847656</t>
  </si>
  <si>
    <t>356.12188720703125</t>
  </si>
  <si>
    <t>Prahova</t>
  </si>
  <si>
    <t>9.154125213623047</t>
  </si>
  <si>
    <t>764.0533447265625</t>
  </si>
  <si>
    <t>-0.12985059824268497</t>
  </si>
  <si>
    <t>9.803827285766602</t>
  </si>
  <si>
    <t>512.1575927734375</t>
  </si>
  <si>
    <t>-0.08288355962187488</t>
  </si>
  <si>
    <t>11269</t>
  </si>
  <si>
    <t>9.432368278503418</t>
  </si>
  <si>
    <t>653.9823608398438</t>
  </si>
  <si>
    <t>0.016372541972598853</t>
  </si>
  <si>
    <t>10.5059232711792</t>
  </si>
  <si>
    <t>586.4894409179688</t>
  </si>
  <si>
    <t>0.03983828250871646</t>
  </si>
  <si>
    <t>9.466351509094238</t>
  </si>
  <si>
    <t>753.0148315429688</t>
  </si>
  <si>
    <t>0.06223348746235402</t>
  </si>
  <si>
    <t>9.386012077331543</t>
  </si>
  <si>
    <t>643.7775268554688</t>
  </si>
  <si>
    <t>0.04112963950037596</t>
  </si>
  <si>
    <t>12407</t>
  </si>
  <si>
    <t>9.193297386169434</t>
  </si>
  <si>
    <t>856.6328735351562</t>
  </si>
  <si>
    <t>-0.046996172980923845</t>
  </si>
  <si>
    <t>9.661311149597168</t>
  </si>
  <si>
    <t>697.1649780273438</t>
  </si>
  <si>
    <t>-0.01854767235576027</t>
  </si>
  <si>
    <t>12151</t>
  </si>
  <si>
    <t>10.212358474731445</t>
  </si>
  <si>
    <t>799.7590942382812</t>
  </si>
  <si>
    <t>-0.0023016861784999065</t>
  </si>
  <si>
    <t>11.140303611755371</t>
  </si>
  <si>
    <t>425.1292724609375</t>
  </si>
  <si>
    <t>0.02543301820191779</t>
  </si>
  <si>
    <t>10.005572319030762</t>
  </si>
  <si>
    <t>635.1201171875</t>
  </si>
  <si>
    <t>0.03593200922606421</t>
  </si>
  <si>
    <t>14675</t>
  </si>
  <si>
    <t>10.677680015563965</t>
  </si>
  <si>
    <t>744.6962280273438</t>
  </si>
  <si>
    <t>0.12736886735970465</t>
  </si>
  <si>
    <t>14331</t>
  </si>
  <si>
    <t>9.529875755310059</t>
  </si>
  <si>
    <t>559.9612426757812</t>
  </si>
  <si>
    <t>-0.0237203426382262</t>
  </si>
  <si>
    <t>10.36091136932373</t>
  </si>
  <si>
    <t>788.5526123046875</t>
  </si>
  <si>
    <t>0.07718844248239343</t>
  </si>
  <si>
    <t>17594</t>
  </si>
  <si>
    <t>9.39464282989502</t>
  </si>
  <si>
    <t>819.4807739257812</t>
  </si>
  <si>
    <t>0.12794446927215475</t>
  </si>
  <si>
    <t>10.502030372619629</t>
  </si>
  <si>
    <t>639.9894409179688</t>
  </si>
  <si>
    <t>0.07049225838242279</t>
  </si>
  <si>
    <t>20672</t>
  </si>
  <si>
    <t>10.931072235107422</t>
  </si>
  <si>
    <t>610.9432373046875</t>
  </si>
  <si>
    <t>0.09072993438728538</t>
  </si>
  <si>
    <t>10.970791816711426</t>
  </si>
  <si>
    <t>585.8721923828125</t>
  </si>
  <si>
    <t>0.10108960488303076</t>
  </si>
  <si>
    <t>10.873637199401855</t>
  </si>
  <si>
    <t>694.7613525390625</t>
  </si>
  <si>
    <t>0.01199545001873048</t>
  </si>
  <si>
    <t>10.706119537353516</t>
  </si>
  <si>
    <t>813.1226806640625</t>
  </si>
  <si>
    <t>-0.16684595054550222</t>
  </si>
  <si>
    <t>28366</t>
  </si>
  <si>
    <t>10.022839546203613</t>
  </si>
  <si>
    <t>514.852783203125</t>
  </si>
  <si>
    <t>0.37017201291596535</t>
  </si>
  <si>
    <t>10.958565711975098</t>
  </si>
  <si>
    <t>723.4566650390625</t>
  </si>
  <si>
    <t>-0.16335291810677788</t>
  </si>
  <si>
    <t>11.112709045410156</t>
  </si>
  <si>
    <t>714.3112182617188</t>
  </si>
  <si>
    <t>0.08128402222212294</t>
  </si>
  <si>
    <t>33723</t>
  </si>
  <si>
    <t>11.06710147857666</t>
  </si>
  <si>
    <t>875.9550170898438</t>
  </si>
  <si>
    <t>0.25505774816000937</t>
  </si>
  <si>
    <t>28790</t>
  </si>
  <si>
    <t>11.095643043518066</t>
  </si>
  <si>
    <t>737.169677734375</t>
  </si>
  <si>
    <t>-0.15815199252368473</t>
  </si>
  <si>
    <t>696.727294921875</t>
  </si>
  <si>
    <t>0.07865772144906202</t>
  </si>
  <si>
    <t>11.373238563537598</t>
  </si>
  <si>
    <t>797.4058837890625</t>
  </si>
  <si>
    <t>-0.05277130127550933</t>
  </si>
  <si>
    <t>11.235613822937012</t>
  </si>
  <si>
    <t>663.235595703125</t>
  </si>
  <si>
    <t>0.062389064291789254</t>
  </si>
  <si>
    <t>30762</t>
  </si>
  <si>
    <t>12.023137092590332</t>
  </si>
  <si>
    <t>481.1360168457031</t>
  </si>
  <si>
    <t>-0.022023427059808753</t>
  </si>
  <si>
    <t>11.858065605163574</t>
  </si>
  <si>
    <t>683.1500244140625</t>
  </si>
  <si>
    <t>-0.054648915969229606</t>
  </si>
  <si>
    <t>10.564554214477539</t>
  </si>
  <si>
    <t>726.1836547851562</t>
  </si>
  <si>
    <t>0.062291440214471194</t>
  </si>
  <si>
    <t>32529</t>
  </si>
  <si>
    <t>11.758017539978027</t>
  </si>
  <si>
    <t>489.128173828125</t>
  </si>
  <si>
    <t>0.04820931288329433</t>
  </si>
  <si>
    <t>10.033280372619629</t>
  </si>
  <si>
    <t>544.3546752929688</t>
  </si>
  <si>
    <t>135.43946838378906</t>
  </si>
  <si>
    <t>Salaj</t>
  </si>
  <si>
    <t>8.738004684448242</t>
  </si>
  <si>
    <t>718.4356079101562</t>
  </si>
  <si>
    <t>-0.12976756458752803</t>
  </si>
  <si>
    <t>10.017727851867676</t>
  </si>
  <si>
    <t>613.7876586914062</t>
  </si>
  <si>
    <t>-0.08292657085234012</t>
  </si>
  <si>
    <t>9.454670906066895</t>
  </si>
  <si>
    <t>638.8081665039062</t>
  </si>
  <si>
    <t>0.0163749186170854</t>
  </si>
  <si>
    <t>10.428556442260742</t>
  </si>
  <si>
    <t>587.94580078125</t>
  </si>
  <si>
    <t>0.03985906714686216</t>
  </si>
  <si>
    <t>9.417729377746582</t>
  </si>
  <si>
    <t>690.9681396484375</t>
  </si>
  <si>
    <t>0.06229612445126165</t>
  </si>
  <si>
    <t>8.861889839172363</t>
  </si>
  <si>
    <t>699.1661376953125</t>
  </si>
  <si>
    <t>0.041073972330163855</t>
  </si>
  <si>
    <t>9.296338081359863</t>
  </si>
  <si>
    <t>755.808837890625</t>
  </si>
  <si>
    <t>-0.046956983087770965</t>
  </si>
  <si>
    <t>9.27133846282959</t>
  </si>
  <si>
    <t>756.5953979492188</t>
  </si>
  <si>
    <t>-0.01863853239037283</t>
  </si>
  <si>
    <t>9.563005447387695</t>
  </si>
  <si>
    <t>786.760498046875</t>
  </si>
  <si>
    <t>-0.002228909871844209</t>
  </si>
  <si>
    <t>11.138004302978516</t>
  </si>
  <si>
    <t>504.2259521484375</t>
  </si>
  <si>
    <t>0.02544610500881106</t>
  </si>
  <si>
    <t>9.659395217895508</t>
  </si>
  <si>
    <t>773.7189331054688</t>
  </si>
  <si>
    <t>0.07630419754806894</t>
  </si>
  <si>
    <t>10.618844032287598</t>
  </si>
  <si>
    <t>624.8255004882812</t>
  </si>
  <si>
    <t>0.0588030682459415</t>
  </si>
  <si>
    <t>11458</t>
  </si>
  <si>
    <t>9.646337509155273</t>
  </si>
  <si>
    <t>550.5216064453125</t>
  </si>
  <si>
    <t>0.08502981280833843</t>
  </si>
  <si>
    <t>11977</t>
  </si>
  <si>
    <t>9.818842887878418</t>
  </si>
  <si>
    <t>767.5547485351562</t>
  </si>
  <si>
    <t>0.04429996797898461</t>
  </si>
  <si>
    <t>8.992728233337402</t>
  </si>
  <si>
    <t>766.2199096679688</t>
  </si>
  <si>
    <t>0.04713084864417816</t>
  </si>
  <si>
    <t>10.392727851867676</t>
  </si>
  <si>
    <t>766.292236328125</t>
  </si>
  <si>
    <t>0.15657136937125316</t>
  </si>
  <si>
    <t>16075</t>
  </si>
  <si>
    <t>10.784396171569824</t>
  </si>
  <si>
    <t>755.341796875</t>
  </si>
  <si>
    <t>0.09057490814288194</t>
  </si>
  <si>
    <t>10.639119148254395</t>
  </si>
  <si>
    <t>725.5425415039062</t>
  </si>
  <si>
    <t>0.05894358291233104</t>
  </si>
  <si>
    <t>16668</t>
  </si>
  <si>
    <t>10.809394836425781</t>
  </si>
  <si>
    <t>761.9691772460938</t>
  </si>
  <si>
    <t>-0.022718139475806254</t>
  </si>
  <si>
    <t>15489</t>
  </si>
  <si>
    <t>917.604248046875</t>
  </si>
  <si>
    <t>-0.07336061899458635</t>
  </si>
  <si>
    <t>15596</t>
  </si>
  <si>
    <t>10.128556251525879</t>
  </si>
  <si>
    <t>537.5188598632812</t>
  </si>
  <si>
    <t>0.006884376554729954</t>
  </si>
  <si>
    <t>10.624947547912598</t>
  </si>
  <si>
    <t>629.6531982421875</t>
  </si>
  <si>
    <t>0.07269635818816411</t>
  </si>
  <si>
    <t>10.939120292663574</t>
  </si>
  <si>
    <t>715.487548828125</t>
  </si>
  <si>
    <t>0.048585720935792054</t>
  </si>
  <si>
    <t>18842</t>
  </si>
  <si>
    <t>11.334395408630371</t>
  </si>
  <si>
    <t>779.4468994140625</t>
  </si>
  <si>
    <t>0.06779187038216783</t>
  </si>
  <si>
    <t>10.947452545166016</t>
  </si>
  <si>
    <t>595.2317504882812</t>
  </si>
  <si>
    <t>0.026035361753686814</t>
  </si>
  <si>
    <t>10.238004684448242</t>
  </si>
  <si>
    <t>761.8425903320312</t>
  </si>
  <si>
    <t>0.032007209806854675</t>
  </si>
  <si>
    <t>22696</t>
  </si>
  <si>
    <t>11.391613960266113</t>
  </si>
  <si>
    <t>651.2975463867188</t>
  </si>
  <si>
    <t>0.12805770531953264</t>
  </si>
  <si>
    <t>11.316615104675293</t>
  </si>
  <si>
    <t>715.2945556640625</t>
  </si>
  <si>
    <t>0.055990125029547144</t>
  </si>
  <si>
    <t>11.752175331115723</t>
  </si>
  <si>
    <t>583.112060546875</t>
  </si>
  <si>
    <t>0.04249538427348298</t>
  </si>
  <si>
    <t>23420</t>
  </si>
  <si>
    <t>11.184395790100098</t>
  </si>
  <si>
    <t>744.7864990234375</t>
  </si>
  <si>
    <t>-0.06708384864000827</t>
  </si>
  <si>
    <t>10.198567390441895</t>
  </si>
  <si>
    <t>646.014404296875</t>
  </si>
  <si>
    <t>0.06228095767833075</t>
  </si>
  <si>
    <t>11.62606143951416</t>
  </si>
  <si>
    <t>599.95849609375</t>
  </si>
  <si>
    <t>0.048207293851127986</t>
  </si>
  <si>
    <t>10.427721977233887</t>
  </si>
  <si>
    <t>544.245849609375</t>
  </si>
  <si>
    <t>177.87124633789062</t>
  </si>
  <si>
    <t>Satu Mare</t>
  </si>
  <si>
    <t>9.134324073791504</t>
  </si>
  <si>
    <t>668.0720825195312</t>
  </si>
  <si>
    <t>-0.12982696796421145</t>
  </si>
  <si>
    <t>10.385734558105469</t>
  </si>
  <si>
    <t>601.86572265625</t>
  </si>
  <si>
    <t>-0.08292581495003937</t>
  </si>
  <si>
    <t>9.840927124023438</t>
  </si>
  <si>
    <t>631.46923828125</t>
  </si>
  <si>
    <t>0.016295335301204972</t>
  </si>
  <si>
    <t>10.792496681213379</t>
  </si>
  <si>
    <t>590.8499755859375</t>
  </si>
  <si>
    <t>0.039896601870577086</t>
  </si>
  <si>
    <t>9.862945556640625</t>
  </si>
  <si>
    <t>638.603515625</t>
  </si>
  <si>
    <t>0.062297035712147064</t>
  </si>
  <si>
    <t>9782</t>
  </si>
  <si>
    <t>9.277881622314453</t>
  </si>
  <si>
    <t>668.6431274414062</t>
  </si>
  <si>
    <t>0.041111684128388504</t>
  </si>
  <si>
    <t>9.744548797607422</t>
  </si>
  <si>
    <t>728.8134765625</t>
  </si>
  <si>
    <t>-0.04698745553355543</t>
  </si>
  <si>
    <t>9.707913398742676</t>
  </si>
  <si>
    <t>759.949951171875</t>
  </si>
  <si>
    <t>-0.018601163550538757</t>
  </si>
  <si>
    <t>9.972689628601074</t>
  </si>
  <si>
    <t>745.1593627929688</t>
  </si>
  <si>
    <t>-0.002294957567013256</t>
  </si>
  <si>
    <t>11.55115032196045</t>
  </si>
  <si>
    <t>563.348876953125</t>
  </si>
  <si>
    <t>0.025492847368598248</t>
  </si>
  <si>
    <t>10.010735511779785</t>
  </si>
  <si>
    <t>757.1704711914062</t>
  </si>
  <si>
    <t>0.20593142243308904</t>
  </si>
  <si>
    <t>10.992497444152832</t>
  </si>
  <si>
    <t>614.6068115234375</t>
  </si>
  <si>
    <t>0.008815198385168088</t>
  </si>
  <si>
    <t>10.042658805847168</t>
  </si>
  <si>
    <t>538.7794189453125</t>
  </si>
  <si>
    <t>0.025569454171080253</t>
  </si>
  <si>
    <t>10.197529792785645</t>
  </si>
  <si>
    <t>716.3732299804688</t>
  </si>
  <si>
    <t>0.12931847133982188</t>
  </si>
  <si>
    <t>13562</t>
  </si>
  <si>
    <t>9.367497444152832</t>
  </si>
  <si>
    <t>721.216796875</t>
  </si>
  <si>
    <t>-0.0005160149021659066</t>
  </si>
  <si>
    <t>13960</t>
  </si>
  <si>
    <t>10.797690391540527</t>
  </si>
  <si>
    <t>748.0792236328125</t>
  </si>
  <si>
    <t>0.028924333072575692</t>
  </si>
  <si>
    <t>746.6427612304688</t>
  </si>
  <si>
    <t>0.07498253844251579</t>
  </si>
  <si>
    <t>11.036055564880371</t>
  </si>
  <si>
    <t>712.8133544921875</t>
  </si>
  <si>
    <t>0.08853875385129228</t>
  </si>
  <si>
    <t>15526</t>
  </si>
  <si>
    <t>11.17756175994873</t>
  </si>
  <si>
    <t>717.4481811523438</t>
  </si>
  <si>
    <t>-0.05720135164454554</t>
  </si>
  <si>
    <t>10.359004020690918</t>
  </si>
  <si>
    <t>882.3156127929688</t>
  </si>
  <si>
    <t>-0.03533287932062912</t>
  </si>
  <si>
    <t>15541</t>
  </si>
  <si>
    <t>10.492497444152832</t>
  </si>
  <si>
    <t>530.4829711914062</t>
  </si>
  <si>
    <t>0.03629853427061569</t>
  </si>
  <si>
    <t>11.007594108581543</t>
  </si>
  <si>
    <t>616.1712646484375</t>
  </si>
  <si>
    <t>0.03434329610155196</t>
  </si>
  <si>
    <t>11.331023216247559</t>
  </si>
  <si>
    <t>681.3282470703125</t>
  </si>
  <si>
    <t>0.03590567653592913</t>
  </si>
  <si>
    <t>11.722689628601074</t>
  </si>
  <si>
    <t>690.2926635742188</t>
  </si>
  <si>
    <t>0.033153511246618805</t>
  </si>
  <si>
    <t>17793</t>
  </si>
  <si>
    <t>11.344226837158203</t>
  </si>
  <si>
    <t>582.6159057617188</t>
  </si>
  <si>
    <t>0.03192094470712448</t>
  </si>
  <si>
    <t>18405</t>
  </si>
  <si>
    <t>10.604132652282715</t>
  </si>
  <si>
    <t>731.4085693359375</t>
  </si>
  <si>
    <t>0.033817245306284605</t>
  </si>
  <si>
    <t>11.74579906463623</t>
  </si>
  <si>
    <t>649.1407470703125</t>
  </si>
  <si>
    <t>0.12006844770853853</t>
  </si>
  <si>
    <t>21749</t>
  </si>
  <si>
    <t>11.706023216247559</t>
  </si>
  <si>
    <t>677.146240234375</t>
  </si>
  <si>
    <t>0.04687696492670135</t>
  </si>
  <si>
    <t>12.139357566833496</t>
  </si>
  <si>
    <t>577.1990966796875</t>
  </si>
  <si>
    <t>0.052834705462633025</t>
  </si>
  <si>
    <t>22451</t>
  </si>
  <si>
    <t>11.606183052062988</t>
  </si>
  <si>
    <t>723.1132202148438</t>
  </si>
  <si>
    <t>-0.02106732830277913</t>
  </si>
  <si>
    <t>23894</t>
  </si>
  <si>
    <t>10.602721214294434</t>
  </si>
  <si>
    <t>625.2254028320312</t>
  </si>
  <si>
    <t>0.062292224768954796</t>
  </si>
  <si>
    <t>12.010894775390625</t>
  </si>
  <si>
    <t>606.9584350585938</t>
  </si>
  <si>
    <t>0.048204071298801665</t>
  </si>
  <si>
    <t>8.438228607177734</t>
  </si>
  <si>
    <t>505.2765197753906</t>
  </si>
  <si>
    <t>159.68040466308594</t>
  </si>
  <si>
    <t>Sibiu</t>
  </si>
  <si>
    <t>7.141656875610352</t>
  </si>
  <si>
    <t>836.0153198242188</t>
  </si>
  <si>
    <t>-0.12986836638409294</t>
  </si>
  <si>
    <t>8.294209480285645</t>
  </si>
  <si>
    <t>635.85009765625</t>
  </si>
  <si>
    <t>-0.08287373246470509</t>
  </si>
  <si>
    <t>11611</t>
  </si>
  <si>
    <t>7.851266384124756</t>
  </si>
  <si>
    <t>740.6773071289062</t>
  </si>
  <si>
    <t>0.016324057893058352</t>
  </si>
  <si>
    <t>12083</t>
  </si>
  <si>
    <t>8.801265716552734</t>
  </si>
  <si>
    <t>643.6102905273438</t>
  </si>
  <si>
    <t>0.03984658140030106</t>
  </si>
  <si>
    <t>7.807247161865234</t>
  </si>
  <si>
    <t>754.4437255859375</t>
  </si>
  <si>
    <t>0.062322212764302165</t>
  </si>
  <si>
    <t>7.316455841064453</t>
  </si>
  <si>
    <t>744.8121948242188</t>
  </si>
  <si>
    <t>0.04105835849699879</t>
  </si>
  <si>
    <t>7.728818893432617</t>
  </si>
  <si>
    <t>878.269775390625</t>
  </si>
  <si>
    <t>-0.04698568828255212</t>
  </si>
  <si>
    <t>12549</t>
  </si>
  <si>
    <t>7.70489501953125</t>
  </si>
  <si>
    <t>864.1688232421875</t>
  </si>
  <si>
    <t>-0.01855340789574811</t>
  </si>
  <si>
    <t>7.9952850341796875</t>
  </si>
  <si>
    <t>861.2164306640625</t>
  </si>
  <si>
    <t>-0.002313615456218443</t>
  </si>
  <si>
    <t>9.621562004089355</t>
  </si>
  <si>
    <t>492.9973449707031</t>
  </si>
  <si>
    <t>0.02547155015896685</t>
  </si>
  <si>
    <t>13928</t>
  </si>
  <si>
    <t>8.001266479492188</t>
  </si>
  <si>
    <t>886.5809936523438</t>
  </si>
  <si>
    <t>0.08110228663496777</t>
  </si>
  <si>
    <t>16006</t>
  </si>
  <si>
    <t>9.013228416442871</t>
  </si>
  <si>
    <t>677.3549194335938</t>
  </si>
  <si>
    <t>0.13906244947896695</t>
  </si>
  <si>
    <t>8.019209861755371</t>
  </si>
  <si>
    <t>585.9886474609375</t>
  </si>
  <si>
    <t>-0.01847525673685979</t>
  </si>
  <si>
    <t>17355</t>
  </si>
  <si>
    <t>8.241656303405762</t>
  </si>
  <si>
    <t>808.6818237304688</t>
  </si>
  <si>
    <t>0.09939225410575503</t>
  </si>
  <si>
    <t>18228</t>
  </si>
  <si>
    <t>7.315580368041992</t>
  </si>
  <si>
    <t>902.1787109375</t>
  </si>
  <si>
    <t>0.049078224087887534</t>
  </si>
  <si>
    <t>20864</t>
  </si>
  <si>
    <t>8.779894828796387</t>
  </si>
  <si>
    <t>843.335693359375</t>
  </si>
  <si>
    <t>0.13506631234260524</t>
  </si>
  <si>
    <t>22606</t>
  </si>
  <si>
    <t>9.146561622619629</t>
  </si>
  <si>
    <t>878.3497924804688</t>
  </si>
  <si>
    <t>0.08019017202429701</t>
  </si>
  <si>
    <t>9.08930492401123</t>
  </si>
  <si>
    <t>806.2396240234375</t>
  </si>
  <si>
    <t>0.11163997114266877</t>
  </si>
  <si>
    <t>9.20596981048584</t>
  </si>
  <si>
    <t>757.9165649414062</t>
  </si>
  <si>
    <t>-0.021029839896508307</t>
  </si>
  <si>
    <t>8.423712730407715</t>
  </si>
  <si>
    <t>897.4661865234375</t>
  </si>
  <si>
    <t>-0.022555503895413054</t>
  </si>
  <si>
    <t>25330</t>
  </si>
  <si>
    <t>8.489304542541504</t>
  </si>
  <si>
    <t>569.9111328125</t>
  </si>
  <si>
    <t>0.04571947889429673</t>
  </si>
  <si>
    <t>25360</t>
  </si>
  <si>
    <t>9.054694175720215</t>
  </si>
  <si>
    <t>629.5338134765625</t>
  </si>
  <si>
    <t>0.001183665555441138</t>
  </si>
  <si>
    <t>9.395284652709961</t>
  </si>
  <si>
    <t>767.9548950195312</t>
  </si>
  <si>
    <t>-0.02754466478645412</t>
  </si>
  <si>
    <t>25218</t>
  </si>
  <si>
    <t>9.734599113464355</t>
  </si>
  <si>
    <t>845.9652099609375</t>
  </si>
  <si>
    <t>0.021929560468464615</t>
  </si>
  <si>
    <t>9.377542495727539</t>
  </si>
  <si>
    <t>657.8043823242188</t>
  </si>
  <si>
    <t>0.07661437383924685</t>
  </si>
  <si>
    <t>8.605971336364746</t>
  </si>
  <si>
    <t>797.1431884765625</t>
  </si>
  <si>
    <t>0.08059067610844828</t>
  </si>
  <si>
    <t>31392</t>
  </si>
  <si>
    <t>9.773914337158203</t>
  </si>
  <si>
    <t>690.7805786132812</t>
  </si>
  <si>
    <t>0.06179000818422331</t>
  </si>
  <si>
    <t>9.703618049621582</t>
  </si>
  <si>
    <t>787.924560546875</t>
  </si>
  <si>
    <t>0.040301981661160724</t>
  </si>
  <si>
    <t>10.167933464050293</t>
  </si>
  <si>
    <t>624.1422729492188</t>
  </si>
  <si>
    <t>0.03900533453036559</t>
  </si>
  <si>
    <t>9.705970764160156</t>
  </si>
  <si>
    <t>781.2205200195312</t>
  </si>
  <si>
    <t>-0.04403586567517337</t>
  </si>
  <si>
    <t>8.716656684875488</t>
  </si>
  <si>
    <t>756.6749877929688</t>
  </si>
  <si>
    <t>0.06228922994711006</t>
  </si>
  <si>
    <t>10.070284843444824</t>
  </si>
  <si>
    <t>673.928955078125</t>
  </si>
  <si>
    <t>0.04819972229118896</t>
  </si>
  <si>
    <t>8.268393516540527</t>
  </si>
  <si>
    <t>518.4033203125</t>
  </si>
  <si>
    <t>311.89898681640625</t>
  </si>
  <si>
    <t>Suceava</t>
  </si>
  <si>
    <t>7.085805892944336</t>
  </si>
  <si>
    <t>700.1176147460938</t>
  </si>
  <si>
    <t>-0.1298721081997325</t>
  </si>
  <si>
    <t>7938</t>
  </si>
  <si>
    <t>7.819671630859375</t>
  </si>
  <si>
    <t>593.0534057617188</t>
  </si>
  <si>
    <t>-0.08288765980576862</t>
  </si>
  <si>
    <t>7.015024662017822</t>
  </si>
  <si>
    <t>657.5993041992188</t>
  </si>
  <si>
    <t>0.016368204505495143</t>
  </si>
  <si>
    <t>8.089178085327148</t>
  </si>
  <si>
    <t>559.9296875</t>
  </si>
  <si>
    <t>0.039844940335058254</t>
  </si>
  <si>
    <t>7.166426181793213</t>
  </si>
  <si>
    <t>638.848388671875</t>
  </si>
  <si>
    <t>0.06221356256547317</t>
  </si>
  <si>
    <t>9311</t>
  </si>
  <si>
    <t>6.7287917137146</t>
  </si>
  <si>
    <t>676.5421752929688</t>
  </si>
  <si>
    <t>0.04110843513949192</t>
  </si>
  <si>
    <t>7.163555145263672</t>
  </si>
  <si>
    <t>759.0189819335938</t>
  </si>
  <si>
    <t>-0.046944590874211656</t>
  </si>
  <si>
    <t>7.262373447418213</t>
  </si>
  <si>
    <t>767.842041015625</t>
  </si>
  <si>
    <t>-0.018517995787330932</t>
  </si>
  <si>
    <t>8.001273155212402</t>
  </si>
  <si>
    <t>685.3988037109375</t>
  </si>
  <si>
    <t>-0.002410884584310935</t>
  </si>
  <si>
    <t>8.947739601135254</t>
  </si>
  <si>
    <t>531.9166870117188</t>
  </si>
  <si>
    <t>0.025533302005165126</t>
  </si>
  <si>
    <t>7.581428050994873</t>
  </si>
  <si>
    <t>781.8926391601562</t>
  </si>
  <si>
    <t>0.02051638360616259</t>
  </si>
  <si>
    <t>8.291569709777832</t>
  </si>
  <si>
    <t>587.0459594726562</t>
  </si>
  <si>
    <t>0.11634279911103462</t>
  </si>
  <si>
    <t>10445</t>
  </si>
  <si>
    <t>7.238526821136475</t>
  </si>
  <si>
    <t>547.8595581054688</t>
  </si>
  <si>
    <t>0.02040788462562837</t>
  </si>
  <si>
    <t>11077</t>
  </si>
  <si>
    <t>8.000177383422852</t>
  </si>
  <si>
    <t>671.6555786132812</t>
  </si>
  <si>
    <t>0.058747491526267126</t>
  </si>
  <si>
    <t>11030</t>
  </si>
  <si>
    <t>6.9343647956848145</t>
  </si>
  <si>
    <t>700.4501342773438</t>
  </si>
  <si>
    <t>-0.004252053269384604</t>
  </si>
  <si>
    <t>8.323615074157715</t>
  </si>
  <si>
    <t>730.5762939453125</t>
  </si>
  <si>
    <t>0.03360836878034945</t>
  </si>
  <si>
    <t>12801</t>
  </si>
  <si>
    <t>8.549440383911133</t>
  </si>
  <si>
    <t>709.0892333984375</t>
  </si>
  <si>
    <t>0.11529609082821146</t>
  </si>
  <si>
    <t>12836</t>
  </si>
  <si>
    <t>8.581931114196777</t>
  </si>
  <si>
    <t>725.927490234375</t>
  </si>
  <si>
    <t>0.002730430373638626</t>
  </si>
  <si>
    <t>12961</t>
  </si>
  <si>
    <t>8.225532531738281</t>
  </si>
  <si>
    <t>619.0303344726562</t>
  </si>
  <si>
    <t>0.009691125193626249</t>
  </si>
  <si>
    <t>8.164116859436035</t>
  </si>
  <si>
    <t>798.3184814453125</t>
  </si>
  <si>
    <t>-0.05356584246809426</t>
  </si>
  <si>
    <t>12795</t>
  </si>
  <si>
    <t>7.940955638885498</t>
  </si>
  <si>
    <t>509.9623718261719</t>
  </si>
  <si>
    <t>0.04067546363860863</t>
  </si>
  <si>
    <t>8.178820610046387</t>
  </si>
  <si>
    <t>649.1469116210938</t>
  </si>
  <si>
    <t>0.048287609506036944</t>
  </si>
  <si>
    <t>8.569973945617676</t>
  </si>
  <si>
    <t>725.6459350585938</t>
  </si>
  <si>
    <t>0.01983475163489601</t>
  </si>
  <si>
    <t>14260</t>
  </si>
  <si>
    <t>8.843892097473145</t>
  </si>
  <si>
    <t>644.3912963867188</t>
  </si>
  <si>
    <t>0.040281584233465395</t>
  </si>
  <si>
    <t>8.995736122131348</t>
  </si>
  <si>
    <t>515.51513671875</t>
  </si>
  <si>
    <t>0.0024514107881241642</t>
  </si>
  <si>
    <t>14926</t>
  </si>
  <si>
    <t>8.522307395935059</t>
  </si>
  <si>
    <t>632.969970703125</t>
  </si>
  <si>
    <t>0.04319483293492077</t>
  </si>
  <si>
    <t>9.04123592376709</t>
  </si>
  <si>
    <t>616.2300415039062</t>
  </si>
  <si>
    <t>0.0872011843357452</t>
  </si>
  <si>
    <t>8.769068717956543</t>
  </si>
  <si>
    <t>648.6708374023438</t>
  </si>
  <si>
    <t>0.07634227709751329</t>
  </si>
  <si>
    <t>18899</t>
  </si>
  <si>
    <t>9.809503555297852</t>
  </si>
  <si>
    <t>534.4033813476562</t>
  </si>
  <si>
    <t>0.07246089047044713</t>
  </si>
  <si>
    <t>18759</t>
  </si>
  <si>
    <t>9.398877143859863</t>
  </si>
  <si>
    <t>677.83935546875</t>
  </si>
  <si>
    <t>-0.007435373359630404</t>
  </si>
  <si>
    <t>19965</t>
  </si>
  <si>
    <t>8.022734642028809</t>
  </si>
  <si>
    <t>634.7183227539062</t>
  </si>
  <si>
    <t>0.06230710326191513</t>
  </si>
  <si>
    <t>9.261260032653809</t>
  </si>
  <si>
    <t>570.375244140625</t>
  </si>
  <si>
    <t>0.04820563741068895</t>
  </si>
  <si>
    <t>12.325385093688965</t>
  </si>
  <si>
    <t>409.13262939453125</t>
  </si>
  <si>
    <t>148.85780334472656</t>
  </si>
  <si>
    <t>Teleorman</t>
  </si>
  <si>
    <t>11.020890235900879</t>
  </si>
  <si>
    <t>641.5784912109375</t>
  </si>
  <si>
    <t>-0.1298234613246656</t>
  </si>
  <si>
    <t>11.97351360321045</t>
  </si>
  <si>
    <t>473.3636474609375</t>
  </si>
  <si>
    <t>-0.08287542432164052</t>
  </si>
  <si>
    <t>7552</t>
  </si>
  <si>
    <t>11.43886947631836</t>
  </si>
  <si>
    <t>526.3604736328125</t>
  </si>
  <si>
    <t>0.016286570113532406</t>
  </si>
  <si>
    <t>12.565739631652832</t>
  </si>
  <si>
    <t>584.7418823242188</t>
  </si>
  <si>
    <t>0.03984694304083902</t>
  </si>
  <si>
    <t>11.493363380432129</t>
  </si>
  <si>
    <t>673.2837524414062</t>
  </si>
  <si>
    <t>0.06239696255474847</t>
  </si>
  <si>
    <t>11.30150318145752</t>
  </si>
  <si>
    <t>571.920166015625</t>
  </si>
  <si>
    <t>0.04098934453319636</t>
  </si>
  <si>
    <t>11.283158302307129</t>
  </si>
  <si>
    <t>724.4338989257812</t>
  </si>
  <si>
    <t>-0.04686430897621641</t>
  </si>
  <si>
    <t>8163</t>
  </si>
  <si>
    <t>11.419673919677734</t>
  </si>
  <si>
    <t>646.5882568359375</t>
  </si>
  <si>
    <t>-0.01856962152654873</t>
  </si>
  <si>
    <t>8144</t>
  </si>
  <si>
    <t>11.90169620513916</t>
  </si>
  <si>
    <t>689.7021484375</t>
  </si>
  <si>
    <t>-0.0023302886610512275</t>
  </si>
  <si>
    <t>13.167708396911621</t>
  </si>
  <si>
    <t>400.14630126953125</t>
  </si>
  <si>
    <t>0.025459006266816075</t>
  </si>
  <si>
    <t>11.80871868133545</t>
  </si>
  <si>
    <t>526.831298828125</t>
  </si>
  <si>
    <t>0.17140914809796115</t>
  </si>
  <si>
    <t>12.670233726501465</t>
  </si>
  <si>
    <t>701.718017578125</t>
  </si>
  <si>
    <t>-0.0563163984085957</t>
  </si>
  <si>
    <t>11.667706489562988</t>
  </si>
  <si>
    <t>522.820068359375</t>
  </si>
  <si>
    <t>-0.051781939026254165</t>
  </si>
  <si>
    <t>12.111900329589844</t>
  </si>
  <si>
    <t>640.6499633789062</t>
  </si>
  <si>
    <t>0.1912701623699693</t>
  </si>
  <si>
    <t>11.148513793945312</t>
  </si>
  <si>
    <t>750.5776977539062</t>
  </si>
  <si>
    <t>-0.08974846623452137</t>
  </si>
  <si>
    <t>10425</t>
  </si>
  <si>
    <t>12.488212585449219</t>
  </si>
  <si>
    <t>608.4063110351562</t>
  </si>
  <si>
    <t>0.05663379481132225</t>
  </si>
  <si>
    <t>12.864523887634277</t>
  </si>
  <si>
    <t>617.995849609375</t>
  </si>
  <si>
    <t>0.13577108886638278</t>
  </si>
  <si>
    <t>13550</t>
  </si>
  <si>
    <t>12.849074363708496</t>
  </si>
  <si>
    <t>517.8587036132812</t>
  </si>
  <si>
    <t>0.12640869077446304</t>
  </si>
  <si>
    <t>12.873416900634766</t>
  </si>
  <si>
    <t>658.2383422851562</t>
  </si>
  <si>
    <t>-0.0432850499526527</t>
  </si>
  <si>
    <t>12214</t>
  </si>
  <si>
    <t>12.267609596252441</t>
  </si>
  <si>
    <t>729.5924682617188</t>
  </si>
  <si>
    <t>-0.06051866257211458</t>
  </si>
  <si>
    <t>12.119019508361816</t>
  </si>
  <si>
    <t>486.38311767578125</t>
  </si>
  <si>
    <t>0.009209143768439176</t>
  </si>
  <si>
    <t>13540</t>
  </si>
  <si>
    <t>12.733718872070312</t>
  </si>
  <si>
    <t>626.0308837890625</t>
  </si>
  <si>
    <t>0.09385628891474695</t>
  </si>
  <si>
    <t>13533</t>
  </si>
  <si>
    <t>13.0324068069458</t>
  </si>
  <si>
    <t>612.3141479492188</t>
  </si>
  <si>
    <t>-0.0005171203897607057</t>
  </si>
  <si>
    <t>13.273415565490723</t>
  </si>
  <si>
    <t>823.1610717773438</t>
  </si>
  <si>
    <t>0.06355433048556414</t>
  </si>
  <si>
    <t>13.066394805908203</t>
  </si>
  <si>
    <t>719.812255859375</t>
  </si>
  <si>
    <t>0.029314387668776476</t>
  </si>
  <si>
    <t>12.48886775970459</t>
  </si>
  <si>
    <t>622.68212890625</t>
  </si>
  <si>
    <t>-0.018417728126024713</t>
  </si>
  <si>
    <t>13.413212776184082</t>
  </si>
  <si>
    <t>712.4962158203125</t>
  </si>
  <si>
    <t>0.09656275444486262</t>
  </si>
  <si>
    <t>17323</t>
  </si>
  <si>
    <t>13.294578552246094</t>
  </si>
  <si>
    <t>622.3890380859375</t>
  </si>
  <si>
    <t>0.07589020672925706</t>
  </si>
  <si>
    <t>19141</t>
  </si>
  <si>
    <t>13.852912902832031</t>
  </si>
  <si>
    <t>455.175048828125</t>
  </si>
  <si>
    <t>0.09979753296716787</t>
  </si>
  <si>
    <t>13.433062553405762</t>
  </si>
  <si>
    <t>654.076416015625</t>
  </si>
  <si>
    <t>-0.04285722163626282</t>
  </si>
  <si>
    <t>12.346546173095703</t>
  </si>
  <si>
    <t>680.2876586914062</t>
  </si>
  <si>
    <t>0.06231047102135534</t>
  </si>
  <si>
    <t>20481</t>
  </si>
  <si>
    <t>13.702353477478027</t>
  </si>
  <si>
    <t>501.6983947753906</t>
  </si>
  <si>
    <t>0.048211746455187665</t>
  </si>
  <si>
    <t>12.046202659606934</t>
  </si>
  <si>
    <t>494.0906982421875</t>
  </si>
  <si>
    <t>364.51568603515625</t>
  </si>
  <si>
    <t>Timis</t>
  </si>
  <si>
    <t>14483</t>
  </si>
  <si>
    <t>10.761076927185059</t>
  </si>
  <si>
    <t>710.5494995117188</t>
  </si>
  <si>
    <t>-0.1297785887527887</t>
  </si>
  <si>
    <t>13330</t>
  </si>
  <si>
    <t>12.005091667175293</t>
  </si>
  <si>
    <t>582.9854736328125</t>
  </si>
  <si>
    <t>-0.08295841362810208</t>
  </si>
  <si>
    <t>11.437151908874512</t>
  </si>
  <si>
    <t>596.984619140625</t>
  </si>
  <si>
    <t>0.016369413135093325</t>
  </si>
  <si>
    <t>14101</t>
  </si>
  <si>
    <t>12.40317440032959</t>
  </si>
  <si>
    <t>548.139892578125</t>
  </si>
  <si>
    <t>0.0398591695293824</t>
  </si>
  <si>
    <t>11.367169380187988</t>
  </si>
  <si>
    <t>675.0719604492188</t>
  </si>
  <si>
    <t>0.06227104205875911</t>
  </si>
  <si>
    <t>10.76745891571045</t>
  </si>
  <si>
    <t>696.2503662109375</t>
  </si>
  <si>
    <t>0.041059189016856124</t>
  </si>
  <si>
    <t>11.281063079833984</t>
  </si>
  <si>
    <t>663.131103515625</t>
  </si>
  <si>
    <t>-0.04694037952999608</t>
  </si>
  <si>
    <t>11.264063835144043</t>
  </si>
  <si>
    <t>679.5616455078125</t>
  </si>
  <si>
    <t>-0.018536588121015996</t>
  </si>
  <si>
    <t>11.59550952911377</t>
  </si>
  <si>
    <t>781.33251953125</t>
  </si>
  <si>
    <t>-0.0023243105897492455</t>
  </si>
  <si>
    <t>13.092056274414062</t>
  </si>
  <si>
    <t>404.1640625</t>
  </si>
  <si>
    <t>0.025475211241493767</t>
  </si>
  <si>
    <t>11.590010643005371</t>
  </si>
  <si>
    <t>683.8357543945312</t>
  </si>
  <si>
    <t>0.09550425564006737</t>
  </si>
  <si>
    <t>12.50046443939209</t>
  </si>
  <si>
    <t>634.0072021484375</t>
  </si>
  <si>
    <t>0.09183095497752625</t>
  </si>
  <si>
    <t>11.640240669250488</t>
  </si>
  <si>
    <t>538.3597412109375</t>
  </si>
  <si>
    <t>0.08186242059309023</t>
  </si>
  <si>
    <t>11.756773948669434</t>
  </si>
  <si>
    <t>732.9169311523438</t>
  </si>
  <si>
    <t>0.08394827473758859</t>
  </si>
  <si>
    <t>10.90503215789795</t>
  </si>
  <si>
    <t>762.5005493164062</t>
  </si>
  <si>
    <t>0.09127128829503839</t>
  </si>
  <si>
    <t>12.404908180236816</t>
  </si>
  <si>
    <t>642.32470703125</t>
  </si>
  <si>
    <t>0.12074951662147981</t>
  </si>
  <si>
    <t>28177</t>
  </si>
  <si>
    <t>12.642149925231934</t>
  </si>
  <si>
    <t>666.941650390625</t>
  </si>
  <si>
    <t>0.0660894505260039</t>
  </si>
  <si>
    <t>33787</t>
  </si>
  <si>
    <t>12.598013877868652</t>
  </si>
  <si>
    <t>655.2589721679688</t>
  </si>
  <si>
    <t>0.18157007079865473</t>
  </si>
  <si>
    <t>12.652117729187012</t>
  </si>
  <si>
    <t>680.5536499023438</t>
  </si>
  <si>
    <t>-0.08251465872280939</t>
  </si>
  <si>
    <t>32770</t>
  </si>
  <si>
    <t>11.866107940673828</t>
  </si>
  <si>
    <t>862.27197265625</t>
  </si>
  <si>
    <t>0.05195200831264302</t>
  </si>
  <si>
    <t>32829</t>
  </si>
  <si>
    <t>12.061568260192871</t>
  </si>
  <si>
    <t>456.38519287109375</t>
  </si>
  <si>
    <t>0.001798808393692397</t>
  </si>
  <si>
    <t>12.548060417175293</t>
  </si>
  <si>
    <t>570.4619140625</t>
  </si>
  <si>
    <t>-0.08141947107503711</t>
  </si>
  <si>
    <t>30789</t>
  </si>
  <si>
    <t>12.743488311767578</t>
  </si>
  <si>
    <t>651.5725708007812</t>
  </si>
  <si>
    <t>0.017264683302308015</t>
  </si>
  <si>
    <t>13.117363929748535</t>
  </si>
  <si>
    <t>819.9879760742188</t>
  </si>
  <si>
    <t>0.01159255438305351</t>
  </si>
  <si>
    <t>12.797259330749512</t>
  </si>
  <si>
    <t>597.924560546875</t>
  </si>
  <si>
    <t>0.08478296381120387</t>
  </si>
  <si>
    <t>12.175823211669922</t>
  </si>
  <si>
    <t>742.9842529296875</t>
  </si>
  <si>
    <t>0.03344230670762549</t>
  </si>
  <si>
    <t>13.214892387390137</t>
  </si>
  <si>
    <t>610.8071899414062</t>
  </si>
  <si>
    <t>0.021363570180998437</t>
  </si>
  <si>
    <t>38301</t>
  </si>
  <si>
    <t>13.111907005310059</t>
  </si>
  <si>
    <t>647.734619140625</t>
  </si>
  <si>
    <t>0.06713712709175468</t>
  </si>
  <si>
    <t>13.593345642089844</t>
  </si>
  <si>
    <t>573.4196166992188</t>
  </si>
  <si>
    <t>0.048739188197131966</t>
  </si>
  <si>
    <t>38149</t>
  </si>
  <si>
    <t>13.123398780822754</t>
  </si>
  <si>
    <t>659.3521728515625</t>
  </si>
  <si>
    <t>-0.05271564863632783</t>
  </si>
  <si>
    <t>12.122193336486816</t>
  </si>
  <si>
    <t>571.8637084960938</t>
  </si>
  <si>
    <t>0.06231778141101607</t>
  </si>
  <si>
    <t>13.510111808776855</t>
  </si>
  <si>
    <t>565.2572631835938</t>
  </si>
  <si>
    <t>0.048177761949869335</t>
  </si>
  <si>
    <t>11.991730690002441</t>
  </si>
  <si>
    <t>319.6061706542969</t>
  </si>
  <si>
    <t>275.99237060546875</t>
  </si>
  <si>
    <t>Tulcea</t>
  </si>
  <si>
    <t>8298</t>
  </si>
  <si>
    <t>10.718209266662598</t>
  </si>
  <si>
    <t>435.1046447753906</t>
  </si>
  <si>
    <t>-0.1297885569843853</t>
  </si>
  <si>
    <t>11.181857109069824</t>
  </si>
  <si>
    <t>349.9076232910156</t>
  </si>
  <si>
    <t>-0.08287873310735172</t>
  </si>
  <si>
    <t>10.826637268066406</t>
  </si>
  <si>
    <t>393.5894775390625</t>
  </si>
  <si>
    <t>0.016361876503440342</t>
  </si>
  <si>
    <t>11.897187232971191</t>
  </si>
  <si>
    <t>356.4832458496094</t>
  </si>
  <si>
    <t>0.03977043719080697</t>
  </si>
  <si>
    <t>8598</t>
  </si>
  <si>
    <t>10.956474304199219</t>
  </si>
  <si>
    <t>499.80548095703125</t>
  </si>
  <si>
    <t>0.06226151557651782</t>
  </si>
  <si>
    <t>8959</t>
  </si>
  <si>
    <t>10.723194122314453</t>
  </si>
  <si>
    <t>405.8961486816406</t>
  </si>
  <si>
    <t>0.04112899554135119</t>
  </si>
  <si>
    <t>10.671692848205566</t>
  </si>
  <si>
    <t>564.7388916015625</t>
  </si>
  <si>
    <t>-0.04696127615853918</t>
  </si>
  <si>
    <t>11.374092102050781</t>
  </si>
  <si>
    <t>470.58868408203125</t>
  </si>
  <si>
    <t>-0.018537634568968286</t>
  </si>
  <si>
    <t>12.018741607666016</t>
  </si>
  <si>
    <t>478.30987548828125</t>
  </si>
  <si>
    <t>-0.0023863512100135154</t>
  </si>
  <si>
    <t>12.553765296936035</t>
  </si>
  <si>
    <t>303.8085021972656</t>
  </si>
  <si>
    <t>0.02547608001242807</t>
  </si>
  <si>
    <t>11.6240234375</t>
  </si>
  <si>
    <t>408.14447021484375</t>
  </si>
  <si>
    <t>0.12063857456044325</t>
  </si>
  <si>
    <t>12.104477882385254</t>
  </si>
  <si>
    <t>477.0968017578125</t>
  </si>
  <si>
    <t>0.11410622298397222</t>
  </si>
  <si>
    <t>11702</t>
  </si>
  <si>
    <t>10.864022254943848</t>
  </si>
  <si>
    <t>372.14410400390625</t>
  </si>
  <si>
    <t>0.07476553813128106</t>
  </si>
  <si>
    <t>12854</t>
  </si>
  <si>
    <t>11.977374076843262</t>
  </si>
  <si>
    <t>501.41485595703125</t>
  </si>
  <si>
    <t>0.09389527958304988</t>
  </si>
  <si>
    <t>12433</t>
  </si>
  <si>
    <t>11.11968994140625</t>
  </si>
  <si>
    <t>496.5796813964844</t>
  </si>
  <si>
    <t>-0.033300818978293734</t>
  </si>
  <si>
    <t>13541</t>
  </si>
  <si>
    <t>11.996378898620605</t>
  </si>
  <si>
    <t>411.9932861328125</t>
  </si>
  <si>
    <t>0.08536789202988615</t>
  </si>
  <si>
    <t>12.429612159729004</t>
  </si>
  <si>
    <t>387.631591796875</t>
  </si>
  <si>
    <t>-0.02217750031568677</t>
  </si>
  <si>
    <t>15373</t>
  </si>
  <si>
    <t>12.458540916442871</t>
  </si>
  <si>
    <t>363.2377014160156</t>
  </si>
  <si>
    <t>0.1490681042454618</t>
  </si>
  <si>
    <t>14446</t>
  </si>
  <si>
    <t>12.230212211608887</t>
  </si>
  <si>
    <t>437.7709655761719</t>
  </si>
  <si>
    <t>-0.06219516430180683</t>
  </si>
  <si>
    <t>12.474013328552246</t>
  </si>
  <si>
    <t>550.910400390625</t>
  </si>
  <si>
    <t>0.05704303499337904</t>
  </si>
  <si>
    <t>11.358570098876953</t>
  </si>
  <si>
    <t>357.0212097167969</t>
  </si>
  <si>
    <t>0.18949899776656132</t>
  </si>
  <si>
    <t>17613</t>
  </si>
  <si>
    <t>12.509239196777344</t>
  </si>
  <si>
    <t>448.539306640625</t>
  </si>
  <si>
    <t>-0.04832232663843605</t>
  </si>
  <si>
    <t>12.50069808959961</t>
  </si>
  <si>
    <t>435.66705322265625</t>
  </si>
  <si>
    <t>0.043550342093487515</t>
  </si>
  <si>
    <t>18101</t>
  </si>
  <si>
    <t>12.29769515991211</t>
  </si>
  <si>
    <t>534.4049682617188</t>
  </si>
  <si>
    <t>-0.016220422479230834</t>
  </si>
  <si>
    <t>12.591846466064453</t>
  </si>
  <si>
    <t>493.8347473144531</t>
  </si>
  <si>
    <t>0.04324764535440373</t>
  </si>
  <si>
    <t>19847</t>
  </si>
  <si>
    <t>12.3674898147583</t>
  </si>
  <si>
    <t>477.0556945800781</t>
  </si>
  <si>
    <t>0.04883803149130195</t>
  </si>
  <si>
    <t>12.749996185302734</t>
  </si>
  <si>
    <t>493.6871032714844</t>
  </si>
  <si>
    <t>0.10503295659978029</t>
  </si>
  <si>
    <t>12.533556938171387</t>
  </si>
  <si>
    <t>431.8953857421875</t>
  </si>
  <si>
    <t>0.0919436252744692</t>
  </si>
  <si>
    <t>13.595105171203613</t>
  </si>
  <si>
    <t>298.283447265625</t>
  </si>
  <si>
    <t>0.005693789364237034</t>
  </si>
  <si>
    <t>13.5613374710083</t>
  </si>
  <si>
    <t>430.73614501953125</t>
  </si>
  <si>
    <t>-0.003338075671777574</t>
  </si>
  <si>
    <t>12.115670204162598</t>
  </si>
  <si>
    <t>497.2801513671875</t>
  </si>
  <si>
    <t>0.06229141624408285</t>
  </si>
  <si>
    <t>13.19113540649414</t>
  </si>
  <si>
    <t>304.6571044921875</t>
  </si>
  <si>
    <t>0.048195257073786024</t>
  </si>
  <si>
    <t>10.747870445251465</t>
  </si>
  <si>
    <t>404.7723388671875</t>
  </si>
  <si>
    <t>175.85232543945312</t>
  </si>
  <si>
    <t>Vaslui</t>
  </si>
  <si>
    <t>5544</t>
  </si>
  <si>
    <t>9.516775131225586</t>
  </si>
  <si>
    <t>587.3611450195312</t>
  </si>
  <si>
    <t>-0.12989473749788694</t>
  </si>
  <si>
    <t>10.04460334777832</t>
  </si>
  <si>
    <t>437.9444274902344</t>
  </si>
  <si>
    <t>-0.08288765980576684</t>
  </si>
  <si>
    <t>9.571660041809082</t>
  </si>
  <si>
    <t>528.7656860351562</t>
  </si>
  <si>
    <t>0.0163268932874292</t>
  </si>
  <si>
    <t>10.488142967224121</t>
  </si>
  <si>
    <t>452.2568664550781</t>
  </si>
  <si>
    <t>0.03987301922654929</t>
  </si>
  <si>
    <t>9.673640251159668</t>
  </si>
  <si>
    <t>585.0660400390625</t>
  </si>
  <si>
    <t>0.06230139670490509</t>
  </si>
  <si>
    <t>9.436269760131836</t>
  </si>
  <si>
    <t>0.04109349812978813</t>
  </si>
  <si>
    <t>9.421841621398926</t>
  </si>
  <si>
    <t>672.2722778320312</t>
  </si>
  <si>
    <t>-0.046854184393223974</t>
  </si>
  <si>
    <t>5607</t>
  </si>
  <si>
    <t>10.082488059997559</t>
  </si>
  <si>
    <t>565.255859375</t>
  </si>
  <si>
    <t>-0.018553407895746332</t>
  </si>
  <si>
    <t>5593</t>
  </si>
  <si>
    <t>10.756717681884766</t>
  </si>
  <si>
    <t>571.3903198242188</t>
  </si>
  <si>
    <t>-0.002500001302085053</t>
  </si>
  <si>
    <t>11.31126880645752</t>
  </si>
  <si>
    <t>388.00177001953125</t>
  </si>
  <si>
    <t>0.025594901719722785</t>
  </si>
  <si>
    <t>6702</t>
  </si>
  <si>
    <t>10.308516502380371</t>
  </si>
  <si>
    <t>552.3021850585938</t>
  </si>
  <si>
    <t>0.1552952717559446</t>
  </si>
  <si>
    <t>10.827164649963379</t>
  </si>
  <si>
    <t>580.929931640625</t>
  </si>
  <si>
    <t>0.020381742319340646</t>
  </si>
  <si>
    <t>7752</t>
  </si>
  <si>
    <t>9.59408950805664</t>
  </si>
  <si>
    <t>443.20220947265625</t>
  </si>
  <si>
    <t>0.12516314295400655</t>
  </si>
  <si>
    <t>10.731717109680176</t>
  </si>
  <si>
    <t>596.2241821289062</t>
  </si>
  <si>
    <t>0.004119470295238514</t>
  </si>
  <si>
    <t>7180</t>
  </si>
  <si>
    <t>9.836783409118652</t>
  </si>
  <si>
    <t>602.1655883789062</t>
  </si>
  <si>
    <t>-0.08077096182357124</t>
  </si>
  <si>
    <t>10.757488250732422</t>
  </si>
  <si>
    <t>497.3153991699219</t>
  </si>
  <si>
    <t>0.1342971160965547</t>
  </si>
  <si>
    <t>11.178450584411621</t>
  </si>
  <si>
    <t>452.00830078125</t>
  </si>
  <si>
    <t>0.026200272857076712</t>
  </si>
  <si>
    <t>10406</t>
  </si>
  <si>
    <t>11.195115089416504</t>
  </si>
  <si>
    <t>496.08807373046875</t>
  </si>
  <si>
    <t>0.21058579085434737</t>
  </si>
  <si>
    <t>10.95447826385498</t>
  </si>
  <si>
    <t>493.4827880859375</t>
  </si>
  <si>
    <t>-0.09119603296006673</t>
  </si>
  <si>
    <t>11.17088794708252</t>
  </si>
  <si>
    <t>636.3162231445312</t>
  </si>
  <si>
    <t>-0.045552962990448975</t>
  </si>
  <si>
    <t>10.127423286437988</t>
  </si>
  <si>
    <t>416.0762634277344</t>
  </si>
  <si>
    <t>0.07235140920821692</t>
  </si>
  <si>
    <t>11359</t>
  </si>
  <si>
    <t>11.192363739013672</t>
  </si>
  <si>
    <t>545.7017211914062</t>
  </si>
  <si>
    <t>0.15202540512347085</t>
  </si>
  <si>
    <t>11.183259010314941</t>
  </si>
  <si>
    <t>555.489013671875</t>
  </si>
  <si>
    <t>-0.038407591937584584</t>
  </si>
  <si>
    <t>11217</t>
  </si>
  <si>
    <t>11.027679443359375</t>
  </si>
  <si>
    <t>597.54052734375</t>
  </si>
  <si>
    <t>0.025827695351386737</t>
  </si>
  <si>
    <t>11386</t>
  </si>
  <si>
    <t>11.312554359436035</t>
  </si>
  <si>
    <t>522.63525390625</t>
  </si>
  <si>
    <t>0.014954045865804844</t>
  </si>
  <si>
    <t>12158</t>
  </si>
  <si>
    <t>11.083001136779785</t>
  </si>
  <si>
    <t>554.02294921875</t>
  </si>
  <si>
    <t>0.06560285879763939</t>
  </si>
  <si>
    <t>11.422172546386719</t>
  </si>
  <si>
    <t>584.3048706054688</t>
  </si>
  <si>
    <t>0.08071313974783045</t>
  </si>
  <si>
    <t>11.143135070800781</t>
  </si>
  <si>
    <t>510.3629150390625</t>
  </si>
  <si>
    <t>0.08183868935679861</t>
  </si>
  <si>
    <t>12.303192138671875</t>
  </si>
  <si>
    <t>350.43035888671875</t>
  </si>
  <si>
    <t>0.007660738071090023</t>
  </si>
  <si>
    <t>14104</t>
  </si>
  <si>
    <t>12.258517265319824</t>
  </si>
  <si>
    <t>500.61663818359375</t>
  </si>
  <si>
    <t>-0.021741511406679237</t>
  </si>
  <si>
    <t>10.762298583984375</t>
  </si>
  <si>
    <t>562.7313232421875</t>
  </si>
  <si>
    <t>0.06225820054980069</t>
  </si>
  <si>
    <t>15751</t>
  </si>
  <si>
    <t>11.835314750671387</t>
  </si>
  <si>
    <t>380.67266845703125</t>
  </si>
  <si>
    <t>0.048187209674228626</t>
  </si>
  <si>
    <t>2224</t>
  </si>
  <si>
    <t>10.737133026123047</t>
  </si>
  <si>
    <t>401.68994140625</t>
  </si>
  <si>
    <t>186.91604614257812</t>
  </si>
  <si>
    <t>Vrancea</t>
  </si>
  <si>
    <t>9.44044017791748</t>
  </si>
  <si>
    <t>617.7820434570312</t>
  </si>
  <si>
    <t>-0.12989250226545224</t>
  </si>
  <si>
    <t>10.03397274017334</t>
  </si>
  <si>
    <t>460.26751708984375</t>
  </si>
  <si>
    <t>-0.08288636936246796</t>
  </si>
  <si>
    <t>9.628881454467773</t>
  </si>
  <si>
    <t>560.9556884765625</t>
  </si>
  <si>
    <t>0.01633195055523906</t>
  </si>
  <si>
    <t>9315</t>
  </si>
  <si>
    <t>10.73556137084961</t>
  </si>
  <si>
    <t>460.553955078125</t>
  </si>
  <si>
    <t>0.03986074616475044</t>
  </si>
  <si>
    <t>9.708857536315918</t>
  </si>
  <si>
    <t>600.1062622070312</t>
  </si>
  <si>
    <t>0.06232189554483014</t>
  </si>
  <si>
    <t>9.458857536315918</t>
  </si>
  <si>
    <t>547.9338989257812</t>
  </si>
  <si>
    <t>0.041104383533165034</t>
  </si>
  <si>
    <t>9.397217750549316</t>
  </si>
  <si>
    <t>686.744140625</t>
  </si>
  <si>
    <t>-0.046971876340384355</t>
  </si>
  <si>
    <t>9674</t>
  </si>
  <si>
    <t>10.06198501586914</t>
  </si>
  <si>
    <t>591.7691040039062</t>
  </si>
  <si>
    <t>-0.018638532390371054</t>
  </si>
  <si>
    <t>10.685298919677734</t>
  </si>
  <si>
    <t>572.2647705078125</t>
  </si>
  <si>
    <t>-0.0022767266380068207</t>
  </si>
  <si>
    <t>11.340538024902344</t>
  </si>
  <si>
    <t>369.5867614746094</t>
  </si>
  <si>
    <t>0.025470614377592682</t>
  </si>
  <si>
    <t>9187</t>
  </si>
  <si>
    <t>10.347054481506348</t>
  </si>
  <si>
    <t>606.22021484375</t>
  </si>
  <si>
    <t>-0.07484632085104792</t>
  </si>
  <si>
    <t>9653</t>
  </si>
  <si>
    <t>10.865521430969238</t>
  </si>
  <si>
    <t>577.9152221679688</t>
  </si>
  <si>
    <t>0.0494793065771475</t>
  </si>
  <si>
    <t>9.650590896606445</t>
  </si>
  <si>
    <t>462.17657470703125</t>
  </si>
  <si>
    <t>-0.04839140394591723</t>
  </si>
  <si>
    <t>10.665390968322754</t>
  </si>
  <si>
    <t>616.1618041992188</t>
  </si>
  <si>
    <t>0.163719687042871</t>
  </si>
  <si>
    <t>9.8036527633667</t>
  </si>
  <si>
    <t>651.2947998046875</t>
  </si>
  <si>
    <t>-0.06857756034372287</t>
  </si>
  <si>
    <t>10.782172203063965</t>
  </si>
  <si>
    <t>581.4373168945312</t>
  </si>
  <si>
    <t>0.1606684789739603</t>
  </si>
  <si>
    <t>12061</t>
  </si>
  <si>
    <t>11.190522193908691</t>
  </si>
  <si>
    <t>548.3427734375</t>
  </si>
  <si>
    <t>0.015289157007437382</t>
  </si>
  <si>
    <t>11.200459480285645</t>
  </si>
  <si>
    <t>550.8632202148438</t>
  </si>
  <si>
    <t>0.08864754706064559</t>
  </si>
  <si>
    <t>11.023856163024902</t>
  </si>
  <si>
    <t>517.3441162109375</t>
  </si>
  <si>
    <t>-0.062219336814379744</t>
  </si>
  <si>
    <t>11.111919403076172</t>
  </si>
  <si>
    <t>673.2628173828125</t>
  </si>
  <si>
    <t>0.011640640416043624</t>
  </si>
  <si>
    <t>12411</t>
  </si>
  <si>
    <t>10.150574684143066</t>
  </si>
  <si>
    <t>425.54766845703125</t>
  </si>
  <si>
    <t>-0.009462781116031493</t>
  </si>
  <si>
    <t>11.233710289001465</t>
  </si>
  <si>
    <t>551.3809204101562</t>
  </si>
  <si>
    <t>0.11825741259803024</t>
  </si>
  <si>
    <t>11.258842468261719</t>
  </si>
  <si>
    <t>588.530029296875</t>
  </si>
  <si>
    <t>0.022369446937322124</t>
  </si>
  <si>
    <t>11.10062313079834</t>
  </si>
  <si>
    <t>590.3207397460938</t>
  </si>
  <si>
    <t>0.014800673195949798</t>
  </si>
  <si>
    <t>11.347152709960938</t>
  </si>
  <si>
    <t>513.9641723632812</t>
  </si>
  <si>
    <t>0.049125129641565124</t>
  </si>
  <si>
    <t>15667</t>
  </si>
  <si>
    <t>11.055388450622559</t>
  </si>
  <si>
    <t>595.7921142578125</t>
  </si>
  <si>
    <t>0.02842075089109919</t>
  </si>
  <si>
    <t>16885</t>
  </si>
  <si>
    <t>11.538867950439453</t>
  </si>
  <si>
    <t>591.1188354492188</t>
  </si>
  <si>
    <t>0.07486906442618135</t>
  </si>
  <si>
    <t>18537</t>
  </si>
  <si>
    <t>11.303897857666016</t>
  </si>
  <si>
    <t>555.4256591796875</t>
  </si>
  <si>
    <t>0.09334308090942045</t>
  </si>
  <si>
    <t>12.300442695617676</t>
  </si>
  <si>
    <t>399.41192626953125</t>
  </si>
  <si>
    <t>0.06803216848075877</t>
  </si>
  <si>
    <t>18989</t>
  </si>
  <si>
    <t>12.228652000427246</t>
  </si>
  <si>
    <t>541.0776977539062</t>
  </si>
  <si>
    <t>-0.04394103908443192</t>
  </si>
  <si>
    <t>20209</t>
  </si>
  <si>
    <t>10.822071075439453</t>
  </si>
  <si>
    <t>589.085205078125</t>
  </si>
  <si>
    <t>0.062268185592831315</t>
  </si>
  <si>
    <t>21207</t>
  </si>
  <si>
    <t>11.982189178466797</t>
  </si>
  <si>
    <t>446.7225646972656</t>
  </si>
  <si>
    <t>0.048203266120816934</t>
  </si>
  <si>
    <t>9.922445297241211</t>
  </si>
  <si>
    <t>465.6888732910156</t>
  </si>
  <si>
    <t>177.86962890625</t>
  </si>
  <si>
    <t>VÔøΩlcea</t>
  </si>
  <si>
    <t>8.625895500183105</t>
  </si>
  <si>
    <t>748.6738891601562</t>
  </si>
  <si>
    <t>-0.12982072468301098</t>
  </si>
  <si>
    <t>9.584228515625</t>
  </si>
  <si>
    <t>605.2816162109375</t>
  </si>
  <si>
    <t>-0.08289706966636068</t>
  </si>
  <si>
    <t>9.029345512390137</t>
  </si>
  <si>
    <t>681.7313232421875</t>
  </si>
  <si>
    <t>0.0163239598310021</t>
  </si>
  <si>
    <t>10.175895690917969</t>
  </si>
  <si>
    <t>615.3551635742188</t>
  </si>
  <si>
    <t>0.03982761026369808</t>
  </si>
  <si>
    <t>10876</t>
  </si>
  <si>
    <t>9.071012496948242</t>
  </si>
  <si>
    <t>696.2235717773438</t>
  </si>
  <si>
    <t>0.06230979414015181</t>
  </si>
  <si>
    <t>8.957797050476074</t>
  </si>
  <si>
    <t>708.1060791015625</t>
  </si>
  <si>
    <t>0.04107205519804502</t>
  </si>
  <si>
    <t>8.834229469299316</t>
  </si>
  <si>
    <t>812.5363159179688</t>
  </si>
  <si>
    <t>-0.046881468004869475</t>
  </si>
  <si>
    <t>8.982796669006348</t>
  </si>
  <si>
    <t>753.9363403320312</t>
  </si>
  <si>
    <t>-0.018575229557697526</t>
  </si>
  <si>
    <t>9.475895881652832</t>
  </si>
  <si>
    <t>804.4046630859375</t>
  </si>
  <si>
    <t>-0.002358157957385032</t>
  </si>
  <si>
    <t>10.750895500183105</t>
  </si>
  <si>
    <t>484.5906982421875</t>
  </si>
  <si>
    <t>0.02545473316433622</t>
  </si>
  <si>
    <t>11750</t>
  </si>
  <si>
    <t>9.400895118713379</t>
  </si>
  <si>
    <t>817.8285522460938</t>
  </si>
  <si>
    <t>0.07858278097751459</t>
  </si>
  <si>
    <t>10.291130065917969</t>
  </si>
  <si>
    <t>631.05224609375</t>
  </si>
  <si>
    <t>-0.030239885189718763</t>
  </si>
  <si>
    <t>9.262680053710938</t>
  </si>
  <si>
    <t>559.2684936523438</t>
  </si>
  <si>
    <t>0.14698219034864657</t>
  </si>
  <si>
    <t>14036</t>
  </si>
  <si>
    <t>9.717562675476074</t>
  </si>
  <si>
    <t>765.9039916992188</t>
  </si>
  <si>
    <t>0.0610299119718718</t>
  </si>
  <si>
    <t>14524</t>
  </si>
  <si>
    <t>8.707797050476074</t>
  </si>
  <si>
    <t>817.2021484375</t>
  </si>
  <si>
    <t>0.034176995831121104</t>
  </si>
  <si>
    <t>16322</t>
  </si>
  <si>
    <t>10.079346656799316</t>
  </si>
  <si>
    <t>788.5729370117188</t>
  </si>
  <si>
    <t>0.1167114374949616</t>
  </si>
  <si>
    <t>16875</t>
  </si>
  <si>
    <t>10.450894355773926</t>
  </si>
  <si>
    <t>822.6080932617188</t>
  </si>
  <si>
    <t>0.03331934571154349</t>
  </si>
  <si>
    <t>18266</t>
  </si>
  <si>
    <t>10.467561721801758</t>
  </si>
  <si>
    <t>731.8377075195312</t>
  </si>
  <si>
    <t>0.07920817151089388</t>
  </si>
  <si>
    <t>16646</t>
  </si>
  <si>
    <t>10.499463081359863</t>
  </si>
  <si>
    <t>729.867919921875</t>
  </si>
  <si>
    <t>-0.09287146094558452</t>
  </si>
  <si>
    <t>9.892561912536621</t>
  </si>
  <si>
    <t>825.6112060546875</t>
  </si>
  <si>
    <t>-0.08555972070078255</t>
  </si>
  <si>
    <t>16717</t>
  </si>
  <si>
    <t>9.700895309448242</t>
  </si>
  <si>
    <t>553.7238159179688</t>
  </si>
  <si>
    <t>0.08981593909737207</t>
  </si>
  <si>
    <t>17720</t>
  </si>
  <si>
    <t>10.319581031799316</t>
  </si>
  <si>
    <t>593.81298828125</t>
  </si>
  <si>
    <t>0.05826777945644146</t>
  </si>
  <si>
    <t>10.642561912536621</t>
  </si>
  <si>
    <t>708.5360107421875</t>
  </si>
  <si>
    <t>-0.01908617971711024</t>
  </si>
  <si>
    <t>17139</t>
  </si>
  <si>
    <t>10.917563438415527</t>
  </si>
  <si>
    <t>796.4970092773438</t>
  </si>
  <si>
    <t>-0.014251197049388153</t>
  </si>
  <si>
    <t>18884</t>
  </si>
  <si>
    <t>10.680778503417969</t>
  </si>
  <si>
    <t>643.1176147460938</t>
  </si>
  <si>
    <t>0.09695843427360451</t>
  </si>
  <si>
    <t>10.066128730773926</t>
  </si>
  <si>
    <t>741.9212036132812</t>
  </si>
  <si>
    <t>0.005070790497741839</t>
  </si>
  <si>
    <t>20958</t>
  </si>
  <si>
    <t>11.005778312683105</t>
  </si>
  <si>
    <t>644.2459716796875</t>
  </si>
  <si>
    <t>0.09913464187096821</t>
  </si>
  <si>
    <t>10.92446231842041</t>
  </si>
  <si>
    <t>732.1532592773438</t>
  </si>
  <si>
    <t>0.13457460246688235</t>
  </si>
  <si>
    <t>11.468994140625</t>
  </si>
  <si>
    <t>603.1611938476562</t>
  </si>
  <si>
    <t>0.04357916928994676</t>
  </si>
  <si>
    <t>24496</t>
  </si>
  <si>
    <t>11.041130065917969</t>
  </si>
  <si>
    <t>727.1273803710938</t>
  </si>
  <si>
    <t>-0.022164367894252024</t>
  </si>
  <si>
    <t>9.946013450622559</t>
  </si>
  <si>
    <t>716.4391479492188</t>
  </si>
  <si>
    <t>0.06227538903008245</t>
  </si>
  <si>
    <t>27357</t>
  </si>
  <si>
    <t>11.271012306213379</t>
  </si>
  <si>
    <t>648.5928344726562</t>
  </si>
  <si>
    <t>RUS</t>
  </si>
  <si>
    <t>6723</t>
  </si>
  <si>
    <t>11.818795204162598</t>
  </si>
  <si>
    <t>709.1447143554688</t>
  </si>
  <si>
    <t>98.00297546386719</t>
  </si>
  <si>
    <t>Adygey</t>
  </si>
  <si>
    <t>Russia</t>
  </si>
  <si>
    <t>11.236842155456543</t>
  </si>
  <si>
    <t>820.8657836914062</t>
  </si>
  <si>
    <t>-0.055663351201628686</t>
  </si>
  <si>
    <t>10.544755935668945</t>
  </si>
  <si>
    <t>1018.1014404296875</t>
  </si>
  <si>
    <t>-0.1590375816471763</t>
  </si>
  <si>
    <t>10.52180004119873</t>
  </si>
  <si>
    <t>700.9549560546875</t>
  </si>
  <si>
    <t>-0.09124397425880915</t>
  </si>
  <si>
    <t>11.109641075134277</t>
  </si>
  <si>
    <t>750.5496826171875</t>
  </si>
  <si>
    <t>-0.13494624884841855</t>
  </si>
  <si>
    <t>11.765109062194824</t>
  </si>
  <si>
    <t>963.2816772460938</t>
  </si>
  <si>
    <t>-0.04322316443560226</t>
  </si>
  <si>
    <t>11.047743797302246</t>
  </si>
  <si>
    <t>891.677001953125</t>
  </si>
  <si>
    <t>-0.0391338233729126</t>
  </si>
  <si>
    <t>4036</t>
  </si>
  <si>
    <t>10.783820152282715</t>
  </si>
  <si>
    <t>974.3432006835938</t>
  </si>
  <si>
    <t>0.01296776276901035</t>
  </si>
  <si>
    <t>11.817694664001465</t>
  </si>
  <si>
    <t>713.5700073242188</t>
  </si>
  <si>
    <t>-0.05526549424798333</t>
  </si>
  <si>
    <t>12.109517097473145</t>
  </si>
  <si>
    <t>908.2259521484375</t>
  </si>
  <si>
    <t>0.06267110696277634</t>
  </si>
  <si>
    <t>12.175362586975098</t>
  </si>
  <si>
    <t>732.7091064453125</t>
  </si>
  <si>
    <t>0.09696333122073852</t>
  </si>
  <si>
    <t>11.758679389953613</t>
  </si>
  <si>
    <t>1011.0119018554688</t>
  </si>
  <si>
    <t>0.017260884396598897</t>
  </si>
  <si>
    <t>12.06853199005127</t>
  </si>
  <si>
    <t>910.6740112304688</t>
  </si>
  <si>
    <t>0.026841438245226</t>
  </si>
  <si>
    <t>11.037785530090332</t>
  </si>
  <si>
    <t>714.4500732421875</t>
  </si>
  <si>
    <t>0.08610323301311595</t>
  </si>
  <si>
    <t>5375</t>
  </si>
  <si>
    <t>12.03095531463623</t>
  </si>
  <si>
    <t>978.6641845703125</t>
  </si>
  <si>
    <t>0.05192997193189264</t>
  </si>
  <si>
    <t>11.50595474243164</t>
  </si>
  <si>
    <t>875.3060302734375</t>
  </si>
  <si>
    <t>0.12488950770807783</t>
  </si>
  <si>
    <t>12.290108680725098</t>
  </si>
  <si>
    <t>883.6084594726562</t>
  </si>
  <si>
    <t>0.08117885625248356</t>
  </si>
  <si>
    <t>11.986980438232422</t>
  </si>
  <si>
    <t>636.9367065429688</t>
  </si>
  <si>
    <t>0.19036382180389388</t>
  </si>
  <si>
    <t>12.110199928283691</t>
  </si>
  <si>
    <t>784.1842651367188</t>
  </si>
  <si>
    <t>0.07543018007590518</t>
  </si>
  <si>
    <t>12.152005195617676</t>
  </si>
  <si>
    <t>888.3956909179688</t>
  </si>
  <si>
    <t>0.1112622859559469</t>
  </si>
  <si>
    <t>13.023441314697266</t>
  </si>
  <si>
    <t>798.221435546875</t>
  </si>
  <si>
    <t>0.00940526802889785</t>
  </si>
  <si>
    <t>11.259377479553223</t>
  </si>
  <si>
    <t>813.1548461914062</t>
  </si>
  <si>
    <t>0.03874185701665134</t>
  </si>
  <si>
    <t>12.481513023376465</t>
  </si>
  <si>
    <t>657.402099609375</t>
  </si>
  <si>
    <t>0.07802339012607007</t>
  </si>
  <si>
    <t>11122</t>
  </si>
  <si>
    <t>12.368393898010254</t>
  </si>
  <si>
    <t>918.0850219726562</t>
  </si>
  <si>
    <t>0.01787138778371755</t>
  </si>
  <si>
    <t>12.293113708496094</t>
  </si>
  <si>
    <t>711.1791381835938</t>
  </si>
  <si>
    <t>-0.036254428204637534</t>
  </si>
  <si>
    <t>12.586562156677246</t>
  </si>
  <si>
    <t>800.7483520507812</t>
  </si>
  <si>
    <t>-0.02320202166783858</t>
  </si>
  <si>
    <t>12.209378242492676</t>
  </si>
  <si>
    <t>857.8237915039062</t>
  </si>
  <si>
    <t>0.014305582413573603</t>
  </si>
  <si>
    <t>10958</t>
  </si>
  <si>
    <t>12.523040771484375</t>
  </si>
  <si>
    <t>889.9491577148438</t>
  </si>
  <si>
    <t>0.030295521809755144</t>
  </si>
  <si>
    <t>12.611144065856934</t>
  </si>
  <si>
    <t>778.947509765625</t>
  </si>
  <si>
    <t>0.02816327214371661</t>
  </si>
  <si>
    <t>13.140667915344238</t>
  </si>
  <si>
    <t>638.9071655273438</t>
  </si>
  <si>
    <t>0.058414537607676564</t>
  </si>
  <si>
    <t>13.171398162841797</t>
  </si>
  <si>
    <t>602.5237426757812</t>
  </si>
  <si>
    <t>-0.026973645510715016</t>
  </si>
  <si>
    <t>12.492432594299316</t>
  </si>
  <si>
    <t>954.3672485351562</t>
  </si>
  <si>
    <t>0.0524232550021253</t>
  </si>
  <si>
    <t>11975</t>
  </si>
  <si>
    <t>12.781914710998535</t>
  </si>
  <si>
    <t>704.0117797851562</t>
  </si>
  <si>
    <t>-0.02327605906204866</t>
  </si>
  <si>
    <t>2227</t>
  </si>
  <si>
    <t>3.9404919147491455</t>
  </si>
  <si>
    <t>531.5147705078125</t>
  </si>
  <si>
    <t>1500.560791015625</t>
  </si>
  <si>
    <t>Altay</t>
  </si>
  <si>
    <t>3.517343759536743</t>
  </si>
  <si>
    <t>391.177001953125</t>
  </si>
  <si>
    <t>-0.055664688730715284</t>
  </si>
  <si>
    <t>7778</t>
  </si>
  <si>
    <t>2.65946102142334</t>
  </si>
  <si>
    <t>490.1900329589844</t>
  </si>
  <si>
    <t>-0.15906091321797255</t>
  </si>
  <si>
    <t>1.5707144737243652</t>
  </si>
  <si>
    <t>461.5970153808594</t>
  </si>
  <si>
    <t>-0.0910636165335994</t>
  </si>
  <si>
    <t>2.7903928756713867</t>
  </si>
  <si>
    <t>477.8822937011719</t>
  </si>
  <si>
    <t>-0.13504137388566306</t>
  </si>
  <si>
    <t>5942</t>
  </si>
  <si>
    <t>3.481773614883423</t>
  </si>
  <si>
    <t>479.48614501953125</t>
  </si>
  <si>
    <t>-0.04314846827387697</t>
  </si>
  <si>
    <t>1.9869238138198853</t>
  </si>
  <si>
    <t>480.2774963378906</t>
  </si>
  <si>
    <t>-0.03930149729809074</t>
  </si>
  <si>
    <t>3.4345829486846924</t>
  </si>
  <si>
    <t>298.44012451171875</t>
  </si>
  <si>
    <t>0.013042529026911609</t>
  </si>
  <si>
    <t>3.188944101333618</t>
  </si>
  <si>
    <t>441.6065368652344</t>
  </si>
  <si>
    <t>-0.055229302967651606</t>
  </si>
  <si>
    <t>3.2035152912139893</t>
  </si>
  <si>
    <t>402.0381164550781</t>
  </si>
  <si>
    <t>0.06263100643843345</t>
  </si>
  <si>
    <t>2.7695114612579346</t>
  </si>
  <si>
    <t>571.6024780273438</t>
  </si>
  <si>
    <t>0.09700811854126457</t>
  </si>
  <si>
    <t>7210</t>
  </si>
  <si>
    <t>4.003756046295166</t>
  </si>
  <si>
    <t>495.3270568847656</t>
  </si>
  <si>
    <t>0.11527232051557412</t>
  </si>
  <si>
    <t>3.776583671569824</t>
  </si>
  <si>
    <t>550.467041015625</t>
  </si>
  <si>
    <t>0.02628128266710661</t>
  </si>
  <si>
    <t>2.7290151119232178</t>
  </si>
  <si>
    <t>371.79010009765625</t>
  </si>
  <si>
    <t>0.06801968801914171</t>
  </si>
  <si>
    <t>8585</t>
  </si>
  <si>
    <t>3.5586283206939697</t>
  </si>
  <si>
    <t>492.55792236328125</t>
  </si>
  <si>
    <t>0.08024657236633281</t>
  </si>
  <si>
    <t>2.6705055236816406</t>
  </si>
  <si>
    <t>431.52508544921875</t>
  </si>
  <si>
    <t>-0.008774551764155092</t>
  </si>
  <si>
    <t>4.165512561798096</t>
  </si>
  <si>
    <t>456.3842468261719</t>
  </si>
  <si>
    <t>0.12062531713020341</t>
  </si>
  <si>
    <t>3.257735013961792</t>
  </si>
  <si>
    <t>438.063720703125</t>
  </si>
  <si>
    <t>0.12936953087312197</t>
  </si>
  <si>
    <t>11089</t>
  </si>
  <si>
    <t>4.324585437774658</t>
  </si>
  <si>
    <t>421.26055908203125</t>
  </si>
  <si>
    <t>0.014716835382470705</t>
  </si>
  <si>
    <t>11124</t>
  </si>
  <si>
    <t>1.906997561454773</t>
  </si>
  <si>
    <t>509.23687744140625</t>
  </si>
  <si>
    <t>0.0031513104006393178</t>
  </si>
  <si>
    <t>11320</t>
  </si>
  <si>
    <t>1.8573627471923828</t>
  </si>
  <si>
    <t>440.9580993652344</t>
  </si>
  <si>
    <t>0.017466136403317734</t>
  </si>
  <si>
    <t>2.8355886936187744</t>
  </si>
  <si>
    <t>387.5173645019531</t>
  </si>
  <si>
    <t>-0.04646953735316295</t>
  </si>
  <si>
    <t>2.845974922180176</t>
  </si>
  <si>
    <t>462.46484375</t>
  </si>
  <si>
    <t>0.0528975962941054</t>
  </si>
  <si>
    <t>12148</t>
  </si>
  <si>
    <t>3.7665855884552</t>
  </si>
  <si>
    <t>536.029296875</t>
  </si>
  <si>
    <t>0.06416541546752264</t>
  </si>
  <si>
    <t>11865</t>
  </si>
  <si>
    <t>2.782931327819824</t>
  </si>
  <si>
    <t>510.13702392578125</t>
  </si>
  <si>
    <t>-0.023571657295773818</t>
  </si>
  <si>
    <t>3.67573618888855</t>
  </si>
  <si>
    <t>518.4197387695312</t>
  </si>
  <si>
    <t>-0.033683606030463054</t>
  </si>
  <si>
    <t>3.7250006198883057</t>
  </si>
  <si>
    <t>543.201416015625</t>
  </si>
  <si>
    <t>-0.018475057024838648</t>
  </si>
  <si>
    <t>10783</t>
  </si>
  <si>
    <t>3.1823484897613525</t>
  </si>
  <si>
    <t>438.9225158691406</t>
  </si>
  <si>
    <t>-0.0434634069324904</t>
  </si>
  <si>
    <t>2.5713119506835938</t>
  </si>
  <si>
    <t>495.90875244140625</t>
  </si>
  <si>
    <t>-0.020613491058909972</t>
  </si>
  <si>
    <t>11251</t>
  </si>
  <si>
    <t>3.7797622680664062</t>
  </si>
  <si>
    <t>476.78375244140625</t>
  </si>
  <si>
    <t>0.06309968474790928</t>
  </si>
  <si>
    <t>4.3375091552734375</t>
  </si>
  <si>
    <t>447.2040710449219</t>
  </si>
  <si>
    <t>-0.026934925602787985</t>
  </si>
  <si>
    <t>11542</t>
  </si>
  <si>
    <t>3.747609853744507</t>
  </si>
  <si>
    <t>463.7144775390625</t>
  </si>
  <si>
    <t>0.05247046830262825</t>
  </si>
  <si>
    <t>3.6150264739990234</t>
  </si>
  <si>
    <t>437.6822814941406</t>
  </si>
  <si>
    <t>-0.02331598303690896</t>
  </si>
  <si>
    <t>0.9513546824455261</t>
  </si>
  <si>
    <t>677.8812255859375</t>
  </si>
  <si>
    <t>505.68218994140625</t>
  </si>
  <si>
    <t>Amur</t>
  </si>
  <si>
    <t>14620</t>
  </si>
  <si>
    <t>-0.8349134922027588</t>
  </si>
  <si>
    <t>630.6195068359375</t>
  </si>
  <si>
    <t>-0.05567152084854854</t>
  </si>
  <si>
    <t>-0.6198131442070007</t>
  </si>
  <si>
    <t>569.7169189453125</t>
  </si>
  <si>
    <t>-0.15898450538302278</t>
  </si>
  <si>
    <t>-0.7902444005012512</t>
  </si>
  <si>
    <t>613.473876953125</t>
  </si>
  <si>
    <t>-0.09119708815105909</t>
  </si>
  <si>
    <t>0.027274513617157936</t>
  </si>
  <si>
    <t>614.2159423828125</t>
  </si>
  <si>
    <t>-0.13503840049500404</t>
  </si>
  <si>
    <t>0.024903148412704468</t>
  </si>
  <si>
    <t>597.1845703125</t>
  </si>
  <si>
    <t>-0.04314555791387775</t>
  </si>
  <si>
    <t>9159</t>
  </si>
  <si>
    <t>-0.7720585465431213</t>
  </si>
  <si>
    <t>558.3309326171875</t>
  </si>
  <si>
    <t>-0.03928789995781834</t>
  </si>
  <si>
    <t>9280</t>
  </si>
  <si>
    <t>-0.33809518814086914</t>
  </si>
  <si>
    <t>528.2467651367188</t>
  </si>
  <si>
    <t>0.013124544377259184</t>
  </si>
  <si>
    <t>0.37480664253234863</t>
  </si>
  <si>
    <t>603.843505859375</t>
  </si>
  <si>
    <t>-0.05527125042025105</t>
  </si>
  <si>
    <t>-1.0693801641464233</t>
  </si>
  <si>
    <t>582.3477172851562</t>
  </si>
  <si>
    <t>0.06257212029875348</t>
  </si>
  <si>
    <t>-1.046374797821045</t>
  </si>
  <si>
    <t>508.0876159667969</t>
  </si>
  <si>
    <t>0.09707856122494363</t>
  </si>
  <si>
    <t>-0.0435149222612381</t>
  </si>
  <si>
    <t>451.5560607910156</t>
  </si>
  <si>
    <t>0.23723657333671433</t>
  </si>
  <si>
    <t>-0.0567711740732193</t>
  </si>
  <si>
    <t>521.6275024414062</t>
  </si>
  <si>
    <t>0.02143940304905456</t>
  </si>
  <si>
    <t>0.046394672244787216</t>
  </si>
  <si>
    <t>738.4676513671875</t>
  </si>
  <si>
    <t>0.02939433250687884</t>
  </si>
  <si>
    <t>13935</t>
  </si>
  <si>
    <t>-0.15969911217689514</t>
  </si>
  <si>
    <t>576.85888671875</t>
  </si>
  <si>
    <t>0.014092374139707431</t>
  </si>
  <si>
    <t>14010</t>
  </si>
  <si>
    <t>-0.6282079815864563</t>
  </si>
  <si>
    <t>462.42449951171875</t>
  </si>
  <si>
    <t>0.005367699415005589</t>
  </si>
  <si>
    <t>15274</t>
  </si>
  <si>
    <t>-0.5829885601997375</t>
  </si>
  <si>
    <t>587.7202758789062</t>
  </si>
  <si>
    <t>0.08638067611727607</t>
  </si>
  <si>
    <t>15878</t>
  </si>
  <si>
    <t>0.2189963012933731</t>
  </si>
  <si>
    <t>462.01593017578125</t>
  </si>
  <si>
    <t>0.0387824668367287</t>
  </si>
  <si>
    <t>0.6945035457611084</t>
  </si>
  <si>
    <t>553.6596069335938</t>
  </si>
  <si>
    <t>0.029415710718373234</t>
  </si>
  <si>
    <t>-1.0555719137191772</t>
  </si>
  <si>
    <t>652.4485473632812</t>
  </si>
  <si>
    <t>0.11876103084435918</t>
  </si>
  <si>
    <t>-0.9926820397377014</t>
  </si>
  <si>
    <t>613.556640625</t>
  </si>
  <si>
    <t>0.05540398239478428</t>
  </si>
  <si>
    <t>21441</t>
  </si>
  <si>
    <t>-0.4170800745487213</t>
  </si>
  <si>
    <t>456.4934997558594</t>
  </si>
  <si>
    <t>0.09678974964551301</t>
  </si>
  <si>
    <t>-1.0343103408813477</t>
  </si>
  <si>
    <t>664.503173828125</t>
  </si>
  <si>
    <t>-0.03155463616443832</t>
  </si>
  <si>
    <t>-0.5228543877601624</t>
  </si>
  <si>
    <t>758.3541870117188</t>
  </si>
  <si>
    <t>-0.1382252176045533</t>
  </si>
  <si>
    <t>18183</t>
  </si>
  <si>
    <t>0.027907418087124825</t>
  </si>
  <si>
    <t>548.382080078125</t>
  </si>
  <si>
    <t>0.004961968500298397</t>
  </si>
  <si>
    <t>0.09405764192342758</t>
  </si>
  <si>
    <t>562.2416381835938</t>
  </si>
  <si>
    <t>0.05567240679691032</t>
  </si>
  <si>
    <t>17948</t>
  </si>
  <si>
    <t>-0.8104164600372314</t>
  </si>
  <si>
    <t>620.4833374023438</t>
  </si>
  <si>
    <t>-0.06868081032043172</t>
  </si>
  <si>
    <t>-0.10032566636800766</t>
  </si>
  <si>
    <t>578.6824951171875</t>
  </si>
  <si>
    <t>-0.07693206896835036</t>
  </si>
  <si>
    <t>0.19380424916744232</t>
  </si>
  <si>
    <t>556.869873046875</t>
  </si>
  <si>
    <t>0.07509173161153093</t>
  </si>
  <si>
    <t>21607</t>
  </si>
  <si>
    <t>0.005696654319763184</t>
  </si>
  <si>
    <t>620.7001342773438</t>
  </si>
  <si>
    <t>0.1873789855066157</t>
  </si>
  <si>
    <t>21032</t>
  </si>
  <si>
    <t>0.25608202815055847</t>
  </si>
  <si>
    <t>-0.026972248835951618</t>
  </si>
  <si>
    <t>22164</t>
  </si>
  <si>
    <t>0.33123981952667236</t>
  </si>
  <si>
    <t>593.5108032226562</t>
  </si>
  <si>
    <t>0.05242426357752272</t>
  </si>
  <si>
    <t>-0.06512416154146194</t>
  </si>
  <si>
    <t>591.8739013671875</t>
  </si>
  <si>
    <t>-0.023232976338514177</t>
  </si>
  <si>
    <t>2.13083553314209</t>
  </si>
  <si>
    <t>552.7538452148438</t>
  </si>
  <si>
    <t>1027.4937744140625</t>
  </si>
  <si>
    <t>Arkhangel'sk</t>
  </si>
  <si>
    <t>1.9147707223892212</t>
  </si>
  <si>
    <t>619.396484375</t>
  </si>
  <si>
    <t>-0.05566332547865116</t>
  </si>
  <si>
    <t>19729</t>
  </si>
  <si>
    <t>1.815110683441162</t>
  </si>
  <si>
    <t>539.8336181640625</t>
  </si>
  <si>
    <t>-0.15904084173051558</t>
  </si>
  <si>
    <t>0.6283736228942871</t>
  </si>
  <si>
    <t>599.053955078125</t>
  </si>
  <si>
    <t>-0.09116247532496757</t>
  </si>
  <si>
    <t>1.1979637145996094</t>
  </si>
  <si>
    <t>605.508544921875</t>
  </si>
  <si>
    <t>-0.13503962867149433</t>
  </si>
  <si>
    <t>15071</t>
  </si>
  <si>
    <t>2.0197300910949707</t>
  </si>
  <si>
    <t>664.787353515625</t>
  </si>
  <si>
    <t>-0.043115163078830676</t>
  </si>
  <si>
    <t>0.8934585452079773</t>
  </si>
  <si>
    <t>549.1402587890625</t>
  </si>
  <si>
    <t>-0.03931361110494791</t>
  </si>
  <si>
    <t>14681</t>
  </si>
  <si>
    <t>1.2540291547775269</t>
  </si>
  <si>
    <t>547.34228515625</t>
  </si>
  <si>
    <t>0.013095384424731904</t>
  </si>
  <si>
    <t>13892</t>
  </si>
  <si>
    <t>-0.11098355054855347</t>
  </si>
  <si>
    <t>694.7926025390625</t>
  </si>
  <si>
    <t>-0.055241005875496185</t>
  </si>
  <si>
    <t>14789</t>
  </si>
  <si>
    <t>1.9104986190795898</t>
  </si>
  <si>
    <t>530.5033569335938</t>
  </si>
  <si>
    <t>0.06257052630280491</t>
  </si>
  <si>
    <t>16296</t>
  </si>
  <si>
    <t>2.994018793106079</t>
  </si>
  <si>
    <t>561.6519165039062</t>
  </si>
  <si>
    <t>0.0970360177398728</t>
  </si>
  <si>
    <t>15174</t>
  </si>
  <si>
    <t>0.9847824573516846</t>
  </si>
  <si>
    <t>571.0534057617188</t>
  </si>
  <si>
    <t>-0.07133624200862165</t>
  </si>
  <si>
    <t>16394</t>
  </si>
  <si>
    <t>0.7281909584999084</t>
  </si>
  <si>
    <t>563.0322265625</t>
  </si>
  <si>
    <t>0.07733197731495522</t>
  </si>
  <si>
    <t>2.3581855297088623</t>
  </si>
  <si>
    <t>627.6912231445312</t>
  </si>
  <si>
    <t>0.10092835850402793</t>
  </si>
  <si>
    <t>20834</t>
  </si>
  <si>
    <t>2.2011351585388184</t>
  </si>
  <si>
    <t>575.8123779296875</t>
  </si>
  <si>
    <t>0.13874249482739032</t>
  </si>
  <si>
    <t>2.2527902126312256</t>
  </si>
  <si>
    <t>521.4241333007812</t>
  </si>
  <si>
    <t>-0.021296494792734322</t>
  </si>
  <si>
    <t>23292</t>
  </si>
  <si>
    <t>2.0572493076324463</t>
  </si>
  <si>
    <t>606.6564331054688</t>
  </si>
  <si>
    <t>0.13282018120535177</t>
  </si>
  <si>
    <t>25633</t>
  </si>
  <si>
    <t>2.6832656860351562</t>
  </si>
  <si>
    <t>621.5155029296875</t>
  </si>
  <si>
    <t>0.09577062988289242</t>
  </si>
  <si>
    <t>2.4508280754089355</t>
  </si>
  <si>
    <t>677.556884765625</t>
  </si>
  <si>
    <t>-0.056990904847420865</t>
  </si>
  <si>
    <t>26572</t>
  </si>
  <si>
    <t>1.103142261505127</t>
  </si>
  <si>
    <t>591.8851928710938</t>
  </si>
  <si>
    <t>0.09296835079264909</t>
  </si>
  <si>
    <t>27432</t>
  </si>
  <si>
    <t>1.2679561376571655</t>
  </si>
  <si>
    <t>614.8790893554688</t>
  </si>
  <si>
    <t>0.03185218535762502</t>
  </si>
  <si>
    <t>28269</t>
  </si>
  <si>
    <t>2.8499090671539307</t>
  </si>
  <si>
    <t>549.403076171875</t>
  </si>
  <si>
    <t>0.030055582732108732</t>
  </si>
  <si>
    <t>29020</t>
  </si>
  <si>
    <t>1.3137480020523071</t>
  </si>
  <si>
    <t>723.1898803710938</t>
  </si>
  <si>
    <t>0.0262194495633139</t>
  </si>
  <si>
    <t>29205</t>
  </si>
  <si>
    <t>2.5155704021453857</t>
  </si>
  <si>
    <t>553.46728515625</t>
  </si>
  <si>
    <t>0.006354680036229965</t>
  </si>
  <si>
    <t>2.7621212005615234</t>
  </si>
  <si>
    <t>608.7714233398438</t>
  </si>
  <si>
    <t>-0.006182399908317038</t>
  </si>
  <si>
    <t>29813</t>
  </si>
  <si>
    <t>2.6833431720733643</t>
  </si>
  <si>
    <t>616.6737670898438</t>
  </si>
  <si>
    <t>0.026787012412434308</t>
  </si>
  <si>
    <t>3.3389787673950195</t>
  </si>
  <si>
    <t>561.6463623046875</t>
  </si>
  <si>
    <t>0.03749307740182317</t>
  </si>
  <si>
    <t>2.4986774921417236</t>
  </si>
  <si>
    <t>715.3063354492188</t>
  </si>
  <si>
    <t>0.03404800429206034</t>
  </si>
  <si>
    <t>32130</t>
  </si>
  <si>
    <t>2.090893507003784</t>
  </si>
  <si>
    <t>610.582275390625</t>
  </si>
  <si>
    <t>0.0033045514374947516</t>
  </si>
  <si>
    <t>3.0085573196411133</t>
  </si>
  <si>
    <t>732.5721435546875</t>
  </si>
  <si>
    <t>0.007472787135188952</t>
  </si>
  <si>
    <t>31509</t>
  </si>
  <si>
    <t>3.2694013118743896</t>
  </si>
  <si>
    <t>669.8191528320312</t>
  </si>
  <si>
    <t>-0.026989740954208585</t>
  </si>
  <si>
    <t>33206</t>
  </si>
  <si>
    <t>1.8289963006973267</t>
  </si>
  <si>
    <t>611.1531982421875</t>
  </si>
  <si>
    <t>0.05245736317684724</t>
  </si>
  <si>
    <t>32443</t>
  </si>
  <si>
    <t>3.066171646118164</t>
  </si>
  <si>
    <t>577.8892211914062</t>
  </si>
  <si>
    <t>-0.023245879092547383</t>
  </si>
  <si>
    <t>2230</t>
  </si>
  <si>
    <t>15184</t>
  </si>
  <si>
    <t>10.872551918029785</t>
  </si>
  <si>
    <t>265.2837219238281</t>
  </si>
  <si>
    <t>483.21533203125</t>
  </si>
  <si>
    <t>Astrakhan'</t>
  </si>
  <si>
    <t>10.801644325256348</t>
  </si>
  <si>
    <t>257.15203857421875</t>
  </si>
  <si>
    <t>-0.05572604278908955</t>
  </si>
  <si>
    <t>9.768924713134766</t>
  </si>
  <si>
    <t>323.4228515625</t>
  </si>
  <si>
    <t>-0.15899026208774636</t>
  </si>
  <si>
    <t>9.051039695739746</t>
  </si>
  <si>
    <t>282.48602294921875</t>
  </si>
  <si>
    <t>-0.09113116894468476</t>
  </si>
  <si>
    <t>9.13671875</t>
  </si>
  <si>
    <t>189.15728759765625</t>
  </si>
  <si>
    <t>-0.13507830199135995</t>
  </si>
  <si>
    <t>9358</t>
  </si>
  <si>
    <t>11.613292694091797</t>
  </si>
  <si>
    <t>258.83355712890625</t>
  </si>
  <si>
    <t>-0.04308487361066682</t>
  </si>
  <si>
    <t>8997</t>
  </si>
  <si>
    <t>10.030550956726074</t>
  </si>
  <si>
    <t>257.69873046875</t>
  </si>
  <si>
    <t>-0.03934040400904237</t>
  </si>
  <si>
    <t>10.192967414855957</t>
  </si>
  <si>
    <t>255.37945556640625</t>
  </si>
  <si>
    <t>0.013139922948456118</t>
  </si>
  <si>
    <t>10.917933464050293</t>
  </si>
  <si>
    <t>233.42892456054688</t>
  </si>
  <si>
    <t>-0.055366148466013954</t>
  </si>
  <si>
    <t>9183</t>
  </si>
  <si>
    <t>11.564379692077637</t>
  </si>
  <si>
    <t>225.6405029296875</t>
  </si>
  <si>
    <t>0.06268898571396164</t>
  </si>
  <si>
    <t>11.484971046447754</t>
  </si>
  <si>
    <t>219.48861694335938</t>
  </si>
  <si>
    <t>0.09696206723835843</t>
  </si>
  <si>
    <t>11.322772979736328</t>
  </si>
  <si>
    <t>261.7380676269531</t>
  </si>
  <si>
    <t>-0.029182316489453797</t>
  </si>
  <si>
    <t>10.766694068908691</t>
  </si>
  <si>
    <t>264.21875</t>
  </si>
  <si>
    <t>0.09311529753474446</t>
  </si>
  <si>
    <t>10.45297908782959</t>
  </si>
  <si>
    <t>264.6690673828125</t>
  </si>
  <si>
    <t>0.07611253104480475</t>
  </si>
  <si>
    <t>11.913800239562988</t>
  </si>
  <si>
    <t>272.8658752441406</t>
  </si>
  <si>
    <t>-0.07778275505746812</t>
  </si>
  <si>
    <t>10.762940406799316</t>
  </si>
  <si>
    <t>256.93170166015625</t>
  </si>
  <si>
    <t>0.024946267946578615</t>
  </si>
  <si>
    <t>11.96331787109375</t>
  </si>
  <si>
    <t>245.69305419921875</t>
  </si>
  <si>
    <t>0.05609605424462849</t>
  </si>
  <si>
    <t>10.646130561828613</t>
  </si>
  <si>
    <t>211.91358947753906</t>
  </si>
  <si>
    <t>0.030613344787095542</t>
  </si>
  <si>
    <t>11.27664566040039</t>
  </si>
  <si>
    <t>224.97459411621094</t>
  </si>
  <si>
    <t>0.24040239482992476</t>
  </si>
  <si>
    <t>10.978346824645996</t>
  </si>
  <si>
    <t>294.214599609375</t>
  </si>
  <si>
    <t>-0.12114388859970404</t>
  </si>
  <si>
    <t>12.451371192932129</t>
  </si>
  <si>
    <t>230.46092224121094</t>
  </si>
  <si>
    <t>-0.04331311542838634</t>
  </si>
  <si>
    <t>13384</t>
  </si>
  <si>
    <t>10.06767749786377</t>
  </si>
  <si>
    <t>261.26727294921875</t>
  </si>
  <si>
    <t>0.029880133002015086</t>
  </si>
  <si>
    <t>11.448790550231934</t>
  </si>
  <si>
    <t>211.74346923828125</t>
  </si>
  <si>
    <t>0.13601262145217952</t>
  </si>
  <si>
    <t>18862</t>
  </si>
  <si>
    <t>11.767181396484375</t>
  </si>
  <si>
    <t>262.7221374511719</t>
  </si>
  <si>
    <t>0.20707673098499058</t>
  </si>
  <si>
    <t>10.958000183105469</t>
  </si>
  <si>
    <t>177.43797302246094</t>
  </si>
  <si>
    <t>-0.02100152191054505</t>
  </si>
  <si>
    <t>11.691600799560547</t>
  </si>
  <si>
    <t>233.92556762695312</t>
  </si>
  <si>
    <t>-0.043091758524671064</t>
  </si>
  <si>
    <t>18113</t>
  </si>
  <si>
    <t>11.661965370178223</t>
  </si>
  <si>
    <t>277.1848449707031</t>
  </si>
  <si>
    <t>0.023573876824302786</t>
  </si>
  <si>
    <t>20662</t>
  </si>
  <si>
    <t>11.414695739746094</t>
  </si>
  <si>
    <t>220.53961181640625</t>
  </si>
  <si>
    <t>0.1316663519164738</t>
  </si>
  <si>
    <t>11.419060707092285</t>
  </si>
  <si>
    <t>193.2481231689453</t>
  </si>
  <si>
    <t>0.16329058020327558</t>
  </si>
  <si>
    <t>12.223167419433594</t>
  </si>
  <si>
    <t>238.32223510742188</t>
  </si>
  <si>
    <t>0.016470672801791153</t>
  </si>
  <si>
    <t>24072</t>
  </si>
  <si>
    <t>12.285307884216309</t>
  </si>
  <si>
    <t>152.5027313232422</t>
  </si>
  <si>
    <t>-0.027008178104576785</t>
  </si>
  <si>
    <t>25368</t>
  </si>
  <si>
    <t>12.279743194580078</t>
  </si>
  <si>
    <t>247.2900848388672</t>
  </si>
  <si>
    <t>0.05243919790830276</t>
  </si>
  <si>
    <t>11.949307441711426</t>
  </si>
  <si>
    <t>208.5298309326172</t>
  </si>
  <si>
    <t>-0.023209559593365015</t>
  </si>
  <si>
    <t>19241</t>
  </si>
  <si>
    <t>3.8626673221588135</t>
  </si>
  <si>
    <t>730.5809326171875</t>
  </si>
  <si>
    <t>2319.09423828125</t>
  </si>
  <si>
    <t>Bashkortostan</t>
  </si>
  <si>
    <t>3.831493616104126</t>
  </si>
  <si>
    <t>454.815673828125</t>
  </si>
  <si>
    <t>-0.05573172100437951</t>
  </si>
  <si>
    <t>2.6351747512817383</t>
  </si>
  <si>
    <t>466.8866882324219</t>
  </si>
  <si>
    <t>-0.15898890289019363</t>
  </si>
  <si>
    <t>1.6857810020446777</t>
  </si>
  <si>
    <t>584.2172241210938</t>
  </si>
  <si>
    <t>-0.09119574134171593</t>
  </si>
  <si>
    <t>1.8242735862731934</t>
  </si>
  <si>
    <t>606.7561645507812</t>
  </si>
  <si>
    <t>-0.13504478644613904</t>
  </si>
  <si>
    <t>11858</t>
  </si>
  <si>
    <t>4.464832782745361</t>
  </si>
  <si>
    <t>454.35809326171875</t>
  </si>
  <si>
    <t>-0.04307952197127385</t>
  </si>
  <si>
    <t>11401</t>
  </si>
  <si>
    <t>2.1722075939178467</t>
  </si>
  <si>
    <t>403.57080078125</t>
  </si>
  <si>
    <t>-0.03930167443359345</t>
  </si>
  <si>
    <t>3.231520891189575</t>
  </si>
  <si>
    <t>607.2537841796875</t>
  </si>
  <si>
    <t>0.013070942454959322</t>
  </si>
  <si>
    <t>10930</t>
  </si>
  <si>
    <t>3.556117296218872</t>
  </si>
  <si>
    <t>556.6854248046875</t>
  </si>
  <si>
    <t>-0.05526071111809472</t>
  </si>
  <si>
    <t>3.7453975677490234</t>
  </si>
  <si>
    <t>585.2323608398438</t>
  </si>
  <si>
    <t>0.06259243844450779</t>
  </si>
  <si>
    <t>4.030078411102295</t>
  </si>
  <si>
    <t>596.2102661132812</t>
  </si>
  <si>
    <t>0.09705870493210966</t>
  </si>
  <si>
    <t>12455</t>
  </si>
  <si>
    <t>3.850728988647461</t>
  </si>
  <si>
    <t>578.3576049804688</t>
  </si>
  <si>
    <t>-0.02904029685092091</t>
  </si>
  <si>
    <t>3.3498380184173584</t>
  </si>
  <si>
    <t>609.9384155273438</t>
  </si>
  <si>
    <t>-0.02883405489822799</t>
  </si>
  <si>
    <t>13692</t>
  </si>
  <si>
    <t>3.3217833042144775</t>
  </si>
  <si>
    <t>434.314697265625</t>
  </si>
  <si>
    <t>0.12352362685202323</t>
  </si>
  <si>
    <t>4.253640651702881</t>
  </si>
  <si>
    <t>580.754150390625</t>
  </si>
  <si>
    <t>0.059266101190997844</t>
  </si>
  <si>
    <t>3.196849822998047</t>
  </si>
  <si>
    <t>410.1612854003906</t>
  </si>
  <si>
    <t>0.019562359166590326</t>
  </si>
  <si>
    <t>17105</t>
  </si>
  <si>
    <t>4.868407726287842</t>
  </si>
  <si>
    <t>624.1268310546875</t>
  </si>
  <si>
    <t>0.14373063740404035</t>
  </si>
  <si>
    <t>2.881878614425659</t>
  </si>
  <si>
    <t>523.4667358398438</t>
  </si>
  <si>
    <t>0.024143485296713507</t>
  </si>
  <si>
    <t>4.71485710144043</t>
  </si>
  <si>
    <t>518.8246459960938</t>
  </si>
  <si>
    <t>0.08925827538757325</t>
  </si>
  <si>
    <t>16257</t>
  </si>
  <si>
    <t>3.156113624572754</t>
  </si>
  <si>
    <t>454.9920654296875</t>
  </si>
  <si>
    <t>-0.1642489938617686</t>
  </si>
  <si>
    <t>4.478004455566406</t>
  </si>
  <si>
    <t>416.0764465332031</t>
  </si>
  <si>
    <t>0.038671686478567224</t>
  </si>
  <si>
    <t>2.6449451446533203</t>
  </si>
  <si>
    <t>509.36810302734375</t>
  </si>
  <si>
    <t>0.07180581286356613</t>
  </si>
  <si>
    <t>20990</t>
  </si>
  <si>
    <t>4.314060688018799</t>
  </si>
  <si>
    <t>494.8891296386719</t>
  </si>
  <si>
    <t>0.1450450492383215</t>
  </si>
  <si>
    <t>20002</t>
  </si>
  <si>
    <t>4.620627403259277</t>
  </si>
  <si>
    <t>556.6136474609375</t>
  </si>
  <si>
    <t>-0.04821386527821758</t>
  </si>
  <si>
    <t>19658</t>
  </si>
  <si>
    <t>3.3098223209381104</t>
  </si>
  <si>
    <t>502.1534729003906</t>
  </si>
  <si>
    <t>-0.017347888409885215</t>
  </si>
  <si>
    <t>18104</t>
  </si>
  <si>
    <t>4.177795886993408</t>
  </si>
  <si>
    <t>603.7880859375</t>
  </si>
  <si>
    <t>-0.08235147181320279</t>
  </si>
  <si>
    <t>17497</t>
  </si>
  <si>
    <t>4.3159894943237305</t>
  </si>
  <si>
    <t>524.3959350585938</t>
  </si>
  <si>
    <t>-0.03410347066875197</t>
  </si>
  <si>
    <t>3.7769267559051514</t>
  </si>
  <si>
    <t>542.7211303710938</t>
  </si>
  <si>
    <t>-0.01898225177414048</t>
  </si>
  <si>
    <t>3.220550775527954</t>
  </si>
  <si>
    <t>461.73760986328125</t>
  </si>
  <si>
    <t>0.0633619497054454</t>
  </si>
  <si>
    <t>4.810624599456787</t>
  </si>
  <si>
    <t>559.2059326171875</t>
  </si>
  <si>
    <t>0.014491827337199226</t>
  </si>
  <si>
    <t>4.927584171295166</t>
  </si>
  <si>
    <t>497.0550537109375</t>
  </si>
  <si>
    <t>-0.026979955523682264</t>
  </si>
  <si>
    <t>4.669336795806885</t>
  </si>
  <si>
    <t>421.58734130859375</t>
  </si>
  <si>
    <t>0.052463446516346934</t>
  </si>
  <si>
    <t>4.098700046539307</t>
  </si>
  <si>
    <t>536.5558471679688</t>
  </si>
  <si>
    <t>-0.02327663809066216</t>
  </si>
  <si>
    <t>15269</t>
  </si>
  <si>
    <t>7.979071140289307</t>
  </si>
  <si>
    <t>621.0933227539062</t>
  </si>
  <si>
    <t>807.8910522460938</t>
  </si>
  <si>
    <t>Belgorod</t>
  </si>
  <si>
    <t>14442</t>
  </si>
  <si>
    <t>7.347864627838135</t>
  </si>
  <si>
    <t>521.4757080078125</t>
  </si>
  <si>
    <t>-0.055684001172384257</t>
  </si>
  <si>
    <t>12318</t>
  </si>
  <si>
    <t>7.167794704437256</t>
  </si>
  <si>
    <t>535.0263061523438</t>
  </si>
  <si>
    <t>-0.15907902076413905</t>
  </si>
  <si>
    <t>11245</t>
  </si>
  <si>
    <t>6.389078617095947</t>
  </si>
  <si>
    <t>544.9617309570312</t>
  </si>
  <si>
    <t>-0.09113802185357223</t>
  </si>
  <si>
    <t>6.514705657958984</t>
  </si>
  <si>
    <t>524.2734375</t>
  </si>
  <si>
    <t>-0.1349934276559548</t>
  </si>
  <si>
    <t>9410</t>
  </si>
  <si>
    <t>7.418310165405273</t>
  </si>
  <si>
    <t>616.8278198242188</t>
  </si>
  <si>
    <t>-0.043157204158035256</t>
  </si>
  <si>
    <t>6.514711856842041</t>
  </si>
  <si>
    <t>521.9225463867188</t>
  </si>
  <si>
    <t>-0.03933974255368433</t>
  </si>
  <si>
    <t>6.589759349822998</t>
  </si>
  <si>
    <t>664.8317260742188</t>
  </si>
  <si>
    <t>0.01306777504332679</t>
  </si>
  <si>
    <t>7.0844855308532715</t>
  </si>
  <si>
    <t>602.772705078125</t>
  </si>
  <si>
    <t>-0.05528623438461189</t>
  </si>
  <si>
    <t>7.817102432250977</t>
  </si>
  <si>
    <t>477.6230773925781</t>
  </si>
  <si>
    <t>0.06267757238247817</t>
  </si>
  <si>
    <t>8.253844261169434</t>
  </si>
  <si>
    <t>536.7196655273438</t>
  </si>
  <si>
    <t>0.09704140724386079</t>
  </si>
  <si>
    <t>7.312965393066406</t>
  </si>
  <si>
    <t>623.4427490234375</t>
  </si>
  <si>
    <t>-0.0013768688249147232</t>
  </si>
  <si>
    <t>7.803557872772217</t>
  </si>
  <si>
    <t>568.113525390625</t>
  </si>
  <si>
    <t>0.07295443968470394</t>
  </si>
  <si>
    <t>11613</t>
  </si>
  <si>
    <t>6.9232025146484375</t>
  </si>
  <si>
    <t>584.6724243164062</t>
  </si>
  <si>
    <t>0.06061385807517361</t>
  </si>
  <si>
    <t>14450</t>
  </si>
  <si>
    <t>7.788244247436523</t>
  </si>
  <si>
    <t>675.0956420898438</t>
  </si>
  <si>
    <t>0.21856925429482033</t>
  </si>
  <si>
    <t>6.9659905433654785</t>
  </si>
  <si>
    <t>608.8920288085938</t>
  </si>
  <si>
    <t>0.04842760051081818</t>
  </si>
  <si>
    <t>7.912929534912109</t>
  </si>
  <si>
    <t>591.2731323242188</t>
  </si>
  <si>
    <t>0.06884780920882427</t>
  </si>
  <si>
    <t>18808</t>
  </si>
  <si>
    <t>8.035417556762695</t>
  </si>
  <si>
    <t>534.8256225585938</t>
  </si>
  <si>
    <t>0.14631248695968502</t>
  </si>
  <si>
    <t>21814</t>
  </si>
  <si>
    <t>8.421492576599121</t>
  </si>
  <si>
    <t>491.73687744140625</t>
  </si>
  <si>
    <t>0.14826965426878225</t>
  </si>
  <si>
    <t>7.462656021118164</t>
  </si>
  <si>
    <t>546.1293334960938</t>
  </si>
  <si>
    <t>-0.07207887363106202</t>
  </si>
  <si>
    <t>8.339917182922363</t>
  </si>
  <si>
    <t>582.982666015625</t>
  </si>
  <si>
    <t>0.14890747320683495</t>
  </si>
  <si>
    <t>25981</t>
  </si>
  <si>
    <t>7.593238353729248</t>
  </si>
  <si>
    <t>497.8909606933594</t>
  </si>
  <si>
    <t>0.09798493656639984</t>
  </si>
  <si>
    <t>7.836791515350342</t>
  </si>
  <si>
    <t>610.5819702148438</t>
  </si>
  <si>
    <t>0.012469561816603303</t>
  </si>
  <si>
    <t>8.26281452178955</t>
  </si>
  <si>
    <t>595.5917358398438</t>
  </si>
  <si>
    <t>-0.019925796016954322</t>
  </si>
  <si>
    <t>8.333977699279785</t>
  </si>
  <si>
    <t>458.5965270996094</t>
  </si>
  <si>
    <t>-0.012918513155002032</t>
  </si>
  <si>
    <t>25059</t>
  </si>
  <si>
    <t>8.538640022277832</t>
  </si>
  <si>
    <t>579.1392822265625</t>
  </si>
  <si>
    <t>-0.015757709851492052</t>
  </si>
  <si>
    <t>8.289621353149414</t>
  </si>
  <si>
    <t>682.3497314453125</t>
  </si>
  <si>
    <t>-0.002117248369071234</t>
  </si>
  <si>
    <t>8.442364692687988</t>
  </si>
  <si>
    <t>545.8668823242188</t>
  </si>
  <si>
    <t>0.012044267628612104</t>
  </si>
  <si>
    <t>25114</t>
  </si>
  <si>
    <t>7.813222885131836</t>
  </si>
  <si>
    <t>537.0562744140625</t>
  </si>
  <si>
    <t>-0.007734604134647327</t>
  </si>
  <si>
    <t>9.500347137451172</t>
  </si>
  <si>
    <t>456.3891906738281</t>
  </si>
  <si>
    <t>0.019284072552824938</t>
  </si>
  <si>
    <t>9.100266456604004</t>
  </si>
  <si>
    <t>520.4524536132812</t>
  </si>
  <si>
    <t>-0.026958584598920865</t>
  </si>
  <si>
    <t>7.937016010284424</t>
  </si>
  <si>
    <t>560.224853515625</t>
  </si>
  <si>
    <t>0.052448232678614204</t>
  </si>
  <si>
    <t>8.41898250579834</t>
  </si>
  <si>
    <t>697.5040283203125</t>
  </si>
  <si>
    <t>-0.02326582101180108</t>
  </si>
  <si>
    <t>6.843357086181641</t>
  </si>
  <si>
    <t>676.1141967773438</t>
  </si>
  <si>
    <t>787.8138427734375</t>
  </si>
  <si>
    <t>Bryansk</t>
  </si>
  <si>
    <t>8991</t>
  </si>
  <si>
    <t>6.383416652679443</t>
  </si>
  <si>
    <t>614.2088012695312</t>
  </si>
  <si>
    <t>-0.05569910118918209</t>
  </si>
  <si>
    <t>6.415887355804443</t>
  </si>
  <si>
    <t>521.834228515625</t>
  </si>
  <si>
    <t>-0.1590378482199135</t>
  </si>
  <si>
    <t>5.553905963897705</t>
  </si>
  <si>
    <t>607.5125732421875</t>
  </si>
  <si>
    <t>-0.09113323278766217</t>
  </si>
  <si>
    <t>5.5660786628723145</t>
  </si>
  <si>
    <t>524.5579833984375</t>
  </si>
  <si>
    <t>-0.13498121573463173</t>
  </si>
  <si>
    <t>6.0839972496032715</t>
  </si>
  <si>
    <t>583.56884765625</t>
  </si>
  <si>
    <t>-0.04326353185488685</t>
  </si>
  <si>
    <t>5.33489990234375</t>
  </si>
  <si>
    <t>519.650146484375</t>
  </si>
  <si>
    <t>-0.039166088492965656</t>
  </si>
  <si>
    <t>5.881777286529541</t>
  </si>
  <si>
    <t>632.5203247070312</t>
  </si>
  <si>
    <t>0.013051331641994679</t>
  </si>
  <si>
    <t>5.623926162719727</t>
  </si>
  <si>
    <t>769.3724365234375</t>
  </si>
  <si>
    <t>-0.055294537984341474</t>
  </si>
  <si>
    <t>6.871614933013916</t>
  </si>
  <si>
    <t>590.6224975585938</t>
  </si>
  <si>
    <t>0.06262697307092502</t>
  </si>
  <si>
    <t>7.254323959350586</t>
  </si>
  <si>
    <t>629.7654418945312</t>
  </si>
  <si>
    <t>0.09706388713194869</t>
  </si>
  <si>
    <t>6.22240686416626</t>
  </si>
  <si>
    <t>606.5485229492188</t>
  </si>
  <si>
    <t>0.040828308628181986</t>
  </si>
  <si>
    <t>6.563814163208008</t>
  </si>
  <si>
    <t>493.18658447265625</t>
  </si>
  <si>
    <t>0.0794946889805459</t>
  </si>
  <si>
    <t>5.947057247161865</t>
  </si>
  <si>
    <t>627.024658203125</t>
  </si>
  <si>
    <t>0.032496319406083884</t>
  </si>
  <si>
    <t>6.603634357452393</t>
  </si>
  <si>
    <t>597.9615478515625</t>
  </si>
  <si>
    <t>-0.023856354845610994</t>
  </si>
  <si>
    <t>5.740720748901367</t>
  </si>
  <si>
    <t>536.3448486328125</t>
  </si>
  <si>
    <t>0.09130352618887727</t>
  </si>
  <si>
    <t>6.754085540771484</t>
  </si>
  <si>
    <t>673.1152954101562</t>
  </si>
  <si>
    <t>0.07934103532572045</t>
  </si>
  <si>
    <t>6.84935188293457</t>
  </si>
  <si>
    <t>533.1951293945312</t>
  </si>
  <si>
    <t>0.10063481398634622</t>
  </si>
  <si>
    <t>7.358274936676025</t>
  </si>
  <si>
    <t>597.7875366210938</t>
  </si>
  <si>
    <t>0.06956395561046946</t>
  </si>
  <si>
    <t>9994</t>
  </si>
  <si>
    <t>5.916402816772461</t>
  </si>
  <si>
    <t>632.873291015625</t>
  </si>
  <si>
    <t>-0.013911194131704718</t>
  </si>
  <si>
    <t>6.9999003410339355</t>
  </si>
  <si>
    <t>582.742431640625</t>
  </si>
  <si>
    <t>0.0396285670395109</t>
  </si>
  <si>
    <t>6.686811447143555</t>
  </si>
  <si>
    <t>565.0380859375</t>
  </si>
  <si>
    <t>0.03496529294084816</t>
  </si>
  <si>
    <t>6.079416751861572</t>
  </si>
  <si>
    <t>683.0740356445312</t>
  </si>
  <si>
    <t>0.12657701055349158</t>
  </si>
  <si>
    <t>7.011074542999268</t>
  </si>
  <si>
    <t>627.9854125976562</t>
  </si>
  <si>
    <t>0.005955555028954507</t>
  </si>
  <si>
    <t>7.450660228729248</t>
  </si>
  <si>
    <t>463.7627258300781</t>
  </si>
  <si>
    <t>0.013010810229326708</t>
  </si>
  <si>
    <t>12377</t>
  </si>
  <si>
    <t>7.343061923980713</t>
  </si>
  <si>
    <t>502.6871337890625</t>
  </si>
  <si>
    <t>-0.00628223715625964</t>
  </si>
  <si>
    <t>7.155275344848633</t>
  </si>
  <si>
    <t>679.8157348632812</t>
  </si>
  <si>
    <t>-0.011866199052658288</t>
  </si>
  <si>
    <t>7.100703716278076</t>
  </si>
  <si>
    <t>651.6284790039062</t>
  </si>
  <si>
    <t>0.033604448160177824</t>
  </si>
  <si>
    <t>12993</t>
  </si>
  <si>
    <t>6.71831750869751</t>
  </si>
  <si>
    <t>536.4500732421875</t>
  </si>
  <si>
    <t>0.026832590235194687</t>
  </si>
  <si>
    <t>8.373217582702637</t>
  </si>
  <si>
    <t>489.2708435058594</t>
  </si>
  <si>
    <t>0.05917029357516057</t>
  </si>
  <si>
    <t>7.814371109008789</t>
  </si>
  <si>
    <t>618.4421997070312</t>
  </si>
  <si>
    <t>-0.026983955335063925</t>
  </si>
  <si>
    <t>6.643093585968018</t>
  </si>
  <si>
    <t>643.1088256835938</t>
  </si>
  <si>
    <t>0.05248129018494474</t>
  </si>
  <si>
    <t>13816</t>
  </si>
  <si>
    <t>7.184734344482422</t>
  </si>
  <si>
    <t>698.427001953125</t>
  </si>
  <si>
    <t>-0.023251038481262754</t>
  </si>
  <si>
    <t>-0.8099222183227539</t>
  </si>
  <si>
    <t>522.5140380859375</t>
  </si>
  <si>
    <t>557.1974487304688</t>
  </si>
  <si>
    <t>Buryat</t>
  </si>
  <si>
    <t>-1.844082236289978</t>
  </si>
  <si>
    <t>536.5108032226562</t>
  </si>
  <si>
    <t>-0.05565483819433936</t>
  </si>
  <si>
    <t>-1.7633377313613892</t>
  </si>
  <si>
    <t>446.40863037109375</t>
  </si>
  <si>
    <t>-0.15898414515832648</t>
  </si>
  <si>
    <t>-1.2480690479278564</t>
  </si>
  <si>
    <t>444.506103515625</t>
  </si>
  <si>
    <t>-0.09125269681140935</t>
  </si>
  <si>
    <t>-1.3318644762039185</t>
  </si>
  <si>
    <t>537.6892700195312</t>
  </si>
  <si>
    <t>-0.13495008997064062</t>
  </si>
  <si>
    <t>-1.0772348642349243</t>
  </si>
  <si>
    <t>432.14776611328125</t>
  </si>
  <si>
    <t>-0.04317994045447193</t>
  </si>
  <si>
    <t>-2.5473716259002686</t>
  </si>
  <si>
    <t>427.6466369628906</t>
  </si>
  <si>
    <t>-0.03923174465373158</t>
  </si>
  <si>
    <t>-1.6085200309753418</t>
  </si>
  <si>
    <t>434.4885559082031</t>
  </si>
  <si>
    <t>0.012965915062785882</t>
  </si>
  <si>
    <t>6684</t>
  </si>
  <si>
    <t>-1.189731478691101</t>
  </si>
  <si>
    <t>517.3560180664062</t>
  </si>
  <si>
    <t>-0.05529485256851174</t>
  </si>
  <si>
    <t>7117</t>
  </si>
  <si>
    <t>-2.2359700202941895</t>
  </si>
  <si>
    <t>400.3428955078125</t>
  </si>
  <si>
    <t>0.06276967758398655</t>
  </si>
  <si>
    <t>-2.6210155487060547</t>
  </si>
  <si>
    <t>541.6223754882812</t>
  </si>
  <si>
    <t>0.09700761555300552</t>
  </si>
  <si>
    <t>-0.8852924704551697</t>
  </si>
  <si>
    <t>499.8107604980469</t>
  </si>
  <si>
    <t>0.17030541939825383</t>
  </si>
  <si>
    <t>-1.1676965951919556</t>
  </si>
  <si>
    <t>414.2617492675781</t>
  </si>
  <si>
    <t>0.09141123384881844</t>
  </si>
  <si>
    <t>12353</t>
  </si>
  <si>
    <t>-1.3044588565826416</t>
  </si>
  <si>
    <t>444.213134765625</t>
  </si>
  <si>
    <t>0.19268839143746597</t>
  </si>
  <si>
    <t>-1.4473055601119995</t>
  </si>
  <si>
    <t>482.1658020019531</t>
  </si>
  <si>
    <t>0.01614039134066303</t>
  </si>
  <si>
    <t>-2.262838125228882</t>
  </si>
  <si>
    <t>474.6336364746094</t>
  </si>
  <si>
    <t>-0.026392718733287523</t>
  </si>
  <si>
    <t>13053</t>
  </si>
  <si>
    <t>-2.019437074661255</t>
  </si>
  <si>
    <t>421.7698974609375</t>
  </si>
  <si>
    <t>0.06537137124460024</t>
  </si>
  <si>
    <t>-0.5356292128562927</t>
  </si>
  <si>
    <t>454.0955505371094</t>
  </si>
  <si>
    <t>0.02668437552911307</t>
  </si>
  <si>
    <t>13508</t>
  </si>
  <si>
    <t>-0.8175998330116272</t>
  </si>
  <si>
    <t>540.76806640625</t>
  </si>
  <si>
    <t>0.007579734587555009</t>
  </si>
  <si>
    <t>-2.9584195613861084</t>
  </si>
  <si>
    <t>501.2351989746094</t>
  </si>
  <si>
    <t>-0.05657505182987421</t>
  </si>
  <si>
    <t>12463</t>
  </si>
  <si>
    <t>-3.263585090637207</t>
  </si>
  <si>
    <t>444.334228515625</t>
  </si>
  <si>
    <t>-0.023942795849206888</t>
  </si>
  <si>
    <t>-1.3970333337783813</t>
  </si>
  <si>
    <t>413.30316162109375</t>
  </si>
  <si>
    <t>-0.004019944310428514</t>
  </si>
  <si>
    <t>-2.847216844558716</t>
  </si>
  <si>
    <t>501.89434814453125</t>
  </si>
  <si>
    <t>0.013363940738482682</t>
  </si>
  <si>
    <t>12711</t>
  </si>
  <si>
    <t>-1.4778746366500854</t>
  </si>
  <si>
    <t>494.6390686035156</t>
  </si>
  <si>
    <t>0.010359509040236858</t>
  </si>
  <si>
    <t>-0.7099738717079163</t>
  </si>
  <si>
    <t>412.6960144042969</t>
  </si>
  <si>
    <t>-0.046456330792425504</t>
  </si>
  <si>
    <t>-1.0714248418807983</t>
  </si>
  <si>
    <t>397.0357666015625</t>
  </si>
  <si>
    <t>-0.04655926071650818</t>
  </si>
  <si>
    <t>-1.4051403999328613</t>
  </si>
  <si>
    <t>469.6393737792969</t>
  </si>
  <si>
    <t>-0.07650181314898852</t>
  </si>
  <si>
    <t>-0.7404143810272217</t>
  </si>
  <si>
    <t>449.3062438964844</t>
  </si>
  <si>
    <t>-0.04723484527170818</t>
  </si>
  <si>
    <t>11213</t>
  </si>
  <si>
    <t>-0.9103423953056335</t>
  </si>
  <si>
    <t>489.11767578125</t>
  </si>
  <si>
    <t>0.09135830909584364</t>
  </si>
  <si>
    <t>-0.8170875906944275</t>
  </si>
  <si>
    <t>442.4034729003906</t>
  </si>
  <si>
    <t>0.0709944936468343</t>
  </si>
  <si>
    <t>-0.34225428104400635</t>
  </si>
  <si>
    <t>557.6998901367188</t>
  </si>
  <si>
    <t>-0.02702753443955963</t>
  </si>
  <si>
    <t>-0.858237087726593</t>
  </si>
  <si>
    <t>546.0751342773438</t>
  </si>
  <si>
    <t>0.052453327953893236</t>
  </si>
  <si>
    <t>-1.383791446685791</t>
  </si>
  <si>
    <t>471.6080627441406</t>
  </si>
  <si>
    <t>-0.02326829537431152</t>
  </si>
  <si>
    <t>10.938209533691406</t>
  </si>
  <si>
    <t>669.8495483398438</t>
  </si>
  <si>
    <t>427.93157958984375</t>
  </si>
  <si>
    <t>Chechnya</t>
  </si>
  <si>
    <t>10.604348182678223</t>
  </si>
  <si>
    <t>467.7817077636719</t>
  </si>
  <si>
    <t>-0.05579527869959655</t>
  </si>
  <si>
    <t>9.845293998718262</t>
  </si>
  <si>
    <t>724.99853515625</t>
  </si>
  <si>
    <t>-0.15913442963668878</t>
  </si>
  <si>
    <t>9.428084373474121</t>
  </si>
  <si>
    <t>566.69140625</t>
  </si>
  <si>
    <t>-0.0911693871382937</t>
  </si>
  <si>
    <t>9.678712844848633</t>
  </si>
  <si>
    <t>463.4300537109375</t>
  </si>
  <si>
    <t>-0.13501672524071395</t>
  </si>
  <si>
    <t>11.328789710998535</t>
  </si>
  <si>
    <t>558.2664794921875</t>
  </si>
  <si>
    <t>-0.04289896722777353</t>
  </si>
  <si>
    <t>10.451212882995605</t>
  </si>
  <si>
    <t>523.191650390625</t>
  </si>
  <si>
    <t>-0.03956212131004477</t>
  </si>
  <si>
    <t>2511</t>
  </si>
  <si>
    <t>10.365691184997559</t>
  </si>
  <si>
    <t>611.1832275390625</t>
  </si>
  <si>
    <t>0.013229296968497728</t>
  </si>
  <si>
    <t>11.177294731140137</t>
  </si>
  <si>
    <t>489.7889099121094</t>
  </si>
  <si>
    <t>-0.055262678675049415</t>
  </si>
  <si>
    <t>11.456669807434082</t>
  </si>
  <si>
    <t>535.4530639648438</t>
  </si>
  <si>
    <t>0.06280090123903026</t>
  </si>
  <si>
    <t>11.287403106689453</t>
  </si>
  <si>
    <t>419.9618835449219</t>
  </si>
  <si>
    <t>0.09674644576038194</t>
  </si>
  <si>
    <t>2820</t>
  </si>
  <si>
    <t>11.345283508300781</t>
  </si>
  <si>
    <t>545.6043701171875</t>
  </si>
  <si>
    <t>0.011771136450210662</t>
  </si>
  <si>
    <t>11.038804054260254</t>
  </si>
  <si>
    <t>679.1167602539062</t>
  </si>
  <si>
    <t>-0.17977161916068152</t>
  </si>
  <si>
    <t>10.481698036193848</t>
  </si>
  <si>
    <t>549.86669921875</t>
  </si>
  <si>
    <t>0.15245144407429834</t>
  </si>
  <si>
    <t>11.673927307128906</t>
  </si>
  <si>
    <t>710.4945678710938</t>
  </si>
  <si>
    <t>10.954546928405762</t>
  </si>
  <si>
    <t>648.1444091796875</t>
  </si>
  <si>
    <t>0.028486483723300537</t>
  </si>
  <si>
    <t>11.826493263244629</t>
  </si>
  <si>
    <t>530.7554931640625</t>
  </si>
  <si>
    <t>0.18814238656971582</t>
  </si>
  <si>
    <t>10.946385383605957</t>
  </si>
  <si>
    <t>539.8671264648438</t>
  </si>
  <si>
    <t>0.24461081821624653</t>
  </si>
  <si>
    <t>11.218514442443848</t>
  </si>
  <si>
    <t>554.4561767578125</t>
  </si>
  <si>
    <t>0.15867326394555725</t>
  </si>
  <si>
    <t>11.173977851867676</t>
  </si>
  <si>
    <t>704.6693725585938</t>
  </si>
  <si>
    <t>-0.07713572888222764</t>
  </si>
  <si>
    <t>12.384024620056152</t>
  </si>
  <si>
    <t>597.3190307617188</t>
  </si>
  <si>
    <t>-0.043577359380984504</t>
  </si>
  <si>
    <t>5276</t>
  </si>
  <si>
    <t>10.425810813903809</t>
  </si>
  <si>
    <t>619.4927368164062</t>
  </si>
  <si>
    <t>0.03903877367797648</t>
  </si>
  <si>
    <t>5778</t>
  </si>
  <si>
    <t>11.581840515136719</t>
  </si>
  <si>
    <t>538.1343383789062</t>
  </si>
  <si>
    <t>0.09088936718897678</t>
  </si>
  <si>
    <t>11.755992889404297</t>
  </si>
  <si>
    <t>607.2360229492188</t>
  </si>
  <si>
    <t>0.10333354061284084</t>
  </si>
  <si>
    <t>11.385135650634766</t>
  </si>
  <si>
    <t>558.0836791992188</t>
  </si>
  <si>
    <t>0.08336287924905683</t>
  </si>
  <si>
    <t>11.808624267578125</t>
  </si>
  <si>
    <t>559.2279663085938</t>
  </si>
  <si>
    <t>-0.10753276287029223</t>
  </si>
  <si>
    <t>11.520968437194824</t>
  </si>
  <si>
    <t>629.1435546875</t>
  </si>
  <si>
    <t>0.025885283652016255</t>
  </si>
  <si>
    <t>11.62221908569336</t>
  </si>
  <si>
    <t>549.2466430664062</t>
  </si>
  <si>
    <t>-0.023170711126782706</t>
  </si>
  <si>
    <t>11.961593627929688</t>
  </si>
  <si>
    <t>495.1632385253906</t>
  </si>
  <si>
    <t>0.05113381747149681</t>
  </si>
  <si>
    <t>6827</t>
  </si>
  <si>
    <t>12.20240306854248</t>
  </si>
  <si>
    <t>470.7601623535156</t>
  </si>
  <si>
    <t>0.033815689403763116</t>
  </si>
  <si>
    <t>12.164589881896973</t>
  </si>
  <si>
    <t>553.1742553710938</t>
  </si>
  <si>
    <t>-0.027020646270933923</t>
  </si>
  <si>
    <t>12.229825019836426</t>
  </si>
  <si>
    <t>575.0699462890625</t>
  </si>
  <si>
    <t>0.05247393650817145</t>
  </si>
  <si>
    <t>12.134536743164062</t>
  </si>
  <si>
    <t>550.8973388671875</t>
  </si>
  <si>
    <t>-0.023258542117968517</t>
  </si>
  <si>
    <t>3.5161335468292236</t>
  </si>
  <si>
    <t>630.2412109375</t>
  </si>
  <si>
    <t>2140.968017578125</t>
  </si>
  <si>
    <t>Chelyabinsk</t>
  </si>
  <si>
    <t>17046</t>
  </si>
  <si>
    <t>3.4976463317871094</t>
  </si>
  <si>
    <t>426.3849792480469</t>
  </si>
  <si>
    <t>-0.055677661712739024</t>
  </si>
  <si>
    <t>2.2212767601013184</t>
  </si>
  <si>
    <t>468.527099609375</t>
  </si>
  <si>
    <t>-0.1590120999947331</t>
  </si>
  <si>
    <t>13273</t>
  </si>
  <si>
    <t>1.3366988897323608</t>
  </si>
  <si>
    <t>618.0018920898438</t>
  </si>
  <si>
    <t>-0.09117157546130805</t>
  </si>
  <si>
    <t>1.6015839576721191</t>
  </si>
  <si>
    <t>547.9599609375</t>
  </si>
  <si>
    <t>-0.13507168558465565</t>
  </si>
  <si>
    <t>4.145491123199463</t>
  </si>
  <si>
    <t>405.55767822265625</t>
  </si>
  <si>
    <t>-0.04308467087442658</t>
  </si>
  <si>
    <t>10679</t>
  </si>
  <si>
    <t>1.6732087135314941</t>
  </si>
  <si>
    <t>401.63555908203125</t>
  </si>
  <si>
    <t>-0.03929634399557358</t>
  </si>
  <si>
    <t>2.9278039932250977</t>
  </si>
  <si>
    <t>567.0938110351562</t>
  </si>
  <si>
    <t>0.013024651516028385</t>
  </si>
  <si>
    <t>10237</t>
  </si>
  <si>
    <t>3.0676639080047607</t>
  </si>
  <si>
    <t>518.0023193359375</t>
  </si>
  <si>
    <t>-0.05529523976780304</t>
  </si>
  <si>
    <t>3.184720277786255</t>
  </si>
  <si>
    <t>527.5090942382812</t>
  </si>
  <si>
    <t>0.06266243396954074</t>
  </si>
  <si>
    <t>12010</t>
  </si>
  <si>
    <t>3.4414825439453125</t>
  </si>
  <si>
    <t>563.610595703125</t>
  </si>
  <si>
    <t>0.09706859418471758</t>
  </si>
  <si>
    <t>12028</t>
  </si>
  <si>
    <t>3.407430410385132</t>
  </si>
  <si>
    <t>533.0865478515625</t>
  </si>
  <si>
    <t>0.001497629034389547</t>
  </si>
  <si>
    <t>2.9517691135406494</t>
  </si>
  <si>
    <t>541.028564453125</t>
  </si>
  <si>
    <t>0.04923347571387637</t>
  </si>
  <si>
    <t>14194</t>
  </si>
  <si>
    <t>3.1455869674682617</t>
  </si>
  <si>
    <t>449.6075744628906</t>
  </si>
  <si>
    <t>0.11634859926263275</t>
  </si>
  <si>
    <t>15647</t>
  </si>
  <si>
    <t>3.663327217102051</t>
  </si>
  <si>
    <t>522.7315063476562</t>
  </si>
  <si>
    <t>0.0974598652171288</t>
  </si>
  <si>
    <t>15682</t>
  </si>
  <si>
    <t>2.8428916931152344</t>
  </si>
  <si>
    <t>430.7548522949219</t>
  </si>
  <si>
    <t>0.0022343524888110977</t>
  </si>
  <si>
    <t>4.299540996551514</t>
  </si>
  <si>
    <t>568.2283325195312</t>
  </si>
  <si>
    <t>0.11065828016077894</t>
  </si>
  <si>
    <t>2.556720495223999</t>
  </si>
  <si>
    <t>493.1082458496094</t>
  </si>
  <si>
    <t>0.1245282638872176</t>
  </si>
  <si>
    <t>4.329123020172119</t>
  </si>
  <si>
    <t>486.90863037109375</t>
  </si>
  <si>
    <t>0.004626378562431199</t>
  </si>
  <si>
    <t>16305</t>
  </si>
  <si>
    <t>2.4343011379241943</t>
  </si>
  <si>
    <t>466.1841735839844</t>
  </si>
  <si>
    <t>-0.2008546711778756</t>
  </si>
  <si>
    <t>17002</t>
  </si>
  <si>
    <t>3.619985580444336</t>
  </si>
  <si>
    <t>350.35687255859375</t>
  </si>
  <si>
    <t>0.041859174953884803</t>
  </si>
  <si>
    <t>17477</t>
  </si>
  <si>
    <t>2.316588878631592</t>
  </si>
  <si>
    <t>519.0734252929688</t>
  </si>
  <si>
    <t>0.027554746589055767</t>
  </si>
  <si>
    <t>17936</t>
  </si>
  <si>
    <t>3.6987454891204834</t>
  </si>
  <si>
    <t>426.4249572753906</t>
  </si>
  <si>
    <t>0.02592413554557993</t>
  </si>
  <si>
    <t>17686</t>
  </si>
  <si>
    <t>3.9816277027130127</t>
  </si>
  <si>
    <t>481.2123718261719</t>
  </si>
  <si>
    <t>-0.014036500176260347</t>
  </si>
  <si>
    <t>2.758683919906616</t>
  </si>
  <si>
    <t>512.7537841796875</t>
  </si>
  <si>
    <t>0.021369051638814085</t>
  </si>
  <si>
    <t>19348</t>
  </si>
  <si>
    <t>3.6230790615081787</t>
  </si>
  <si>
    <t>585.3235473632812</t>
  </si>
  <si>
    <t>0.06844663716838006</t>
  </si>
  <si>
    <t>3.7962167263031006</t>
  </si>
  <si>
    <t>507.2045593261719</t>
  </si>
  <si>
    <t>-0.0015517512036336</t>
  </si>
  <si>
    <t>3.3396618366241455</t>
  </si>
  <si>
    <t>499.90447998046875</t>
  </si>
  <si>
    <t>-0.0025397168133380887</t>
  </si>
  <si>
    <t>2.670808792114258</t>
  </si>
  <si>
    <t>446.4323425292969</t>
  </si>
  <si>
    <t>-0.033831761823634565</t>
  </si>
  <si>
    <t>4.257307529449463</t>
  </si>
  <si>
    <t>509.1151428222656</t>
  </si>
  <si>
    <t>-0.008788776815604749</t>
  </si>
  <si>
    <t>4.561091423034668</t>
  </si>
  <si>
    <t>489.035888671875</t>
  </si>
  <si>
    <t>-0.027006416534629096</t>
  </si>
  <si>
    <t>4.016172885894775</t>
  </si>
  <si>
    <t>356.8960266113281</t>
  </si>
  <si>
    <t>0.052458252904706626</t>
  </si>
  <si>
    <t>18506</t>
  </si>
  <si>
    <t>3.6739189624786377</t>
  </si>
  <si>
    <t>432.8947448730469</t>
  </si>
  <si>
    <t>-0.023233880847765676</t>
  </si>
  <si>
    <t>-10.05622386932373</t>
  </si>
  <si>
    <t>383.5762023925781</t>
  </si>
  <si>
    <t>42.0471076965332</t>
  </si>
  <si>
    <t>Chukot</t>
  </si>
  <si>
    <t>-9.017722129821777</t>
  </si>
  <si>
    <t>225.71302795410156</t>
  </si>
  <si>
    <t>-0.05570149980853678</t>
  </si>
  <si>
    <t>-10.953734397888184</t>
  </si>
  <si>
    <t>322.0067443847656</t>
  </si>
  <si>
    <t>-0.15901915984641768</t>
  </si>
  <si>
    <t>-10.513418197631836</t>
  </si>
  <si>
    <t>272.3472900390625</t>
  </si>
  <si>
    <t>-0.091176580576251</t>
  </si>
  <si>
    <t>-11.129292488098145</t>
  </si>
  <si>
    <t>290.4855651855469</t>
  </si>
  <si>
    <t>-0.13500767804196911</t>
  </si>
  <si>
    <t>-8.13349723815918</t>
  </si>
  <si>
    <t>282.9974670410156</t>
  </si>
  <si>
    <t>-0.043146798624841054</t>
  </si>
  <si>
    <t>21349</t>
  </si>
  <si>
    <t>-8.814789772033691</t>
  </si>
  <si>
    <t>378.89111328125</t>
  </si>
  <si>
    <t>-0.03926755265772819</t>
  </si>
  <si>
    <t>-9.328263282775879</t>
  </si>
  <si>
    <t>371.8088684082031</t>
  </si>
  <si>
    <t>0.013076339794780623</t>
  </si>
  <si>
    <t>20466</t>
  </si>
  <si>
    <t>-10.661808013916016</t>
  </si>
  <si>
    <t>388.3927001953125</t>
  </si>
  <si>
    <t>-0.055316267300405286</t>
  </si>
  <si>
    <t>-11.870223999023438</t>
  </si>
  <si>
    <t>279.6983947753906</t>
  </si>
  <si>
    <t>0.06264028262757826</t>
  </si>
  <si>
    <t>-9.414175033569336</t>
  </si>
  <si>
    <t>302.9831848144531</t>
  </si>
  <si>
    <t>0.09702350476087851</t>
  </si>
  <si>
    <t>-9.97643756866455</t>
  </si>
  <si>
    <t>336.7142333984375</t>
  </si>
  <si>
    <t>0.4526361826831007</t>
  </si>
  <si>
    <t>49536</t>
  </si>
  <si>
    <t>-8.330023765563965</t>
  </si>
  <si>
    <t>257.9979248046875</t>
  </si>
  <si>
    <t>0.27163473523114234</t>
  </si>
  <si>
    <t>-8.229445457458496</t>
  </si>
  <si>
    <t>265.25799560546875</t>
  </si>
  <si>
    <t>0.1809040743887742</t>
  </si>
  <si>
    <t>-8.940180778503418</t>
  </si>
  <si>
    <t>337.10595703125</t>
  </si>
  <si>
    <t>-0.26547393114482354</t>
  </si>
  <si>
    <t>37502</t>
  </si>
  <si>
    <t>-9.992884635925293</t>
  </si>
  <si>
    <t>302.8275146484375</t>
  </si>
  <si>
    <t>-0.193735556323686</t>
  </si>
  <si>
    <t>40565</t>
  </si>
  <si>
    <t>-9.51413345336914</t>
  </si>
  <si>
    <t>352.2475280761719</t>
  </si>
  <si>
    <t>0.07851136095950118</t>
  </si>
  <si>
    <t>47783</t>
  </si>
  <si>
    <t>-7.417526721954346</t>
  </si>
  <si>
    <t>248.42193603515625</t>
  </si>
  <si>
    <t>0.16376430185687774</t>
  </si>
  <si>
    <t>60906</t>
  </si>
  <si>
    <t>-9.769021987915039</t>
  </si>
  <si>
    <t>234.0029296875</t>
  </si>
  <si>
    <t>0.24266176432644215</t>
  </si>
  <si>
    <t>88959</t>
  </si>
  <si>
    <t>-9.300887107849121</t>
  </si>
  <si>
    <t>349.1014709472656</t>
  </si>
  <si>
    <t>0.37884389740154845</t>
  </si>
  <si>
    <t>69567</t>
  </si>
  <si>
    <t>-8.162349700927734</t>
  </si>
  <si>
    <t>335.177490234375</t>
  </si>
  <si>
    <t>-0.24588527246148928</t>
  </si>
  <si>
    <t>69332</t>
  </si>
  <si>
    <t>-9.227408409118652</t>
  </si>
  <si>
    <t>330.1789245605469</t>
  </si>
  <si>
    <t>-0.0033837568913437366</t>
  </si>
  <si>
    <t>66543</t>
  </si>
  <si>
    <t>-9.471344947814941</t>
  </si>
  <si>
    <t>318.0327453613281</t>
  </si>
  <si>
    <t>-0.041058204842302715</t>
  </si>
  <si>
    <t>61350</t>
  </si>
  <si>
    <t>-8.859463691711426</t>
  </si>
  <si>
    <t>371.89349365234375</t>
  </si>
  <si>
    <t>-0.08125318407984139</t>
  </si>
  <si>
    <t>72560</t>
  </si>
  <si>
    <t>-6.841522693634033</t>
  </si>
  <si>
    <t>343.4187927246094</t>
  </si>
  <si>
    <t>0.1678186346499615</t>
  </si>
  <si>
    <t>68643</t>
  </si>
  <si>
    <t>-8.828276634216309</t>
  </si>
  <si>
    <t>328.6623840332031</t>
  </si>
  <si>
    <t>-0.05549464528855985</t>
  </si>
  <si>
    <t>72070</t>
  </si>
  <si>
    <t>-6.800236225128174</t>
  </si>
  <si>
    <t>345.2525329589844</t>
  </si>
  <si>
    <t>0.048718708418029166</t>
  </si>
  <si>
    <t>69264</t>
  </si>
  <si>
    <t>-6.531012058258057</t>
  </si>
  <si>
    <t>404.9122009277344</t>
  </si>
  <si>
    <t>-0.039712578236725804</t>
  </si>
  <si>
    <t>71887</t>
  </si>
  <si>
    <t>-7.6310858726501465</t>
  </si>
  <si>
    <t>313.0952453613281</t>
  </si>
  <si>
    <t>0.03717015100393972</t>
  </si>
  <si>
    <t>78725</t>
  </si>
  <si>
    <t>-6.799025058746338</t>
  </si>
  <si>
    <t>363.33319091796875</t>
  </si>
  <si>
    <t>0.09086532528352365</t>
  </si>
  <si>
    <t>76628</t>
  </si>
  <si>
    <t>-7.792931079864502</t>
  </si>
  <si>
    <t>309.7825622558594</t>
  </si>
  <si>
    <t>-0.02699822178423439</t>
  </si>
  <si>
    <t>80755</t>
  </si>
  <si>
    <t>-9.809228897094727</t>
  </si>
  <si>
    <t>360.3664245605469</t>
  </si>
  <si>
    <t>0.05245733448762202</t>
  </si>
  <si>
    <t>78899</t>
  </si>
  <si>
    <t>-7.869989395141602</t>
  </si>
  <si>
    <t>357.07373046875</t>
  </si>
  <si>
    <t>-0.023251326190194987</t>
  </si>
  <si>
    <t>4.932032108306885</t>
  </si>
  <si>
    <t>660.3056640625</t>
  </si>
  <si>
    <t>810.6046752929688</t>
  </si>
  <si>
    <t>Chuvash</t>
  </si>
  <si>
    <t>4.9604363441467285</t>
  </si>
  <si>
    <t>559.2817993164062</t>
  </si>
  <si>
    <t>-0.05570011530342356</t>
  </si>
  <si>
    <t>4.320486545562744</t>
  </si>
  <si>
    <t>493.569091796875</t>
  </si>
  <si>
    <t>-0.1590762907372607</t>
  </si>
  <si>
    <t>6946</t>
  </si>
  <si>
    <t>3.329622507095337</t>
  </si>
  <si>
    <t>543.093505859375</t>
  </si>
  <si>
    <t>-0.09116580287250464</t>
  </si>
  <si>
    <t>3.2346127033233643</t>
  </si>
  <si>
    <t>552.116455078125</t>
  </si>
  <si>
    <t>-0.13497210746816357</t>
  </si>
  <si>
    <t>5.5358757972717285</t>
  </si>
  <si>
    <t>483.1773376464844</t>
  </si>
  <si>
    <t>-0.04309705813450471</t>
  </si>
  <si>
    <t>3.6607558727264404</t>
  </si>
  <si>
    <t>385.1614685058594</t>
  </si>
  <si>
    <t>-0.039296408431651386</t>
  </si>
  <si>
    <t>5662</t>
  </si>
  <si>
    <t>4.132726192474365</t>
  </si>
  <si>
    <t>618.6473388671875</t>
  </si>
  <si>
    <t>0.012976806402146934</t>
  </si>
  <si>
    <t>4.048536777496338</t>
  </si>
  <si>
    <t>611.79052734375</t>
  </si>
  <si>
    <t>-0.05518641556729165</t>
  </si>
  <si>
    <t>4.94843053817749</t>
  </si>
  <si>
    <t>520.1646118164062</t>
  </si>
  <si>
    <t>0.06257691198957716</t>
  </si>
  <si>
    <t>5.377725601196289</t>
  </si>
  <si>
    <t>613.7769165039062</t>
  </si>
  <si>
    <t>0.0969981589302158</t>
  </si>
  <si>
    <t>4.682067394256592</t>
  </si>
  <si>
    <t>608.3651123046875</t>
  </si>
  <si>
    <t>0.12656606125369052</t>
  </si>
  <si>
    <t>7474</t>
  </si>
  <si>
    <t>4.371895790100098</t>
  </si>
  <si>
    <t>534.0570068359375</t>
  </si>
  <si>
    <t>0.0466984277673923</t>
  </si>
  <si>
    <t>7979</t>
  </si>
  <si>
    <t>4.612945079803467</t>
  </si>
  <si>
    <t>544.13232421875</t>
  </si>
  <si>
    <t>0.06538275926285131</t>
  </si>
  <si>
    <t>5.140751361846924</t>
  </si>
  <si>
    <t>592.83056640625</t>
  </si>
  <si>
    <t>0.09566331732088074</t>
  </si>
  <si>
    <t>4.327877521514893</t>
  </si>
  <si>
    <t>524.86279296875</t>
  </si>
  <si>
    <t>-0.027715399846545807</t>
  </si>
  <si>
    <t>10054</t>
  </si>
  <si>
    <t>5.361752986907959</t>
  </si>
  <si>
    <t>653.4251708984375</t>
  </si>
  <si>
    <t>0.16320955746990506</t>
  </si>
  <si>
    <t>11742</t>
  </si>
  <si>
    <t>4.6168060302734375</t>
  </si>
  <si>
    <t>592.4881591796875</t>
  </si>
  <si>
    <t>0.15520159237160946</t>
  </si>
  <si>
    <t>12863</t>
  </si>
  <si>
    <t>6.005052089691162</t>
  </si>
  <si>
    <t>600.7069702148438</t>
  </si>
  <si>
    <t>0.09118281545458551</t>
  </si>
  <si>
    <t>11349</t>
  </si>
  <si>
    <t>4.141211032867432</t>
  </si>
  <si>
    <t>463.2511291503906</t>
  </si>
  <si>
    <t>-0.12522533877757702</t>
  </si>
  <si>
    <t>5.38945198059082</t>
  </si>
  <si>
    <t>419.9964294433594</t>
  </si>
  <si>
    <t>0.004571436532581075</t>
  </si>
  <si>
    <t>11866</t>
  </si>
  <si>
    <t>4.559563636779785</t>
  </si>
  <si>
    <t>590.2036743164062</t>
  </si>
  <si>
    <t>0.03997609698486748</t>
  </si>
  <si>
    <t>4.939886569976807</t>
  </si>
  <si>
    <t>627.5892944335938</t>
  </si>
  <si>
    <t>0.08965549886917046</t>
  </si>
  <si>
    <t>5.623149394989014</t>
  </si>
  <si>
    <t>586.3723754882812</t>
  </si>
  <si>
    <t>-0.03249708502922033</t>
  </si>
  <si>
    <t>5.086282730102539</t>
  </si>
  <si>
    <t>477.2690124511719</t>
  </si>
  <si>
    <t>-0.03169734964167681</t>
  </si>
  <si>
    <t>11371</t>
  </si>
  <si>
    <t>5.51789665222168</t>
  </si>
  <si>
    <t>603.6810913085938</t>
  </si>
  <si>
    <t>-0.06807197739213855</t>
  </si>
  <si>
    <t>11216</t>
  </si>
  <si>
    <t>5.418026447296143</t>
  </si>
  <si>
    <t>565.8243408203125</t>
  </si>
  <si>
    <t>-0.013724924350350776</t>
  </si>
  <si>
    <t>5.167234420776367</t>
  </si>
  <si>
    <t>625.2378540039062</t>
  </si>
  <si>
    <t>-0.022632948422383947</t>
  </si>
  <si>
    <t>11007</t>
  </si>
  <si>
    <t>4.580164432525635</t>
  </si>
  <si>
    <t>462.96734619140625</t>
  </si>
  <si>
    <t>0.0038230521714037735</t>
  </si>
  <si>
    <t>6.368597030639648</t>
  </si>
  <si>
    <t>553.6236572265625</t>
  </si>
  <si>
    <t>0.04754775859152005</t>
  </si>
  <si>
    <t>6.0030293464660645</t>
  </si>
  <si>
    <t>526.00390625</t>
  </si>
  <si>
    <t>-0.026956283390777713</t>
  </si>
  <si>
    <t>5.4156317710876465</t>
  </si>
  <si>
    <t>510.7558288574219</t>
  </si>
  <si>
    <t>0.05244517610682209</t>
  </si>
  <si>
    <t>5.390468120574951</t>
  </si>
  <si>
    <t>608.27978515625</t>
  </si>
  <si>
    <t>-0.023238978302067892</t>
  </si>
  <si>
    <t>6.1118483543396</t>
  </si>
  <si>
    <t>728.6035766601562</t>
  </si>
  <si>
    <t>2239.47021484375</t>
  </si>
  <si>
    <t>City of St. Petersburg</t>
  </si>
  <si>
    <t>20556</t>
  </si>
  <si>
    <t>5.919633388519287</t>
  </si>
  <si>
    <t>721.5918579101562</t>
  </si>
  <si>
    <t>-0.055678973593581205</t>
  </si>
  <si>
    <t>17534</t>
  </si>
  <si>
    <t>5.886848449707031</t>
  </si>
  <si>
    <t>580.2230224609375</t>
  </si>
  <si>
    <t>-0.15901101596358913</t>
  </si>
  <si>
    <t>4.577418804168701</t>
  </si>
  <si>
    <t>633.4981079101562</t>
  </si>
  <si>
    <t>-0.09117820122154008</t>
  </si>
  <si>
    <t>13984</t>
  </si>
  <si>
    <t>4.828240871429443</t>
  </si>
  <si>
    <t>627.3674926757812</t>
  </si>
  <si>
    <t>-0.13504983303167428</t>
  </si>
  <si>
    <t>13394</t>
  </si>
  <si>
    <t>5.677692413330078</t>
  </si>
  <si>
    <t>602.7608642578125</t>
  </si>
  <si>
    <t>-0.04310697342532066</t>
  </si>
  <si>
    <t>12878</t>
  </si>
  <si>
    <t>4.661573886871338</t>
  </si>
  <si>
    <t>583.9685668945312</t>
  </si>
  <si>
    <t>-0.03928641637186736</t>
  </si>
  <si>
    <t>5.502693176269531</t>
  </si>
  <si>
    <t>667.9808349609375</t>
  </si>
  <si>
    <t>0.013037793167619327</t>
  </si>
  <si>
    <t>4.410478115081787</t>
  </si>
  <si>
    <t>757.954345703125</t>
  </si>
  <si>
    <t>-0.05522609831190728</t>
  </si>
  <si>
    <t>6.102966785430908</t>
  </si>
  <si>
    <t>515.2393188476562</t>
  </si>
  <si>
    <t>0.06263325676326303</t>
  </si>
  <si>
    <t>6.711848735809326</t>
  </si>
  <si>
    <t>720.34033203125</t>
  </si>
  <si>
    <t>0.09701016708375221</t>
  </si>
  <si>
    <t>16417</t>
  </si>
  <si>
    <t>5.294633388519287</t>
  </si>
  <si>
    <t>690.4578247070312</t>
  </si>
  <si>
    <t>0.1253418354936624</t>
  </si>
  <si>
    <t>5.093811511993408</t>
  </si>
  <si>
    <t>513.6729125976562</t>
  </si>
  <si>
    <t>0.14911710483385754</t>
  </si>
  <si>
    <t>20309</t>
  </si>
  <si>
    <t>5.578788757324219</t>
  </si>
  <si>
    <t>724.3893432617188</t>
  </si>
  <si>
    <t>0.06362964940473326</t>
  </si>
  <si>
    <t>6.069633960723877</t>
  </si>
  <si>
    <t>798.689697265625</t>
  </si>
  <si>
    <t>0.08767588607724797</t>
  </si>
  <si>
    <t>22424</t>
  </si>
  <si>
    <t>5.687122344970703</t>
  </si>
  <si>
    <t>611.9326782226562</t>
  </si>
  <si>
    <t>0.011391790234267063</t>
  </si>
  <si>
    <t>23976</t>
  </si>
  <si>
    <t>6.0787882804870605</t>
  </si>
  <si>
    <t>599.6332397460938</t>
  </si>
  <si>
    <t>0.06692151615187392</t>
  </si>
  <si>
    <t>6.321003437042236</t>
  </si>
  <si>
    <t>596.7954711914062</t>
  </si>
  <si>
    <t>0.1672914733883175</t>
  </si>
  <si>
    <t>6.635203838348389</t>
  </si>
  <si>
    <t>760.2097778320312</t>
  </si>
  <si>
    <t>0.09988013872999524</t>
  </si>
  <si>
    <t>4.902693271636963</t>
  </si>
  <si>
    <t>755.8364868164062</t>
  </si>
  <si>
    <t>-0.0022055659502626668</t>
  </si>
  <si>
    <t>5.268263339996338</t>
  </si>
  <si>
    <t>763.35205078125</t>
  </si>
  <si>
    <t>0.012434371780175368</t>
  </si>
  <si>
    <t>6.445181369781494</t>
  </si>
  <si>
    <t>693.1072387695312</t>
  </si>
  <si>
    <t>0.05203414690728003</t>
  </si>
  <si>
    <t>4.903514385223389</t>
  </si>
  <si>
    <t>831.3485107421875</t>
  </si>
  <si>
    <t>0.016986114826428533</t>
  </si>
  <si>
    <t>34285</t>
  </si>
  <si>
    <t>6.370455265045166</t>
  </si>
  <si>
    <t>637.0425415039062</t>
  </si>
  <si>
    <t>0.01123393104003334</t>
  </si>
  <si>
    <t>32745</t>
  </si>
  <si>
    <t>6.979610919952393</t>
  </si>
  <si>
    <t>655.775390625</t>
  </si>
  <si>
    <t>-0.045957662066312466</t>
  </si>
  <si>
    <t>6.511847972869873</t>
  </si>
  <si>
    <t>595.5196533203125</t>
  </si>
  <si>
    <t>0.10603825204432482</t>
  </si>
  <si>
    <t>37132</t>
  </si>
  <si>
    <t>6.745729446411133</t>
  </si>
  <si>
    <t>804.6747436523438</t>
  </si>
  <si>
    <t>0.019690600823345505</t>
  </si>
  <si>
    <t>36342</t>
  </si>
  <si>
    <t>5.994633197784424</t>
  </si>
  <si>
    <t>861.4249267578125</t>
  </si>
  <si>
    <t>-0.02150503431082207</t>
  </si>
  <si>
    <t>6.126871109008789</t>
  </si>
  <si>
    <t>647.2904663085938</t>
  </si>
  <si>
    <t>0.04548010669275726</t>
  </si>
  <si>
    <t>7.36963415145874</t>
  </si>
  <si>
    <t>758.6962280273438</t>
  </si>
  <si>
    <t>0.03579372964959582</t>
  </si>
  <si>
    <t>7.253240585327148</t>
  </si>
  <si>
    <t>715.9335327148438</t>
  </si>
  <si>
    <t>-0.026998091677603142</t>
  </si>
  <si>
    <t>40435</t>
  </si>
  <si>
    <t>737.9923095703125</t>
  </si>
  <si>
    <t>0.05244590465617094</t>
  </si>
  <si>
    <t>39506</t>
  </si>
  <si>
    <t>6.661848068237305</t>
  </si>
  <si>
    <t>676.7885131835938</t>
  </si>
  <si>
    <t>-0.02324318744197562</t>
  </si>
  <si>
    <t>4635</t>
  </si>
  <si>
    <t>10.412266731262207</t>
  </si>
  <si>
    <t>599.75634765625</t>
  </si>
  <si>
    <t>1158.5291748046875</t>
  </si>
  <si>
    <t>Dagestan</t>
  </si>
  <si>
    <t>9.978760719299316</t>
  </si>
  <si>
    <t>449.7703552246094</t>
  </si>
  <si>
    <t>-0.05567464937210431</t>
  </si>
  <si>
    <t>9.130509376525879</t>
  </si>
  <si>
    <t>629.4922485351562</t>
  </si>
  <si>
    <t>-0.15887593821927304</t>
  </si>
  <si>
    <t>9.012642860412598</t>
  </si>
  <si>
    <t>482.94415283203125</t>
  </si>
  <si>
    <t>-0.09120098705419188</t>
  </si>
  <si>
    <t>9.525585174560547</t>
  </si>
  <si>
    <t>520.4500732421875</t>
  </si>
  <si>
    <t>-0.1349551188396383</t>
  </si>
  <si>
    <t>10.675140380859375</t>
  </si>
  <si>
    <t>491.45623779296875</t>
  </si>
  <si>
    <t>-0.04315738228397503</t>
  </si>
  <si>
    <t>10.287354469299316</t>
  </si>
  <si>
    <t>488.0752258300781</t>
  </si>
  <si>
    <t>-0.039262716135499254</t>
  </si>
  <si>
    <t>9.959863662719727</t>
  </si>
  <si>
    <t>536.62158203125</t>
  </si>
  <si>
    <t>0.01302007543061734</t>
  </si>
  <si>
    <t>11.104588508605957</t>
  </si>
  <si>
    <t>421.3712463378906</t>
  </si>
  <si>
    <t>-0.055405602029581225</t>
  </si>
  <si>
    <t>10.927684783935547</t>
  </si>
  <si>
    <t>531.22119140625</t>
  </si>
  <si>
    <t>0.06256639166847844</t>
  </si>
  <si>
    <t>10.801133155822754</t>
  </si>
  <si>
    <t>386.9438171386719</t>
  </si>
  <si>
    <t>0.09715714175379375</t>
  </si>
  <si>
    <t>11.09872817993164</t>
  </si>
  <si>
    <t>458.3625793457031</t>
  </si>
  <si>
    <t>0.2212641560557298</t>
  </si>
  <si>
    <t>10.600090980529785</t>
  </si>
  <si>
    <t>594.6748046875</t>
  </si>
  <si>
    <t>0.1055421286410585</t>
  </si>
  <si>
    <t>5121</t>
  </si>
  <si>
    <t>10.178627967834473</t>
  </si>
  <si>
    <t>545.4252319335938</t>
  </si>
  <si>
    <t>0.1786960338471797</t>
  </si>
  <si>
    <t>10.882499694824219</t>
  </si>
  <si>
    <t>631.6861572265625</t>
  </si>
  <si>
    <t>0.1334337506774652</t>
  </si>
  <si>
    <t>10.547348022460938</t>
  </si>
  <si>
    <t>586.594482421875</t>
  </si>
  <si>
    <t>-0.08931316033195102</t>
  </si>
  <si>
    <t>6287</t>
  </si>
  <si>
    <t>11.100226402282715</t>
  </si>
  <si>
    <t>474.66229248046875</t>
  </si>
  <si>
    <t>0.16101368657499648</t>
  </si>
  <si>
    <t>10.170699119567871</t>
  </si>
  <si>
    <t>487.04864501953125</t>
  </si>
  <si>
    <t>0.08430372223353544</t>
  </si>
  <si>
    <t>10.806462287902832</t>
  </si>
  <si>
    <t>441.348388671875</t>
  </si>
  <si>
    <t>0.1637535471605993</t>
  </si>
  <si>
    <t>10.764270782470703</t>
  </si>
  <si>
    <t>601.3567504882812</t>
  </si>
  <si>
    <t>0.13613443097068512</t>
  </si>
  <si>
    <t>11.802277565002441</t>
  </si>
  <si>
    <t>569.5778198242188</t>
  </si>
  <si>
    <t>-0.07137873098547942</t>
  </si>
  <si>
    <t>9.988450050354004</t>
  </si>
  <si>
    <t>506.627197265625</t>
  </si>
  <si>
    <t>0.0316032712678016</t>
  </si>
  <si>
    <t>11.186084747314453</t>
  </si>
  <si>
    <t>483.74505615234375</t>
  </si>
  <si>
    <t>0.0642778356742415</t>
  </si>
  <si>
    <t>10.936379432678223</t>
  </si>
  <si>
    <t>535.5834350585938</t>
  </si>
  <si>
    <t>0.12427987155811415</t>
  </si>
  <si>
    <t>11.0704345703125</t>
  </si>
  <si>
    <t>476.1754150390625</t>
  </si>
  <si>
    <t>0.050508892733704513</t>
  </si>
  <si>
    <t>11.349205017089844</t>
  </si>
  <si>
    <t>518.2078247070312</t>
  </si>
  <si>
    <t>-0.05979296560842329</t>
  </si>
  <si>
    <t>10241</t>
  </si>
  <si>
    <t>10.71711254119873</t>
  </si>
  <si>
    <t>600.0586547851562</t>
  </si>
  <si>
    <t>-0.035774613312401726</t>
  </si>
  <si>
    <t>10205</t>
  </si>
  <si>
    <t>11.111981391906738</t>
  </si>
  <si>
    <t>458.28118896484375</t>
  </si>
  <si>
    <t>-0.003521474831492455</t>
  </si>
  <si>
    <t>9380</t>
  </si>
  <si>
    <t>11.76659107208252</t>
  </si>
  <si>
    <t>458.2113342285156</t>
  </si>
  <si>
    <t>-0.08429803324367491</t>
  </si>
  <si>
    <t>11.540772438049316</t>
  </si>
  <si>
    <t>386.4984436035156</t>
  </si>
  <si>
    <t>0.02484861477471867</t>
  </si>
  <si>
    <t>9360</t>
  </si>
  <si>
    <t>11.28566837310791</t>
  </si>
  <si>
    <t>481.7461853027344</t>
  </si>
  <si>
    <t>-0.02698308730335164</t>
  </si>
  <si>
    <t>11.599491119384766</t>
  </si>
  <si>
    <t>520.778564453125</t>
  </si>
  <si>
    <t>0.05244647537254288</t>
  </si>
  <si>
    <t>9638</t>
  </si>
  <si>
    <t>11.587742805480957</t>
  </si>
  <si>
    <t>496.40289306640625</t>
  </si>
  <si>
    <t>-0.023178147643902136</t>
  </si>
  <si>
    <t>0.4038427174091339</t>
  </si>
  <si>
    <t>542.3904418945312</t>
  </si>
  <si>
    <t>83.73871612548828</t>
  </si>
  <si>
    <t>Gorno-Altay</t>
  </si>
  <si>
    <t>-0.17135034501552582</t>
  </si>
  <si>
    <t>453.0158996582031</t>
  </si>
  <si>
    <t>-0.05578691214980225</t>
  </si>
  <si>
    <t>5947</t>
  </si>
  <si>
    <t>-0.8211122155189514</t>
  </si>
  <si>
    <t>540.1513061523438</t>
  </si>
  <si>
    <t>-0.15901523693331754</t>
  </si>
  <si>
    <t>-1.3791645765304565</t>
  </si>
  <si>
    <t>521.3749389648438</t>
  </si>
  <si>
    <t>-0.0911319358011422</t>
  </si>
  <si>
    <t>-0.4927007853984833</t>
  </si>
  <si>
    <t>545.8951416015625</t>
  </si>
  <si>
    <t>-0.13508510802786944</t>
  </si>
  <si>
    <t>-0.10307669639587402</t>
  </si>
  <si>
    <t>544.2905883789062</t>
  </si>
  <si>
    <t>-0.043082260118179505</t>
  </si>
  <si>
    <t>4368</t>
  </si>
  <si>
    <t>-1.0482107400894165</t>
  </si>
  <si>
    <t>547.1881713867188</t>
  </si>
  <si>
    <t>-0.03928234833466249</t>
  </si>
  <si>
    <t>0.13651657104492188</t>
  </si>
  <si>
    <t>374.51788330078125</t>
  </si>
  <si>
    <t>0.012965040017290264</t>
  </si>
  <si>
    <t>0.15961380302906036</t>
  </si>
  <si>
    <t>475.3606872558594</t>
  </si>
  <si>
    <t>-0.0552857914228877</t>
  </si>
  <si>
    <t>-0.16297532618045807</t>
  </si>
  <si>
    <t>522.1524658203125</t>
  </si>
  <si>
    <t>0.06271574792667067</t>
  </si>
  <si>
    <t>-0.6127755045890808</t>
  </si>
  <si>
    <t>581.7626953125</t>
  </si>
  <si>
    <t>0.09698095588116473</t>
  </si>
  <si>
    <t>0.6162145137786865</t>
  </si>
  <si>
    <t>527.509765625</t>
  </si>
  <si>
    <t>0.325094351699482</t>
  </si>
  <si>
    <t>6918</t>
  </si>
  <si>
    <t>0.46526074409484863</t>
  </si>
  <si>
    <t>573.589111328125</t>
  </si>
  <si>
    <t>0.017351167970653947</t>
  </si>
  <si>
    <t>-0.7447986006736755</t>
  </si>
  <si>
    <t>432.5950927734375</t>
  </si>
  <si>
    <t>0.12816867232988827</t>
  </si>
  <si>
    <t>0.04646816477179527</t>
  </si>
  <si>
    <t>493.53338623046875</t>
  </si>
  <si>
    <t>0.02188491318214325</t>
  </si>
  <si>
    <t>-0.9549461007118225</t>
  </si>
  <si>
    <t>493.95050048828125</t>
  </si>
  <si>
    <t>-0.1535288279323357</t>
  </si>
  <si>
    <t>0.5461822748184204</t>
  </si>
  <si>
    <t>508.0267639160156</t>
  </si>
  <si>
    <t>0.13760272794458572</t>
  </si>
  <si>
    <t>8986</t>
  </si>
  <si>
    <t>0.12318480759859085</t>
  </si>
  <si>
    <t>503.9183044433594</t>
  </si>
  <si>
    <t>0.12741361460870948</t>
  </si>
  <si>
    <t>9593</t>
  </si>
  <si>
    <t>0.7624533176422119</t>
  </si>
  <si>
    <t>472.40167236328125</t>
  </si>
  <si>
    <t>0.06536585518784221</t>
  </si>
  <si>
    <t>-1.460279941558838</t>
  </si>
  <si>
    <t>558.2775268554688</t>
  </si>
  <si>
    <t>0.03170309110342018</t>
  </si>
  <si>
    <t>-1.7597771883010864</t>
  </si>
  <si>
    <t>489.6646728515625</t>
  </si>
  <si>
    <t>-0.005163784065688404</t>
  </si>
  <si>
    <t>-0.6056343913078308</t>
  </si>
  <si>
    <t>405.6141662597656</t>
  </si>
  <si>
    <t>0.012909912028632675</t>
  </si>
  <si>
    <t>-0.7969831824302673</t>
  </si>
  <si>
    <t>528.911376953125</t>
  </si>
  <si>
    <t>0.0778588204911177</t>
  </si>
  <si>
    <t>0.43684670329093933</t>
  </si>
  <si>
    <t>603.4208374023438</t>
  </si>
  <si>
    <t>0.023002159624017082</t>
  </si>
  <si>
    <t>-0.32675352692604065</t>
  </si>
  <si>
    <t>512.330810546875</t>
  </si>
  <si>
    <t>0.058586798700513754</t>
  </si>
  <si>
    <t>0.28052690625190735</t>
  </si>
  <si>
    <t>571.3895874023438</t>
  </si>
  <si>
    <t>-0.06130838252683546</t>
  </si>
  <si>
    <t>0.28354212641716003</t>
  </si>
  <si>
    <t>590.0346069335938</t>
  </si>
  <si>
    <t>-0.009767753044766181</t>
  </si>
  <si>
    <t>10240</t>
  </si>
  <si>
    <t>-0.0065376549027860165</t>
  </si>
  <si>
    <t>451.9929504394531</t>
  </si>
  <si>
    <t>-0.06255290853485995</t>
  </si>
  <si>
    <t>-0.5278530716896057</t>
  </si>
  <si>
    <t>479.3815612792969</t>
  </si>
  <si>
    <t>0.0307716586667528</t>
  </si>
  <si>
    <t>11141</t>
  </si>
  <si>
    <t>0.38272297382354736</t>
  </si>
  <si>
    <t>556.1654052734375</t>
  </si>
  <si>
    <t>0.053558718799065375</t>
  </si>
  <si>
    <t>0.72031569480896</t>
  </si>
  <si>
    <t>504.8551330566406</t>
  </si>
  <si>
    <t>-0.027020065440760632</t>
  </si>
  <si>
    <t>0.5029278993606567</t>
  </si>
  <si>
    <t>484.7109069824219</t>
  </si>
  <si>
    <t>0.05245455273210631</t>
  </si>
  <si>
    <t>0.09477309137582779</t>
  </si>
  <si>
    <t>464.4366455078125</t>
  </si>
  <si>
    <t>-0.023193037480357503</t>
  </si>
  <si>
    <t>8.995268821716309</t>
  </si>
  <si>
    <t>961.5254516601562</t>
  </si>
  <si>
    <t>466.11895751953125</t>
  </si>
  <si>
    <t>Ingush</t>
  </si>
  <si>
    <t>8.682884216308594</t>
  </si>
  <si>
    <t>721.868896484375</t>
  </si>
  <si>
    <t>-0.05565622084067634</t>
  </si>
  <si>
    <t>7.926426410675049</t>
  </si>
  <si>
    <t>1100.1962890625</t>
  </si>
  <si>
    <t>-0.15900458703707798</t>
  </si>
  <si>
    <t>7.447727680206299</t>
  </si>
  <si>
    <t>839.0602416992188</t>
  </si>
  <si>
    <t>-0.09123131622950353</t>
  </si>
  <si>
    <t>7.669208526611328</t>
  </si>
  <si>
    <t>647.4305419921875</t>
  </si>
  <si>
    <t>-0.13481152934723983</t>
  </si>
  <si>
    <t>9.391039848327637</t>
  </si>
  <si>
    <t>890.8709106445312</t>
  </si>
  <si>
    <t>-0.04319100963745459</t>
  </si>
  <si>
    <t>8.484353065490723</t>
  </si>
  <si>
    <t>786.6160278320312</t>
  </si>
  <si>
    <t>-0.03955960249132051</t>
  </si>
  <si>
    <t>8.344878196716309</t>
  </si>
  <si>
    <t>959.1935424804688</t>
  </si>
  <si>
    <t>0.013361175500802958</t>
  </si>
  <si>
    <t>9.102450370788574</t>
  </si>
  <si>
    <t>760.1495971679688</t>
  </si>
  <si>
    <t>-0.05551754784792262</t>
  </si>
  <si>
    <t>9.440685272216797</t>
  </si>
  <si>
    <t>781.8003540039062</t>
  </si>
  <si>
    <t>0.06281352184469391</t>
  </si>
  <si>
    <t>9.30556583404541</t>
  </si>
  <si>
    <t>676.0581665039062</t>
  </si>
  <si>
    <t>0.0969197218451221</t>
  </si>
  <si>
    <t>9.2693452835083</t>
  </si>
  <si>
    <t>846.69677734375</t>
  </si>
  <si>
    <t>0.011887821899272843</t>
  </si>
  <si>
    <t>9.058416366577148</t>
  </si>
  <si>
    <t>1017.0632934570312</t>
  </si>
  <si>
    <t>-0.18036747703195655</t>
  </si>
  <si>
    <t>8.496207237243652</t>
  </si>
  <si>
    <t>826.1389770507812</t>
  </si>
  <si>
    <t>0.15268547809993027</t>
  </si>
  <si>
    <t>9.711987495422363</t>
  </si>
  <si>
    <t>1055.1597900390625</t>
  </si>
  <si>
    <t>0.11577944716607202</t>
  </si>
  <si>
    <t>8.94273853302002</t>
  </si>
  <si>
    <t>965.991455078125</t>
  </si>
  <si>
    <t>0.028326337518894462</t>
  </si>
  <si>
    <t>9.868180274963379</t>
  </si>
  <si>
    <t>833.0989379882812</t>
  </si>
  <si>
    <t>0.08912496816264337</t>
  </si>
  <si>
    <t>9.056276321411133</t>
  </si>
  <si>
    <t>821.16552734375</t>
  </si>
  <si>
    <t>0.5013582552325744</t>
  </si>
  <si>
    <t>4916</t>
  </si>
  <si>
    <t>9.246828079223633</t>
  </si>
  <si>
    <t>857.4625244140625</t>
  </si>
  <si>
    <t>-0.012131163733089423</t>
  </si>
  <si>
    <t>9.227221488952637</t>
  </si>
  <si>
    <t>1134.068115234375</t>
  </si>
  <si>
    <t>-0.04301962044237051</t>
  </si>
  <si>
    <t>4370</t>
  </si>
  <si>
    <t>10.413494110107422</t>
  </si>
  <si>
    <t>875.1715087890625</t>
  </si>
  <si>
    <t>-0.07471256215391975</t>
  </si>
  <si>
    <t>8.473525047302246</t>
  </si>
  <si>
    <t>984.5033569335938</t>
  </si>
  <si>
    <t>0.13247247977140297</t>
  </si>
  <si>
    <t>9.606099128723145</t>
  </si>
  <si>
    <t>804.0045776367188</t>
  </si>
  <si>
    <t>0.2429501088177659</t>
  </si>
  <si>
    <t>9.813138008117676</t>
  </si>
  <si>
    <t>976.5164794921875</t>
  </si>
  <si>
    <t>0.11650709054117492</t>
  </si>
  <si>
    <t>9.372182846069336</t>
  </si>
  <si>
    <t>858.4895629882812</t>
  </si>
  <si>
    <t>0.006276608931477412</t>
  </si>
  <si>
    <t>9.841395378112793</t>
  </si>
  <si>
    <t>845.9301147460938</t>
  </si>
  <si>
    <t>-0.1833788452261036</t>
  </si>
  <si>
    <t>5828</t>
  </si>
  <si>
    <t>9.565861701965332</t>
  </si>
  <si>
    <t>899.9896850585938</t>
  </si>
  <si>
    <t>-0.02691656361025707</t>
  </si>
  <si>
    <t>5740</t>
  </si>
  <si>
    <t>9.6843900680542</t>
  </si>
  <si>
    <t>884.0845336914062</t>
  </si>
  <si>
    <t>-0.015214678001482795</t>
  </si>
  <si>
    <t>9.928779602050781</t>
  </si>
  <si>
    <t>699.1492919921875</t>
  </si>
  <si>
    <t>0.017613993634073566</t>
  </si>
  <si>
    <t>10.27106761932373</t>
  </si>
  <si>
    <t>727.2638549804688</t>
  </si>
  <si>
    <t>0.03382737341387276</t>
  </si>
  <si>
    <t>10.279982566833496</t>
  </si>
  <si>
    <t>806.0792846679688</t>
  </si>
  <si>
    <t>-0.027003737247618176</t>
  </si>
  <si>
    <t>6199</t>
  </si>
  <si>
    <t>10.259846687316895</t>
  </si>
  <si>
    <t>886.4506225585938</t>
  </si>
  <si>
    <t>0.0524911485879791</t>
  </si>
  <si>
    <t>10.190812110900879</t>
  </si>
  <si>
    <t>846.8837280273438</t>
  </si>
  <si>
    <t>-0.023338472584635284</t>
  </si>
  <si>
    <t>21354</t>
  </si>
  <si>
    <t>0.5451954007148743</t>
  </si>
  <si>
    <t>486.02606201171875</t>
  </si>
  <si>
    <t>1572.7525634765625</t>
  </si>
  <si>
    <t>Irkutsk</t>
  </si>
  <si>
    <t>-0.593954861164093</t>
  </si>
  <si>
    <t>515.3991088867188</t>
  </si>
  <si>
    <t>-0.05570499722986</t>
  </si>
  <si>
    <t>-0.7257921099662781</t>
  </si>
  <si>
    <t>456.3062438964844</t>
  </si>
  <si>
    <t>-0.15899811133438746</t>
  </si>
  <si>
    <t>15726</t>
  </si>
  <si>
    <t>-0.04264575615525246</t>
  </si>
  <si>
    <t>420.4018249511719</t>
  </si>
  <si>
    <t>-0.09122057362253955</t>
  </si>
  <si>
    <t>-0.2769804298877716</t>
  </si>
  <si>
    <t>581.4661254882812</t>
  </si>
  <si>
    <t>-0.13500410677512065</t>
  </si>
  <si>
    <t>0.1430308073759079</t>
  </si>
  <si>
    <t>457.9883117675781</t>
  </si>
  <si>
    <t>-0.04312936089703179</t>
  </si>
  <si>
    <t>-1.56447172164917</t>
  </si>
  <si>
    <t>459.58563232421875</t>
  </si>
  <si>
    <t>-0.03928758469004556</t>
  </si>
  <si>
    <t>12820</t>
  </si>
  <si>
    <t>-0.3849414587020874</t>
  </si>
  <si>
    <t>466.2888488769531</t>
  </si>
  <si>
    <t>0.01311211028539816</t>
  </si>
  <si>
    <t>12130</t>
  </si>
  <si>
    <t>-0.4654354155063629</t>
  </si>
  <si>
    <t>548.04248046875</t>
  </si>
  <si>
    <t>-0.055324728536565004</t>
  </si>
  <si>
    <t>12914</t>
  </si>
  <si>
    <t>-1.4002866744995117</t>
  </si>
  <si>
    <t>447.1665344238281</t>
  </si>
  <si>
    <t>0.06263027124831666</t>
  </si>
  <si>
    <t>-1.9411927461624146</t>
  </si>
  <si>
    <t>553.7401123046875</t>
  </si>
  <si>
    <t>0.0970404178974853</t>
  </si>
  <si>
    <t>0.4411032497882843</t>
  </si>
  <si>
    <t>575.7949829101562</t>
  </si>
  <si>
    <t>-0.007547738014833882</t>
  </si>
  <si>
    <t>-0.012918100692331791</t>
  </si>
  <si>
    <t>425.553466796875</t>
  </si>
  <si>
    <t>0.013992142497821547</t>
  </si>
  <si>
    <t>0.05554824694991112</t>
  </si>
  <si>
    <t>476.57257080078125</t>
  </si>
  <si>
    <t>0.054419947183854234</t>
  </si>
  <si>
    <t>-0.3686739206314087</t>
  </si>
  <si>
    <t>579.7247314453125</t>
  </si>
  <si>
    <t>0.05955438916247857</t>
  </si>
  <si>
    <t>16273</t>
  </si>
  <si>
    <t>-1.339192509651184</t>
  </si>
  <si>
    <t>529.9091796875</t>
  </si>
  <si>
    <t>0.013736139747395626</t>
  </si>
  <si>
    <t>-0.891975462436676</t>
  </si>
  <si>
    <t>513.4352416992188</t>
  </si>
  <si>
    <t>0.11946811694923198</t>
  </si>
  <si>
    <t>19694</t>
  </si>
  <si>
    <t>0.3540363311767578</t>
  </si>
  <si>
    <t>480.0021667480469</t>
  </si>
  <si>
    <t>0.07133861119790197</t>
  </si>
  <si>
    <t>0.19271345436573029</t>
  </si>
  <si>
    <t>573.0177001953125</t>
  </si>
  <si>
    <t>-0.05066813239947976</t>
  </si>
  <si>
    <t>19139</t>
  </si>
  <si>
    <t>-2.303391695022583</t>
  </si>
  <si>
    <t>578.6791381835938</t>
  </si>
  <si>
    <t>0.022082249629804096</t>
  </si>
  <si>
    <t>20326</t>
  </si>
  <si>
    <t>-2.3713831901550293</t>
  </si>
  <si>
    <t>488.6419982910156</t>
  </si>
  <si>
    <t>0.06017271665963975</t>
  </si>
  <si>
    <t>-0.12766499817371368</t>
  </si>
  <si>
    <t>474.61175537109375</t>
  </si>
  <si>
    <t>0.009937665922894467</t>
  </si>
  <si>
    <t>-1.7223811149597168</t>
  </si>
  <si>
    <t>483.297607421875</t>
  </si>
  <si>
    <t>0.09589012222477322</t>
  </si>
  <si>
    <t>-0.19717736542224884</t>
  </si>
  <si>
    <t>538.486572265625</t>
  </si>
  <si>
    <t>0.02896351104168815</t>
  </si>
  <si>
    <t>24082</t>
  </si>
  <si>
    <t>0.28030166029930115</t>
  </si>
  <si>
    <t>481.8236389160156</t>
  </si>
  <si>
    <t>0.03477251956509697</t>
  </si>
  <si>
    <t>23232</t>
  </si>
  <si>
    <t>0.15891988575458527</t>
  </si>
  <si>
    <t>429.62615966796875</t>
  </si>
  <si>
    <t>-0.035934034827642236</t>
  </si>
  <si>
    <t>-0.18850429356098175</t>
  </si>
  <si>
    <t>493.88128662109375</t>
  </si>
  <si>
    <t>0.013085497813085212</t>
  </si>
  <si>
    <t>0.40981757640838623</t>
  </si>
  <si>
    <t>514.4952392578125</t>
  </si>
  <si>
    <t>0.05041135235791572</t>
  </si>
  <si>
    <t>-0.06786558777093887</t>
  </si>
  <si>
    <t>488.89227294921875</t>
  </si>
  <si>
    <t>0.047259721052959947</t>
  </si>
  <si>
    <t>0.4851572811603546</t>
  </si>
  <si>
    <t>492.736328125</t>
  </si>
  <si>
    <t>0.030957291719778013</t>
  </si>
  <si>
    <t>0.9478707909584045</t>
  </si>
  <si>
    <t>581.5413818359375</t>
  </si>
  <si>
    <t>-0.02699643361219195</t>
  </si>
  <si>
    <t>0.09184520691633224</t>
  </si>
  <si>
    <t>503.34814453125</t>
  </si>
  <si>
    <t>0.052445915096818396</t>
  </si>
  <si>
    <t>26828</t>
  </si>
  <si>
    <t>-0.3141196072101593</t>
  </si>
  <si>
    <t>589.1427612304688</t>
  </si>
  <si>
    <t>-0.02324786483326058</t>
  </si>
  <si>
    <t>7774</t>
  </si>
  <si>
    <t>5.246067047119141</t>
  </si>
  <si>
    <t>670.9295654296875</t>
  </si>
  <si>
    <t>714.6250610351562</t>
  </si>
  <si>
    <t>Ivanovo</t>
  </si>
  <si>
    <t>5.048556804656982</t>
  </si>
  <si>
    <t>681.2525024414062</t>
  </si>
  <si>
    <t>-0.05567643921594545</t>
  </si>
  <si>
    <t>6272</t>
  </si>
  <si>
    <t>4.781228542327881</t>
  </si>
  <si>
    <t>584.5346069335938</t>
  </si>
  <si>
    <t>-0.1590131101659793</t>
  </si>
  <si>
    <t>3.7769219875335693</t>
  </si>
  <si>
    <t>603.2443237304688</t>
  </si>
  <si>
    <t>-0.09125273360780284</t>
  </si>
  <si>
    <t>3.7802717685699463</t>
  </si>
  <si>
    <t>622.2451171875</t>
  </si>
  <si>
    <t>-0.13500471698487537</t>
  </si>
  <si>
    <t>5.085306167602539</t>
  </si>
  <si>
    <t>548.7511596679688</t>
  </si>
  <si>
    <t>-0.04309867455444305</t>
  </si>
  <si>
    <t>3.938776969909668</t>
  </si>
  <si>
    <t>487.20281982421875</t>
  </si>
  <si>
    <t>-0.03916227194720534</t>
  </si>
  <si>
    <t>4.352664947509766</t>
  </si>
  <si>
    <t>615.181396484375</t>
  </si>
  <si>
    <t>0.01293958101389947</t>
  </si>
  <si>
    <t>4416</t>
  </si>
  <si>
    <t>3.8390846252441406</t>
  </si>
  <si>
    <t>719.8328247070312</t>
  </si>
  <si>
    <t>-0.055282157992884606</t>
  </si>
  <si>
    <t>5.180753231048584</t>
  </si>
  <si>
    <t>480.48809814453125</t>
  </si>
  <si>
    <t>0.06275364114308424</t>
  </si>
  <si>
    <t>5181</t>
  </si>
  <si>
    <t>5.595071315765381</t>
  </si>
  <si>
    <t>586.4801635742188</t>
  </si>
  <si>
    <t>0.09701013771477207</t>
  </si>
  <si>
    <t>4.617300510406494</t>
  </si>
  <si>
    <t>606.53466796875</t>
  </si>
  <si>
    <t>0.11475458526031801</t>
  </si>
  <si>
    <t>4.504720687866211</t>
  </si>
  <si>
    <t>538.2750854492188</t>
  </si>
  <si>
    <t>0.0628592596178521</t>
  </si>
  <si>
    <t>6744</t>
  </si>
  <si>
    <t>4.828967571258545</t>
  </si>
  <si>
    <t>623.082763671875</t>
  </si>
  <si>
    <t>0.08604128798873312</t>
  </si>
  <si>
    <t>5.206872940063477</t>
  </si>
  <si>
    <t>677.1609497070312</t>
  </si>
  <si>
    <t>0.012232117736589387</t>
  </si>
  <si>
    <t>4.4365973472595215</t>
  </si>
  <si>
    <t>520.3278198242188</t>
  </si>
  <si>
    <t>-0.07526919641737706</t>
  </si>
  <si>
    <t>6910</t>
  </si>
  <si>
    <t>5.050114154815674</t>
  </si>
  <si>
    <t>607.5188598632812</t>
  </si>
  <si>
    <t>0.0873534957608122</t>
  </si>
  <si>
    <t>5.224205493927002</t>
  </si>
  <si>
    <t>569.9812622070312</t>
  </si>
  <si>
    <t>0.1820803313676258</t>
  </si>
  <si>
    <t>8441</t>
  </si>
  <si>
    <t>5.988804340362549</t>
  </si>
  <si>
    <t>641.7800903320312</t>
  </si>
  <si>
    <t>0.0180508158543784</t>
  </si>
  <si>
    <t>8289</t>
  </si>
  <si>
    <t>4.248563766479492</t>
  </si>
  <si>
    <t>605.177978515625</t>
  </si>
  <si>
    <t>-0.018171450392193478</t>
  </si>
  <si>
    <t>9356</t>
  </si>
  <si>
    <t>5.1860671043396</t>
  </si>
  <si>
    <t>541.4170532226562</t>
  </si>
  <si>
    <t>0.12108851411254307</t>
  </si>
  <si>
    <t>5.244847774505615</t>
  </si>
  <si>
    <t>586.3106689453125</t>
  </si>
  <si>
    <t>0.02282432132419565</t>
  </si>
  <si>
    <t>4.390437602996826</t>
  </si>
  <si>
    <t>706.4373779296875</t>
  </si>
  <si>
    <t>0.003337508312879933</t>
  </si>
  <si>
    <t>5.5336222648620605</t>
  </si>
  <si>
    <t>641.7425537109375</t>
  </si>
  <si>
    <t>0.09631304657333395</t>
  </si>
  <si>
    <t>5.8887505531311035</t>
  </si>
  <si>
    <t>516.0322875976562</t>
  </si>
  <si>
    <t>-0.13117011643884346</t>
  </si>
  <si>
    <t>9780</t>
  </si>
  <si>
    <t>5.6683030128479</t>
  </si>
  <si>
    <t>653.2434692382812</t>
  </si>
  <si>
    <t>0.05301687555322765</t>
  </si>
  <si>
    <t>5.642259120941162</t>
  </si>
  <si>
    <t>635.9254150390625</t>
  </si>
  <si>
    <t>-0.05312469807745579</t>
  </si>
  <si>
    <t>5.345201015472412</t>
  </si>
  <si>
    <t>727.9668579101562</t>
  </si>
  <si>
    <t>-0.01718367458583181</t>
  </si>
  <si>
    <t>4.872613430023193</t>
  </si>
  <si>
    <t>565.1600952148438</t>
  </si>
  <si>
    <t>0.07510258799685232</t>
  </si>
  <si>
    <t>10350</t>
  </si>
  <si>
    <t>6.688999652862549</t>
  </si>
  <si>
    <t>627.5682983398438</t>
  </si>
  <si>
    <t>0.051852820331086846</t>
  </si>
  <si>
    <t>6.1494140625</t>
  </si>
  <si>
    <t>658.3156127929688</t>
  </si>
  <si>
    <t>-0.027028672387919173</t>
  </si>
  <si>
    <t>5.11630392074585</t>
  </si>
  <si>
    <t>642.00048828125</t>
  </si>
  <si>
    <t>0.05249864270797744</t>
  </si>
  <si>
    <t>5.628690719604492</t>
  </si>
  <si>
    <t>630.9765625</t>
  </si>
  <si>
    <t>-0.02325021358174517</t>
  </si>
  <si>
    <t>8.221723556518555</t>
  </si>
  <si>
    <t>932.9203491210938</t>
  </si>
  <si>
    <t>292.8285827636719</t>
  </si>
  <si>
    <t>Kabardin-Balkar</t>
  </si>
  <si>
    <t>7.634206295013428</t>
  </si>
  <si>
    <t>743.3524780273438</t>
  </si>
  <si>
    <t>-0.055733936216874724</t>
  </si>
  <si>
    <t>6.747304439544678</t>
  </si>
  <si>
    <t>1140.5853271484375</t>
  </si>
  <si>
    <t>-0.1590605072967879</t>
  </si>
  <si>
    <t>6.761007785797119</t>
  </si>
  <si>
    <t>837.2351684570312</t>
  </si>
  <si>
    <t>-0.09116162158550978</t>
  </si>
  <si>
    <t>7.386655330657959</t>
  </si>
  <si>
    <t>641.8607177734375</t>
  </si>
  <si>
    <t>-0.13504755790938994</t>
  </si>
  <si>
    <t>8.199627876281738</t>
  </si>
  <si>
    <t>921.83642578125</t>
  </si>
  <si>
    <t>-0.04304092483448407</t>
  </si>
  <si>
    <t>7.761386871337891</t>
  </si>
  <si>
    <t>800.979736328125</t>
  </si>
  <si>
    <t>-0.03933998974091857</t>
  </si>
  <si>
    <t>7.575328350067139</t>
  </si>
  <si>
    <t>934.8663940429688</t>
  </si>
  <si>
    <t>0.013094737468271944</t>
  </si>
  <si>
    <t>8.755845069885254</t>
  </si>
  <si>
    <t>763.6464233398438</t>
  </si>
  <si>
    <t>-0.05525833063156149</t>
  </si>
  <si>
    <t>8.386641502380371</t>
  </si>
  <si>
    <t>803.9834594726562</t>
  </si>
  <si>
    <t>0.06269189197489311</t>
  </si>
  <si>
    <t>8.38818645477295</t>
  </si>
  <si>
    <t>710.6881713867188</t>
  </si>
  <si>
    <t>0.09693162462509441</t>
  </si>
  <si>
    <t>8.552420616149902</t>
  </si>
  <si>
    <t>878.9797973632812</t>
  </si>
  <si>
    <t>0.14345697922870215</t>
  </si>
  <si>
    <t>8.298357963562012</t>
  </si>
  <si>
    <t>989.9523315429688</t>
  </si>
  <si>
    <t>0.0019392860556770586</t>
  </si>
  <si>
    <t>6708</t>
  </si>
  <si>
    <t>7.612232208251953</t>
  </si>
  <si>
    <t>838.5440673828125</t>
  </si>
  <si>
    <t>-0.0002981070226280025</t>
  </si>
  <si>
    <t>8.397480964660645</t>
  </si>
  <si>
    <t>1092.081787109375</t>
  </si>
  <si>
    <t>-0.06561244284450751</t>
  </si>
  <si>
    <t>8.107780456542969</t>
  </si>
  <si>
    <t>960.0574340820312</t>
  </si>
  <si>
    <t>0.061728942818110255</t>
  </si>
  <si>
    <t>8.65478801727295</t>
  </si>
  <si>
    <t>876.3580932617188</t>
  </si>
  <si>
    <t>0.03268360984656127</t>
  </si>
  <si>
    <t>7.9137701988220215</t>
  </si>
  <si>
    <t>830.3916015625</t>
  </si>
  <si>
    <t>-0.0058105915954662635</t>
  </si>
  <si>
    <t>8.5389986038208</t>
  </si>
  <si>
    <t>855.880126953125</t>
  </si>
  <si>
    <t>0.031548357734926924</t>
  </si>
  <si>
    <t>8.565889358520508</t>
  </si>
  <si>
    <t>1074.1187744140625</t>
  </si>
  <si>
    <t>0.09577206172472685</t>
  </si>
  <si>
    <t>9.511998176574707</t>
  </si>
  <si>
    <t>825.4071044921875</t>
  </si>
  <si>
    <t>7.6143269538879395</t>
  </si>
  <si>
    <t>967.4228515625</t>
  </si>
  <si>
    <t>0.018295424321081555</t>
  </si>
  <si>
    <t>8.927460670471191</t>
  </si>
  <si>
    <t>764.5191650390625</t>
  </si>
  <si>
    <t>0.10782303591431486</t>
  </si>
  <si>
    <t>8.654044151306152</t>
  </si>
  <si>
    <t>988.6890258789062</t>
  </si>
  <si>
    <t>-0.019835179909343026</t>
  </si>
  <si>
    <t>8637</t>
  </si>
  <si>
    <t>8.922303199768066</t>
  </si>
  <si>
    <t>824.3543090820312</t>
  </si>
  <si>
    <t>-0.04505062374604307</t>
  </si>
  <si>
    <t>8.928080558776855</t>
  </si>
  <si>
    <t>818.123779296875</t>
  </si>
  <si>
    <t>-0.09770972191304672</t>
  </si>
  <si>
    <t>8.414764404296875</t>
  </si>
  <si>
    <t>918.5169067382812</t>
  </si>
  <si>
    <t>0.06355661448349714</t>
  </si>
  <si>
    <t>8000</t>
  </si>
  <si>
    <t>8.789006233215332</t>
  </si>
  <si>
    <t>927.4749145507812</t>
  </si>
  <si>
    <t>-0.04246065118876352</t>
  </si>
  <si>
    <t>7960</t>
  </si>
  <si>
    <t>9.485045433044434</t>
  </si>
  <si>
    <t>715.210205078125</t>
  </si>
  <si>
    <t>-0.005012541823544936</t>
  </si>
  <si>
    <t>9.240769386291504</t>
  </si>
  <si>
    <t>772.7987060546875</t>
  </si>
  <si>
    <t>0.02701862208616035</t>
  </si>
  <si>
    <t>9.184630393981934</t>
  </si>
  <si>
    <t>760.0776977539062</t>
  </si>
  <si>
    <t>-0.026893001836009844</t>
  </si>
  <si>
    <t>9.00589370727539</t>
  </si>
  <si>
    <t>926.411865234375</t>
  </si>
  <si>
    <t>0.05236670375771624</t>
  </si>
  <si>
    <t>9.115497589111328</t>
  </si>
  <si>
    <t>798.8430786132812</t>
  </si>
  <si>
    <t>-0.023275093487503895</t>
  </si>
  <si>
    <t>8.86623764038086</t>
  </si>
  <si>
    <t>783.5433349609375</t>
  </si>
  <si>
    <t>552.9034423828125</t>
  </si>
  <si>
    <t>Kaliningrad</t>
  </si>
  <si>
    <t>8.170929908752441</t>
  </si>
  <si>
    <t>703.8624877929688</t>
  </si>
  <si>
    <t>-0.05570550466580748</t>
  </si>
  <si>
    <t>10706</t>
  </si>
  <si>
    <t>8.50792407989502</t>
  </si>
  <si>
    <t>684.9740600585938</t>
  </si>
  <si>
    <t>-0.15899601170711897</t>
  </si>
  <si>
    <t>7.460032939910889</t>
  </si>
  <si>
    <t>727.3722534179688</t>
  </si>
  <si>
    <t>-0.09118085061449044</t>
  </si>
  <si>
    <t>7.716183185577393</t>
  </si>
  <si>
    <t>686.229248046875</t>
  </si>
  <si>
    <t>-0.13497957643122938</t>
  </si>
  <si>
    <t>7.779560089111328</t>
  </si>
  <si>
    <t>679.952392578125</t>
  </si>
  <si>
    <t>-0.043196282983018364</t>
  </si>
  <si>
    <t>6.843310832977295</t>
  </si>
  <si>
    <t>547.6453247070312</t>
  </si>
  <si>
    <t>-0.0392794089330728</t>
  </si>
  <si>
    <t>8.144875526428223</t>
  </si>
  <si>
    <t>775.7350463867188</t>
  </si>
  <si>
    <t>0.013139797388850738</t>
  </si>
  <si>
    <t>7.544528484344482</t>
  </si>
  <si>
    <t>804.74755859375</t>
  </si>
  <si>
    <t>-0.05535111555328598</t>
  </si>
  <si>
    <t>8.748319625854492</t>
  </si>
  <si>
    <t>733.4706420898438</t>
  </si>
  <si>
    <t>0.06260477417113641</t>
  </si>
  <si>
    <t>9.260210990905762</t>
  </si>
  <si>
    <t>617.4884643554688</t>
  </si>
  <si>
    <t>0.09706451657751813</t>
  </si>
  <si>
    <t>8.138866424560547</t>
  </si>
  <si>
    <t>839.4109497070312</t>
  </si>
  <si>
    <t>0.15890503417391777</t>
  </si>
  <si>
    <t>8.523322105407715</t>
  </si>
  <si>
    <t>619.86572265625</t>
  </si>
  <si>
    <t>0.06958437443599408</t>
  </si>
  <si>
    <t>7.833619594573975</t>
  </si>
  <si>
    <t>635.7662353515625</t>
  </si>
  <si>
    <t>0.02171869970599971</t>
  </si>
  <si>
    <t>8.44373607635498</t>
  </si>
  <si>
    <t>760.4676513671875</t>
  </si>
  <si>
    <t>0.1695908093210825</t>
  </si>
  <si>
    <t>13778</t>
  </si>
  <si>
    <t>7.459207534790039</t>
  </si>
  <si>
    <t>573.6796875</t>
  </si>
  <si>
    <t>0.023648013940412937</t>
  </si>
  <si>
    <t>9.032820701599121</t>
  </si>
  <si>
    <t>716.32666015625</t>
  </si>
  <si>
    <t>0.09525739333876082</t>
  </si>
  <si>
    <t>8.655671119689941</t>
  </si>
  <si>
    <t>763.546875</t>
  </si>
  <si>
    <t>0.20138427662030978</t>
  </si>
  <si>
    <t>9.019241333007812</t>
  </si>
  <si>
    <t>697.859619140625</t>
  </si>
  <si>
    <t>0.07771604305949786</t>
  </si>
  <si>
    <t>7.622539043426514</t>
  </si>
  <si>
    <t>710.7659912109375</t>
  </si>
  <si>
    <t>-0.08312555533131061</t>
  </si>
  <si>
    <t>7.9385552406311035</t>
  </si>
  <si>
    <t>859.0665283203125</t>
  </si>
  <si>
    <t>0.022791023210771755</t>
  </si>
  <si>
    <t>8.592632293701172</t>
  </si>
  <si>
    <t>723.553955078125</t>
  </si>
  <si>
    <t>0.06028461573048105</t>
  </si>
  <si>
    <t>7.668423175811768</t>
  </si>
  <si>
    <t>782.1194458007812</t>
  </si>
  <si>
    <t>0.03313918524013992</t>
  </si>
  <si>
    <t>20112</t>
  </si>
  <si>
    <t>8.543604850769043</t>
  </si>
  <si>
    <t>736.0133666992188</t>
  </si>
  <si>
    <t>-0.029203447191763487</t>
  </si>
  <si>
    <t>9.349029541015625</t>
  </si>
  <si>
    <t>702.0105590820312</t>
  </si>
  <si>
    <t>0.026398667559149658</t>
  </si>
  <si>
    <t>20134</t>
  </si>
  <si>
    <t>8.929306030273438</t>
  </si>
  <si>
    <t>599.4664916992188</t>
  </si>
  <si>
    <t>-0.025305391099809782</t>
  </si>
  <si>
    <t>20904</t>
  </si>
  <si>
    <t>8.930866241455078</t>
  </si>
  <si>
    <t>788.01611328125</t>
  </si>
  <si>
    <t>0.03753059991107932</t>
  </si>
  <si>
    <t>21064</t>
  </si>
  <si>
    <t>8.72607707977295</t>
  </si>
  <si>
    <t>883.0750122070312</t>
  </si>
  <si>
    <t>0.007624893975696878</t>
  </si>
  <si>
    <t>9.004778861999512</t>
  </si>
  <si>
    <t>629.4657592773438</t>
  </si>
  <si>
    <t>0.0007593014791531516</t>
  </si>
  <si>
    <t>21395</t>
  </si>
  <si>
    <t>10.04797077178955</t>
  </si>
  <si>
    <t>638.4415283203125</t>
  </si>
  <si>
    <t>0.014832526195618811</t>
  </si>
  <si>
    <t>686.7931518554688</t>
  </si>
  <si>
    <t>-0.027003061815873863</t>
  </si>
  <si>
    <t>8.525653839111328</t>
  </si>
  <si>
    <t>713.2530517578125</t>
  </si>
  <si>
    <t>0.05243070251570181</t>
  </si>
  <si>
    <t>21442</t>
  </si>
  <si>
    <t>9.148131370544434</t>
  </si>
  <si>
    <t>687.4762573242188</t>
  </si>
  <si>
    <t>-0.02323327513455986</t>
  </si>
  <si>
    <t>10.646464347839355</t>
  </si>
  <si>
    <t>365.1549072265625</t>
  </si>
  <si>
    <t>156.54896545410156</t>
  </si>
  <si>
    <t>Kalmyk</t>
  </si>
  <si>
    <t>10422</t>
  </si>
  <si>
    <t>10.440009117126465</t>
  </si>
  <si>
    <t>367.59619140625</t>
  </si>
  <si>
    <t>-0.055702099018617446</t>
  </si>
  <si>
    <t>9.52760124206543</t>
  </si>
  <si>
    <t>424.3446044921875</t>
  </si>
  <si>
    <t>-0.15899190696121046</t>
  </si>
  <si>
    <t>8.961810111999512</t>
  </si>
  <si>
    <t>357.12139892578125</t>
  </si>
  <si>
    <t>-0.09121284855925893</t>
  </si>
  <si>
    <t>9.195117950439453</t>
  </si>
  <si>
    <t>283.156494140625</t>
  </si>
  <si>
    <t>-0.13502886042251738</t>
  </si>
  <si>
    <t>11.141368865966797</t>
  </si>
  <si>
    <t>394.6288757324219</t>
  </si>
  <si>
    <t>-0.043087134412381545</t>
  </si>
  <si>
    <t>9.829380989074707</t>
  </si>
  <si>
    <t>374.3793029785156</t>
  </si>
  <si>
    <t>-0.03934441392715904</t>
  </si>
  <si>
    <t>6615</t>
  </si>
  <si>
    <t>9.794291496276855</t>
  </si>
  <si>
    <t>387.0030212402344</t>
  </si>
  <si>
    <t>0.013086005362422881</t>
  </si>
  <si>
    <t>10.636430740356445</t>
  </si>
  <si>
    <t>305.3660583496094</t>
  </si>
  <si>
    <t>-0.05531936962435502</t>
  </si>
  <si>
    <t>11.14287281036377</t>
  </si>
  <si>
    <t>327.99847412109375</t>
  </si>
  <si>
    <t>0.06269947692197775</t>
  </si>
  <si>
    <t>11.13772201538086</t>
  </si>
  <si>
    <t>325.88494873046875</t>
  </si>
  <si>
    <t>0.0970275736049313</t>
  </si>
  <si>
    <t>6828</t>
  </si>
  <si>
    <t>10.846202850341797</t>
  </si>
  <si>
    <t>383.19354248046875</t>
  </si>
  <si>
    <t>-0.07271567353727804</t>
  </si>
  <si>
    <t>10.619182586669922</t>
  </si>
  <si>
    <t>382.6086120605469</t>
  </si>
  <si>
    <t>-0.04523760676106647</t>
  </si>
  <si>
    <t>10.123127937316895</t>
  </si>
  <si>
    <t>346.6792907714844</t>
  </si>
  <si>
    <t>-0.23234140714975027</t>
  </si>
  <si>
    <t>11.459671974182129</t>
  </si>
  <si>
    <t>432.580322265625</t>
  </si>
  <si>
    <t>0.0723251571840482</t>
  </si>
  <si>
    <t>5221</t>
  </si>
  <si>
    <t>10.491347312927246</t>
  </si>
  <si>
    <t>348.6597900390625</t>
  </si>
  <si>
    <t>-0.06308899377701138</t>
  </si>
  <si>
    <t>11.536503791809082</t>
  </si>
  <si>
    <t>357.66912841796875</t>
  </si>
  <si>
    <t>0.14239830489231586</t>
  </si>
  <si>
    <t>10.608774185180664</t>
  </si>
  <si>
    <t>243.6465301513672</t>
  </si>
  <si>
    <t>0.16416209703069917</t>
  </si>
  <si>
    <t>11.11160945892334</t>
  </si>
  <si>
    <t>349.2464599609375</t>
  </si>
  <si>
    <t>0.05204716859672409</t>
  </si>
  <si>
    <t>10.864753723144531</t>
  </si>
  <si>
    <t>409.5270690917969</t>
  </si>
  <si>
    <t>0.11955080479158298</t>
  </si>
  <si>
    <t>12.136161804199219</t>
  </si>
  <si>
    <t>328.4803771972656</t>
  </si>
  <si>
    <t>-0.09705713347898914</t>
  </si>
  <si>
    <t>9.982123374938965</t>
  </si>
  <si>
    <t>369.5584411621094</t>
  </si>
  <si>
    <t>0.04515122037740582</t>
  </si>
  <si>
    <t>11.295683860778809</t>
  </si>
  <si>
    <t>319.2839050292969</t>
  </si>
  <si>
    <t>0.15450793752103031</t>
  </si>
  <si>
    <t>11.48035717010498</t>
  </si>
  <si>
    <t>354.3471374511719</t>
  </si>
  <si>
    <t>0.08559946486552761</t>
  </si>
  <si>
    <t>10.810844421386719</t>
  </si>
  <si>
    <t>271.7875671386719</t>
  </si>
  <si>
    <t>0.03622359624834104</t>
  </si>
  <si>
    <t>11.464097023010254</t>
  </si>
  <si>
    <t>340.5146484375</t>
  </si>
  <si>
    <t>-0.013370459902056098</t>
  </si>
  <si>
    <t>11.40662670135498</t>
  </si>
  <si>
    <t>383.9478759765625</t>
  </si>
  <si>
    <t>0.12127020227099727</t>
  </si>
  <si>
    <t>11.27248477935791</t>
  </si>
  <si>
    <t>328.4566650390625</t>
  </si>
  <si>
    <t>0.02315015628716921</t>
  </si>
  <si>
    <t>11.218003273010254</t>
  </si>
  <si>
    <t>320.2148132324219</t>
  </si>
  <si>
    <t>0.10938005400660344</t>
  </si>
  <si>
    <t>12.018229484558105</t>
  </si>
  <si>
    <t>305.3874206542969</t>
  </si>
  <si>
    <t>0.011864294588121993</t>
  </si>
  <si>
    <t>12.075172424316406</t>
  </si>
  <si>
    <t>250.24783325195312</t>
  </si>
  <si>
    <t>-0.027046848532942036</t>
  </si>
  <si>
    <t>13916</t>
  </si>
  <si>
    <t>11.783181190490723</t>
  </si>
  <si>
    <t>417.3850402832031</t>
  </si>
  <si>
    <t>0.052519443298749025</t>
  </si>
  <si>
    <t>13596</t>
  </si>
  <si>
    <t>11.674064636230469</t>
  </si>
  <si>
    <t>289.6031188964844</t>
  </si>
  <si>
    <t>-0.02326362545582583</t>
  </si>
  <si>
    <t>12248</t>
  </si>
  <si>
    <t>6.2641119956970215</t>
  </si>
  <si>
    <t>765.6124267578125</t>
  </si>
  <si>
    <t>488.5641174316406</t>
  </si>
  <si>
    <t>Kaluga</t>
  </si>
  <si>
    <t>5.981782913208008</t>
  </si>
  <si>
    <t>664.5208740234375</t>
  </si>
  <si>
    <t>-0.05565150047104339</t>
  </si>
  <si>
    <t>5.874492645263672</t>
  </si>
  <si>
    <t>556.8995361328125</t>
  </si>
  <si>
    <t>-0.15899623746078007</t>
  </si>
  <si>
    <t>9021</t>
  </si>
  <si>
    <t>4.864617824554443</t>
  </si>
  <si>
    <t>672.736572265625</t>
  </si>
  <si>
    <t>-0.09115972774905678</t>
  </si>
  <si>
    <t>4.821169853210449</t>
  </si>
  <si>
    <t>611.5563354492188</t>
  </si>
  <si>
    <t>-0.13510039330298973</t>
  </si>
  <si>
    <t>5.827050685882568</t>
  </si>
  <si>
    <t>597.8287963867188</t>
  </si>
  <si>
    <t>-0.043039695214025286</t>
  </si>
  <si>
    <t>4.913522243499756</t>
  </si>
  <si>
    <t>554.7728881835938</t>
  </si>
  <si>
    <t>-0.03931079536660853</t>
  </si>
  <si>
    <t>5.373246669769287</t>
  </si>
  <si>
    <t>649.3842163085938</t>
  </si>
  <si>
    <t>6958</t>
  </si>
  <si>
    <t>5.0027079582214355</t>
  </si>
  <si>
    <t>853.2655029296875</t>
  </si>
  <si>
    <t>-0.05521631648433534</t>
  </si>
  <si>
    <t>6.346092700958252</t>
  </si>
  <si>
    <t>604.760498046875</t>
  </si>
  <si>
    <t>0.0626684206141288</t>
  </si>
  <si>
    <t>6.680291652679443</t>
  </si>
  <si>
    <t>689.7044067382812</t>
  </si>
  <si>
    <t>0.09692873963973447</t>
  </si>
  <si>
    <t>5.7412261962890625</t>
  </si>
  <si>
    <t>658.2059936523438</t>
  </si>
  <si>
    <t>0.12664668384702615</t>
  </si>
  <si>
    <t>5.859624862670898</t>
  </si>
  <si>
    <t>532.4213256835938</t>
  </si>
  <si>
    <t>0.01924369839262674</t>
  </si>
  <si>
    <t>5.587692737579346</t>
  </si>
  <si>
    <t>712.7383422851562</t>
  </si>
  <si>
    <t>0.14228164612589822</t>
  </si>
  <si>
    <t>6.101028919219971</t>
  </si>
  <si>
    <t>706.4522094726562</t>
  </si>
  <si>
    <t>-0.011732778130909338</t>
  </si>
  <si>
    <t>5.272317409515381</t>
  </si>
  <si>
    <t>581.1561279296875</t>
  </si>
  <si>
    <t>0.01677149521805177</t>
  </si>
  <si>
    <t>6.1274847984313965</t>
  </si>
  <si>
    <t>708.693359375</t>
  </si>
  <si>
    <t>0.05735638991594705</t>
  </si>
  <si>
    <t>13218</t>
  </si>
  <si>
    <t>6.248924732208252</t>
  </si>
  <si>
    <t>569.7210083007812</t>
  </si>
  <si>
    <t>0.13152316469600756</t>
  </si>
  <si>
    <t>6.939361572265625</t>
  </si>
  <si>
    <t>721.630126953125</t>
  </si>
  <si>
    <t>0.15751703245927473</t>
  </si>
  <si>
    <t>5.264509677886963</t>
  </si>
  <si>
    <t>669.7417602539062</t>
  </si>
  <si>
    <t>0.005735475687203007</t>
  </si>
  <si>
    <t>6.439765453338623</t>
  </si>
  <si>
    <t>613.63671875</t>
  </si>
  <si>
    <t>0.0814159203667888</t>
  </si>
  <si>
    <t>6.197042942047119</t>
  </si>
  <si>
    <t>635.1097412109375</t>
  </si>
  <si>
    <t>0.07879344270796018</t>
  </si>
  <si>
    <t>21019</t>
  </si>
  <si>
    <t>5.416325092315674</t>
  </si>
  <si>
    <t>773.2909545898438</t>
  </si>
  <si>
    <t>0.14038538230835584</t>
  </si>
  <si>
    <t>20368</t>
  </si>
  <si>
    <t>6.501737594604492</t>
  </si>
  <si>
    <t>707.6327514648438</t>
  </si>
  <si>
    <t>-0.031461748762792396</t>
  </si>
  <si>
    <t>6.911902904510498</t>
  </si>
  <si>
    <t>482.9076232910156</t>
  </si>
  <si>
    <t>0.010354688590851424</t>
  </si>
  <si>
    <t>6.755901336669922</t>
  </si>
  <si>
    <t>613.3054809570312</t>
  </si>
  <si>
    <t>-0.08886838773684147</t>
  </si>
  <si>
    <t>6.633859157562256</t>
  </si>
  <si>
    <t>787.9293212890625</t>
  </si>
  <si>
    <t>0.038852983471310054</t>
  </si>
  <si>
    <t>6.439268112182617</t>
  </si>
  <si>
    <t>757.0162963867188</t>
  </si>
  <si>
    <t>0.0494321438232177</t>
  </si>
  <si>
    <t>21426</t>
  </si>
  <si>
    <t>6.008765697479248</t>
  </si>
  <si>
    <t>581.4081420898438</t>
  </si>
  <si>
    <t>0.040868667876777565</t>
  </si>
  <si>
    <t>22470</t>
  </si>
  <si>
    <t>7.780153751373291</t>
  </si>
  <si>
    <t>576.2254028320312</t>
  </si>
  <si>
    <t>0.04757594835687051</t>
  </si>
  <si>
    <t>7.189615726470947</t>
  </si>
  <si>
    <t>720.31640625</t>
  </si>
  <si>
    <t>-0.026973806215643492</t>
  </si>
  <si>
    <t>6.103501796722412</t>
  </si>
  <si>
    <t>716.0159912109375</t>
  </si>
  <si>
    <t>0.05245848946106335</t>
  </si>
  <si>
    <t>6.589611053466797</t>
  </si>
  <si>
    <t>787.6549682617188</t>
  </si>
  <si>
    <t>-0.023261966171167714</t>
  </si>
  <si>
    <t>26813</t>
  </si>
  <si>
    <t>-0.15317757427692413</t>
  </si>
  <si>
    <t>1035.87841796875</t>
  </si>
  <si>
    <t>184.54966735839844</t>
  </si>
  <si>
    <t>Kamchatka</t>
  </si>
  <si>
    <t>-0.7597236633300781</t>
  </si>
  <si>
    <t>895.1958618164062</t>
  </si>
  <si>
    <t>-0.05567428356475901</t>
  </si>
  <si>
    <t>-1.484668254852295</t>
  </si>
  <si>
    <t>818.7426147460938</t>
  </si>
  <si>
    <t>-0.1590388611076996</t>
  </si>
  <si>
    <t>19747</t>
  </si>
  <si>
    <t>-1.1139965057373047</t>
  </si>
  <si>
    <t>898.080810546875</t>
  </si>
  <si>
    <t>-0.09117211878538001</t>
  </si>
  <si>
    <t>17253</t>
  </si>
  <si>
    <t>-0.7695203423500061</t>
  </si>
  <si>
    <t>977.1884765625</t>
  </si>
  <si>
    <t>-0.13501553967544666</t>
  </si>
  <si>
    <t>-0.05933248996734619</t>
  </si>
  <si>
    <t>1164.4429931640625</t>
  </si>
  <si>
    <t>-0.043111655661975945</t>
  </si>
  <si>
    <t>0.16900046169757843</t>
  </si>
  <si>
    <t>1242.437744140625</t>
  </si>
  <si>
    <t>-0.039310278434934176</t>
  </si>
  <si>
    <t>-0.31945356726646423</t>
  </si>
  <si>
    <t>1091.3839111328125</t>
  </si>
  <si>
    <t>0.013068811921275625</t>
  </si>
  <si>
    <t>15232</t>
  </si>
  <si>
    <t>-1.6069525480270386</t>
  </si>
  <si>
    <t>802.3038940429688</t>
  </si>
  <si>
    <t>-0.055234441175082694</t>
  </si>
  <si>
    <t>16216</t>
  </si>
  <si>
    <t>-1.7809109687805176</t>
  </si>
  <si>
    <t>1107.7257080078125</t>
  </si>
  <si>
    <t>0.06259993110068862</t>
  </si>
  <si>
    <t>-1.8567460775375366</t>
  </si>
  <si>
    <t>802.2080078125</t>
  </si>
  <si>
    <t>0.09701299434017407</t>
  </si>
  <si>
    <t>19406</t>
  </si>
  <si>
    <t>-2.0682618618011475</t>
  </si>
  <si>
    <t>892.1041870117188</t>
  </si>
  <si>
    <t>0.0825708931132354</t>
  </si>
  <si>
    <t>19025</t>
  </si>
  <si>
    <t>-1.121501088142395</t>
  </si>
  <si>
    <t>1065.1644287109375</t>
  </si>
  <si>
    <t>-0.019828392855357535</t>
  </si>
  <si>
    <t>19399</t>
  </si>
  <si>
    <t>-0.020555788651108742</t>
  </si>
  <si>
    <t>951.4955444335938</t>
  </si>
  <si>
    <t>0.019467614601218486</t>
  </si>
  <si>
    <t>19337</t>
  </si>
  <si>
    <t>-0.36979642510414124</t>
  </si>
  <si>
    <t>985.3471069335938</t>
  </si>
  <si>
    <t>-0.0032011592805130107</t>
  </si>
  <si>
    <t>-0.3384874165058136</t>
  </si>
  <si>
    <t>1150.0418701171875</t>
  </si>
  <si>
    <t>0.05537555412156259</t>
  </si>
  <si>
    <t>-0.7724106311798096</t>
  </si>
  <si>
    <t>991.3566284179688</t>
  </si>
  <si>
    <t>0.12317236440942203</t>
  </si>
  <si>
    <t>24152</t>
  </si>
  <si>
    <t>-0.3307033181190491</t>
  </si>
  <si>
    <t>1125.693115234375</t>
  </si>
  <si>
    <t>0.04379891480509812</t>
  </si>
  <si>
    <t>-0.15817344188690186</t>
  </si>
  <si>
    <t>1150.9969482421875</t>
  </si>
  <si>
    <t>0.03198545191922442</t>
  </si>
  <si>
    <t>-0.6738312840461731</t>
  </si>
  <si>
    <t>820.7091064453125</t>
  </si>
  <si>
    <t>0.17718212100304775</t>
  </si>
  <si>
    <t>-0.4099114239215851</t>
  </si>
  <si>
    <t>975.8908081054688</t>
  </si>
  <si>
    <t>-0.027032353461541092</t>
  </si>
  <si>
    <t>-0.6479965448379517</t>
  </si>
  <si>
    <t>938.9027099609375</t>
  </si>
  <si>
    <t>-0.03522690450815702</t>
  </si>
  <si>
    <t>-0.2071019560098648</t>
  </si>
  <si>
    <t>968.467041015625</t>
  </si>
  <si>
    <t>0.05338590566494439</t>
  </si>
  <si>
    <t>29115</t>
  </si>
  <si>
    <t>-0.2739574611186981</t>
  </si>
  <si>
    <t>1012.5140380859375</t>
  </si>
  <si>
    <t>-0.013407907732974067</t>
  </si>
  <si>
    <t>29060</t>
  </si>
  <si>
    <t>0.5535825490951538</t>
  </si>
  <si>
    <t>926.2940063476562</t>
  </si>
  <si>
    <t>-0.0018908471469458732</t>
  </si>
  <si>
    <t>31007</t>
  </si>
  <si>
    <t>-0.8450143933296204</t>
  </si>
  <si>
    <t>937.8968505859375</t>
  </si>
  <si>
    <t>0.06485032730418361</t>
  </si>
  <si>
    <t>33246</t>
  </si>
  <si>
    <t>-0.42012980580329895</t>
  </si>
  <si>
    <t>1021.5476684570312</t>
  </si>
  <si>
    <t>0.06972147366694692</t>
  </si>
  <si>
    <t>31978</t>
  </si>
  <si>
    <t>0.7436934113502502</t>
  </si>
  <si>
    <t>1071.0521240234375</t>
  </si>
  <si>
    <t>-0.038886292750039075</t>
  </si>
  <si>
    <t>0.31199371814727783</t>
  </si>
  <si>
    <t>1000.9203491210938</t>
  </si>
  <si>
    <t>0.10802754200706488</t>
  </si>
  <si>
    <t>-0.1894872933626175</t>
  </si>
  <si>
    <t>1115.075439453125</t>
  </si>
  <si>
    <t>0.03648993902391773</t>
  </si>
  <si>
    <t>35966</t>
  </si>
  <si>
    <t>-0.33511659502983093</t>
  </si>
  <si>
    <t>1126.0767822265625</t>
  </si>
  <si>
    <t>-0.02699159965120579</t>
  </si>
  <si>
    <t>37902</t>
  </si>
  <si>
    <t>0.414087176322937</t>
  </si>
  <si>
    <t>1108.889892578125</t>
  </si>
  <si>
    <t>0.05242983340161267</t>
  </si>
  <si>
    <t>0.9518125653266907</t>
  </si>
  <si>
    <t>1169.64501953125</t>
  </si>
  <si>
    <t>-0.02322147741564784</t>
  </si>
  <si>
    <t>7.659069538116455</t>
  </si>
  <si>
    <t>745.689208984375</t>
  </si>
  <si>
    <t>383.8255310058594</t>
  </si>
  <si>
    <t>Karachay-Cherkess</t>
  </si>
  <si>
    <t>6405</t>
  </si>
  <si>
    <t>7.058598041534424</t>
  </si>
  <si>
    <t>774.4917602539062</t>
  </si>
  <si>
    <t>-0.05571752892219095</t>
  </si>
  <si>
    <t>6.277736186981201</t>
  </si>
  <si>
    <t>998.8155517578125</t>
  </si>
  <si>
    <t>-0.15908084593511695</t>
  </si>
  <si>
    <t>6.493489742279053</t>
  </si>
  <si>
    <t>748.759033203125</t>
  </si>
  <si>
    <t>-0.09116356284959437</t>
  </si>
  <si>
    <t>7.272620677947998</t>
  </si>
  <si>
    <t>583.8681640625</t>
  </si>
  <si>
    <t>-0.13505077942868127</t>
  </si>
  <si>
    <t>7.594723224639893</t>
  </si>
  <si>
    <t>899.4087524414062</t>
  </si>
  <si>
    <t>-0.04314854552588976</t>
  </si>
  <si>
    <t>7.303674697875977</t>
  </si>
  <si>
    <t>824.0648193359375</t>
  </si>
  <si>
    <t>-0.03909611032463545</t>
  </si>
  <si>
    <t>6.910621643066406</t>
  </si>
  <si>
    <t>896.81494140625</t>
  </si>
  <si>
    <t>0.012874651714994911</t>
  </si>
  <si>
    <t>8.020953178405762</t>
  </si>
  <si>
    <t>718.0006103515625</t>
  </si>
  <si>
    <t>-0.055120119229616904</t>
  </si>
  <si>
    <t>7.954768657684326</t>
  </si>
  <si>
    <t>786.0552978515625</t>
  </si>
  <si>
    <t>0.062473093534874735</t>
  </si>
  <si>
    <t>8.015069007873535</t>
  </si>
  <si>
    <t>705.1314697265625</t>
  </si>
  <si>
    <t>0.09719540353983191</t>
  </si>
  <si>
    <t>7.895454406738281</t>
  </si>
  <si>
    <t>877.5686645507812</t>
  </si>
  <si>
    <t>0.12286648123697042</t>
  </si>
  <si>
    <t>8.025103569030762</t>
  </si>
  <si>
    <t>863.4258422851562</t>
  </si>
  <si>
    <t>0.18841049995059933</t>
  </si>
  <si>
    <t>6006</t>
  </si>
  <si>
    <t>7.0762457847595215</t>
  </si>
  <si>
    <t>752.1281127929688</t>
  </si>
  <si>
    <t>-0.025480132471296102</t>
  </si>
  <si>
    <t>7.892812252044678</t>
  </si>
  <si>
    <t>1041.7667236328125</t>
  </si>
  <si>
    <t>-0.06874315241960183</t>
  </si>
  <si>
    <t>7.5937066078186035</t>
  </si>
  <si>
    <t>834.2335815429688</t>
  </si>
  <si>
    <t>0.041912892051996664</t>
  </si>
  <si>
    <t>8.099210739135742</t>
  </si>
  <si>
    <t>829.5861206054688</t>
  </si>
  <si>
    <t>0.17697693084148192</t>
  </si>
  <si>
    <t>7128</t>
  </si>
  <si>
    <t>8.051210403442383</t>
  </si>
  <si>
    <t>720.5166625976562</t>
  </si>
  <si>
    <t>0.021125050133493417</t>
  </si>
  <si>
    <t>8.240012168884277</t>
  </si>
  <si>
    <t>808.894287109375</t>
  </si>
  <si>
    <t>0.11278240015763608</t>
  </si>
  <si>
    <t>8.390145301818848</t>
  </si>
  <si>
    <t>939.0364379882812</t>
  </si>
  <si>
    <t>0.04389034910233214</t>
  </si>
  <si>
    <t>9.226630210876465</t>
  </si>
  <si>
    <t>760.63623046875</t>
  </si>
  <si>
    <t>-0.002762598598030408</t>
  </si>
  <si>
    <t>7.232001781463623</t>
  </si>
  <si>
    <t>892.71435546875</t>
  </si>
  <si>
    <t>-0.023487541530171185</t>
  </si>
  <si>
    <t>8.543207168579102</t>
  </si>
  <si>
    <t>673.781982421875</t>
  </si>
  <si>
    <t>0.12529351538476696</t>
  </si>
  <si>
    <t>8.196246147155762</t>
  </si>
  <si>
    <t>893.0440673828125</t>
  </si>
  <si>
    <t>0.0641650130433824</t>
  </si>
  <si>
    <t>8838</t>
  </si>
  <si>
    <t>8.588994979858398</t>
  </si>
  <si>
    <t>725.24658203125</t>
  </si>
  <si>
    <t>-0.1048512210198762</t>
  </si>
  <si>
    <t>8.369584083557129</t>
  </si>
  <si>
    <t>756.5031127929688</t>
  </si>
  <si>
    <t>-0.09152689513137524</t>
  </si>
  <si>
    <t>8.206830978393555</t>
  </si>
  <si>
    <t>859.0892944335938</t>
  </si>
  <si>
    <t>0.008273184188928084</t>
  </si>
  <si>
    <t>8.548312187194824</t>
  </si>
  <si>
    <t>840.8546142578125</t>
  </si>
  <si>
    <t>-0.01611538533105694</t>
  </si>
  <si>
    <t>9.163467407226562</t>
  </si>
  <si>
    <t>685.2782592773438</t>
  </si>
  <si>
    <t>-0.019050598218925074</t>
  </si>
  <si>
    <t>8.900786399841309</t>
  </si>
  <si>
    <t>728.2153930664062</t>
  </si>
  <si>
    <t>0.04300531816053521</t>
  </si>
  <si>
    <t>9.09504222869873</t>
  </si>
  <si>
    <t>647.914794921875</t>
  </si>
  <si>
    <t>-0.026958476893439</t>
  </si>
  <si>
    <t>8.384698867797852</t>
  </si>
  <si>
    <t>904.8123168945312</t>
  </si>
  <si>
    <t>0.0524958800914348</t>
  </si>
  <si>
    <t>8.674633979797363</t>
  </si>
  <si>
    <t>718.8764038085938</t>
  </si>
  <si>
    <t>-0.023221882085417533</t>
  </si>
  <si>
    <t>3.44213604927063</t>
  </si>
  <si>
    <t>566.3599243164062</t>
  </si>
  <si>
    <t>678.4859619140625</t>
  </si>
  <si>
    <t>Karelia</t>
  </si>
  <si>
    <t>19898</t>
  </si>
  <si>
    <t>3.1935641765594482</t>
  </si>
  <si>
    <t>648.8294067382812</t>
  </si>
  <si>
    <t>-0.05571110214991393</t>
  </si>
  <si>
    <t>16973</t>
  </si>
  <si>
    <t>3.1550588607788086</t>
  </si>
  <si>
    <t>566.2675170898438</t>
  </si>
  <si>
    <t>-0.15899537798777352</t>
  </si>
  <si>
    <t>1.915472149848938</t>
  </si>
  <si>
    <t>586.9869384765625</t>
  </si>
  <si>
    <t>-0.0911709939696852</t>
  </si>
  <si>
    <t>2.3345396518707275</t>
  </si>
  <si>
    <t>614.64990234375</t>
  </si>
  <si>
    <t>-0.13502617500606107</t>
  </si>
  <si>
    <t>3.057126760482788</t>
  </si>
  <si>
    <t>585.5779418945312</t>
  </si>
  <si>
    <t>-0.04309613045084504</t>
  </si>
  <si>
    <t>12466</t>
  </si>
  <si>
    <t>2.078298807144165</t>
  </si>
  <si>
    <t>551.6922607421875</t>
  </si>
  <si>
    <t>-0.03932560836614485</t>
  </si>
  <si>
    <t>2.758559226989746</t>
  </si>
  <si>
    <t>576.2881469726562</t>
  </si>
  <si>
    <t>0.013069997975740932</t>
  </si>
  <si>
    <t>1.5514496564865112</t>
  </si>
  <si>
    <t>676.824951171875</t>
  </si>
  <si>
    <t>-0.05525997947765582</t>
  </si>
  <si>
    <t>3.3380377292633057</t>
  </si>
  <si>
    <t>513.1875</t>
  </si>
  <si>
    <t>0.06259642227581885</t>
  </si>
  <si>
    <t>14019</t>
  </si>
  <si>
    <t>4.088431358337402</t>
  </si>
  <si>
    <t>617.7095336914062</t>
  </si>
  <si>
    <t>0.09700217322583526</t>
  </si>
  <si>
    <t>2.4844374656677246</t>
  </si>
  <si>
    <t>579.9730224609375</t>
  </si>
  <si>
    <t>0.017255219154886703</t>
  </si>
  <si>
    <t>2.2714109420776367</t>
  </si>
  <si>
    <t>508.08538818359375</t>
  </si>
  <si>
    <t>0.06546706697896632</t>
  </si>
  <si>
    <t>15179</t>
  </si>
  <si>
    <t>3.166666269302368</t>
  </si>
  <si>
    <t>629.4251708984375</t>
  </si>
  <si>
    <t>-0.003222944875529876</t>
  </si>
  <si>
    <t>14810</t>
  </si>
  <si>
    <t>3.438852310180664</t>
  </si>
  <si>
    <t>711.6720581054688</t>
  </si>
  <si>
    <t>-0.024610265365014428</t>
  </si>
  <si>
    <t>17862</t>
  </si>
  <si>
    <t>3.2382071018218994</t>
  </si>
  <si>
    <t>538.5847778320312</t>
  </si>
  <si>
    <t>0.1873729229819876</t>
  </si>
  <si>
    <t>17266</t>
  </si>
  <si>
    <t>3.3953354358673096</t>
  </si>
  <si>
    <t>602.629150390625</t>
  </si>
  <si>
    <t>-0.03393630144836379</t>
  </si>
  <si>
    <t>3.7383174896240234</t>
  </si>
  <si>
    <t>628.319091796875</t>
  </si>
  <si>
    <t>0.09659406615680766</t>
  </si>
  <si>
    <t>18353</t>
  </si>
  <si>
    <t>3.8217620849609375</t>
  </si>
  <si>
    <t>684.9588623046875</t>
  </si>
  <si>
    <t>-0.03554026709380409</t>
  </si>
  <si>
    <t>2.3204500675201416</t>
  </si>
  <si>
    <t>632.73974609375</t>
  </si>
  <si>
    <t>-0.10129437647731798</t>
  </si>
  <si>
    <t>16910</t>
  </si>
  <si>
    <t>2.473951578140259</t>
  </si>
  <si>
    <t>628.6084594726562</t>
  </si>
  <si>
    <t>0.01940649051147325</t>
  </si>
  <si>
    <t>18970</t>
  </si>
  <si>
    <t>3.9173548221588135</t>
  </si>
  <si>
    <t>590.4521484375</t>
  </si>
  <si>
    <t>0.11495362103643281</t>
  </si>
  <si>
    <t>2.373619794845581</t>
  </si>
  <si>
    <t>742.8414306640625</t>
  </si>
  <si>
    <t>-0.014602675517846109</t>
  </si>
  <si>
    <t>19645</t>
  </si>
  <si>
    <t>3.767960786819458</t>
  </si>
  <si>
    <t>592.0914916992188</t>
  </si>
  <si>
    <t>0.049566744581346356</t>
  </si>
  <si>
    <t>4.332768440246582</t>
  </si>
  <si>
    <t>567.9476928710938</t>
  </si>
  <si>
    <t>-0.024528462154400188</t>
  </si>
  <si>
    <t>3.8766157627105713</t>
  </si>
  <si>
    <t>615.43359375</t>
  </si>
  <si>
    <t>-0.019012079618253352</t>
  </si>
  <si>
    <t>4.269864559173584</t>
  </si>
  <si>
    <t>677.5001220703125</t>
  </si>
  <si>
    <t>0.04099212041382572</t>
  </si>
  <si>
    <t>20214</t>
  </si>
  <si>
    <t>3.402979850769043</t>
  </si>
  <si>
    <t>712.7810668945312</t>
  </si>
  <si>
    <t>0.03110100200087551</t>
  </si>
  <si>
    <t>20701</t>
  </si>
  <si>
    <t>3.460808515548706</t>
  </si>
  <si>
    <t>576.5191650390625</t>
  </si>
  <si>
    <t>0.02380657463074698</t>
  </si>
  <si>
    <t>4.490444660186768</t>
  </si>
  <si>
    <t>675.69140625</t>
  </si>
  <si>
    <t>0.05580221924780027</t>
  </si>
  <si>
    <t>4.52930212020874</t>
  </si>
  <si>
    <t>669.1229248046875</t>
  </si>
  <si>
    <t>-0.026995504342011145</t>
  </si>
  <si>
    <t>3.248523712158203</t>
  </si>
  <si>
    <t>651.436767578125</t>
  </si>
  <si>
    <t>0.05248004884758117</t>
  </si>
  <si>
    <t>4.11657190322876</t>
  </si>
  <si>
    <t>645.0938720703125</t>
  </si>
  <si>
    <t>-0.02324847904744587</t>
  </si>
  <si>
    <t>3.4227964878082275</t>
  </si>
  <si>
    <t>580.5946044921875</t>
  </si>
  <si>
    <t>1617.5367431640625</t>
  </si>
  <si>
    <t>Kemerovo</t>
  </si>
  <si>
    <t>15516</t>
  </si>
  <si>
    <t>2.4942305088043213</t>
  </si>
  <si>
    <t>519.2486572265625</t>
  </si>
  <si>
    <t>-0.05571441683534495</t>
  </si>
  <si>
    <t>2.0347399711608887</t>
  </si>
  <si>
    <t>557.1653442382812</t>
  </si>
  <si>
    <t>-0.15900691389865607</t>
  </si>
  <si>
    <t>1.7875423431396484</t>
  </si>
  <si>
    <t>536.2217407226562</t>
  </si>
  <si>
    <t>-0.09114809396251466</t>
  </si>
  <si>
    <t>2.2696373462677</t>
  </si>
  <si>
    <t>522.3572387695312</t>
  </si>
  <si>
    <t>-0.13502232307547146</t>
  </si>
  <si>
    <t>3.019958734512329</t>
  </si>
  <si>
    <t>567.5072021484375</t>
  </si>
  <si>
    <t>-0.04316938560869765</t>
  </si>
  <si>
    <t>1.3509572744369507</t>
  </si>
  <si>
    <t>656.6237182617188</t>
  </si>
  <si>
    <t>-0.03923653919344794</t>
  </si>
  <si>
    <t>2.6705057621002197</t>
  </si>
  <si>
    <t>467.5713195800781</t>
  </si>
  <si>
    <t>0.013081433348633098</t>
  </si>
  <si>
    <t>9319</t>
  </si>
  <si>
    <t>2.3829846382141113</t>
  </si>
  <si>
    <t>551.7507934570312</t>
  </si>
  <si>
    <t>-0.05531460038404745</t>
  </si>
  <si>
    <t>2.205244302749634</t>
  </si>
  <si>
    <t>445.38336181640625</t>
  </si>
  <si>
    <t>0.06259839586424754</t>
  </si>
  <si>
    <t>1.6218271255493164</t>
  </si>
  <si>
    <t>638.6921997070312</t>
  </si>
  <si>
    <t>0.0970405453980554</t>
  </si>
  <si>
    <t>3.6421968936920166</t>
  </si>
  <si>
    <t>582.7400512695312</t>
  </si>
  <si>
    <t>0.08593597275140219</t>
  </si>
  <si>
    <t>3.0842597484588623</t>
  </si>
  <si>
    <t>649.8037719726562</t>
  </si>
  <si>
    <t>0.039501556265513216</t>
  </si>
  <si>
    <t>2.4501402378082275</t>
  </si>
  <si>
    <t>464.6367492675781</t>
  </si>
  <si>
    <t>0.06588414164889755</t>
  </si>
  <si>
    <t>2.832975149154663</t>
  </si>
  <si>
    <t>591.95751953125</t>
  </si>
  <si>
    <t>0.21444830619871524</t>
  </si>
  <si>
    <t>16567</t>
  </si>
  <si>
    <t>1.716050148010254</t>
  </si>
  <si>
    <t>519.337646484375</t>
  </si>
  <si>
    <t>0.00994852002605029</t>
  </si>
  <si>
    <t>2.988908529281616</t>
  </si>
  <si>
    <t>570.323486328125</t>
  </si>
  <si>
    <t>0.015393673443998779</t>
  </si>
  <si>
    <t>2.6709022521972656</t>
  </si>
  <si>
    <t>589.895263671875</t>
  </si>
  <si>
    <t>0.11836404716090954</t>
  </si>
  <si>
    <t>3.274062156677246</t>
  </si>
  <si>
    <t>592.4298706054688</t>
  </si>
  <si>
    <t>0.13526581540764582</t>
  </si>
  <si>
    <t>18831</t>
  </si>
  <si>
    <t>0.6024799942970276</t>
  </si>
  <si>
    <t>613.8313598632812</t>
  </si>
  <si>
    <t>-0.14093185296544952</t>
  </si>
  <si>
    <t>0.7979934215545654</t>
  </si>
  <si>
    <t>528.6768798828125</t>
  </si>
  <si>
    <t>0.08453011807345234</t>
  </si>
  <si>
    <t>2.501108407974243</t>
  </si>
  <si>
    <t>482.0355224609375</t>
  </si>
  <si>
    <t>0.04307594280698268</t>
  </si>
  <si>
    <t>19403</t>
  </si>
  <si>
    <t>1.788174033164978</t>
  </si>
  <si>
    <t>476.8460388183594</t>
  </si>
  <si>
    <t>-0.09768281559480307</t>
  </si>
  <si>
    <t>17053</t>
  </si>
  <si>
    <t>3.01444149017334</t>
  </si>
  <si>
    <t>655.2911376953125</t>
  </si>
  <si>
    <t>-0.12910155195835848</t>
  </si>
  <si>
    <t>2.474287509918213</t>
  </si>
  <si>
    <t>574.9038696289062</t>
  </si>
  <si>
    <t>0.025817595108833302</t>
  </si>
  <si>
    <t>3.047896146774292</t>
  </si>
  <si>
    <t>580.2166748046875</t>
  </si>
  <si>
    <t>-0.008608868595420205</t>
  </si>
  <si>
    <t>16971</t>
  </si>
  <si>
    <t>2.940999984741211</t>
  </si>
  <si>
    <t>531.4296875</t>
  </si>
  <si>
    <t>-0.022028862815062666</t>
  </si>
  <si>
    <t>2.88676381111145</t>
  </si>
  <si>
    <t>520.1395263671875</t>
  </si>
  <si>
    <t>0.14254287369370466</t>
  </si>
  <si>
    <t>20126</t>
  </si>
  <si>
    <t>2.0572495460510254</t>
  </si>
  <si>
    <t>580.2521362304688</t>
  </si>
  <si>
    <t>0.0279636327883086</t>
  </si>
  <si>
    <t>3.361684799194336</t>
  </si>
  <si>
    <t>535.3201904296875</t>
  </si>
  <si>
    <t>-0.15298371714935932</t>
  </si>
  <si>
    <t>3.712153196334839</t>
  </si>
  <si>
    <t>547.2426147460938</t>
  </si>
  <si>
    <t>-0.026995360310859695</t>
  </si>
  <si>
    <t>17717</t>
  </si>
  <si>
    <t>3.030756950378418</t>
  </si>
  <si>
    <t>517.6748046875</t>
  </si>
  <si>
    <t>0.05249119656737733</t>
  </si>
  <si>
    <t>2.704015016555786</t>
  </si>
  <si>
    <t>514.652587890625</t>
  </si>
  <si>
    <t>-0.023240261430181874</t>
  </si>
  <si>
    <t>2.2339351177215576</t>
  </si>
  <si>
    <t>800.9553833007812</t>
  </si>
  <si>
    <t>794.9609375</t>
  </si>
  <si>
    <t>Khabarovsk</t>
  </si>
  <si>
    <t>22807</t>
  </si>
  <si>
    <t>0.4755493700504303</t>
  </si>
  <si>
    <t>839.2091674804688</t>
  </si>
  <si>
    <t>-0.055683607765555365</t>
  </si>
  <si>
    <t>0.6892527937889099</t>
  </si>
  <si>
    <t>717.757568359375</t>
  </si>
  <si>
    <t>-0.1590148019367632</t>
  </si>
  <si>
    <t>0.5523210167884827</t>
  </si>
  <si>
    <t>576.8582763671875</t>
  </si>
  <si>
    <t>-0.09116027477478994</t>
  </si>
  <si>
    <t>1.3605903387069702</t>
  </si>
  <si>
    <t>841.3384399414062</t>
  </si>
  <si>
    <t>-0.13502068009473867</t>
  </si>
  <si>
    <t>14861</t>
  </si>
  <si>
    <t>1.2699871063232422</t>
  </si>
  <si>
    <t>658.0894775390625</t>
  </si>
  <si>
    <t>-0.0431314178012876</t>
  </si>
  <si>
    <t>0.5994674563407898</t>
  </si>
  <si>
    <t>671.9246215820312</t>
  </si>
  <si>
    <t>-0.039320307642288554</t>
  </si>
  <si>
    <t>0.7912225723266602</t>
  </si>
  <si>
    <t>731.497314453125</t>
  </si>
  <si>
    <t>0.01307208156735129</t>
  </si>
  <si>
    <t>1.4827046394348145</t>
  </si>
  <si>
    <t>631.6563720703125</t>
  </si>
  <si>
    <t>-0.05524226892578277</t>
  </si>
  <si>
    <t>0.33958742022514343</t>
  </si>
  <si>
    <t>677.6968383789062</t>
  </si>
  <si>
    <t>0.06260662995571487</t>
  </si>
  <si>
    <t>0.23902295529842377</t>
  </si>
  <si>
    <t>727.175537109375</t>
  </si>
  <si>
    <t>0.09703548332818812</t>
  </si>
  <si>
    <t>16864</t>
  </si>
  <si>
    <t>0.9987399578094482</t>
  </si>
  <si>
    <t>541.2282104492188</t>
  </si>
  <si>
    <t>0.04828922229933674</t>
  </si>
  <si>
    <t>1.1138310432434082</t>
  </si>
  <si>
    <t>716.189697265625</t>
  </si>
  <si>
    <t>0.0955581221536086</t>
  </si>
  <si>
    <t>1.2666701078414917</t>
  </si>
  <si>
    <t>591.9600830078125</t>
  </si>
  <si>
    <t>0.01587971454892312</t>
  </si>
  <si>
    <t>18112</t>
  </si>
  <si>
    <t>1.135637640953064</t>
  </si>
  <si>
    <t>777.2991333007812</t>
  </si>
  <si>
    <t>-0.04004430704071105</t>
  </si>
  <si>
    <t>18385</t>
  </si>
  <si>
    <t>0.5637476444244385</t>
  </si>
  <si>
    <t>626.0758666992188</t>
  </si>
  <si>
    <t>0.014960412732461847</t>
  </si>
  <si>
    <t>0.7501233220100403</t>
  </si>
  <si>
    <t>734.3809814453125</t>
  </si>
  <si>
    <t>0.059750765895829616</t>
  </si>
  <si>
    <t>1.2527885437011719</t>
  </si>
  <si>
    <t>651.6895751953125</t>
  </si>
  <si>
    <t>0.04987044524508555</t>
  </si>
  <si>
    <t>20810</t>
  </si>
  <si>
    <t>1.88898503780365</t>
  </si>
  <si>
    <t>617.193115234375</t>
  </si>
  <si>
    <t>0.014277314511392802</t>
  </si>
  <si>
    <t>0.4006233513355255</t>
  </si>
  <si>
    <t>768.0194091796875</t>
  </si>
  <si>
    <t>0.004889516476323408</t>
  </si>
  <si>
    <t>0.45525825023651123</t>
  </si>
  <si>
    <t>768.0843505859375</t>
  </si>
  <si>
    <t>0.12927838665109626</t>
  </si>
  <si>
    <t>0.8044557571411133</t>
  </si>
  <si>
    <t>685.070068359375</t>
  </si>
  <si>
    <t>-0.018576385572936616</t>
  </si>
  <si>
    <t>0.45850810408592224</t>
  </si>
  <si>
    <t>775.6243286132812</t>
  </si>
  <si>
    <t>0.03569930689108958</t>
  </si>
  <si>
    <t>25965</t>
  </si>
  <si>
    <t>0.8228432536125183</t>
  </si>
  <si>
    <t>782.1659545898438</t>
  </si>
  <si>
    <t>0.07002501244516601</t>
  </si>
  <si>
    <t>25580</t>
  </si>
  <si>
    <t>1.2736576795578003</t>
  </si>
  <si>
    <t>728.9866333007812</t>
  </si>
  <si>
    <t>-0.014938681145585164</t>
  </si>
  <si>
    <t>1.3768644332885742</t>
  </si>
  <si>
    <t>775.90234375</t>
  </si>
  <si>
    <t>-0.02461638406503397</t>
  </si>
  <si>
    <t>25029</t>
  </si>
  <si>
    <t>0.5577895045280457</t>
  </si>
  <si>
    <t>779.49853515625</t>
  </si>
  <si>
    <t>0.002840740502385586</t>
  </si>
  <si>
    <t>1.138339877128601</t>
  </si>
  <si>
    <t>707.0238647460938</t>
  </si>
  <si>
    <t>-0.0007594076985206755</t>
  </si>
  <si>
    <t>1.4281750917434692</t>
  </si>
  <si>
    <t>700.7139282226562</t>
  </si>
  <si>
    <t>-0.01958273943809985</t>
  </si>
  <si>
    <t>25253</t>
  </si>
  <si>
    <t>1.2599700689315796</t>
  </si>
  <si>
    <t>780.4859008789062</t>
  </si>
  <si>
    <t>0.029251955093556603</t>
  </si>
  <si>
    <t>24580</t>
  </si>
  <si>
    <t>1.1985762119293213</t>
  </si>
  <si>
    <t>789.6759033203125</t>
  </si>
  <si>
    <t>-0.02701185640709447</t>
  </si>
  <si>
    <t>1.7132374048233032</t>
  </si>
  <si>
    <t>727.0711669921875</t>
  </si>
  <si>
    <t>0.0524642927973904</t>
  </si>
  <si>
    <t>1.3596750497817993</t>
  </si>
  <si>
    <t>783.9298095703125</t>
  </si>
  <si>
    <t>-0.023237333233860014</t>
  </si>
  <si>
    <t>2.442772150039673</t>
  </si>
  <si>
    <t>696.355712890625</t>
  </si>
  <si>
    <t>307.5633544921875</t>
  </si>
  <si>
    <t>Khakass</t>
  </si>
  <si>
    <t>1.3698424100875854</t>
  </si>
  <si>
    <t>668.3846435546875</t>
  </si>
  <si>
    <t>-0.055660059686928776</t>
  </si>
  <si>
    <t>1.0759210586547852</t>
  </si>
  <si>
    <t>707.1320190429688</t>
  </si>
  <si>
    <t>-0.15905616882634277</t>
  </si>
  <si>
    <t>12597</t>
  </si>
  <si>
    <t>1.0168259143829346</t>
  </si>
  <si>
    <t>586.4912109375</t>
  </si>
  <si>
    <t>-0.09113743539925245</t>
  </si>
  <si>
    <t>11006</t>
  </si>
  <si>
    <t>1.3668373823165894</t>
  </si>
  <si>
    <t>741.6524047851562</t>
  </si>
  <si>
    <t>-0.1350181117325988</t>
  </si>
  <si>
    <t>1.833719253540039</t>
  </si>
  <si>
    <t>675.755615234375</t>
  </si>
  <si>
    <t>-0.043168163364514456</t>
  </si>
  <si>
    <t>0.11544400453567505</t>
  </si>
  <si>
    <t>756.3770141601562</t>
  </si>
  <si>
    <t>-0.039277635369089126</t>
  </si>
  <si>
    <t>10268</t>
  </si>
  <si>
    <t>1.6551108360290527</t>
  </si>
  <si>
    <t>568.6576538085938</t>
  </si>
  <si>
    <t>0.013037483104930914</t>
  </si>
  <si>
    <t>1.3818283081054688</t>
  </si>
  <si>
    <t>596.9304809570312</t>
  </si>
  <si>
    <t>-0.0552582518689686</t>
  </si>
  <si>
    <t>0.8205375075340271</t>
  </si>
  <si>
    <t>580.10205078125</t>
  </si>
  <si>
    <t>0.06263263032963096</t>
  </si>
  <si>
    <t>11398</t>
  </si>
  <si>
    <t>0.4838334321975708</t>
  </si>
  <si>
    <t>749.3483276367188</t>
  </si>
  <si>
    <t>0.09703125994325212</t>
  </si>
  <si>
    <t>2.633063554763794</t>
  </si>
  <si>
    <t>691.8816528320312</t>
  </si>
  <si>
    <t>-0.023254797820744244</t>
  </si>
  <si>
    <t>12284</t>
  </si>
  <si>
    <t>2.005857229232788</t>
  </si>
  <si>
    <t>761.7666625976562</t>
  </si>
  <si>
    <t>0.09811449898651148</t>
  </si>
  <si>
    <t>1.4322019815444946</t>
  </si>
  <si>
    <t>699.8154907226562</t>
  </si>
  <si>
    <t>0.0026016274836777598</t>
  </si>
  <si>
    <t>11718</t>
  </si>
  <si>
    <t>1.7705674171447754</t>
  </si>
  <si>
    <t>674.8048095703125</t>
  </si>
  <si>
    <t>-0.04977310893965736</t>
  </si>
  <si>
    <t>0.5143141150474548</t>
  </si>
  <si>
    <t>645.7685546875</t>
  </si>
  <si>
    <t>0.04952949368813897</t>
  </si>
  <si>
    <t>1.6716629266738892</t>
  </si>
  <si>
    <t>734.46826171875</t>
  </si>
  <si>
    <t>0.11827922627593068</t>
  </si>
  <si>
    <t>2.0517256259918213</t>
  </si>
  <si>
    <t>648.1966552734375</t>
  </si>
  <si>
    <t>0.04120578694232435</t>
  </si>
  <si>
    <t>2.3246216773986816</t>
  </si>
  <si>
    <t>742.029052734375</t>
  </si>
  <si>
    <t>-0.014999060359960126</t>
  </si>
  <si>
    <t>15521</t>
  </si>
  <si>
    <t>-0.5070380568504333</t>
  </si>
  <si>
    <t>772.07421875</t>
  </si>
  <si>
    <t>0.08705237800001697</t>
  </si>
  <si>
    <t>16339</t>
  </si>
  <si>
    <t>-0.5430884957313538</t>
  </si>
  <si>
    <t>682.288818359375</t>
  </si>
  <si>
    <t>0.05136094237963995</t>
  </si>
  <si>
    <t>16679</t>
  </si>
  <si>
    <t>1.7604707479476929</t>
  </si>
  <si>
    <t>613.364501953125</t>
  </si>
  <si>
    <t>0.02059555504634858</t>
  </si>
  <si>
    <t>18200</t>
  </si>
  <si>
    <t>0.4437366724014282</t>
  </si>
  <si>
    <t>604.8739013671875</t>
  </si>
  <si>
    <t>0.08727115098771421</t>
  </si>
  <si>
    <t>18586</t>
  </si>
  <si>
    <t>2.2248294353485107</t>
  </si>
  <si>
    <t>806.396728515625</t>
  </si>
  <si>
    <t>0.020987015052398306</t>
  </si>
  <si>
    <t>1.956624150276184</t>
  </si>
  <si>
    <t>688.4757080078125</t>
  </si>
  <si>
    <t>0.011661004026736421</t>
  </si>
  <si>
    <t>2.236584186553955</t>
  </si>
  <si>
    <t>716.7952880859375</t>
  </si>
  <si>
    <t>-0.055433111484139985</t>
  </si>
  <si>
    <t>2.067458152770996</t>
  </si>
  <si>
    <t>665.8104858398438</t>
  </si>
  <si>
    <t>0.08895346592996667</t>
  </si>
  <si>
    <t>2.268375873565674</t>
  </si>
  <si>
    <t>741.025146484375</t>
  </si>
  <si>
    <t>-0.007640324193491921</t>
  </si>
  <si>
    <t>19259</t>
  </si>
  <si>
    <t>1.3549658060073853</t>
  </si>
  <si>
    <t>711.7930908203125</t>
  </si>
  <si>
    <t>-0.00197115947214499</t>
  </si>
  <si>
    <t>19855</t>
  </si>
  <si>
    <t>2.660876750946045</t>
  </si>
  <si>
    <t>697.104248046875</t>
  </si>
  <si>
    <t>0.03047738064114114</t>
  </si>
  <si>
    <t>3.005915880203247</t>
  </si>
  <si>
    <t>732.8718872070312</t>
  </si>
  <si>
    <t>-0.027004525006098845</t>
  </si>
  <si>
    <t>20367</t>
  </si>
  <si>
    <t>2.149284601211548</t>
  </si>
  <si>
    <t>706.3798828125</t>
  </si>
  <si>
    <t>0.0524646044105026</t>
  </si>
  <si>
    <t>1.6885510683059692</t>
  </si>
  <si>
    <t>607.8776245117188</t>
  </si>
  <si>
    <t>-0.023246464776089937</t>
  </si>
  <si>
    <t>160732</t>
  </si>
  <si>
    <t>-1.2829254865646362</t>
  </si>
  <si>
    <t>657.1387329101562</t>
  </si>
  <si>
    <t>1051.436279296875</t>
  </si>
  <si>
    <t>Khanty-Mansiy</t>
  </si>
  <si>
    <t>152026</t>
  </si>
  <si>
    <t>-1.365030288696289</t>
  </si>
  <si>
    <t>507.0362548828125</t>
  </si>
  <si>
    <t>-0.055686822881384046</t>
  </si>
  <si>
    <t>129674</t>
  </si>
  <si>
    <t>-2.640190839767456</t>
  </si>
  <si>
    <t>535.4804077148438</t>
  </si>
  <si>
    <t>-0.15902795022895155</t>
  </si>
  <si>
    <t>118375</t>
  </si>
  <si>
    <t>-1.9570999145507812</t>
  </si>
  <si>
    <t>486.955078125</t>
  </si>
  <si>
    <t>-0.09116605711482784</t>
  </si>
  <si>
    <t>103424</t>
  </si>
  <si>
    <t>-1.9163693189620972</t>
  </si>
  <si>
    <t>540.2676391601562</t>
  </si>
  <si>
    <t>-0.13502050804766697</t>
  </si>
  <si>
    <t>99059</t>
  </si>
  <si>
    <t>-0.2770649790763855</t>
  </si>
  <si>
    <t>561.9912109375</t>
  </si>
  <si>
    <t>-0.043121411241422436</t>
  </si>
  <si>
    <t>95242</t>
  </si>
  <si>
    <t>-2.246380090713501</t>
  </si>
  <si>
    <t>517.4410400390625</t>
  </si>
  <si>
    <t>-0.03929461123897049</t>
  </si>
  <si>
    <t>96495</t>
  </si>
  <si>
    <t>-1.9063129425048828</t>
  </si>
  <si>
    <t>540.489501953125</t>
  </si>
  <si>
    <t>0.013070172552890114</t>
  </si>
  <si>
    <t>91305</t>
  </si>
  <si>
    <t>-3.4317691326141357</t>
  </si>
  <si>
    <t>605.6451416015625</t>
  </si>
  <si>
    <t>-0.055285642917075606</t>
  </si>
  <si>
    <t>97207</t>
  </si>
  <si>
    <t>-2.3762173652648926</t>
  </si>
  <si>
    <t>564.02099609375</t>
  </si>
  <si>
    <t>0.06263717472024055</t>
  </si>
  <si>
    <t>107110</t>
  </si>
  <si>
    <t>-1.8728846311569214</t>
  </si>
  <si>
    <t>569.5241088867188</t>
  </si>
  <si>
    <t>0.0970136184423005</t>
  </si>
  <si>
    <t>109282</t>
  </si>
  <si>
    <t>-1.6158446073532104</t>
  </si>
  <si>
    <t>639.1782836914062</t>
  </si>
  <si>
    <t>0.020075353489010794</t>
  </si>
  <si>
    <t>102552</t>
  </si>
  <si>
    <t>-1.86249577999115</t>
  </si>
  <si>
    <t>652.1296997070312</t>
  </si>
  <si>
    <t>-0.06356171025571555</t>
  </si>
  <si>
    <t>114604</t>
  </si>
  <si>
    <t>-0.6168681979179382</t>
  </si>
  <si>
    <t>466.9200744628906</t>
  </si>
  <si>
    <t>0.11111272067563682</t>
  </si>
  <si>
    <t>125315</t>
  </si>
  <si>
    <t>-1.7568769454956055</t>
  </si>
  <si>
    <t>539.8368530273438</t>
  </si>
  <si>
    <t>0.08934785974110504</t>
  </si>
  <si>
    <t>151055</t>
  </si>
  <si>
    <t>-1.350206732749939</t>
  </si>
  <si>
    <t>488.5600891113281</t>
  </si>
  <si>
    <t>0.18681344148023804</t>
  </si>
  <si>
    <t>148906</t>
  </si>
  <si>
    <t>-1.3883777856826782</t>
  </si>
  <si>
    <t>593.5960083007812</t>
  </si>
  <si>
    <t>-0.014328774528356902</t>
  </si>
  <si>
    <t>140288</t>
  </si>
  <si>
    <t>-0.8619642853736877</t>
  </si>
  <si>
    <t>554.343505859375</t>
  </si>
  <si>
    <t>-0.05961778193301548</t>
  </si>
  <si>
    <t>135280</t>
  </si>
  <si>
    <t>-0.6235825419425964</t>
  </si>
  <si>
    <t>593.6534423828125</t>
  </si>
  <si>
    <t>-0.03635074785511705</t>
  </si>
  <si>
    <t>119893</t>
  </si>
  <si>
    <t>-3.3078155517578125</t>
  </si>
  <si>
    <t>500.8845520019531</t>
  </si>
  <si>
    <t>-0.12074702624613742</t>
  </si>
  <si>
    <t>116823</t>
  </si>
  <si>
    <t>-2.5309531688690186</t>
  </si>
  <si>
    <t>505.6022033691406</t>
  </si>
  <si>
    <t>-0.02593970952760749</t>
  </si>
  <si>
    <t>123646</t>
  </si>
  <si>
    <t>-0.7726404070854187</t>
  </si>
  <si>
    <t>524.4036865234375</t>
  </si>
  <si>
    <t>0.056762675254363515</t>
  </si>
  <si>
    <t>127546</t>
  </si>
  <si>
    <t>-1.3021160364151</t>
  </si>
  <si>
    <t>536.2649536132812</t>
  </si>
  <si>
    <t>0.031054439774253595</t>
  </si>
  <si>
    <t>119942</t>
  </si>
  <si>
    <t>-1.1392065286636353</t>
  </si>
  <si>
    <t>564.3458862304688</t>
  </si>
  <si>
    <t>-0.06146879123969029</t>
  </si>
  <si>
    <t>113219</t>
  </si>
  <si>
    <t>-2.0413622856140137</t>
  </si>
  <si>
    <t>623.0181274414062</t>
  </si>
  <si>
    <t>-0.057684296397770396</t>
  </si>
  <si>
    <t>109036</t>
  </si>
  <si>
    <t>-0.7846168875694275</t>
  </si>
  <si>
    <t>630.812744140625</t>
  </si>
  <si>
    <t>-0.03764589327809098</t>
  </si>
  <si>
    <t>99769</t>
  </si>
  <si>
    <t>-0.617267370223999</t>
  </si>
  <si>
    <t>485.3396301269531</t>
  </si>
  <si>
    <t>-0.08882058910748114</t>
  </si>
  <si>
    <t>106309</t>
  </si>
  <si>
    <t>-0.39223194122314453</t>
  </si>
  <si>
    <t>571.37548828125</t>
  </si>
  <si>
    <t>0.06349243398128301</t>
  </si>
  <si>
    <t>115868</t>
  </si>
  <si>
    <t>-1.9227927923202515</t>
  </si>
  <si>
    <t>590.8568115234375</t>
  </si>
  <si>
    <t>0.08610166433333255</t>
  </si>
  <si>
    <t>113357</t>
  </si>
  <si>
    <t>-0.5119492411613464</t>
  </si>
  <si>
    <t>591.67138671875</t>
  </si>
  <si>
    <t>-0.021909481465868907</t>
  </si>
  <si>
    <t>110339</t>
  </si>
  <si>
    <t>0.324358195066452</t>
  </si>
  <si>
    <t>577.984130859375</t>
  </si>
  <si>
    <t>-0.026984685764196215</t>
  </si>
  <si>
    <t>116281</t>
  </si>
  <si>
    <t>-1.143852949142456</t>
  </si>
  <si>
    <t>566.9895629882812</t>
  </si>
  <si>
    <t>0.05245223067818294</t>
  </si>
  <si>
    <t>113609</t>
  </si>
  <si>
    <t>-0.5508890151977539</t>
  </si>
  <si>
    <t>501.30279541015625</t>
  </si>
  <si>
    <t>-0.023246947083896075</t>
  </si>
  <si>
    <t>12647</t>
  </si>
  <si>
    <t>3.6084041595458984</t>
  </si>
  <si>
    <t>739.0021362304688</t>
  </si>
  <si>
    <t>976.2682495117188</t>
  </si>
  <si>
    <t>Kirov</t>
  </si>
  <si>
    <t>11962</t>
  </si>
  <si>
    <t>3.6667802333831787</t>
  </si>
  <si>
    <t>674.2517700195312</t>
  </si>
  <si>
    <t>-0.05568507427547509</t>
  </si>
  <si>
    <t>2.959300994873047</t>
  </si>
  <si>
    <t>586.76904296875</t>
  </si>
  <si>
    <t>-0.15905316392919744</t>
  </si>
  <si>
    <t>2.127218723297119</t>
  </si>
  <si>
    <t>653.2094116210938</t>
  </si>
  <si>
    <t>-0.09116315013298149</t>
  </si>
  <si>
    <t>2.1360666751861572</t>
  </si>
  <si>
    <t>642.7156372070312</t>
  </si>
  <si>
    <t>-0.1349741949806873</t>
  </si>
  <si>
    <t>7794</t>
  </si>
  <si>
    <t>4.1014556884765625</t>
  </si>
  <si>
    <t>583.4602661132812</t>
  </si>
  <si>
    <t>-0.04319024266298044</t>
  </si>
  <si>
    <t>2.3606789112091064</t>
  </si>
  <si>
    <t>484.30810546875</t>
  </si>
  <si>
    <t>-0.03925150654502296</t>
  </si>
  <si>
    <t>7593</t>
  </si>
  <si>
    <t>2.6706278324127197</t>
  </si>
  <si>
    <t>706.6364135742188</t>
  </si>
  <si>
    <t>0.013124069859602017</t>
  </si>
  <si>
    <t>2.2631423473358154</t>
  </si>
  <si>
    <t>726.7938232421875</t>
  </si>
  <si>
    <t>-0.05537043923119889</t>
  </si>
  <si>
    <t>7649</t>
  </si>
  <si>
    <t>3.2752506732940674</t>
  </si>
  <si>
    <t>559.1090087890625</t>
  </si>
  <si>
    <t>0.06271858933983054</t>
  </si>
  <si>
    <t>3.780191659927368</t>
  </si>
  <si>
    <t>646.7022705078125</t>
  </si>
  <si>
    <t>0.09698457560221385</t>
  </si>
  <si>
    <t>2.9451100826263428</t>
  </si>
  <si>
    <t>706.9356689453125</t>
  </si>
  <si>
    <t>-0.00654725271964729</t>
  </si>
  <si>
    <t>2.7136924266815186</t>
  </si>
  <si>
    <t>654.2742309570312</t>
  </si>
  <si>
    <t>0.0451836617260053</t>
  </si>
  <si>
    <t>3.5989272594451904</t>
  </si>
  <si>
    <t>601.89697265625</t>
  </si>
  <si>
    <t>0.02547190569966773</t>
  </si>
  <si>
    <t>3.5264790058135986</t>
  </si>
  <si>
    <t>672.1704711914062</t>
  </si>
  <si>
    <t>0.03003623801011912</t>
  </si>
  <si>
    <t>3.127929449081421</t>
  </si>
  <si>
    <t>577.94482421875</t>
  </si>
  <si>
    <t>-0.04958961971798992</t>
  </si>
  <si>
    <t>3.665348768234253</t>
  </si>
  <si>
    <t>734.4007568359375</t>
  </si>
  <si>
    <t>0.07285889460529837</t>
  </si>
  <si>
    <t>10251</t>
  </si>
  <si>
    <t>3.327376127243042</t>
  </si>
  <si>
    <t>680.8396606445312</t>
  </si>
  <si>
    <t>0.07840193825586894</t>
  </si>
  <si>
    <t>4.27504301071167</t>
  </si>
  <si>
    <t>659.8948974609375</t>
  </si>
  <si>
    <t>0.116622584143105</t>
  </si>
  <si>
    <t>2.567371129989624</t>
  </si>
  <si>
    <t>578.2438354492188</t>
  </si>
  <si>
    <t>-0.047922409862986015</t>
  </si>
  <si>
    <t>11603</t>
  </si>
  <si>
    <t>3.454209327697754</t>
  </si>
  <si>
    <t>556.81103515625</t>
  </si>
  <si>
    <t>0.05518824928402388</t>
  </si>
  <si>
    <t>3.273350954055786</t>
  </si>
  <si>
    <t>624.3125</t>
  </si>
  <si>
    <t>-0.00935152715026355</t>
  </si>
  <si>
    <t>3.2762339115142822</t>
  </si>
  <si>
    <t>693.9302368164062</t>
  </si>
  <si>
    <t>0.016736070410489745</t>
  </si>
  <si>
    <t>3.8239927291870117</t>
  </si>
  <si>
    <t>645.9166259765625</t>
  </si>
  <si>
    <t>0.019233806225402716</t>
  </si>
  <si>
    <t>3.41133975982666</t>
  </si>
  <si>
    <t>637.510986328125</t>
  </si>
  <si>
    <t>0.035045017620010555</t>
  </si>
  <si>
    <t>3.8543930053710938</t>
  </si>
  <si>
    <t>671.6516723632812</t>
  </si>
  <si>
    <t>-0.016091831817773183</t>
  </si>
  <si>
    <t>12046</t>
  </si>
  <si>
    <t>3.9101550579071045</t>
  </si>
  <si>
    <t>606.734130859375</t>
  </si>
  <si>
    <t>-0.008102566031745084</t>
  </si>
  <si>
    <t>3.7029800415039062</t>
  </si>
  <si>
    <t>709.900634765625</t>
  </si>
  <si>
    <t>-0.00976024432172018</t>
  </si>
  <si>
    <t>3.06192684173584</t>
  </si>
  <si>
    <t>590.899658203125</t>
  </si>
  <si>
    <t>-0.011211919346779453</t>
  </si>
  <si>
    <t>12116</t>
  </si>
  <si>
    <t>4.423377513885498</t>
  </si>
  <si>
    <t>706.1990966796875</t>
  </si>
  <si>
    <t>0.026766402211961804</t>
  </si>
  <si>
    <t>11793</t>
  </si>
  <si>
    <t>4.355599880218506</t>
  </si>
  <si>
    <t>641.9144287109375</t>
  </si>
  <si>
    <t>-0.027020758057158645</t>
  </si>
  <si>
    <t>3.62353515625</t>
  </si>
  <si>
    <t>604.7870483398438</t>
  </si>
  <si>
    <t>0.05244585642296862</t>
  </si>
  <si>
    <t>3.8730123043060303</t>
  </si>
  <si>
    <t>647.7911987304688</t>
  </si>
  <si>
    <t>-0.0231991194591199</t>
  </si>
  <si>
    <t>-0.41058075428009033</t>
  </si>
  <si>
    <t>609.4140625</t>
  </si>
  <si>
    <t>769.6253051757812</t>
  </si>
  <si>
    <t>Komi</t>
  </si>
  <si>
    <t>29236</t>
  </si>
  <si>
    <t>-0.2366497963666916</t>
  </si>
  <si>
    <t>623.6385498046875</t>
  </si>
  <si>
    <t>-0.055678929525880605</t>
  </si>
  <si>
    <t>-1.3392311334609985</t>
  </si>
  <si>
    <t>560.2075805664062</t>
  </si>
  <si>
    <t>-0.1590080820437514</t>
  </si>
  <si>
    <t>22765</t>
  </si>
  <si>
    <t>-1.065833330154419</t>
  </si>
  <si>
    <t>589.1965942382812</t>
  </si>
  <si>
    <t>-0.09116847578764897</t>
  </si>
  <si>
    <t>19889</t>
  </si>
  <si>
    <t>-1.0298254489898682</t>
  </si>
  <si>
    <t>586.4540405273438</t>
  </si>
  <si>
    <t>-0.1350574537056346</t>
  </si>
  <si>
    <t>19050</t>
  </si>
  <si>
    <t>0.5878231525421143</t>
  </si>
  <si>
    <t>602.7183227539062</t>
  </si>
  <si>
    <t>-0.04309971350840058</t>
  </si>
  <si>
    <t>-1.133828043937683</t>
  </si>
  <si>
    <t>531.8841552734375</t>
  </si>
  <si>
    <t>-0.03929210677786088</t>
  </si>
  <si>
    <t>-1.7086011171340942</t>
  </si>
  <si>
    <t>593.8845825195312</t>
  </si>
  <si>
    <t>-3.373400926589966</t>
  </si>
  <si>
    <t>610.6364135742188</t>
  </si>
  <si>
    <t>-0.055280437385007986</t>
  </si>
  <si>
    <t>18694</t>
  </si>
  <si>
    <t>-1.420731544494629</t>
  </si>
  <si>
    <t>560.0945434570312</t>
  </si>
  <si>
    <t>0.06263597778319863</t>
  </si>
  <si>
    <t>0.17324943840503693</t>
  </si>
  <si>
    <t>565.3409423828125</t>
  </si>
  <si>
    <t>0.09699136694321808</t>
  </si>
  <si>
    <t>-1.5459917783737183</t>
  </si>
  <si>
    <t>565.6672973632812</t>
  </si>
  <si>
    <t>0.11757803249969534</t>
  </si>
  <si>
    <t>-1.6373467445373535</t>
  </si>
  <si>
    <t>645.9364013671875</t>
  </si>
  <si>
    <t>-0.04078962280665621</t>
  </si>
  <si>
    <t>0.5814793109893799</t>
  </si>
  <si>
    <t>584.9835815429688</t>
  </si>
  <si>
    <t>0.09897383016859962</t>
  </si>
  <si>
    <t>-0.5767109394073486</t>
  </si>
  <si>
    <t>588.93603515625</t>
  </si>
  <si>
    <t>0.0322563374030036</t>
  </si>
  <si>
    <t>-0.04874277114868164</t>
  </si>
  <si>
    <t>558.2463989257812</t>
  </si>
  <si>
    <t>0.0934408560733786</t>
  </si>
  <si>
    <t>31484</t>
  </si>
  <si>
    <t>-0.604674756526947</t>
  </si>
  <si>
    <t>664.0671997070312</t>
  </si>
  <si>
    <t>0.12282606323857159</t>
  </si>
  <si>
    <t>30890</t>
  </si>
  <si>
    <t>0.40024229884147644</t>
  </si>
  <si>
    <t>645.3104248046875</t>
  </si>
  <si>
    <t>-0.01904697334971317</t>
  </si>
  <si>
    <t>0.23869533836841583</t>
  </si>
  <si>
    <t>648.803466796875</t>
  </si>
  <si>
    <t>0.062127880745638464</t>
  </si>
  <si>
    <t>-1.828537106513977</t>
  </si>
  <si>
    <t>556.84521484375</t>
  </si>
  <si>
    <t>0.023393231284215332</t>
  </si>
  <si>
    <t>-1.0058125257492065</t>
  </si>
  <si>
    <t>546.307861328125</t>
  </si>
  <si>
    <t>0.050758201179384344</t>
  </si>
  <si>
    <t>0.36981236934661865</t>
  </si>
  <si>
    <t>544.8937377929688</t>
  </si>
  <si>
    <t>0.07751016842978586</t>
  </si>
  <si>
    <t>40150</t>
  </si>
  <si>
    <t>-0.5129957795143127</t>
  </si>
  <si>
    <t>622.4385986328125</t>
  </si>
  <si>
    <t>0.04840045182325703</t>
  </si>
  <si>
    <t>-0.16938306391239166</t>
  </si>
  <si>
    <t>553.9489135742188</t>
  </si>
  <si>
    <t>-0.042587770102402445</t>
  </si>
  <si>
    <t>35417</t>
  </si>
  <si>
    <t>-0.7007167935371399</t>
  </si>
  <si>
    <t>611.06787109375</t>
  </si>
  <si>
    <t>-0.08284273943353604</t>
  </si>
  <si>
    <t>0.21021299064159393</t>
  </si>
  <si>
    <t>617.0563354492188</t>
  </si>
  <si>
    <t>-0.029949651405855704</t>
  </si>
  <si>
    <t>0.7603407502174377</t>
  </si>
  <si>
    <t>549.0087280273438</t>
  </si>
  <si>
    <t>-0.006831146108835284</t>
  </si>
  <si>
    <t>0.6712490916252136</t>
  </si>
  <si>
    <t>623.9481201171875</t>
  </si>
  <si>
    <t>-0.00578741021053375</t>
  </si>
  <si>
    <t>-0.672358512878418</t>
  </si>
  <si>
    <t>582.845458984375</t>
  </si>
  <si>
    <t>0.04631643311764222</t>
  </si>
  <si>
    <t>0.36531975865364075</t>
  </si>
  <si>
    <t>648.0452880859375</t>
  </si>
  <si>
    <t>0.01836755046647731</t>
  </si>
  <si>
    <t>1.0548173189163208</t>
  </si>
  <si>
    <t>549.5765380859375</t>
  </si>
  <si>
    <t>-0.026984031489888594</t>
  </si>
  <si>
    <t>-0.4775812327861786</t>
  </si>
  <si>
    <t>586.2490844726562</t>
  </si>
  <si>
    <t>0.052451652880826316</t>
  </si>
  <si>
    <t>36289</t>
  </si>
  <si>
    <t>0.8141105771064758</t>
  </si>
  <si>
    <t>535.591796875</t>
  </si>
  <si>
    <t>-0.023260663061849485</t>
  </si>
  <si>
    <t>4.655108451843262</t>
  </si>
  <si>
    <t>680.46337890625</t>
  </si>
  <si>
    <t>456.46673583984375</t>
  </si>
  <si>
    <t>Kostroma</t>
  </si>
  <si>
    <t>11350</t>
  </si>
  <si>
    <t>4.529262065887451</t>
  </si>
  <si>
    <t>704.7646484375</t>
  </si>
  <si>
    <t>-0.05568890586058828</t>
  </si>
  <si>
    <t>4.244216442108154</t>
  </si>
  <si>
    <t>581.131103515625</t>
  </si>
  <si>
    <t>-0.15894925240990965</t>
  </si>
  <si>
    <t>3.197667121887207</t>
  </si>
  <si>
    <t>630.8272094726562</t>
  </si>
  <si>
    <t>-0.09120788480895392</t>
  </si>
  <si>
    <t>3.181140899658203</t>
  </si>
  <si>
    <t>598.6409912109375</t>
  </si>
  <si>
    <t>-0.1349872088665034</t>
  </si>
  <si>
    <t>4.631225109100342</t>
  </si>
  <si>
    <t>564.9254150390625</t>
  </si>
  <si>
    <t>-0.04313408431716681</t>
  </si>
  <si>
    <t>3.387089490890503</t>
  </si>
  <si>
    <t>490.9587707519531</t>
  </si>
  <si>
    <t>-0.03929643262349636</t>
  </si>
  <si>
    <t>3.802924871444702</t>
  </si>
  <si>
    <t>665.2852783203125</t>
  </si>
  <si>
    <t>0.012993546412328527</t>
  </si>
  <si>
    <t>3.1882970333099365</t>
  </si>
  <si>
    <t>734.56103515625</t>
  </si>
  <si>
    <t>-0.055216934933062234</t>
  </si>
  <si>
    <t>4.621255874633789</t>
  </si>
  <si>
    <t>452.54132080078125</t>
  </si>
  <si>
    <t>0.06268481641023094</t>
  </si>
  <si>
    <t>5.095363616943359</t>
  </si>
  <si>
    <t>575.1127319335938</t>
  </si>
  <si>
    <t>0.09696216255887435</t>
  </si>
  <si>
    <t>9100</t>
  </si>
  <si>
    <t>4.056053638458252</t>
  </si>
  <si>
    <t>597.3687133789062</t>
  </si>
  <si>
    <t>0.12920794217305165</t>
  </si>
  <si>
    <t>3.8573272228240967</t>
  </si>
  <si>
    <t>540.0894775390625</t>
  </si>
  <si>
    <t>0.020233476074926315</t>
  </si>
  <si>
    <t>4.387881755828857</t>
  </si>
  <si>
    <t>620.0770263671875</t>
  </si>
  <si>
    <t>0.013371328278919847</t>
  </si>
  <si>
    <t>4.662585258483887</t>
  </si>
  <si>
    <t>701.610107421875</t>
  </si>
  <si>
    <t>0.06678734543326215</t>
  </si>
  <si>
    <t>3.9474804401397705</t>
  </si>
  <si>
    <t>510.4342346191406</t>
  </si>
  <si>
    <t>-0.004982074872566855</t>
  </si>
  <si>
    <t>4.486117362976074</t>
  </si>
  <si>
    <t>627.725830078125</t>
  </si>
  <si>
    <t>0.07150029697104365</t>
  </si>
  <si>
    <t>4.6938300132751465</t>
  </si>
  <si>
    <t>580.552734375</t>
  </si>
  <si>
    <t>0.06889986985935614</t>
  </si>
  <si>
    <t>5.398383617401123</t>
  </si>
  <si>
    <t>669.0614013671875</t>
  </si>
  <si>
    <t>0.07803749344639854</t>
  </si>
  <si>
    <t>3.663727045059204</t>
  </si>
  <si>
    <t>602.978759765625</t>
  </si>
  <si>
    <t>-0.044240113863107666</t>
  </si>
  <si>
    <t>13275</t>
  </si>
  <si>
    <t>4.514162063598633</t>
  </si>
  <si>
    <t>588.5756225585938</t>
  </si>
  <si>
    <t>0.10800053227696615</t>
  </si>
  <si>
    <t>4.753828048706055</t>
  </si>
  <si>
    <t>595.8878784179688</t>
  </si>
  <si>
    <t>0.037698477347756665</t>
  </si>
  <si>
    <t>14701</t>
  </si>
  <si>
    <t>3.758387565612793</t>
  </si>
  <si>
    <t>736.40771484375</t>
  </si>
  <si>
    <t>0.06433447420607052</t>
  </si>
  <si>
    <t>14777</t>
  </si>
  <si>
    <t>4.970446586608887</t>
  </si>
  <si>
    <t>605.202392578125</t>
  </si>
  <si>
    <t>0.005156399239666598</t>
  </si>
  <si>
    <t>5.342014789581299</t>
  </si>
  <si>
    <t>560.34619140625</t>
  </si>
  <si>
    <t>-0.03842249354640259</t>
  </si>
  <si>
    <t>5.0897111892700195</t>
  </si>
  <si>
    <t>653.6407470703125</t>
  </si>
  <si>
    <t>-0.032229735912858715</t>
  </si>
  <si>
    <t>5.140738487243652</t>
  </si>
  <si>
    <t>628.9368896484375</t>
  </si>
  <si>
    <t>-0.06140112337553205</t>
  </si>
  <si>
    <t>4.7676777839660645</t>
  </si>
  <si>
    <t>758.2525634765625</t>
  </si>
  <si>
    <t>-0.008764841839091986</t>
  </si>
  <si>
    <t>4.3321967124938965</t>
  </si>
  <si>
    <t>586.5602416992188</t>
  </si>
  <si>
    <t>-0.004294030098034085</t>
  </si>
  <si>
    <t>6.059545040130615</t>
  </si>
  <si>
    <t>676.6895141601562</t>
  </si>
  <si>
    <t>0.03566042957445603</t>
  </si>
  <si>
    <t>5.57233190536499</t>
  </si>
  <si>
    <t>676.3541870117188</t>
  </si>
  <si>
    <t>-0.026935594295332876</t>
  </si>
  <si>
    <t>13587</t>
  </si>
  <si>
    <t>4.515491962432861</t>
  </si>
  <si>
    <t>664.6844482421875</t>
  </si>
  <si>
    <t>0.05242892481348704</t>
  </si>
  <si>
    <t>5.06972599029541</t>
  </si>
  <si>
    <t>645.7127075195312</t>
  </si>
  <si>
    <t>-0.023230886114184557</t>
  </si>
  <si>
    <t>14584</t>
  </si>
  <si>
    <t>11.792526245117188</t>
  </si>
  <si>
    <t>643.9132690429688</t>
  </si>
  <si>
    <t>2706.384033203125</t>
  </si>
  <si>
    <t>Krasnodar</t>
  </si>
  <si>
    <t>11.093711853027344</t>
  </si>
  <si>
    <t>698.2369384765625</t>
  </si>
  <si>
    <t>-0.05569132236726304</t>
  </si>
  <si>
    <t>11766</t>
  </si>
  <si>
    <t>10.56558895111084</t>
  </si>
  <si>
    <t>875.6302490234375</t>
  </si>
  <si>
    <t>-0.1590196985668353</t>
  </si>
  <si>
    <t>10741</t>
  </si>
  <si>
    <t>10.518705368041992</t>
  </si>
  <si>
    <t>634.2839965820312</t>
  </si>
  <si>
    <t>-0.09114582182635367</t>
  </si>
  <si>
    <t>11.129371643066406</t>
  </si>
  <si>
    <t>647.791259765625</t>
  </si>
  <si>
    <t>-0.13506208326473512</t>
  </si>
  <si>
    <t>11.628093719482422</t>
  </si>
  <si>
    <t>826.0133056640625</t>
  </si>
  <si>
    <t>-0.043115757028092005</t>
  </si>
  <si>
    <t>11.042004585266113</t>
  </si>
  <si>
    <t>787.7760620117188</t>
  </si>
  <si>
    <t>-0.03925631681334174</t>
  </si>
  <si>
    <t>8756</t>
  </si>
  <si>
    <t>10.673149108886719</t>
  </si>
  <si>
    <t>879.3585815429688</t>
  </si>
  <si>
    <t>0.013105142150875437</t>
  </si>
  <si>
    <t>11.811495780944824</t>
  </si>
  <si>
    <t>673.7469482421875</t>
  </si>
  <si>
    <t>-0.05529252878208979</t>
  </si>
  <si>
    <t>12.04935359954834</t>
  </si>
  <si>
    <t>819.0997314453125</t>
  </si>
  <si>
    <t>0.06257521914017339</t>
  </si>
  <si>
    <t>12.133688926696777</t>
  </si>
  <si>
    <t>635.98046875</t>
  </si>
  <si>
    <t>0.09706086250263368</t>
  </si>
  <si>
    <t>10709</t>
  </si>
  <si>
    <t>11.730395317077637</t>
  </si>
  <si>
    <t>897.59130859375</t>
  </si>
  <si>
    <t>0.09700177689740386</t>
  </si>
  <si>
    <t>12.10116195678711</t>
  </si>
  <si>
    <t>786.1925659179688</t>
  </si>
  <si>
    <t>0.047860384691503555</t>
  </si>
  <si>
    <t>10.99611759185791</t>
  </si>
  <si>
    <t>644.0698852539062</t>
  </si>
  <si>
    <t>-0.0012469940156911719</t>
  </si>
  <si>
    <t>11710</t>
  </si>
  <si>
    <t>11.970919609069824</t>
  </si>
  <si>
    <t>883.2530517578125</t>
  </si>
  <si>
    <t>0.04274527751507584</t>
  </si>
  <si>
    <t>11.469222068786621</t>
  </si>
  <si>
    <t>769.4922485351562</t>
  </si>
  <si>
    <t>-0.017140077676701893</t>
  </si>
  <si>
    <t>12954</t>
  </si>
  <si>
    <t>12.226394653320312</t>
  </si>
  <si>
    <t>789.6470947265625</t>
  </si>
  <si>
    <t>0.11810152082780156</t>
  </si>
  <si>
    <t>12.153270721435547</t>
  </si>
  <si>
    <t>594.3775634765625</t>
  </si>
  <si>
    <t>0.1554731689441642</t>
  </si>
  <si>
    <t>12.257538795471191</t>
  </si>
  <si>
    <t>689.1770629882812</t>
  </si>
  <si>
    <t>0.06961383770388352</t>
  </si>
  <si>
    <t>12.304794311523438</t>
  </si>
  <si>
    <t>816.3706665039062</t>
  </si>
  <si>
    <t>0.03975633815275437</t>
  </si>
  <si>
    <t>13.04879093170166</t>
  </si>
  <si>
    <t>762.744873046875</t>
  </si>
  <si>
    <t>0.055139106207603206</t>
  </si>
  <si>
    <t>11.344542503356934</t>
  </si>
  <si>
    <t>705.6396484375</t>
  </si>
  <si>
    <t>0.04080629844998995</t>
  </si>
  <si>
    <t>20402</t>
  </si>
  <si>
    <t>12.573857307434082</t>
  </si>
  <si>
    <t>591.408935546875</t>
  </si>
  <si>
    <t>0.09343956504120676</t>
  </si>
  <si>
    <t>21660</t>
  </si>
  <si>
    <t>12.405228614807129</t>
  </si>
  <si>
    <t>768.8897705078125</t>
  </si>
  <si>
    <t>0.05983430631251707</t>
  </si>
  <si>
    <t>20882</t>
  </si>
  <si>
    <t>12.390671730041504</t>
  </si>
  <si>
    <t>635.986328125</t>
  </si>
  <si>
    <t>-0.03657969770492642</t>
  </si>
  <si>
    <t>12.542389869689941</t>
  </si>
  <si>
    <t>723.9148559570312</t>
  </si>
  <si>
    <t>-0.05629116970706782</t>
  </si>
  <si>
    <t>19938</t>
  </si>
  <si>
    <t>12.248797416687012</t>
  </si>
  <si>
    <t>778.03076171875</t>
  </si>
  <si>
    <t>0.010031084439662052</t>
  </si>
  <si>
    <t>19911</t>
  </si>
  <si>
    <t>12.59883975982666</t>
  </si>
  <si>
    <t>771.1314086914062</t>
  </si>
  <si>
    <t>-0.0013551157686144677</t>
  </si>
  <si>
    <t>18958</t>
  </si>
  <si>
    <t>12.704177856445312</t>
  </si>
  <si>
    <t>727.6305541992188</t>
  </si>
  <si>
    <t>-0.049046336801048085</t>
  </si>
  <si>
    <t>18647</t>
  </si>
  <si>
    <t>13.18755054473877</t>
  </si>
  <si>
    <t>581.5474853515625</t>
  </si>
  <si>
    <t>-0.0165407307888934</t>
  </si>
  <si>
    <t>13.280074119567871</t>
  </si>
  <si>
    <t>584.9755249023438</t>
  </si>
  <si>
    <t>-0.02701471453109683</t>
  </si>
  <si>
    <t>19128</t>
  </si>
  <si>
    <t>12.343831062316895</t>
  </si>
  <si>
    <t>861.2836303710938</t>
  </si>
  <si>
    <t>0.052482669445163666</t>
  </si>
  <si>
    <t>18688</t>
  </si>
  <si>
    <t>12.759011268615723</t>
  </si>
  <si>
    <t>642.5277099609375</t>
  </si>
  <si>
    <t>-0.023271623510206396</t>
  </si>
  <si>
    <t>38913</t>
  </si>
  <si>
    <t>0.1608894169330597</t>
  </si>
  <si>
    <t>547.2115478515625</t>
  </si>
  <si>
    <t>1892.4222412109375</t>
  </si>
  <si>
    <t>Krasnoyarsk</t>
  </si>
  <si>
    <t>-0.8734549880027771</t>
  </si>
  <si>
    <t>578.0252075195312</t>
  </si>
  <si>
    <t>-0.055667509663642534</t>
  </si>
  <si>
    <t>-1.1653422117233276</t>
  </si>
  <si>
    <t>540.5048217773438</t>
  </si>
  <si>
    <t>-0.159044083509988</t>
  </si>
  <si>
    <t>28659</t>
  </si>
  <si>
    <t>-0.7467100620269775</t>
  </si>
  <si>
    <t>500.547607421875</t>
  </si>
  <si>
    <t>-0.09114926189703532</t>
  </si>
  <si>
    <t>25039</t>
  </si>
  <si>
    <t>-0.7713572978973389</t>
  </si>
  <si>
    <t>608.4439697265625</t>
  </si>
  <si>
    <t>-0.1350329206237859</t>
  </si>
  <si>
    <t>23982</t>
  </si>
  <si>
    <t>0.008570709265768528</t>
  </si>
  <si>
    <t>509.8236999511719</t>
  </si>
  <si>
    <t>-0.04313106037495196</t>
  </si>
  <si>
    <t>23058</t>
  </si>
  <si>
    <t>-1.913341999053955</t>
  </si>
  <si>
    <t>584.7798461914062</t>
  </si>
  <si>
    <t>-0.039290768146480914</t>
  </si>
  <si>
    <t>23362</t>
  </si>
  <si>
    <t>-0.6005160212516785</t>
  </si>
  <si>
    <t>508.34674072265625</t>
  </si>
  <si>
    <t>0.013097989922743025</t>
  </si>
  <si>
    <t>-1.402957558631897</t>
  </si>
  <si>
    <t>558.0831909179688</t>
  </si>
  <si>
    <t>-0.05530694345529774</t>
  </si>
  <si>
    <t>23534</t>
  </si>
  <si>
    <t>-1.4855022430419922</t>
  </si>
  <si>
    <t>460.1588134765625</t>
  </si>
  <si>
    <t>0.06264235676353103</t>
  </si>
  <si>
    <t>-2.1945066452026367</t>
  </si>
  <si>
    <t>621.6600341796875</t>
  </si>
  <si>
    <t>0.0970315432710116</t>
  </si>
  <si>
    <t>0.21579839289188385</t>
  </si>
  <si>
    <t>558.7345581054688</t>
  </si>
  <si>
    <t>-0.05480660709939578</t>
  </si>
  <si>
    <t>-0.38496077060699463</t>
  </si>
  <si>
    <t>585.1903686523438</t>
  </si>
  <si>
    <t>-0.17742096062262291</t>
  </si>
  <si>
    <t>21378</t>
  </si>
  <si>
    <t>-0.39184650778770447</t>
  </si>
  <si>
    <t>513.4388427734375</t>
  </si>
  <si>
    <t>0.0391121962610228</t>
  </si>
  <si>
    <t>-0.5849248766899109</t>
  </si>
  <si>
    <t>608.4984130859375</t>
  </si>
  <si>
    <t>0.11306302314249983</t>
  </si>
  <si>
    <t>-1.3676104545593262</t>
  </si>
  <si>
    <t>576.2606201171875</t>
  </si>
  <si>
    <t>0.006703470506831621</t>
  </si>
  <si>
    <t>28183</t>
  </si>
  <si>
    <t>-0.6057998538017273</t>
  </si>
  <si>
    <t>584.9384765625</t>
  </si>
  <si>
    <t>0.1565901097843394</t>
  </si>
  <si>
    <t>-0.3018072843551636</t>
  </si>
  <si>
    <t>614.54736328125</t>
  </si>
  <si>
    <t>0.09877820710234886</t>
  </si>
  <si>
    <t>0.03300203010439873</t>
  </si>
  <si>
    <t>607.7713012695312</t>
  </si>
  <si>
    <t>-0.1332145845777042</t>
  </si>
  <si>
    <t>-2.805678606033325</t>
  </si>
  <si>
    <t>609.1913452148438</t>
  </si>
  <si>
    <t>-0.009594523580920722</t>
  </si>
  <si>
    <t>-2.551466464996338</t>
  </si>
  <si>
    <t>559.1897583007812</t>
  </si>
  <si>
    <t>0.22515124939674713</t>
  </si>
  <si>
    <t>0.1642039269208908</t>
  </si>
  <si>
    <t>529.0387573242188</t>
  </si>
  <si>
    <t>-0.04075538730666928</t>
  </si>
  <si>
    <t>-1.3082605600357056</t>
  </si>
  <si>
    <t>506.7397155761719</t>
  </si>
  <si>
    <t>-0.04884566987265693</t>
  </si>
  <si>
    <t>-0.16793102025985718</t>
  </si>
  <si>
    <t>668.7710571289062</t>
  </si>
  <si>
    <t>-0.0015554118495533231</t>
  </si>
  <si>
    <t>-0.23237182199954987</t>
  </si>
  <si>
    <t>618.6947021484375</t>
  </si>
  <si>
    <t>0.017328558854933007</t>
  </si>
  <si>
    <t>0.41022399067878723</t>
  </si>
  <si>
    <t>596.2429809570312</t>
  </si>
  <si>
    <t>0.038362238732149834</t>
  </si>
  <si>
    <t>-0.02237146906554699</t>
  </si>
  <si>
    <t>552.42626953125</t>
  </si>
  <si>
    <t>-0.007543255337106203</t>
  </si>
  <si>
    <t>0.3510970175266266</t>
  </si>
  <si>
    <t>605.057373046875</t>
  </si>
  <si>
    <t>0.010850460703300868</t>
  </si>
  <si>
    <t>-0.5422995090484619</t>
  </si>
  <si>
    <t>552.4818725585938</t>
  </si>
  <si>
    <t>0.07444420421814435</t>
  </si>
  <si>
    <t>38898</t>
  </si>
  <si>
    <t>0.763878345489502</t>
  </si>
  <si>
    <t>558.4390869140625</t>
  </si>
  <si>
    <t>0.09881778965247534</t>
  </si>
  <si>
    <t>1.1000925302505493</t>
  </si>
  <si>
    <t>610.3897705078125</t>
  </si>
  <si>
    <t>-0.026994864833195464</t>
  </si>
  <si>
    <t>39901</t>
  </si>
  <si>
    <t>-0.06494755297899246</t>
  </si>
  <si>
    <t>578.8759155273438</t>
  </si>
  <si>
    <t>0.05245341565067818</t>
  </si>
  <si>
    <t>38984</t>
  </si>
  <si>
    <t>-0.29695549607276917</t>
  </si>
  <si>
    <t>542.1123046875</t>
  </si>
  <si>
    <t>-0.023250080697190256</t>
  </si>
  <si>
    <t>9694</t>
  </si>
  <si>
    <t>3.410688638687134</t>
  </si>
  <si>
    <t>516.2184448242188</t>
  </si>
  <si>
    <t>653.5889282226562</t>
  </si>
  <si>
    <t>Kurgan</t>
  </si>
  <si>
    <t>3.3702478408813477</t>
  </si>
  <si>
    <t>370.0826110839844</t>
  </si>
  <si>
    <t>-0.055678908355419665</t>
  </si>
  <si>
    <t>7821</t>
  </si>
  <si>
    <t>2.0011990070343018</t>
  </si>
  <si>
    <t>407.20867919921875</t>
  </si>
  <si>
    <t>-0.15901580544828953</t>
  </si>
  <si>
    <t>7140</t>
  </si>
  <si>
    <t>1.0861079692840576</t>
  </si>
  <si>
    <t>480.6235656738281</t>
  </si>
  <si>
    <t>-0.09109964726798125</t>
  </si>
  <si>
    <t>1.6137171983718872</t>
  </si>
  <si>
    <t>442.5755310058594</t>
  </si>
  <si>
    <t>-0.13505315816588137</t>
  </si>
  <si>
    <t>3.7147722244262695</t>
  </si>
  <si>
    <t>315.26519775390625</t>
  </si>
  <si>
    <t>-0.043075520368036635</t>
  </si>
  <si>
    <t>1.3412561416625977</t>
  </si>
  <si>
    <t>343.75592041015625</t>
  </si>
  <si>
    <t>-0.03942826607165273</t>
  </si>
  <si>
    <t>2.7919750213623047</t>
  </si>
  <si>
    <t>409.8825378417969</t>
  </si>
  <si>
    <t>0.013144429997424822</t>
  </si>
  <si>
    <t>3.0362024307250977</t>
  </si>
  <si>
    <t>425.9966735839844</t>
  </si>
  <si>
    <t>-0.05528025146300308</t>
  </si>
  <si>
    <t>2.9044291973114014</t>
  </si>
  <si>
    <t>468.3048095703125</t>
  </si>
  <si>
    <t>0.06264140770173476</t>
  </si>
  <si>
    <t>2.9491612911224365</t>
  </si>
  <si>
    <t>482.8865661621094</t>
  </si>
  <si>
    <t>0.09696789981243192</t>
  </si>
  <si>
    <t>3.3634841442108154</t>
  </si>
  <si>
    <t>493.7062072753906</t>
  </si>
  <si>
    <t>0.14820646678733063</t>
  </si>
  <si>
    <t>7737</t>
  </si>
  <si>
    <t>2.93133807182312</t>
  </si>
  <si>
    <t>465.78253173828125</t>
  </si>
  <si>
    <t>0.03217823098547612</t>
  </si>
  <si>
    <t>2.8484981060028076</t>
  </si>
  <si>
    <t>348.6722412109375</t>
  </si>
  <si>
    <t>0.0931105282736926</t>
  </si>
  <si>
    <t>8194</t>
  </si>
  <si>
    <t>3.4547042846679688</t>
  </si>
  <si>
    <t>432.6800231933594</t>
  </si>
  <si>
    <t>-0.035722364716329835</t>
  </si>
  <si>
    <t>2.671401023864746</t>
  </si>
  <si>
    <t>380.3570556640625</t>
  </si>
  <si>
    <t>-0.001832285371843767</t>
  </si>
  <si>
    <t>4.157563209533691</t>
  </si>
  <si>
    <t>471.4540100097656</t>
  </si>
  <si>
    <t>0.1870176895973561</t>
  </si>
  <si>
    <t>10381</t>
  </si>
  <si>
    <t>2.46339750289917</t>
  </si>
  <si>
    <t>381.3150634765625</t>
  </si>
  <si>
    <t>0.05138962886091569</t>
  </si>
  <si>
    <t>4.198684215545654</t>
  </si>
  <si>
    <t>406.87896728515625</t>
  </si>
  <si>
    <t>0.14067038065650905</t>
  </si>
  <si>
    <t>2.055579423904419</t>
  </si>
  <si>
    <t>394.8052978515625</t>
  </si>
  <si>
    <t>-0.001004772754715333</t>
  </si>
  <si>
    <t>11688</t>
  </si>
  <si>
    <t>3.0676662921905518</t>
  </si>
  <si>
    <t>291.5058898925781</t>
  </si>
  <si>
    <t>-0.021080145664504002</t>
  </si>
  <si>
    <t>2.1772048473358154</t>
  </si>
  <si>
    <t>451.8683166503906</t>
  </si>
  <si>
    <t>0.014271394105332291</t>
  </si>
  <si>
    <t>3.340968132019043</t>
  </si>
  <si>
    <t>381.70806884765625</t>
  </si>
  <si>
    <t>0.02540004144513297</t>
  </si>
  <si>
    <t>3.606639862060547</t>
  </si>
  <si>
    <t>412.7563781738281</t>
  </si>
  <si>
    <t>0.08561248764404006</t>
  </si>
  <si>
    <t>2.500145196914673</t>
  </si>
  <si>
    <t>441.2899475097656</t>
  </si>
  <si>
    <t>-0.06744128079553136</t>
  </si>
  <si>
    <t>3.3049476146698</t>
  </si>
  <si>
    <t>510.3518981933594</t>
  </si>
  <si>
    <t>-0.0652278198034999</t>
  </si>
  <si>
    <t>3.5742928981781006</t>
  </si>
  <si>
    <t>446.7828674316406</t>
  </si>
  <si>
    <t>0.014376424228313311</t>
  </si>
  <si>
    <t>11813</t>
  </si>
  <si>
    <t>3.0835983753204346</t>
  </si>
  <si>
    <t>387.8209228515625</t>
  </si>
  <si>
    <t>0.0036466986941974255</t>
  </si>
  <si>
    <t>2.277108907699585</t>
  </si>
  <si>
    <t>447.4020690917969</t>
  </si>
  <si>
    <t>-0.07604382878795057</t>
  </si>
  <si>
    <t>3.8885085582733154</t>
  </si>
  <si>
    <t>427.6906433105469</t>
  </si>
  <si>
    <t>0.062235222059371154</t>
  </si>
  <si>
    <t>4.344808101654053</t>
  </si>
  <si>
    <t>385.1534118652344</t>
  </si>
  <si>
    <t>-0.026967535404610388</t>
  </si>
  <si>
    <t>3.629845380783081</t>
  </si>
  <si>
    <t>307.3240661621094</t>
  </si>
  <si>
    <t>0.05247415055726812</t>
  </si>
  <si>
    <t>3.4040653705596924</t>
  </si>
  <si>
    <t>391.8468322753906</t>
  </si>
  <si>
    <t>-0.023277533296882424</t>
  </si>
  <si>
    <t>12927</t>
  </si>
  <si>
    <t>7.333432674407959</t>
  </si>
  <si>
    <t>679.0606079101562</t>
  </si>
  <si>
    <t>706.4173583984375</t>
  </si>
  <si>
    <t>Kursk</t>
  </si>
  <si>
    <t>12226</t>
  </si>
  <si>
    <t>6.7293548583984375</t>
  </si>
  <si>
    <t>581.0292358398438</t>
  </si>
  <si>
    <t>-0.055753315695277195</t>
  </si>
  <si>
    <t>6.643903732299805</t>
  </si>
  <si>
    <t>561.3678588867188</t>
  </si>
  <si>
    <t>-0.15897444446745723</t>
  </si>
  <si>
    <t>9520</t>
  </si>
  <si>
    <t>5.779153823852539</t>
  </si>
  <si>
    <t>580.9075927734375</t>
  </si>
  <si>
    <t>-0.09119553833580163</t>
  </si>
  <si>
    <t>5.939914226531982</t>
  </si>
  <si>
    <t>546.9524536132812</t>
  </si>
  <si>
    <t>-0.13497300748255547</t>
  </si>
  <si>
    <t>6.684863567352295</t>
  </si>
  <si>
    <t>640.2418212890625</t>
  </si>
  <si>
    <t>-0.04311383092248988</t>
  </si>
  <si>
    <t>7660</t>
  </si>
  <si>
    <t>5.848133563995361</t>
  </si>
  <si>
    <t>562.682373046875</t>
  </si>
  <si>
    <t>-0.0392960266457294</t>
  </si>
  <si>
    <t>5.966330051422119</t>
  </si>
  <si>
    <t>713.731201171875</t>
  </si>
  <si>
    <t>0.012970350442627065</t>
  </si>
  <si>
    <t>6.334968090057373</t>
  </si>
  <si>
    <t>671.1058959960938</t>
  </si>
  <si>
    <t>-0.05523485572565434</t>
  </si>
  <si>
    <t>7.146961212158203</t>
  </si>
  <si>
    <t>528.76953125</t>
  </si>
  <si>
    <t>0.06268128890128999</t>
  </si>
  <si>
    <t>7.53554105758667</t>
  </si>
  <si>
    <t>594.044189453125</t>
  </si>
  <si>
    <t>0.0969600192611555</t>
  </si>
  <si>
    <t>6.62762451171875</t>
  </si>
  <si>
    <t>662.8602905273438</t>
  </si>
  <si>
    <t>0.03018751977992551</t>
  </si>
  <si>
    <t>9665</t>
  </si>
  <si>
    <t>7.044518947601318</t>
  </si>
  <si>
    <t>597.4716186523438</t>
  </si>
  <si>
    <t>0.08493480624844985</t>
  </si>
  <si>
    <t>6.203125476837158</t>
  </si>
  <si>
    <t>638.9700927734375</t>
  </si>
  <si>
    <t>0.09761200113774038</t>
  </si>
  <si>
    <t>7.081085681915283</t>
  </si>
  <si>
    <t>693.572265625</t>
  </si>
  <si>
    <t>0.12988831572207182</t>
  </si>
  <si>
    <t>6.243991851806641</t>
  </si>
  <si>
    <t>624.146240234375</t>
  </si>
  <si>
    <t>-0.04984560804853544</t>
  </si>
  <si>
    <t>7.189769268035889</t>
  </si>
  <si>
    <t>650.6211547851562</t>
  </si>
  <si>
    <t>0.05739901013496329</t>
  </si>
  <si>
    <t>7.289102554321289</t>
  </si>
  <si>
    <t>557.9740600585938</t>
  </si>
  <si>
    <t>0.09213753632923272</t>
  </si>
  <si>
    <t>15300</t>
  </si>
  <si>
    <t>7.701106548309326</t>
  </si>
  <si>
    <t>535.8397216796875</t>
  </si>
  <si>
    <t>0.1321504604626238</t>
  </si>
  <si>
    <t>6.7335429191589355</t>
  </si>
  <si>
    <t>582.1176147460938</t>
  </si>
  <si>
    <t>-0.05625916430679467</t>
  </si>
  <si>
    <t>7.638554096221924</t>
  </si>
  <si>
    <t>607.2063598632812</t>
  </si>
  <si>
    <t>0.07066470834035243</t>
  </si>
  <si>
    <t>6.794687271118164</t>
  </si>
  <si>
    <t>541.12744140625</t>
  </si>
  <si>
    <t>0.029517519550807947</t>
  </si>
  <si>
    <t>7.122833728790283</t>
  </si>
  <si>
    <t>644.9605102539062</t>
  </si>
  <si>
    <t>0.027758999241632054</t>
  </si>
  <si>
    <t>7.554233074188232</t>
  </si>
  <si>
    <t>638.5100708007812</t>
  </si>
  <si>
    <t>0.03149961028919712</t>
  </si>
  <si>
    <t>7.583879470825195</t>
  </si>
  <si>
    <t>480.5760803222656</t>
  </si>
  <si>
    <t>-0.001120712654534728</t>
  </si>
  <si>
    <t>7.82025146484375</t>
  </si>
  <si>
    <t>608.9007568359375</t>
  </si>
  <si>
    <t>-0.004673320345435883</t>
  </si>
  <si>
    <t>7.597866058349609</t>
  </si>
  <si>
    <t>724.2174072265625</t>
  </si>
  <si>
    <t>0.01937817537061548</t>
  </si>
  <si>
    <t>17308</t>
  </si>
  <si>
    <t>7.724712371826172</t>
  </si>
  <si>
    <t>587.9340209960938</t>
  </si>
  <si>
    <t>0.0065501784784078865</t>
  </si>
  <si>
    <t>7.103513717651367</t>
  </si>
  <si>
    <t>561.8179931640625</t>
  </si>
  <si>
    <t>0.0005198556073757743</t>
  </si>
  <si>
    <t>18631</t>
  </si>
  <si>
    <t>8.704935073852539</t>
  </si>
  <si>
    <t>487.0924987792969</t>
  </si>
  <si>
    <t>0.07313818206820244</t>
  </si>
  <si>
    <t>8.35901165008545</t>
  </si>
  <si>
    <t>574.4912109375</t>
  </si>
  <si>
    <t>-0.026983087303349862</t>
  </si>
  <si>
    <t>19112</t>
  </si>
  <si>
    <t>7.195121765136719</t>
  </si>
  <si>
    <t>585.6483154296875</t>
  </si>
  <si>
    <t>0.05247263728864304</t>
  </si>
  <si>
    <t>7.7222981452941895</t>
  </si>
  <si>
    <t>733.8922729492188</t>
  </si>
  <si>
    <t>-0.023237779786565937</t>
  </si>
  <si>
    <t>18160</t>
  </si>
  <si>
    <t>5.702795505523682</t>
  </si>
  <si>
    <t>731.8990478515625</t>
  </si>
  <si>
    <t>2448.9716796875</t>
  </si>
  <si>
    <t>Leningrad</t>
  </si>
  <si>
    <t>17176</t>
  </si>
  <si>
    <t>5.399206638336182</t>
  </si>
  <si>
    <t>726.9024658203125</t>
  </si>
  <si>
    <t>-0.05570831259666775</t>
  </si>
  <si>
    <t>5.386384963989258</t>
  </si>
  <si>
    <t>579.4530029296875</t>
  </si>
  <si>
    <t>-0.1590044680573044</t>
  </si>
  <si>
    <t>4.110560894012451</t>
  </si>
  <si>
    <t>628.0670166015625</t>
  </si>
  <si>
    <t>-0.09119606888738829</t>
  </si>
  <si>
    <t>4.503231048583984</t>
  </si>
  <si>
    <t>644.3131713867188</t>
  </si>
  <si>
    <t>-0.13500655564096675</t>
  </si>
  <si>
    <t>5.181350231170654</t>
  </si>
  <si>
    <t>610.2838134765625</t>
  </si>
  <si>
    <t>-0.04310673062764003</t>
  </si>
  <si>
    <t>4.1881537437438965</t>
  </si>
  <si>
    <t>598.5119018554688</t>
  </si>
  <si>
    <t>-0.03936368262954204</t>
  </si>
  <si>
    <t>5.10524320602417</t>
  </si>
  <si>
    <t>666.2837524414062</t>
  </si>
  <si>
    <t>0.013110703908450816</t>
  </si>
  <si>
    <t>3.8374245166778564</t>
  </si>
  <si>
    <t>757.7410278320312</t>
  </si>
  <si>
    <t>-0.055250170622990424</t>
  </si>
  <si>
    <t>5.662351608276367</t>
  </si>
  <si>
    <t>540.8531494140625</t>
  </si>
  <si>
    <t>0.06256148083758184</t>
  </si>
  <si>
    <t>6.375471115112305</t>
  </si>
  <si>
    <t>727.5400390625</t>
  </si>
  <si>
    <t>0.09703052495923536</t>
  </si>
  <si>
    <t>13879</t>
  </si>
  <si>
    <t>4.796963214874268</t>
  </si>
  <si>
    <t>684.2274169921875</t>
  </si>
  <si>
    <t>0.1370888125577867</t>
  </si>
  <si>
    <t>15005</t>
  </si>
  <si>
    <t>4.595834255218506</t>
  </si>
  <si>
    <t>514.71044921875</t>
  </si>
  <si>
    <t>0.0780065725186283</t>
  </si>
  <si>
    <t>16765</t>
  </si>
  <si>
    <t>5.25063943862915</t>
  </si>
  <si>
    <t>727.08251953125</t>
  </si>
  <si>
    <t>0.1109099010258614</t>
  </si>
  <si>
    <t>18959</t>
  </si>
  <si>
    <t>5.647494792938232</t>
  </si>
  <si>
    <t>809.2189331054688</t>
  </si>
  <si>
    <t>0.12298537290170941</t>
  </si>
  <si>
    <t>5.280419826507568</t>
  </si>
  <si>
    <t>614.025390625</t>
  </si>
  <si>
    <t>0.017670890594317257</t>
  </si>
  <si>
    <t>5.734358310699463</t>
  </si>
  <si>
    <t>615.255859375</t>
  </si>
  <si>
    <t>0.11260477274105618</t>
  </si>
  <si>
    <t>5.988729000091553</t>
  </si>
  <si>
    <t>615.862548828125</t>
  </si>
  <si>
    <t>0.01807886259343583</t>
  </si>
  <si>
    <t>6.025912761688232</t>
  </si>
  <si>
    <t>777.37890625</t>
  </si>
  <si>
    <t>0.07230691378918586</t>
  </si>
  <si>
    <t>4.400224685668945</t>
  </si>
  <si>
    <t>761.1245727539062</t>
  </si>
  <si>
    <t>0.08700785188471372</t>
  </si>
  <si>
    <t>25950</t>
  </si>
  <si>
    <t>4.565881252288818</t>
  </si>
  <si>
    <t>742.3804931640625</t>
  </si>
  <si>
    <t>0.006223565189285907</t>
  </si>
  <si>
    <t>6.07123327255249</t>
  </si>
  <si>
    <t>709.5230102539062</t>
  </si>
  <si>
    <t>0.01908454869241183</t>
  </si>
  <si>
    <t>4.546384334564209</t>
  </si>
  <si>
    <t>823.85302734375</t>
  </si>
  <si>
    <t>0.07867489755675727</t>
  </si>
  <si>
    <t>5.964639186859131</t>
  </si>
  <si>
    <t>639.8648071289062</t>
  </si>
  <si>
    <t>-0.05824234897990621</t>
  </si>
  <si>
    <t>6.6857991218566895</t>
  </si>
  <si>
    <t>654.2211303710938</t>
  </si>
  <si>
    <t>-0.06721905034163811</t>
  </si>
  <si>
    <t>6.085682392120361</t>
  </si>
  <si>
    <t>617.7525024414062</t>
  </si>
  <si>
    <t>0.058588044381048476</t>
  </si>
  <si>
    <t>6.350900650024414</t>
  </si>
  <si>
    <t>780.6189575195312</t>
  </si>
  <si>
    <t>0.020341690335662577</t>
  </si>
  <si>
    <t>5.555752277374268</t>
  </si>
  <si>
    <t>850.369873046875</t>
  </si>
  <si>
    <t>-0.020042826017837356</t>
  </si>
  <si>
    <t>26743</t>
  </si>
  <si>
    <t>5.779489994049072</t>
  </si>
  <si>
    <t>653.9769287109375</t>
  </si>
  <si>
    <t>-0.0010838083841431256</t>
  </si>
  <si>
    <t>27273</t>
  </si>
  <si>
    <t>6.919735431671143</t>
  </si>
  <si>
    <t>767.3298950195312</t>
  </si>
  <si>
    <t>0.01962444495357829</t>
  </si>
  <si>
    <t>6.8594231605529785</t>
  </si>
  <si>
    <t>724.1619262695312</t>
  </si>
  <si>
    <t>-0.02698045485450784</t>
  </si>
  <si>
    <t>5.5303168296813965</t>
  </si>
  <si>
    <t>729.4252319335938</t>
  </si>
  <si>
    <t>0.05243025280775271</t>
  </si>
  <si>
    <t>6.265797138214111</t>
  </si>
  <si>
    <t>684.5824584960938</t>
  </si>
  <si>
    <t>-0.02321565121846625</t>
  </si>
  <si>
    <t>21318</t>
  </si>
  <si>
    <t>6.786561965942383</t>
  </si>
  <si>
    <t>685.1023559570312</t>
  </si>
  <si>
    <t>646.2998046875</t>
  </si>
  <si>
    <t>Lipetsk</t>
  </si>
  <si>
    <t>20163</t>
  </si>
  <si>
    <t>6.270240306854248</t>
  </si>
  <si>
    <t>508.5617370605469</t>
  </si>
  <si>
    <t>-0.0557025446110071</t>
  </si>
  <si>
    <t>17198</t>
  </si>
  <si>
    <t>5.886218547821045</t>
  </si>
  <si>
    <t>567.1991577148438</t>
  </si>
  <si>
    <t>-0.1590561436672342</t>
  </si>
  <si>
    <t>5.005908966064453</t>
  </si>
  <si>
    <t>538.9510498046875</t>
  </si>
  <si>
    <t>-0.0911323856344417</t>
  </si>
  <si>
    <t>13717</t>
  </si>
  <si>
    <t>5.115809917449951</t>
  </si>
  <si>
    <t>555.3540649414062</t>
  </si>
  <si>
    <t>-0.1350247728579923</t>
  </si>
  <si>
    <t>6.486016750335693</t>
  </si>
  <si>
    <t>593.9588623046875</t>
  </si>
  <si>
    <t>-0.04312714502598958</t>
  </si>
  <si>
    <t>12632</t>
  </si>
  <si>
    <t>5.271877765655518</t>
  </si>
  <si>
    <t>442.6545715332031</t>
  </si>
  <si>
    <t>-0.03927551751693947</t>
  </si>
  <si>
    <t>5.530392169952393</t>
  </si>
  <si>
    <t>609.7041625976562</t>
  </si>
  <si>
    <t>0.013055631763927877</t>
  </si>
  <si>
    <t>5.944839954376221</t>
  </si>
  <si>
    <t>620.5011596679688</t>
  </si>
  <si>
    <t>-0.055257351152267375</t>
  </si>
  <si>
    <t>6.730737209320068</t>
  </si>
  <si>
    <t>516.35302734375</t>
  </si>
  <si>
    <t>0.06257540638818959</t>
  </si>
  <si>
    <t>7.069397449493408</t>
  </si>
  <si>
    <t>578.7687377929688</t>
  </si>
  <si>
    <t>0.09705744662242743</t>
  </si>
  <si>
    <t>6.198699951171875</t>
  </si>
  <si>
    <t>622.8807373046875</t>
  </si>
  <si>
    <t>-0.11442741624257025</t>
  </si>
  <si>
    <t>6.475229263305664</t>
  </si>
  <si>
    <t>535.815673828125</t>
  </si>
  <si>
    <t>0.19233440181050732</t>
  </si>
  <si>
    <t>18402</t>
  </si>
  <si>
    <t>5.704009532928467</t>
  </si>
  <si>
    <t>569.01318359375</t>
  </si>
  <si>
    <t>0.18088795821661385</t>
  </si>
  <si>
    <t>22537</t>
  </si>
  <si>
    <t>6.721797466278076</t>
  </si>
  <si>
    <t>673.984130859375</t>
  </si>
  <si>
    <t>0.2026990486763598</t>
  </si>
  <si>
    <t>5.906846523284912</t>
  </si>
  <si>
    <t>606.4158935546875</t>
  </si>
  <si>
    <t>-0.1605085745837691</t>
  </si>
  <si>
    <t>6.820537567138672</t>
  </si>
  <si>
    <t>606.7354736328125</t>
  </si>
  <si>
    <t>0.07282333088529391</t>
  </si>
  <si>
    <t>6.644935607910156</t>
  </si>
  <si>
    <t>521.3907470703125</t>
  </si>
  <si>
    <t>0.02902490253850054</t>
  </si>
  <si>
    <t>7.296846866607666</t>
  </si>
  <si>
    <t>498.9576721191406</t>
  </si>
  <si>
    <t>0.07555545903567484</t>
  </si>
  <si>
    <t>6.1554999351501465</t>
  </si>
  <si>
    <t>498.4313659667969</t>
  </si>
  <si>
    <t>-0.15672805713590066</t>
  </si>
  <si>
    <t>19171</t>
  </si>
  <si>
    <t>7.451683044433594</t>
  </si>
  <si>
    <t>532.6100463867188</t>
  </si>
  <si>
    <t>-0.021926743238417146</t>
  </si>
  <si>
    <t>19325</t>
  </si>
  <si>
    <t>6.310516357421875</t>
  </si>
  <si>
    <t>519.984375</t>
  </si>
  <si>
    <t>0.008000873935573694</t>
  </si>
  <si>
    <t>6.791475772857666</t>
  </si>
  <si>
    <t>662.0087890625</t>
  </si>
  <si>
    <t>-0.033250472243290474</t>
  </si>
  <si>
    <t>19008</t>
  </si>
  <si>
    <t>7.159024715423584</t>
  </si>
  <si>
    <t>654.0333251953125</t>
  </si>
  <si>
    <t>0.016710820950040173</t>
  </si>
  <si>
    <t>7.06483793258667</t>
  </si>
  <si>
    <t>390.3285827636719</t>
  </si>
  <si>
    <t>0.13883741910239955</t>
  </si>
  <si>
    <t>7.331073760986328</t>
  </si>
  <si>
    <t>593.2108154296875</t>
  </si>
  <si>
    <t>-0.0051876622710747</t>
  </si>
  <si>
    <t>22260</t>
  </si>
  <si>
    <t>7.159088611602783</t>
  </si>
  <si>
    <t>698.9169311523438</t>
  </si>
  <si>
    <t>0.02428164583583836</t>
  </si>
  <si>
    <t>21581</t>
  </si>
  <si>
    <t>7.188427448272705</t>
  </si>
  <si>
    <t>636.728271484375</t>
  </si>
  <si>
    <t>-0.030978047888071458</t>
  </si>
  <si>
    <t>6.523458957672119</t>
  </si>
  <si>
    <t>497.01629638671875</t>
  </si>
  <si>
    <t>0.04072375513674764</t>
  </si>
  <si>
    <t>8.310530662536621</t>
  </si>
  <si>
    <t>499.8584289550781</t>
  </si>
  <si>
    <t>-0.08158243383232211</t>
  </si>
  <si>
    <t>7.863611698150635</t>
  </si>
  <si>
    <t>542.9498291015625</t>
  </si>
  <si>
    <t>-0.027006190938420715</t>
  </si>
  <si>
    <t>21251</t>
  </si>
  <si>
    <t>7.024843215942383</t>
  </si>
  <si>
    <t>545.937255859375</t>
  </si>
  <si>
    <t>0.052455524761391814</t>
  </si>
  <si>
    <t>7.236284255981445</t>
  </si>
  <si>
    <t>695.838134765625</t>
  </si>
  <si>
    <t>-0.02323139655888795</t>
  </si>
  <si>
    <t>35876</t>
  </si>
  <si>
    <t>-5.991589069366455</t>
  </si>
  <si>
    <t>507.5523681640625</t>
  </si>
  <si>
    <t>127.3393325805664</t>
  </si>
  <si>
    <t>Maga Buryatdan</t>
  </si>
  <si>
    <t>-6.2175421714782715</t>
  </si>
  <si>
    <t>318.9595947265625</t>
  </si>
  <si>
    <t>-0.05568055603840172</t>
  </si>
  <si>
    <t>-7.373417377471924</t>
  </si>
  <si>
    <t>401.2002258300781</t>
  </si>
  <si>
    <t>-0.1590250635644157</t>
  </si>
  <si>
    <t>-7.376646518707275</t>
  </si>
  <si>
    <t>328.0566711425781</t>
  </si>
  <si>
    <t>-0.09116593219677682</t>
  </si>
  <si>
    <t>-6.208169937133789</t>
  </si>
  <si>
    <t>570.2578125</t>
  </si>
  <si>
    <t>-0.13501394049720972</t>
  </si>
  <si>
    <t>-5.147969722747803</t>
  </si>
  <si>
    <t>496.70758056640625</t>
  </si>
  <si>
    <t>-0.0431530610895976</t>
  </si>
  <si>
    <t>21258</t>
  </si>
  <si>
    <t>-6.076986312866211</t>
  </si>
  <si>
    <t>463.32080078125</t>
  </si>
  <si>
    <t>-0.03929669975796379</t>
  </si>
  <si>
    <t>21538</t>
  </si>
  <si>
    <t>-6.036966323852539</t>
  </si>
  <si>
    <t>427.7514343261719</t>
  </si>
  <si>
    <t>0.01308552179529876</t>
  </si>
  <si>
    <t>20380</t>
  </si>
  <si>
    <t>-7.208850383758545</t>
  </si>
  <si>
    <t>354.8141784667969</t>
  </si>
  <si>
    <t>-0.05526478911211008</t>
  </si>
  <si>
    <t>21697</t>
  </si>
  <si>
    <t>-7.391172885894775</t>
  </si>
  <si>
    <t>414.2286376953125</t>
  </si>
  <si>
    <t>0.06261997434665467</t>
  </si>
  <si>
    <t>23908</t>
  </si>
  <si>
    <t>-6.106410980224609</t>
  </si>
  <si>
    <t>431.4290466308594</t>
  </si>
  <si>
    <t>0.09703912882077326</t>
  </si>
  <si>
    <t>-6.469867706298828</t>
  </si>
  <si>
    <t>459.05352783203125</t>
  </si>
  <si>
    <t>0.1437113315063261</t>
  </si>
  <si>
    <t>-5.664586544036865</t>
  </si>
  <si>
    <t>395.8152770996094</t>
  </si>
  <si>
    <t>0.14996536896073387</t>
  </si>
  <si>
    <t>-5.511556625366211</t>
  </si>
  <si>
    <t>485.07208251953125</t>
  </si>
  <si>
    <t>-0.026638750309738057</t>
  </si>
  <si>
    <t>-6.8091607093811035</t>
  </si>
  <si>
    <t>569.41748046875</t>
  </si>
  <si>
    <t>-0.15591358555170842</t>
  </si>
  <si>
    <t>-5.714468479156494</t>
  </si>
  <si>
    <t>353.8695983886719</t>
  </si>
  <si>
    <t>-0.06830336557879058</t>
  </si>
  <si>
    <t>-6.188984394073486</t>
  </si>
  <si>
    <t>538.2008056640625</t>
  </si>
  <si>
    <t>0.01897409361967206</t>
  </si>
  <si>
    <t>25697</t>
  </si>
  <si>
    <t>-5.603206157684326</t>
  </si>
  <si>
    <t>484.5779113769531</t>
  </si>
  <si>
    <t>0.01036602996150826</t>
  </si>
  <si>
    <t>27075</t>
  </si>
  <si>
    <t>-5.493028163909912</t>
  </si>
  <si>
    <t>529.2636108398438</t>
  </si>
  <si>
    <t>0.052236539317043196</t>
  </si>
  <si>
    <t>-5.918654918670654</t>
  </si>
  <si>
    <t>367.7943115234375</t>
  </si>
  <si>
    <t>0.12016452104917086</t>
  </si>
  <si>
    <t>34235</t>
  </si>
  <si>
    <t>-5.7331390380859375</t>
  </si>
  <si>
    <t>500.2809753417969</t>
  </si>
  <si>
    <t>0.1144731986368015</t>
  </si>
  <si>
    <t>-5.979945659637451</t>
  </si>
  <si>
    <t>458.7734680175781</t>
  </si>
  <si>
    <t>0.0621166481667661</t>
  </si>
  <si>
    <t>37922</t>
  </si>
  <si>
    <t>-5.6624531745910645</t>
  </si>
  <si>
    <t>499.4644775390625</t>
  </si>
  <si>
    <t>0.04016625787222061</t>
  </si>
  <si>
    <t>41068</t>
  </si>
  <si>
    <t>-5.767670154571533</t>
  </si>
  <si>
    <t>538.81201171875</t>
  </si>
  <si>
    <t>0.0796978108247064</t>
  </si>
  <si>
    <t>41268</t>
  </si>
  <si>
    <t>-4.995184898376465</t>
  </si>
  <si>
    <t>495.9920654296875</t>
  </si>
  <si>
    <t>0.004858151801411026</t>
  </si>
  <si>
    <t>47840</t>
  </si>
  <si>
    <t>-5.978323459625244</t>
  </si>
  <si>
    <t>368.2086486816406</t>
  </si>
  <si>
    <t>0.14777472840424544</t>
  </si>
  <si>
    <t>54098</t>
  </si>
  <si>
    <t>-5.8064117431640625</t>
  </si>
  <si>
    <t>511.75067138671875</t>
  </si>
  <si>
    <t>0.12293510694999554</t>
  </si>
  <si>
    <t>-5.0470757484436035</t>
  </si>
  <si>
    <t>523.9735717773438</t>
  </si>
  <si>
    <t>0.005419867631786701</t>
  </si>
  <si>
    <t>52745</t>
  </si>
  <si>
    <t>-5.042487621307373</t>
  </si>
  <si>
    <t>551.9465942382812</t>
  </si>
  <si>
    <t>-0.030748103090385115</t>
  </si>
  <si>
    <t>62953</t>
  </si>
  <si>
    <t>-5.3905205726623535</t>
  </si>
  <si>
    <t>477.29595947265625</t>
  </si>
  <si>
    <t>0.1769194350915626</t>
  </si>
  <si>
    <t>61276</t>
  </si>
  <si>
    <t>-5.748865127563477</t>
  </si>
  <si>
    <t>383.61114501953125</t>
  </si>
  <si>
    <t>-0.02700016707488473</t>
  </si>
  <si>
    <t>64576</t>
  </si>
  <si>
    <t>-5.109477996826172</t>
  </si>
  <si>
    <t>510.22650146484375</t>
  </si>
  <si>
    <t>0.05245457558069333</t>
  </si>
  <si>
    <t>63092</t>
  </si>
  <si>
    <t>-5.4215569496154785</t>
  </si>
  <si>
    <t>536.4470825195312</t>
  </si>
  <si>
    <t>-0.0232488461059166</t>
  </si>
  <si>
    <t>4.644475936889648</t>
  </si>
  <si>
    <t>680.4948120117188</t>
  </si>
  <si>
    <t>461.2363586425781</t>
  </si>
  <si>
    <t>Mariy-El</t>
  </si>
  <si>
    <t>4.689596652984619</t>
  </si>
  <si>
    <t>594.0372314453125</t>
  </si>
  <si>
    <t>-0.05569798236134105</t>
  </si>
  <si>
    <t>4.038735866546631</t>
  </si>
  <si>
    <t>522.7802734375</t>
  </si>
  <si>
    <t>-0.15896749014229883</t>
  </si>
  <si>
    <t>3.0574378967285156</t>
  </si>
  <si>
    <t>560.779541015625</t>
  </si>
  <si>
    <t>-0.0911577794653482</t>
  </si>
  <si>
    <t>5309</t>
  </si>
  <si>
    <t>2.970139503479004</t>
  </si>
  <si>
    <t>581.0792846679688</t>
  </si>
  <si>
    <t>-0.13510765955168402</t>
  </si>
  <si>
    <t>5.2415995597839355</t>
  </si>
  <si>
    <t>499.9576416015625</t>
  </si>
  <si>
    <t>-0.04310846410101021</t>
  </si>
  <si>
    <t>3.373784303665161</t>
  </si>
  <si>
    <t>399.8759765625</t>
  </si>
  <si>
    <t>-0.039307245904014465</t>
  </si>
  <si>
    <t>3.848585844039917</t>
  </si>
  <si>
    <t>643.7876586914062</t>
  </si>
  <si>
    <t>0.013207547470658554</t>
  </si>
  <si>
    <t>3.7291202545166016</t>
  </si>
  <si>
    <t>641.9616088867188</t>
  </si>
  <si>
    <t>-0.05540261212659914</t>
  </si>
  <si>
    <t>4990</t>
  </si>
  <si>
    <t>4.616831302642822</t>
  </si>
  <si>
    <t>530.7368774414062</t>
  </si>
  <si>
    <t>0.0626431908228593</t>
  </si>
  <si>
    <t>5.065256595611572</t>
  </si>
  <si>
    <t>638.2927856445312</t>
  </si>
  <si>
    <t>0.09694847997962697</t>
  </si>
  <si>
    <t>4.357428073883057</t>
  </si>
  <si>
    <t>640.5923461914062</t>
  </si>
  <si>
    <t>0.13425866538385023</t>
  </si>
  <si>
    <t>4.046922206878662</t>
  </si>
  <si>
    <t>559.7161865234375</t>
  </si>
  <si>
    <t>0.026521758517425553</t>
  </si>
  <si>
    <t>4.390104293823242</t>
  </si>
  <si>
    <t>559.048583984375</t>
  </si>
  <si>
    <t>0.12653781372749862</t>
  </si>
  <si>
    <t>4.81627893447876</t>
  </si>
  <si>
    <t>619.4585571289062</t>
  </si>
  <si>
    <t>0.08498512611138587</t>
  </si>
  <si>
    <t>4.029103755950928</t>
  </si>
  <si>
    <t>546.8262329101562</t>
  </si>
  <si>
    <t>-0.07954145453020978</t>
  </si>
  <si>
    <t>8442</t>
  </si>
  <si>
    <t>5.072676181793213</t>
  </si>
  <si>
    <t>687.7084350585938</t>
  </si>
  <si>
    <t>0.13607294840730155</t>
  </si>
  <si>
    <t>4.271575450897217</t>
  </si>
  <si>
    <t>625.140869140625</t>
  </si>
  <si>
    <t>0.10536051565782678</t>
  </si>
  <si>
    <t>5.6979241371154785</t>
  </si>
  <si>
    <t>626.5286865234375</t>
  </si>
  <si>
    <t>0.041964199099032484</t>
  </si>
  <si>
    <t>10083</t>
  </si>
  <si>
    <t>3.8288156986236572</t>
  </si>
  <si>
    <t>488.6834716796875</t>
  </si>
  <si>
    <t>0.030306875293911517</t>
  </si>
  <si>
    <t>5.125948429107666</t>
  </si>
  <si>
    <t>449.9683532714844</t>
  </si>
  <si>
    <t>0.059392904056782214</t>
  </si>
  <si>
    <t>4.189244747161865</t>
  </si>
  <si>
    <t>597.0206909179688</t>
  </si>
  <si>
    <t>0.028287692573394807</t>
  </si>
  <si>
    <t>4.724057197570801</t>
  </si>
  <si>
    <t>647.354248046875</t>
  </si>
  <si>
    <t>0.1333383150237637</t>
  </si>
  <si>
    <t>5.304893970489502</t>
  </si>
  <si>
    <t>603.4663696289062</t>
  </si>
  <si>
    <t>0.015228920979430072</t>
  </si>
  <si>
    <t>4.699803829193115</t>
  </si>
  <si>
    <t>519.9957885742188</t>
  </si>
  <si>
    <t>0.035841720014918366</t>
  </si>
  <si>
    <t>5.202075004577637</t>
  </si>
  <si>
    <t>626.1058959960938</t>
  </si>
  <si>
    <t>0.055974072207980896</t>
  </si>
  <si>
    <t>12325</t>
  </si>
  <si>
    <t>5.066683292388916</t>
  </si>
  <si>
    <t>575.4194946289062</t>
  </si>
  <si>
    <t>-0.12728474233859366</t>
  </si>
  <si>
    <t>4.851959228515625</t>
  </si>
  <si>
    <t>640.6243286132812</t>
  </si>
  <si>
    <t>0.005421383185813866</t>
  </si>
  <si>
    <t>12066</t>
  </si>
  <si>
    <t>4.251131534576416</t>
  </si>
  <si>
    <t>494.8802490234375</t>
  </si>
  <si>
    <t>-0.026659523095997173</t>
  </si>
  <si>
    <t>6.028248310089111</t>
  </si>
  <si>
    <t>593.7435913085938</t>
  </si>
  <si>
    <t>0.031088050000269263</t>
  </si>
  <si>
    <t>5.689758777618408</t>
  </si>
  <si>
    <t>552.3273315429688</t>
  </si>
  <si>
    <t>-0.02695273685384869</t>
  </si>
  <si>
    <t>12768</t>
  </si>
  <si>
    <t>5.142130374908447</t>
  </si>
  <si>
    <t>532.2927856445312</t>
  </si>
  <si>
    <t>0.05241514754246168</t>
  </si>
  <si>
    <t>5.0857672691345215</t>
  </si>
  <si>
    <t>620.3212890625</t>
  </si>
  <si>
    <t>-0.023215399069870912</t>
  </si>
  <si>
    <t>5.446704864501953</t>
  </si>
  <si>
    <t>680.29248046875</t>
  </si>
  <si>
    <t>559.6419067382812</t>
  </si>
  <si>
    <t>Mordovia</t>
  </si>
  <si>
    <t>5.163804054260254</t>
  </si>
  <si>
    <t>514.8592529296875</t>
  </si>
  <si>
    <t>-0.05566245181724305</t>
  </si>
  <si>
    <t>4.5034894943237305</t>
  </si>
  <si>
    <t>514.5723266601562</t>
  </si>
  <si>
    <t>-0.15903341981616137</t>
  </si>
  <si>
    <t>3.5381460189819336</t>
  </si>
  <si>
    <t>592.5819091796875</t>
  </si>
  <si>
    <t>-0.09110118616449725</t>
  </si>
  <si>
    <t>6751</t>
  </si>
  <si>
    <t>3.5399529933929443</t>
  </si>
  <si>
    <t>560.968994140625</t>
  </si>
  <si>
    <t>-0.13503004689171405</t>
  </si>
  <si>
    <t>5.708646297454834</t>
  </si>
  <si>
    <t>538.7998657226562</t>
  </si>
  <si>
    <t>-0.043132962756491366</t>
  </si>
  <si>
    <t>6217</t>
  </si>
  <si>
    <t>4.013432502746582</t>
  </si>
  <si>
    <t>398.6517333984375</t>
  </si>
  <si>
    <t>-0.03927020401604153</t>
  </si>
  <si>
    <t>4.417228698730469</t>
  </si>
  <si>
    <t>567.1990966796875</t>
  </si>
  <si>
    <t>0.012944647391632813</t>
  </si>
  <si>
    <t>5960</t>
  </si>
  <si>
    <t>4.793209552764893</t>
  </si>
  <si>
    <t>650.5760498046875</t>
  </si>
  <si>
    <t>-0.05516164160157366</t>
  </si>
  <si>
    <t>5.5154948234558105</t>
  </si>
  <si>
    <t>548.4356689453125</t>
  </si>
  <si>
    <t>0.06259662008909217</t>
  </si>
  <si>
    <t>5.844762802124023</t>
  </si>
  <si>
    <t>608.62744140625</t>
  </si>
  <si>
    <t>0.0969565063634974</t>
  </si>
  <si>
    <t>5.216613292694092</t>
  </si>
  <si>
    <t>645.4618530273438</t>
  </si>
  <si>
    <t>0.07107909318298056</t>
  </si>
  <si>
    <t>8159</t>
  </si>
  <si>
    <t>4.975394248962402</t>
  </si>
  <si>
    <t>563.6798706054688</t>
  </si>
  <si>
    <t>0.08341891173383331</t>
  </si>
  <si>
    <t>4.670768737792969</t>
  </si>
  <si>
    <t>597.503173828125</t>
  </si>
  <si>
    <t>0.06477596077349013</t>
  </si>
  <si>
    <t>5.731943607330322</t>
  </si>
  <si>
    <t>638.2665405273438</t>
  </si>
  <si>
    <t>-0.039243688718768155</t>
  </si>
  <si>
    <t>4.679642200469971</t>
  </si>
  <si>
    <t>559.4627075195312</t>
  </si>
  <si>
    <t>-0.03736818879849935</t>
  </si>
  <si>
    <t>9253</t>
  </si>
  <si>
    <t>5.681243896484375</t>
  </si>
  <si>
    <t>663.2113647460938</t>
  </si>
  <si>
    <t>0.13766212756400797</t>
  </si>
  <si>
    <t>10851</t>
  </si>
  <si>
    <t>5.073756694793701</t>
  </si>
  <si>
    <t>558.9771118164062</t>
  </si>
  <si>
    <t>0.15930941837117807</t>
  </si>
  <si>
    <t>6.094178676605225</t>
  </si>
  <si>
    <t>568.278076171875</t>
  </si>
  <si>
    <t>0.06648920233649491</t>
  </si>
  <si>
    <t>4.818222522735596</t>
  </si>
  <si>
    <t>508.7537841796875</t>
  </si>
  <si>
    <t>-0.05257848108679042</t>
  </si>
  <si>
    <t>6.179271221160889</t>
  </si>
  <si>
    <t>475.7611389160156</t>
  </si>
  <si>
    <t>0.03658509368368712</t>
  </si>
  <si>
    <t>4.831496238708496</t>
  </si>
  <si>
    <t>572.6512451171875</t>
  </si>
  <si>
    <t>-0.005271030389065956</t>
  </si>
  <si>
    <t>5.397770404815674</t>
  </si>
  <si>
    <t>632.7686767578125</t>
  </si>
  <si>
    <t>0.06562244858204913</t>
  </si>
  <si>
    <t>12750</t>
  </si>
  <si>
    <t>6.055984973907471</t>
  </si>
  <si>
    <t>625.1865844726562</t>
  </si>
  <si>
    <t>0.05042679683998941</t>
  </si>
  <si>
    <t>5.570940017700195</t>
  </si>
  <si>
    <t>466.6141052246094</t>
  </si>
  <si>
    <t>0.06630167175595147</t>
  </si>
  <si>
    <t>5.940678119659424</t>
  </si>
  <si>
    <t>602.7193603515625</t>
  </si>
  <si>
    <t>-0.08666445591069483</t>
  </si>
  <si>
    <t>13284</t>
  </si>
  <si>
    <t>5.894917964935303</t>
  </si>
  <si>
    <t>631.4768676757812</t>
  </si>
  <si>
    <t>0.061391816064809035</t>
  </si>
  <si>
    <t>5.739917278289795</t>
  </si>
  <si>
    <t>633.5128173828125</t>
  </si>
  <si>
    <t>-0.005510487618284543</t>
  </si>
  <si>
    <t>13097</t>
  </si>
  <si>
    <t>5.130224227905273</t>
  </si>
  <si>
    <t>497.0365905761719</t>
  </si>
  <si>
    <t>-0.00866661954895065</t>
  </si>
  <si>
    <t>6.830992221832275</t>
  </si>
  <si>
    <t>526.2660522460938</t>
  </si>
  <si>
    <t>0.050326957587929044</t>
  </si>
  <si>
    <t>13407</t>
  </si>
  <si>
    <t>6.546311855316162</t>
  </si>
  <si>
    <t>533.2308959960938</t>
  </si>
  <si>
    <t>-0.02693319531577032</t>
  </si>
  <si>
    <t>5.9370646476745605</t>
  </si>
  <si>
    <t>557.1216430664062</t>
  </si>
  <si>
    <t>0.0524524641642472</t>
  </si>
  <si>
    <t>13804</t>
  </si>
  <si>
    <t>5.911365032196045</t>
  </si>
  <si>
    <t>616.280029296875</t>
  </si>
  <si>
    <t>-0.023271017547914497</t>
  </si>
  <si>
    <t>63124</t>
  </si>
  <si>
    <t>815.400146484375</t>
  </si>
  <si>
    <t>5256.27099609375</t>
  </si>
  <si>
    <t>Moscow City</t>
  </si>
  <si>
    <t>59705</t>
  </si>
  <si>
    <t>-0.05568527690053671</t>
  </si>
  <si>
    <t>594.0999755859375</t>
  </si>
  <si>
    <t>-0.15902253420232526</t>
  </si>
  <si>
    <t>46489</t>
  </si>
  <si>
    <t>4.883333206176758</t>
  </si>
  <si>
    <t>-0.09117750931402391</t>
  </si>
  <si>
    <t>40618</t>
  </si>
  <si>
    <t>652.0000610351562</t>
  </si>
  <si>
    <t>-0.13500440735808183</t>
  </si>
  <si>
    <t>38903</t>
  </si>
  <si>
    <t>6.058333873748779</t>
  </si>
  <si>
    <t>-0.04313994963755263</t>
  </si>
  <si>
    <t>37404</t>
  </si>
  <si>
    <t>567.2000732421875</t>
  </si>
  <si>
    <t>-0.03929371790016489</t>
  </si>
  <si>
    <t>37896</t>
  </si>
  <si>
    <t>0.01306791504825</t>
  </si>
  <si>
    <t>35858</t>
  </si>
  <si>
    <t>5.1666669845581055</t>
  </si>
  <si>
    <t>-0.05527887144821442</t>
  </si>
  <si>
    <t>38176</t>
  </si>
  <si>
    <t>6.39166784286499</t>
  </si>
  <si>
    <t>565.4000244140625</t>
  </si>
  <si>
    <t>0.06264035174226912</t>
  </si>
  <si>
    <t>42065</t>
  </si>
  <si>
    <t>704.9000854492188</t>
  </si>
  <si>
    <t>0.0970089950872719</t>
  </si>
  <si>
    <t>41234</t>
  </si>
  <si>
    <t>685.5999755859375</t>
  </si>
  <si>
    <t>-0.01995288225440106</t>
  </si>
  <si>
    <t>45258</t>
  </si>
  <si>
    <t>555.2999877929688</t>
  </si>
  <si>
    <t>0.09311629135117272</t>
  </si>
  <si>
    <t>48318</t>
  </si>
  <si>
    <t>5.741666793823242</t>
  </si>
  <si>
    <t>0.06542471194191357</t>
  </si>
  <si>
    <t>51279</t>
  </si>
  <si>
    <t>0.0594771496007791</t>
  </si>
  <si>
    <t>60410</t>
  </si>
  <si>
    <t>5.39166784286499</t>
  </si>
  <si>
    <t>0.16387334250840802</t>
  </si>
  <si>
    <t>65684</t>
  </si>
  <si>
    <t>0.08370071047894179</t>
  </si>
  <si>
    <t>72372</t>
  </si>
  <si>
    <t>6.308334827423096</t>
  </si>
  <si>
    <t>593.300048828125</t>
  </si>
  <si>
    <t>0.09696411962725904</t>
  </si>
  <si>
    <t>76798</t>
  </si>
  <si>
    <t>783.8999633789062</t>
  </si>
  <si>
    <t>0.05935911389101989</t>
  </si>
  <si>
    <t>64133</t>
  </si>
  <si>
    <t>5.3249993324279785</t>
  </si>
  <si>
    <t>-0.18021954610307844</t>
  </si>
  <si>
    <t>66205</t>
  </si>
  <si>
    <t>6.4333343505859375</t>
  </si>
  <si>
    <t>609.7999877929688</t>
  </si>
  <si>
    <t>0.03179693674692885</t>
  </si>
  <si>
    <t>67451</t>
  </si>
  <si>
    <t>0.01864541954902954</t>
  </si>
  <si>
    <t>67089</t>
  </si>
  <si>
    <t>5.458333969116211</t>
  </si>
  <si>
    <t>-0.005381312228060153</t>
  </si>
  <si>
    <t>6.5916666984558105</t>
  </si>
  <si>
    <t>0.021951687475546322</t>
  </si>
  <si>
    <t>66787</t>
  </si>
  <si>
    <t>6.974999904632568</t>
  </si>
  <si>
    <t>510.4999694824219</t>
  </si>
  <si>
    <t>-0.026463332763213998</t>
  </si>
  <si>
    <t>61722</t>
  </si>
  <si>
    <t>-0.07886801944807331</t>
  </si>
  <si>
    <t>61319</t>
  </si>
  <si>
    <t>-0.006550685399330902</t>
  </si>
  <si>
    <t>0.029486442063900498</t>
  </si>
  <si>
    <t>63779</t>
  </si>
  <si>
    <t>619.7000732421875</t>
  </si>
  <si>
    <t>0.00984779452127249</t>
  </si>
  <si>
    <t>64507</t>
  </si>
  <si>
    <t>602.9000244140625</t>
  </si>
  <si>
    <t>0.011349762482076642</t>
  </si>
  <si>
    <t>62789</t>
  </si>
  <si>
    <t>-0.026993846148553047</t>
  </si>
  <si>
    <t>66171</t>
  </si>
  <si>
    <t>6.1999993324279785</t>
  </si>
  <si>
    <t>0.0524624016022468</t>
  </si>
  <si>
    <t>64650</t>
  </si>
  <si>
    <t>763.1000366210938</t>
  </si>
  <si>
    <t>-0.02325419528069439</t>
  </si>
  <si>
    <t>6.137686252593994</t>
  </si>
  <si>
    <t>792.5153198242188</t>
  </si>
  <si>
    <t>4408.62939453125</t>
  </si>
  <si>
    <t>Moskva</t>
  </si>
  <si>
    <t>13780</t>
  </si>
  <si>
    <t>5.930258274078369</t>
  </si>
  <si>
    <t>694.0335693359375</t>
  </si>
  <si>
    <t>-0.05567771808634703</t>
  </si>
  <si>
    <t>11754</t>
  </si>
  <si>
    <t>5.731446743011475</t>
  </si>
  <si>
    <t>574.2380981445312</t>
  </si>
  <si>
    <t>-0.15902465739505267</t>
  </si>
  <si>
    <t>4.684700012207031</t>
  </si>
  <si>
    <t>685.33837890625</t>
  </si>
  <si>
    <t>-0.09115005154785294</t>
  </si>
  <si>
    <t>4.639211177825928</t>
  </si>
  <si>
    <t>633.3218994140625</t>
  </si>
  <si>
    <t>-0.13499698478613276</t>
  </si>
  <si>
    <t>8979</t>
  </si>
  <si>
    <t>5.823291778564453</t>
  </si>
  <si>
    <t>570.1777954101562</t>
  </si>
  <si>
    <t>-0.04315805431780184</t>
  </si>
  <si>
    <t>4.8213372230529785</t>
  </si>
  <si>
    <t>555.7529907226562</t>
  </si>
  <si>
    <t>-0.039296448285286445</t>
  </si>
  <si>
    <t>5.205061435699463</t>
  </si>
  <si>
    <t>636.6249389648438</t>
  </si>
  <si>
    <t>0.01311871518433172</t>
  </si>
  <si>
    <t>4.918853282928467</t>
  </si>
  <si>
    <t>846.799560546875</t>
  </si>
  <si>
    <t>-0.05535102455442065</t>
  </si>
  <si>
    <t>8811</t>
  </si>
  <si>
    <t>6.224235534667969</t>
  </si>
  <si>
    <t>553.2389526367188</t>
  </si>
  <si>
    <t>0.06264118100129679</t>
  </si>
  <si>
    <t>6.527733325958252</t>
  </si>
  <si>
    <t>684.9927978515625</t>
  </si>
  <si>
    <t>0.09705234950341435</t>
  </si>
  <si>
    <t>5.600705623626709</t>
  </si>
  <si>
    <t>665.0006713867188</t>
  </si>
  <si>
    <t>0.11662650945697095</t>
  </si>
  <si>
    <t>5.70801305770874</t>
  </si>
  <si>
    <t>537.6923828125</t>
  </si>
  <si>
    <t>0.13732802596165783</t>
  </si>
  <si>
    <t>14327</t>
  </si>
  <si>
    <t>5.539246082305908</t>
  </si>
  <si>
    <t>723.666748046875</t>
  </si>
  <si>
    <t>0.13513804310459854</t>
  </si>
  <si>
    <t>6.000613689422607</t>
  </si>
  <si>
    <t>754.839599609375</t>
  </si>
  <si>
    <t>0.06263033610656166</t>
  </si>
  <si>
    <t>5.195600509643555</t>
  </si>
  <si>
    <t>593.66455078125</t>
  </si>
  <si>
    <t>0.08239508695222142</t>
  </si>
  <si>
    <t>18843</t>
  </si>
  <si>
    <t>5.980345249176025</t>
  </si>
  <si>
    <t>682.0648803710938</t>
  </si>
  <si>
    <t>0.1289702001703361</t>
  </si>
  <si>
    <t>6.129171848297119</t>
  </si>
  <si>
    <t>576.7805786132812</t>
  </si>
  <si>
    <t>0.1862674842401404</t>
  </si>
  <si>
    <t>24851</t>
  </si>
  <si>
    <t>6.8627543449401855</t>
  </si>
  <si>
    <t>759.9837036132812</t>
  </si>
  <si>
    <t>0.09048901680117005</t>
  </si>
  <si>
    <t>22163</t>
  </si>
  <si>
    <t>5.1386284828186035</t>
  </si>
  <si>
    <t>651.3861083984375</t>
  </si>
  <si>
    <t>-0.11447376140412757</t>
  </si>
  <si>
    <t>6.239397048950195</t>
  </si>
  <si>
    <t>603.828369140625</t>
  </si>
  <si>
    <t>0.05866129213421267</t>
  </si>
  <si>
    <t>6.110675811767578</t>
  </si>
  <si>
    <t>621.7127075195312</t>
  </si>
  <si>
    <t>0.016248853986073897</t>
  </si>
  <si>
    <t>5.274232387542725</t>
  </si>
  <si>
    <t>784.5507202148438</t>
  </si>
  <si>
    <t>0.027418208710688674</t>
  </si>
  <si>
    <t>6.3947529792785645</t>
  </si>
  <si>
    <t>736.8553466796875</t>
  </si>
  <si>
    <t>0.022115259529225995</t>
  </si>
  <si>
    <t>6.791950225830078</t>
  </si>
  <si>
    <t>515.7803344726562</t>
  </si>
  <si>
    <t>-0.03420383667777749</t>
  </si>
  <si>
    <t>6.607166290283203</t>
  </si>
  <si>
    <t>672.2095947265625</t>
  </si>
  <si>
    <t>0.009151597676591905</t>
  </si>
  <si>
    <t>26438</t>
  </si>
  <si>
    <t>6.515710830688477</t>
  </si>
  <si>
    <t>788.9844970703125</t>
  </si>
  <si>
    <t>0.07698676202065613</t>
  </si>
  <si>
    <t>6.298720836639404</t>
  </si>
  <si>
    <t>789.8533325195312</t>
  </si>
  <si>
    <t>-0.03753667917741765</t>
  </si>
  <si>
    <t>5.850803375244141</t>
  </si>
  <si>
    <t>607.8794555664062</t>
  </si>
  <si>
    <t>0.030019274096096282</t>
  </si>
  <si>
    <t>7.654906749725342</t>
  </si>
  <si>
    <t>601.330810546875</t>
  </si>
  <si>
    <t>0.058362380515536216</t>
  </si>
  <si>
    <t>7.059574127197266</t>
  </si>
  <si>
    <t>737.544677734375</t>
  </si>
  <si>
    <t>-0.026999617945062226</t>
  </si>
  <si>
    <t>6.001218318939209</t>
  </si>
  <si>
    <t>735.556640625</t>
  </si>
  <si>
    <t>0.05244863204626071</t>
  </si>
  <si>
    <t>6.48407506942749</t>
  </si>
  <si>
    <t>751.3442993164062</t>
  </si>
  <si>
    <t>-0.02322264144931019</t>
  </si>
  <si>
    <t>32297</t>
  </si>
  <si>
    <t>1.290730595588684</t>
  </si>
  <si>
    <t>450.17333984375</t>
  </si>
  <si>
    <t>957.9135131835938</t>
  </si>
  <si>
    <t>Murmansk</t>
  </si>
  <si>
    <t>30547</t>
  </si>
  <si>
    <t>0.4780711829662323</t>
  </si>
  <si>
    <t>567.9613037109375</t>
  </si>
  <si>
    <t>-0.05570786553506579</t>
  </si>
  <si>
    <t>0.718956708908081</t>
  </si>
  <si>
    <t>631.4304809570312</t>
  </si>
  <si>
    <t>-0.15901841314910037</t>
  </si>
  <si>
    <t>23785</t>
  </si>
  <si>
    <t>-0.7175042629241943</t>
  </si>
  <si>
    <t>553.9808349609375</t>
  </si>
  <si>
    <t>-0.0911929380896872</t>
  </si>
  <si>
    <t>20781</t>
  </si>
  <si>
    <t>0.4563916027545929</t>
  </si>
  <si>
    <t>493.0497741699219</t>
  </si>
  <si>
    <t>-0.13501602217566777</t>
  </si>
  <si>
    <t>0.18029563128948212</t>
  </si>
  <si>
    <t>618.3318481445312</t>
  </si>
  <si>
    <t>-0.04311839115180938</t>
  </si>
  <si>
    <t>19137</t>
  </si>
  <si>
    <t>-0.4070442020893097</t>
  </si>
  <si>
    <t>582.6340942382812</t>
  </si>
  <si>
    <t>-0.03929708262884013</t>
  </si>
  <si>
    <t>19389</t>
  </si>
  <si>
    <t>0.20063453912734985</t>
  </si>
  <si>
    <t>517.111083984375</t>
  </si>
  <si>
    <t>0.013082261020940678</t>
  </si>
  <si>
    <t>-1.704747200012207</t>
  </si>
  <si>
    <t>621.3729858398438</t>
  </si>
  <si>
    <t>-0.055294327861405534</t>
  </si>
  <si>
    <t>0.5116810202598572</t>
  </si>
  <si>
    <t>636.6253662109375</t>
  </si>
  <si>
    <t>0.06264257911194981</t>
  </si>
  <si>
    <t>1.6617282629013062</t>
  </si>
  <si>
    <t>577.4024047851562</t>
  </si>
  <si>
    <t>0.09702152157878707</t>
  </si>
  <si>
    <t>19312</t>
  </si>
  <si>
    <t>-0.4522148072719574</t>
  </si>
  <si>
    <t>515.5858764648438</t>
  </si>
  <si>
    <t>-0.10834900342302412</t>
  </si>
  <si>
    <t>20164</t>
  </si>
  <si>
    <t>-0.6349447965621948</t>
  </si>
  <si>
    <t>555.4224853515625</t>
  </si>
  <si>
    <t>21123</t>
  </si>
  <si>
    <t>1.1607788801193237</t>
  </si>
  <si>
    <t>518.5061645507812</t>
  </si>
  <si>
    <t>0.04646365798472196</t>
  </si>
  <si>
    <t>1.0235587358474731</t>
  </si>
  <si>
    <t>606.4620971679688</t>
  </si>
  <si>
    <t>0.26756196826322665</t>
  </si>
  <si>
    <t>1.2901384830474854</t>
  </si>
  <si>
    <t>626.187255859375</t>
  </si>
  <si>
    <t>-0.1081701120496934</t>
  </si>
  <si>
    <t>0.7047324180603027</t>
  </si>
  <si>
    <t>591.2109985351562</t>
  </si>
  <si>
    <t>0.053444533086224766</t>
  </si>
  <si>
    <t>1.4163647890090942</t>
  </si>
  <si>
    <t>646.9249877929688</t>
  </si>
  <si>
    <t>0.074135304490337</t>
  </si>
  <si>
    <t>0.7093709111213684</t>
  </si>
  <si>
    <t>604.5035400390625</t>
  </si>
  <si>
    <t>-0.019953292426157176</t>
  </si>
  <si>
    <t>0.07504472136497498</t>
  </si>
  <si>
    <t>523.8505859375</t>
  </si>
  <si>
    <t>-0.07120123617349883</t>
  </si>
  <si>
    <t>26538</t>
  </si>
  <si>
    <t>-0.47771862149238586</t>
  </si>
  <si>
    <t>654.7747192382812</t>
  </si>
  <si>
    <t>0.032398008718699245</t>
  </si>
  <si>
    <t>26177</t>
  </si>
  <si>
    <t>1.7434645891189575</t>
  </si>
  <si>
    <t>609.80224609375</t>
  </si>
  <si>
    <t>-0.01369650548963719</t>
  </si>
  <si>
    <t>0.021640589460730553</t>
  </si>
  <si>
    <t>672.0140991210938</t>
  </si>
  <si>
    <t>0.0256080970531265</t>
  </si>
  <si>
    <t>1.137359857559204</t>
  </si>
  <si>
    <t>517.7623901367188</t>
  </si>
  <si>
    <t>0.028340491548991764</t>
  </si>
  <si>
    <t>1.4832935333251953</t>
  </si>
  <si>
    <t>595.3828125</t>
  </si>
  <si>
    <t>-0.018337073686202743</t>
  </si>
  <si>
    <t>1.2766530513763428</t>
  </si>
  <si>
    <t>605.04833984375</t>
  </si>
  <si>
    <t>0.08111405435662711</t>
  </si>
  <si>
    <t>2.0718483924865723</t>
  </si>
  <si>
    <t>655.0364990234375</t>
  </si>
  <si>
    <t>0.028781616466590165</t>
  </si>
  <si>
    <t>0.41299763321876526</t>
  </si>
  <si>
    <t>642.2615356445312</t>
  </si>
  <si>
    <t>-0.026472773936111693</t>
  </si>
  <si>
    <t>0.9642548561096191</t>
  </si>
  <si>
    <t>558.6962890625</t>
  </si>
  <si>
    <t>0.00412902065622589</t>
  </si>
  <si>
    <t>0.6518793702125549</t>
  </si>
  <si>
    <t>673.6273193359375</t>
  </si>
  <si>
    <t>0.14858653524226995</t>
  </si>
  <si>
    <t>33436</t>
  </si>
  <si>
    <t>1.746236801147461</t>
  </si>
  <si>
    <t>641.072509765625</t>
  </si>
  <si>
    <t>-0.026997966489215486</t>
  </si>
  <si>
    <t>35237</t>
  </si>
  <si>
    <t>0.3919433057308197</t>
  </si>
  <si>
    <t>649.3897705078125</t>
  </si>
  <si>
    <t>0.0524635030737759</t>
  </si>
  <si>
    <t>34427</t>
  </si>
  <si>
    <t>1.780758023262024</t>
  </si>
  <si>
    <t>625.4050903320312</t>
  </si>
  <si>
    <t>-0.02325552667055142</t>
  </si>
  <si>
    <t>158575</t>
  </si>
  <si>
    <t>-3.13249135017395</t>
  </si>
  <si>
    <t>423.4166564941406</t>
  </si>
  <si>
    <t>55.88648223876953</t>
  </si>
  <si>
    <t>Nenets</t>
  </si>
  <si>
    <t>149985</t>
  </si>
  <si>
    <t>-3.0045042037963867</t>
  </si>
  <si>
    <t>505.6163024902344</t>
  </si>
  <si>
    <t>-0.055692378424037514</t>
  </si>
  <si>
    <t>127934</t>
  </si>
  <si>
    <t>-4.049863338470459</t>
  </si>
  <si>
    <t>421.8840026855469</t>
  </si>
  <si>
    <t>-0.15902078315659018</t>
  </si>
  <si>
    <t>116786</t>
  </si>
  <si>
    <t>-3.3532192707061768</t>
  </si>
  <si>
    <t>450.1122131347656</t>
  </si>
  <si>
    <t>-0.09117130574304966</t>
  </si>
  <si>
    <t>102036</t>
  </si>
  <si>
    <t>-3.326707124710083</t>
  </si>
  <si>
    <t>495.2882080078125</t>
  </si>
  <si>
    <t>-0.13501750800462808</t>
  </si>
  <si>
    <t>97729</t>
  </si>
  <si>
    <t>-2.0552608966827393</t>
  </si>
  <si>
    <t>534.9149780273438</t>
  </si>
  <si>
    <t>-0.043127350165848455</t>
  </si>
  <si>
    <t>93963</t>
  </si>
  <si>
    <t>-3.4785959720611572</t>
  </si>
  <si>
    <t>462.126708984375</t>
  </si>
  <si>
    <t>-0.03929725426459285</t>
  </si>
  <si>
    <t>95200</t>
  </si>
  <si>
    <t>-4.582822799682617</t>
  </si>
  <si>
    <t>428.6429138183594</t>
  </si>
  <si>
    <t>0.01307885403610598</t>
  </si>
  <si>
    <t>90079</t>
  </si>
  <si>
    <t>-6.683432102203369</t>
  </si>
  <si>
    <t>470.636962890625</t>
  </si>
  <si>
    <t>-0.0552928787108975</t>
  </si>
  <si>
    <t>95902</t>
  </si>
  <si>
    <t>-4.511348247528076</t>
  </si>
  <si>
    <t>436.4015808105469</t>
  </si>
  <si>
    <t>0.06263977364285722</t>
  </si>
  <si>
    <t>105673</t>
  </si>
  <si>
    <t>-2.378138780593872</t>
  </si>
  <si>
    <t>524.2273559570312</t>
  </si>
  <si>
    <t>0.09702258359226335</t>
  </si>
  <si>
    <t>89095</t>
  </si>
  <si>
    <t>-4.311737537384033</t>
  </si>
  <si>
    <t>392.5576477050781</t>
  </si>
  <si>
    <t>-0.17064620414216414</t>
  </si>
  <si>
    <t>105537</t>
  </si>
  <si>
    <t>-4.323500156402588</t>
  </si>
  <si>
    <t>479.17083740234375</t>
  </si>
  <si>
    <t>0.16935838615252408</t>
  </si>
  <si>
    <t>138413</t>
  </si>
  <si>
    <t>-2.1301989555358887</t>
  </si>
  <si>
    <t>523.8389892578125</t>
  </si>
  <si>
    <t>0.27118036707629933</t>
  </si>
  <si>
    <t>180556</t>
  </si>
  <si>
    <t>-3.1705398559570312</t>
  </si>
  <si>
    <t>452.3450622558594</t>
  </si>
  <si>
    <t>0.2657990095548488</t>
  </si>
  <si>
    <t>168739</t>
  </si>
  <si>
    <t>-2.574812173843384</t>
  </si>
  <si>
    <t>519.1051025390625</t>
  </si>
  <si>
    <t>-0.06768783652024268</t>
  </si>
  <si>
    <t>220713</t>
  </si>
  <si>
    <t>-3.297340154647827</t>
  </si>
  <si>
    <t>474.0990295410156</t>
  </si>
  <si>
    <t>0.26851007257403836</t>
  </si>
  <si>
    <t>281253</t>
  </si>
  <si>
    <t>-1.8304857015609741</t>
  </si>
  <si>
    <t>523.3685302734375</t>
  </si>
  <si>
    <t>0.24239140511156165</t>
  </si>
  <si>
    <t>228463</t>
  </si>
  <si>
    <t>-2.6240031719207764</t>
  </si>
  <si>
    <t>478.9234619140625</t>
  </si>
  <si>
    <t>-0.2078803485072651</t>
  </si>
  <si>
    <t>316136</t>
  </si>
  <si>
    <t>-4.417325496673584</t>
  </si>
  <si>
    <t>444.349365234375</t>
  </si>
  <si>
    <t>0.3247982291258058</t>
  </si>
  <si>
    <t>313951</t>
  </si>
  <si>
    <t>-3.875519037246704</t>
  </si>
  <si>
    <t>506.9499206542969</t>
  </si>
  <si>
    <t>-0.006935577971326268</t>
  </si>
  <si>
    <t>307187</t>
  </si>
  <si>
    <t>-1.8360720872879028</t>
  </si>
  <si>
    <t>374.5968933105469</t>
  </si>
  <si>
    <t>-0.02178024010585844</t>
  </si>
  <si>
    <t>273487</t>
  </si>
  <si>
    <t>-2.8783254623413086</t>
  </si>
  <si>
    <t>505.5523376464844</t>
  </si>
  <si>
    <t>-0.11620259393009746</t>
  </si>
  <si>
    <t>282124</t>
  </si>
  <si>
    <t>-2.6695926189422607</t>
  </si>
  <si>
    <t>435.8103942871094</t>
  </si>
  <si>
    <t>0.031092601863615954</t>
  </si>
  <si>
    <t>274941</t>
  </si>
  <si>
    <t>-3.2566120624542236</t>
  </si>
  <si>
    <t>533.3397827148438</t>
  </si>
  <si>
    <t>-0.02579016140942514</t>
  </si>
  <si>
    <t>291656</t>
  </si>
  <si>
    <t>-2.163954973220825</t>
  </si>
  <si>
    <t>483.94525146484375</t>
  </si>
  <si>
    <t>0.059018496398325127</t>
  </si>
  <si>
    <t>308985</t>
  </si>
  <si>
    <t>-1.2348881959915161</t>
  </si>
  <si>
    <t>421.73974609375</t>
  </si>
  <si>
    <t>0.05771770643795904</t>
  </si>
  <si>
    <t>314249</t>
  </si>
  <si>
    <t>-1.6994670629501343</t>
  </si>
  <si>
    <t>463.849365234375</t>
  </si>
  <si>
    <t>0.016892933255359566</t>
  </si>
  <si>
    <t>311311</t>
  </si>
  <si>
    <t>-3.008622884750366</t>
  </si>
  <si>
    <t>450.71636962890625</t>
  </si>
  <si>
    <t>-0.009393252773183036</t>
  </si>
  <si>
    <t>312275</t>
  </si>
  <si>
    <t>-2.2876570224761963</t>
  </si>
  <si>
    <t>528.1452026367188</t>
  </si>
  <si>
    <t>0.0030917973396551446</t>
  </si>
  <si>
    <t>303959</t>
  </si>
  <si>
    <t>-1.3152451515197754</t>
  </si>
  <si>
    <t>477.0566711425781</t>
  </si>
  <si>
    <t>-0.02699138596236672</t>
  </si>
  <si>
    <t>320328</t>
  </si>
  <si>
    <t>-3.094040632247925</t>
  </si>
  <si>
    <t>504.59844970703125</t>
  </si>
  <si>
    <t>0.052452646950353454</t>
  </si>
  <si>
    <t>312968</t>
  </si>
  <si>
    <t>-1.3643866777420044</t>
  </si>
  <si>
    <t>420.05267333984375</t>
  </si>
  <si>
    <t>-0.023244521948031505</t>
  </si>
  <si>
    <t>5.131816864013672</t>
  </si>
  <si>
    <t>679.28564453125</t>
  </si>
  <si>
    <t>2102.74609375</t>
  </si>
  <si>
    <t>Nizhegorod</t>
  </si>
  <si>
    <t>5.107999801635742</t>
  </si>
  <si>
    <t>615.4120483398438</t>
  </si>
  <si>
    <t>-0.0556742041125915</t>
  </si>
  <si>
    <t>4.589986324310303</t>
  </si>
  <si>
    <t>571.9641723632812</t>
  </si>
  <si>
    <t>-0.15898894148847909</t>
  </si>
  <si>
    <t>3.6007909774780273</t>
  </si>
  <si>
    <t>583.20166015625</t>
  </si>
  <si>
    <t>-0.09121337752001502</t>
  </si>
  <si>
    <t>3.5132319927215576</t>
  </si>
  <si>
    <t>595.2696533203125</t>
  </si>
  <si>
    <t>-0.13499817037735085</t>
  </si>
  <si>
    <t>5.316189289093018</t>
  </si>
  <si>
    <t>536.4210205078125</t>
  </si>
  <si>
    <t>-0.04309158704964666</t>
  </si>
  <si>
    <t>3.908381700515747</t>
  </si>
  <si>
    <t>445.6886291503906</t>
  </si>
  <si>
    <t>-0.03938419198313703</t>
  </si>
  <si>
    <t>9534</t>
  </si>
  <si>
    <t>4.2291436195373535</t>
  </si>
  <si>
    <t>612.77783203125</t>
  </si>
  <si>
    <t>0.01309140318534574</t>
  </si>
  <si>
    <t>4.0921502113342285</t>
  </si>
  <si>
    <t>688.6597290039062</t>
  </si>
  <si>
    <t>-0.05530916410813269</t>
  </si>
  <si>
    <t>5.126252174377441</t>
  </si>
  <si>
    <t>508.35772705078125</t>
  </si>
  <si>
    <t>0.06272860354601839</t>
  </si>
  <si>
    <t>5.520089626312256</t>
  </si>
  <si>
    <t>600.4623413085938</t>
  </si>
  <si>
    <t>0.09696514389106703</t>
  </si>
  <si>
    <t>4.694271564483643</t>
  </si>
  <si>
    <t>620.2681884765625</t>
  </si>
  <si>
    <t>0.19121134041585108</t>
  </si>
  <si>
    <t>4.523539066314697</t>
  </si>
  <si>
    <t>553.4376220703125</t>
  </si>
  <si>
    <t>-0.002578831578050611</t>
  </si>
  <si>
    <t>13663</t>
  </si>
  <si>
    <t>4.610805988311768</t>
  </si>
  <si>
    <t>600.7049560546875</t>
  </si>
  <si>
    <t>0.06681000040696361</t>
  </si>
  <si>
    <t>13303</t>
  </si>
  <si>
    <t>5.286141872406006</t>
  </si>
  <si>
    <t>651.6309814453125</t>
  </si>
  <si>
    <t>-0.026701875654582707</t>
  </si>
  <si>
    <t>13814</t>
  </si>
  <si>
    <t>4.483909606933594</t>
  </si>
  <si>
    <t>544.0778198242188</t>
  </si>
  <si>
    <t>0.037692996965011716</t>
  </si>
  <si>
    <t>15211</t>
  </si>
  <si>
    <t>5.359792232513428</t>
  </si>
  <si>
    <t>637.094970703125</t>
  </si>
  <si>
    <t>0.09633627966282532</t>
  </si>
  <si>
    <t>4.945033550262451</t>
  </si>
  <si>
    <t>576.06005859375</t>
  </si>
  <si>
    <t>0.10476208536860199</t>
  </si>
  <si>
    <t>6.096651554107666</t>
  </si>
  <si>
    <t>616.090087890625</t>
  </si>
  <si>
    <t>0.08372019349312332</t>
  </si>
  <si>
    <t>16731</t>
  </si>
  <si>
    <t>4.320278644561768</t>
  </si>
  <si>
    <t>533.8728637695312</t>
  </si>
  <si>
    <t>-0.09323784311580496</t>
  </si>
  <si>
    <t>5.438652515411377</t>
  </si>
  <si>
    <t>496.631591796875</t>
  </si>
  <si>
    <t>0.06350696900878283</t>
  </si>
  <si>
    <t>18319</t>
  </si>
  <si>
    <t>4.899181842803955</t>
  </si>
  <si>
    <t>583.029052734375</t>
  </si>
  <si>
    <t>0.027168517519013946</t>
  </si>
  <si>
    <t>18973</t>
  </si>
  <si>
    <t>4.901832580566406</t>
  </si>
  <si>
    <t>700.7608642578125</t>
  </si>
  <si>
    <t>0.03507814327867287</t>
  </si>
  <si>
    <t>5.693675518035889</t>
  </si>
  <si>
    <t>642.9474487304688</t>
  </si>
  <si>
    <t>0.03684000851370506</t>
  </si>
  <si>
    <t>5.458552837371826</t>
  </si>
  <si>
    <t>501.3683166503906</t>
  </si>
  <si>
    <t>-0.0058080456728681895</t>
  </si>
  <si>
    <t>18940</t>
  </si>
  <si>
    <t>5.71417236328125</t>
  </si>
  <si>
    <t>627.54736328125</t>
  </si>
  <si>
    <t>-0.03277279096490027</t>
  </si>
  <si>
    <t>5.693687438964844</t>
  </si>
  <si>
    <t>629.2110595703125</t>
  </si>
  <si>
    <t>0.0022677540504716376</t>
  </si>
  <si>
    <t>19431</t>
  </si>
  <si>
    <t>5.364838123321533</t>
  </si>
  <si>
    <t>689.7848510742188</t>
  </si>
  <si>
    <t>0.02332588706048533</t>
  </si>
  <si>
    <t>19874</t>
  </si>
  <si>
    <t>4.762184143066406</t>
  </si>
  <si>
    <t>492.66314697265625</t>
  </si>
  <si>
    <t>0.022542615940281507</t>
  </si>
  <si>
    <t>6.606746673583984</t>
  </si>
  <si>
    <t>542.8490600585938</t>
  </si>
  <si>
    <t>0.05320351464366979</t>
  </si>
  <si>
    <t>6.171202182769775</t>
  </si>
  <si>
    <t>561.4814453125</t>
  </si>
  <si>
    <t>-0.026982924192513025</t>
  </si>
  <si>
    <t>579.6129150390625</t>
  </si>
  <si>
    <t>0.052466510419563406</t>
  </si>
  <si>
    <t>21007</t>
  </si>
  <si>
    <t>5.6144795417785645</t>
  </si>
  <si>
    <t>604.3421630859375</t>
  </si>
  <si>
    <t>-0.02324373016634773</t>
  </si>
  <si>
    <t>8.120770454406738</t>
  </si>
  <si>
    <t>974.8317260742188</t>
  </si>
  <si>
    <t>94.50006103515625</t>
  </si>
  <si>
    <t>North Ossetia</t>
  </si>
  <si>
    <t>6178</t>
  </si>
  <si>
    <t>7.756957530975342</t>
  </si>
  <si>
    <t>835.0502319335938</t>
  </si>
  <si>
    <t>-0.05571858061182766</t>
  </si>
  <si>
    <t>6.910752773284912</t>
  </si>
  <si>
    <t>1256.2513427734375</t>
  </si>
  <si>
    <t>-0.15896423194311993</t>
  </si>
  <si>
    <t>6.653941631317139</t>
  </si>
  <si>
    <t>916.207275390625</t>
  </si>
  <si>
    <t>-0.09112539983595447</t>
  </si>
  <si>
    <t>4203</t>
  </si>
  <si>
    <t>6.967208385467529</t>
  </si>
  <si>
    <t>772.2525634765625</t>
  </si>
  <si>
    <t>-0.1351064066943355</t>
  </si>
  <si>
    <t>8.44798755645752</t>
  </si>
  <si>
    <t>1021.1399536132812</t>
  </si>
  <si>
    <t>-0.04302522880538007</t>
  </si>
  <si>
    <t>3871</t>
  </si>
  <si>
    <t>7.743375778198242</t>
  </si>
  <si>
    <t>904.06884765625</t>
  </si>
  <si>
    <t>-0.03926045562208991</t>
  </si>
  <si>
    <t>7.414863586425781</t>
  </si>
  <si>
    <t>1016.7031860351562</t>
  </si>
  <si>
    <t>0.013088856178644193</t>
  </si>
  <si>
    <t>8.380471229553223</t>
  </si>
  <si>
    <t>843.3040161132812</t>
  </si>
  <si>
    <t>-0.05530034569569331</t>
  </si>
  <si>
    <t>8.565384864807129</t>
  </si>
  <si>
    <t>949.120849609375</t>
  </si>
  <si>
    <t>0.06266732935079311</t>
  </si>
  <si>
    <t>8.459312438964844</t>
  </si>
  <si>
    <t>806.8314208984375</t>
  </si>
  <si>
    <t>0.09689655114090634</t>
  </si>
  <si>
    <t>5495</t>
  </si>
  <si>
    <t>8.426671028137207</t>
  </si>
  <si>
    <t>1003.8836059570312</t>
  </si>
  <si>
    <t>0.2329733252854247</t>
  </si>
  <si>
    <t>8.214832305908203</t>
  </si>
  <si>
    <t>1123.2957763671875</t>
  </si>
  <si>
    <t>0.08156740740029456</t>
  </si>
  <si>
    <t>6169</t>
  </si>
  <si>
    <t>7.708131790161133</t>
  </si>
  <si>
    <t>963.6650390625</t>
  </si>
  <si>
    <t>0.034130754971622324</t>
  </si>
  <si>
    <t>6557</t>
  </si>
  <si>
    <t>8.711272239685059</t>
  </si>
  <si>
    <t>1163.8797607421875</t>
  </si>
  <si>
    <t>0.06099643105397945</t>
  </si>
  <si>
    <t>8.112350463867188</t>
  </si>
  <si>
    <t>1108.3927001953125</t>
  </si>
  <si>
    <t>0.06237245875353281</t>
  </si>
  <si>
    <t>8.916504859924316</t>
  </si>
  <si>
    <t>938.6651611328125</t>
  </si>
  <si>
    <t>0.18722901596033914</t>
  </si>
  <si>
    <t>8952</t>
  </si>
  <si>
    <t>8.189103126525879</t>
  </si>
  <si>
    <t>980.327392578125</t>
  </si>
  <si>
    <t>0.06174231501426952</t>
  </si>
  <si>
    <t>8483</t>
  </si>
  <si>
    <t>8.43505573272705</t>
  </si>
  <si>
    <t>914.5187377929688</t>
  </si>
  <si>
    <t>-0.053812810184025395</t>
  </si>
  <si>
    <t>8.461373329162598</t>
  </si>
  <si>
    <t>1232.797607421875</t>
  </si>
  <si>
    <t>0.07907197033596525</t>
  </si>
  <si>
    <t>9.59051513671875</t>
  </si>
  <si>
    <t>937.451171875</t>
  </si>
  <si>
    <t>0.04285456420006284</t>
  </si>
  <si>
    <t>7.6475701332092285</t>
  </si>
  <si>
    <t>1103.5362548828125</t>
  </si>
  <si>
    <t>-0.010384527158466383</t>
  </si>
  <si>
    <t>8.772163391113281</t>
  </si>
  <si>
    <t>861.2897338867188</t>
  </si>
  <si>
    <t>0.07464256442691308</t>
  </si>
  <si>
    <t>8.909684181213379</t>
  </si>
  <si>
    <t>1072.7396240234375</t>
  </si>
  <si>
    <t>0.14079528806167652</t>
  </si>
  <si>
    <t>8.626872062683105</t>
  </si>
  <si>
    <t>908.6114501953125</t>
  </si>
  <si>
    <t>-0.03547391594321425</t>
  </si>
  <si>
    <t>8.966803550720215</t>
  </si>
  <si>
    <t>930.0380249023438</t>
  </si>
  <si>
    <t>-0.12538629039079296</t>
  </si>
  <si>
    <t>8.660228729248047</t>
  </si>
  <si>
    <t>1043.5916748046875</t>
  </si>
  <si>
    <t>-0.05605490715975492</t>
  </si>
  <si>
    <t>8.886616706848145</t>
  </si>
  <si>
    <t>1013.8926391601562</t>
  </si>
  <si>
    <t>-0.03754945999996551</t>
  </si>
  <si>
    <t>9.178858757019043</t>
  </si>
  <si>
    <t>799.9182739257812</t>
  </si>
  <si>
    <t>0.07292475798323217</t>
  </si>
  <si>
    <t>10291</t>
  </si>
  <si>
    <t>9.388172149658203</t>
  </si>
  <si>
    <t>884.5375366210938</t>
  </si>
  <si>
    <t>0.04776552167270154</t>
  </si>
  <si>
    <t>9.400321006774902</t>
  </si>
  <si>
    <t>885.3392333984375</t>
  </si>
  <si>
    <t>-0.02698607722432733</t>
  </si>
  <si>
    <t>9.376164436340332</t>
  </si>
  <si>
    <t>987.483642578125</t>
  </si>
  <si>
    <t>0.05241076901145014</t>
  </si>
  <si>
    <t>9.373381614685059</t>
  </si>
  <si>
    <t>878.7664794921875</t>
  </si>
  <si>
    <t>-0.02319222301231072</t>
  </si>
  <si>
    <t>16021</t>
  </si>
  <si>
    <t>5.49102783203125</t>
  </si>
  <si>
    <t>767.293212890625</t>
  </si>
  <si>
    <t>460.77178955078125</t>
  </si>
  <si>
    <t>Novgorod</t>
  </si>
  <si>
    <t>15153</t>
  </si>
  <si>
    <t>5.220706939697266</t>
  </si>
  <si>
    <t>717.5349731445312</t>
  </si>
  <si>
    <t>-0.055701829510551804</t>
  </si>
  <si>
    <t>5.171266078948975</t>
  </si>
  <si>
    <t>566.94921875</t>
  </si>
  <si>
    <t>-0.15903511175953255</t>
  </si>
  <si>
    <t>11799</t>
  </si>
  <si>
    <t>3.8982927799224854</t>
  </si>
  <si>
    <t>623.2577514648438</t>
  </si>
  <si>
    <t>-0.09114863827671016</t>
  </si>
  <si>
    <t>4.258990287780762</t>
  </si>
  <si>
    <t>631.7015991210938</t>
  </si>
  <si>
    <t>-0.13499748200353423</t>
  </si>
  <si>
    <t>5.0882673263549805</t>
  </si>
  <si>
    <t>593.5156860351562</t>
  </si>
  <si>
    <t>-0.0431122602775762</t>
  </si>
  <si>
    <t>4.126219749450684</t>
  </si>
  <si>
    <t>560.6532592773438</t>
  </si>
  <si>
    <t>-0.03935035493701022</t>
  </si>
  <si>
    <t>4.8146138191223145</t>
  </si>
  <si>
    <t>677.526611328125</t>
  </si>
  <si>
    <t>0.0130816579558104</t>
  </si>
  <si>
    <t>3.6994705200195312</t>
  </si>
  <si>
    <t>763.7294921875</t>
  </si>
  <si>
    <t>-0.055252045260253624</t>
  </si>
  <si>
    <t>5.419521808624268</t>
  </si>
  <si>
    <t>497.6460876464844</t>
  </si>
  <si>
    <t>0.06260692380764965</t>
  </si>
  <si>
    <t>10676</t>
  </si>
  <si>
    <t>6.052802562713623</t>
  </si>
  <si>
    <t>682.2109375</t>
  </si>
  <si>
    <t>0.09700701013941071</t>
  </si>
  <si>
    <t>4.607649326324463</t>
  </si>
  <si>
    <t>665.4912109375</t>
  </si>
  <si>
    <t>0.11315136936801018</t>
  </si>
  <si>
    <t>11948</t>
  </si>
  <si>
    <t>4.451575756072998</t>
  </si>
  <si>
    <t>492.9397888183594</t>
  </si>
  <si>
    <t>-0.0005857005564244844</t>
  </si>
  <si>
    <t>5.045115947723389</t>
  </si>
  <si>
    <t>737.8532104492188</t>
  </si>
  <si>
    <t>0.06849056925788766</t>
  </si>
  <si>
    <t>5.424088001251221</t>
  </si>
  <si>
    <t>757.8547973632812</t>
  </si>
  <si>
    <t>0.08002467161946392</t>
  </si>
  <si>
    <t>5.066000461578369</t>
  </si>
  <si>
    <t>560.8540649414062</t>
  </si>
  <si>
    <t>0.08356051220480154</t>
  </si>
  <si>
    <t>15566</t>
  </si>
  <si>
    <t>5.44387674331665</t>
  </si>
  <si>
    <t>634.9578857421875</t>
  </si>
  <si>
    <t>0.032449395101179945</t>
  </si>
  <si>
    <t>15932</t>
  </si>
  <si>
    <t>5.698706150054932</t>
  </si>
  <si>
    <t>574.7711181640625</t>
  </si>
  <si>
    <t>0.023240616782199908</t>
  </si>
  <si>
    <t>18562</t>
  </si>
  <si>
    <t>5.993368148803711</t>
  </si>
  <si>
    <t>717.8438720703125</t>
  </si>
  <si>
    <t>0.15278681485380474</t>
  </si>
  <si>
    <t>18681</t>
  </si>
  <si>
    <t>4.333141803741455</t>
  </si>
  <si>
    <t>791.8628540039062</t>
  </si>
  <si>
    <t>0.006390484385223161</t>
  </si>
  <si>
    <t>4.64463472366333</t>
  </si>
  <si>
    <t>735.01513671875</t>
  </si>
  <si>
    <t>-0.029332394599238754</t>
  </si>
  <si>
    <t>5.811068058013916</t>
  </si>
  <si>
    <t>642.7404174804688</t>
  </si>
  <si>
    <t>0.05025643047679118</t>
  </si>
  <si>
    <t>20162</t>
  </si>
  <si>
    <t>4.376438617706299</t>
  </si>
  <si>
    <t>752.7549438476562</t>
  </si>
  <si>
    <t>0.05536864419577192</t>
  </si>
  <si>
    <t>5.742362976074219</t>
  </si>
  <si>
    <t>621.02197265625</t>
  </si>
  <si>
    <t>-0.006618421312653666</t>
  </si>
  <si>
    <t>21422</t>
  </si>
  <si>
    <t>6.300601482391357</t>
  </si>
  <si>
    <t>649.8521728515625</t>
  </si>
  <si>
    <t>0.06723720802334299</t>
  </si>
  <si>
    <t>21233</t>
  </si>
  <si>
    <t>5.864096164703369</t>
  </si>
  <si>
    <t>550.7260131835938</t>
  </si>
  <si>
    <t>-0.008861856142782898</t>
  </si>
  <si>
    <t>21090</t>
  </si>
  <si>
    <t>6.1006855964660645</t>
  </si>
  <si>
    <t>758.1255493164062</t>
  </si>
  <si>
    <t>-0.00675758070897281</t>
  </si>
  <si>
    <t>22086</t>
  </si>
  <si>
    <t>5.3953938484191895</t>
  </si>
  <si>
    <t>830.1865234375</t>
  </si>
  <si>
    <t>0.04614492913425572</t>
  </si>
  <si>
    <t>5.411107540130615</t>
  </si>
  <si>
    <t>615.1416625976562</t>
  </si>
  <si>
    <t>-0.1862957569780619</t>
  </si>
  <si>
    <t>6.669973850250244</t>
  </si>
  <si>
    <t>727.7647094726562</t>
  </si>
  <si>
    <t>0.03347233745846445</t>
  </si>
  <si>
    <t>18451</t>
  </si>
  <si>
    <t>6.506399154663086</t>
  </si>
  <si>
    <t>656.8263549804688</t>
  </si>
  <si>
    <t>-0.02700193454559674</t>
  </si>
  <si>
    <t>19444</t>
  </si>
  <si>
    <t>5.291572570800781</t>
  </si>
  <si>
    <t>731.9202270507812</t>
  </si>
  <si>
    <t>0.052419969623464624</t>
  </si>
  <si>
    <t>6.0044684410095215</t>
  </si>
  <si>
    <t>639.6177978515625</t>
  </si>
  <si>
    <t>-0.023204828715218895</t>
  </si>
  <si>
    <t>2.8127410411834717</t>
  </si>
  <si>
    <t>499.7148132324219</t>
  </si>
  <si>
    <t>1660.944091796875</t>
  </si>
  <si>
    <t>Novosibirsk</t>
  </si>
  <si>
    <t>13668</t>
  </si>
  <si>
    <t>2.2156288623809814</t>
  </si>
  <si>
    <t>398.9206848144531</t>
  </si>
  <si>
    <t>-0.05570628206314865</t>
  </si>
  <si>
    <t>11658</t>
  </si>
  <si>
    <t>1.4614719152450562</t>
  </si>
  <si>
    <t>483.3561706542969</t>
  </si>
  <si>
    <t>-0.1590646946296861</t>
  </si>
  <si>
    <t>10642</t>
  </si>
  <si>
    <t>0.744102418422699</t>
  </si>
  <si>
    <t>506.4941711425781</t>
  </si>
  <si>
    <t>-0.09118420344918121</t>
  </si>
  <si>
    <t>1.5378717184066772</t>
  </si>
  <si>
    <t>444.9331970214844</t>
  </si>
  <si>
    <t>-0.13500911290578443</t>
  </si>
  <si>
    <t>2.5340750217437744</t>
  </si>
  <si>
    <t>481.0624694824219</t>
  </si>
  <si>
    <t>-0.04307411636888325</t>
  </si>
  <si>
    <t>0.6320206522941589</t>
  </si>
  <si>
    <t>545.6903076171875</t>
  </si>
  <si>
    <t>-0.03927461085545403</t>
  </si>
  <si>
    <t>2.0702764987945557</t>
  </si>
  <si>
    <t>348.678955078125</t>
  </si>
  <si>
    <t>0.012994729788866621</t>
  </si>
  <si>
    <t>1.8264800310134888</t>
  </si>
  <si>
    <t>461.55303955078125</t>
  </si>
  <si>
    <t>-0.05521421246679381</t>
  </si>
  <si>
    <t>8739</t>
  </si>
  <si>
    <t>1.8875645399093628</t>
  </si>
  <si>
    <t>342.7088317871094</t>
  </si>
  <si>
    <t>0.06256465327927785</t>
  </si>
  <si>
    <t>1.4723381996154785</t>
  </si>
  <si>
    <t>576.854248046875</t>
  </si>
  <si>
    <t>0.09708745916462824</t>
  </si>
  <si>
    <t>3.0412776470184326</t>
  </si>
  <si>
    <t>532.1799926757812</t>
  </si>
  <si>
    <t>0.1136438707591676</t>
  </si>
  <si>
    <t>12075</t>
  </si>
  <si>
    <t>2.484351396560669</t>
  </si>
  <si>
    <t>552.0687255859375</t>
  </si>
  <si>
    <t>0.11261010296943397</t>
  </si>
  <si>
    <t>1.8556489944458008</t>
  </si>
  <si>
    <t>359.58642578125</t>
  </si>
  <si>
    <t>0.09278487834735039</t>
  </si>
  <si>
    <t>2.4041807651519775</t>
  </si>
  <si>
    <t>522.3536987304688</t>
  </si>
  <si>
    <t>0.03544261838353613</t>
  </si>
  <si>
    <t>13991</t>
  </si>
  <si>
    <t>1.4219789505004883</t>
  </si>
  <si>
    <t>432.7999267578125</t>
  </si>
  <si>
    <t>0.019049569481625284</t>
  </si>
  <si>
    <t>2.921971559524536</t>
  </si>
  <si>
    <t>461.55682373046875</t>
  </si>
  <si>
    <t>0.09276635273991651</t>
  </si>
  <si>
    <t>16637</t>
  </si>
  <si>
    <t>2.159825563430786</t>
  </si>
  <si>
    <t>482.072265625</t>
  </si>
  <si>
    <t>0.08044851218654081</t>
  </si>
  <si>
    <t>17931</t>
  </si>
  <si>
    <t>3.1375982761383057</t>
  </si>
  <si>
    <t>471.10137939453125</t>
  </si>
  <si>
    <t>0.07490192783262195</t>
  </si>
  <si>
    <t>16337</t>
  </si>
  <si>
    <t>0.2649671137332916</t>
  </si>
  <si>
    <t>489.11346435546875</t>
  </si>
  <si>
    <t>-0.0930985844658565</t>
  </si>
  <si>
    <t>16465</t>
  </si>
  <si>
    <t>0.4799499809741974</t>
  </si>
  <si>
    <t>442.9517822265625</t>
  </si>
  <si>
    <t>0.007804441783957117</t>
  </si>
  <si>
    <t>17553</t>
  </si>
  <si>
    <t>1.8742364645004272</t>
  </si>
  <si>
    <t>438.5516357421875</t>
  </si>
  <si>
    <t>0.06398795964588011</t>
  </si>
  <si>
    <t>20022</t>
  </si>
  <si>
    <t>1.5992697477340698</t>
  </si>
  <si>
    <t>398.5687255859375</t>
  </si>
  <si>
    <t>0.13160679352308335</t>
  </si>
  <si>
    <t>21008</t>
  </si>
  <si>
    <t>2.682401657104492</t>
  </si>
  <si>
    <t>548.059326171875</t>
  </si>
  <si>
    <t>0.04807164856314827</t>
  </si>
  <si>
    <t>21130</t>
  </si>
  <si>
    <t>1.746811032295227</t>
  </si>
  <si>
    <t>483.24969482421875</t>
  </si>
  <si>
    <t>0.005790514067525621</t>
  </si>
  <si>
    <t>20764</t>
  </si>
  <si>
    <t>2.5376360416412354</t>
  </si>
  <si>
    <t>506.22686767578125</t>
  </si>
  <si>
    <t>-0.017473113662981987</t>
  </si>
  <si>
    <t>2.6783792972564697</t>
  </si>
  <si>
    <t>478.0705261230469</t>
  </si>
  <si>
    <t>-0.03230191772369295</t>
  </si>
  <si>
    <t>2.2749955654144287</t>
  </si>
  <si>
    <t>428.83270263671875</t>
  </si>
  <si>
    <t>0.018432338911335222</t>
  </si>
  <si>
    <t>1.317396879196167</t>
  </si>
  <si>
    <t>518.5604248046875</t>
  </si>
  <si>
    <t>-0.028832432651521245</t>
  </si>
  <si>
    <t>2.901885747909546</t>
  </si>
  <si>
    <t>445.01348876953125</t>
  </si>
  <si>
    <t>0.04927829821498797</t>
  </si>
  <si>
    <t>3.5070600509643555</t>
  </si>
  <si>
    <t>456.3943176269531</t>
  </si>
  <si>
    <t>-0.026961823262439566</t>
  </si>
  <si>
    <t>2.5642619132995605</t>
  </si>
  <si>
    <t>444.11419677734375</t>
  </si>
  <si>
    <t>0.052423154748948875</t>
  </si>
  <si>
    <t>2.431138753890991</t>
  </si>
  <si>
    <t>445.1028137207031</t>
  </si>
  <si>
    <t>-0.023215159785360484</t>
  </si>
  <si>
    <t>2.9078636169433594</t>
  </si>
  <si>
    <t>412.0240478515625</t>
  </si>
  <si>
    <t>1187.7457275390625</t>
  </si>
  <si>
    <t>Omsk</t>
  </si>
  <si>
    <t>2.611395835876465</t>
  </si>
  <si>
    <t>347.68658447265625</t>
  </si>
  <si>
    <t>-0.05568592327441735</t>
  </si>
  <si>
    <t>1.3911080360412598</t>
  </si>
  <si>
    <t>413.27288818359375</t>
  </si>
  <si>
    <t>-0.1590091584432205</t>
  </si>
  <si>
    <t>0.5207411050796509</t>
  </si>
  <si>
    <t>483.3939208984375</t>
  </si>
  <si>
    <t>-0.09120657921295283</t>
  </si>
  <si>
    <t>1.3637795448303223</t>
  </si>
  <si>
    <t>435.8797607421875</t>
  </si>
  <si>
    <t>-0.13500997805218873</t>
  </si>
  <si>
    <t>2.8737967014312744</t>
  </si>
  <si>
    <t>353.7167663574219</t>
  </si>
  <si>
    <t>-0.043137356493057055</t>
  </si>
  <si>
    <t>7002</t>
  </si>
  <si>
    <t>0.6542147994041443</t>
  </si>
  <si>
    <t>421.02734375</t>
  </si>
  <si>
    <t>-0.03920972722076854</t>
  </si>
  <si>
    <t>2.210150957107544</t>
  </si>
  <si>
    <t>301.48931884765625</t>
  </si>
  <si>
    <t>0.013053533818956353</t>
  </si>
  <si>
    <t>6712</t>
  </si>
  <si>
    <t>2.01598858833313</t>
  </si>
  <si>
    <t>391.538330078125</t>
  </si>
  <si>
    <t>-0.0553523871865238</t>
  </si>
  <si>
    <t>7146</t>
  </si>
  <si>
    <t>2.1088788509368896</t>
  </si>
  <si>
    <t>354.04339599609375</t>
  </si>
  <si>
    <t>0.06265579043631142</t>
  </si>
  <si>
    <t>1.9063597917556763</t>
  </si>
  <si>
    <t>418.12158203125</t>
  </si>
  <si>
    <t>0.0970134329203276</t>
  </si>
  <si>
    <t>2.847452163696289</t>
  </si>
  <si>
    <t>487.980224609375</t>
  </si>
  <si>
    <t>0.12942722384240568</t>
  </si>
  <si>
    <t>2.4994771480560303</t>
  </si>
  <si>
    <t>502.8637390136719</t>
  </si>
  <si>
    <t>0.2707747142214849</t>
  </si>
  <si>
    <t>2.152360200881958</t>
  </si>
  <si>
    <t>379.22332763671875</t>
  </si>
  <si>
    <t>0.09136396409206249</t>
  </si>
  <si>
    <t>2.629448652267456</t>
  </si>
  <si>
    <t>463.34454345703125</t>
  </si>
  <si>
    <t>0.3371267704002161</t>
  </si>
  <si>
    <t>1.8123301267623901</t>
  </si>
  <si>
    <t>386.2437438964844</t>
  </si>
  <si>
    <t>-0.04543271477827382</t>
  </si>
  <si>
    <t>17954</t>
  </si>
  <si>
    <t>3.3617231845855713</t>
  </si>
  <si>
    <t>429.1327209472656</t>
  </si>
  <si>
    <t>0.04098678103505726</t>
  </si>
  <si>
    <t>17834</t>
  </si>
  <si>
    <t>2.2351014614105225</t>
  </si>
  <si>
    <t>418.9066467285156</t>
  </si>
  <si>
    <t>-0.006706183621810524</t>
  </si>
  <si>
    <t>3.5575549602508545</t>
  </si>
  <si>
    <t>386.0128173828125</t>
  </si>
  <si>
    <t>0.02437253686374241</t>
  </si>
  <si>
    <t>0.7218324542045593</t>
  </si>
  <si>
    <t>461.7459716796875</t>
  </si>
  <si>
    <t>-0.056682119146136856</t>
  </si>
  <si>
    <t>17505</t>
  </si>
  <si>
    <t>1.264695405960083</t>
  </si>
  <si>
    <t>315.4103698730469</t>
  </si>
  <si>
    <t>0.013689388976336758</t>
  </si>
  <si>
    <t>17933</t>
  </si>
  <si>
    <t>1.9019365310668945</t>
  </si>
  <si>
    <t>406.3575439453125</t>
  </si>
  <si>
    <t>0.024156036559658034</t>
  </si>
  <si>
    <t>2.1875362396240234</t>
  </si>
  <si>
    <t>378.3843994140625</t>
  </si>
  <si>
    <t>0.029505203244861278</t>
  </si>
  <si>
    <t>2.891815185546875</t>
  </si>
  <si>
    <t>484.1319274902344</t>
  </si>
  <si>
    <t>0.05626467402122515</t>
  </si>
  <si>
    <t>19369</t>
  </si>
  <si>
    <t>1.7974625825881958</t>
  </si>
  <si>
    <t>437.9663391113281</t>
  </si>
  <si>
    <t>-0.008738618372271745</t>
  </si>
  <si>
    <t>17492</t>
  </si>
  <si>
    <t>2.6527767181396484</t>
  </si>
  <si>
    <t>501.3361511230469</t>
  </si>
  <si>
    <t>-0.10193021630942845</t>
  </si>
  <si>
    <t>2.9595766067504883</t>
  </si>
  <si>
    <t>467.6292419433594</t>
  </si>
  <si>
    <t>-0.04394256848934397</t>
  </si>
  <si>
    <t>2.445625066757202</t>
  </si>
  <si>
    <t>359.09942626953125</t>
  </si>
  <si>
    <t>-0.01165668429333877</t>
  </si>
  <si>
    <t>16086</t>
  </si>
  <si>
    <t>1.4836807250976562</t>
  </si>
  <si>
    <t>502.1750793457031</t>
  </si>
  <si>
    <t>-0.02819505228611341</t>
  </si>
  <si>
    <t>16561</t>
  </si>
  <si>
    <t>3.1993186473846436</t>
  </si>
  <si>
    <t>421.9181213378906</t>
  </si>
  <si>
    <t>0.029101205125476426</t>
  </si>
  <si>
    <t>3.914700746536255</t>
  </si>
  <si>
    <t>366.7345886230469</t>
  </si>
  <si>
    <t>-0.02698979652887168</t>
  </si>
  <si>
    <t>2.8996686935424805</t>
  </si>
  <si>
    <t>359.6060791015625</t>
  </si>
  <si>
    <t>16597</t>
  </si>
  <si>
    <t>2.7836599349975586</t>
  </si>
  <si>
    <t>402.10028076171875</t>
  </si>
  <si>
    <t>-0.023285256312442826</t>
  </si>
  <si>
    <t>6.728181838989258</t>
  </si>
  <si>
    <t>708.3240966796875</t>
  </si>
  <si>
    <t>473.73663330078125</t>
  </si>
  <si>
    <t>Orel</t>
  </si>
  <si>
    <t>6.2026143074035645</t>
  </si>
  <si>
    <t>625.1777954101562</t>
  </si>
  <si>
    <t>-0.0557424465427836</t>
  </si>
  <si>
    <t>6.079470157623291</t>
  </si>
  <si>
    <t>579.1514282226562</t>
  </si>
  <si>
    <t>-0.15904877473857937</t>
  </si>
  <si>
    <t>5.237920761108398</t>
  </si>
  <si>
    <t>607.5137939453125</t>
  </si>
  <si>
    <t>-0.09107917920895581</t>
  </si>
  <si>
    <t>5.298368453979492</t>
  </si>
  <si>
    <t>568.603271484375</t>
  </si>
  <si>
    <t>-0.13511367143565245</t>
  </si>
  <si>
    <t>6.162628650665283</t>
  </si>
  <si>
    <t>656.5151977539062</t>
  </si>
  <si>
    <t>-0.04310563915104737</t>
  </si>
  <si>
    <t>5.277621746063232</t>
  </si>
  <si>
    <t>562.1458129882812</t>
  </si>
  <si>
    <t>-0.03925850319183155</t>
  </si>
  <si>
    <t>5.469817638397217</t>
  </si>
  <si>
    <t>708.7816772460938</t>
  </si>
  <si>
    <t>0.013056130797806986</t>
  </si>
  <si>
    <t>5.7287421226501465</t>
  </si>
  <si>
    <t>707.7157592773438</t>
  </si>
  <si>
    <t>-0.05532742691119985</t>
  </si>
  <si>
    <t>6.684720516204834</t>
  </si>
  <si>
    <t>582.6502075195312</t>
  </si>
  <si>
    <t>0.06269505489996163</t>
  </si>
  <si>
    <t>9157</t>
  </si>
  <si>
    <t>7.010072231292725</t>
  </si>
  <si>
    <t>637.0665283203125</t>
  </si>
  <si>
    <t>0.09705900525823807</t>
  </si>
  <si>
    <t>6.076333522796631</t>
  </si>
  <si>
    <t>669.2255249023438</t>
  </si>
  <si>
    <t>0.059255397014331024</t>
  </si>
  <si>
    <t>6.466807842254639</t>
  </si>
  <si>
    <t>593.932861328125</t>
  </si>
  <si>
    <t>0.11764579555461019</t>
  </si>
  <si>
    <t>5.720859050750732</t>
  </si>
  <si>
    <t>646.9468994140625</t>
  </si>
  <si>
    <t>0.04201809471827289</t>
  </si>
  <si>
    <t>10459</t>
  </si>
  <si>
    <t>6.527557373046875</t>
  </si>
  <si>
    <t>677.0223999023438</t>
  </si>
  <si>
    <t>-0.08597504964067681</t>
  </si>
  <si>
    <t>10150</t>
  </si>
  <si>
    <t>5.708744525909424</t>
  </si>
  <si>
    <t>627.5587158203125</t>
  </si>
  <si>
    <t>-0.029989146284336243</t>
  </si>
  <si>
    <t>6.5960211753845215</t>
  </si>
  <si>
    <t>691.7233276367188</t>
  </si>
  <si>
    <t>0.0718393910160735</t>
  </si>
  <si>
    <t>6.6745076179504395</t>
  </si>
  <si>
    <t>564.224609375</t>
  </si>
  <si>
    <t>0.05155458429018367</t>
  </si>
  <si>
    <t>12606</t>
  </si>
  <si>
    <t>7.23156213760376</t>
  </si>
  <si>
    <t>541.7147827148438</t>
  </si>
  <si>
    <t>0.09330521029686523</t>
  </si>
  <si>
    <t>5.992908954620361</t>
  </si>
  <si>
    <t>564.9029541015625</t>
  </si>
  <si>
    <t>-0.08230609538111722</t>
  </si>
  <si>
    <t>7.121185302734375</t>
  </si>
  <si>
    <t>601.5016479492188</t>
  </si>
  <si>
    <t>0.048585065413661255</t>
  </si>
  <si>
    <t>6.352527141571045</t>
  </si>
  <si>
    <t>560.373046875</t>
  </si>
  <si>
    <t>0.07551351961150488</t>
  </si>
  <si>
    <t>6.393266201019287</t>
  </si>
  <si>
    <t>678.1456298828125</t>
  </si>
  <si>
    <t>0.05757676819218105</t>
  </si>
  <si>
    <t>7.012691020965576</t>
  </si>
  <si>
    <t>670.9075927734375</t>
  </si>
  <si>
    <t>0.06822166753235415</t>
  </si>
  <si>
    <t>7.1280341148376465</t>
  </si>
  <si>
    <t>453.9164733886719</t>
  </si>
  <si>
    <t>-0.007406942489295076</t>
  </si>
  <si>
    <t>15290</t>
  </si>
  <si>
    <t>7.230597972869873</t>
  </si>
  <si>
    <t>616.4894409179688</t>
  </si>
  <si>
    <t>0.03284214597076307</t>
  </si>
  <si>
    <t>7.038564205169678</t>
  </si>
  <si>
    <t>733.6668701171875</t>
  </si>
  <si>
    <t>-0.010321230236080225</t>
  </si>
  <si>
    <t>7.084718227386475</t>
  </si>
  <si>
    <t>650.017333984375</t>
  </si>
  <si>
    <t>-0.05934925095026067</t>
  </si>
  <si>
    <t>6.483524799346924</t>
  </si>
  <si>
    <t>541.0031127929688</t>
  </si>
  <si>
    <t>-0.005554983872825048</t>
  </si>
  <si>
    <t>14959</t>
  </si>
  <si>
    <t>8.197644233703613</t>
  </si>
  <si>
    <t>532.1881103515625</t>
  </si>
  <si>
    <t>0.05333957051051996</t>
  </si>
  <si>
    <t>14561</t>
  </si>
  <si>
    <t>7.74855375289917</t>
  </si>
  <si>
    <t>600.7875366210938</t>
  </si>
  <si>
    <t>-0.026966403663557514</t>
  </si>
  <si>
    <t>15345</t>
  </si>
  <si>
    <t>6.659601211547852</t>
  </si>
  <si>
    <t>604.2987060546875</t>
  </si>
  <si>
    <t>0.052442966342931996</t>
  </si>
  <si>
    <t>7.1114115715026855</t>
  </si>
  <si>
    <t>760.3236694335938</t>
  </si>
  <si>
    <t>-0.023206262558932877</t>
  </si>
  <si>
    <t>5.312282562255859</t>
  </si>
  <si>
    <t>568.8663940429688</t>
  </si>
  <si>
    <t>1185.6199951171875</t>
  </si>
  <si>
    <t>Orenburg</t>
  </si>
  <si>
    <t>17858</t>
  </si>
  <si>
    <t>5.352928638458252</t>
  </si>
  <si>
    <t>305.4931335449219</t>
  </si>
  <si>
    <t>-0.05565157362232931</t>
  </si>
  <si>
    <t>4.019305229187012</t>
  </si>
  <si>
    <t>414.9052429199219</t>
  </si>
  <si>
    <t>-0.159053109046015</t>
  </si>
  <si>
    <t>2.9791946411132812</t>
  </si>
  <si>
    <t>486.90447998046875</t>
  </si>
  <si>
    <t>-0.09114999036308191</t>
  </si>
  <si>
    <t>3.1252307891845703</t>
  </si>
  <si>
    <t>420.9140625</t>
  </si>
  <si>
    <t>-0.13500162581332198</t>
  </si>
  <si>
    <t>5.930171966552734</t>
  </si>
  <si>
    <t>330.7490539550781</t>
  </si>
  <si>
    <t>-0.04314312123965003</t>
  </si>
  <si>
    <t>3.607980489730835</t>
  </si>
  <si>
    <t>306.19635009765625</t>
  </si>
  <si>
    <t>-0.039351350768162874</t>
  </si>
  <si>
    <t>4.6341729164123535</t>
  </si>
  <si>
    <t>463.2129211425781</t>
  </si>
  <si>
    <t>0.013142894094698931</t>
  </si>
  <si>
    <t>10725</t>
  </si>
  <si>
    <t>5.182411193847656</t>
  </si>
  <si>
    <t>346.0469970703125</t>
  </si>
  <si>
    <t>-0.05531781914541156</t>
  </si>
  <si>
    <t>11418</t>
  </si>
  <si>
    <t>5.420412063598633</t>
  </si>
  <si>
    <t>433.1817932128906</t>
  </si>
  <si>
    <t>0.06261359272798828</t>
  </si>
  <si>
    <t>5.517856597900391</t>
  </si>
  <si>
    <t>496.66009521484375</t>
  </si>
  <si>
    <t>0.0970761636057702</t>
  </si>
  <si>
    <t>11892</t>
  </si>
  <si>
    <t>5.502143383026123</t>
  </si>
  <si>
    <t>443.1263427734375</t>
  </si>
  <si>
    <t>-0.05640131601198739</t>
  </si>
  <si>
    <t>4.924893856048584</t>
  </si>
  <si>
    <t>423.1478271484375</t>
  </si>
  <si>
    <t>-0.041375741261866494</t>
  </si>
  <si>
    <t>4.666032791137695</t>
  </si>
  <si>
    <t>397.2771911621094</t>
  </si>
  <si>
    <t>0.08078402253041261</t>
  </si>
  <si>
    <t>5.858517169952393</t>
  </si>
  <si>
    <t>472.9932861328125</t>
  </si>
  <si>
    <t>0.20562642667663233</t>
  </si>
  <si>
    <t>4.685735702514648</t>
  </si>
  <si>
    <t>312.18865966796875</t>
  </si>
  <si>
    <t>0.05106291376483263</t>
  </si>
  <si>
    <t>6.389768600463867</t>
  </si>
  <si>
    <t>455.69866943359375</t>
  </si>
  <si>
    <t>0.2239687267107957</t>
  </si>
  <si>
    <t>21656</t>
  </si>
  <si>
    <t>4.31392240524292</t>
  </si>
  <si>
    <t>411.7270202636719</t>
  </si>
  <si>
    <t>0.07935029875534205</t>
  </si>
  <si>
    <t>21941</t>
  </si>
  <si>
    <t>6.016566753387451</t>
  </si>
  <si>
    <t>393.0272216796875</t>
  </si>
  <si>
    <t>0.013074480347812667</t>
  </si>
  <si>
    <t>20632</t>
  </si>
  <si>
    <t>4.772476673126221</t>
  </si>
  <si>
    <t>364.7401123046875</t>
  </si>
  <si>
    <t>-0.06151376408076814</t>
  </si>
  <si>
    <t>6.130884647369385</t>
  </si>
  <si>
    <t>306.36163330078125</t>
  </si>
  <si>
    <t>-0.012387381026950806</t>
  </si>
  <si>
    <t>21420</t>
  </si>
  <si>
    <t>3.95402455329895</t>
  </si>
  <si>
    <t>396.8361511230469</t>
  </si>
  <si>
    <t>0.04986917746750841</t>
  </si>
  <si>
    <t>5.6931891441345215</t>
  </si>
  <si>
    <t>343.09637451171875</t>
  </si>
  <si>
    <t>0.07498793701191353</t>
  </si>
  <si>
    <t>6.08247184753418</t>
  </si>
  <si>
    <t>450.1492004394531</t>
  </si>
  <si>
    <t>0.07591618191648841</t>
  </si>
  <si>
    <t>4.766873836517334</t>
  </si>
  <si>
    <t>347.6939697265625</t>
  </si>
  <si>
    <t>-0.07250033165967196</t>
  </si>
  <si>
    <t>21715</t>
  </si>
  <si>
    <t>5.591821193695068</t>
  </si>
  <si>
    <t>426.1807556152344</t>
  </si>
  <si>
    <t>-0.06472558630154701</t>
  </si>
  <si>
    <t>5.815083980560303</t>
  </si>
  <si>
    <t>466.4758605957031</t>
  </si>
  <si>
    <t>-0.06041165807990012</t>
  </si>
  <si>
    <t>20736</t>
  </si>
  <si>
    <t>5.251020431518555</t>
  </si>
  <si>
    <t>379.4962158203125</t>
  </si>
  <si>
    <t>0.014279712262979416</t>
  </si>
  <si>
    <t>4.771068096160889</t>
  </si>
  <si>
    <t>329.0328063964844</t>
  </si>
  <si>
    <t>0.10009494070740566</t>
  </si>
  <si>
    <t>6.293389797210693</t>
  </si>
  <si>
    <t>365.4430236816406</t>
  </si>
  <si>
    <t>0.021837567247215972</t>
  </si>
  <si>
    <t>6.384798526763916</t>
  </si>
  <si>
    <t>338.4645690917969</t>
  </si>
  <si>
    <t>-0.02699943347677447</t>
  </si>
  <si>
    <t>6.226616382598877</t>
  </si>
  <si>
    <t>365.953369140625</t>
  </si>
  <si>
    <t>0.0524570395863968</t>
  </si>
  <si>
    <t>5.685574054718018</t>
  </si>
  <si>
    <t>437.868408203125</t>
  </si>
  <si>
    <t>-0.023240215750737647</t>
  </si>
  <si>
    <t>5.780619144439697</t>
  </si>
  <si>
    <t>710.99609375</t>
  </si>
  <si>
    <t>802.7185668945312</t>
  </si>
  <si>
    <t>Penza</t>
  </si>
  <si>
    <t>5.43494987487793</t>
  </si>
  <si>
    <t>476.08819580078125</t>
  </si>
  <si>
    <t>-0.055718510434211055</t>
  </si>
  <si>
    <t>4.709590435028076</t>
  </si>
  <si>
    <t>492.4879150390625</t>
  </si>
  <si>
    <t>-0.1590330813236438</t>
  </si>
  <si>
    <t>3.737086534500122</t>
  </si>
  <si>
    <t>613.9561767578125</t>
  </si>
  <si>
    <t>-0.09108694577466636</t>
  </si>
  <si>
    <t>3.803945302963257</t>
  </si>
  <si>
    <t>532.1609497070312</t>
  </si>
  <si>
    <t>-0.1349830923145685</t>
  </si>
  <si>
    <t>6.04710054397583</t>
  </si>
  <si>
    <t>554.378662109375</t>
  </si>
  <si>
    <t>-0.04319694205973157</t>
  </si>
  <si>
    <t>4.30281925201416</t>
  </si>
  <si>
    <t>408.0414123535156</t>
  </si>
  <si>
    <t>-0.03927699331594603</t>
  </si>
  <si>
    <t>4.708563804626465</t>
  </si>
  <si>
    <t>556.35546875</t>
  </si>
  <si>
    <t>0.013083959138105783</t>
  </si>
  <si>
    <t>5.195889949798584</t>
  </si>
  <si>
    <t>623.4021606445312</t>
  </si>
  <si>
    <t>-0.05530165923093833</t>
  </si>
  <si>
    <t>5580</t>
  </si>
  <si>
    <t>5.876991271972656</t>
  </si>
  <si>
    <t>565.8935546875</t>
  </si>
  <si>
    <t>0.06267645657318965</t>
  </si>
  <si>
    <t>6148</t>
  </si>
  <si>
    <t>6.181922912597656</t>
  </si>
  <si>
    <t>647.0842895507812</t>
  </si>
  <si>
    <t>0.09693804928313021</t>
  </si>
  <si>
    <t>5.592881679534912</t>
  </si>
  <si>
    <t>663.54248046875</t>
  </si>
  <si>
    <t>0.11771074214469479</t>
  </si>
  <si>
    <t>5.353738307952881</t>
  </si>
  <si>
    <t>572.7653198242188</t>
  </si>
  <si>
    <t>0.08797486102215579</t>
  </si>
  <si>
    <t>5.0322136878967285</t>
  </si>
  <si>
    <t>591.2039184570312</t>
  </si>
  <si>
    <t>0.018498395633598008</t>
  </si>
  <si>
    <t>6.118419647216797</t>
  </si>
  <si>
    <t>650.3550415039062</t>
  </si>
  <si>
    <t>0.03260950021277331</t>
  </si>
  <si>
    <t>5.018809795379639</t>
  </si>
  <si>
    <t>563.5145874023438</t>
  </si>
  <si>
    <t>0.03717165618902385</t>
  </si>
  <si>
    <t>6.078823089599609</t>
  </si>
  <si>
    <t>679.8428955078125</t>
  </si>
  <si>
    <t>0.04410910634919318</t>
  </si>
  <si>
    <t>5.317887306213379</t>
  </si>
  <si>
    <t>547.029296875</t>
  </si>
  <si>
    <t>0.16632215089727076</t>
  </si>
  <si>
    <t>6.36167573928833</t>
  </si>
  <si>
    <t>521.6304931640625</t>
  </si>
  <si>
    <t>0.08036754365311083</t>
  </si>
  <si>
    <t>5.170400142669678</t>
  </si>
  <si>
    <t>484.6871032714844</t>
  </si>
  <si>
    <t>-0.02542704337155044</t>
  </si>
  <si>
    <t>6.672382831573486</t>
  </si>
  <si>
    <t>479.001708984375</t>
  </si>
  <si>
    <t>0.043659170835377736</t>
  </si>
  <si>
    <t>12135</t>
  </si>
  <si>
    <t>5.019108295440674</t>
  </si>
  <si>
    <t>570.3593139648438</t>
  </si>
  <si>
    <t>0.07697092993656796</t>
  </si>
  <si>
    <t>12970</t>
  </si>
  <si>
    <t>5.866611957550049</t>
  </si>
  <si>
    <t>627.5009765625</t>
  </si>
  <si>
    <t>0.06654515914978809</t>
  </si>
  <si>
    <t>13854</t>
  </si>
  <si>
    <t>6.399526119232178</t>
  </si>
  <si>
    <t>640.8707885742188</t>
  </si>
  <si>
    <t>0.0659350012720612</t>
  </si>
  <si>
    <t>5.769631862640381</t>
  </si>
  <si>
    <t>460.4321594238281</t>
  </si>
  <si>
    <t>-0.003398289666398213</t>
  </si>
  <si>
    <t>6.274068355560303</t>
  </si>
  <si>
    <t>580.7714233398438</t>
  </si>
  <si>
    <t>0.029122035168947846</t>
  </si>
  <si>
    <t>13801</t>
  </si>
  <si>
    <t>6.246635913848877</t>
  </si>
  <si>
    <t>657.4296875</t>
  </si>
  <si>
    <t>-0.029556691797059997</t>
  </si>
  <si>
    <t>6.04408073425293</t>
  </si>
  <si>
    <t>635.1309814453125</t>
  </si>
  <si>
    <t>-0.01070853430981522</t>
  </si>
  <si>
    <t>5.414785385131836</t>
  </si>
  <si>
    <t>495.3106689453125</t>
  </si>
  <si>
    <t>-0.031092128936721863</t>
  </si>
  <si>
    <t>14192</t>
  </si>
  <si>
    <t>7.106545925140381</t>
  </si>
  <si>
    <t>484.54632568359375</t>
  </si>
  <si>
    <t>0.06973803550785718</t>
  </si>
  <si>
    <t>6.794480800628662</t>
  </si>
  <si>
    <t>511.64862060546875</t>
  </si>
  <si>
    <t>-0.026995854900443206</t>
  </si>
  <si>
    <t>14558</t>
  </si>
  <si>
    <t>6.3572468757629395</t>
  </si>
  <si>
    <t>567.1100463867188</t>
  </si>
  <si>
    <t>0.05245810002928586</t>
  </si>
  <si>
    <t>14224</t>
  </si>
  <si>
    <t>6.245340824127197</t>
  </si>
  <si>
    <t>628.8388061523438</t>
  </si>
  <si>
    <t>-0.023209991924517226</t>
  </si>
  <si>
    <t>2.8505585193634033</t>
  </si>
  <si>
    <t>815.2858276367188</t>
  </si>
  <si>
    <t>1886.66943359375</t>
  </si>
  <si>
    <t>Perm'</t>
  </si>
  <si>
    <t>2.8839271068573</t>
  </si>
  <si>
    <t>671.2527465820312</t>
  </si>
  <si>
    <t>-0.055705315798746824</t>
  </si>
  <si>
    <t>1.8417634963989258</t>
  </si>
  <si>
    <t>668.0029296875</t>
  </si>
  <si>
    <t>-0.15901839769036918</t>
  </si>
  <si>
    <t>17398</t>
  </si>
  <si>
    <t>1.4792309999465942</t>
  </si>
  <si>
    <t>671.8235473632812</t>
  </si>
  <si>
    <t>-0.09118417386715727</t>
  </si>
  <si>
    <t>15201</t>
  </si>
  <si>
    <t>1.619206428527832</t>
  </si>
  <si>
    <t>728.3329467773438</t>
  </si>
  <si>
    <t>-0.1349940419234663</t>
  </si>
  <si>
    <t>3.8561203479766846</t>
  </si>
  <si>
    <t>632.638671875</t>
  </si>
  <si>
    <t>-0.043151856070693384</t>
  </si>
  <si>
    <t>1.493187427520752</t>
  </si>
  <si>
    <t>524.212646484375</t>
  </si>
  <si>
    <t>-0.039294896823841796</t>
  </si>
  <si>
    <t>2.163034439086914</t>
  </si>
  <si>
    <t>703.8027954101562</t>
  </si>
  <si>
    <t>0.013059092614456702</t>
  </si>
  <si>
    <t>13420</t>
  </si>
  <si>
    <t>1.4853472709655762</t>
  </si>
  <si>
    <t>686.0853881835938</t>
  </si>
  <si>
    <t>-0.05522742333826791</t>
  </si>
  <si>
    <t>2.254744291305542</t>
  </si>
  <si>
    <t>647.0944213867188</t>
  </si>
  <si>
    <t>0.06260390133948412</t>
  </si>
  <si>
    <t>2.8831136226654053</t>
  </si>
  <si>
    <t>679.8380737304688</t>
  </si>
  <si>
    <t>0.09704578914947071</t>
  </si>
  <si>
    <t>17965</t>
  </si>
  <si>
    <t>2.3048436641693115</t>
  </si>
  <si>
    <t>680.3554077148438</t>
  </si>
  <si>
    <t>0.13202959853299134</t>
  </si>
  <si>
    <t>2.050053834915161</t>
  </si>
  <si>
    <t>705.96337890625</t>
  </si>
  <si>
    <t>-0.07481472380277943</t>
  </si>
  <si>
    <t>3.4444854259490967</t>
  </si>
  <si>
    <t>553.19287109375</t>
  </si>
  <si>
    <t>0.03564967289103116</t>
  </si>
  <si>
    <t>2.6585848331451416</t>
  </si>
  <si>
    <t>658.9861450195312</t>
  </si>
  <si>
    <t>0.062437908290247535</t>
  </si>
  <si>
    <t>18922</t>
  </si>
  <si>
    <t>2.7001073360443115</t>
  </si>
  <si>
    <t>537.6744995117188</t>
  </si>
  <si>
    <t>0.02862698833827082</t>
  </si>
  <si>
    <t>3.0887415409088135</t>
  </si>
  <si>
    <t>734.4324951171875</t>
  </si>
  <si>
    <t>0.03008919928744902</t>
  </si>
  <si>
    <t>2.767929792404175</t>
  </si>
  <si>
    <t>659.858154296875</t>
  </si>
  <si>
    <t>0.09489051133624926</t>
  </si>
  <si>
    <t>23818</t>
  </si>
  <si>
    <t>3.8084630966186523</t>
  </si>
  <si>
    <t>670.2955932617188</t>
  </si>
  <si>
    <t>0.10513662043985406</t>
  </si>
  <si>
    <t>20738</t>
  </si>
  <si>
    <t>1.4933029413223267</t>
  </si>
  <si>
    <t>565.0018920898438</t>
  </si>
  <si>
    <t>-0.13847383120971912</t>
  </si>
  <si>
    <t>21374</t>
  </si>
  <si>
    <t>2.583042621612549</t>
  </si>
  <si>
    <t>518.2113037109375</t>
  </si>
  <si>
    <t>0.030207463966618775</t>
  </si>
  <si>
    <t>2.5813324451446533</t>
  </si>
  <si>
    <t>578.4322509765625</t>
  </si>
  <si>
    <t>0.1586985974281685</t>
  </si>
  <si>
    <t>2.850583791732788</t>
  </si>
  <si>
    <t>678.3446655273438</t>
  </si>
  <si>
    <t>-0.032663416973557347</t>
  </si>
  <si>
    <t>3.2319538593292236</t>
  </si>
  <si>
    <t>681.1257934570312</t>
  </si>
  <si>
    <t>-0.03757060080697805</t>
  </si>
  <si>
    <t>2.2762057781219482</t>
  </si>
  <si>
    <t>650.7559814453125</t>
  </si>
  <si>
    <t>0.004955369190120962</t>
  </si>
  <si>
    <t>3.1597578525543213</t>
  </si>
  <si>
    <t>744.3594360351562</t>
  </si>
  <si>
    <t>-0.037866536077215684</t>
  </si>
  <si>
    <t>3.193279266357422</t>
  </si>
  <si>
    <t>573.7250366210938</t>
  </si>
  <si>
    <t>-0.020026595725534335</t>
  </si>
  <si>
    <t>3.265636444091797</t>
  </si>
  <si>
    <t>734.4030151367188</t>
  </si>
  <si>
    <t>0.02263438964081388</t>
  </si>
  <si>
    <t>23193</t>
  </si>
  <si>
    <t>2.249648332595825</t>
  </si>
  <si>
    <t>607.0181884765625</t>
  </si>
  <si>
    <t>0.023514072227925453</t>
  </si>
  <si>
    <t>3.616000175476074</t>
  </si>
  <si>
    <t>785.8935546875</t>
  </si>
  <si>
    <t>0.025751034526514616</t>
  </si>
  <si>
    <t>4.000779628753662</t>
  </si>
  <si>
    <t>614.6066284179688</t>
  </si>
  <si>
    <t>-0.027002194169419624</t>
  </si>
  <si>
    <t>3.0785958766937256</t>
  </si>
  <si>
    <t>587.3623657226562</t>
  </si>
  <si>
    <t>0.052475465318705616</t>
  </si>
  <si>
    <t>3.352956771850586</t>
  </si>
  <si>
    <t>590.1752319335938</t>
  </si>
  <si>
    <t>-0.023248669505708364</t>
  </si>
  <si>
    <t>15907</t>
  </si>
  <si>
    <t>6.148361682891846</t>
  </si>
  <si>
    <t>830.5977172851562</t>
  </si>
  <si>
    <t>1289.10009765625</t>
  </si>
  <si>
    <t>Primor'ye</t>
  </si>
  <si>
    <t>15045</t>
  </si>
  <si>
    <t>5.334357738494873</t>
  </si>
  <si>
    <t>574.7877197265625</t>
  </si>
  <si>
    <t>-0.055713553834214835</t>
  </si>
  <si>
    <t>4.948328971862793</t>
  </si>
  <si>
    <t>692.347900390625</t>
  </si>
  <si>
    <t>-0.1590257318196855</t>
  </si>
  <si>
    <t>4.617588043212891</t>
  </si>
  <si>
    <t>693.3721923828125</t>
  </si>
  <si>
    <t>-0.09114990630256514</t>
  </si>
  <si>
    <t>10235</t>
  </si>
  <si>
    <t>5.763493061065674</t>
  </si>
  <si>
    <t>826.45068359375</t>
  </si>
  <si>
    <t>-0.13505685284650504</t>
  </si>
  <si>
    <t>5.416187763214111</t>
  </si>
  <si>
    <t>601.7223510742188</t>
  </si>
  <si>
    <t>-0.04312475783366487</t>
  </si>
  <si>
    <t>4.663821697235107</t>
  </si>
  <si>
    <t>595.9320678710938</t>
  </si>
  <si>
    <t>-0.03932272794551395</t>
  </si>
  <si>
    <t>5.048958778381348</t>
  </si>
  <si>
    <t>531.355712890625</t>
  </si>
  <si>
    <t>0.013070703633990988</t>
  </si>
  <si>
    <t>5.630706310272217</t>
  </si>
  <si>
    <t>678.1736450195312</t>
  </si>
  <si>
    <t>-0.05521983836230859</t>
  </si>
  <si>
    <t>5.365123271942139</t>
  </si>
  <si>
    <t>595.1359252929688</t>
  </si>
  <si>
    <t>0.0626276660718581</t>
  </si>
  <si>
    <t>4.795799732208252</t>
  </si>
  <si>
    <t>852.85888671875</t>
  </si>
  <si>
    <t>0.09700973644040545</t>
  </si>
  <si>
    <t>5.0854716300964355</t>
  </si>
  <si>
    <t>669.2129516601562</t>
  </si>
  <si>
    <t>0.002073320882185925</t>
  </si>
  <si>
    <t>5.087611675262451</t>
  </si>
  <si>
    <t>758.4108276367188</t>
  </si>
  <si>
    <t>0.14927018802369751</t>
  </si>
  <si>
    <t>5.343240261077881</t>
  </si>
  <si>
    <t>455.6844177246094</t>
  </si>
  <si>
    <t>0.08268399297266704</t>
  </si>
  <si>
    <t>5.866379261016846</t>
  </si>
  <si>
    <t>659.7835083007812</t>
  </si>
  <si>
    <t>0.0636282525455023</t>
  </si>
  <si>
    <t>14629</t>
  </si>
  <si>
    <t>4.9618659019470215</t>
  </si>
  <si>
    <t>656.0404052734375</t>
  </si>
  <si>
    <t>0.024496104453875844</t>
  </si>
  <si>
    <t>14859</t>
  </si>
  <si>
    <t>5.430021286010742</t>
  </si>
  <si>
    <t>682.1090698242188</t>
  </si>
  <si>
    <t>0.015599882278261035</t>
  </si>
  <si>
    <t>5.54961633682251</t>
  </si>
  <si>
    <t>690.1240844726562</t>
  </si>
  <si>
    <t>0.05677323823437774</t>
  </si>
  <si>
    <t>5.998465061187744</t>
  </si>
  <si>
    <t>665.2872924804688</t>
  </si>
  <si>
    <t>0.06474912399897192</t>
  </si>
  <si>
    <t>19126</t>
  </si>
  <si>
    <t>5.04209566116333</t>
  </si>
  <si>
    <t>716.8706665039062</t>
  </si>
  <si>
    <t>0.13092056141979036</t>
  </si>
  <si>
    <t>5.225093364715576</t>
  </si>
  <si>
    <t>726.3410034179688</t>
  </si>
  <si>
    <t>0.12911666360147045</t>
  </si>
  <si>
    <t>5.17636251449585</t>
  </si>
  <si>
    <t>476.5104064941406</t>
  </si>
  <si>
    <t>0.01559325809229506</t>
  </si>
  <si>
    <t>4.774905204772949</t>
  </si>
  <si>
    <t>864.1424560546875</t>
  </si>
  <si>
    <t>-0.040673088367611854</t>
  </si>
  <si>
    <t>5.28396463394165</t>
  </si>
  <si>
    <t>820.9230346679688</t>
  </si>
  <si>
    <t>-0.021190764605163892</t>
  </si>
  <si>
    <t>21077</t>
  </si>
  <si>
    <t>5.688285827636719</t>
  </si>
  <si>
    <t>664.9599609375</t>
  </si>
  <si>
    <t>0.014287663906570103</t>
  </si>
  <si>
    <t>5.873232364654541</t>
  </si>
  <si>
    <t>736.370361328125</t>
  </si>
  <si>
    <t>-0.013037122644083965</t>
  </si>
  <si>
    <t>5.448535442352295</t>
  </si>
  <si>
    <t>933.3460693359375</t>
  </si>
  <si>
    <t>-0.01843459597164454</t>
  </si>
  <si>
    <t>5.515861988067627</t>
  </si>
  <si>
    <t>631.2564697265625</t>
  </si>
  <si>
    <t>-0.007716732402005988</t>
  </si>
  <si>
    <t>5.815347194671631</t>
  </si>
  <si>
    <t>823.3834228515625</t>
  </si>
  <si>
    <t>0.06323629698954036</t>
  </si>
  <si>
    <t>23290</t>
  </si>
  <si>
    <t>6.110970973968506</t>
  </si>
  <si>
    <t>782.7425537109375</t>
  </si>
  <si>
    <t>0.07579383936953299</t>
  </si>
  <si>
    <t>5.869562149047852</t>
  </si>
  <si>
    <t>847.1760864257812</t>
  </si>
  <si>
    <t>-0.026981619376812205</t>
  </si>
  <si>
    <t>6.321915149688721</t>
  </si>
  <si>
    <t>608.305419921875</t>
  </si>
  <si>
    <t>0.052459354460445695</t>
  </si>
  <si>
    <t>5.995254993438721</t>
  </si>
  <si>
    <t>871.7216796875</t>
  </si>
  <si>
    <t>-0.023247505989720807</t>
  </si>
  <si>
    <t>6.3656768798828125</t>
  </si>
  <si>
    <t>764.3368530273438</t>
  </si>
  <si>
    <t>519.449951171875</t>
  </si>
  <si>
    <t>Pskov</t>
  </si>
  <si>
    <t>5.960591793060303</t>
  </si>
  <si>
    <t>662.9425048828125</t>
  </si>
  <si>
    <t>-0.055648837178148725</t>
  </si>
  <si>
    <t>6.024348735809326</t>
  </si>
  <si>
    <t>564.6549682617188</t>
  </si>
  <si>
    <t>-0.15908094947972806</t>
  </si>
  <si>
    <t>4.90737247467041</t>
  </si>
  <si>
    <t>633.1336669921875</t>
  </si>
  <si>
    <t>-0.09112969621502387</t>
  </si>
  <si>
    <t>5.127179145812988</t>
  </si>
  <si>
    <t>628.4937744140625</t>
  </si>
  <si>
    <t>-0.13500273206825852</t>
  </si>
  <si>
    <t>5.625524520874023</t>
  </si>
  <si>
    <t>608.185302734375</t>
  </si>
  <si>
    <t>-0.043186437651064224</t>
  </si>
  <si>
    <t>4.836582660675049</t>
  </si>
  <si>
    <t>576.8203735351562</t>
  </si>
  <si>
    <t>-0.03924965294404892</t>
  </si>
  <si>
    <t>5.662403583526611</t>
  </si>
  <si>
    <t>710.0894165039062</t>
  </si>
  <si>
    <t>0.013007584163350572</t>
  </si>
  <si>
    <t>6370</t>
  </si>
  <si>
    <t>4.853912830352783</t>
  </si>
  <si>
    <t>781.5120849609375</t>
  </si>
  <si>
    <t>-0.055272806744488534</t>
  </si>
  <si>
    <t>6782</t>
  </si>
  <si>
    <t>6.340753078460693</t>
  </si>
  <si>
    <t>521.1773071289062</t>
  </si>
  <si>
    <t>0.06267257411937521</t>
  </si>
  <si>
    <t>6.896320343017578</t>
  </si>
  <si>
    <t>676.7103881835938</t>
  </si>
  <si>
    <t>0.09702448124470742</t>
  </si>
  <si>
    <t>5.565124034881592</t>
  </si>
  <si>
    <t>721.37841796875</t>
  </si>
  <si>
    <t>0.026932320897607553</t>
  </si>
  <si>
    <t>5.66590690612793</t>
  </si>
  <si>
    <t>487.7222900390625</t>
  </si>
  <si>
    <t>0.0831940180741757</t>
  </si>
  <si>
    <t>9052</t>
  </si>
  <si>
    <t>5.656246185302734</t>
  </si>
  <si>
    <t>704.3932495117188</t>
  </si>
  <si>
    <t>0.08156286385135303</t>
  </si>
  <si>
    <t>9240</t>
  </si>
  <si>
    <t>6.147485733032227</t>
  </si>
  <si>
    <t>716.798583984375</t>
  </si>
  <si>
    <t>0.020556157882301918</t>
  </si>
  <si>
    <t>5.541722774505615</t>
  </si>
  <si>
    <t>573.4124755859375</t>
  </si>
  <si>
    <t>-0.04652001563489172</t>
  </si>
  <si>
    <t>9900</t>
  </si>
  <si>
    <t>6.425126552581787</t>
  </si>
  <si>
    <t>641.7404174804688</t>
  </si>
  <si>
    <t>0.11551288712184338</t>
  </si>
  <si>
    <t>6.450430393218994</t>
  </si>
  <si>
    <t>561.5768432617188</t>
  </si>
  <si>
    <t>0.061598597734079164</t>
  </si>
  <si>
    <t>6.797221660614014</t>
  </si>
  <si>
    <t>719.9937133789062</t>
  </si>
  <si>
    <t>0.04648547839078887</t>
  </si>
  <si>
    <t>5.212756633758545</t>
  </si>
  <si>
    <t>768.8994140625</t>
  </si>
  <si>
    <t>0.0057855883676314335</t>
  </si>
  <si>
    <t>5.6752142906188965</t>
  </si>
  <si>
    <t>774.570068359375</t>
  </si>
  <si>
    <t>0.04958821799031554</t>
  </si>
  <si>
    <t>6.507789611816406</t>
  </si>
  <si>
    <t>613.6959838867188</t>
  </si>
  <si>
    <t>0.011174253686631275</t>
  </si>
  <si>
    <t>5.276752948760986</t>
  </si>
  <si>
    <t>741.28173828125</t>
  </si>
  <si>
    <t>0.018822503429248627</t>
  </si>
  <si>
    <t>6.453371047973633</t>
  </si>
  <si>
    <t>635.4910278320312</t>
  </si>
  <si>
    <t>0.012573579496248044</t>
  </si>
  <si>
    <t>7.077070236206055</t>
  </si>
  <si>
    <t>656.9866333007812</t>
  </si>
  <si>
    <t>-0.011325711109204661</t>
  </si>
  <si>
    <t>6.706360340118408</t>
  </si>
  <si>
    <t>530.3278198242188</t>
  </si>
  <si>
    <t>-0.030215818827818097</t>
  </si>
  <si>
    <t>6.793745040893555</t>
  </si>
  <si>
    <t>741.3111572265625</t>
  </si>
  <si>
    <t>0.029716858318506567</t>
  </si>
  <si>
    <t>6.337256908416748</t>
  </si>
  <si>
    <t>835.177978515625</t>
  </si>
  <si>
    <t>-0.01441043703582956</t>
  </si>
  <si>
    <t>6.367258548736572</t>
  </si>
  <si>
    <t>593.393310546875</t>
  </si>
  <si>
    <t>0.02746739470060966</t>
  </si>
  <si>
    <t>7.68091344833374</t>
  </si>
  <si>
    <t>683.3140869140625</t>
  </si>
  <si>
    <t>12673</t>
  </si>
  <si>
    <t>7.361755847930908</t>
  </si>
  <si>
    <t>674.3326416015625</t>
  </si>
  <si>
    <t>-0.027012890680495616</t>
  </si>
  <si>
    <t>13355</t>
  </si>
  <si>
    <t>6.1180596351623535</t>
  </si>
  <si>
    <t>712.1655883789062</t>
  </si>
  <si>
    <t>0.05241710046199621</t>
  </si>
  <si>
    <t>13048</t>
  </si>
  <si>
    <t>6.815921783447266</t>
  </si>
  <si>
    <t>646.2428588867188</t>
  </si>
  <si>
    <t>-0.02325598124321182</t>
  </si>
  <si>
    <t>10.463495254516602</t>
  </si>
  <si>
    <t>494.5453186035156</t>
  </si>
  <si>
    <t>2252.18115234375</t>
  </si>
  <si>
    <t>Rostov</t>
  </si>
  <si>
    <t>10328</t>
  </si>
  <si>
    <t>9.932881355285645</t>
  </si>
  <si>
    <t>457.676025390625</t>
  </si>
  <si>
    <t>-0.055737316772418666</t>
  </si>
  <si>
    <t>8810</t>
  </si>
  <si>
    <t>9.472452163696289</t>
  </si>
  <si>
    <t>572.9268188476562</t>
  </si>
  <si>
    <t>-0.15897121359625288</t>
  </si>
  <si>
    <t>8042</t>
  </si>
  <si>
    <t>9.027334213256836</t>
  </si>
  <si>
    <t>566.6078491210938</t>
  </si>
  <si>
    <t>-0.09120963147300643</t>
  </si>
  <si>
    <t>9.25183391571045</t>
  </si>
  <si>
    <t>476.91668701171875</t>
  </si>
  <si>
    <t>-0.1350602546314459</t>
  </si>
  <si>
    <t>10.460591316223145</t>
  </si>
  <si>
    <t>542.3519897460938</t>
  </si>
  <si>
    <t>-0.043042410186998836</t>
  </si>
  <si>
    <t>9.394076347351074</t>
  </si>
  <si>
    <t>519.2222290039062</t>
  </si>
  <si>
    <t>-0.03939903514382692</t>
  </si>
  <si>
    <t>9.220723152160645</t>
  </si>
  <si>
    <t>638.6515502929688</t>
  </si>
  <si>
    <t>0.013052008702853612</t>
  </si>
  <si>
    <t>10.280702590942383</t>
  </si>
  <si>
    <t>492.9798278808594</t>
  </si>
  <si>
    <t>-0.05519507122468248</t>
  </si>
  <si>
    <t>6604</t>
  </si>
  <si>
    <t>10.670928955078125</t>
  </si>
  <si>
    <t>527.615478515625</t>
  </si>
  <si>
    <t>0.06264248006690032</t>
  </si>
  <si>
    <t>7277</t>
  </si>
  <si>
    <t>10.718045234680176</t>
  </si>
  <si>
    <t>493.5100402832031</t>
  </si>
  <si>
    <t>0.09704316330706853</t>
  </si>
  <si>
    <t>10.167887687683105</t>
  </si>
  <si>
    <t>677.6990356445312</t>
  </si>
  <si>
    <t>0.12258118044328192</t>
  </si>
  <si>
    <t>10.586714744567871</t>
  </si>
  <si>
    <t>536.8450317382812</t>
  </si>
  <si>
    <t>0.02662985715567423</t>
  </si>
  <si>
    <t>9051</t>
  </si>
  <si>
    <t>9.539963722229004</t>
  </si>
  <si>
    <t>523.1675415039062</t>
  </si>
  <si>
    <t>0.0689455218811279</t>
  </si>
  <si>
    <t>9683</t>
  </si>
  <si>
    <t>10.636340141296387</t>
  </si>
  <si>
    <t>705.9346313476562</t>
  </si>
  <si>
    <t>0.06749652178435994</t>
  </si>
  <si>
    <t>10.024128913879395</t>
  </si>
  <si>
    <t>607.3838500976562</t>
  </si>
  <si>
    <t>-0.010798568228638672</t>
  </si>
  <si>
    <t>10.898387908935547</t>
  </si>
  <si>
    <t>545.2755126953125</t>
  </si>
  <si>
    <t>0.12089842925036187</t>
  </si>
  <si>
    <t>12593</t>
  </si>
  <si>
    <t>10.611676216125488</t>
  </si>
  <si>
    <t>380.25567626953125</t>
  </si>
  <si>
    <t>0.1526694723725921</t>
  </si>
  <si>
    <t>14030</t>
  </si>
  <si>
    <t>10.86500072479248</t>
  </si>
  <si>
    <t>464.5464782714844</t>
  </si>
  <si>
    <t>0.10805679009066083</t>
  </si>
  <si>
    <t>10.66098690032959</t>
  </si>
  <si>
    <t>618.5210571289062</t>
  </si>
  <si>
    <t>-0.0595427055171065</t>
  </si>
  <si>
    <t>11.66358470916748</t>
  </si>
  <si>
    <t>535.4461669921875</t>
  </si>
  <si>
    <t>0.054755785362793574</t>
  </si>
  <si>
    <t>505.360107421875</t>
  </si>
  <si>
    <t>0.008841412318112418</t>
  </si>
  <si>
    <t>14699</t>
  </si>
  <si>
    <t>11.073505401611328</t>
  </si>
  <si>
    <t>495.8443298339844</t>
  </si>
  <si>
    <t>0.042527077981681316</t>
  </si>
  <si>
    <t>11.011260986328125</t>
  </si>
  <si>
    <t>500.658203125</t>
  </si>
  <si>
    <t>0.02651784960282555</t>
  </si>
  <si>
    <t>10.810471534729004</t>
  </si>
  <si>
    <t>451.868408203125</t>
  </si>
  <si>
    <t>-0.0007953340822215438</t>
  </si>
  <si>
    <t>11.237128257751465</t>
  </si>
  <si>
    <t>544.4043579101562</t>
  </si>
  <si>
    <t>0.040413477193705916</t>
  </si>
  <si>
    <t>11.036425590515137</t>
  </si>
  <si>
    <t>600.3167724609375</t>
  </si>
  <si>
    <t>0.027075368529764887</t>
  </si>
  <si>
    <t>15931</t>
  </si>
  <si>
    <t>11.233839988708496</t>
  </si>
  <si>
    <t>543.8253173828125</t>
  </si>
  <si>
    <t>-0.012723928913167981</t>
  </si>
  <si>
    <t>10.936301231384277</t>
  </si>
  <si>
    <t>539.8233642578125</t>
  </si>
  <si>
    <t>-0.015625812160672936</t>
  </si>
  <si>
    <t>16169</t>
  </si>
  <si>
    <t>11.983939170837402</t>
  </si>
  <si>
    <t>422.4090576171875</t>
  </si>
  <si>
    <t>0.03045474432759221</t>
  </si>
  <si>
    <t>15739</t>
  </si>
  <si>
    <t>11.876636505126953</t>
  </si>
  <si>
    <t>433.3600769042969</t>
  </si>
  <si>
    <t>-0.026954120188213082</t>
  </si>
  <si>
    <t>16586</t>
  </si>
  <si>
    <t>11.159424781799316</t>
  </si>
  <si>
    <t>672.2294311523438</t>
  </si>
  <si>
    <t>0.05241725745954895</t>
  </si>
  <si>
    <t>11.283432006835938</t>
  </si>
  <si>
    <t>481.1395263671875</t>
  </si>
  <si>
    <t>-0.023239129435502548</t>
  </si>
  <si>
    <t>12049</t>
  </si>
  <si>
    <t>6.235696315765381</t>
  </si>
  <si>
    <t>754.6611938476562</t>
  </si>
  <si>
    <t>734.1279296875</t>
  </si>
  <si>
    <t>Ryazan'</t>
  </si>
  <si>
    <t>5.8356194496154785</t>
  </si>
  <si>
    <t>520.8491821289062</t>
  </si>
  <si>
    <t>-0.055631506067541636</t>
  </si>
  <si>
    <t>5.600252151489258</t>
  </si>
  <si>
    <t>594.4903564453125</t>
  </si>
  <si>
    <t>-0.15906166903466534</t>
  </si>
  <si>
    <t>4.7860493659973145</t>
  </si>
  <si>
    <t>606.6946411132812</t>
  </si>
  <si>
    <t>-0.09116284088221427</t>
  </si>
  <si>
    <t>7753</t>
  </si>
  <si>
    <t>4.790205478668213</t>
  </si>
  <si>
    <t>574.6868286132812</t>
  </si>
  <si>
    <t>-0.13504578771989628</t>
  </si>
  <si>
    <t>5.8843865394592285</t>
  </si>
  <si>
    <t>579.1249389648438</t>
  </si>
  <si>
    <t>-0.04309250948193366</t>
  </si>
  <si>
    <t>4.7988762855529785</t>
  </si>
  <si>
    <t>437.9652099609375</t>
  </si>
  <si>
    <t>-0.03927457940339529</t>
  </si>
  <si>
    <t>5.206571578979492</t>
  </si>
  <si>
    <t>577.57373046875</t>
  </si>
  <si>
    <t>0.013079357178412465</t>
  </si>
  <si>
    <t>5.065007209777832</t>
  </si>
  <si>
    <t>690.635009765625</t>
  </si>
  <si>
    <t>-0.0552736747894933</t>
  </si>
  <si>
    <t>7287</t>
  </si>
  <si>
    <t>6.102506637573242</t>
  </si>
  <si>
    <t>566.0511474609375</t>
  </si>
  <si>
    <t>0.06257347994773355</t>
  </si>
  <si>
    <t>6.347532749176025</t>
  </si>
  <si>
    <t>621.3175659179688</t>
  </si>
  <si>
    <t>0.09696804851440177</t>
  </si>
  <si>
    <t>5.5998663902282715</t>
  </si>
  <si>
    <t>634.1021118164062</t>
  </si>
  <si>
    <t>0.12444489954122773</t>
  </si>
  <si>
    <t>5.657922267913818</t>
  </si>
  <si>
    <t>560.2011108398438</t>
  </si>
  <si>
    <t>0.07773056791515742</t>
  </si>
  <si>
    <t>5.537974834442139</t>
  </si>
  <si>
    <t>616.300537109375</t>
  </si>
  <si>
    <t>0.14071705228539777</t>
  </si>
  <si>
    <t>6.111055850982666</t>
  </si>
  <si>
    <t>701.470703125</t>
  </si>
  <si>
    <t>-0.019097492774488245</t>
  </si>
  <si>
    <t>11175</t>
  </si>
  <si>
    <t>5.248011112213135</t>
  </si>
  <si>
    <t>604.5775146484375</t>
  </si>
  <si>
    <t>0.006824126329791014</t>
  </si>
  <si>
    <t>12235</t>
  </si>
  <si>
    <t>6.015796184539795</t>
  </si>
  <si>
    <t>673.7219848632812</t>
  </si>
  <si>
    <t>0.09062155639500169</t>
  </si>
  <si>
    <t>6.119546413421631</t>
  </si>
  <si>
    <t>548.370361328125</t>
  </si>
  <si>
    <t>0.013234472385093454</t>
  </si>
  <si>
    <t>13410</t>
  </si>
  <si>
    <t>6.9294514656066895</t>
  </si>
  <si>
    <t>599.0330200195312</t>
  </si>
  <si>
    <t>0.07846552801385798</t>
  </si>
  <si>
    <t>13450</t>
  </si>
  <si>
    <t>5.1874189376831055</t>
  </si>
  <si>
    <t>521.1715698242188</t>
  </si>
  <si>
    <t>0.0029784087542612525</t>
  </si>
  <si>
    <t>6.347026348114014</t>
  </si>
  <si>
    <t>500.8973693847656</t>
  </si>
  <si>
    <t>0.04214750968878711</t>
  </si>
  <si>
    <t>6.0851311683654785</t>
  </si>
  <si>
    <t>550.0502319335938</t>
  </si>
  <si>
    <t>0.04085335763239151</t>
  </si>
  <si>
    <t>5.367832660675049</t>
  </si>
  <si>
    <t>682.3029174804688</t>
  </si>
  <si>
    <t>0.11706809255517392</t>
  </si>
  <si>
    <t>6.470531940460205</t>
  </si>
  <si>
    <t>680.83203125</t>
  </si>
  <si>
    <t>0.039211348805226365</t>
  </si>
  <si>
    <t>16496</t>
  </si>
  <si>
    <t>6.80396842956543</t>
  </si>
  <si>
    <t>418.0891418457031</t>
  </si>
  <si>
    <t>-0.035141487454822595</t>
  </si>
  <si>
    <t>6.657426834106445</t>
  </si>
  <si>
    <t>632.8793334960938</t>
  </si>
  <si>
    <t>-0.032468584415873636</t>
  </si>
  <si>
    <t>15764</t>
  </si>
  <si>
    <t>6.571325778961182</t>
  </si>
  <si>
    <t>711.8292236328125</t>
  </si>
  <si>
    <t>-0.012920483525972415</t>
  </si>
  <si>
    <t>16031</t>
  </si>
  <si>
    <t>6.358628749847412</t>
  </si>
  <si>
    <t>690.5664672851562</t>
  </si>
  <si>
    <t>0.016795488374778955</t>
  </si>
  <si>
    <t>5.835716724395752</t>
  </si>
  <si>
    <t>508.80731201171875</t>
  </si>
  <si>
    <t>-0.009212034438531802</t>
  </si>
  <si>
    <t>16268</t>
  </si>
  <si>
    <t>7.682432174682617</t>
  </si>
  <si>
    <t>516.2290649414062</t>
  </si>
  <si>
    <t>0.023887674775973977</t>
  </si>
  <si>
    <t>7.096860408782959</t>
  </si>
  <si>
    <t>585.171142578125</t>
  </si>
  <si>
    <t>-0.02697730805437537</t>
  </si>
  <si>
    <t>6.073233127593994</t>
  </si>
  <si>
    <t>576.1790161132812</t>
  </si>
  <si>
    <t>0.05240729317416282</t>
  </si>
  <si>
    <t>6.531322956085205</t>
  </si>
  <si>
    <t>677.3338623046875</t>
  </si>
  <si>
    <t>-0.02321949668439771</t>
  </si>
  <si>
    <t>46609</t>
  </si>
  <si>
    <t>-8.426080703735352</t>
  </si>
  <si>
    <t>287.07635498046875</t>
  </si>
  <si>
    <t>683.5117797851562</t>
  </si>
  <si>
    <t>Sakha</t>
  </si>
  <si>
    <t>-9.816309928894043</t>
  </si>
  <si>
    <t>298.9863586425781</t>
  </si>
  <si>
    <t>-0.05567406699203303</t>
  </si>
  <si>
    <t>37603</t>
  </si>
  <si>
    <t>-9.596331596374512</t>
  </si>
  <si>
    <t>280.22216796875</t>
  </si>
  <si>
    <t>-0.15903575409193138</t>
  </si>
  <si>
    <t>-10.584305763244629</t>
  </si>
  <si>
    <t>309.22662353515625</t>
  </si>
  <si>
    <t>-0.09118074993261338</t>
  </si>
  <si>
    <t>-9.946930885314941</t>
  </si>
  <si>
    <t>334.3390197753906</t>
  </si>
  <si>
    <t>-0.1350057478612925</t>
  </si>
  <si>
    <t>28725</t>
  </si>
  <si>
    <t>-8.927151679992676</t>
  </si>
  <si>
    <t>290.37310791015625</t>
  </si>
  <si>
    <t>-0.043129512918334</t>
  </si>
  <si>
    <t>-10.006383895874023</t>
  </si>
  <si>
    <t>320.2014465332031</t>
  </si>
  <si>
    <t>-0.0393000896716611</t>
  </si>
  <si>
    <t>27982</t>
  </si>
  <si>
    <t>-9.380152702331543</t>
  </si>
  <si>
    <t>359.1606140136719</t>
  </si>
  <si>
    <t>0.013093712247934874</t>
  </si>
  <si>
    <t>-10.038201332092285</t>
  </si>
  <si>
    <t>321.4549560546875</t>
  </si>
  <si>
    <t>-0.055285014711788705</t>
  </si>
  <si>
    <t>-10.544878005981445</t>
  </si>
  <si>
    <t>341.5398864746094</t>
  </si>
  <si>
    <t>0.062619923865471</t>
  </si>
  <si>
    <t>-10.701142311096191</t>
  </si>
  <si>
    <t>312.17413330078125</t>
  </si>
  <si>
    <t>0.09702446225576544</t>
  </si>
  <si>
    <t>32431</t>
  </si>
  <si>
    <t>-9.640314102172852</t>
  </si>
  <si>
    <t>297.2965393066406</t>
  </si>
  <si>
    <t>0.04319393776928315</t>
  </si>
  <si>
    <t>-9.283501625061035</t>
  </si>
  <si>
    <t>285.91864013671875</t>
  </si>
  <si>
    <t>-0.011973590533633782</t>
  </si>
  <si>
    <t>-9.063693046569824</t>
  </si>
  <si>
    <t>325.377197265625</t>
  </si>
  <si>
    <t>0.00962740355303815</t>
  </si>
  <si>
    <t>-10.732421875</t>
  </si>
  <si>
    <t>338.13836669921875</t>
  </si>
  <si>
    <t>-0.048604738617259</t>
  </si>
  <si>
    <t>30347</t>
  </si>
  <si>
    <t>-9.182689666748047</t>
  </si>
  <si>
    <t>351.74444580078125</t>
  </si>
  <si>
    <t>-0.015466164059606768</t>
  </si>
  <si>
    <t>-9.515384674072266</t>
  </si>
  <si>
    <t>370.31024169921875</t>
  </si>
  <si>
    <t>-0.019431654496488093</t>
  </si>
  <si>
    <t>-9.032771110534668</t>
  </si>
  <si>
    <t>384.8561706542969</t>
  </si>
  <si>
    <t>0.02482126299454812</t>
  </si>
  <si>
    <t>-8.533417701721191</t>
  </si>
  <si>
    <t>352.8829040527344</t>
  </si>
  <si>
    <t>0.10169282315868067</t>
  </si>
  <si>
    <t>34927</t>
  </si>
  <si>
    <t>-10.196763038635254</t>
  </si>
  <si>
    <t>312.0971374511719</t>
  </si>
  <si>
    <t>0.03348007158338895</t>
  </si>
  <si>
    <t>-9.4152193069458</t>
  </si>
  <si>
    <t>327.3973388671875</t>
  </si>
  <si>
    <t>0.04596806308879664</t>
  </si>
  <si>
    <t>-8.596964836120605</t>
  </si>
  <si>
    <t>313.26287841796875</t>
  </si>
  <si>
    <t>0.08779950858917296</t>
  </si>
  <si>
    <t>-9.81516170501709</t>
  </si>
  <si>
    <t>330.7726135253906</t>
  </si>
  <si>
    <t>0.0511655499163961</t>
  </si>
  <si>
    <t>41738</t>
  </si>
  <si>
    <t>-9.234442710876465</t>
  </si>
  <si>
    <t>373.31549072265625</t>
  </si>
  <si>
    <t>-0.006781305834218543</t>
  </si>
  <si>
    <t>43731</t>
  </si>
  <si>
    <t>-8.518343925476074</t>
  </si>
  <si>
    <t>323.13433837890625</t>
  </si>
  <si>
    <t>0.046645247927346034</t>
  </si>
  <si>
    <t>-8.203742027282715</t>
  </si>
  <si>
    <t>295.8927001953125</t>
  </si>
  <si>
    <t>-0.0012813767398647258</t>
  </si>
  <si>
    <t>47756</t>
  </si>
  <si>
    <t>-9.20180892944336</t>
  </si>
  <si>
    <t>338.00079345703125</t>
  </si>
  <si>
    <t>0.08932885746302155</t>
  </si>
  <si>
    <t>47538</t>
  </si>
  <si>
    <t>-8.637260437011719</t>
  </si>
  <si>
    <t>335.92205810546875</t>
  </si>
  <si>
    <t>-0.004575322271982429</t>
  </si>
  <si>
    <t>49781</t>
  </si>
  <si>
    <t>-8.388388633728027</t>
  </si>
  <si>
    <t>320.5501708984375</t>
  </si>
  <si>
    <t>0.04610399391542863</t>
  </si>
  <si>
    <t>-7.794003009796143</t>
  </si>
  <si>
    <t>321.322509765625</t>
  </si>
  <si>
    <t>0.047372478473411306</t>
  </si>
  <si>
    <t>-7.916481018066406</t>
  </si>
  <si>
    <t>286.8565368652344</t>
  </si>
  <si>
    <t>-0.026991405753808095</t>
  </si>
  <si>
    <t>-8.312281608581543</t>
  </si>
  <si>
    <t>315.03240966796875</t>
  </si>
  <si>
    <t>0.052451934796737376</t>
  </si>
  <si>
    <t>52312</t>
  </si>
  <si>
    <t>-8.936528205871582</t>
  </si>
  <si>
    <t>370.5747985839844</t>
  </si>
  <si>
    <t>-0.023240602383953757</t>
  </si>
  <si>
    <t>2.984598398208618</t>
  </si>
  <si>
    <t>851.7176513671875</t>
  </si>
  <si>
    <t>341.0478820800781</t>
  </si>
  <si>
    <t>Sakhalin</t>
  </si>
  <si>
    <t>1.5382357835769653</t>
  </si>
  <si>
    <t>733.690673828125</t>
  </si>
  <si>
    <t>-0.05568117570891573</t>
  </si>
  <si>
    <t>1.3404275178909302</t>
  </si>
  <si>
    <t>811.1591186523438</t>
  </si>
  <si>
    <t>-0.15903650334968233</t>
  </si>
  <si>
    <t>0.9198094010353088</t>
  </si>
  <si>
    <t>780.0380249023438</t>
  </si>
  <si>
    <t>-0.09114207389739448</t>
  </si>
  <si>
    <t>1.97004234790802</t>
  </si>
  <si>
    <t>931.982421875</t>
  </si>
  <si>
    <t>-0.13503822996628045</t>
  </si>
  <si>
    <t>1.8947762250900269</t>
  </si>
  <si>
    <t>875.0136108398438</t>
  </si>
  <si>
    <t>-0.043116435847288415</t>
  </si>
  <si>
    <t>1.0529123544692993</t>
  </si>
  <si>
    <t>830.0536499023438</t>
  </si>
  <si>
    <t>-0.03932109460287414</t>
  </si>
  <si>
    <t>20186</t>
  </si>
  <si>
    <t>1.2223728895187378</t>
  </si>
  <si>
    <t>812.6376953125</t>
  </si>
  <si>
    <t>0.013114451589981257</t>
  </si>
  <si>
    <t>1.5319894552230835</t>
  </si>
  <si>
    <t>704.9761962890625</t>
  </si>
  <si>
    <t>-0.055300959764082336</t>
  </si>
  <si>
    <t>1.5956710577011108</t>
  </si>
  <si>
    <t>931.68115234375</t>
  </si>
  <si>
    <t>0.0626552043066031</t>
  </si>
  <si>
    <t>22406</t>
  </si>
  <si>
    <t>1.082159161567688</t>
  </si>
  <si>
    <t>968.8881225585938</t>
  </si>
  <si>
    <t>0.09698524077734305</t>
  </si>
  <si>
    <t>26000</t>
  </si>
  <si>
    <t>0.8828039765357971</t>
  </si>
  <si>
    <t>730.2452392578125</t>
  </si>
  <si>
    <t>0.14876775788495067</t>
  </si>
  <si>
    <t>1.3843549489974976</t>
  </si>
  <si>
    <t>1037.9991455078125</t>
  </si>
  <si>
    <t>-0.13458689452566475</t>
  </si>
  <si>
    <t>26965</t>
  </si>
  <si>
    <t>1.3902567625045776</t>
  </si>
  <si>
    <t>692.5942993164062</t>
  </si>
  <si>
    <t>0.17103008529337416</t>
  </si>
  <si>
    <t>32863</t>
  </si>
  <si>
    <t>2.001847982406616</t>
  </si>
  <si>
    <t>880.9373168945312</t>
  </si>
  <si>
    <t>0.19780767606167515</t>
  </si>
  <si>
    <t>1.5202831029891968</t>
  </si>
  <si>
    <t>790.1929321289062</t>
  </si>
  <si>
    <t>0.1027706694485957</t>
  </si>
  <si>
    <t>1.6293519735336304</t>
  </si>
  <si>
    <t>800.0756225585938</t>
  </si>
  <si>
    <t>0.19218035865524996</t>
  </si>
  <si>
    <t>67392</t>
  </si>
  <si>
    <t>1.4834885597229004</t>
  </si>
  <si>
    <t>715.847900390625</t>
  </si>
  <si>
    <t>0.4232278835567982</t>
  </si>
  <si>
    <t>68802</t>
  </si>
  <si>
    <t>2.216749906539917</t>
  </si>
  <si>
    <t>733.9209594726562</t>
  </si>
  <si>
    <t>0.020706497772712495</t>
  </si>
  <si>
    <t>79532</t>
  </si>
  <si>
    <t>1.6136798858642578</t>
  </si>
  <si>
    <t>914.328369140625</t>
  </si>
  <si>
    <t>0.14492664211161177</t>
  </si>
  <si>
    <t>88535</t>
  </si>
  <si>
    <t>1.9546823501586914</t>
  </si>
  <si>
    <t>920.9126586914062</t>
  </si>
  <si>
    <t>0.10723849766234572</t>
  </si>
  <si>
    <t>94974</t>
  </si>
  <si>
    <t>1.8989167213439941</t>
  </si>
  <si>
    <t>896.0775146484375</t>
  </si>
  <si>
    <t>0.07020521587347694</t>
  </si>
  <si>
    <t>96335</t>
  </si>
  <si>
    <t>1.3367505073547363</t>
  </si>
  <si>
    <t>895.5162963867188</t>
  </si>
  <si>
    <t>0.014228530401066308</t>
  </si>
  <si>
    <t>95416</t>
  </si>
  <si>
    <t>1.9304777383804321</t>
  </si>
  <si>
    <t>965.2576904296875</t>
  </si>
  <si>
    <t>-0.009585421056355514</t>
  </si>
  <si>
    <t>103647</t>
  </si>
  <si>
    <t>2.089005708694458</t>
  </si>
  <si>
    <t>948.6076049804688</t>
  </si>
  <si>
    <t>0.08274461562649016</t>
  </si>
  <si>
    <t>96110</t>
  </si>
  <si>
    <t>2.161202907562256</t>
  </si>
  <si>
    <t>946.7947387695312</t>
  </si>
  <si>
    <t>-0.07549752606766447</t>
  </si>
  <si>
    <t>81754</t>
  </si>
  <si>
    <t>1.277539849281311</t>
  </si>
  <si>
    <t>946.8157958984375</t>
  </si>
  <si>
    <t>-0.16177863059123965</t>
  </si>
  <si>
    <t>78858</t>
  </si>
  <si>
    <t>1.6195091009140015</t>
  </si>
  <si>
    <t>787.6591796875</t>
  </si>
  <si>
    <t>-0.03606597151602742</t>
  </si>
  <si>
    <t>107390</t>
  </si>
  <si>
    <t>1.76325523853302</t>
  </si>
  <si>
    <t>756.2353515625</t>
  </si>
  <si>
    <t>0.30881830114219966</t>
  </si>
  <si>
    <t>99559</t>
  </si>
  <si>
    <t>1.838173747062683</t>
  </si>
  <si>
    <t>648.2022094726562</t>
  </si>
  <si>
    <t>-0.07571663461563283</t>
  </si>
  <si>
    <t>96908</t>
  </si>
  <si>
    <t>1.7995094060897827</t>
  </si>
  <si>
    <t>883.6178588867188</t>
  </si>
  <si>
    <t>-0.02698835842608105</t>
  </si>
  <si>
    <t>102126</t>
  </si>
  <si>
    <t>2.55314564704895</t>
  </si>
  <si>
    <t>905.4307861328125</t>
  </si>
  <si>
    <t>0.052445270225479845</t>
  </si>
  <si>
    <t>99780</t>
  </si>
  <si>
    <t>2.246533155441284</t>
  </si>
  <si>
    <t>840.806884765625</t>
  </si>
  <si>
    <t>-0.023239582621000565</t>
  </si>
  <si>
    <t>5.834666728973389</t>
  </si>
  <si>
    <t>766.5082397460938</t>
  </si>
  <si>
    <t>1985.64208984375</t>
  </si>
  <si>
    <t>Samara</t>
  </si>
  <si>
    <t>22077</t>
  </si>
  <si>
    <t>5.769947052001953</t>
  </si>
  <si>
    <t>458.34466552734375</t>
  </si>
  <si>
    <t>-0.05571797037758941</t>
  </si>
  <si>
    <t>4.919922828674316</t>
  </si>
  <si>
    <t>464.4509582519531</t>
  </si>
  <si>
    <t>-0.1590318946090683</t>
  </si>
  <si>
    <t>3.964916944503784</t>
  </si>
  <si>
    <t>666.8391723632812</t>
  </si>
  <si>
    <t>-0.09111845694414811</t>
  </si>
  <si>
    <t>15019</t>
  </si>
  <si>
    <t>3.9747440814971924</t>
  </si>
  <si>
    <t>541.313720703125</t>
  </si>
  <si>
    <t>-0.1350699248359124</t>
  </si>
  <si>
    <t>6.408180236816406</t>
  </si>
  <si>
    <t>435.7520446777344</t>
  </si>
  <si>
    <t>-0.043130069219932565</t>
  </si>
  <si>
    <t>4.477546215057373</t>
  </si>
  <si>
    <t>416.34478759765625</t>
  </si>
  <si>
    <t>-0.03927354736094024</t>
  </si>
  <si>
    <t>4.94192361831665</t>
  </si>
  <si>
    <t>591.6461181640625</t>
  </si>
  <si>
    <t>0.013073020545510516</t>
  </si>
  <si>
    <t>5.116519927978516</t>
  </si>
  <si>
    <t>494.1978759765625</t>
  </si>
  <si>
    <t>-0.05530890305549896</t>
  </si>
  <si>
    <t>5.936447620391846</t>
  </si>
  <si>
    <t>574.6512451171875</t>
  </si>
  <si>
    <t>0.06263233868044082</t>
  </si>
  <si>
    <t>6.221296310424805</t>
  </si>
  <si>
    <t>620.7570190429688</t>
  </si>
  <si>
    <t>0.09707322453657774</t>
  </si>
  <si>
    <t>16914</t>
  </si>
  <si>
    <t>5.618377208709717</t>
  </si>
  <si>
    <t>596.6365966796875</t>
  </si>
  <si>
    <t>0.08375955101042898</t>
  </si>
  <si>
    <t>16816</t>
  </si>
  <si>
    <t>5.236240863800049</t>
  </si>
  <si>
    <t>534.6528930664062</t>
  </si>
  <si>
    <t>-0.00581086722543489</t>
  </si>
  <si>
    <t>18334</t>
  </si>
  <si>
    <t>5.371984958648682</t>
  </si>
  <si>
    <t>514.9203491210938</t>
  </si>
  <si>
    <t>0.08642644540498878</t>
  </si>
  <si>
    <t>19367</t>
  </si>
  <si>
    <t>6.163210391998291</t>
  </si>
  <si>
    <t>616.8489379882812</t>
  </si>
  <si>
    <t>0.05481332720601095</t>
  </si>
  <si>
    <t>5.197443008422852</t>
  </si>
  <si>
    <t>425.2845458984375</t>
  </si>
  <si>
    <t>0.01709880913135109</t>
  </si>
  <si>
    <t>6.360935688018799</t>
  </si>
  <si>
    <t>614.544677734375</t>
  </si>
  <si>
    <t>0.05370650126925014</t>
  </si>
  <si>
    <t>21855</t>
  </si>
  <si>
    <t>5.2536749839782715</t>
  </si>
  <si>
    <t>543.807861328125</t>
  </si>
  <si>
    <t>0.05005383116908213</t>
  </si>
  <si>
    <t>6.7101616859436035</t>
  </si>
  <si>
    <t>502.3831481933594</t>
  </si>
  <si>
    <t>0.03824351867986131</t>
  </si>
  <si>
    <t>5.002859115600586</t>
  </si>
  <si>
    <t>435.9415283203125</t>
  </si>
  <si>
    <t>-0.20555137402305945</t>
  </si>
  <si>
    <t>19584</t>
  </si>
  <si>
    <t>6.403314113616943</t>
  </si>
  <si>
    <t>424.33074951171875</t>
  </si>
  <si>
    <t>0.057591033357836</t>
  </si>
  <si>
    <t>5.146759510040283</t>
  </si>
  <si>
    <t>555.0884399414062</t>
  </si>
  <si>
    <t>0.03920303765770328</t>
  </si>
  <si>
    <t>5.92279052734375</t>
  </si>
  <si>
    <t>519.6049194335938</t>
  </si>
  <si>
    <t>0.06071992716183772</t>
  </si>
  <si>
    <t>6.382610321044922</t>
  </si>
  <si>
    <t>555.1396484375</t>
  </si>
  <si>
    <t>0.05300147328447302</t>
  </si>
  <si>
    <t>5.652262210845947</t>
  </si>
  <si>
    <t>430.3088684082031</t>
  </si>
  <si>
    <t>-0.0042597170442686405</t>
  </si>
  <si>
    <t>6.2967987060546875</t>
  </si>
  <si>
    <t>584.4549560546875</t>
  </si>
  <si>
    <t>-0.029384984668149983</t>
  </si>
  <si>
    <t>6.304349422454834</t>
  </si>
  <si>
    <t>561.660400390625</t>
  </si>
  <si>
    <t>-0.04509882105328877</t>
  </si>
  <si>
    <t>5.914173126220703</t>
  </si>
  <si>
    <t>546.2935791015625</t>
  </si>
  <si>
    <t>-4.741246474537775e-05</t>
  </si>
  <si>
    <t>21752</t>
  </si>
  <si>
    <t>5.302492618560791</t>
  </si>
  <si>
    <t>450.8563537597656</t>
  </si>
  <si>
    <t>0.030859298126692636</t>
  </si>
  <si>
    <t>7.0343241691589355</t>
  </si>
  <si>
    <t>499.5826416015625</t>
  </si>
  <si>
    <t>0.011427650987073434</t>
  </si>
  <si>
    <t>6.775240421295166</t>
  </si>
  <si>
    <t>459.2701416015625</t>
  </si>
  <si>
    <t>-0.026995052099191952</t>
  </si>
  <si>
    <t>6.314242839813232</t>
  </si>
  <si>
    <t>495.0542907714844</t>
  </si>
  <si>
    <t>0.05248328461139273</t>
  </si>
  <si>
    <t>6.138599872589111</t>
  </si>
  <si>
    <t>607.1773071289062</t>
  </si>
  <si>
    <t>-0.023263638491012983</t>
  </si>
  <si>
    <t>12727</t>
  </si>
  <si>
    <t>7.25065279006958</t>
  </si>
  <si>
    <t>649.2355346679688</t>
  </si>
  <si>
    <t>1519.02587890625</t>
  </si>
  <si>
    <t>Saratov</t>
  </si>
  <si>
    <t>6.930047512054443</t>
  </si>
  <si>
    <t>354.480224609375</t>
  </si>
  <si>
    <t>-0.05565740788433082</t>
  </si>
  <si>
    <t>6.104470729827881</t>
  </si>
  <si>
    <t>439.7762451171875</t>
  </si>
  <si>
    <t>-0.15903605011668454</t>
  </si>
  <si>
    <t>5.139376640319824</t>
  </si>
  <si>
    <t>562.197021484375</t>
  </si>
  <si>
    <t>-0.09119904724454564</t>
  </si>
  <si>
    <t>5.218331813812256</t>
  </si>
  <si>
    <t>436.45281982421875</t>
  </si>
  <si>
    <t>-0.13491931789937084</t>
  </si>
  <si>
    <t>7.591293811798096</t>
  </si>
  <si>
    <t>427.139404296875</t>
  </si>
  <si>
    <t>-0.04316498953087766</t>
  </si>
  <si>
    <t>5.7899603843688965</t>
  </si>
  <si>
    <t>360.37457275390625</t>
  </si>
  <si>
    <t>-0.039261509497935165</t>
  </si>
  <si>
    <t>7641</t>
  </si>
  <si>
    <t>6.182993412017822</t>
  </si>
  <si>
    <t>488.6271667480469</t>
  </si>
  <si>
    <t>0.013041085829264887</t>
  </si>
  <si>
    <t>7230</t>
  </si>
  <si>
    <t>6.756669998168945</t>
  </si>
  <si>
    <t>439.74163818359375</t>
  </si>
  <si>
    <t>-0.055289448494756144</t>
  </si>
  <si>
    <t>7.388452053070068</t>
  </si>
  <si>
    <t>485.17626953125</t>
  </si>
  <si>
    <t>0.06259160638150618</t>
  </si>
  <si>
    <t>7.624691009521484</t>
  </si>
  <si>
    <t>565.802490234375</t>
  </si>
  <si>
    <t>0.09699772482738389</t>
  </si>
  <si>
    <t>9537</t>
  </si>
  <si>
    <t>7.141388416290283</t>
  </si>
  <si>
    <t>583.4647216796875</t>
  </si>
  <si>
    <t>0.11735060321721136</t>
  </si>
  <si>
    <t>6.836807727813721</t>
  </si>
  <si>
    <t>472.19024658203125</t>
  </si>
  <si>
    <t>0.009704255213259572</t>
  </si>
  <si>
    <t>6.44300651550293</t>
  </si>
  <si>
    <t>475.54217529296875</t>
  </si>
  <si>
    <t>0.08133590420407266</t>
  </si>
  <si>
    <t>7.657006740570068</t>
  </si>
  <si>
    <t>543.8489990234375</t>
  </si>
  <si>
    <t>0.05412768076243424</t>
  </si>
  <si>
    <t>6.576658725738525</t>
  </si>
  <si>
    <t>409.2953186035156</t>
  </si>
  <si>
    <t>-0.06027327337150368</t>
  </si>
  <si>
    <t>7.700120449066162</t>
  </si>
  <si>
    <t>541.7433471679688</t>
  </si>
  <si>
    <t>0.046484989365186635</t>
  </si>
  <si>
    <t>11867</t>
  </si>
  <si>
    <t>6.7456488609313965</t>
  </si>
  <si>
    <t>451.8834228515625</t>
  </si>
  <si>
    <t>0.08720291191277774</t>
  </si>
  <si>
    <t>13188</t>
  </si>
  <si>
    <t>7.70381498336792</t>
  </si>
  <si>
    <t>410.8838806152344</t>
  </si>
  <si>
    <t>0.10554588652648178</t>
  </si>
  <si>
    <t>6.792900562286377</t>
  </si>
  <si>
    <t>429.0455322265625</t>
  </si>
  <si>
    <t>-0.006618762037950532</t>
  </si>
  <si>
    <t>8.283198356628418</t>
  </si>
  <si>
    <t>413.50701904296875</t>
  </si>
  <si>
    <t>0.028815234200280315</t>
  </si>
  <si>
    <t>6.372333526611328</t>
  </si>
  <si>
    <t>480.9642333984375</t>
  </si>
  <si>
    <t>-0.0019300726056883377</t>
  </si>
  <si>
    <t>7.442060470581055</t>
  </si>
  <si>
    <t>480.88201904296875</t>
  </si>
  <si>
    <t>0.05077673953670825</t>
  </si>
  <si>
    <t>14714</t>
  </si>
  <si>
    <t>7.879579067230225</t>
  </si>
  <si>
    <t>527.676025390625</t>
  </si>
  <si>
    <t>0.03844895720723862</t>
  </si>
  <si>
    <t>7.145780086517334</t>
  </si>
  <si>
    <t>362.8083801269531</t>
  </si>
  <si>
    <t>-0.019836609115909454</t>
  </si>
  <si>
    <t>7.725770950317383</t>
  </si>
  <si>
    <t>492.2377014160156</t>
  </si>
  <si>
    <t>-0.02605575962415685</t>
  </si>
  <si>
    <t>7.731939792633057</t>
  </si>
  <si>
    <t>573.5744018554688</t>
  </si>
  <si>
    <t>-0.01961622087699766</t>
  </si>
  <si>
    <t>13532</t>
  </si>
  <si>
    <t>7.518459796905518</t>
  </si>
  <si>
    <t>501.8928527832031</t>
  </si>
  <si>
    <t>-0.01823358097454708</t>
  </si>
  <si>
    <t>13465</t>
  </si>
  <si>
    <t>7.038919448852539</t>
  </si>
  <si>
    <t>436.9089050292969</t>
  </si>
  <si>
    <t>-0.004963524654899132</t>
  </si>
  <si>
    <t>8.483778953552246</t>
  </si>
  <si>
    <t>396.4837951660156</t>
  </si>
  <si>
    <t>0.027830430359362168</t>
  </si>
  <si>
    <t>13477</t>
  </si>
  <si>
    <t>8.307921409606934</t>
  </si>
  <si>
    <t>412.3585205078125</t>
  </si>
  <si>
    <t>-0.02693962783590287</t>
  </si>
  <si>
    <t>7.960536479949951</t>
  </si>
  <si>
    <t>511.6682434082031</t>
  </si>
  <si>
    <t>0.05239827097287986</t>
  </si>
  <si>
    <t>7.761332035064697</t>
  </si>
  <si>
    <t>566.9478149414062</t>
  </si>
  <si>
    <t>-0.02322207065239823</t>
  </si>
  <si>
    <t>2289</t>
  </si>
  <si>
    <t>14084</t>
  </si>
  <si>
    <t>6.1041131019592285</t>
  </si>
  <si>
    <t>724.9152221679688</t>
  </si>
  <si>
    <t>594.245361328125</t>
  </si>
  <si>
    <t>Smolensk</t>
  </si>
  <si>
    <t>13321</t>
  </si>
  <si>
    <t>5.647556781768799</t>
  </si>
  <si>
    <t>652.5630493164062</t>
  </si>
  <si>
    <t>-0.05569766392348008</t>
  </si>
  <si>
    <t>11362</t>
  </si>
  <si>
    <t>5.608644485473633</t>
  </si>
  <si>
    <t>559.3494262695312</t>
  </si>
  <si>
    <t>-0.1590672832343909</t>
  </si>
  <si>
    <t>10372</t>
  </si>
  <si>
    <t>4.723851680755615</t>
  </si>
  <si>
    <t>668.074462890625</t>
  </si>
  <si>
    <t>-0.09116458645851644</t>
  </si>
  <si>
    <t>4.780896186828613</t>
  </si>
  <si>
    <t>583.2080688476562</t>
  </si>
  <si>
    <t>-0.13502002143147251</t>
  </si>
  <si>
    <t>8680</t>
  </si>
  <si>
    <t>5.385293960571289</t>
  </si>
  <si>
    <t>595.264404296875</t>
  </si>
  <si>
    <t>-0.043068317572686254</t>
  </si>
  <si>
    <t>4.618470191955566</t>
  </si>
  <si>
    <t>562.766357421875</t>
  </si>
  <si>
    <t>-0.039358971558460354</t>
  </si>
  <si>
    <t>5.125854015350342</t>
  </si>
  <si>
    <t>689.364013671875</t>
  </si>
  <si>
    <t>0.013095425236745228</t>
  </si>
  <si>
    <t>4.8743767738342285</t>
  </si>
  <si>
    <t>845.4137573242188</t>
  </si>
  <si>
    <t>-0.05531644067070829</t>
  </si>
  <si>
    <t>6.167882919311523</t>
  </si>
  <si>
    <t>579.7501220703125</t>
  </si>
  <si>
    <t>0.06274002982118532</t>
  </si>
  <si>
    <t>6.516965389251709</t>
  </si>
  <si>
    <t>683.6358642578125</t>
  </si>
  <si>
    <t>0.09693109853745163</t>
  </si>
  <si>
    <t>10298</t>
  </si>
  <si>
    <t>5.471126556396484</t>
  </si>
  <si>
    <t>636.6336059570312</t>
  </si>
  <si>
    <t>0.09283703158547674</t>
  </si>
  <si>
    <t>5.78203821182251</t>
  </si>
  <si>
    <t>518.2099609375</t>
  </si>
  <si>
    <t>0.026543023308391867</t>
  </si>
  <si>
    <t>5.271020889282227</t>
  </si>
  <si>
    <t>703.052490234375</t>
  </si>
  <si>
    <t>0.028065801837882987</t>
  </si>
  <si>
    <t>5.883218765258789</t>
  </si>
  <si>
    <t>669.6487426757812</t>
  </si>
  <si>
    <t>-0.04947539336861162</t>
  </si>
  <si>
    <t>5.027519702911377</t>
  </si>
  <si>
    <t>590.3228149414062</t>
  </si>
  <si>
    <t>-0.02732383665956739</t>
  </si>
  <si>
    <t>6.019339084625244</t>
  </si>
  <si>
    <t>669.9042358398438</t>
  </si>
  <si>
    <t>0.054297118340100425</t>
  </si>
  <si>
    <t>6.079193592071533</t>
  </si>
  <si>
    <t>577.3729248046875</t>
  </si>
  <si>
    <t>0.06683393806482307</t>
  </si>
  <si>
    <t>6.660926818847656</t>
  </si>
  <si>
    <t>712.3568725585938</t>
  </si>
  <si>
    <t>0.10739907320614428</t>
  </si>
  <si>
    <t>5.132784366607666</t>
  </si>
  <si>
    <t>779.9931640625</t>
  </si>
  <si>
    <t>0.012873019211951942</t>
  </si>
  <si>
    <t>6.186341762542725</t>
  </si>
  <si>
    <t>690.8489379882812</t>
  </si>
  <si>
    <t>0.10102262269574958</t>
  </si>
  <si>
    <t>14456</t>
  </si>
  <si>
    <t>5.9864935874938965</t>
  </si>
  <si>
    <t>617.0737915039062</t>
  </si>
  <si>
    <t>0.018924485029112148</t>
  </si>
  <si>
    <t>5.248973846435547</t>
  </si>
  <si>
    <t>793.1611328125</t>
  </si>
  <si>
    <t>0.05759258754314445</t>
  </si>
  <si>
    <t>16254</t>
  </si>
  <si>
    <t>6.286642074584961</t>
  </si>
  <si>
    <t>689.86328125</t>
  </si>
  <si>
    <t>0.05963689149794149</t>
  </si>
  <si>
    <t>6.731431484222412</t>
  </si>
  <si>
    <t>555.748779296875</t>
  </si>
  <si>
    <t>-0.05228463481920542</t>
  </si>
  <si>
    <t>6.581800937652588</t>
  </si>
  <si>
    <t>545.1441650390625</t>
  </si>
  <si>
    <t>-0.03181143475255155</t>
  </si>
  <si>
    <t>6.439291000366211</t>
  </si>
  <si>
    <t>745.4140014648438</t>
  </si>
  <si>
    <t>-0.019256701255597974</t>
  </si>
  <si>
    <t>6.315181255340576</t>
  </si>
  <si>
    <t>776.9854736328125</t>
  </si>
  <si>
    <t>0.010113780422923213</t>
  </si>
  <si>
    <t>5.939011096954346</t>
  </si>
  <si>
    <t>625.646728515625</t>
  </si>
  <si>
    <t>0.02052142467194784</t>
  </si>
  <si>
    <t>7.6029276847839355</t>
  </si>
  <si>
    <t>596.1478881835938</t>
  </si>
  <si>
    <t>0.0172514199350271</t>
  </si>
  <si>
    <t>14968</t>
  </si>
  <si>
    <t>7.045022487640381</t>
  </si>
  <si>
    <t>719.9378662109375</t>
  </si>
  <si>
    <t>-0.026958297561767708</t>
  </si>
  <si>
    <t>15774</t>
  </si>
  <si>
    <t>5.889955043792725</t>
  </si>
  <si>
    <t>731.9730224609375</t>
  </si>
  <si>
    <t>0.052448426004010784</t>
  </si>
  <si>
    <t>15411</t>
  </si>
  <si>
    <t>6.420909881591797</t>
  </si>
  <si>
    <t>748.2099609375</t>
  </si>
  <si>
    <t>-0.023281474822558934</t>
  </si>
  <si>
    <t>10.86327075958252</t>
  </si>
  <si>
    <t>501.0875244140625</t>
  </si>
  <si>
    <t>1145.67333984375</t>
  </si>
  <si>
    <t>Stavropol'</t>
  </si>
  <si>
    <t>10.206411361694336</t>
  </si>
  <si>
    <t>509.3062744140625</t>
  </si>
  <si>
    <t>-0.05562592225297891</t>
  </si>
  <si>
    <t>9.432489395141602</t>
  </si>
  <si>
    <t>657.248779296875</t>
  </si>
  <si>
    <t>-0.1591192035385003</t>
  </si>
  <si>
    <t>9.377713203430176</t>
  </si>
  <si>
    <t>503.5642395019531</t>
  </si>
  <si>
    <t>-0.0911372698818731</t>
  </si>
  <si>
    <t>9.93595027923584</t>
  </si>
  <si>
    <t>399.0761413574219</t>
  </si>
  <si>
    <t>-0.13496443445517947</t>
  </si>
  <si>
    <t>10.874049186706543</t>
  </si>
  <si>
    <t>603.1136474609375</t>
  </si>
  <si>
    <t>-0.043178578747054885</t>
  </si>
  <si>
    <t>10.230180740356445</t>
  </si>
  <si>
    <t>545.0552368164062</t>
  </si>
  <si>
    <t>-0.039275301451382916</t>
  </si>
  <si>
    <t>9.958389282226562</t>
  </si>
  <si>
    <t>588.5470581054688</t>
  </si>
  <si>
    <t>0.01300449192656572</t>
  </si>
  <si>
    <t>11.067841529846191</t>
  </si>
  <si>
    <t>453.38690185546875</t>
  </si>
  <si>
    <t>-0.05520076787787609</t>
  </si>
  <si>
    <t>6472</t>
  </si>
  <si>
    <t>10.990981101989746</t>
  </si>
  <si>
    <t>511.3847961425781</t>
  </si>
  <si>
    <t>0.06264497098960575</t>
  </si>
  <si>
    <t>11.05007553100586</t>
  </si>
  <si>
    <t>470.4529113769531</t>
  </si>
  <si>
    <t>0.09696629728997586</t>
  </si>
  <si>
    <t>10.944443702697754</t>
  </si>
  <si>
    <t>574.2904663085938</t>
  </si>
  <si>
    <t>0.06369677024611953</t>
  </si>
  <si>
    <t>10.871329307556152</t>
  </si>
  <si>
    <t>587.3265380859375</t>
  </si>
  <si>
    <t>10.10324764251709</t>
  </si>
  <si>
    <t>491.3733825683594</t>
  </si>
  <si>
    <t>0.09425933027099376</t>
  </si>
  <si>
    <t>11.142935752868652</t>
  </si>
  <si>
    <t>678.3543701171875</t>
  </si>
  <si>
    <t>-0.004331798613490534</t>
  </si>
  <si>
    <t>10.634334564208984</t>
  </si>
  <si>
    <t>541.0578002929688</t>
  </si>
  <si>
    <t>-0.008838664576254374</t>
  </si>
  <si>
    <t>9090</t>
  </si>
  <si>
    <t>11.38074779510498</t>
  </si>
  <si>
    <t>531.36962890625</t>
  </si>
  <si>
    <t>0.07324518122548085</t>
  </si>
  <si>
    <t>10.788143157958984</t>
  </si>
  <si>
    <t>439.8059387207031</t>
  </si>
  <si>
    <t>0.06670202066791475</t>
  </si>
  <si>
    <t>11.1140775680542</t>
  </si>
  <si>
    <t>536.1093139648438</t>
  </si>
  <si>
    <t>0.06860172779842166</t>
  </si>
  <si>
    <t>11.132061004638672</t>
  </si>
  <si>
    <t>619.7760009765625</t>
  </si>
  <si>
    <t>-0.02038509727363369</t>
  </si>
  <si>
    <t>10774</t>
  </si>
  <si>
    <t>12.196885108947754</t>
  </si>
  <si>
    <t>508.8220520019531</t>
  </si>
  <si>
    <t>0.055042264876252744</t>
  </si>
  <si>
    <t>10.205652236938477</t>
  </si>
  <si>
    <t>578.63525390625</t>
  </si>
  <si>
    <t>0.03681173658916492</t>
  </si>
  <si>
    <t>11486</t>
  </si>
  <si>
    <t>11.449906349182129</t>
  </si>
  <si>
    <t>454.1138000488281</t>
  </si>
  <si>
    <t>0.027181341594598507</t>
  </si>
  <si>
    <t>11.29472827911377</t>
  </si>
  <si>
    <t>585.720947265625</t>
  </si>
  <si>
    <t>0.04693941068347307</t>
  </si>
  <si>
    <t>11.34753131866455</t>
  </si>
  <si>
    <t>476.54541015625</t>
  </si>
  <si>
    <t>0.019985039502667945</t>
  </si>
  <si>
    <t>12418</t>
  </si>
  <si>
    <t>11.592402458190918</t>
  </si>
  <si>
    <t>503.6320495605469</t>
  </si>
  <si>
    <t>0.011093680314454346</t>
  </si>
  <si>
    <t>12205</t>
  </si>
  <si>
    <t>11.140572547912598</t>
  </si>
  <si>
    <t>570.4512329101562</t>
  </si>
  <si>
    <t>-0.01730132909777815</t>
  </si>
  <si>
    <t>11.434391975402832</t>
  </si>
  <si>
    <t>540.9678955078125</t>
  </si>
  <si>
    <t>-0.02808426516192064</t>
  </si>
  <si>
    <t>11.844970703125</t>
  </si>
  <si>
    <t>454.2565612792969</t>
  </si>
  <si>
    <t>0.007471805738688886</t>
  </si>
  <si>
    <t>12251</t>
  </si>
  <si>
    <t>12.008345603942871</t>
  </si>
  <si>
    <t>466.8219909667969</t>
  </si>
  <si>
    <t>0.024374321890341832</t>
  </si>
  <si>
    <t>12.071113586425781</t>
  </si>
  <si>
    <t>421.5255126953125</t>
  </si>
  <si>
    <t>-0.02697052953762835</t>
  </si>
  <si>
    <t>12567</t>
  </si>
  <si>
    <t>11.629932403564453</t>
  </si>
  <si>
    <t>605.4527587890625</t>
  </si>
  <si>
    <t>0.05243729385860263</t>
  </si>
  <si>
    <t>11.81595516204834</t>
  </si>
  <si>
    <t>468.7171630859375</t>
  </si>
  <si>
    <t>-0.0232652876277033</t>
  </si>
  <si>
    <t>18679</t>
  </si>
  <si>
    <t>3.0382814407348633</t>
  </si>
  <si>
    <t>703.5266723632812</t>
  </si>
  <si>
    <t>2589.150146484375</t>
  </si>
  <si>
    <t>Sverdlovsk</t>
  </si>
  <si>
    <t>3.0079448223114014</t>
  </si>
  <si>
    <t>572.8727416992188</t>
  </si>
  <si>
    <t>-0.05570140554662295</t>
  </si>
  <si>
    <t>15070</t>
  </si>
  <si>
    <t>1.8300477266311646</t>
  </si>
  <si>
    <t>559.0201416015625</t>
  </si>
  <si>
    <t>-0.15899247999213806</t>
  </si>
  <si>
    <t>1.399953842163086</t>
  </si>
  <si>
    <t>625.5203857421875</t>
  </si>
  <si>
    <t>-0.0912309200683854</t>
  </si>
  <si>
    <t>1.603319525718689</t>
  </si>
  <si>
    <t>610.7632446289062</t>
  </si>
  <si>
    <t>-0.13498636159936694</t>
  </si>
  <si>
    <t>3.941911458969116</t>
  </si>
  <si>
    <t>503.4950256347656</t>
  </si>
  <si>
    <t>-0.043098761385586215</t>
  </si>
  <si>
    <t>1.4217877388000488</t>
  </si>
  <si>
    <t>483.1769714355469</t>
  </si>
  <si>
    <t>-0.039331907660386634</t>
  </si>
  <si>
    <t>2.4658639430999756</t>
  </si>
  <si>
    <t>636.6364135742188</t>
  </si>
  <si>
    <t>0.013104935776802051</t>
  </si>
  <si>
    <t>10611</t>
  </si>
  <si>
    <t>2.137760639190674</t>
  </si>
  <si>
    <t>622.423583984375</t>
  </si>
  <si>
    <t>-0.055271798810027306</t>
  </si>
  <si>
    <t>11297</t>
  </si>
  <si>
    <t>2.4948246479034424</t>
  </si>
  <si>
    <t>584.0623779296875</t>
  </si>
  <si>
    <t>0.06264600485333816</t>
  </si>
  <si>
    <t>2.8755791187286377</t>
  </si>
  <si>
    <t>640.460205078125</t>
  </si>
  <si>
    <t>0.09694242627404748</t>
  </si>
  <si>
    <t>2.6958768367767334</t>
  </si>
  <si>
    <t>604.7733764648438</t>
  </si>
  <si>
    <t>0.08357762089962151</t>
  </si>
  <si>
    <t>2.39707350730896</t>
  </si>
  <si>
    <t>614.48486328125</t>
  </si>
  <si>
    <t>0.020770089925916224</t>
  </si>
  <si>
    <t>14753</t>
  </si>
  <si>
    <t>3.4029273986816406</t>
  </si>
  <si>
    <t>494.0920104980469</t>
  </si>
  <si>
    <t>0.06561911109105267</t>
  </si>
  <si>
    <t>15771</t>
  </si>
  <si>
    <t>2.8441598415374756</t>
  </si>
  <si>
    <t>583.7650756835938</t>
  </si>
  <si>
    <t>0.06672635856999065</t>
  </si>
  <si>
    <t>2.647634267807007</t>
  </si>
  <si>
    <t>505.1325378417969</t>
  </si>
  <si>
    <t>0.08615500888933703</t>
  </si>
  <si>
    <t>20693</t>
  </si>
  <si>
    <t>3.417623281478882</t>
  </si>
  <si>
    <t>635.2388916015625</t>
  </si>
  <si>
    <t>0.18546765943493426</t>
  </si>
  <si>
    <t>22845</t>
  </si>
  <si>
    <t>2.6731674671173096</t>
  </si>
  <si>
    <t>543.627197265625</t>
  </si>
  <si>
    <t>0.09893679618554252</t>
  </si>
  <si>
    <t>3.9875032901763916</t>
  </si>
  <si>
    <t>567.0082397460938</t>
  </si>
  <si>
    <t>-0.020743319115576142</t>
  </si>
  <si>
    <t>1.5824689865112305</t>
  </si>
  <si>
    <t>529.2507934570312</t>
  </si>
  <si>
    <t>-0.1366006057351843</t>
  </si>
  <si>
    <t>22035</t>
  </si>
  <si>
    <t>2.61297607421875</t>
  </si>
  <si>
    <t>428.36676025390625</t>
  </si>
  <si>
    <t>0.12124374812947636</t>
  </si>
  <si>
    <t>23553</t>
  </si>
  <si>
    <t>2.5021207332611084</t>
  </si>
  <si>
    <t>521.6913452148438</t>
  </si>
  <si>
    <t>0.0666211025902772</t>
  </si>
  <si>
    <t>3.060098886489868</t>
  </si>
  <si>
    <t>518.5391845703125</t>
  </si>
  <si>
    <t>0.08142325394282501</t>
  </si>
  <si>
    <t>25395</t>
  </si>
  <si>
    <t>3.3322794437408447</t>
  </si>
  <si>
    <t>538.0415649414062</t>
  </si>
  <si>
    <t>-0.006124150573844744</t>
  </si>
  <si>
    <t>24380</t>
  </si>
  <si>
    <t>2.234473466873169</t>
  </si>
  <si>
    <t>582.3585815429688</t>
  </si>
  <si>
    <t>-0.0407891802000826</t>
  </si>
  <si>
    <t>23575</t>
  </si>
  <si>
    <t>3.1516082286834717</t>
  </si>
  <si>
    <t>661.7701416015625</t>
  </si>
  <si>
    <t>-0.03357629553360475</t>
  </si>
  <si>
    <t>3.177988052368164</t>
  </si>
  <si>
    <t>523.19775390625</t>
  </si>
  <si>
    <t>0.0371793128607969</t>
  </si>
  <si>
    <t>24744</t>
  </si>
  <si>
    <t>3.156895637512207</t>
  </si>
  <si>
    <t>581.165283203125</t>
  </si>
  <si>
    <t>0.011216894002451738</t>
  </si>
  <si>
    <t>2.2678754329681396</t>
  </si>
  <si>
    <t>511.3538818359375</t>
  </si>
  <si>
    <t>-0.033282993231445346</t>
  </si>
  <si>
    <t>24320</t>
  </si>
  <si>
    <t>3.678346872329712</t>
  </si>
  <si>
    <t>608.1141357421875</t>
  </si>
  <si>
    <t>0.01599901494664202</t>
  </si>
  <si>
    <t>23673</t>
  </si>
  <si>
    <t>4.103542327880859</t>
  </si>
  <si>
    <t>522.498779296875</t>
  </si>
  <si>
    <t>-0.026963898890958404</t>
  </si>
  <si>
    <t>3.3055531978607178</t>
  </si>
  <si>
    <t>455.2302551269531</t>
  </si>
  <si>
    <t>0.05241841628009247</t>
  </si>
  <si>
    <t>24374</t>
  </si>
  <si>
    <t>3.312917470932007</t>
  </si>
  <si>
    <t>467.55145263671875</t>
  </si>
  <si>
    <t>-0.023236584085790213</t>
  </si>
  <si>
    <t>6.674655437469482</t>
  </si>
  <si>
    <t>681.0369873046875</t>
  </si>
  <si>
    <t>647.74755859375</t>
  </si>
  <si>
    <t>Tambov</t>
  </si>
  <si>
    <t>6.198183059692383</t>
  </si>
  <si>
    <t>437.62109375</t>
  </si>
  <si>
    <t>-0.05571210294619178</t>
  </si>
  <si>
    <t>5.685720920562744</t>
  </si>
  <si>
    <t>521.3494262695312</t>
  </si>
  <si>
    <t>-0.1589704552721205</t>
  </si>
  <si>
    <t>4.802745819091797</t>
  </si>
  <si>
    <t>600.2472534179688</t>
  </si>
  <si>
    <t>-0.09126000906368326</t>
  </si>
  <si>
    <t>4.906257152557373</t>
  </si>
  <si>
    <t>494.77459716796875</t>
  </si>
  <si>
    <t>-0.1349438747387044</t>
  </si>
  <si>
    <t>6.585437774658203</t>
  </si>
  <si>
    <t>554.7108154296875</t>
  </si>
  <si>
    <t>-0.04317435991734975</t>
  </si>
  <si>
    <t>5.217516899108887</t>
  </si>
  <si>
    <t>408.04693603515625</t>
  </si>
  <si>
    <t>-0.03928907031325579</t>
  </si>
  <si>
    <t>5.4586358070373535</t>
  </si>
  <si>
    <t>521.7737426757812</t>
  </si>
  <si>
    <t>0.013002831887606092</t>
  </si>
  <si>
    <t>5.9673919677734375</t>
  </si>
  <si>
    <t>585.4888916015625</t>
  </si>
  <si>
    <t>-0.05524636736832278</t>
  </si>
  <si>
    <t>6.703684329986572</t>
  </si>
  <si>
    <t>520.84326171875</t>
  </si>
  <si>
    <t>0.06271442464005617</t>
  </si>
  <si>
    <t>6.995290279388428</t>
  </si>
  <si>
    <t>585.3721313476562</t>
  </si>
  <si>
    <t>0.09693506242976468</t>
  </si>
  <si>
    <t>7922</t>
  </si>
  <si>
    <t>6.219427108764648</t>
  </si>
  <si>
    <t>611.6453247070312</t>
  </si>
  <si>
    <t>0.12946422485339681</t>
  </si>
  <si>
    <t>6.353374481201172</t>
  </si>
  <si>
    <t>543.087646484375</t>
  </si>
  <si>
    <t>0.09252924007757635</t>
  </si>
  <si>
    <t>5.655527591705322</t>
  </si>
  <si>
    <t>561.7073974609375</t>
  </si>
  <si>
    <t>0.06471830934754408</t>
  </si>
  <si>
    <t>6.743027210235596</t>
  </si>
  <si>
    <t>644.2733764648438</t>
  </si>
  <si>
    <t>0.011795118518968195</t>
  </si>
  <si>
    <t>5.840696334838867</t>
  </si>
  <si>
    <t>576.4625854492188</t>
  </si>
  <si>
    <t>-0.06529921262144889</t>
  </si>
  <si>
    <t>6.8091888427734375</t>
  </si>
  <si>
    <t>636.0502319335938</t>
  </si>
  <si>
    <t>0.09646811384876308</t>
  </si>
  <si>
    <t>6.47300386428833</t>
  </si>
  <si>
    <t>503.24658203125</t>
  </si>
  <si>
    <t>0.16209002992862587</t>
  </si>
  <si>
    <t>7.193675518035889</t>
  </si>
  <si>
    <t>490.68951416015625</t>
  </si>
  <si>
    <t>-0.001406840995246128</t>
  </si>
  <si>
    <t>6.100614070892334</t>
  </si>
  <si>
    <t>480.8091735839844</t>
  </si>
  <si>
    <t>0.10268205276204334</t>
  </si>
  <si>
    <t>11909</t>
  </si>
  <si>
    <t>7.426319122314453</t>
  </si>
  <si>
    <t>502.24041748046875</t>
  </si>
  <si>
    <t>-0.05592609328069109</t>
  </si>
  <si>
    <t>6.1257781982421875</t>
  </si>
  <si>
    <t>495.3557434082031</t>
  </si>
  <si>
    <t>0.05019268053725945</t>
  </si>
  <si>
    <t>6.762453079223633</t>
  </si>
  <si>
    <t>625.328369140625</t>
  </si>
  <si>
    <t>0.11006910616587184</t>
  </si>
  <si>
    <t>15407</t>
  </si>
  <si>
    <t>7.125483989715576</t>
  </si>
  <si>
    <t>624.9095458984375</t>
  </si>
  <si>
    <t>0.09726574811064737</t>
  </si>
  <si>
    <t>6.90840482711792</t>
  </si>
  <si>
    <t>388.02508544921875</t>
  </si>
  <si>
    <t>0.09986090043593876</t>
  </si>
  <si>
    <t>7.2135186195373535</t>
  </si>
  <si>
    <t>567.9891357421875</t>
  </si>
  <si>
    <t>-0.012649417984654576</t>
  </si>
  <si>
    <t>7.068174362182617</t>
  </si>
  <si>
    <t>662.1939086914062</t>
  </si>
  <si>
    <t>-0.10357096260140253</t>
  </si>
  <si>
    <t>14486</t>
  </si>
  <si>
    <t>7.077688217163086</t>
  </si>
  <si>
    <t>633.2000732421875</t>
  </si>
  <si>
    <t>-0.04527980567638501</t>
  </si>
  <si>
    <t>14663</t>
  </si>
  <si>
    <t>6.456331253051758</t>
  </si>
  <si>
    <t>514.7015991210938</t>
  </si>
  <si>
    <t>0.012144648221807941</t>
  </si>
  <si>
    <t>14527</t>
  </si>
  <si>
    <t>8.158754348754883</t>
  </si>
  <si>
    <t>476.5904235839844</t>
  </si>
  <si>
    <t>-0.009318327104196555</t>
  </si>
  <si>
    <t>14140</t>
  </si>
  <si>
    <t>7.758544445037842</t>
  </si>
  <si>
    <t>507.5969543457031</t>
  </si>
  <si>
    <t>-0.027001326422318783</t>
  </si>
  <si>
    <t>7.043702602386475</t>
  </si>
  <si>
    <t>556.1741333007812</t>
  </si>
  <si>
    <t>0.05248777166310781</t>
  </si>
  <si>
    <t>14560</t>
  </si>
  <si>
    <t>7.1786980628967285</t>
  </si>
  <si>
    <t>665.5263061523438</t>
  </si>
  <si>
    <t>-0.02321738936299589</t>
  </si>
  <si>
    <t>4.7559356689453125</t>
  </si>
  <si>
    <t>705.0759887695312</t>
  </si>
  <si>
    <t>2225.7255859375</t>
  </si>
  <si>
    <t>Tatarstan</t>
  </si>
  <si>
    <t>4.713160037994385</t>
  </si>
  <si>
    <t>544.0003051757812</t>
  </si>
  <si>
    <t>-0.05568594995821741</t>
  </si>
  <si>
    <t>3.9544026851654053</t>
  </si>
  <si>
    <t>486.3753356933594</t>
  </si>
  <si>
    <t>-0.15900353998928907</t>
  </si>
  <si>
    <t>19757</t>
  </si>
  <si>
    <t>3.0258419513702393</t>
  </si>
  <si>
    <t>530.3602905273438</t>
  </si>
  <si>
    <t>-0.09117421760112343</t>
  </si>
  <si>
    <t>3.0009195804595947</t>
  </si>
  <si>
    <t>572.64013671875</t>
  </si>
  <si>
    <t>-0.13505823752671553</t>
  </si>
  <si>
    <t>16533</t>
  </si>
  <si>
    <t>5.395223140716553</t>
  </si>
  <si>
    <t>498.2216796875</t>
  </si>
  <si>
    <t>-0.04309123783534474</t>
  </si>
  <si>
    <t>15896</t>
  </si>
  <si>
    <t>3.3799121379852295</t>
  </si>
  <si>
    <t>398.1687927246094</t>
  </si>
  <si>
    <t>-0.03929087831969191</t>
  </si>
  <si>
    <t>3.9093177318573</t>
  </si>
  <si>
    <t>637.0189819335938</t>
  </si>
  <si>
    <t>0.013062277533645528</t>
  </si>
  <si>
    <t>15239</t>
  </si>
  <si>
    <t>3.8193981647491455</t>
  </si>
  <si>
    <t>600.8792724609375</t>
  </si>
  <si>
    <t>-0.05527185147543889</t>
  </si>
  <si>
    <t>4.662006855010986</t>
  </si>
  <si>
    <t>575.6419677734375</t>
  </si>
  <si>
    <t>0.06263369610105052</t>
  </si>
  <si>
    <t>17877</t>
  </si>
  <si>
    <t>5.071340560913086</t>
  </si>
  <si>
    <t>603.57470703125</t>
  </si>
  <si>
    <t>0.09702334302417803</t>
  </si>
  <si>
    <t>4.4019389152526855</t>
  </si>
  <si>
    <t>623.5499877929688</t>
  </si>
  <si>
    <t>-0.031479872136147335</t>
  </si>
  <si>
    <t>4.066272258758545</t>
  </si>
  <si>
    <t>569.19140625</t>
  </si>
  <si>
    <t>0.012163785295337348</t>
  </si>
  <si>
    <t>4.445459365844727</t>
  </si>
  <si>
    <t>505.1202087402344</t>
  </si>
  <si>
    <t>0.06255837545831788</t>
  </si>
  <si>
    <t>4.973610877990723</t>
  </si>
  <si>
    <t>582.9501342773438</t>
  </si>
  <si>
    <t>0.05983335658624789</t>
  </si>
  <si>
    <t>4.109858989715576</t>
  </si>
  <si>
    <t>496.5166931152344</t>
  </si>
  <si>
    <t>0.022945938893681017</t>
  </si>
  <si>
    <t>22137</t>
  </si>
  <si>
    <t>5.251661777496338</t>
  </si>
  <si>
    <t>669.4984741210938</t>
  </si>
  <si>
    <t>0.08771386221395083</t>
  </si>
  <si>
    <t>24219</t>
  </si>
  <si>
    <t>4.242481708526611</t>
  </si>
  <si>
    <t>595.4176025390625</t>
  </si>
  <si>
    <t>0.08988703233664985</t>
  </si>
  <si>
    <t>5.74915885925293</t>
  </si>
  <si>
    <t>577.1657104492188</t>
  </si>
  <si>
    <t>0.0590422103145567</t>
  </si>
  <si>
    <t>3.885923147201538</t>
  </si>
  <si>
    <t>430.6787109375</t>
  </si>
  <si>
    <t>-0.07301275062099499</t>
  </si>
  <si>
    <t>23968</t>
  </si>
  <si>
    <t>5.154388427734375</t>
  </si>
  <si>
    <t>427.9960632324219</t>
  </si>
  <si>
    <t>0.003552698560257639</t>
  </si>
  <si>
    <t>4.156253337860107</t>
  </si>
  <si>
    <t>569.8389892578125</t>
  </si>
  <si>
    <t>0.11941351107873821</t>
  </si>
  <si>
    <t>27964</t>
  </si>
  <si>
    <t>4.79132604598999</t>
  </si>
  <si>
    <t>591.46630859375</t>
  </si>
  <si>
    <t>0.03478485023619271</t>
  </si>
  <si>
    <t>5.342594146728516</t>
  </si>
  <si>
    <t>584.77685546875</t>
  </si>
  <si>
    <t>0.012579676213039903</t>
  </si>
  <si>
    <t>4.647303104400635</t>
  </si>
  <si>
    <t>507.57684326171875</t>
  </si>
  <si>
    <t>-0.031823884143225456</t>
  </si>
  <si>
    <t>5.235177040100098</t>
  </si>
  <si>
    <t>603.1162109375</t>
  </si>
  <si>
    <t>-0.0133215423495745</t>
  </si>
  <si>
    <t>26533</t>
  </si>
  <si>
    <t>5.150040149688721</t>
  </si>
  <si>
    <t>538.4397583007812</t>
  </si>
  <si>
    <t>-0.019962977080734134</t>
  </si>
  <si>
    <t>4.85271692276001</t>
  </si>
  <si>
    <t>608.4765014648438</t>
  </si>
  <si>
    <t>0.023466511855129824</t>
  </si>
  <si>
    <t>4.255809307098389</t>
  </si>
  <si>
    <t>465.5929260253906</t>
  </si>
  <si>
    <t>0.05566835072781018</t>
  </si>
  <si>
    <t>5.996395111083984</t>
  </si>
  <si>
    <t>581.7932739257812</t>
  </si>
  <si>
    <t>0.03436340846419306</t>
  </si>
  <si>
    <t>28930</t>
  </si>
  <si>
    <t>5.71217155456543</t>
  </si>
  <si>
    <t>518.3295288085938</t>
  </si>
  <si>
    <t>-0.027008393348333826</t>
  </si>
  <si>
    <t>5.205030918121338</t>
  </si>
  <si>
    <t>471.6902770996094</t>
  </si>
  <si>
    <t>0.05245404458351466</t>
  </si>
  <si>
    <t>5.081650257110596</t>
  </si>
  <si>
    <t>601.9234619140625</t>
  </si>
  <si>
    <t>-0.023227535723160386</t>
  </si>
  <si>
    <t>2.2216382026672363</t>
  </si>
  <si>
    <t>584.5650634765625</t>
  </si>
  <si>
    <t>637.1707763671875</t>
  </si>
  <si>
    <t>Tomsk</t>
  </si>
  <si>
    <t>1.3099311590194702</t>
  </si>
  <si>
    <t>522.0623168945312</t>
  </si>
  <si>
    <t>-0.05568028745328846</t>
  </si>
  <si>
    <t>16908</t>
  </si>
  <si>
    <t>0.7282256484031677</t>
  </si>
  <si>
    <t>571.3882446289062</t>
  </si>
  <si>
    <t>-0.15900554927997312</t>
  </si>
  <si>
    <t>15434</t>
  </si>
  <si>
    <t>0.7525296211242676</t>
  </si>
  <si>
    <t>555.4835205078125</t>
  </si>
  <si>
    <t>-0.09121401466913248</t>
  </si>
  <si>
    <t>0.8946096301078796</t>
  </si>
  <si>
    <t>505.9012756347656</t>
  </si>
  <si>
    <t>-0.13499491144371767</t>
  </si>
  <si>
    <t>2.069147825241089</t>
  </si>
  <si>
    <t>570.5746459960938</t>
  </si>
  <si>
    <t>-0.043111103695665065</t>
  </si>
  <si>
    <t>-0.12503306567668915</t>
  </si>
  <si>
    <t>703.7830810546875</t>
  </si>
  <si>
    <t>-0.03931981995332734</t>
  </si>
  <si>
    <t>1.2960312366485596</t>
  </si>
  <si>
    <t>520.9453735351562</t>
  </si>
  <si>
    <t>0.013120188205137495</t>
  </si>
  <si>
    <t>0.9162051677703857</t>
  </si>
  <si>
    <t>597.2573852539062</t>
  </si>
  <si>
    <t>-0.055308741209012524</t>
  </si>
  <si>
    <t>12674</t>
  </si>
  <si>
    <t>0.8985521793365479</t>
  </si>
  <si>
    <t>431.43756103515625</t>
  </si>
  <si>
    <t>0.06259417096249997</t>
  </si>
  <si>
    <t>13966</t>
  </si>
  <si>
    <t>0.35067322850227356</t>
  </si>
  <si>
    <t>623.5724487304688</t>
  </si>
  <si>
    <t>0.09707315352251733</t>
  </si>
  <si>
    <t>2.35710072517395</t>
  </si>
  <si>
    <t>662.729736328125</t>
  </si>
  <si>
    <t>0.17464261926416036</t>
  </si>
  <si>
    <t>19071</t>
  </si>
  <si>
    <t>1.631719946861267</t>
  </si>
  <si>
    <t>657.0494384765625</t>
  </si>
  <si>
    <t>0.13690043293437704</t>
  </si>
  <si>
    <t>1.3766835927963257</t>
  </si>
  <si>
    <t>443.906005859375</t>
  </si>
  <si>
    <t>0.12118555680222443</t>
  </si>
  <si>
    <t>1.55634605884552</t>
  </si>
  <si>
    <t>643.7125854492188</t>
  </si>
  <si>
    <t>0.12821605561626015</t>
  </si>
  <si>
    <t>24570</t>
  </si>
  <si>
    <t>0.7620638012886047</t>
  </si>
  <si>
    <t>531.0729370117188</t>
  </si>
  <si>
    <t>0.003955717492223343</t>
  </si>
  <si>
    <t>25351</t>
  </si>
  <si>
    <t>1.8772363662719727</t>
  </si>
  <si>
    <t>579.7345581054688</t>
  </si>
  <si>
    <t>0.031291990457818386</t>
  </si>
  <si>
    <t>1.518076777458191</t>
  </si>
  <si>
    <t>650.4761352539062</t>
  </si>
  <si>
    <t>-0.0059741824735297655</t>
  </si>
  <si>
    <t>2.2042675018310547</t>
  </si>
  <si>
    <t>616.1140747070312</t>
  </si>
  <si>
    <t>0.004078971261490594</t>
  </si>
  <si>
    <t>24197</t>
  </si>
  <si>
    <t>-0.8844634890556335</t>
  </si>
  <si>
    <t>610.0623168945312</t>
  </si>
  <si>
    <t>-0.04469430724291179</t>
  </si>
  <si>
    <t>-0.5939802527427673</t>
  </si>
  <si>
    <t>595.4251708984375</t>
  </si>
  <si>
    <t>0.020331640609596136</t>
  </si>
  <si>
    <t>1.7318477630615234</t>
  </si>
  <si>
    <t>551.1236572265625</t>
  </si>
  <si>
    <t>0.007704913164964466</t>
  </si>
  <si>
    <t>25976</t>
  </si>
  <si>
    <t>0.8294795155525208</t>
  </si>
  <si>
    <t>463.11907958984375</t>
  </si>
  <si>
    <t>0.04290782249002767</t>
  </si>
  <si>
    <t>1.9014660120010376</t>
  </si>
  <si>
    <t>708.9061889648438</t>
  </si>
  <si>
    <t>0.015091886726560588</t>
  </si>
  <si>
    <t>1.1486438512802124</t>
  </si>
  <si>
    <t>588.3547973632812</t>
  </si>
  <si>
    <t>-0.034174877735098974</t>
  </si>
  <si>
    <t>2.130704641342163</t>
  </si>
  <si>
    <t>651.952392578125</t>
  </si>
  <si>
    <t>-0.0378671074230148</t>
  </si>
  <si>
    <t>23706</t>
  </si>
  <si>
    <t>1.9401878118515015</t>
  </si>
  <si>
    <t>556.2381591796875</t>
  </si>
  <si>
    <t>-0.034494755711682146</t>
  </si>
  <si>
    <t>23678</t>
  </si>
  <si>
    <t>1.9479827880859375</t>
  </si>
  <si>
    <t>578.0429077148438</t>
  </si>
  <si>
    <t>-0.001181833667864396</t>
  </si>
  <si>
    <t>0.7952055335044861</t>
  </si>
  <si>
    <t>658.83642578125</t>
  </si>
  <si>
    <t>0.02354031905887588</t>
  </si>
  <si>
    <t>23949</t>
  </si>
  <si>
    <t>2.4053831100463867</t>
  </si>
  <si>
    <t>556.4286499023438</t>
  </si>
  <si>
    <t>-0.012160096716549162</t>
  </si>
  <si>
    <t>2.9247171878814697</t>
  </si>
  <si>
    <t>615.0452270507812</t>
  </si>
  <si>
    <t>-0.027001217161386037</t>
  </si>
  <si>
    <t>1.7990814447402954</t>
  </si>
  <si>
    <t>573.779296875</t>
  </si>
  <si>
    <t>0.052478726785775365</t>
  </si>
  <si>
    <t>24002</t>
  </si>
  <si>
    <t>1.6831570863723755</t>
  </si>
  <si>
    <t>591.8397827148438</t>
  </si>
  <si>
    <t>-0.023266918746911003</t>
  </si>
  <si>
    <t>6.272016525268555</t>
  </si>
  <si>
    <t>770.1199951171875</t>
  </si>
  <si>
    <t>975.0167846679688</t>
  </si>
  <si>
    <t>Tula</t>
  </si>
  <si>
    <t>5.8740153312683105</t>
  </si>
  <si>
    <t>629.041748046875</t>
  </si>
  <si>
    <t>-0.05574006190413883</t>
  </si>
  <si>
    <t>5.74073600769043</t>
  </si>
  <si>
    <t>603.3277587890625</t>
  </si>
  <si>
    <t>-0.15901246188606777</t>
  </si>
  <si>
    <t>4.981688976287842</t>
  </si>
  <si>
    <t>661.356201171875</t>
  </si>
  <si>
    <t>-0.09114092269112817</t>
  </si>
  <si>
    <t>4.894925117492676</t>
  </si>
  <si>
    <t>623.3838500976562</t>
  </si>
  <si>
    <t>-0.13506835691089236</t>
  </si>
  <si>
    <t>5.778985977172852</t>
  </si>
  <si>
    <t>603.994384765625</t>
  </si>
  <si>
    <t>-0.04310496102045569</t>
  </si>
  <si>
    <t>4.840257167816162</t>
  </si>
  <si>
    <t>533.1482543945312</t>
  </si>
  <si>
    <t>-0.03930391739772432</t>
  </si>
  <si>
    <t>5.257235050201416</t>
  </si>
  <si>
    <t>638.9791259765625</t>
  </si>
  <si>
    <t>0.013148103441857018</t>
  </si>
  <si>
    <t>5.0744404792785645</t>
  </si>
  <si>
    <t>790.4597778320312</t>
  </si>
  <si>
    <t>-0.05538685573456803</t>
  </si>
  <si>
    <t>6.223682403564453</t>
  </si>
  <si>
    <t>598.537109375</t>
  </si>
  <si>
    <t>0.06264505303486523</t>
  </si>
  <si>
    <t>6.495603561401367</t>
  </si>
  <si>
    <t>698.0174560546875</t>
  </si>
  <si>
    <t>0.09700903065744448</t>
  </si>
  <si>
    <t>9505</t>
  </si>
  <si>
    <t>5.648979663848877</t>
  </si>
  <si>
    <t>674.9061889648438</t>
  </si>
  <si>
    <t>0.07287052340452504</t>
  </si>
  <si>
    <t>10286</t>
  </si>
  <si>
    <t>5.790579319000244</t>
  </si>
  <si>
    <t>565.733154296875</t>
  </si>
  <si>
    <t>0.07896577141233152</t>
  </si>
  <si>
    <t>10058</t>
  </si>
  <si>
    <t>5.519559860229492</t>
  </si>
  <si>
    <t>687.0807495117188</t>
  </si>
  <si>
    <t>-0.022415409602951186</t>
  </si>
  <si>
    <t>10262</t>
  </si>
  <si>
    <t>6.116451263427734</t>
  </si>
  <si>
    <t>741.5187377929688</t>
  </si>
  <si>
    <t>0.020079414770000525</t>
  </si>
  <si>
    <t>5.250925540924072</t>
  </si>
  <si>
    <t>642.80419921875</t>
  </si>
  <si>
    <t>0.09821165557619871</t>
  </si>
  <si>
    <t>6.1052632331848145</t>
  </si>
  <si>
    <t>694.9212646484375</t>
  </si>
  <si>
    <t>0.07157470190289139</t>
  </si>
  <si>
    <t>13150</t>
  </si>
  <si>
    <t>6.200969696044922</t>
  </si>
  <si>
    <t>580.6527099609375</t>
  </si>
  <si>
    <t>0.07818764862491001</t>
  </si>
  <si>
    <t>15319</t>
  </si>
  <si>
    <t>6.926846981048584</t>
  </si>
  <si>
    <t>669.7315673828125</t>
  </si>
  <si>
    <t>0.15267212940678654</t>
  </si>
  <si>
    <t>13955</t>
  </si>
  <si>
    <t>5.239745616912842</t>
  </si>
  <si>
    <t>595.68603515625</t>
  </si>
  <si>
    <t>-0.09325602104227393</t>
  </si>
  <si>
    <t>6.417674541473389</t>
  </si>
  <si>
    <t>577.329833984375</t>
  </si>
  <si>
    <t>-0.009503995506065621</t>
  </si>
  <si>
    <t>14196</t>
  </si>
  <si>
    <t>6.150379180908203</t>
  </si>
  <si>
    <t>582.5210571289062</t>
  </si>
  <si>
    <t>0.026626363302030498</t>
  </si>
  <si>
    <t>15009</t>
  </si>
  <si>
    <t>5.395190715789795</t>
  </si>
  <si>
    <t>726.7379150390625</t>
  </si>
  <si>
    <t>0.05568978638992661</t>
  </si>
  <si>
    <t>6.4991068840026855</t>
  </si>
  <si>
    <t>725.5712890625</t>
  </si>
  <si>
    <t>0.059805169783997414</t>
  </si>
  <si>
    <t>17206</t>
  </si>
  <si>
    <t>6.8903727531433105</t>
  </si>
  <si>
    <t>453.0186767578125</t>
  </si>
  <si>
    <t>0.07680296924098151</t>
  </si>
  <si>
    <t>6.7237677574157715</t>
  </si>
  <si>
    <t>639.3531494140625</t>
  </si>
  <si>
    <t>0.02858892536471025</t>
  </si>
  <si>
    <t>6.618593215942383</t>
  </si>
  <si>
    <t>758.6505737304688</t>
  </si>
  <si>
    <t>0.036599593707764555</t>
  </si>
  <si>
    <t>6.42500114440918</t>
  </si>
  <si>
    <t>742.1884765625</t>
  </si>
  <si>
    <t>0.011423745683904585</t>
  </si>
  <si>
    <t>19151</t>
  </si>
  <si>
    <t>5.973575115203857</t>
  </si>
  <si>
    <t>569.8816528320312</t>
  </si>
  <si>
    <t>0.030484508628886076</t>
  </si>
  <si>
    <t>19196</t>
  </si>
  <si>
    <t>7.7403693199157715</t>
  </si>
  <si>
    <t>546.3812255859375</t>
  </si>
  <si>
    <t>0.0023469904115778206</t>
  </si>
  <si>
    <t>7.162891864776611</t>
  </si>
  <si>
    <t>684.679931640625</t>
  </si>
  <si>
    <t>-0.027034381356138226</t>
  </si>
  <si>
    <t>6.086893081665039</t>
  </si>
  <si>
    <t>674.0747680664062</t>
  </si>
  <si>
    <t>0.052494135923172536</t>
  </si>
  <si>
    <t>6.576721668243408</t>
  </si>
  <si>
    <t>747.757568359375</t>
  </si>
  <si>
    <t>-0.023274188832610676</t>
  </si>
  <si>
    <t>-2.1770224571228027</t>
  </si>
  <si>
    <t>615.508056640625</t>
  </si>
  <si>
    <t>165.5743408203125</t>
  </si>
  <si>
    <t>Tuva</t>
  </si>
  <si>
    <t>-3.0850021839141846</t>
  </si>
  <si>
    <t>742.9534912109375</t>
  </si>
  <si>
    <t>-0.05578369200457267</t>
  </si>
  <si>
    <t>5174</t>
  </si>
  <si>
    <t>-3.2644808292388916</t>
  </si>
  <si>
    <t>685.0591430664062</t>
  </si>
  <si>
    <t>-0.15905332550255302</t>
  </si>
  <si>
    <t>-3.080491304397583</t>
  </si>
  <si>
    <t>650.260009765625</t>
  </si>
  <si>
    <t>-0.09120189284985614</t>
  </si>
  <si>
    <t>-2.869527816772461</t>
  </si>
  <si>
    <t>800.4152221679688</t>
  </si>
  <si>
    <t>-0.13489344014353577</t>
  </si>
  <si>
    <t>3953</t>
  </si>
  <si>
    <t>-2.5815768241882324</t>
  </si>
  <si>
    <t>583.6439819335938</t>
  </si>
  <si>
    <t>-0.04307596645589662</t>
  </si>
  <si>
    <t>-3.4889509677886963</t>
  </si>
  <si>
    <t>659.6953125</t>
  </si>
  <si>
    <t>-0.03947371758220797</t>
  </si>
  <si>
    <t>3850</t>
  </si>
  <si>
    <t>-2.5319597721099854</t>
  </si>
  <si>
    <t>612.489013671875</t>
  </si>
  <si>
    <t>-2.0803263187408447</t>
  </si>
  <si>
    <t>664.9121704101562</t>
  </si>
  <si>
    <t>-0.05526563027326681</t>
  </si>
  <si>
    <t>-2.9311892986297607</t>
  </si>
  <si>
    <t>602.787841796875</t>
  </si>
  <si>
    <t>0.06276987043140281</t>
  </si>
  <si>
    <t>-3.4218928813934326</t>
  </si>
  <si>
    <t>732.8054809570312</t>
  </si>
  <si>
    <t>0.09697276843912661</t>
  </si>
  <si>
    <t>5219</t>
  </si>
  <si>
    <t>-1.7885109186172485</t>
  </si>
  <si>
    <t>654.3982543945312</t>
  </si>
  <si>
    <t>0.19975565576432075</t>
  </si>
  <si>
    <t>5931</t>
  </si>
  <si>
    <t>-2.0938570499420166</t>
  </si>
  <si>
    <t>621.1969604492188</t>
  </si>
  <si>
    <t>0.12788702019531328</t>
  </si>
  <si>
    <t>6146</t>
  </si>
  <si>
    <t>-2.8854525089263916</t>
  </si>
  <si>
    <t>778.156494140625</t>
  </si>
  <si>
    <t>0.03560863085170318</t>
  </si>
  <si>
    <t>-2.4526593685150146</t>
  </si>
  <si>
    <t>595.2492065429688</t>
  </si>
  <si>
    <t>0.0043834797034651984</t>
  </si>
  <si>
    <t>-3.4984524250030518</t>
  </si>
  <si>
    <t>641.5023193359375</t>
  </si>
  <si>
    <t>-0.015673790258540876</t>
  </si>
  <si>
    <t>-2.5075011253356934</t>
  </si>
  <si>
    <t>705.0341186523438</t>
  </si>
  <si>
    <t>0.12396213939065959</t>
  </si>
  <si>
    <t>-2.029972553253174</t>
  </si>
  <si>
    <t>560.7791748046875</t>
  </si>
  <si>
    <t>0.11274703631576166</t>
  </si>
  <si>
    <t>-2.0413100719451904</t>
  </si>
  <si>
    <t>646.1044311523438</t>
  </si>
  <si>
    <t>0.06266989322250716</t>
  </si>
  <si>
    <t>-3.998401641845703</t>
  </si>
  <si>
    <t>717.6331787109375</t>
  </si>
  <si>
    <t>0.08910319428180458</t>
  </si>
  <si>
    <t>-4.205602169036865</t>
  </si>
  <si>
    <t>735.3028564453125</t>
  </si>
  <si>
    <t>0.010875703690937044</t>
  </si>
  <si>
    <t>-2.7997348308563232</t>
  </si>
  <si>
    <t>584.6193237304688</t>
  </si>
  <si>
    <t>-0.06486234103766186</t>
  </si>
  <si>
    <t>-3.5863749980926514</t>
  </si>
  <si>
    <t>722.581298828125</t>
  </si>
  <si>
    <t>0.05231150154823361</t>
  </si>
  <si>
    <t>-2.2018814086914062</t>
  </si>
  <si>
    <t>792.3077392578125</t>
  </si>
  <si>
    <t>0.03654326623265014</t>
  </si>
  <si>
    <t>-2.2287447452545166</t>
  </si>
  <si>
    <t>594.2415771484375</t>
  </si>
  <si>
    <t>0.0054806434537759685</t>
  </si>
  <si>
    <t>-2.0951430797576904</t>
  </si>
  <si>
    <t>726.18896484375</t>
  </si>
  <si>
    <t>-0.10368293241143256</t>
  </si>
  <si>
    <t>-2.377716302871704</t>
  </si>
  <si>
    <t>855.00830078125</t>
  </si>
  <si>
    <t>0.05132301339434342</t>
  </si>
  <si>
    <t>-1.8662487268447876</t>
  </si>
  <si>
    <t>727.9942016601562</t>
  </si>
  <si>
    <t>0.0410433139008326</t>
  </si>
  <si>
    <t>-2.402449369430542</t>
  </si>
  <si>
    <t>747.9554443359375</t>
  </si>
  <si>
    <t>0.053291080704223504</t>
  </si>
  <si>
    <t>-1.8844184875488281</t>
  </si>
  <si>
    <t>828.1780395507812</t>
  </si>
  <si>
    <t>0.03513738553288803</t>
  </si>
  <si>
    <t>9810</t>
  </si>
  <si>
    <t>-1.8157764673233032</t>
  </si>
  <si>
    <t>795.2159423828125</t>
  </si>
  <si>
    <t>-0.02705177779546908</t>
  </si>
  <si>
    <t>10338</t>
  </si>
  <si>
    <t>-1.8332438468933105</t>
  </si>
  <si>
    <t>832.2015380859375</t>
  </si>
  <si>
    <t>0.052424153196575674</t>
  </si>
  <si>
    <t>-2.502061605453491</t>
  </si>
  <si>
    <t>478.6204833984375</t>
  </si>
  <si>
    <t>-0.0231919979267996</t>
  </si>
  <si>
    <t>12596</t>
  </si>
  <si>
    <t>5.534583568572998</t>
  </si>
  <si>
    <t>758.8411254882812</t>
  </si>
  <si>
    <t>999.7127075195312</t>
  </si>
  <si>
    <t>Tver'</t>
  </si>
  <si>
    <t>5.321115493774414</t>
  </si>
  <si>
    <t>666.1521606445312</t>
  </si>
  <si>
    <t>-0.05566512403228252</t>
  </si>
  <si>
    <t>5.140049457550049</t>
  </si>
  <si>
    <t>529.5502319335938</t>
  </si>
  <si>
    <t>-0.15905890603495543</t>
  </si>
  <si>
    <t>4.062281131744385</t>
  </si>
  <si>
    <t>616.0650024414062</t>
  </si>
  <si>
    <t>-0.09111705450040475</t>
  </si>
  <si>
    <t>4.1066484451293945</t>
  </si>
  <si>
    <t>602.367431640625</t>
  </si>
  <si>
    <t>-0.13505706348349555</t>
  </si>
  <si>
    <t>5.180598258972168</t>
  </si>
  <si>
    <t>539.4925537109375</t>
  </si>
  <si>
    <t>-0.04311229776409675</t>
  </si>
  <si>
    <t>7464</t>
  </si>
  <si>
    <t>4.223016262054443</t>
  </si>
  <si>
    <t>544.7261352539062</t>
  </si>
  <si>
    <t>-0.03927739387849982</t>
  </si>
  <si>
    <t>4.651068210601807</t>
  </si>
  <si>
    <t>605.1140747070312</t>
  </si>
  <si>
    <t>0.013044241923697797</t>
  </si>
  <si>
    <t>4.151049613952637</t>
  </si>
  <si>
    <t>777.8397827148438</t>
  </si>
  <si>
    <t>-0.055324292460326774</t>
  </si>
  <si>
    <t>5.583603382110596</t>
  </si>
  <si>
    <t>488.458740234375</t>
  </si>
  <si>
    <t>0.06270245504799732</t>
  </si>
  <si>
    <t>5.991811275482178</t>
  </si>
  <si>
    <t>647.5494384765625</t>
  </si>
  <si>
    <t>0.09700329685498765</t>
  </si>
  <si>
    <t>4.907959938049316</t>
  </si>
  <si>
    <t>614.7172241210938</t>
  </si>
  <si>
    <t>0.131429471052817</t>
  </si>
  <si>
    <t>4.955266952514648</t>
  </si>
  <si>
    <t>475.8645324707031</t>
  </si>
  <si>
    <t>0.04053364207635113</t>
  </si>
  <si>
    <t>4.986857891082764</t>
  </si>
  <si>
    <t>694.2916870117188</t>
  </si>
  <si>
    <t>0.09019952180441138</t>
  </si>
  <si>
    <t>5.421618938446045</t>
  </si>
  <si>
    <t>694.6884765625</t>
  </si>
  <si>
    <t>0.06854058468051605</t>
  </si>
  <si>
    <t>10762</t>
  </si>
  <si>
    <t>4.723485469818115</t>
  </si>
  <si>
    <t>551.7529296875</t>
  </si>
  <si>
    <t>-0.08219897345826688</t>
  </si>
  <si>
    <t>12442</t>
  </si>
  <si>
    <t>5.417454242706299</t>
  </si>
  <si>
    <t>634.700439453125</t>
  </si>
  <si>
    <t>0.14505643502559984</t>
  </si>
  <si>
    <t>5.593272686004639</t>
  </si>
  <si>
    <t>538.4177856445312</t>
  </si>
  <si>
    <t>0.08057426421956215</t>
  </si>
  <si>
    <t>6.222287654876709</t>
  </si>
  <si>
    <t>687.249755859375</t>
  </si>
  <si>
    <t>0.0766946114163769</t>
  </si>
  <si>
    <t>4.530686378479004</t>
  </si>
  <si>
    <t>680.5017700195312</t>
  </si>
  <si>
    <t>0.010180812884579282</t>
  </si>
  <si>
    <t>5.431522369384766</t>
  </si>
  <si>
    <t>637.761474609375</t>
  </si>
  <si>
    <t>-0.006547561244319766</t>
  </si>
  <si>
    <t>14873</t>
  </si>
  <si>
    <t>5.605966091156006</t>
  </si>
  <si>
    <t>612.27880859375</t>
  </si>
  <si>
    <t>0.01756751524143496</t>
  </si>
  <si>
    <t>4.620124816894531</t>
  </si>
  <si>
    <t>696.0256958007812</t>
  </si>
  <si>
    <t>-0.0006725854437039658</t>
  </si>
  <si>
    <t>15703</t>
  </si>
  <si>
    <t>5.810153484344482</t>
  </si>
  <si>
    <t>632.2701416015625</t>
  </si>
  <si>
    <t>0.05497687373605942</t>
  </si>
  <si>
    <t>6.245303630828857</t>
  </si>
  <si>
    <t>584.309814453125</t>
  </si>
  <si>
    <t>-0.030453298853807098</t>
  </si>
  <si>
    <t>6.007481098175049</t>
  </si>
  <si>
    <t>583.852783203125</t>
  </si>
  <si>
    <t>-0.07814609177084009</t>
  </si>
  <si>
    <t>5.997220993041992</t>
  </si>
  <si>
    <t>693.5247192382812</t>
  </si>
  <si>
    <t>0.04863127490646235</t>
  </si>
  <si>
    <t>5.662201404571533</t>
  </si>
  <si>
    <t>731.8131713867188</t>
  </si>
  <si>
    <t>0.005731061096476253</t>
  </si>
  <si>
    <t>5.3121185302734375</t>
  </si>
  <si>
    <t>613.8306274414062</t>
  </si>
  <si>
    <t>0.05665405109157717</t>
  </si>
  <si>
    <t>6.979120254516602</t>
  </si>
  <si>
    <t>644.0742797851562</t>
  </si>
  <si>
    <t>0.010301876541532806</t>
  </si>
  <si>
    <t>6.480406284332275</t>
  </si>
  <si>
    <t>670.31689453125</t>
  </si>
  <si>
    <t>-0.026957184355890007</t>
  </si>
  <si>
    <t>5.383006572723389</t>
  </si>
  <si>
    <t>703.76318359375</t>
  </si>
  <si>
    <t>0.05241016932006026</t>
  </si>
  <si>
    <t>15939</t>
  </si>
  <si>
    <t>5.923595905303955</t>
  </si>
  <si>
    <t>664.387939453125</t>
  </si>
  <si>
    <t>-0.023254698741471458</t>
  </si>
  <si>
    <t>96582</t>
  </si>
  <si>
    <t>2.440213441848755</t>
  </si>
  <si>
    <t>561.037109375</t>
  </si>
  <si>
    <t>797.7818603515625</t>
  </si>
  <si>
    <t>Tyumen'</t>
  </si>
  <si>
    <t>91350</t>
  </si>
  <si>
    <t>2.3370184898376465</t>
  </si>
  <si>
    <t>445.73333740234375</t>
  </si>
  <si>
    <t>-0.05569410562813104</t>
  </si>
  <si>
    <t>77920</t>
  </si>
  <si>
    <t>0.971463680267334</t>
  </si>
  <si>
    <t>467.84051513671875</t>
  </si>
  <si>
    <t>-0.1590156234897364</t>
  </si>
  <si>
    <t>71130</t>
  </si>
  <si>
    <t>0.5867858529090881</t>
  </si>
  <si>
    <t>508.8819885253906</t>
  </si>
  <si>
    <t>-0.09117347058885628</t>
  </si>
  <si>
    <t>62146</t>
  </si>
  <si>
    <t>0.9911796450614929</t>
  </si>
  <si>
    <t>489.95770263671875</t>
  </si>
  <si>
    <t>-0.13502273327826586</t>
  </si>
  <si>
    <t>59523</t>
  </si>
  <si>
    <t>3.0402133464813232</t>
  </si>
  <si>
    <t>402.8531494140625</t>
  </si>
  <si>
    <t>-0.043123662986713995</t>
  </si>
  <si>
    <t>57230</t>
  </si>
  <si>
    <t>0.5848159790039062</t>
  </si>
  <si>
    <t>411.4447326660156</t>
  </si>
  <si>
    <t>-0.03928455605943171</t>
  </si>
  <si>
    <t>57983</t>
  </si>
  <si>
    <t>1.8643015623092651</t>
  </si>
  <si>
    <t>448.80072021484375</t>
  </si>
  <si>
    <t>0.013071627713921785</t>
  </si>
  <si>
    <t>54864</t>
  </si>
  <si>
    <t>1.5463329553604126</t>
  </si>
  <si>
    <t>528.0393676757812</t>
  </si>
  <si>
    <t>-0.0552924684143683</t>
  </si>
  <si>
    <t>58410</t>
  </si>
  <si>
    <t>1.767755150794983</t>
  </si>
  <si>
    <t>528.2756958007812</t>
  </si>
  <si>
    <t>0.0626297123316526</t>
  </si>
  <si>
    <t>64361</t>
  </si>
  <si>
    <t>1.8240259885787964</t>
  </si>
  <si>
    <t>532.462646484375</t>
  </si>
  <si>
    <t>0.0970207515522521</t>
  </si>
  <si>
    <t>71232</t>
  </si>
  <si>
    <t>2.2361414432525635</t>
  </si>
  <si>
    <t>554.570068359375</t>
  </si>
  <si>
    <t>0.10143429604861076</t>
  </si>
  <si>
    <t>72895</t>
  </si>
  <si>
    <t>1.9389103651046753</t>
  </si>
  <si>
    <t>542.684326171875</t>
  </si>
  <si>
    <t>0.023077893903705515</t>
  </si>
  <si>
    <t>78804</t>
  </si>
  <si>
    <t>2.5811378955841064</t>
  </si>
  <si>
    <t>394.3019714355469</t>
  </si>
  <si>
    <t>0.07794370744005086</t>
  </si>
  <si>
    <t>89378</t>
  </si>
  <si>
    <t>2.1049203872680664</t>
  </si>
  <si>
    <t>522.9395751953125</t>
  </si>
  <si>
    <t>0.12591080988756076</t>
  </si>
  <si>
    <t>106463</t>
  </si>
  <si>
    <t>1.8646349906921387</t>
  </si>
  <si>
    <t>450.0060119628906</t>
  </si>
  <si>
    <t>0.1749229400611476</t>
  </si>
  <si>
    <t>106261</t>
  </si>
  <si>
    <t>2.7332684993743896</t>
  </si>
  <si>
    <t>546.9310913085938</t>
  </si>
  <si>
    <t>-0.0018991750880541503</t>
  </si>
  <si>
    <t>100082</t>
  </si>
  <si>
    <t>2.129908323287964</t>
  </si>
  <si>
    <t>447.8963928222656</t>
  </si>
  <si>
    <t>-0.05990848188572251</t>
  </si>
  <si>
    <t>97716</t>
  </si>
  <si>
    <t>3.230794668197632</t>
  </si>
  <si>
    <t>486.2461242675781</t>
  </si>
  <si>
    <t>-0.023924537698773563</t>
  </si>
  <si>
    <t>86974</t>
  </si>
  <si>
    <t>0.577652096748352</t>
  </si>
  <si>
    <t>470.9026794433594</t>
  </si>
  <si>
    <t>-0.11645608885785563</t>
  </si>
  <si>
    <t>88180</t>
  </si>
  <si>
    <t>1.3596301078796387</t>
  </si>
  <si>
    <t>357.3161926269531</t>
  </si>
  <si>
    <t>0.013770956514651544</t>
  </si>
  <si>
    <t>94046</t>
  </si>
  <si>
    <t>1.8373866081237793</t>
  </si>
  <si>
    <t>459.6518859863281</t>
  </si>
  <si>
    <t>0.06440384434395163</t>
  </si>
  <si>
    <t>98470</t>
  </si>
  <si>
    <t>2.1695568561553955</t>
  </si>
  <si>
    <t>470.936767578125</t>
  </si>
  <si>
    <t>0.045967908985968364</t>
  </si>
  <si>
    <t>98074</t>
  </si>
  <si>
    <t>2.510470151901245</t>
  </si>
  <si>
    <t>470.0992431640625</t>
  </si>
  <si>
    <t>-0.004029637494435079</t>
  </si>
  <si>
    <t>94371</t>
  </si>
  <si>
    <t>1.4251042604446411</t>
  </si>
  <si>
    <t>535.0538330078125</t>
  </si>
  <si>
    <t>-0.03848847320027815</t>
  </si>
  <si>
    <t>91038</t>
  </si>
  <si>
    <t>2.3562817573547363</t>
  </si>
  <si>
    <t>573.60986328125</t>
  </si>
  <si>
    <t>-0.03595682079383877</t>
  </si>
  <si>
    <t>87907</t>
  </si>
  <si>
    <t>2.527317762374878</t>
  </si>
  <si>
    <t>476.51666259765625</t>
  </si>
  <si>
    <t>-0.034997564300859096</t>
  </si>
  <si>
    <t>94970</t>
  </si>
  <si>
    <t>2.4586269855499268</t>
  </si>
  <si>
    <t>422.53607177734375</t>
  </si>
  <si>
    <t>0.07728161478456208</t>
  </si>
  <si>
    <t>102109</t>
  </si>
  <si>
    <t>1.3932732343673706</t>
  </si>
  <si>
    <t>540.4763793945312</t>
  </si>
  <si>
    <t>0.07247981790452762</t>
  </si>
  <si>
    <t>98885</t>
  </si>
  <si>
    <t>2.851125478744507</t>
  </si>
  <si>
    <t>486.0177307128906</t>
  </si>
  <si>
    <t>-0.0320833113854011</t>
  </si>
  <si>
    <t>96252</t>
  </si>
  <si>
    <t>3.6368024349212646</t>
  </si>
  <si>
    <t>410.0094909667969</t>
  </si>
  <si>
    <t>-0.02698780660120015</t>
  </si>
  <si>
    <t>101436</t>
  </si>
  <si>
    <t>2.546633720397949</t>
  </si>
  <si>
    <t>387.4853210449219</t>
  </si>
  <si>
    <t>0.05245830556200204</t>
  </si>
  <si>
    <t>2.6156060695648193</t>
  </si>
  <si>
    <t>445.4554138183594</t>
  </si>
  <si>
    <t>-0.023248163584831616</t>
  </si>
  <si>
    <t>2299</t>
  </si>
  <si>
    <t>3.8718526363372803</t>
  </si>
  <si>
    <t>722.965576171875</t>
  </si>
  <si>
    <t>1061.0562744140625</t>
  </si>
  <si>
    <t>Udmurt</t>
  </si>
  <si>
    <t>3.839890241622925</t>
  </si>
  <si>
    <t>571.6070556640625</t>
  </si>
  <si>
    <t>-0.055727699540982556</t>
  </si>
  <si>
    <t>2.9691944122314453</t>
  </si>
  <si>
    <t>523.4306640625</t>
  </si>
  <si>
    <t>-0.15900088401955514</t>
  </si>
  <si>
    <t>2.153618574142456</t>
  </si>
  <si>
    <t>533.1253051757812</t>
  </si>
  <si>
    <t>-0.09114935652226741</t>
  </si>
  <si>
    <t>2.172416925430298</t>
  </si>
  <si>
    <t>619.4114379882812</t>
  </si>
  <si>
    <t>-0.13504970557181295</t>
  </si>
  <si>
    <t>11267</t>
  </si>
  <si>
    <t>4.559682369232178</t>
  </si>
  <si>
    <t>543.736328125</t>
  </si>
  <si>
    <t>-0.043165921509720206</t>
  </si>
  <si>
    <t>2.410205602645874</t>
  </si>
  <si>
    <t>417.4136962890625</t>
  </si>
  <si>
    <t>-0.03928106821859778</t>
  </si>
  <si>
    <t>10976</t>
  </si>
  <si>
    <t>3.038184404373169</t>
  </si>
  <si>
    <t>625.455078125</t>
  </si>
  <si>
    <t>0.013114040020099083</t>
  </si>
  <si>
    <t>2.958909034729004</t>
  </si>
  <si>
    <t>618.1351928710938</t>
  </si>
  <si>
    <t>-0.055252325561403026</t>
  </si>
  <si>
    <t>3.582850217819214</t>
  </si>
  <si>
    <t>588.7515258789062</t>
  </si>
  <si>
    <t>0.06260496613813693</t>
  </si>
  <si>
    <t>4.033421993255615</t>
  </si>
  <si>
    <t>588.4282836914062</t>
  </si>
  <si>
    <t>0.0969778258120062</t>
  </si>
  <si>
    <t>3.4262125492095947</t>
  </si>
  <si>
    <t>652.9638061523438</t>
  </si>
  <si>
    <t>0.041560456092275544</t>
  </si>
  <si>
    <t>13170</t>
  </si>
  <si>
    <t>3.088239908218384</t>
  </si>
  <si>
    <t>609.2314453125</t>
  </si>
  <si>
    <t>0.03633952229064441</t>
  </si>
  <si>
    <t>3.558826208114624</t>
  </si>
  <si>
    <t>479.3578186035156</t>
  </si>
  <si>
    <t>-0.0019000575733461034</t>
  </si>
  <si>
    <t>3.983243942260742</t>
  </si>
  <si>
    <t>571.4835815429688</t>
  </si>
  <si>
    <t>-0.060928966336778245</t>
  </si>
  <si>
    <t>3.182527542114258</t>
  </si>
  <si>
    <t>524.1439208984375</t>
  </si>
  <si>
    <t>0.14395752703542541</t>
  </si>
  <si>
    <t>14693</t>
  </si>
  <si>
    <t>4.371470928192139</t>
  </si>
  <si>
    <t>671.4796752929688</t>
  </si>
  <si>
    <t>0.028301171013318083</t>
  </si>
  <si>
    <t>16122</t>
  </si>
  <si>
    <t>3.2249679565429688</t>
  </si>
  <si>
    <t>579.6544799804688</t>
  </si>
  <si>
    <t>0.09281360896759949</t>
  </si>
  <si>
    <t>16616</t>
  </si>
  <si>
    <t>4.768613338470459</t>
  </si>
  <si>
    <t>595.7411499023438</t>
  </si>
  <si>
    <t>0.03018128771240214</t>
  </si>
  <si>
    <t>2.887852668762207</t>
  </si>
  <si>
    <t>507.1214294433594</t>
  </si>
  <si>
    <t>-0.07437651678236001</t>
  </si>
  <si>
    <t>16336</t>
  </si>
  <si>
    <t>4.114664554595947</t>
  </si>
  <si>
    <t>485.20770263671875</t>
  </si>
  <si>
    <t>0.05738169163085871</t>
  </si>
  <si>
    <t>3.0569283962249756</t>
  </si>
  <si>
    <t>559.0867309570312</t>
  </si>
  <si>
    <t>0.06073984246410191</t>
  </si>
  <si>
    <t>3.9008188247680664</t>
  </si>
  <si>
    <t>608.7928466796875</t>
  </si>
  <si>
    <t>0.048463671181329104</t>
  </si>
  <si>
    <t>4.403464317321777</t>
  </si>
  <si>
    <t>596.8341064453125</t>
  </si>
  <si>
    <t>0.02407533729880562</t>
  </si>
  <si>
    <t>3.5269737243652344</t>
  </si>
  <si>
    <t>569.239990234375</t>
  </si>
  <si>
    <t>0.0103931648387654</t>
  </si>
  <si>
    <t>4.248754978179932</t>
  </si>
  <si>
    <t>642.5820922851562</t>
  </si>
  <si>
    <t>0.013325454597149289</t>
  </si>
  <si>
    <t>4.088624477386475</t>
  </si>
  <si>
    <t>538.1005859375</t>
  </si>
  <si>
    <t>-0.024200921634379924</t>
  </si>
  <si>
    <t>18348</t>
  </si>
  <si>
    <t>3.9083383083343506</t>
  </si>
  <si>
    <t>641.9701538085938</t>
  </si>
  <si>
    <t>-0.016647233433156217</t>
  </si>
  <si>
    <t>19209</t>
  </si>
  <si>
    <t>3.2207181453704834</t>
  </si>
  <si>
    <t>527.6866455078125</t>
  </si>
  <si>
    <t>0.045858342469850655</t>
  </si>
  <si>
    <t>19887</t>
  </si>
  <si>
    <t>4.915245532989502</t>
  </si>
  <si>
    <t>662.1600952148438</t>
  </si>
  <si>
    <t>0.03468733272258895</t>
  </si>
  <si>
    <t>19357</t>
  </si>
  <si>
    <t>4.8129191398620605</t>
  </si>
  <si>
    <t>568.763671875</t>
  </si>
  <si>
    <t>-0.027012140763956083</t>
  </si>
  <si>
    <t>4.267939567565918</t>
  </si>
  <si>
    <t>525.0111083984375</t>
  </si>
  <si>
    <t>0.0524807896867614</t>
  </si>
  <si>
    <t>19931</t>
  </si>
  <si>
    <t>4.08873176574707</t>
  </si>
  <si>
    <t>559.058349609375</t>
  </si>
  <si>
    <t>-0.023258592269568723</t>
  </si>
  <si>
    <t>5.544342517852783</t>
  </si>
  <si>
    <t>676.2335815429688</t>
  </si>
  <si>
    <t>875.7120971679688</t>
  </si>
  <si>
    <t>Ul'yanovsk</t>
  </si>
  <si>
    <t>5.513823986053467</t>
  </si>
  <si>
    <t>479.13922119140625</t>
  </si>
  <si>
    <t>-0.05567496160031915</t>
  </si>
  <si>
    <t>9430</t>
  </si>
  <si>
    <t>4.724695682525635</t>
  </si>
  <si>
    <t>451.3705139160156</t>
  </si>
  <si>
    <t>-0.15907717037994829</t>
  </si>
  <si>
    <t>3.7133309841156006</t>
  </si>
  <si>
    <t>558.0712280273438</t>
  </si>
  <si>
    <t>-0.09108792896954832</t>
  </si>
  <si>
    <t>3.6813838481903076</t>
  </si>
  <si>
    <t>513.760986328125</t>
  </si>
  <si>
    <t>-0.13510905983155297</t>
  </si>
  <si>
    <t>6.206760406494141</t>
  </si>
  <si>
    <t>465.24053955078125</t>
  </si>
  <si>
    <t>-0.0430626805305554</t>
  </si>
  <si>
    <t>4.206264972686768</t>
  </si>
  <si>
    <t>380.2368469238281</t>
  </si>
  <si>
    <t>-0.03935398133348045</t>
  </si>
  <si>
    <t>4.747657299041748</t>
  </si>
  <si>
    <t>571.8179321289062</t>
  </si>
  <si>
    <t>0.013053330289922727</t>
  </si>
  <si>
    <t>4.8643269538879395</t>
  </si>
  <si>
    <t>547.3267211914062</t>
  </si>
  <si>
    <t>-0.055223812781809656</t>
  </si>
  <si>
    <t>5.634676456451416</t>
  </si>
  <si>
    <t>525.8738403320312</t>
  </si>
  <si>
    <t>0.06260706370047409</t>
  </si>
  <si>
    <t>6.002930164337158</t>
  </si>
  <si>
    <t>590.4275512695312</t>
  </si>
  <si>
    <t>0.09699345474899523</t>
  </si>
  <si>
    <t>8420</t>
  </si>
  <si>
    <t>5.393249988555908</t>
  </si>
  <si>
    <t>582.2905883789062</t>
  </si>
  <si>
    <t>0.07789734631642276</t>
  </si>
  <si>
    <t>5.012284755706787</t>
  </si>
  <si>
    <t>513.4112548828125</t>
  </si>
  <si>
    <t>0.033517471592244164</t>
  </si>
  <si>
    <t>5.091090679168701</t>
  </si>
  <si>
    <t>523.0429077148438</t>
  </si>
  <si>
    <t>0.06427289495819011</t>
  </si>
  <si>
    <t>5.9049530029296875</t>
  </si>
  <si>
    <t>575.3851928710938</t>
  </si>
  <si>
    <t>0.020573128740727142</t>
  </si>
  <si>
    <t>4.973193645477295</t>
  </si>
  <si>
    <t>490.9629211425781</t>
  </si>
  <si>
    <t>-0.0021123793237123323</t>
  </si>
  <si>
    <t>6.157585620880127</t>
  </si>
  <si>
    <t>619.5443115234375</t>
  </si>
  <si>
    <t>0.10565651752057192</t>
  </si>
  <si>
    <t>5.07024621963501</t>
  </si>
  <si>
    <t>539.6819458007812</t>
  </si>
  <si>
    <t>0.07775699239267908</t>
  </si>
  <si>
    <t>6.507394790649414</t>
  </si>
  <si>
    <t>540.8958740234375</t>
  </si>
  <si>
    <t>0.05538191454361119</t>
  </si>
  <si>
    <t>4.874899387359619</t>
  </si>
  <si>
    <t>428.5689697265625</t>
  </si>
  <si>
    <t>0.0034912753667093455</t>
  </si>
  <si>
    <t>6.23900842666626</t>
  </si>
  <si>
    <t>416.2903137207031</t>
  </si>
  <si>
    <t>0.03329560927147135</t>
  </si>
  <si>
    <t>4.9612603187561035</t>
  </si>
  <si>
    <t>570.2080078125</t>
  </si>
  <si>
    <t>0.09122300555733176</t>
  </si>
  <si>
    <t>5.7000346183776855</t>
  </si>
  <si>
    <t>554.8446044921875</t>
  </si>
  <si>
    <t>0.02267309467415224</t>
  </si>
  <si>
    <t>14591</t>
  </si>
  <si>
    <t>6.2766947746276855</t>
  </si>
  <si>
    <t>546.2371215820312</t>
  </si>
  <si>
    <t>0.04406554673367502</t>
  </si>
  <si>
    <t>5.547643184661865</t>
  </si>
  <si>
    <t>438.698486328125</t>
  </si>
  <si>
    <t>-0.041490438014538</t>
  </si>
  <si>
    <t>6.120597839355469</t>
  </si>
  <si>
    <t>560.3329467773438</t>
  </si>
  <si>
    <t>-0.034152850671068435</t>
  </si>
  <si>
    <t>6.152694225311279</t>
  </si>
  <si>
    <t>550.5270385742188</t>
  </si>
  <si>
    <t>0.01918208020893175</t>
  </si>
  <si>
    <t>5.736782073974609</t>
  </si>
  <si>
    <t>573.8727416992188</t>
  </si>
  <si>
    <t>-0.01225755898608405</t>
  </si>
  <si>
    <t>5.185743808746338</t>
  </si>
  <si>
    <t>435.0309753417969</t>
  </si>
  <si>
    <t>-0.025652917905361505</t>
  </si>
  <si>
    <t>6.900470733642578</t>
  </si>
  <si>
    <t>507.0671081542969</t>
  </si>
  <si>
    <t>0.06177145917316196</t>
  </si>
  <si>
    <t>6.602643966674805</t>
  </si>
  <si>
    <t>485.0625305175781</t>
  </si>
  <si>
    <t>-0.026984055597644385</t>
  </si>
  <si>
    <t>14487</t>
  </si>
  <si>
    <t>6.154600620269775</t>
  </si>
  <si>
    <t>487.9477233886719</t>
  </si>
  <si>
    <t>0.052431077070231424</t>
  </si>
  <si>
    <t>14154</t>
  </si>
  <si>
    <t>5.978145122528076</t>
  </si>
  <si>
    <t>595.2857055664062</t>
  </si>
  <si>
    <t>-0.02325442590592175</t>
  </si>
  <si>
    <t>11504</t>
  </si>
  <si>
    <t>5.687099933624268</t>
  </si>
  <si>
    <t>732.1365966796875</t>
  </si>
  <si>
    <t>848.30224609375</t>
  </si>
  <si>
    <t>Vladimir</t>
  </si>
  <si>
    <t>5.394443988800049</t>
  </si>
  <si>
    <t>617.8768920898438</t>
  </si>
  <si>
    <t>-0.055676652009815086</t>
  </si>
  <si>
    <t>9282</t>
  </si>
  <si>
    <t>5.0893731117248535</t>
  </si>
  <si>
    <t>586.427490234375</t>
  </si>
  <si>
    <t>-0.15894110814989126</t>
  </si>
  <si>
    <t>4.199089527130127</t>
  </si>
  <si>
    <t>617.3310546875</t>
  </si>
  <si>
    <t>-0.09119240360265657</t>
  </si>
  <si>
    <t>4.201842784881592</t>
  </si>
  <si>
    <t>621.350341796875</t>
  </si>
  <si>
    <t>-0.1349993137553671</t>
  </si>
  <si>
    <t>5.338022232055664</t>
  </si>
  <si>
    <t>551.0631713867188</t>
  </si>
  <si>
    <t>-0.043199982916924284</t>
  </si>
  <si>
    <t>4.2796807289123535</t>
  </si>
  <si>
    <t>481.5487060546875</t>
  </si>
  <si>
    <t>-0.03926584816338874</t>
  </si>
  <si>
    <t>4.701335430145264</t>
  </si>
  <si>
    <t>587.7474975585938</t>
  </si>
  <si>
    <t>0.013115897726187598</t>
  </si>
  <si>
    <t>4.402899265289307</t>
  </si>
  <si>
    <t>745.6360473632812</t>
  </si>
  <si>
    <t>-0.055363043030649095</t>
  </si>
  <si>
    <t>5.605175018310547</t>
  </si>
  <si>
    <t>519.1104125976562</t>
  </si>
  <si>
    <t>0.06271972965356376</t>
  </si>
  <si>
    <t>5.899879455566406</t>
  </si>
  <si>
    <t>625.396484375</t>
  </si>
  <si>
    <t>0.09690289022861265</t>
  </si>
  <si>
    <t>5.050889492034912</t>
  </si>
  <si>
    <t>640.0067138671875</t>
  </si>
  <si>
    <t>0.08354856604189997</t>
  </si>
  <si>
    <t>5.077188968658447</t>
  </si>
  <si>
    <t>559.687255859375</t>
  </si>
  <si>
    <t>0.043898610372037794</t>
  </si>
  <si>
    <t>5.0291523933410645</t>
  </si>
  <si>
    <t>649.2439575195312</t>
  </si>
  <si>
    <t>0.07944184170158408</t>
  </si>
  <si>
    <t>5.560478210449219</t>
  </si>
  <si>
    <t>691.9786987304688</t>
  </si>
  <si>
    <t>0.0002121115714821542</t>
  </si>
  <si>
    <t>9213</t>
  </si>
  <si>
    <t>4.738794803619385</t>
  </si>
  <si>
    <t>568.4104614257812</t>
  </si>
  <si>
    <t>-0.023280566518572243</t>
  </si>
  <si>
    <t>5.461601257324219</t>
  </si>
  <si>
    <t>654.05322265625</t>
  </si>
  <si>
    <t>0.1280894984808043</t>
  </si>
  <si>
    <t>12001</t>
  </si>
  <si>
    <t>5.575929164886475</t>
  </si>
  <si>
    <t>566.4404907226562</t>
  </si>
  <si>
    <t>0.13628495104170568</t>
  </si>
  <si>
    <t>6.403359889984131</t>
  </si>
  <si>
    <t>647.3934936523438</t>
  </si>
  <si>
    <t>0.04441191002524647</t>
  </si>
  <si>
    <t>4.655617713928223</t>
  </si>
  <si>
    <t>576.1033325195312</t>
  </si>
  <si>
    <t>0.03815943823563828</t>
  </si>
  <si>
    <t>5.676719665527344</t>
  </si>
  <si>
    <t>520.1099853515625</t>
  </si>
  <si>
    <t>0.0776910583679804</t>
  </si>
  <si>
    <t>14273</t>
  </si>
  <si>
    <t>5.570535659790039</t>
  </si>
  <si>
    <t>572.0006713867188</t>
  </si>
  <si>
    <t>0.013117254369461762</t>
  </si>
  <si>
    <t>14872</t>
  </si>
  <si>
    <t>4.825222969055176</t>
  </si>
  <si>
    <t>694.8104858398438</t>
  </si>
  <si>
    <t>0.041110609771511264</t>
  </si>
  <si>
    <t>5.925323009490967</t>
  </si>
  <si>
    <t>667.2463989257812</t>
  </si>
  <si>
    <t>0.01673651334946058</t>
  </si>
  <si>
    <t>14782</t>
  </si>
  <si>
    <t>6.240217685699463</t>
  </si>
  <si>
    <t>481.5686340332031</t>
  </si>
  <si>
    <t>-0.0228065394059076</t>
  </si>
  <si>
    <t>6.073808670043945</t>
  </si>
  <si>
    <t>652.7233276367188</t>
  </si>
  <si>
    <t>-0.004203111061965359</t>
  </si>
  <si>
    <t>6.001939296722412</t>
  </si>
  <si>
    <t>684.506103515625</t>
  </si>
  <si>
    <t>0.021373217655105137</t>
  </si>
  <si>
    <t>5.773623943328857</t>
  </si>
  <si>
    <t>713.1135864257812</t>
  </si>
  <si>
    <t>-0.002130209832298391</t>
  </si>
  <si>
    <t>5.271061897277832</t>
  </si>
  <si>
    <t>542.80810546875</t>
  </si>
  <si>
    <t>-0.005278467472434656</t>
  </si>
  <si>
    <t>16361</t>
  </si>
  <si>
    <t>7.119339466094971</t>
  </si>
  <si>
    <t>567.0958251953125</t>
  </si>
  <si>
    <t>0.09172880034983777</t>
  </si>
  <si>
    <t>15926</t>
  </si>
  <si>
    <t>6.542846202850342</t>
  </si>
  <si>
    <t>645.1159057617188</t>
  </si>
  <si>
    <t>-0.02694746016568672</t>
  </si>
  <si>
    <t>16783</t>
  </si>
  <si>
    <t>5.519089221954346</t>
  </si>
  <si>
    <t>625.86767578125</t>
  </si>
  <si>
    <t>0.05241347549078945</t>
  </si>
  <si>
    <t>16398</t>
  </si>
  <si>
    <t>6.006863117218018</t>
  </si>
  <si>
    <t>649.8653564453125</t>
  </si>
  <si>
    <t>-0.023207093152056046</t>
  </si>
  <si>
    <t>9.136187553405762</t>
  </si>
  <si>
    <t>471.76202392578125</t>
  </si>
  <si>
    <t>1426.452392578125</t>
  </si>
  <si>
    <t>Volgograd</t>
  </si>
  <si>
    <t>12052</t>
  </si>
  <si>
    <t>8.789180755615234</t>
  </si>
  <si>
    <t>295.9678039550781</t>
  </si>
  <si>
    <t>-0.05567300242624107</t>
  </si>
  <si>
    <t>8.036561965942383</t>
  </si>
  <si>
    <t>392.8427734375</t>
  </si>
  <si>
    <t>-0.15903036124103487</t>
  </si>
  <si>
    <t>7.168727874755859</t>
  </si>
  <si>
    <t>453.3992004394531</t>
  </si>
  <si>
    <t>-0.09119414867584474</t>
  </si>
  <si>
    <t>7.242971897125244</t>
  </si>
  <si>
    <t>358.84332275390625</t>
  </si>
  <si>
    <t>-0.13499391573713382</t>
  </si>
  <si>
    <t>9.428816795349121</t>
  </si>
  <si>
    <t>368.7464904785156</t>
  </si>
  <si>
    <t>-0.04311657122130441</t>
  </si>
  <si>
    <t>7.837116241455078</t>
  </si>
  <si>
    <t>319.3457336425781</t>
  </si>
  <si>
    <t>-0.039348061131804</t>
  </si>
  <si>
    <t>8.078755378723145</t>
  </si>
  <si>
    <t>415.89068603515625</t>
  </si>
  <si>
    <t>0.013158084577511886</t>
  </si>
  <si>
    <t>8.666888236999512</t>
  </si>
  <si>
    <t>348.2813415527344</t>
  </si>
  <si>
    <t>-0.055360722696894626</t>
  </si>
  <si>
    <t>9.327286720275879</t>
  </si>
  <si>
    <t>383.29205322265625</t>
  </si>
  <si>
    <t>0.06265432106241597</t>
  </si>
  <si>
    <t>9.465095520019531</t>
  </si>
  <si>
    <t>438.8910827636719</t>
  </si>
  <si>
    <t>0.0970075328132598</t>
  </si>
  <si>
    <t>8.951128959655762</t>
  </si>
  <si>
    <t>481.0950927734375</t>
  </si>
  <si>
    <t>0.09733166815789396</t>
  </si>
  <si>
    <t>8.789908409118652</t>
  </si>
  <si>
    <t>391.71417236328125</t>
  </si>
  <si>
    <t>0.08742088105033297</t>
  </si>
  <si>
    <t>8.282880783081055</t>
  </si>
  <si>
    <t>382.33331298828125</t>
  </si>
  <si>
    <t>0.08075038449051775</t>
  </si>
  <si>
    <t>9.540497779846191</t>
  </si>
  <si>
    <t>479.2848205566406</t>
  </si>
  <si>
    <t>-0.00045165079129105834</t>
  </si>
  <si>
    <t>8.530728340148926</t>
  </si>
  <si>
    <t>391.8951721191406</t>
  </si>
  <si>
    <t>0.09211818012155248</t>
  </si>
  <si>
    <t>9.608553886413574</t>
  </si>
  <si>
    <t>403.2497863769531</t>
  </si>
  <si>
    <t>0.08039759626759135</t>
  </si>
  <si>
    <t>8.784977912902832</t>
  </si>
  <si>
    <t>330.3009338378906</t>
  </si>
  <si>
    <t>0.1451820098444987</t>
  </si>
  <si>
    <t>9.504678726196289</t>
  </si>
  <si>
    <t>332.3332824707031</t>
  </si>
  <si>
    <t>0.08951257552968173</t>
  </si>
  <si>
    <t>8.847710609436035</t>
  </si>
  <si>
    <t>412.83404541015625</t>
  </si>
  <si>
    <t>-0.12240104200256674</t>
  </si>
  <si>
    <t>10.286309242248535</t>
  </si>
  <si>
    <t>362.4598388671875</t>
  </si>
  <si>
    <t>0.02191242398764004</t>
  </si>
  <si>
    <t>15342</t>
  </si>
  <si>
    <t>8.323980331420898</t>
  </si>
  <si>
    <t>354.73590087890625</t>
  </si>
  <si>
    <t>0.019814359864026798</t>
  </si>
  <si>
    <t>16378</t>
  </si>
  <si>
    <t>9.40626335144043</t>
  </si>
  <si>
    <t>409.6802062988281</t>
  </si>
  <si>
    <t>0.06534480531089315</t>
  </si>
  <si>
    <t>16486</t>
  </si>
  <si>
    <t>9.739386558532715</t>
  </si>
  <si>
    <t>408.11505126953125</t>
  </si>
  <si>
    <t>0.006572565043038381</t>
  </si>
  <si>
    <t>17727</t>
  </si>
  <si>
    <t>9.129435539245605</t>
  </si>
  <si>
    <t>300.3889465332031</t>
  </si>
  <si>
    <t>0.07257736514061186</t>
  </si>
  <si>
    <t>9.65091609954834</t>
  </si>
  <si>
    <t>378.29022216796875</t>
  </si>
  <si>
    <t>-0.08724217640288501</t>
  </si>
  <si>
    <t>15641</t>
  </si>
  <si>
    <t>9.590180397033691</t>
  </si>
  <si>
    <t>427.38861083984375</t>
  </si>
  <si>
    <t>-0.03795105293665735</t>
  </si>
  <si>
    <t>9.511992454528809</t>
  </si>
  <si>
    <t>407.4946594238281</t>
  </si>
  <si>
    <t>-0.025381744559229702</t>
  </si>
  <si>
    <t>9.164831161499023</t>
  </si>
  <si>
    <t>395.47100830078125</t>
  </si>
  <si>
    <t>15952</t>
  </si>
  <si>
    <t>10.422529220581055</t>
  </si>
  <si>
    <t>335.1288146972656</t>
  </si>
  <si>
    <t>0.013188391186991666</t>
  </si>
  <si>
    <t>10.310628890991211</t>
  </si>
  <si>
    <t>318.8407287597656</t>
  </si>
  <si>
    <t>-0.02700376922044967</t>
  </si>
  <si>
    <t>9.91733455657959</t>
  </si>
  <si>
    <t>468.14044189453125</t>
  </si>
  <si>
    <t>0.052503356068118734</t>
  </si>
  <si>
    <t>9.770625114440918</t>
  </si>
  <si>
    <t>401.5536193847656</t>
  </si>
  <si>
    <t>-0.023245359218075023</t>
  </si>
  <si>
    <t>2303</t>
  </si>
  <si>
    <t>3.9464683532714844</t>
  </si>
  <si>
    <t>678.3978881835938</t>
  </si>
  <si>
    <t>896.1760864257812</t>
  </si>
  <si>
    <t>Vologda</t>
  </si>
  <si>
    <t>27590</t>
  </si>
  <si>
    <t>3.904857635498047</t>
  </si>
  <si>
    <t>661.448974609375</t>
  </si>
  <si>
    <t>-0.05568739565043579</t>
  </si>
  <si>
    <t>3.637022018432617</t>
  </si>
  <si>
    <t>527.127197265625</t>
  </si>
  <si>
    <t>-0.15900720418745706</t>
  </si>
  <si>
    <t>2.442640542984009</t>
  </si>
  <si>
    <t>644.9732055664062</t>
  </si>
  <si>
    <t>-0.09118425934882524</t>
  </si>
  <si>
    <t>18770</t>
  </si>
  <si>
    <t>2.693129539489746</t>
  </si>
  <si>
    <t>593.6727294921875</t>
  </si>
  <si>
    <t>-0.13500207409449416</t>
  </si>
  <si>
    <t>3.8441483974456787</t>
  </si>
  <si>
    <t>587.2264404296875</t>
  </si>
  <si>
    <t>-0.04311106244721152</t>
  </si>
  <si>
    <t>2.7113962173461914</t>
  </si>
  <si>
    <t>537.9042358398438</t>
  </si>
  <si>
    <t>-0.039309714777619575</t>
  </si>
  <si>
    <t>3.1049671173095703</t>
  </si>
  <si>
    <t>627.9283447265625</t>
  </si>
  <si>
    <t>0.01304728684697487</t>
  </si>
  <si>
    <t>2.0448901653289795</t>
  </si>
  <si>
    <t>702.5902099609375</t>
  </si>
  <si>
    <t>17641</t>
  </si>
  <si>
    <t>3.859476089477539</t>
  </si>
  <si>
    <t>443.4124450683594</t>
  </si>
  <si>
    <t>0.06263190687579723</t>
  </si>
  <si>
    <t>4.5457963943481445</t>
  </si>
  <si>
    <t>586.966552734375</t>
  </si>
  <si>
    <t>0.09705561906570637</t>
  </si>
  <si>
    <t>15624</t>
  </si>
  <si>
    <t>3.082641839981079</t>
  </si>
  <si>
    <t>588.9142456054688</t>
  </si>
  <si>
    <t>-0.2184731638055979</t>
  </si>
  <si>
    <t>2.8179328441619873</t>
  </si>
  <si>
    <t>513.5892944335938</t>
  </si>
  <si>
    <t>0.07120070721388494</t>
  </si>
  <si>
    <t>19695</t>
  </si>
  <si>
    <t>3.81209659576416</t>
  </si>
  <si>
    <t>627.9843139648438</t>
  </si>
  <si>
    <t>0.16035589563460562</t>
  </si>
  <si>
    <t>4.01875114440918</t>
  </si>
  <si>
    <t>676.9865112304688</t>
  </si>
  <si>
    <t>0.22441210406583068</t>
  </si>
  <si>
    <t>24730</t>
  </si>
  <si>
    <t>3.6430857181549072</t>
  </si>
  <si>
    <t>517.069580078125</t>
  </si>
  <si>
    <t>0.0032401810446263113</t>
  </si>
  <si>
    <t>3.9270246028900146</t>
  </si>
  <si>
    <t>643.4215698242188</t>
  </si>
  <si>
    <t>-0.09183865490346754</t>
  </si>
  <si>
    <t>23958</t>
  </si>
  <si>
    <t>4.297306537628174</t>
  </si>
  <si>
    <t>581.4317016601562</t>
  </si>
  <si>
    <t>0.0601238706792806</t>
  </si>
  <si>
    <t>25348</t>
  </si>
  <si>
    <t>4.568668365478516</t>
  </si>
  <si>
    <t>654.0564575195312</t>
  </si>
  <si>
    <t>0.05639753415213278</t>
  </si>
  <si>
    <t>2.9597110748291016</t>
  </si>
  <si>
    <t>614.124755859375</t>
  </si>
  <si>
    <t>-0.3442744108957889</t>
  </si>
  <si>
    <t>3.3399972915649414</t>
  </si>
  <si>
    <t>616.733642578125</t>
  </si>
  <si>
    <t>0.0939682885493287</t>
  </si>
  <si>
    <t>21134</t>
  </si>
  <si>
    <t>4.446064472198486</t>
  </si>
  <si>
    <t>586.0275268554688</t>
  </si>
  <si>
    <t>0.06848940890402844</t>
  </si>
  <si>
    <t>3.0001792907714844</t>
  </si>
  <si>
    <t>696.8173828125</t>
  </si>
  <si>
    <t>0.04084092118887739</t>
  </si>
  <si>
    <t>20258</t>
  </si>
  <si>
    <t>4.40365743637085</t>
  </si>
  <si>
    <t>554.8997802734375</t>
  </si>
  <si>
    <t>-0.08317426194311217</t>
  </si>
  <si>
    <t>20628</t>
  </si>
  <si>
    <t>4.865248680114746</t>
  </si>
  <si>
    <t>589.4857177734375</t>
  </si>
  <si>
    <t>0.01809959892410795</t>
  </si>
  <si>
    <t>22542</t>
  </si>
  <si>
    <t>4.464691638946533</t>
  </si>
  <si>
    <t>608.8507690429688</t>
  </si>
  <si>
    <t>0.08873085963117333</t>
  </si>
  <si>
    <t>4.7646284103393555</t>
  </si>
  <si>
    <t>600.1234130859375</t>
  </si>
  <si>
    <t>-0.05124192960183471</t>
  </si>
  <si>
    <t>21521</t>
  </si>
  <si>
    <t>4.070676326751709</t>
  </si>
  <si>
    <t>732.3403930664062</t>
  </si>
  <si>
    <t>0.004890896397396816</t>
  </si>
  <si>
    <t>3.8640060424804688</t>
  </si>
  <si>
    <t>586.4769287109375</t>
  </si>
  <si>
    <t>0.04038883534235893</t>
  </si>
  <si>
    <t>22447</t>
  </si>
  <si>
    <t>5.2502923011779785</t>
  </si>
  <si>
    <t>685.2356567382812</t>
  </si>
  <si>
    <t>0.0017389370116021041</t>
  </si>
  <si>
    <t>5.011377334594727</t>
  </si>
  <si>
    <t>671.7694091796875</t>
  </si>
  <si>
    <t>-0.026956053427809934</t>
  </si>
  <si>
    <t>23026</t>
  </si>
  <si>
    <t>3.809319496154785</t>
  </si>
  <si>
    <t>660.305908203125</t>
  </si>
  <si>
    <t>0.05242309070987261</t>
  </si>
  <si>
    <t>22497</t>
  </si>
  <si>
    <t>4.60643196105957</t>
  </si>
  <si>
    <t>623.824462890625</t>
  </si>
  <si>
    <t>-0.023242045264110445</t>
  </si>
  <si>
    <t>7.688695430755615</t>
  </si>
  <si>
    <t>668.6493530273438</t>
  </si>
  <si>
    <t>1258.2064208984375</t>
  </si>
  <si>
    <t>Voronezh</t>
  </si>
  <si>
    <t>7.288972854614258</t>
  </si>
  <si>
    <t>422.675537109375</t>
  </si>
  <si>
    <t>-0.055767765854220386</t>
  </si>
  <si>
    <t>6.988020420074463</t>
  </si>
  <si>
    <t>514.798583984375</t>
  </si>
  <si>
    <t>-0.1589335152613902</t>
  </si>
  <si>
    <t>6.075232028961182</t>
  </si>
  <si>
    <t>606.113525390625</t>
  </si>
  <si>
    <t>-0.09122665674155606</t>
  </si>
  <si>
    <t>6.0663065910339355</t>
  </si>
  <si>
    <t>480.7083740234375</t>
  </si>
  <si>
    <t>-0.1350156812680634</t>
  </si>
  <si>
    <t>7.433355331420898</t>
  </si>
  <si>
    <t>584.5703735351562</t>
  </si>
  <si>
    <t>-0.04313722210548576</t>
  </si>
  <si>
    <t>6.337913513183594</t>
  </si>
  <si>
    <t>422.8762512207031</t>
  </si>
  <si>
    <t>-0.03929661736220602</t>
  </si>
  <si>
    <t>6.565282821655273</t>
  </si>
  <si>
    <t>546.2789306640625</t>
  </si>
  <si>
    <t>0.013121370670626575</t>
  </si>
  <si>
    <t>6.779513835906982</t>
  </si>
  <si>
    <t>534.1724853515625</t>
  </si>
  <si>
    <t>-0.055291624526727645</t>
  </si>
  <si>
    <t>7.58152437210083</t>
  </si>
  <si>
    <t>491.6681213378906</t>
  </si>
  <si>
    <t>0.06260672768444486</t>
  </si>
  <si>
    <t>7.889545440673828</t>
  </si>
  <si>
    <t>539.2999877929688</t>
  </si>
  <si>
    <t>0.09702601385697918</t>
  </si>
  <si>
    <t>7.124843597412109</t>
  </si>
  <si>
    <t>637.1264038085938</t>
  </si>
  <si>
    <t>0.030706207215343895</t>
  </si>
  <si>
    <t>7.326932907104492</t>
  </si>
  <si>
    <t>544.9033813476562</t>
  </si>
  <si>
    <t>0.18615414717405443</t>
  </si>
  <si>
    <t>6.744480133056641</t>
  </si>
  <si>
    <t>548.156005859375</t>
  </si>
  <si>
    <t>0.05856412439253589</t>
  </si>
  <si>
    <t>9464</t>
  </si>
  <si>
    <t>7.584866046905518</t>
  </si>
  <si>
    <t>677.7482299804688</t>
  </si>
  <si>
    <t>-0.030489849449727657</t>
  </si>
  <si>
    <t>6.800075531005859</t>
  </si>
  <si>
    <t>616.5281982421875</t>
  </si>
  <si>
    <t>-0.05684768692290376</t>
  </si>
  <si>
    <t>7.667318344116211</t>
  </si>
  <si>
    <t>607.1560668945312</t>
  </si>
  <si>
    <t>0.08034378164968636</t>
  </si>
  <si>
    <t>11419</t>
  </si>
  <si>
    <t>7.555663585662842</t>
  </si>
  <si>
    <t>507.557861328125</t>
  </si>
  <si>
    <t>0.16428741331664298</t>
  </si>
  <si>
    <t>8.186229705810547</t>
  </si>
  <si>
    <t>442.3106689453125</t>
  </si>
  <si>
    <t>0.11588381084555444</t>
  </si>
  <si>
    <t>6.960290908813477</t>
  </si>
  <si>
    <t>484.35748291015625</t>
  </si>
  <si>
    <t>0.02639934738320804</t>
  </si>
  <si>
    <t>13448</t>
  </si>
  <si>
    <t>8.133016586303711</t>
  </si>
  <si>
    <t>532.188720703125</t>
  </si>
  <si>
    <t>0.0212686031580418</t>
  </si>
  <si>
    <t>7.32799768447876</t>
  </si>
  <si>
    <t>499.57830810546875</t>
  </si>
  <si>
    <t>0.172382379953536</t>
  </si>
  <si>
    <t>17950</t>
  </si>
  <si>
    <t>7.310822010040283</t>
  </si>
  <si>
    <t>607.31298828125</t>
  </si>
  <si>
    <t>0.11637733887443602</t>
  </si>
  <si>
    <t>18356</t>
  </si>
  <si>
    <t>7.972024440765381</t>
  </si>
  <si>
    <t>602.0099487304688</t>
  </si>
  <si>
    <t>0.022366381598299512</t>
  </si>
  <si>
    <t>7.997650623321533</t>
  </si>
  <si>
    <t>386.7475280761719</t>
  </si>
  <si>
    <t>0.06363241233571415</t>
  </si>
  <si>
    <t>19346</t>
  </si>
  <si>
    <t>8.145008087158203</t>
  </si>
  <si>
    <t>553.5895385742188</t>
  </si>
  <si>
    <t>-0.011103229107945367</t>
  </si>
  <si>
    <t>8.045516014099121</t>
  </si>
  <si>
    <t>673.787109375</t>
  </si>
  <si>
    <t>-0.0377661734527841</t>
  </si>
  <si>
    <t>18521</t>
  </si>
  <si>
    <t>7.923242092132568</t>
  </si>
  <si>
    <t>588.6223754882812</t>
  </si>
  <si>
    <t>-0.005814282866905884</t>
  </si>
  <si>
    <t>7.411846160888672</t>
  </si>
  <si>
    <t>498.8871765136719</t>
  </si>
  <si>
    <t>-0.06168816974341951</t>
  </si>
  <si>
    <t>9.04516315460205</t>
  </si>
  <si>
    <t>467.7346496582031</t>
  </si>
  <si>
    <t>0.02613008926195448</t>
  </si>
  <si>
    <t>8.590619087219238</t>
  </si>
  <si>
    <t>496.86053466796875</t>
  </si>
  <si>
    <t>-0.026991885873851373</t>
  </si>
  <si>
    <t>18335</t>
  </si>
  <si>
    <t>7.723413467407227</t>
  </si>
  <si>
    <t>544.5259399414062</t>
  </si>
  <si>
    <t>0.05245654443794123</t>
  </si>
  <si>
    <t>17914</t>
  </si>
  <si>
    <t>8.067312240600586</t>
  </si>
  <si>
    <t>675.3451538085938</t>
  </si>
  <si>
    <t>-0.02322927147028686</t>
  </si>
  <si>
    <t>128554</t>
  </si>
  <si>
    <t>-6.609469890594482</t>
  </si>
  <si>
    <t>456.154052734375</t>
  </si>
  <si>
    <t>489.6631774902344</t>
  </si>
  <si>
    <t>Yamal-Nenets</t>
  </si>
  <si>
    <t>121591</t>
  </si>
  <si>
    <t>-6.671661853790283</t>
  </si>
  <si>
    <t>444.2565612792969</t>
  </si>
  <si>
    <t>-0.055686095889894816</t>
  </si>
  <si>
    <t>103714</t>
  </si>
  <si>
    <t>-7.965352535247803</t>
  </si>
  <si>
    <t>451.2610778808594</t>
  </si>
  <si>
    <t>-0.15902584269031195</t>
  </si>
  <si>
    <t>94677</t>
  </si>
  <si>
    <t>-6.4992356300354</t>
  </si>
  <si>
    <t>408.1578063964844</t>
  </si>
  <si>
    <t>-0.09116601247904299</t>
  </si>
  <si>
    <t>82719</t>
  </si>
  <si>
    <t>-6.769889831542969</t>
  </si>
  <si>
    <t>405.390869140625</t>
  </si>
  <si>
    <t>-0.13502177675351668</t>
  </si>
  <si>
    <t>79228</t>
  </si>
  <si>
    <t>-5.315164566040039</t>
  </si>
  <si>
    <t>481.6574401855469</t>
  </si>
  <si>
    <t>-0.043119550017173935</t>
  </si>
  <si>
    <t>76175</t>
  </si>
  <si>
    <t>-6.9682488441467285</t>
  </si>
  <si>
    <t>403.53759765625</t>
  </si>
  <si>
    <t>-0.03929644682324529</t>
  </si>
  <si>
    <t>77177</t>
  </si>
  <si>
    <t>-6.970798015594482</t>
  </si>
  <si>
    <t>441.4649963378906</t>
  </si>
  <si>
    <t>0.013068160308614907</t>
  </si>
  <si>
    <t>73026</t>
  </si>
  <si>
    <t>-9.446698188781738</t>
  </si>
  <si>
    <t>433.7213439941406</t>
  </si>
  <si>
    <t>-0.05528594305991241</t>
  </si>
  <si>
    <t>77746</t>
  </si>
  <si>
    <t>-7.755847930908203</t>
  </si>
  <si>
    <t>416.73370361328125</t>
  </si>
  <si>
    <t>0.06263156067009135</t>
  </si>
  <si>
    <t>85667</t>
  </si>
  <si>
    <t>-7.139692306518555</t>
  </si>
  <si>
    <t>382.0381774902344</t>
  </si>
  <si>
    <t>0.09702058447955686</t>
  </si>
  <si>
    <t>112908</t>
  </si>
  <si>
    <t>-6.833706378936768</t>
  </si>
  <si>
    <t>463.86004638671875</t>
  </si>
  <si>
    <t>0.2761056405425055</t>
  </si>
  <si>
    <t>137212</t>
  </si>
  <si>
    <t>-7.118223190307617</t>
  </si>
  <si>
    <t>491.3039855957031</t>
  </si>
  <si>
    <t>0.19495384721129305</t>
  </si>
  <si>
    <t>128333</t>
  </si>
  <si>
    <t>-5.966398239135742</t>
  </si>
  <si>
    <t>426.4958190917969</t>
  </si>
  <si>
    <t>-0.06689872681021747</t>
  </si>
  <si>
    <t>132558</t>
  </si>
  <si>
    <t>-6.9554829597473145</t>
  </si>
  <si>
    <t>434.0765380859375</t>
  </si>
  <si>
    <t>0.03239183728324235</t>
  </si>
  <si>
    <t>135382</t>
  </si>
  <si>
    <t>-6.189619541168213</t>
  </si>
  <si>
    <t>422.50848388671875</t>
  </si>
  <si>
    <t>0.02108012670529824</t>
  </si>
  <si>
    <t>144561</t>
  </si>
  <si>
    <t>-6.658305644989014</t>
  </si>
  <si>
    <t>456.3642883300781</t>
  </si>
  <si>
    <t>0.06560115160069024</t>
  </si>
  <si>
    <t>136938</t>
  </si>
  <si>
    <t>-5.628012180328369</t>
  </si>
  <si>
    <t>440.1713562011719</t>
  </si>
  <si>
    <t>-0.05417329515313973</t>
  </si>
  <si>
    <t>143739</t>
  </si>
  <si>
    <t>-5.863109111785889</t>
  </si>
  <si>
    <t>453.75201416015625</t>
  </si>
  <si>
    <t>0.048470886360597376</t>
  </si>
  <si>
    <t>126531</t>
  </si>
  <si>
    <t>-8.182329177856445</t>
  </si>
  <si>
    <t>402.79498291015625</t>
  </si>
  <si>
    <t>-0.12751181757640317</t>
  </si>
  <si>
    <t>135102</t>
  </si>
  <si>
    <t>-7.548433780670166</t>
  </si>
  <si>
    <t>488.6162109375</t>
  </si>
  <si>
    <t>0.06554271127158806</t>
  </si>
  <si>
    <t>142877</t>
  </si>
  <si>
    <t>-4.914515018463135</t>
  </si>
  <si>
    <t>469.30474853515625</t>
  </si>
  <si>
    <t>0.05595407156164178</t>
  </si>
  <si>
    <t>163950</t>
  </si>
  <si>
    <t>-5.881527423858643</t>
  </si>
  <si>
    <t>432.67254638671875</t>
  </si>
  <si>
    <t>0.13757738302343725</t>
  </si>
  <si>
    <t>177909</t>
  </si>
  <si>
    <t>-6.324113368988037</t>
  </si>
  <si>
    <t>427.0066833496094</t>
  </si>
  <si>
    <t>0.0817106803207146</t>
  </si>
  <si>
    <t>192172</t>
  </si>
  <si>
    <t>-6.826206207275391</t>
  </si>
  <si>
    <t>489.42083740234375</t>
  </si>
  <si>
    <t>0.07711862073054299</t>
  </si>
  <si>
    <t>186788</t>
  </si>
  <si>
    <t>-5.193271160125732</t>
  </si>
  <si>
    <t>463.3943176269531</t>
  </si>
  <si>
    <t>-0.028416520439332515</t>
  </si>
  <si>
    <t>201432</t>
  </si>
  <si>
    <t>-5.010460376739502</t>
  </si>
  <si>
    <t>393.9632873535156</t>
  </si>
  <si>
    <t>0.07547757154605428</t>
  </si>
  <si>
    <t>228945</t>
  </si>
  <si>
    <t>-4.91892671585083</t>
  </si>
  <si>
    <t>469.994873046875</t>
  </si>
  <si>
    <t>0.1280299445865598</t>
  </si>
  <si>
    <t>241094</t>
  </si>
  <si>
    <t>-6.526478290557861</t>
  </si>
  <si>
    <t>470.97149658203125</t>
  </si>
  <si>
    <t>0.0517050989028256</t>
  </si>
  <si>
    <t>236802</t>
  </si>
  <si>
    <t>-5.199708461761475</t>
  </si>
  <si>
    <t>509.6924743652344</t>
  </si>
  <si>
    <t>-0.017962550017891488</t>
  </si>
  <si>
    <t>230496</t>
  </si>
  <si>
    <t>-4.266011714935303</t>
  </si>
  <si>
    <t>486.6511535644531</t>
  </si>
  <si>
    <t>-0.02699084021317688</t>
  </si>
  <si>
    <t>242909</t>
  </si>
  <si>
    <t>-6.274656772613525</t>
  </si>
  <si>
    <t>484.91986083984375</t>
  </si>
  <si>
    <t>0.05245337889964574</t>
  </si>
  <si>
    <t>237328</t>
  </si>
  <si>
    <t>-5.277698993682861</t>
  </si>
  <si>
    <t>420.88421630859375</t>
  </si>
  <si>
    <t>-0.02324373702534288</t>
  </si>
  <si>
    <t>5.152186870574951</t>
  </si>
  <si>
    <t>677.30126953125</t>
  </si>
  <si>
    <t>928.0953369140625</t>
  </si>
  <si>
    <t>Yaroslavl'</t>
  </si>
  <si>
    <t>4.9799418449401855</t>
  </si>
  <si>
    <t>697.049072265625</t>
  </si>
  <si>
    <t>-0.05568565952367521</t>
  </si>
  <si>
    <t>4.69943380355835</t>
  </si>
  <si>
    <t>540.5402221679688</t>
  </si>
  <si>
    <t>11993</t>
  </si>
  <si>
    <t>3.730990409851074</t>
  </si>
  <si>
    <t>599.88525390625</t>
  </si>
  <si>
    <t>-0.09110953023778734</t>
  </si>
  <si>
    <t>3.7206332683563232</t>
  </si>
  <si>
    <t>571.842041015625</t>
  </si>
  <si>
    <t>-0.1350453252635564</t>
  </si>
  <si>
    <t>5.06343936920166</t>
  </si>
  <si>
    <t>532.0341186523438</t>
  </si>
  <si>
    <t>-0.043099192481852455</t>
  </si>
  <si>
    <t>3.7839183807373047</t>
  </si>
  <si>
    <t>516.1760864257812</t>
  </si>
  <si>
    <t>-0.039324345465928445</t>
  </si>
  <si>
    <t>4.329327583312988</t>
  </si>
  <si>
    <t>600.8081665039062</t>
  </si>
  <si>
    <t>0.013076119390992957</t>
  </si>
  <si>
    <t>3.739077568054199</t>
  </si>
  <si>
    <t>718.6444091796875</t>
  </si>
  <si>
    <t>-0.0553068509049055</t>
  </si>
  <si>
    <t>5.182070732116699</t>
  </si>
  <si>
    <t>422.7025451660156</t>
  </si>
  <si>
    <t>0.06264483735781745</t>
  </si>
  <si>
    <t>5.608669281005859</t>
  </si>
  <si>
    <t>572.5934448242188</t>
  </si>
  <si>
    <t>0.09698885275591884</t>
  </si>
  <si>
    <t>4.618163585662842</t>
  </si>
  <si>
    <t>572.3690185546875</t>
  </si>
  <si>
    <t>0.22080000928039034</t>
  </si>
  <si>
    <t>4.465305805206299</t>
  </si>
  <si>
    <t>480.74053955078125</t>
  </si>
  <si>
    <t>0.07074520263362771</t>
  </si>
  <si>
    <t>15689</t>
  </si>
  <si>
    <t>4.799328327178955</t>
  </si>
  <si>
    <t>630.7788696289062</t>
  </si>
  <si>
    <t>0.07715737629872876</t>
  </si>
  <si>
    <t>5.144293785095215</t>
  </si>
  <si>
    <t>664.9547119140625</t>
  </si>
  <si>
    <t>0.02281132308026379</t>
  </si>
  <si>
    <t>4.340892791748047</t>
  </si>
  <si>
    <t>508.3388671875</t>
  </si>
  <si>
    <t>-0.021537356413279696</t>
  </si>
  <si>
    <t>5.000900745391846</t>
  </si>
  <si>
    <t>592.2601928710938</t>
  </si>
  <si>
    <t>0.02613706616403455</t>
  </si>
  <si>
    <t>5.152852535247803</t>
  </si>
  <si>
    <t>535.06201171875</t>
  </si>
  <si>
    <t>0.07201053597627194</t>
  </si>
  <si>
    <t>5.898288249969482</t>
  </si>
  <si>
    <t>647.9378662109375</t>
  </si>
  <si>
    <t>0.006212986677248011</t>
  </si>
  <si>
    <t>4.163900852203369</t>
  </si>
  <si>
    <t>593.2039794921875</t>
  </si>
  <si>
    <t>-0.031162427213065058</t>
  </si>
  <si>
    <t>5.050659656524658</t>
  </si>
  <si>
    <t>568.9490356445312</t>
  </si>
  <si>
    <t>0.006957165022937417</t>
  </si>
  <si>
    <t>5.188299655914307</t>
  </si>
  <si>
    <t>563.7501831054688</t>
  </si>
  <si>
    <t>0.04036125384797984</t>
  </si>
  <si>
    <t>19099</t>
  </si>
  <si>
    <t>4.232241630554199</t>
  </si>
  <si>
    <t>690.7306518554688</t>
  </si>
  <si>
    <t>0.07488560066780892</t>
  </si>
  <si>
    <t>5.448312759399414</t>
  </si>
  <si>
    <t>599.749755859375</t>
  </si>
  <si>
    <t>0.04344277842741029</t>
  </si>
  <si>
    <t>5.836748123168945</t>
  </si>
  <si>
    <t>520.5369262695312</t>
  </si>
  <si>
    <t>-0.020103469657053452</t>
  </si>
  <si>
    <t>19503</t>
  </si>
  <si>
    <t>5.601621150970459</t>
  </si>
  <si>
    <t>625.0717163085938</t>
  </si>
  <si>
    <t>-0.002406986540933076</t>
  </si>
  <si>
    <t>19770</t>
  </si>
  <si>
    <t>5.609424114227295</t>
  </si>
  <si>
    <t>624.438232421875</t>
  </si>
  <si>
    <t>0.013597337292084788</t>
  </si>
  <si>
    <t>5.271296501159668</t>
  </si>
  <si>
    <t>737.2603149414062</t>
  </si>
  <si>
    <t>0.017697802301706034</t>
  </si>
  <si>
    <t>19719</t>
  </si>
  <si>
    <t>4.8332648277282715</t>
  </si>
  <si>
    <t>574.3629150390625</t>
  </si>
  <si>
    <t>-0.02028080153468359</t>
  </si>
  <si>
    <t>20026</t>
  </si>
  <si>
    <t>6.591111660003662</t>
  </si>
  <si>
    <t>636.5057983398438</t>
  </si>
  <si>
    <t>0.015448791336062584</t>
  </si>
  <si>
    <t>19493</t>
  </si>
  <si>
    <t>6.07533073425293</t>
  </si>
  <si>
    <t>691.1080322265625</t>
  </si>
  <si>
    <t>-0.026976002521603704</t>
  </si>
  <si>
    <t>4.996583461761475</t>
  </si>
  <si>
    <t>653.5916137695312</t>
  </si>
  <si>
    <t>0.05246482354636761</t>
  </si>
  <si>
    <t>5.541569232940674</t>
  </si>
  <si>
    <t>620.30078125</t>
  </si>
  <si>
    <t>-0.023244263133019416</t>
  </si>
  <si>
    <t>2.858673095703125</t>
  </si>
  <si>
    <t>706.8587646484375</t>
  </si>
  <si>
    <t>123.26514434814453</t>
  </si>
  <si>
    <t>Yevrey</t>
  </si>
  <si>
    <t>1.3913393020629883</t>
  </si>
  <si>
    <t>789.998291015625</t>
  </si>
  <si>
    <t>-0.055755152962301935</t>
  </si>
  <si>
    <t>1.4359785318374634</t>
  </si>
  <si>
    <t>639.4155883789062</t>
  </si>
  <si>
    <t>-0.1589653256227983</t>
  </si>
  <si>
    <t>1.344015121459961</t>
  </si>
  <si>
    <t>518.1503295898438</t>
  </si>
  <si>
    <t>-0.09117150524610373</t>
  </si>
  <si>
    <t>6846</t>
  </si>
  <si>
    <t>2.2237801551818848</t>
  </si>
  <si>
    <t>749.6123657226562</t>
  </si>
  <si>
    <t>-0.13506395997429976</t>
  </si>
  <si>
    <t>2.0919551849365234</t>
  </si>
  <si>
    <t>563.1947631835938</t>
  </si>
  <si>
    <t>-0.04313135882651231</t>
  </si>
  <si>
    <t>1.3648918867111206</t>
  </si>
  <si>
    <t>620.2926025390625</t>
  </si>
  <si>
    <t>-0.03919021186459837</t>
  </si>
  <si>
    <t>1.669702172279358</t>
  </si>
  <si>
    <t>657.8699340820312</t>
  </si>
  <si>
    <t>0.013078260935882824</t>
  </si>
  <si>
    <t>2.4187958240509033</t>
  </si>
  <si>
    <t>631.4669799804688</t>
  </si>
  <si>
    <t>-0.05535518594227362</t>
  </si>
  <si>
    <t>1.183481216430664</t>
  </si>
  <si>
    <t>585.4261474609375</t>
  </si>
  <si>
    <t>0.06268579663759688</t>
  </si>
  <si>
    <t>1.1107558012008667</t>
  </si>
  <si>
    <t>606.8865356445312</t>
  </si>
  <si>
    <t>0.09693349949594676</t>
  </si>
  <si>
    <t>1.9283558130264282</t>
  </si>
  <si>
    <t>460.2602844238281</t>
  </si>
  <si>
    <t>0.07314034719413698</t>
  </si>
  <si>
    <t>9457</t>
  </si>
  <si>
    <t>1.9239228963851929</t>
  </si>
  <si>
    <t>645.8104858398438</t>
  </si>
  <si>
    <t>0.21492952029520218</t>
  </si>
  <si>
    <t>10440</t>
  </si>
  <si>
    <t>2.1569716930389404</t>
  </si>
  <si>
    <t>592.1328735351562</t>
  </si>
  <si>
    <t>0.09888937442111789</t>
  </si>
  <si>
    <t>2.1128087043762207</t>
  </si>
  <si>
    <t>643.0534057617188</t>
  </si>
  <si>
    <t>0.09409034868678567</t>
  </si>
  <si>
    <t>1.3129037618637085</t>
  </si>
  <si>
    <t>545.8609008789062</t>
  </si>
  <si>
    <t>0.0639116900207739</t>
  </si>
  <si>
    <t>1.7257442474365234</t>
  </si>
  <si>
    <t>667.0303344726562</t>
  </si>
  <si>
    <t>0.11279985606707577</t>
  </si>
  <si>
    <t>2.2929651737213135</t>
  </si>
  <si>
    <t>582.1912231445312</t>
  </si>
  <si>
    <t>0.15313773599035407</t>
  </si>
  <si>
    <t>2.769798994064331</t>
  </si>
  <si>
    <t>515.0519409179688</t>
  </si>
  <si>
    <t>-0.12660600886098727</t>
  </si>
  <si>
    <t>14520</t>
  </si>
  <si>
    <t>1.1336064338684082</t>
  </si>
  <si>
    <t>678.096435546875</t>
  </si>
  <si>
    <t>0.032548805038153716</t>
  </si>
  <si>
    <t>1.0667160749435425</t>
  </si>
  <si>
    <t>699.860107421875</t>
  </si>
  <si>
    <t>0.10707392296985674</t>
  </si>
  <si>
    <t>1.5697816610336304</t>
  </si>
  <si>
    <t>542.8994140625</t>
  </si>
  <si>
    <t>0.0889843484446029</t>
  </si>
  <si>
    <t>1.1648573875427246</t>
  </si>
  <si>
    <t>756.069091796875</t>
  </si>
  <si>
    <t>0.03389400376532059</t>
  </si>
  <si>
    <t>1.522874355316162</t>
  </si>
  <si>
    <t>719.1853637695312</t>
  </si>
  <si>
    <t>-0.15417804147990388</t>
  </si>
  <si>
    <t>15730</t>
  </si>
  <si>
    <t>2.0625994205474854</t>
  </si>
  <si>
    <t>623.7129516601562</t>
  </si>
  <si>
    <t>0.004268473973660036</t>
  </si>
  <si>
    <t>14915</t>
  </si>
  <si>
    <t>2.162557363510132</t>
  </si>
  <si>
    <t>699.5606689453125</t>
  </si>
  <si>
    <t>-0.053202299103473294</t>
  </si>
  <si>
    <t>1.4288139343261719</t>
  </si>
  <si>
    <t>742.9691772460938</t>
  </si>
  <si>
    <t>-0.006119928983654432</t>
  </si>
  <si>
    <t>1.975597858428955</t>
  </si>
  <si>
    <t>652.8402709960938</t>
  </si>
  <si>
    <t>0.08430940290589994</t>
  </si>
  <si>
    <t>2.306851387023926</t>
  </si>
  <si>
    <t>589.8822631835938</t>
  </si>
  <si>
    <t>-0.10868669824150423</t>
  </si>
  <si>
    <t>14743</t>
  </si>
  <si>
    <t>2.1432840824127197</t>
  </si>
  <si>
    <t>834.3782958984375</t>
  </si>
  <si>
    <t>0.01889820022022981</t>
  </si>
  <si>
    <t>2.0824456214904785</t>
  </si>
  <si>
    <t>790.1129760742188</t>
  </si>
  <si>
    <t>-0.02694876767888843</t>
  </si>
  <si>
    <t>2.548274278640747</t>
  </si>
  <si>
    <t>581.9301147460938</t>
  </si>
  <si>
    <t>0.05246325983989131</t>
  </si>
  <si>
    <t>14776</t>
  </si>
  <si>
    <t>2.1270387172698975</t>
  </si>
  <si>
    <t>688.0042114257812</t>
  </si>
  <si>
    <t>-0.02327864313174821</t>
  </si>
  <si>
    <t>-1.400924563407898</t>
  </si>
  <si>
    <t>489.899658203125</t>
  </si>
  <si>
    <t>698.97412109375</t>
  </si>
  <si>
    <t>Zabaykal'ye</t>
  </si>
  <si>
    <t>-2.593233346939087</t>
  </si>
  <si>
    <t>419.8099060058594</t>
  </si>
  <si>
    <t>-0.05570834629168253</t>
  </si>
  <si>
    <t>-2.423046588897705</t>
  </si>
  <si>
    <t>323.48748779296875</t>
  </si>
  <si>
    <t>-0.159006671172369</t>
  </si>
  <si>
    <t>-2.20780873298645</t>
  </si>
  <si>
    <t>413.29132080078125</t>
  </si>
  <si>
    <t>-0.0911938428957928</t>
  </si>
  <si>
    <t>-1.8458598852157593</t>
  </si>
  <si>
    <t>421.74505615234375</t>
  </si>
  <si>
    <t>-0.13493569000457661</t>
  </si>
  <si>
    <t>-1.804024338722229</t>
  </si>
  <si>
    <t>376.9684753417969</t>
  </si>
  <si>
    <t>-0.043190358057096034</t>
  </si>
  <si>
    <t>-3.0512030124664307</t>
  </si>
  <si>
    <t>403.5764465332031</t>
  </si>
  <si>
    <t>-0.039262972527238205</t>
  </si>
  <si>
    <t>-2.2470085620880127</t>
  </si>
  <si>
    <t>370.06402587890625</t>
  </si>
  <si>
    <t>0.01309903508284549</t>
  </si>
  <si>
    <t>-1.5954924821853638</t>
  </si>
  <si>
    <t>500.1856689453125</t>
  </si>
  <si>
    <t>-0.05536674920209528</t>
  </si>
  <si>
    <t>8360</t>
  </si>
  <si>
    <t>-2.8211476802825928</t>
  </si>
  <si>
    <t>331.7532043457031</t>
  </si>
  <si>
    <t>0.06269015068239447</t>
  </si>
  <si>
    <t>-3.0751922130584717</t>
  </si>
  <si>
    <t>411.9113464355469</t>
  </si>
  <si>
    <t>0.0970485548618285</t>
  </si>
  <si>
    <t>-1.6782134771347046</t>
  </si>
  <si>
    <t>348.9547424316406</t>
  </si>
  <si>
    <t>-0.00173837505750285</t>
  </si>
  <si>
    <t>10167</t>
  </si>
  <si>
    <t>-1.9003678560256958</t>
  </si>
  <si>
    <t>348.9495849609375</t>
  </si>
  <si>
    <t>0.10037857439208864</t>
  </si>
  <si>
    <t>-2.0241858959198</t>
  </si>
  <si>
    <t>352.69573974609375</t>
  </si>
  <si>
    <t>0.050816147030969816</t>
  </si>
  <si>
    <t>10288</t>
  </si>
  <si>
    <t>-2.0435264110565186</t>
  </si>
  <si>
    <t>256.8592529296875</t>
  </si>
  <si>
    <t>-0.03898516082873016</t>
  </si>
  <si>
    <t>-2.676274061203003</t>
  </si>
  <si>
    <t>377.076904296875</t>
  </si>
  <si>
    <t>-0.05227601496454959</t>
  </si>
  <si>
    <t>-2.760660409927368</t>
  </si>
  <si>
    <t>309.7572937011719</t>
  </si>
  <si>
    <t>0.13210934553420195</t>
  </si>
  <si>
    <t>-1.2933183908462524</t>
  </si>
  <si>
    <t>286.1988220214844</t>
  </si>
  <si>
    <t>0.07276092870994688</t>
  </si>
  <si>
    <t>-1.3970961570739746</t>
  </si>
  <si>
    <t>426.8424377441406</t>
  </si>
  <si>
    <t>0.09793145300080752</t>
  </si>
  <si>
    <t>-3.2457199096679688</t>
  </si>
  <si>
    <t>416.42364501953125</t>
  </si>
  <si>
    <t>0.03304117812967888</t>
  </si>
  <si>
    <t>-3.648707389831543</t>
  </si>
  <si>
    <t>356.487548828125</t>
  </si>
  <si>
    <t>-0.001611721960610879</t>
  </si>
  <si>
    <t>14511</t>
  </si>
  <si>
    <t>-2.278414726257324</t>
  </si>
  <si>
    <t>337.4071044921875</t>
  </si>
  <si>
    <t>0.06197364656421733</t>
  </si>
  <si>
    <t>-3.390488386154175</t>
  </si>
  <si>
    <t>478.8384094238281</t>
  </si>
  <si>
    <t>0.042697431398066144</t>
  </si>
  <si>
    <t>-2.195208787918091</t>
  </si>
  <si>
    <t>500.1636657714844</t>
  </si>
  <si>
    <t>-0.032072524235413624</t>
  </si>
  <si>
    <t>-1.418215274810791</t>
  </si>
  <si>
    <t>326.6829528808594</t>
  </si>
  <si>
    <t>-0.06828205289589562</t>
  </si>
  <si>
    <t>12776</t>
  </si>
  <si>
    <t>-1.7630878686904907</t>
  </si>
  <si>
    <t>305.1620788574219</t>
  </si>
  <si>
    <t>-0.06968142586300097</t>
  </si>
  <si>
    <t>-2.1671392917633057</t>
  </si>
  <si>
    <t>364.4111022949219</t>
  </si>
  <si>
    <t>0.06543824150260491</t>
  </si>
  <si>
    <t>-1.6003642082214355</t>
  </si>
  <si>
    <t>350.2417297363281</t>
  </si>
  <si>
    <t>0.02354754698182404</t>
  </si>
  <si>
    <t>-1.3962761163711548</t>
  </si>
  <si>
    <t>461.3016357421875</t>
  </si>
  <si>
    <t>-0.029503665916967847</t>
  </si>
  <si>
    <t>-1.5974693298339844</t>
  </si>
  <si>
    <t>377.1353454589844</t>
  </si>
  <si>
    <t>0.047950446532221136</t>
  </si>
  <si>
    <t>-1.0942230224609375</t>
  </si>
  <si>
    <t>481.42962646484375</t>
  </si>
  <si>
    <t>-0.0270045977565605</t>
  </si>
  <si>
    <t>14592</t>
  </si>
  <si>
    <t>-1.387374758720398</t>
  </si>
  <si>
    <t>504.1578674316406</t>
  </si>
  <si>
    <t>0.05247705107614209</t>
  </si>
  <si>
    <t>-2.0201480388641357</t>
  </si>
  <si>
    <t>404.11456298828125</t>
  </si>
  <si>
    <t>-0.023295562603522058</t>
  </si>
  <si>
    <t>RWA</t>
  </si>
  <si>
    <t>680</t>
  </si>
  <si>
    <t>17.166669845581055</t>
  </si>
  <si>
    <t>470.6394958496094</t>
  </si>
  <si>
    <t>Amajyaruguru</t>
  </si>
  <si>
    <t>Rwanda</t>
  </si>
  <si>
    <t>1270.5</t>
  </si>
  <si>
    <t>-0.062188343792617395</t>
  </si>
  <si>
    <t>651</t>
  </si>
  <si>
    <t>1281.0999755859375</t>
  </si>
  <si>
    <t>0.018605187831034264</t>
  </si>
  <si>
    <t>569</t>
  </si>
  <si>
    <t>1203.0999755859375</t>
  </si>
  <si>
    <t>-0.134629208082238</t>
  </si>
  <si>
    <t>17.341665267944336</t>
  </si>
  <si>
    <t>1270.2000732421875</t>
  </si>
  <si>
    <t>-0.5569830527596231</t>
  </si>
  <si>
    <t>1310.10009765625</t>
  </si>
  <si>
    <t>0.45142724367279996</t>
  </si>
  <si>
    <t>17.316665649414062</t>
  </si>
  <si>
    <t>1278.800048828125</t>
  </si>
  <si>
    <t>-0.052116001139014045</t>
  </si>
  <si>
    <t>1274.7000732421875</t>
  </si>
  <si>
    <t>-0.008264509849893464</t>
  </si>
  <si>
    <t>505</t>
  </si>
  <si>
    <t>1254.5999755859375</t>
  </si>
  <si>
    <t>0.046614315224760006</t>
  </si>
  <si>
    <t>0.027345453890528226</t>
  </si>
  <si>
    <t>0.06345411835644654</t>
  </si>
  <si>
    <t>17.80833625793457</t>
  </si>
  <si>
    <t>1459.7001953125</t>
  </si>
  <si>
    <t>0.05796178805467722</t>
  </si>
  <si>
    <t>646</t>
  </si>
  <si>
    <t>0.09747971420558965</t>
  </si>
  <si>
    <t>18.083332061767578</t>
  </si>
  <si>
    <t>1341.0001220703125</t>
  </si>
  <si>
    <t>-0.009331327428884428</t>
  </si>
  <si>
    <t>0.03681397312271617</t>
  </si>
  <si>
    <t>0.05565125454937725</t>
  </si>
  <si>
    <t>744</t>
  </si>
  <si>
    <t>1414.5999755859375</t>
  </si>
  <si>
    <t>0.05810763080728076</t>
  </si>
  <si>
    <t>1365.9000244140625</t>
  </si>
  <si>
    <t>0.04339931553455578</t>
  </si>
  <si>
    <t>1149.7999267578125</t>
  </si>
  <si>
    <t>0.07677035609955851</t>
  </si>
  <si>
    <t>865</t>
  </si>
  <si>
    <t>18.008333206176758</t>
  </si>
  <si>
    <t>0.030518800464673035</t>
  </si>
  <si>
    <t>18.016666412353516</t>
  </si>
  <si>
    <t>1403.2000732421875</t>
  </si>
  <si>
    <t>0.04188501313074511</t>
  </si>
  <si>
    <t>1419.0001220703125</t>
  </si>
  <si>
    <t>0.04762804898925399</t>
  </si>
  <si>
    <t>1238.4000244140625</t>
  </si>
  <si>
    <t>0.05451220959667591</t>
  </si>
  <si>
    <t>1285.5</t>
  </si>
  <si>
    <t>1261.300048828125</t>
  </si>
  <si>
    <t>0.03288497482839148</t>
  </si>
  <si>
    <t>1346.60009765625</t>
  </si>
  <si>
    <t>0.057316980398593564</t>
  </si>
  <si>
    <t>1277.0001220703125</t>
  </si>
  <si>
    <t>0.02921854599914031</t>
  </si>
  <si>
    <t>0.008688151957637835</t>
  </si>
  <si>
    <t>1220.7999267578125</t>
  </si>
  <si>
    <t>0.05388508849497953</t>
  </si>
  <si>
    <t>1491.2000732421875</t>
  </si>
  <si>
    <t>0.06197375953673223</t>
  </si>
  <si>
    <t>1480.099853515625</t>
  </si>
  <si>
    <t>-0.06197375953673223</t>
  </si>
  <si>
    <t>1449.199951171875</t>
  </si>
  <si>
    <t>0.050418387052893365</t>
  </si>
  <si>
    <t>835</t>
  </si>
  <si>
    <t>19.2547664642334</t>
  </si>
  <si>
    <t>1247.489501953125</t>
  </si>
  <si>
    <t>750.6500244140625</t>
  </si>
  <si>
    <t>Amajyepfo</t>
  </si>
  <si>
    <t>19.274673461914062</t>
  </si>
  <si>
    <t>1112.3798828125</t>
  </si>
  <si>
    <t>-0.06174800706844685</t>
  </si>
  <si>
    <t>19.228477478027344</t>
  </si>
  <si>
    <t>1200.625244140625</t>
  </si>
  <si>
    <t>0.017677227983866395</t>
  </si>
  <si>
    <t>19.20582389831543</t>
  </si>
  <si>
    <t>1132.69384765625</t>
  </si>
  <si>
    <t>-0.13371020353246443</t>
  </si>
  <si>
    <t>19.308897018432617</t>
  </si>
  <si>
    <t>1252.2493896484375</t>
  </si>
  <si>
    <t>-0.5556893149272408</t>
  </si>
  <si>
    <t>19.59061050415039</t>
  </si>
  <si>
    <t>1318.62841796875</t>
  </si>
  <si>
    <t>0.4501698293938716</t>
  </si>
  <si>
    <t>19.33753776550293</t>
  </si>
  <si>
    <t>1345.84521484375</t>
  </si>
  <si>
    <t>-0.05389058963509097</t>
  </si>
  <si>
    <t>19.47847557067871</t>
  </si>
  <si>
    <t>1372.3570556640625</t>
  </si>
  <si>
    <t>19.479204177856445</t>
  </si>
  <si>
    <t>1235.572509765625</t>
  </si>
  <si>
    <t>0.047903460633039074</t>
  </si>
  <si>
    <t>19.457279205322266</t>
  </si>
  <si>
    <t>1038.339111328125</t>
  </si>
  <si>
    <t>0.027050177533025632</t>
  </si>
  <si>
    <t>19.674673080444336</t>
  </si>
  <si>
    <t>1224.856201171875</t>
  </si>
  <si>
    <t>0.06385147198653307</t>
  </si>
  <si>
    <t>19.73462677001953</t>
  </si>
  <si>
    <t>1429.171630859375</t>
  </si>
  <si>
    <t>0.05863008445140494</t>
  </si>
  <si>
    <t>19.959627151489258</t>
  </si>
  <si>
    <t>1124.3447265625</t>
  </si>
  <si>
    <t>0.09657200962474644</t>
  </si>
  <si>
    <t>20.032278060913086</t>
  </si>
  <si>
    <t>1296.9212646484375</t>
  </si>
  <si>
    <t>-0.010139503852439447</t>
  </si>
  <si>
    <t>816</t>
  </si>
  <si>
    <t>19.557443618774414</t>
  </si>
  <si>
    <t>959.1869506835938</t>
  </si>
  <si>
    <t>0.03873063718169867</t>
  </si>
  <si>
    <t>19.755094528198242</t>
  </si>
  <si>
    <t>920.3709716796875</t>
  </si>
  <si>
    <t>0.054840915699585935</t>
  </si>
  <si>
    <t>19.471033096313477</t>
  </si>
  <si>
    <t>1369.1510009765625</t>
  </si>
  <si>
    <t>0.05857530079045681</t>
  </si>
  <si>
    <t>19.65509605407715</t>
  </si>
  <si>
    <t>1322.883056640625</t>
  </si>
  <si>
    <t>0.04388076902658078</t>
  </si>
  <si>
    <t>19.50436782836914</t>
  </si>
  <si>
    <t>1138.0909423828125</t>
  </si>
  <si>
    <t>0.07560274074295137</t>
  </si>
  <si>
    <t>19.920305252075195</t>
  </si>
  <si>
    <t>1256.6165771484375</t>
  </si>
  <si>
    <t>0.031536297118266</t>
  </si>
  <si>
    <t>19.939157485961914</t>
  </si>
  <si>
    <t>1250.1717529296875</t>
  </si>
  <si>
    <t>0.04146148896528157</t>
  </si>
  <si>
    <t>19.42774772644043</t>
  </si>
  <si>
    <t>1504.6392822265625</t>
  </si>
  <si>
    <t>0.04672511439066174</t>
  </si>
  <si>
    <t>19.487537384033203</t>
  </si>
  <si>
    <t>1145.1136474609375</t>
  </si>
  <si>
    <t>0.054475134798265934</t>
  </si>
  <si>
    <t>19.511808395385742</t>
  </si>
  <si>
    <t>1256.739501953125</t>
  </si>
  <si>
    <t>0.018586393629420606</t>
  </si>
  <si>
    <t>1229.39013671875</t>
  </si>
  <si>
    <t>0.033073880721064874</t>
  </si>
  <si>
    <t>19.53300666809082</t>
  </si>
  <si>
    <t>1335.0986328125</t>
  </si>
  <si>
    <t>0.05720144587730669</t>
  </si>
  <si>
    <t>1407</t>
  </si>
  <si>
    <t>19.711809158325195</t>
  </si>
  <si>
    <t>1244.2095947265625</t>
  </si>
  <si>
    <t>0.028841220390440014</t>
  </si>
  <si>
    <t>1420</t>
  </si>
  <si>
    <t>19.841341018676758</t>
  </si>
  <si>
    <t>1179.531005859375</t>
  </si>
  <si>
    <t>0.009197093480917573</t>
  </si>
  <si>
    <t>19.49061393737793</t>
  </si>
  <si>
    <t>1208.351806640625</t>
  </si>
  <si>
    <t>0.053474013481857874</t>
  </si>
  <si>
    <t>19.649675369262695</t>
  </si>
  <si>
    <t>1300.6234130859375</t>
  </si>
  <si>
    <t>0.062115695272995985</t>
  </si>
  <si>
    <t>19.485353469848633</t>
  </si>
  <si>
    <t>1479.7763671875</t>
  </si>
  <si>
    <t>-0.062115695272995985</t>
  </si>
  <si>
    <t>19.589157104492188</t>
  </si>
  <si>
    <t>1224.86669921875</t>
  </si>
  <si>
    <t>0.07458468475272984</t>
  </si>
  <si>
    <t>19.527021408081055</t>
  </si>
  <si>
    <t>1342.850341796875</t>
  </si>
  <si>
    <t>0.051324272842038</t>
  </si>
  <si>
    <t>716</t>
  </si>
  <si>
    <t>19.548847198486328</t>
  </si>
  <si>
    <t>1049.71630859375</t>
  </si>
  <si>
    <t>1101.374755859375</t>
  </si>
  <si>
    <t>Iburasirazuba</t>
  </si>
  <si>
    <t>19.569543838500977</t>
  </si>
  <si>
    <t>964.5664672851562</t>
  </si>
  <si>
    <t>-0.06342182643749616</t>
  </si>
  <si>
    <t>19.518930435180664</t>
  </si>
  <si>
    <t>972.26171875</t>
  </si>
  <si>
    <t>19.571060180664062</t>
  </si>
  <si>
    <t>919.7066650390625</t>
  </si>
  <si>
    <t>-0.13269631950710092</t>
  </si>
  <si>
    <t>19.61436653137207</t>
  </si>
  <si>
    <t>1027.4310302734375</t>
  </si>
  <si>
    <t>-0.5575311509495098</t>
  </si>
  <si>
    <t>539</t>
  </si>
  <si>
    <t>19.9274845123291</t>
  </si>
  <si>
    <t>1068.34326171875</t>
  </si>
  <si>
    <t>0.4519851237430581</t>
  </si>
  <si>
    <t>511</t>
  </si>
  <si>
    <t>19.630773544311523</t>
  </si>
  <si>
    <t>1051.1690673828125</t>
  </si>
  <si>
    <t>-0.05334598070529317</t>
  </si>
  <si>
    <t>19.76365852355957</t>
  </si>
  <si>
    <t>1116.9122314453125</t>
  </si>
  <si>
    <t>-0.007858586612520924</t>
  </si>
  <si>
    <t>19.796743392944336</t>
  </si>
  <si>
    <t>978.9358520507812</t>
  </si>
  <si>
    <t>0.04813248575046103</t>
  </si>
  <si>
    <t>19.811691284179688</t>
  </si>
  <si>
    <t>840.5011596679688</t>
  </si>
  <si>
    <t>20.02366828918457</t>
  </si>
  <si>
    <t>972.5745849609375</t>
  </si>
  <si>
    <t>20.103599548339844</t>
  </si>
  <si>
    <t>1113.94287109375</t>
  </si>
  <si>
    <t>0.058398576173949834</t>
  </si>
  <si>
    <t>20.3437442779541</t>
  </si>
  <si>
    <t>955.0640869140625</t>
  </si>
  <si>
    <t>0.09575210365330822</t>
  </si>
  <si>
    <t>20.441478729248047</t>
  </si>
  <si>
    <t>1006.4697265625</t>
  </si>
  <si>
    <t>-0.00887579791396842</t>
  </si>
  <si>
    <t>20.004541397094727</t>
  </si>
  <si>
    <t>767.433349609375</t>
  </si>
  <si>
    <t>0.03790541258908231</t>
  </si>
  <si>
    <t>20.22262191772461</t>
  </si>
  <si>
    <t>754.1796875</t>
  </si>
  <si>
    <t>0.05564717871439129</t>
  </si>
  <si>
    <t>783</t>
  </si>
  <si>
    <t>19.860565185546875</t>
  </si>
  <si>
    <t>1170.02392578125</t>
  </si>
  <si>
    <t>0.05783477504260137</t>
  </si>
  <si>
    <t>20.053468704223633</t>
  </si>
  <si>
    <t>1105.64892578125</t>
  </si>
  <si>
    <t>0.04372964061194384</t>
  </si>
  <si>
    <t>19.902456283569336</t>
  </si>
  <si>
    <t>949.6455078125</t>
  </si>
  <si>
    <t>0.07532971940404476</t>
  </si>
  <si>
    <t>20.348766326904297</t>
  </si>
  <si>
    <t>1082.22119140625</t>
  </si>
  <si>
    <t>20.332042694091797</t>
  </si>
  <si>
    <t>1096.7989501953125</t>
  </si>
  <si>
    <t>19.798402786254883</t>
  </si>
  <si>
    <t>1101.6265869140625</t>
  </si>
  <si>
    <t>0.047333938548664634</t>
  </si>
  <si>
    <t>19.82244873046875</t>
  </si>
  <si>
    <t>966.9491577148438</t>
  </si>
  <si>
    <t>0.05380270599297621</t>
  </si>
  <si>
    <t>19.82686424255371</t>
  </si>
  <si>
    <t>1066.7255859375</t>
  </si>
  <si>
    <t>19.6886043548584</t>
  </si>
  <si>
    <t>976.8138427734375</t>
  </si>
  <si>
    <t>0.03309125462632867</t>
  </si>
  <si>
    <t>19.8343563079834</t>
  </si>
  <si>
    <t>1141.3284912109375</t>
  </si>
  <si>
    <t>0.05710818151543684</t>
  </si>
  <si>
    <t>20.062522888183594</t>
  </si>
  <si>
    <t>1006.6580200195312</t>
  </si>
  <si>
    <t>0.028621482327038095</t>
  </si>
  <si>
    <t>20.156728744506836</t>
  </si>
  <si>
    <t>980.3239135742188</t>
  </si>
  <si>
    <t>0.009087216601357362</t>
  </si>
  <si>
    <t>19.854177474975586</t>
  </si>
  <si>
    <t>971.5328369140625</t>
  </si>
  <si>
    <t>0.0536343020895238</t>
  </si>
  <si>
    <t>20.036346435546875</t>
  </si>
  <si>
    <t>1132.991943359375</t>
  </si>
  <si>
    <t>0.06268567551509907</t>
  </si>
  <si>
    <t>19.885393142700195</t>
  </si>
  <si>
    <t>1197.88134765625</t>
  </si>
  <si>
    <t>-0.06268567551509907</t>
  </si>
  <si>
    <t>19.959060668945312</t>
  </si>
  <si>
    <t>984.1139526367188</t>
  </si>
  <si>
    <t>0.07505396704912215</t>
  </si>
  <si>
    <t>19.89893913269043</t>
  </si>
  <si>
    <t>1124.8868408203125</t>
  </si>
  <si>
    <t>0.05075084794083473</t>
  </si>
  <si>
    <t>786</t>
  </si>
  <si>
    <t>1428.9998779296875</t>
  </si>
  <si>
    <t>308.5935363769531</t>
  </si>
  <si>
    <t>Iburengerazuba</t>
  </si>
  <si>
    <t>738</t>
  </si>
  <si>
    <t>17.95833396911621</t>
  </si>
  <si>
    <t>-0.06301296782873411</t>
  </si>
  <si>
    <t>0.017461827163661958</t>
  </si>
  <si>
    <t>1296.0999755859375</t>
  </si>
  <si>
    <t>-0.13372163327952435</t>
  </si>
  <si>
    <t>1459.0</t>
  </si>
  <si>
    <t>-0.5554388310365992</t>
  </si>
  <si>
    <t>1540.2000732421875</t>
  </si>
  <si>
    <t>0.4495708299580876</t>
  </si>
  <si>
    <t>17.975000381469727</t>
  </si>
  <si>
    <t>1557.4000244140625</t>
  </si>
  <si>
    <t>-0.052095111883402545</t>
  </si>
  <si>
    <t>18.133333206176758</t>
  </si>
  <si>
    <t>1695.5999755859375</t>
  </si>
  <si>
    <t>-0.008952611272113664</t>
  </si>
  <si>
    <t>1495.4000244140625</t>
  </si>
  <si>
    <t>0.049132688577644856</t>
  </si>
  <si>
    <t>0.02536061528722211</t>
  </si>
  <si>
    <t>18.308332443237305</t>
  </si>
  <si>
    <t>1446.4000244140625</t>
  </si>
  <si>
    <t>0.06464285626208532</t>
  </si>
  <si>
    <t>1761.5</t>
  </si>
  <si>
    <t>0.057766818534740416</t>
  </si>
  <si>
    <t>18.59166717529297</t>
  </si>
  <si>
    <t>0.09705432729148544</t>
  </si>
  <si>
    <t>-0.009427679255558985</t>
  </si>
  <si>
    <t>1112.300048828125</t>
  </si>
  <si>
    <t>0.03718888041905455</t>
  </si>
  <si>
    <t>1105.599853515625</t>
  </si>
  <si>
    <t>0.05578125274815715</t>
  </si>
  <si>
    <t>1610.2000732421875</t>
  </si>
  <si>
    <t>0.05866433513214009</t>
  </si>
  <si>
    <t>18.34166717529297</t>
  </si>
  <si>
    <t>1604.7001953125</t>
  </si>
  <si>
    <t>0.043237679054646705</t>
  </si>
  <si>
    <t>0.07609454358856649</t>
  </si>
  <si>
    <t>18.575000762939453</t>
  </si>
  <si>
    <t>0.030490166757787485</t>
  </si>
  <si>
    <t>1589.2999267578125</t>
  </si>
  <si>
    <t>0.04214244366475839</t>
  </si>
  <si>
    <t>1808.800048828125</t>
  </si>
  <si>
    <t>0.04686893399153824</t>
  </si>
  <si>
    <t>1153</t>
  </si>
  <si>
    <t>1387.5</t>
  </si>
  <si>
    <t>0.0543563639642084</t>
  </si>
  <si>
    <t>1476.0001220703125</t>
  </si>
  <si>
    <t>1483.0999755859375</t>
  </si>
  <si>
    <t>0.03265254504118431</t>
  </si>
  <si>
    <t>1286</t>
  </si>
  <si>
    <t>1509.2999267578125</t>
  </si>
  <si>
    <t>0.05761593317812075</t>
  </si>
  <si>
    <t>1487.0</t>
  </si>
  <si>
    <t>0.028365259317391534</t>
  </si>
  <si>
    <t>1400.39990234375</t>
  </si>
  <si>
    <t>0.009029406719394117</t>
  </si>
  <si>
    <t>1472.5999755859375</t>
  </si>
  <si>
    <t>0.05394894106432968</t>
  </si>
  <si>
    <t>18.19999885559082</t>
  </si>
  <si>
    <t>1796.60009765625</t>
  </si>
  <si>
    <t>0.06191798620391786</t>
  </si>
  <si>
    <t>1782.2999267578125</t>
  </si>
  <si>
    <t>-0.06191798620391786</t>
  </si>
  <si>
    <t>0.07451344605689503</t>
  </si>
  <si>
    <t>1727.7000732421875</t>
  </si>
  <si>
    <t>SLV</t>
  </si>
  <si>
    <t>1352.4000244140625</t>
  </si>
  <si>
    <t>96.62236022949219</t>
  </si>
  <si>
    <t>Chalatenango</t>
  </si>
  <si>
    <t>El Salvador</t>
  </si>
  <si>
    <t>1387.7000732421875</t>
  </si>
  <si>
    <t>-0.002226346003082469</t>
  </si>
  <si>
    <t>23.08333396911621</t>
  </si>
  <si>
    <t>1349.300048828125</t>
  </si>
  <si>
    <t>0.05105180906589801</t>
  </si>
  <si>
    <t>1512.4000244140625</t>
  </si>
  <si>
    <t>0.042500782237575585</t>
  </si>
  <si>
    <t>1216.4000244140625</t>
  </si>
  <si>
    <t>0.034904656877319695</t>
  </si>
  <si>
    <t>0.03656597238138026</t>
  </si>
  <si>
    <t>3176</t>
  </si>
  <si>
    <t>22.92500114440918</t>
  </si>
  <si>
    <t>1580.5001220703125</t>
  </si>
  <si>
    <t>0.00031491104023473326</t>
  </si>
  <si>
    <t>23.35833168029785</t>
  </si>
  <si>
    <t>1452.9002685546875</t>
  </si>
  <si>
    <t>0.09685467000066161</t>
  </si>
  <si>
    <t>23.5</t>
  </si>
  <si>
    <t>1497.9000244140625</t>
  </si>
  <si>
    <t>1437.10009765625</t>
  </si>
  <si>
    <t>0.07923690585717225</t>
  </si>
  <si>
    <t>1473.9998779296875</t>
  </si>
  <si>
    <t>0.09035121873569096</t>
  </si>
  <si>
    <t>0.08123170786456946</t>
  </si>
  <si>
    <t>1324.10009765625</t>
  </si>
  <si>
    <t>0.08340605353740749</t>
  </si>
  <si>
    <t>23.59166717529297</t>
  </si>
  <si>
    <t>1357.60009765625</t>
  </si>
  <si>
    <t>0.0024333189357896856</t>
  </si>
  <si>
    <t>1402.2000732421875</t>
  </si>
  <si>
    <t>-0.002995695930648523</t>
  </si>
  <si>
    <t>23.375</t>
  </si>
  <si>
    <t>1547.2000732421875</t>
  </si>
  <si>
    <t>0.015628225057296774</t>
  </si>
  <si>
    <t>5596</t>
  </si>
  <si>
    <t>1595.4998779296875</t>
  </si>
  <si>
    <t>0.03250990012747401</t>
  </si>
  <si>
    <t>1433.60009765625</t>
  </si>
  <si>
    <t>0.006412562052505066</t>
  </si>
  <si>
    <t>1568.5001220703125</t>
  </si>
  <si>
    <t>0.007077170374085284</t>
  </si>
  <si>
    <t>1395.2999267578125</t>
  </si>
  <si>
    <t>-0.03534951352726168</t>
  </si>
  <si>
    <t>23.125001907348633</t>
  </si>
  <si>
    <t>1611.300048828125</t>
  </si>
  <si>
    <t>0.007460684228490777</t>
  </si>
  <si>
    <t>1528.7998046875</t>
  </si>
  <si>
    <t>0.042416082242791475</t>
  </si>
  <si>
    <t>1451.39990234375</t>
  </si>
  <si>
    <t>0.0338262519974073</t>
  </si>
  <si>
    <t>1748.599853515625</t>
  </si>
  <si>
    <t>0.026685929297389777</t>
  </si>
  <si>
    <t>1204.0001220703125</t>
  </si>
  <si>
    <t>0.022160227481032635</t>
  </si>
  <si>
    <t>0.029165778180461288</t>
  </si>
  <si>
    <t>23.92500114440918</t>
  </si>
  <si>
    <t>1434.7000732421875</t>
  </si>
  <si>
    <t>0.030451438654033325</t>
  </si>
  <si>
    <t>1420.0001220703125</t>
  </si>
  <si>
    <t>0.028380182700344037</t>
  </si>
  <si>
    <t>1269.5001220703125</t>
  </si>
  <si>
    <t>0.030727264141479083</t>
  </si>
  <si>
    <t>1234.300048828125</t>
  </si>
  <si>
    <t>0.030913714210711873</t>
  </si>
  <si>
    <t>-0.07506201897437847</t>
  </si>
  <si>
    <t>23.68332862854004</t>
  </si>
  <si>
    <t>1411.0999755859375</t>
  </si>
  <si>
    <t>0.11078010157645757</t>
  </si>
  <si>
    <t>23.441667556762695</t>
  </si>
  <si>
    <t>1517.2998046875</t>
  </si>
  <si>
    <t>0.0223428928913183</t>
  </si>
  <si>
    <t>4491</t>
  </si>
  <si>
    <t>134.79635620117188</t>
  </si>
  <si>
    <t>San Miguel</t>
  </si>
  <si>
    <t>4479</t>
  </si>
  <si>
    <t>1448.7000732421875</t>
  </si>
  <si>
    <t>-0.0026755868804375638</t>
  </si>
  <si>
    <t>4715</t>
  </si>
  <si>
    <t>25.583335876464844</t>
  </si>
  <si>
    <t>2304.0</t>
  </si>
  <si>
    <t>0.051349108860257786</t>
  </si>
  <si>
    <t>25.458335876464844</t>
  </si>
  <si>
    <t>1984.2999267578125</t>
  </si>
  <si>
    <t>1257.699951171875</t>
  </si>
  <si>
    <t>0.03495113617047174</t>
  </si>
  <si>
    <t>1838.9000244140625</t>
  </si>
  <si>
    <t>0.03661295264751274</t>
  </si>
  <si>
    <t>25.208330154418945</t>
  </si>
  <si>
    <t>1889.89990234375</t>
  </si>
  <si>
    <t>5428</t>
  </si>
  <si>
    <t>1674.8001708984375</t>
  </si>
  <si>
    <t>0.02669812265042104</t>
  </si>
  <si>
    <t>25.83333396911621</t>
  </si>
  <si>
    <t>1665.0</t>
  </si>
  <si>
    <t>0.0225874812318807</t>
  </si>
  <si>
    <t>5656</t>
  </si>
  <si>
    <t>1629.4000244140625</t>
  </si>
  <si>
    <t>0.01855870538976845</t>
  </si>
  <si>
    <t>0.29805944110428406</t>
  </si>
  <si>
    <t>25.750001907348633</t>
  </si>
  <si>
    <t>1627.10009765625</t>
  </si>
  <si>
    <t>0.2294230067990526</t>
  </si>
  <si>
    <t>25.849998474121094</t>
  </si>
  <si>
    <t>1485.4000244140625</t>
  </si>
  <si>
    <t>0.19545009222327359</t>
  </si>
  <si>
    <t>25.941665649414062</t>
  </si>
  <si>
    <t>1596.4000244140625</t>
  </si>
  <si>
    <t>-0.04870436040259385</t>
  </si>
  <si>
    <t>25.775001525878906</t>
  </si>
  <si>
    <t>-0.05814459152727913</t>
  </si>
  <si>
    <t>1667.5999755859375</t>
  </si>
  <si>
    <t>-0.043918064748279306</t>
  </si>
  <si>
    <t>-0.03213820105970555</t>
  </si>
  <si>
    <t>9102</t>
  </si>
  <si>
    <t>1648.7999267578125</t>
  </si>
  <si>
    <t>-0.06425008138857358</t>
  </si>
  <si>
    <t>2044.39990234375</t>
  </si>
  <si>
    <t>-0.0705478985420509</t>
  </si>
  <si>
    <t>1348.89990234375</t>
  </si>
  <si>
    <t>-0.12144452914643722</t>
  </si>
  <si>
    <t>1670.39990234375</t>
  </si>
  <si>
    <t>-0.08890104976649305</t>
  </si>
  <si>
    <t>1664.8001708984375</t>
  </si>
  <si>
    <t>0.03783193292849951</t>
  </si>
  <si>
    <t>1635.89990234375</t>
  </si>
  <si>
    <t>0.02913162447876516</t>
  </si>
  <si>
    <t>1980.900146484375</t>
  </si>
  <si>
    <t>0.02220369760504326</t>
  </si>
  <si>
    <t>1365.39990234375</t>
  </si>
  <si>
    <t>0.017676228597323984</t>
  </si>
  <si>
    <t>7839</t>
  </si>
  <si>
    <t>1595.800048828125</t>
  </si>
  <si>
    <t>0.02466709945748491</t>
  </si>
  <si>
    <t>1664.900146484375</t>
  </si>
  <si>
    <t>0.026063798321009912</t>
  </si>
  <si>
    <t>1641.2999267578125</t>
  </si>
  <si>
    <t>0.02406795938902917</t>
  </si>
  <si>
    <t>1556.0</t>
  </si>
  <si>
    <t>0.026460687771344027</t>
  </si>
  <si>
    <t>1313.400146484375</t>
  </si>
  <si>
    <t>0.02681438340895781</t>
  </si>
  <si>
    <t>8030</t>
  </si>
  <si>
    <t>26.23333740234375</t>
  </si>
  <si>
    <t>1657.7000732421875</t>
  </si>
  <si>
    <t>-0.0793335761382572</t>
  </si>
  <si>
    <t>25.983335494995117</t>
  </si>
  <si>
    <t>1666.9000244140625</t>
  </si>
  <si>
    <t>0.10667969497125718</t>
  </si>
  <si>
    <t>1673.8001708984375</t>
  </si>
  <si>
    <t>0.02235842998372739</t>
  </si>
  <si>
    <t>24.02500343322754</t>
  </si>
  <si>
    <t>756.7537231445312</t>
  </si>
  <si>
    <t>San Salvador</t>
  </si>
  <si>
    <t>7966</t>
  </si>
  <si>
    <t>24.200002670288086</t>
  </si>
  <si>
    <t>1604.5999755859375</t>
  </si>
  <si>
    <t>-0.0025075238815777112</t>
  </si>
  <si>
    <t>24.17500114440918</t>
  </si>
  <si>
    <t>2336.2001953125</t>
  </si>
  <si>
    <t>0.05126191051571993</t>
  </si>
  <si>
    <t>24.100004196166992</t>
  </si>
  <si>
    <t>2216.400146484375</t>
  </si>
  <si>
    <t>0.04249501284895629</t>
  </si>
  <si>
    <t>24.375001907348633</t>
  </si>
  <si>
    <t>1491.9998779296875</t>
  </si>
  <si>
    <t>0.034929711930759666</t>
  </si>
  <si>
    <t>24.258333206176758</t>
  </si>
  <si>
    <t>2125.39990234375</t>
  </si>
  <si>
    <t>0.036627780625735795</t>
  </si>
  <si>
    <t>0.0001063999575414698</t>
  </si>
  <si>
    <t>1760.1002197265625</t>
  </si>
  <si>
    <t>0.009635311983672068</t>
  </si>
  <si>
    <t>24.591665267944336</t>
  </si>
  <si>
    <t>1811.60009765625</t>
  </si>
  <si>
    <t>0.005254872838358793</t>
  </si>
  <si>
    <t>23.733335494995117</t>
  </si>
  <si>
    <t>1746.2999267578125</t>
  </si>
  <si>
    <t>0.0011523755924045531</t>
  </si>
  <si>
    <t>1785.000244140625</t>
  </si>
  <si>
    <t>-0.17097376962212785</t>
  </si>
  <si>
    <t>24.458335876464844</t>
  </si>
  <si>
    <t>1840.2998046875</t>
  </si>
  <si>
    <t>-0.21141140069067355</t>
  </si>
  <si>
    <t>24.541669845581055</t>
  </si>
  <si>
    <t>1809.2998046875</t>
  </si>
  <si>
    <t>-0.26302439636431885</t>
  </si>
  <si>
    <t>24.649999618530273</t>
  </si>
  <si>
    <t>1623.9998779296875</t>
  </si>
  <si>
    <t>0.10597921023205181</t>
  </si>
  <si>
    <t>1684.39990234375</t>
  </si>
  <si>
    <t>0.09254758906009819</t>
  </si>
  <si>
    <t>1890.099853515625</t>
  </si>
  <si>
    <t>0.10450895003581628</t>
  </si>
  <si>
    <t>0.11584794264367915</t>
  </si>
  <si>
    <t>24.383337020874023</t>
  </si>
  <si>
    <t>1632.199951171875</t>
  </si>
  <si>
    <t>0.08480934826226338</t>
  </si>
  <si>
    <t>1818.500244140625</t>
  </si>
  <si>
    <t>0.08129474239324708</t>
  </si>
  <si>
    <t>24.575002670288086</t>
  </si>
  <si>
    <t>1499.4002685546875</t>
  </si>
  <si>
    <t>0.03518719653688507</t>
  </si>
  <si>
    <t>24.225000381469727</t>
  </si>
  <si>
    <t>1830.7999267578125</t>
  </si>
  <si>
    <t>0.07466770870878037</t>
  </si>
  <si>
    <t>1864.5999755859375</t>
  </si>
  <si>
    <t>0.026841310541817265</t>
  </si>
  <si>
    <t>10497</t>
  </si>
  <si>
    <t>1745.1002197265625</t>
  </si>
  <si>
    <t>0.01816920926354193</t>
  </si>
  <si>
    <t>1956.60009765625</t>
  </si>
  <si>
    <t>0.0110843823520419</t>
  </si>
  <si>
    <t>1732.2003173828125</t>
  </si>
  <si>
    <t>0.006760589129877204</t>
  </si>
  <si>
    <t>24.90833282470703</t>
  </si>
  <si>
    <t>1533.900146484375</t>
  </si>
  <si>
    <t>0.013662557427851496</t>
  </si>
  <si>
    <t>24.983335494995117</t>
  </si>
  <si>
    <t>1745.0</t>
  </si>
  <si>
    <t>0.014934539339568786</t>
  </si>
  <si>
    <t>11140</t>
  </si>
  <si>
    <t>24.60833740234375</t>
  </si>
  <si>
    <t>1887.2001953125</t>
  </si>
  <si>
    <t>0.013010664196137611</t>
  </si>
  <si>
    <t>24.416669845581055</t>
  </si>
  <si>
    <t>1759.1002197265625</t>
  </si>
  <si>
    <t>0.01532187465507917</t>
  </si>
  <si>
    <t>1457.5999755859375</t>
  </si>
  <si>
    <t>0.015612982706446843</t>
  </si>
  <si>
    <t>1668.2998046875</t>
  </si>
  <si>
    <t>-0.09048285965893044</t>
  </si>
  <si>
    <t>11548</t>
  </si>
  <si>
    <t>24.724998474121094</t>
  </si>
  <si>
    <t>0.09551802959895461</t>
  </si>
  <si>
    <t>24.491668701171875</t>
  </si>
  <si>
    <t>1833.0999755859375</t>
  </si>
  <si>
    <t>0.022265006057429204</t>
  </si>
  <si>
    <t>24.98333740234375</t>
  </si>
  <si>
    <t>1659.7999267578125</t>
  </si>
  <si>
    <t>176.44061279296875</t>
  </si>
  <si>
    <t>San Vicente</t>
  </si>
  <si>
    <t>1620.2998046875</t>
  </si>
  <si>
    <t>-0.0025518355155469408</t>
  </si>
  <si>
    <t>2470.900146484375</t>
  </si>
  <si>
    <t>0.05105372561020083</t>
  </si>
  <si>
    <t>3438</t>
  </si>
  <si>
    <t>25.01666831970215</t>
  </si>
  <si>
    <t>1858.89990234375</t>
  </si>
  <si>
    <t>0.042483739006188515</t>
  </si>
  <si>
    <t>1798.5001220703125</t>
  </si>
  <si>
    <t>0.035151497334982906</t>
  </si>
  <si>
    <t>25.08333396911621</t>
  </si>
  <si>
    <t>2018.900146484375</t>
  </si>
  <si>
    <t>0.03639773157478565</t>
  </si>
  <si>
    <t>3694</t>
  </si>
  <si>
    <t>0.0002707459066222384</t>
  </si>
  <si>
    <t>3901</t>
  </si>
  <si>
    <t>1825.800048828125</t>
  </si>
  <si>
    <t>0.054523048747469716</t>
  </si>
  <si>
    <t>25.46666717529297</t>
  </si>
  <si>
    <t>1853.2001953125</t>
  </si>
  <si>
    <t>0.049266119292189714</t>
  </si>
  <si>
    <t>4284</t>
  </si>
  <si>
    <t>24.625</t>
  </si>
  <si>
    <t>1786.599853515625</t>
  </si>
  <si>
    <t>0.04438810276879401</t>
  </si>
  <si>
    <t>24.95833396911621</t>
  </si>
  <si>
    <t>1845.199951171875</t>
  </si>
  <si>
    <t>0.14268058727811095</t>
  </si>
  <si>
    <t>1947.2001953125</t>
  </si>
  <si>
    <t>0.12376926506789587</t>
  </si>
  <si>
    <t>6297</t>
  </si>
  <si>
    <t>1800.5001220703125</t>
  </si>
  <si>
    <t>0.11873632457509586</t>
  </si>
  <si>
    <t>6210</t>
  </si>
  <si>
    <t>1740.2000732421875</t>
  </si>
  <si>
    <t>-0.013912433561218407</t>
  </si>
  <si>
    <t>-0.020005546433599974</t>
  </si>
  <si>
    <t>1856.10009765625</t>
  </si>
  <si>
    <t>-0.0021379828882306384</t>
  </si>
  <si>
    <t>1843.10009765625</t>
  </si>
  <si>
    <t>0.014221735408877834</t>
  </si>
  <si>
    <t>25.224998474121094</t>
  </si>
  <si>
    <t>1814.10009765625</t>
  </si>
  <si>
    <t>-0.0127411066938663</t>
  </si>
  <si>
    <t>1830.9002685546875</t>
  </si>
  <si>
    <t>-0.012739025777429802</t>
  </si>
  <si>
    <t>1823.5999755859375</t>
  </si>
  <si>
    <t>-0.05615991151035793</t>
  </si>
  <si>
    <t>25.200002670288086</t>
  </si>
  <si>
    <t>1856.699951171875</t>
  </si>
  <si>
    <t>-0.014189666957518554</t>
  </si>
  <si>
    <t>25.350000381469727</t>
  </si>
  <si>
    <t>1851.0001220703125</t>
  </si>
  <si>
    <t>0.03717117977055828</t>
  </si>
  <si>
    <t>25.433334350585938</t>
  </si>
  <si>
    <t>1813.0001220703125</t>
  </si>
  <si>
    <t>0.028338198978296703</t>
  </si>
  <si>
    <t>1844.900146484375</t>
  </si>
  <si>
    <t>0.02151688439888133</t>
  </si>
  <si>
    <t>1879.39990234375</t>
  </si>
  <si>
    <t>0.016886259336168052</t>
  </si>
  <si>
    <t>25.833335876464844</t>
  </si>
  <si>
    <t>1828.6002197265625</t>
  </si>
  <si>
    <t>0.02402087974978606</t>
  </si>
  <si>
    <t>1817.89990234375</t>
  </si>
  <si>
    <t>0.02529815988180495</t>
  </si>
  <si>
    <t>6680</t>
  </si>
  <si>
    <t>1835.4998779296875</t>
  </si>
  <si>
    <t>0.02347703433979831</t>
  </si>
  <si>
    <t>1817.400146484375</t>
  </si>
  <si>
    <t>0.025714435903861244</t>
  </si>
  <si>
    <t>25.650001525878906</t>
  </si>
  <si>
    <t>1800.0</t>
  </si>
  <si>
    <t>0.02606526711393542</t>
  </si>
  <si>
    <t>1828.5</t>
  </si>
  <si>
    <t>-0.08001901688569824</t>
  </si>
  <si>
    <t>1805.100341796875</t>
  </si>
  <si>
    <t>0.1061147737883914</t>
  </si>
  <si>
    <t>1843.5999755859375</t>
  </si>
  <si>
    <t>0.022322049731506866</t>
  </si>
  <si>
    <t>2326</t>
  </si>
  <si>
    <t>24.258337020874023</t>
  </si>
  <si>
    <t>311.0212707519531</t>
  </si>
  <si>
    <t>Sonsonate</t>
  </si>
  <si>
    <t>1677.5999755859375</t>
  </si>
  <si>
    <t>-0.0025590336170591144</t>
  </si>
  <si>
    <t>2082.900146484375</t>
  </si>
  <si>
    <t>0.051526204601715975</t>
  </si>
  <si>
    <t>24.049997329711914</t>
  </si>
  <si>
    <t>1964.7000732421875</t>
  </si>
  <si>
    <t>0.04244898883098536</t>
  </si>
  <si>
    <t>4883</t>
  </si>
  <si>
    <t>24.32499885559082</t>
  </si>
  <si>
    <t>0.03479880240439748</t>
  </si>
  <si>
    <t>24.350000381469727</t>
  </si>
  <si>
    <t>1993.6002197265625</t>
  </si>
  <si>
    <t>0.036594352621124315</t>
  </si>
  <si>
    <t>1885.6998291015625</t>
  </si>
  <si>
    <t>0.0001974138788369828</t>
  </si>
  <si>
    <t>24.40833282470703</t>
  </si>
  <si>
    <t>1724.500244140625</t>
  </si>
  <si>
    <t>0.013917699905647396</t>
  </si>
  <si>
    <t>1861.4000244140625</t>
  </si>
  <si>
    <t>0.00968624388413275</t>
  </si>
  <si>
    <t>1767.2999267578125</t>
  </si>
  <si>
    <t>0.005575329255087524</t>
  </si>
  <si>
    <t>5558</t>
  </si>
  <si>
    <t>23.883333206176758</t>
  </si>
  <si>
    <t>1759.5</t>
  </si>
  <si>
    <t>0.06350750669596117</t>
  </si>
  <si>
    <t>5890</t>
  </si>
  <si>
    <t>0.05801766634318284</t>
  </si>
  <si>
    <t>1709.4998779296875</t>
  </si>
  <si>
    <t>0.06283928538461048</t>
  </si>
  <si>
    <t>1668.89990234375</t>
  </si>
  <si>
    <t>-0.008164617515223682</t>
  </si>
  <si>
    <t>1769.89990234375</t>
  </si>
  <si>
    <t>-0.014083599840821748</t>
  </si>
  <si>
    <t>2014.60009765625</t>
  </si>
  <si>
    <t>0.004229711853367846</t>
  </si>
  <si>
    <t>1918.500244140625</t>
  </si>
  <si>
    <t>24.16666603088379</t>
  </si>
  <si>
    <t>1774.5</t>
  </si>
  <si>
    <t>-0.005899722127187701</t>
  </si>
  <si>
    <t>1943.9000244140625</t>
  </si>
  <si>
    <t>-0.005452226463409815</t>
  </si>
  <si>
    <t>-0.04825967297037792</t>
  </si>
  <si>
    <t>24.083330154418945</t>
  </si>
  <si>
    <t>2022.3001708984375</t>
  </si>
  <si>
    <t>-0.005923686611822632</t>
  </si>
  <si>
    <t>24.408334732055664</t>
  </si>
  <si>
    <t>0.04805430813758527</t>
  </si>
  <si>
    <t>1708.0001220703125</t>
  </si>
  <si>
    <t>0.03933893448241399</t>
  </si>
  <si>
    <t>24.25</t>
  </si>
  <si>
    <t>2000.2001953125</t>
  </si>
  <si>
    <t>0.031991708138232156</t>
  </si>
  <si>
    <t>1726.5001220703125</t>
  </si>
  <si>
    <t>0.027635096891595268</t>
  </si>
  <si>
    <t>24.683334350585938</t>
  </si>
  <si>
    <t>1678.8001708984375</t>
  </si>
  <si>
    <t>0.03414087434483193</t>
  </si>
  <si>
    <t>24.691667556762695</t>
  </si>
  <si>
    <t>1740.2999267578125</t>
  </si>
  <si>
    <t>0.03547704599441026</t>
  </si>
  <si>
    <t>1832.5001220703125</t>
  </si>
  <si>
    <t>7838</t>
  </si>
  <si>
    <t>24.08333396911621</t>
  </si>
  <si>
    <t>0.03558354898122751</t>
  </si>
  <si>
    <t>24.516664505004883</t>
  </si>
  <si>
    <t>0.03571584429137786</t>
  </si>
  <si>
    <t>1853.2000732421875</t>
  </si>
  <si>
    <t>-0.07063858574178639</t>
  </si>
  <si>
    <t>24.616668701171875</t>
  </si>
  <si>
    <t>1677.0999755859375</t>
  </si>
  <si>
    <t>0.11541679679686467</t>
  </si>
  <si>
    <t>24.316667556762695</t>
  </si>
  <si>
    <t>1902.9000244140625</t>
  </si>
  <si>
    <t>0.022234778988735826</t>
  </si>
  <si>
    <t>26.55183219909668</t>
  </si>
  <si>
    <t>1503.8701171875</t>
  </si>
  <si>
    <t>364.13226318359375</t>
  </si>
  <si>
    <t>Usulutn</t>
  </si>
  <si>
    <t>26.711828231811523</t>
  </si>
  <si>
    <t>1577.533203125</t>
  </si>
  <si>
    <t>-0.0024989600676388335</t>
  </si>
  <si>
    <t>26.715164184570312</t>
  </si>
  <si>
    <t>2537.768798828125</t>
  </si>
  <si>
    <t>0.05147398420617222</t>
  </si>
  <si>
    <t>26.623497009277344</t>
  </si>
  <si>
    <t>2242.114501953125</t>
  </si>
  <si>
    <t>0.04239456250959606</t>
  </si>
  <si>
    <t>4091</t>
  </si>
  <si>
    <t>26.82684898376465</t>
  </si>
  <si>
    <t>1507.3433837890625</t>
  </si>
  <si>
    <t>0.03482072751800658</t>
  </si>
  <si>
    <t>4244</t>
  </si>
  <si>
    <t>26.71683692932129</t>
  </si>
  <si>
    <t>2105.43994140625</t>
  </si>
  <si>
    <t>0.03671678180447557</t>
  </si>
  <si>
    <t>26.408506393432617</t>
  </si>
  <si>
    <t>1920.5916748046875</t>
  </si>
  <si>
    <t>4337</t>
  </si>
  <si>
    <t>26.93851661682129</t>
  </si>
  <si>
    <t>1749.8935546875</t>
  </si>
  <si>
    <t>0.02167664410149328</t>
  </si>
  <si>
    <t>27.00518226623535</t>
  </si>
  <si>
    <t>1754.9964599609375</t>
  </si>
  <si>
    <t>0.017598442981315188</t>
  </si>
  <si>
    <t>26.18684196472168</t>
  </si>
  <si>
    <t>1749.0133056640625</t>
  </si>
  <si>
    <t>0.013501555233393248</t>
  </si>
  <si>
    <t>4979</t>
  </si>
  <si>
    <t>26.533506393432617</t>
  </si>
  <si>
    <t>1756.5723876953125</t>
  </si>
  <si>
    <t>0.10694620459210746</t>
  </si>
  <si>
    <t>26.925172805786133</t>
  </si>
  <si>
    <t>1899.5904541015625</t>
  </si>
  <si>
    <t>0.09514583976615754</t>
  </si>
  <si>
    <t>6024</t>
  </si>
  <si>
    <t>26.98518180847168</t>
  </si>
  <si>
    <t>1826.7130126953125</t>
  </si>
  <si>
    <t>0.09537658307138841</t>
  </si>
  <si>
    <t>27.095176696777344</t>
  </si>
  <si>
    <t>1689.833251953125</t>
  </si>
  <si>
    <t>-0.00984243494771242</t>
  </si>
  <si>
    <t>5871</t>
  </si>
  <si>
    <t>26.955183029174805</t>
  </si>
  <si>
    <t>1707.9337158203125</t>
  </si>
  <si>
    <t>-0.01588407846783113</t>
  </si>
  <si>
    <t>1757.457763671875</t>
  </si>
  <si>
    <t>0.0023817636301917133</t>
  </si>
  <si>
    <t>5998</t>
  </si>
  <si>
    <t>26.908506393432617</t>
  </si>
  <si>
    <t>2045.5087890625</t>
  </si>
  <si>
    <t>0.01901933961457658</t>
  </si>
  <si>
    <t>5951</t>
  </si>
  <si>
    <t>26.79850959777832</t>
  </si>
  <si>
    <t>1686.6226806640625</t>
  </si>
  <si>
    <t>-0.007866807664100861</t>
  </si>
  <si>
    <t>26.6851806640625</t>
  </si>
  <si>
    <t>1996.3609619140625</t>
  </si>
  <si>
    <t>-0.007421184337617959</t>
  </si>
  <si>
    <t>27.050186157226562</t>
  </si>
  <si>
    <t>1379.8970947265625</t>
  </si>
  <si>
    <t>-0.050518421601587704</t>
  </si>
  <si>
    <t>5570</t>
  </si>
  <si>
    <t>26.73017120361328</t>
  </si>
  <si>
    <t>1684.397216796875</t>
  </si>
  <si>
    <t>-0.008224612784317742</t>
  </si>
  <si>
    <t>5876</t>
  </si>
  <si>
    <t>26.84351348876953</t>
  </si>
  <si>
    <t>1753.1956787109375</t>
  </si>
  <si>
    <t>0.05348120437243864</t>
  </si>
  <si>
    <t>26.926847457885742</t>
  </si>
  <si>
    <t>1664.140625</t>
  </si>
  <si>
    <t>0.04443696387015983</t>
  </si>
  <si>
    <t>6375</t>
  </si>
  <si>
    <t>26.88184356689453</t>
  </si>
  <si>
    <t>1923.56884765625</t>
  </si>
  <si>
    <t>0.03707086886269906</t>
  </si>
  <si>
    <t>27.0218505859375</t>
  </si>
  <si>
    <t>1678.0582275390625</t>
  </si>
  <si>
    <t>0.03241024415075522</t>
  </si>
  <si>
    <t>27.318513870239258</t>
  </si>
  <si>
    <t>1611.0887451171875</t>
  </si>
  <si>
    <t>0.03887020491274917</t>
  </si>
  <si>
    <t>7126</t>
  </si>
  <si>
    <t>27.373525619506836</t>
  </si>
  <si>
    <t>1752.5125732421875</t>
  </si>
  <si>
    <t>0.04008552707565016</t>
  </si>
  <si>
    <t>7400</t>
  </si>
  <si>
    <t>27.05851936340332</t>
  </si>
  <si>
    <t>1846.1749267578125</t>
  </si>
  <si>
    <t>0.037729933026479756</t>
  </si>
  <si>
    <t>26.838516235351562</t>
  </si>
  <si>
    <t>1780.627685546875</t>
  </si>
  <si>
    <t>0.03974032864951482</t>
  </si>
  <si>
    <t>27.25351905822754</t>
  </si>
  <si>
    <t>1458.7518310546875</t>
  </si>
  <si>
    <t>0.03996968335431461</t>
  </si>
  <si>
    <t>27.38185691833496</t>
  </si>
  <si>
    <t>1611.794189453125</t>
  </si>
  <si>
    <t>-0.06655369390023402</t>
  </si>
  <si>
    <t>27.126859664916992</t>
  </si>
  <si>
    <t>1749.750244140625</t>
  </si>
  <si>
    <t>0.11917503043163968</t>
  </si>
  <si>
    <t>26.921850204467773</t>
  </si>
  <si>
    <t>1756.4755859375</t>
  </si>
  <si>
    <t>0.02235972579314982</t>
  </si>
  <si>
    <t>SRB</t>
  </si>
  <si>
    <t>9070</t>
  </si>
  <si>
    <t>12.479155540466309</t>
  </si>
  <si>
    <t>490.6189880371094</t>
  </si>
  <si>
    <t>869.8282470703125</t>
  </si>
  <si>
    <t>Autonomous Province of Vojvodina</t>
  </si>
  <si>
    <t>Serbia</t>
  </si>
  <si>
    <t>11.162474632263184</t>
  </si>
  <si>
    <t>705.87548828125</t>
  </si>
  <si>
    <t>-0.07578863055239538</t>
  </si>
  <si>
    <t>12.52673053741455</t>
  </si>
  <si>
    <t>583.09912109375</t>
  </si>
  <si>
    <t>-0.06257407071019117</t>
  </si>
  <si>
    <t>7831</t>
  </si>
  <si>
    <t>11.933924674987793</t>
  </si>
  <si>
    <t>585.7896118164062</t>
  </si>
  <si>
    <t>-0.008519347095658603</t>
  </si>
  <si>
    <t>12.87739086151123</t>
  </si>
  <si>
    <t>539.8777465820312</t>
  </si>
  <si>
    <t>0.018096033190364125</t>
  </si>
  <si>
    <t>8207</t>
  </si>
  <si>
    <t>11.91149616241455</t>
  </si>
  <si>
    <t>683.450927734375</t>
  </si>
  <si>
    <t>0.028801199688411216</t>
  </si>
  <si>
    <t>11.181106567382812</t>
  </si>
  <si>
    <t>716.1261596679688</t>
  </si>
  <si>
    <t>0.059254694724725</t>
  </si>
  <si>
    <t>9339</t>
  </si>
  <si>
    <t>11.855244636535645</t>
  </si>
  <si>
    <t>650.1428833007812</t>
  </si>
  <si>
    <t>0.0699570367552802</t>
  </si>
  <si>
    <t>11.755584716796875</t>
  </si>
  <si>
    <t>653.5771484375</t>
  </si>
  <si>
    <t>0.03410497888959085</t>
  </si>
  <si>
    <t>8763</t>
  </si>
  <si>
    <t>11.997527122497559</t>
  </si>
  <si>
    <t>778.7422485351562</t>
  </si>
  <si>
    <t>-0.09776584694345836</t>
  </si>
  <si>
    <t>9307</t>
  </si>
  <si>
    <t>13.718422889709473</t>
  </si>
  <si>
    <t>409.07684326171875</t>
  </si>
  <si>
    <t>0.060228493129860894</t>
  </si>
  <si>
    <t>12.018689155578613</t>
  </si>
  <si>
    <t>669.93505859375</t>
  </si>
  <si>
    <t>0.0661019807943628</t>
  </si>
  <si>
    <t>12.962047576904297</t>
  </si>
  <si>
    <t>653.7922973632812</t>
  </si>
  <si>
    <t>0.060583208436948865</t>
  </si>
  <si>
    <t>12.121773719787598</t>
  </si>
  <si>
    <t>524.4407348632812</t>
  </si>
  <si>
    <t>0.04289481634165604</t>
  </si>
  <si>
    <t>12.126686096191406</t>
  </si>
  <si>
    <t>740.3629150390625</t>
  </si>
  <si>
    <t>0.08664100521528262</t>
  </si>
  <si>
    <t>11.29141616821289</t>
  </si>
  <si>
    <t>764.1498413085938</t>
  </si>
  <si>
    <t>0.05461417747272179</t>
  </si>
  <si>
    <t>13372</t>
  </si>
  <si>
    <t>12.901531219482422</t>
  </si>
  <si>
    <t>639.0498657226562</t>
  </si>
  <si>
    <t>0.05156097509330593</t>
  </si>
  <si>
    <t>13.104767799377441</t>
  </si>
  <si>
    <t>645.0797119140625</t>
  </si>
  <si>
    <t>0.06429544642829832</t>
  </si>
  <si>
    <t>13.052753448486328</t>
  </si>
  <si>
    <t>642.2783203125</t>
  </si>
  <si>
    <t>0.05703763359944958</t>
  </si>
  <si>
    <t>14711</t>
  </si>
  <si>
    <t>13.167988777160645</t>
  </si>
  <si>
    <t>687.1007080078125</t>
  </si>
  <si>
    <t>-0.025900535317525453</t>
  </si>
  <si>
    <t>12.286784172058105</t>
  </si>
  <si>
    <t>854.7335205078125</t>
  </si>
  <si>
    <t>0.009000229930276049</t>
  </si>
  <si>
    <t>12.61358642578125</t>
  </si>
  <si>
    <t>453.0080871582031</t>
  </si>
  <si>
    <t>0.026065305418006446</t>
  </si>
  <si>
    <t>13.068917274475098</t>
  </si>
  <si>
    <t>569.237548828125</t>
  </si>
  <si>
    <t>-0.003945815983643186</t>
  </si>
  <si>
    <t>13.153507232666016</t>
  </si>
  <si>
    <t>629.2445068359375</t>
  </si>
  <si>
    <t>0.036108743274336774</t>
  </si>
  <si>
    <t>15640</t>
  </si>
  <si>
    <t>13.550335884094238</t>
  </si>
  <si>
    <t>832.343994140625</t>
  </si>
  <si>
    <t>-0.005992240789884917</t>
  </si>
  <si>
    <t>13.266751289367676</t>
  </si>
  <si>
    <t>581.9047241210938</t>
  </si>
  <si>
    <t>-0.006993708529291709</t>
  </si>
  <si>
    <t>16165</t>
  </si>
  <si>
    <t>12.48563003540039</t>
  </si>
  <si>
    <t>747.9469604492188</t>
  </si>
  <si>
    <t>0.04001038458952344</t>
  </si>
  <si>
    <t>16512</t>
  </si>
  <si>
    <t>13.725190162658691</t>
  </si>
  <si>
    <t>591.5568237304688</t>
  </si>
  <si>
    <t>0.02123897812175457</t>
  </si>
  <si>
    <t>13.523844718933105</t>
  </si>
  <si>
    <t>624.7947387695312</t>
  </si>
  <si>
    <t>0.022101339820100208</t>
  </si>
  <si>
    <t>17422</t>
  </si>
  <si>
    <t>14.058993339538574</t>
  </si>
  <si>
    <t>606.4900512695312</t>
  </si>
  <si>
    <t>0.03154504627744892</t>
  </si>
  <si>
    <t>17360</t>
  </si>
  <si>
    <t>13.57188892364502</t>
  </si>
  <si>
    <t>653.5486450195312</t>
  </si>
  <si>
    <t>-0.0035650661644961446</t>
  </si>
  <si>
    <t>12.599082946777344</t>
  </si>
  <si>
    <t>569.6530151367188</t>
  </si>
  <si>
    <t>0.08948048445156154</t>
  </si>
  <si>
    <t>19937</t>
  </si>
  <si>
    <t>14.058489799499512</t>
  </si>
  <si>
    <t>564.0297241210938</t>
  </si>
  <si>
    <t>0.0489281081769235</t>
  </si>
  <si>
    <t>15289</t>
  </si>
  <si>
    <t>12.742942810058594</t>
  </si>
  <si>
    <t>560.9439697265625</t>
  </si>
  <si>
    <t>620.7476196289062</t>
  </si>
  <si>
    <t>City of Belgrade</t>
  </si>
  <si>
    <t>11.409607887268066</t>
  </si>
  <si>
    <t>759.8656005859375</t>
  </si>
  <si>
    <t>-0.07572431519041345</t>
  </si>
  <si>
    <t>12.834607124328613</t>
  </si>
  <si>
    <t>662.0134887695312</t>
  </si>
  <si>
    <t>-0.0626682989382843</t>
  </si>
  <si>
    <t>13201</t>
  </si>
  <si>
    <t>12.202322959899902</t>
  </si>
  <si>
    <t>654.9982299804688</t>
  </si>
  <si>
    <t>-0.008448417151157628</t>
  </si>
  <si>
    <t>13.135655403137207</t>
  </si>
  <si>
    <t>634.5224609375</t>
  </si>
  <si>
    <t>0.018091549249152905</t>
  </si>
  <si>
    <t>12.217941284179688</t>
  </si>
  <si>
    <t>800.5174560546875</t>
  </si>
  <si>
    <t>0.028745196630618253</t>
  </si>
  <si>
    <t>14679</t>
  </si>
  <si>
    <t>11.433560371398926</t>
  </si>
  <si>
    <t>828.1150512695312</t>
  </si>
  <si>
    <t>0.0592885707967028</t>
  </si>
  <si>
    <t>12.167941093444824</t>
  </si>
  <si>
    <t>745.6792602539062</t>
  </si>
  <si>
    <t>0.06991439874516203</t>
  </si>
  <si>
    <t>12.065844535827637</t>
  </si>
  <si>
    <t>692.9147338867188</t>
  </si>
  <si>
    <t>0.03421912289369544</t>
  </si>
  <si>
    <t>14771</t>
  </si>
  <si>
    <t>12.277321815490723</t>
  </si>
  <si>
    <t>888.8129272460938</t>
  </si>
  <si>
    <t>-0.09788562355548969</t>
  </si>
  <si>
    <t>14.049179077148438</t>
  </si>
  <si>
    <t>474.1162109375</t>
  </si>
  <si>
    <t>0.06029403079235429</t>
  </si>
  <si>
    <t>12.293990135192871</t>
  </si>
  <si>
    <t>739.2780151367188</t>
  </si>
  <si>
    <t>0.06609492929430338</t>
  </si>
  <si>
    <t>13.239798545837402</t>
  </si>
  <si>
    <t>774.8635864257812</t>
  </si>
  <si>
    <t>0.06059303538806837</t>
  </si>
  <si>
    <t>18589</t>
  </si>
  <si>
    <t>12.417941093444824</t>
  </si>
  <si>
    <t>575.4428100585938</t>
  </si>
  <si>
    <t>0.04292221339181701</t>
  </si>
  <si>
    <t>12.376274108886719</t>
  </si>
  <si>
    <t>821.6925659179688</t>
  </si>
  <si>
    <t>0.08657195253890215</t>
  </si>
  <si>
    <t>11.55855941772461</t>
  </si>
  <si>
    <t>811.3070678710938</t>
  </si>
  <si>
    <t>0.05466943390067591</t>
  </si>
  <si>
    <t>13.185654640197754</t>
  </si>
  <si>
    <t>686.5827026367188</t>
  </si>
  <si>
    <t>0.051524478835238696</t>
  </si>
  <si>
    <t>13.368988990783691</t>
  </si>
  <si>
    <t>754.32470703125</t>
  </si>
  <si>
    <t>0.06430003833077436</t>
  </si>
  <si>
    <t>13.316893577575684</t>
  </si>
  <si>
    <t>703.5653076171875</t>
  </si>
  <si>
    <t>0.05704053796310937</t>
  </si>
  <si>
    <t>13.443988800048828</t>
  </si>
  <si>
    <t>776.6294555664062</t>
  </si>
  <si>
    <t>-0.025913444736056945</t>
  </si>
  <si>
    <t>12.549178123474121</t>
  </si>
  <si>
    <t>950.2365112304688</t>
  </si>
  <si>
    <t>0.009032397169933759</t>
  </si>
  <si>
    <t>12.916893005371094</t>
  </si>
  <si>
    <t>503.8637390136719</t>
  </si>
  <si>
    <t>0.026072828004217286</t>
  </si>
  <si>
    <t>13.348130226135254</t>
  </si>
  <si>
    <t>656.100830078125</t>
  </si>
  <si>
    <t>-0.003979250754600372</t>
  </si>
  <si>
    <t>13.409607887268066</t>
  </si>
  <si>
    <t>703.4655151367188</t>
  </si>
  <si>
    <t>0.03030009858801641</t>
  </si>
  <si>
    <t>13.803370475769043</t>
  </si>
  <si>
    <t>997.6576538085938</t>
  </si>
  <si>
    <t>-0.05119549692601488</t>
  </si>
  <si>
    <t>13.516894340515137</t>
  </si>
  <si>
    <t>698.3046875</t>
  </si>
  <si>
    <t>0.04193740622516984</t>
  </si>
  <si>
    <t>12.726275444030762</t>
  </si>
  <si>
    <t>812.643798828125</t>
  </si>
  <si>
    <t>0.03977114784868441</t>
  </si>
  <si>
    <t>13.999178886413574</t>
  </si>
  <si>
    <t>686.5557861328125</t>
  </si>
  <si>
    <t>0.02265757439791649</t>
  </si>
  <si>
    <t>13.766892433166504</t>
  </si>
  <si>
    <t>696.0296630859375</t>
  </si>
  <si>
    <t>0.061704940774125916</t>
  </si>
  <si>
    <t>14.325226783752441</t>
  </si>
  <si>
    <t>693.6845703125</t>
  </si>
  <si>
    <t>0.056681234823011906</t>
  </si>
  <si>
    <t>31050</t>
  </si>
  <si>
    <t>13.837752342224121</t>
  </si>
  <si>
    <t>738.154052734375</t>
  </si>
  <si>
    <t>-0.008147076528622677</t>
  </si>
  <si>
    <t>12.862751960754395</t>
  </si>
  <si>
    <t>669.5459594726562</t>
  </si>
  <si>
    <t>0.031823172191895566</t>
  </si>
  <si>
    <t>33663</t>
  </si>
  <si>
    <t>14.339797019958496</t>
  </si>
  <si>
    <t>631.1412353515625</t>
  </si>
  <si>
    <t>0.04897733077945432</t>
  </si>
  <si>
    <t>11.153514862060547</t>
  </si>
  <si>
    <t>544.3665161132812</t>
  </si>
  <si>
    <t>785.6798706054688</t>
  </si>
  <si>
    <t>Region Južne i Istočne Srbije</t>
  </si>
  <si>
    <t>9.860905647277832</t>
  </si>
  <si>
    <t>757.722412109375</t>
  </si>
  <si>
    <t>-0.07582188612347451</t>
  </si>
  <si>
    <t>11.149401664733887</t>
  </si>
  <si>
    <t>600.9044189453125</t>
  </si>
  <si>
    <t>-0.06263191847042293</t>
  </si>
  <si>
    <t>10.578276634216309</t>
  </si>
  <si>
    <t>562.4445190429688</t>
  </si>
  <si>
    <t>-0.00842153482949648</t>
  </si>
  <si>
    <t>11.502802848815918</t>
  </si>
  <si>
    <t>628.8760986328125</t>
  </si>
  <si>
    <t>0.01819161050971374</t>
  </si>
  <si>
    <t>10.550549507141113</t>
  </si>
  <si>
    <t>789.3298950195312</t>
  </si>
  <si>
    <t>0.028553402313663767</t>
  </si>
  <si>
    <t>9.810391426086426</t>
  </si>
  <si>
    <t>751.5209350585938</t>
  </si>
  <si>
    <t>0.05941963487914137</t>
  </si>
  <si>
    <t>10.481478691101074</t>
  </si>
  <si>
    <t>696.3984375</t>
  </si>
  <si>
    <t>0.06984578163080712</t>
  </si>
  <si>
    <t>5982</t>
  </si>
  <si>
    <t>10.35952091217041</t>
  </si>
  <si>
    <t>738.3250732421875</t>
  </si>
  <si>
    <t>0.034178282107417246</t>
  </si>
  <si>
    <t>5425</t>
  </si>
  <si>
    <t>10.673497200012207</t>
  </si>
  <si>
    <t>780.4454956054688</t>
  </si>
  <si>
    <t>-0.0977370607812329</t>
  </si>
  <si>
    <t>5761</t>
  </si>
  <si>
    <t>12.253318786621094</t>
  </si>
  <si>
    <t>496.28741455078125</t>
  </si>
  <si>
    <t>0.06009317132372338</t>
  </si>
  <si>
    <t>6155</t>
  </si>
  <si>
    <t>10.647992134094238</t>
  </si>
  <si>
    <t>668.509765625</t>
  </si>
  <si>
    <t>0.06615368888617112</t>
  </si>
  <si>
    <t>6540</t>
  </si>
  <si>
    <t>11.54369068145752</t>
  </si>
  <si>
    <t>787.3469848632812</t>
  </si>
  <si>
    <t>0.0606724058326904</t>
  </si>
  <si>
    <t>10.741653442382812</t>
  </si>
  <si>
    <t>646.999267578125</t>
  </si>
  <si>
    <t>0.04280168501540693</t>
  </si>
  <si>
    <t>10.750873565673828</t>
  </si>
  <si>
    <t>760.2371215820312</t>
  </si>
  <si>
    <t>0.08666948829548993</t>
  </si>
  <si>
    <t>9.944225311279297</t>
  </si>
  <si>
    <t>844.8523559570312</t>
  </si>
  <si>
    <t>0.05463268821966416</t>
  </si>
  <si>
    <t>8278</t>
  </si>
  <si>
    <t>11.506619453430176</t>
  </si>
  <si>
    <t>730.1055908203125</t>
  </si>
  <si>
    <t>0.05156036632687133</t>
  </si>
  <si>
    <t>11.724066734313965</t>
  </si>
  <si>
    <t>759.3079833984375</t>
  </si>
  <si>
    <t>0.06421381271155546</t>
  </si>
  <si>
    <t>11.636549949645996</t>
  </si>
  <si>
    <t>691.0330200195312</t>
  </si>
  <si>
    <t>0.05713323824013905</t>
  </si>
  <si>
    <t>11.753294944763184</t>
  </si>
  <si>
    <t>769.3184204101562</t>
  </si>
  <si>
    <t>-0.025905095692552393</t>
  </si>
  <si>
    <t>10.854294776916504</t>
  </si>
  <si>
    <t>847.8405151367188</t>
  </si>
  <si>
    <t>0.00896376793306608</t>
  </si>
  <si>
    <t>11.173800468444824</t>
  </si>
  <si>
    <t>526.1311645507812</t>
  </si>
  <si>
    <t>0.026101046716322074</t>
  </si>
  <si>
    <t>9395</t>
  </si>
  <si>
    <t>11.62460994720459</t>
  </si>
  <si>
    <t>654.8776245117188</t>
  </si>
  <si>
    <t>-0.003930530369641971</t>
  </si>
  <si>
    <t>9761</t>
  </si>
  <si>
    <t>11.759491920471191</t>
  </si>
  <si>
    <t>703.5072631835938</t>
  </si>
  <si>
    <t>0.03821722132740035</t>
  </si>
  <si>
    <t>12.170851707458496</t>
  </si>
  <si>
    <t>898.3092651367188</t>
  </si>
  <si>
    <t>-0.005959738149666549</t>
  </si>
  <si>
    <t>9725</t>
  </si>
  <si>
    <t>11.85808277130127</t>
  </si>
  <si>
    <t>706.7727661132812</t>
  </si>
  <si>
    <t>0.002264773461348568</t>
  </si>
  <si>
    <t>11.1209077835083</t>
  </si>
  <si>
    <t>800.23681640625</t>
  </si>
  <si>
    <t>0.04178810865852611</t>
  </si>
  <si>
    <t>12.287215232849121</t>
  </si>
  <si>
    <t>681.223388671875</t>
  </si>
  <si>
    <t>0.04181558358735238</t>
  </si>
  <si>
    <t>12.146965026855469</t>
  </si>
  <si>
    <t>709.3980102539062</t>
  </si>
  <si>
    <t>0.07522205050425157</t>
  </si>
  <si>
    <t>12.6392240524292</t>
  </si>
  <si>
    <t>650.4031982421875</t>
  </si>
  <si>
    <t>0.030923175630963584</t>
  </si>
  <si>
    <t>11855</t>
  </si>
  <si>
    <t>12.14257526397705</t>
  </si>
  <si>
    <t>762.239501953125</t>
  </si>
  <si>
    <t>0.008300911631764052</t>
  </si>
  <si>
    <t>11.170467376708984</t>
  </si>
  <si>
    <t>695.1661376953125</t>
  </si>
  <si>
    <t>0.17837733418522106</t>
  </si>
  <si>
    <t>12.58457088470459</t>
  </si>
  <si>
    <t>673.3292846679688</t>
  </si>
  <si>
    <t>0.048958177745323184</t>
  </si>
  <si>
    <t>6047</t>
  </si>
  <si>
    <t>11.203763008117676</t>
  </si>
  <si>
    <t>642.5984497070312</t>
  </si>
  <si>
    <t>966.2493896484375</t>
  </si>
  <si>
    <t>Region Šumadije i Zapadne Srbije</t>
  </si>
  <si>
    <t>9.917340278625488</t>
  </si>
  <si>
    <t>916.97314453125</t>
  </si>
  <si>
    <t>-0.07572482854847884</t>
  </si>
  <si>
    <t>11.221663475036621</t>
  </si>
  <si>
    <t>778.1724243164062</t>
  </si>
  <si>
    <t>-0.0627563071566577</t>
  </si>
  <si>
    <t>10.6700439453125</t>
  </si>
  <si>
    <t>786.56787109375</t>
  </si>
  <si>
    <t>-0.00839219115752421</t>
  </si>
  <si>
    <t>11.583548545837402</t>
  </si>
  <si>
    <t>698.5996704101562</t>
  </si>
  <si>
    <t>0.018032186422583862</t>
  </si>
  <si>
    <t>10.627373695373535</t>
  </si>
  <si>
    <t>912.4833984375</t>
  </si>
  <si>
    <t>0.028740274230690588</t>
  </si>
  <si>
    <t>9.937451362609863</t>
  </si>
  <si>
    <t>961.4024047851562</t>
  </si>
  <si>
    <t>0.05925820006816629</t>
  </si>
  <si>
    <t>10.622905731201172</t>
  </si>
  <si>
    <t>828.8681640625</t>
  </si>
  <si>
    <t>0.07001445686956131</t>
  </si>
  <si>
    <t>10.522521018981934</t>
  </si>
  <si>
    <t>860.2596435546875</t>
  </si>
  <si>
    <t>10.755362510681152</t>
  </si>
  <si>
    <t>986.581787109375</t>
  </si>
  <si>
    <t>12.421395301818848</t>
  </si>
  <si>
    <t>619.8543090820312</t>
  </si>
  <si>
    <t>0.06028221469102135</t>
  </si>
  <si>
    <t>10.7630615234375</t>
  </si>
  <si>
    <t>818.485107421875</t>
  </si>
  <si>
    <t>0.06594768090774572</t>
  </si>
  <si>
    <t>11.667400360107422</t>
  </si>
  <si>
    <t>902.9916381835938</t>
  </si>
  <si>
    <t>0.06073111619895677</t>
  </si>
  <si>
    <t>10.870625495910645</t>
  </si>
  <si>
    <t>701.9241333007812</t>
  </si>
  <si>
    <t>0.042802142628676876</t>
  </si>
  <si>
    <t>10.844085693359375</t>
  </si>
  <si>
    <t>975.49365234375</t>
  </si>
  <si>
    <t>0.08660318595055827</t>
  </si>
  <si>
    <t>10.022217750549316</t>
  </si>
  <si>
    <t>970.5123901367188</t>
  </si>
  <si>
    <t>0.05473671031763239</t>
  </si>
  <si>
    <t>11.610608100891113</t>
  </si>
  <si>
    <t>838.008056640625</t>
  </si>
  <si>
    <t>0.051558996654962996</t>
  </si>
  <si>
    <t>11.818215370178223</t>
  </si>
  <si>
    <t>853.1133422851562</t>
  </si>
  <si>
    <t>0.06418792687671449</t>
  </si>
  <si>
    <t>10065</t>
  </si>
  <si>
    <t>11.744213104248047</t>
  </si>
  <si>
    <t>860.5741577148438</t>
  </si>
  <si>
    <t>0.05714088089993652</t>
  </si>
  <si>
    <t>9807</t>
  </si>
  <si>
    <t>11.868922233581543</t>
  </si>
  <si>
    <t>937.015625</t>
  </si>
  <si>
    <t>-0.02596764268157159</t>
  </si>
  <si>
    <t>11.005616188049316</t>
  </si>
  <si>
    <t>1081.5877685546875</t>
  </si>
  <si>
    <t>0.009034218680003647</t>
  </si>
  <si>
    <t>10158</t>
  </si>
  <si>
    <t>11.359976768493652</t>
  </si>
  <si>
    <t>611.130615234375</t>
  </si>
  <si>
    <t>0.026130937288867173</t>
  </si>
  <si>
    <t>11.786913871765137</t>
  </si>
  <si>
    <t>806.2301635742188</t>
  </si>
  <si>
    <t>-0.004044395155300862</t>
  </si>
  <si>
    <t>11.870135307312012</t>
  </si>
  <si>
    <t>913.576416015625</t>
  </si>
  <si>
    <t>0.022189464245803592</t>
  </si>
  <si>
    <t>10861</t>
  </si>
  <si>
    <t>12.267830848693848</t>
  </si>
  <si>
    <t>1104.391845703125</t>
  </si>
  <si>
    <t>0.04877174982834198</t>
  </si>
  <si>
    <t>11.981354713439941</t>
  </si>
  <si>
    <t>770.244873046875</t>
  </si>
  <si>
    <t>0.028590230656762472</t>
  </si>
  <si>
    <t>11.208930015563965</t>
  </si>
  <si>
    <t>975.4391479492188</t>
  </si>
  <si>
    <t>0.01236065713083967</t>
  </si>
  <si>
    <t>12.419002532958984</t>
  </si>
  <si>
    <t>785.7444458007812</t>
  </si>
  <si>
    <t>0.01116151676083632</t>
  </si>
  <si>
    <t>12.23731517791748</t>
  </si>
  <si>
    <t>840.9557495117188</t>
  </si>
  <si>
    <t>0.021186317104682217</t>
  </si>
  <si>
    <t>12182</t>
  </si>
  <si>
    <t>12.771156311035156</t>
  </si>
  <si>
    <t>876.0137329101562</t>
  </si>
  <si>
    <t>0.04148233946327373</t>
  </si>
  <si>
    <t>11996</t>
  </si>
  <si>
    <t>12.31353759765625</t>
  </si>
  <si>
    <t>875.3585815429688</t>
  </si>
  <si>
    <t>-0.015386191527531068</t>
  </si>
  <si>
    <t>11.352219581604004</t>
  </si>
  <si>
    <t>783.8263549804688</t>
  </si>
  <si>
    <t>0.11678220154448482</t>
  </si>
  <si>
    <t>12.773396492004395</t>
  </si>
  <si>
    <t>780.1590576171875</t>
  </si>
  <si>
    <t>0.04899500187158701</t>
  </si>
  <si>
    <t>SVK</t>
  </si>
  <si>
    <t>8.910183906555176</t>
  </si>
  <si>
    <t>674.5174560546875</t>
  </si>
  <si>
    <t>382.6673278808594</t>
  </si>
  <si>
    <t>Banskobystrick kraj</t>
  </si>
  <si>
    <t>Slovakia</t>
  </si>
  <si>
    <t>9899</t>
  </si>
  <si>
    <t>7.773733615875244</t>
  </si>
  <si>
    <t>785.0164184570312</t>
  </si>
  <si>
    <t>-0.044166229643652244</t>
  </si>
  <si>
    <t>8.942115783691406</t>
  </si>
  <si>
    <t>643.663330078125</t>
  </si>
  <si>
    <t>-0.013526776298203202</t>
  </si>
  <si>
    <t>9920</t>
  </si>
  <si>
    <t>8.46541690826416</t>
  </si>
  <si>
    <t>692.1552734375</t>
  </si>
  <si>
    <t>0.015645955657314303</t>
  </si>
  <si>
    <t>9.228475570678711</t>
  </si>
  <si>
    <t>738.7606201171875</t>
  </si>
  <si>
    <t>0.05691756942707471</t>
  </si>
  <si>
    <t>8.308769226074219</t>
  </si>
  <si>
    <t>857.7597045898438</t>
  </si>
  <si>
    <t>0.05448313524722259</t>
  </si>
  <si>
    <t>11854</t>
  </si>
  <si>
    <t>7.303136348724365</t>
  </si>
  <si>
    <t>787.4913940429688</t>
  </si>
  <si>
    <t>0.06671173739456648</t>
  </si>
  <si>
    <t>8.416356086730957</t>
  </si>
  <si>
    <t>651.70458984375</t>
  </si>
  <si>
    <t>0.04784971388972181</t>
  </si>
  <si>
    <t>8.31613826751709</t>
  </si>
  <si>
    <t>829.8140258789062</t>
  </si>
  <si>
    <t>0.050110447935169944</t>
  </si>
  <si>
    <t>12962</t>
  </si>
  <si>
    <t>8.5691556930542</t>
  </si>
  <si>
    <t>902.093505859375</t>
  </si>
  <si>
    <t>-0.008603525185012728</t>
  </si>
  <si>
    <t>13069</t>
  </si>
  <si>
    <t>9.975024223327637</t>
  </si>
  <si>
    <t>661.575439453125</t>
  </si>
  <si>
    <t>0.008221013609373884</t>
  </si>
  <si>
    <t>13419</t>
  </si>
  <si>
    <t>8.43527603149414</t>
  </si>
  <si>
    <t>697.8251953125</t>
  </si>
  <si>
    <t>0.02642859950392129</t>
  </si>
  <si>
    <t>9.222600936889648</t>
  </si>
  <si>
    <t>818.8153076171875</t>
  </si>
  <si>
    <t>0.06386760531233904</t>
  </si>
  <si>
    <t>8.651243209838867</t>
  </si>
  <si>
    <t>585.4192504882812</t>
  </si>
  <si>
    <t>0.052233149006379875</t>
  </si>
  <si>
    <t>15200</t>
  </si>
  <si>
    <t>8.608253479003906</t>
  </si>
  <si>
    <t>829.3513793945312</t>
  </si>
  <si>
    <t>0.008523060414692196</t>
  </si>
  <si>
    <t>14325</t>
  </si>
  <si>
    <t>7.689741134643555</t>
  </si>
  <si>
    <t>884.2682495117188</t>
  </si>
  <si>
    <t>-0.059289165251428244</t>
  </si>
  <si>
    <t>15749</t>
  </si>
  <si>
    <t>9.343850135803223</t>
  </si>
  <si>
    <t>738.9197998046875</t>
  </si>
  <si>
    <t>0.09477060859164155</t>
  </si>
  <si>
    <t>9.477561950683594</t>
  </si>
  <si>
    <t>754.9376220703125</t>
  </si>
  <si>
    <t>0.10450930580862305</t>
  </si>
  <si>
    <t>18717</t>
  </si>
  <si>
    <t>9.38647174835205</t>
  </si>
  <si>
    <t>800.458740234375</t>
  </si>
  <si>
    <t>0.06814602479569132</t>
  </si>
  <si>
    <t>17243</t>
  </si>
  <si>
    <t>9.389877319335938</t>
  </si>
  <si>
    <t>841.4365844726562</t>
  </si>
  <si>
    <t>-0.08202593777876466</t>
  </si>
  <si>
    <t>18594</t>
  </si>
  <si>
    <t>8.506730079650879</t>
  </si>
  <si>
    <t>1100.5908203125</t>
  </si>
  <si>
    <t>0.07543268401567182</t>
  </si>
  <si>
    <t>18305</t>
  </si>
  <si>
    <t>9.188673973083496</t>
  </si>
  <si>
    <t>617.4965209960938</t>
  </si>
  <si>
    <t>-0.015664701461465924</t>
  </si>
  <si>
    <t>9.387413024902344</t>
  </si>
  <si>
    <t>698.5684814453125</t>
  </si>
  <si>
    <t>0.02487247529565728</t>
  </si>
  <si>
    <t>9.42818832397461</t>
  </si>
  <si>
    <t>742.7379760742188</t>
  </si>
  <si>
    <t>0.02312393993001116</t>
  </si>
  <si>
    <t>19352</t>
  </si>
  <si>
    <t>10.164680480957031</t>
  </si>
  <si>
    <t>927.4484252929688</t>
  </si>
  <si>
    <t>0.007625111509858229</t>
  </si>
  <si>
    <t>9.786466598510742</t>
  </si>
  <si>
    <t>660.7114868164062</t>
  </si>
  <si>
    <t>0.06994322587535962</t>
  </si>
  <si>
    <t>9.08423900604248</t>
  </si>
  <si>
    <t>866.3011474609375</t>
  </si>
  <si>
    <t>0.020223907825176468</t>
  </si>
  <si>
    <t>22039</t>
  </si>
  <si>
    <t>10.09921932220459</t>
  </si>
  <si>
    <t>815.3193969726562</t>
  </si>
  <si>
    <t>0.039850704196291886</t>
  </si>
  <si>
    <t>10.016141891479492</t>
  </si>
  <si>
    <t>723.2769775390625</t>
  </si>
  <si>
    <t>0.04758161858999799</t>
  </si>
  <si>
    <t>23331</t>
  </si>
  <si>
    <t>10.466767311096191</t>
  </si>
  <si>
    <t>764.3810424804688</t>
  </si>
  <si>
    <t>0.009387718586364002</t>
  </si>
  <si>
    <t>9.9275541305542</t>
  </si>
  <si>
    <t>882.114990234375</t>
  </si>
  <si>
    <t>-0.0419280736899772</t>
  </si>
  <si>
    <t>23485</t>
  </si>
  <si>
    <t>9.075257301330566</t>
  </si>
  <si>
    <t>696.6709594726562</t>
  </si>
  <si>
    <t>0.04850704478801937</t>
  </si>
  <si>
    <t>10.386658668518066</t>
  </si>
  <si>
    <t>701.1742553710938</t>
  </si>
  <si>
    <t>0.01981515085612706</t>
  </si>
  <si>
    <t>300.100341796875</t>
  </si>
  <si>
    <t>Bratislavsk kraj</t>
  </si>
  <si>
    <t>-0.04415252801060099</t>
  </si>
  <si>
    <t>523.0999755859375</t>
  </si>
  <si>
    <t>-0.013539399226878857</t>
  </si>
  <si>
    <t>0.0156605407245074</t>
  </si>
  <si>
    <t>26977</t>
  </si>
  <si>
    <t>627.7000732421875</t>
  </si>
  <si>
    <t>0.056894607328501934</t>
  </si>
  <si>
    <t>0.05449829485496949</t>
  </si>
  <si>
    <t>29635</t>
  </si>
  <si>
    <t>0.03947314926432455</t>
  </si>
  <si>
    <t>32259</t>
  </si>
  <si>
    <t>525.199951171875</t>
  </si>
  <si>
    <t>0.08484097883669683</t>
  </si>
  <si>
    <t>662.60009765625</t>
  </si>
  <si>
    <t>0.03977615813738744</t>
  </si>
  <si>
    <t>725.4000854492188</t>
  </si>
  <si>
    <t>-0.011535535625659676</t>
  </si>
  <si>
    <t>11.583332061767578</t>
  </si>
  <si>
    <t>526.0</t>
  </si>
  <si>
    <t>0.0314736702920122</t>
  </si>
  <si>
    <t>35957</t>
  </si>
  <si>
    <t>0.048812413214115224</t>
  </si>
  <si>
    <t>0.07434235165493064</t>
  </si>
  <si>
    <t>439.4000244140625</t>
  </si>
  <si>
    <t>0.04320271716425417</t>
  </si>
  <si>
    <t>42583</t>
  </si>
  <si>
    <t>0.05158626368287855</t>
  </si>
  <si>
    <t>48776</t>
  </si>
  <si>
    <t>0.13578327600909823</t>
  </si>
  <si>
    <t>51192</t>
  </si>
  <si>
    <t>613.2000122070312</t>
  </si>
  <si>
    <t>0.048344881231644266</t>
  </si>
  <si>
    <t>58110</t>
  </si>
  <si>
    <t>0.1267544962498537</t>
  </si>
  <si>
    <t>60356</t>
  </si>
  <si>
    <t>657.8001098632812</t>
  </si>
  <si>
    <t>0.03792259656439079</t>
  </si>
  <si>
    <t>61069</t>
  </si>
  <si>
    <t>700.5999755859375</t>
  </si>
  <si>
    <t>0.01174400979753365</t>
  </si>
  <si>
    <t>64616</t>
  </si>
  <si>
    <t>853.800048828125</t>
  </si>
  <si>
    <t>0.05645768569105769</t>
  </si>
  <si>
    <t>65512</t>
  </si>
  <si>
    <t>0.013771273827892117</t>
  </si>
  <si>
    <t>64633</t>
  </si>
  <si>
    <t>-0.013508215698266213</t>
  </si>
  <si>
    <t>66710</t>
  </si>
  <si>
    <t>617.9999389648438</t>
  </si>
  <si>
    <t>0.03162975045180261</t>
  </si>
  <si>
    <t>66910</t>
  </si>
  <si>
    <t>785.4000854492188</t>
  </si>
  <si>
    <t>0.002993566073302034</t>
  </si>
  <si>
    <t>70736</t>
  </si>
  <si>
    <t>544.0999755859375</t>
  </si>
  <si>
    <t>0.05560620428916074</t>
  </si>
  <si>
    <t>10.666668891906738</t>
  </si>
  <si>
    <t>0.022781938745273678</t>
  </si>
  <si>
    <t>73334</t>
  </si>
  <si>
    <t>0.01328777272285997</t>
  </si>
  <si>
    <t>75251</t>
  </si>
  <si>
    <t>0.025804844025211437</t>
  </si>
  <si>
    <t>75164</t>
  </si>
  <si>
    <t>653.2000122070312</t>
  </si>
  <si>
    <t>-0.0011567996503263345</t>
  </si>
  <si>
    <t>72875</t>
  </si>
  <si>
    <t>11.541665077209473</t>
  </si>
  <si>
    <t>723.39990234375</t>
  </si>
  <si>
    <t>-0.03092674825624897</t>
  </si>
  <si>
    <t>76498</t>
  </si>
  <si>
    <t>613.89990234375</t>
  </si>
  <si>
    <t>0.0485189520292284</t>
  </si>
  <si>
    <t>78030</t>
  </si>
  <si>
    <t>0.019828771428784364</t>
  </si>
  <si>
    <t>9.025145530700684</t>
  </si>
  <si>
    <t>643.5276489257812</t>
  </si>
  <si>
    <t>582.2260131835938</t>
  </si>
  <si>
    <t>Kosick kraj</t>
  </si>
  <si>
    <t>10411</t>
  </si>
  <si>
    <t>7.727009296417236</t>
  </si>
  <si>
    <t>-0.04415520947626028</t>
  </si>
  <si>
    <t>8.9684476852417</t>
  </si>
  <si>
    <t>620.5762329101562</t>
  </si>
  <si>
    <t>-0.013538549308947267</t>
  </si>
  <si>
    <t>8.415007591247559</t>
  </si>
  <si>
    <t>614.7485961914062</t>
  </si>
  <si>
    <t>0.015745314416532707</t>
  </si>
  <si>
    <t>9.360730171203613</t>
  </si>
  <si>
    <t>669.3836059570312</t>
  </si>
  <si>
    <t>0.05681758946770721</t>
  </si>
  <si>
    <t>11663</t>
  </si>
  <si>
    <t>8.332995414733887</t>
  </si>
  <si>
    <t>706.7028198242188</t>
  </si>
  <si>
    <t>0.05453414364100517</t>
  </si>
  <si>
    <t>7.664856433868408</t>
  </si>
  <si>
    <t>730.7284545898438</t>
  </si>
  <si>
    <t>0.07687847209566101</t>
  </si>
  <si>
    <t>8.302689552307129</t>
  </si>
  <si>
    <t>701.2810668945312</t>
  </si>
  <si>
    <t>0.057167235643918346</t>
  </si>
  <si>
    <t>8.280519485473633</t>
  </si>
  <si>
    <t>769.4431762695312</t>
  </si>
  <si>
    <t>0.058116096820169716</t>
  </si>
  <si>
    <t>14172</t>
  </si>
  <si>
    <t>8.566853523254395</t>
  </si>
  <si>
    <t>809.3643188476562</t>
  </si>
  <si>
    <t>0.002684944734562933</t>
  </si>
  <si>
    <t>10.074734687805176</t>
  </si>
  <si>
    <t>649.2450561523438</t>
  </si>
  <si>
    <t>0.003873380665805115</t>
  </si>
  <si>
    <t>15724</t>
  </si>
  <si>
    <t>8.57991886138916</t>
  </si>
  <si>
    <t>732.7520141601562</t>
  </si>
  <si>
    <t>0.10004663989058393</t>
  </si>
  <si>
    <t>9.51098918914795</t>
  </si>
  <si>
    <t>754.5564575195312</t>
  </si>
  <si>
    <t>0.012827574710030376</t>
  </si>
  <si>
    <t>8.623936653137207</t>
  </si>
  <si>
    <t>575.9047241210938</t>
  </si>
  <si>
    <t>0.03885358644696879</t>
  </si>
  <si>
    <t>8.767581939697266</t>
  </si>
  <si>
    <t>784.3499145507812</t>
  </si>
  <si>
    <t>0.04574283024255976</t>
  </si>
  <si>
    <t>7.917819976806641</t>
  </si>
  <si>
    <t>788.5484008789062</t>
  </si>
  <si>
    <t>0.029503347807850133</t>
  </si>
  <si>
    <t>19245</t>
  </si>
  <si>
    <t>9.39294147491455</t>
  </si>
  <si>
    <t>711.7403564453125</t>
  </si>
  <si>
    <t>0.07513573996868672</t>
  </si>
  <si>
    <t>9.701653480529785</t>
  </si>
  <si>
    <t>728.2613525390625</t>
  </si>
  <si>
    <t>0.08039038989549141</t>
  </si>
  <si>
    <t>9.557463645935059</t>
  </si>
  <si>
    <t>732.3816528320312</t>
  </si>
  <si>
    <t>0.050806505422531956</t>
  </si>
  <si>
    <t>9.628055572509766</t>
  </si>
  <si>
    <t>772.3218383789062</t>
  </si>
  <si>
    <t>-0.10549724286447493</t>
  </si>
  <si>
    <t>8.858500480651855</t>
  </si>
  <si>
    <t>1042.9891357421875</t>
  </si>
  <si>
    <t>0.0776323066843485</t>
  </si>
  <si>
    <t>21696</t>
  </si>
  <si>
    <t>9.071772575378418</t>
  </si>
  <si>
    <t>601.8972778320312</t>
  </si>
  <si>
    <t>0.016544665884378418</t>
  </si>
  <si>
    <t>22253</t>
  </si>
  <si>
    <t>9.50800609588623</t>
  </si>
  <si>
    <t>632.0473022460938</t>
  </si>
  <si>
    <t>0.025348919225994138</t>
  </si>
  <si>
    <t>9.79050350189209</t>
  </si>
  <si>
    <t>712.303466796875</t>
  </si>
  <si>
    <t>0.006226921229172788</t>
  </si>
  <si>
    <t>23261</t>
  </si>
  <si>
    <t>10.248869895935059</t>
  </si>
  <si>
    <t>821.2054443359375</t>
  </si>
  <si>
    <t>0.03807438621461756</t>
  </si>
  <si>
    <t>24961</t>
  </si>
  <si>
    <t>9.85050106048584</t>
  </si>
  <si>
    <t>647.6347045898438</t>
  </si>
  <si>
    <t>0.07053646837347571</t>
  </si>
  <si>
    <t>24737</t>
  </si>
  <si>
    <t>9.185812950134277</t>
  </si>
  <si>
    <t>828.9457397460938</t>
  </si>
  <si>
    <t>-0.00901450830522954</t>
  </si>
  <si>
    <t>26961</t>
  </si>
  <si>
    <t>10.250856399536133</t>
  </si>
  <si>
    <t>736.0669555664062</t>
  </si>
  <si>
    <t>0.08609127884833079</t>
  </si>
  <si>
    <t>27366</t>
  </si>
  <si>
    <t>10.228890419006348</t>
  </si>
  <si>
    <t>678.4934692382812</t>
  </si>
  <si>
    <t>0.0149099896132725</t>
  </si>
  <si>
    <t>10.642965316772461</t>
  </si>
  <si>
    <t>677.4338989257812</t>
  </si>
  <si>
    <t>0.008731773443766855</t>
  </si>
  <si>
    <t>27468</t>
  </si>
  <si>
    <t>10.14419174194336</t>
  </si>
  <si>
    <t>825.8704833984375</t>
  </si>
  <si>
    <t>-0.005011449642955412</t>
  </si>
  <si>
    <t>9.155780792236328</t>
  </si>
  <si>
    <t>665.1565551757812</t>
  </si>
  <si>
    <t>0.04849887375082673</t>
  </si>
  <si>
    <t>29411</t>
  </si>
  <si>
    <t>10.547208786010742</t>
  </si>
  <si>
    <t>675.5371704101562</t>
  </si>
  <si>
    <t>0.019848189518713255</t>
  </si>
  <si>
    <t>10703</t>
  </si>
  <si>
    <t>10.693244934082031</t>
  </si>
  <si>
    <t>544.94677734375</t>
  </si>
  <si>
    <t>407.4163818359375</t>
  </si>
  <si>
    <t>Nitriansky kraj</t>
  </si>
  <si>
    <t>9.589868545532227</t>
  </si>
  <si>
    <t>631.8248291015625</t>
  </si>
  <si>
    <t>-0.044124804908937776</t>
  </si>
  <si>
    <t>10.802413940429688</t>
  </si>
  <si>
    <t>542.3843994140625</t>
  </si>
  <si>
    <t>-0.013566861647705153</t>
  </si>
  <si>
    <t>10.309330940246582</t>
  </si>
  <si>
    <t>588.70263671875</t>
  </si>
  <si>
    <t>0.015615343074177446</t>
  </si>
  <si>
    <t>11.086737632751465</t>
  </si>
  <si>
    <t>604.470458984375</t>
  </si>
  <si>
    <t>0.0569147669318415</t>
  </si>
  <si>
    <t>10.155974388122559</t>
  </si>
  <si>
    <t>744.459716796875</t>
  </si>
  <si>
    <t>0.054546764405650094</t>
  </si>
  <si>
    <t>12225</t>
  </si>
  <si>
    <t>9.12215805053711</t>
  </si>
  <si>
    <t>628.1166381835938</t>
  </si>
  <si>
    <t>0.06357375150367162</t>
  </si>
  <si>
    <t>10.330880165100098</t>
  </si>
  <si>
    <t>535.4529418945312</t>
  </si>
  <si>
    <t>10.25955581665039</t>
  </si>
  <si>
    <t>650.646240234375</t>
  </si>
  <si>
    <t>0.0350185516707473</t>
  </si>
  <si>
    <t>10.433760643005371</t>
  </si>
  <si>
    <t>717.2434692382812</t>
  </si>
  <si>
    <t>0.029886256420114776</t>
  </si>
  <si>
    <t>13731</t>
  </si>
  <si>
    <t>11.78671646118164</t>
  </si>
  <si>
    <t>515.97607421875</t>
  </si>
  <si>
    <t>0.00569677263700008</t>
  </si>
  <si>
    <t>13752</t>
  </si>
  <si>
    <t>10.308488845825195</t>
  </si>
  <si>
    <t>515.676513671875</t>
  </si>
  <si>
    <t>0.0015282177409332576</t>
  </si>
  <si>
    <t>11.025166511535645</t>
  </si>
  <si>
    <t>659.8786010742188</t>
  </si>
  <si>
    <t>0.04486268554120443</t>
  </si>
  <si>
    <t>15644</t>
  </si>
  <si>
    <t>10.518768310546875</t>
  </si>
  <si>
    <t>453.8286437988281</t>
  </si>
  <si>
    <t>0.0840405032715168</t>
  </si>
  <si>
    <t>10.400087356567383</t>
  </si>
  <si>
    <t>644.78466796875</t>
  </si>
  <si>
    <t>0.07503441579477865</t>
  </si>
  <si>
    <t>18037</t>
  </si>
  <si>
    <t>9.517065048217773</t>
  </si>
  <si>
    <t>711.4075317382812</t>
  </si>
  <si>
    <t>0.06730333100001573</t>
  </si>
  <si>
    <t>19031</t>
  </si>
  <si>
    <t>11.173969268798828</t>
  </si>
  <si>
    <t>601.8617553710938</t>
  </si>
  <si>
    <t>0.053644024846827065</t>
  </si>
  <si>
    <t>20489</t>
  </si>
  <si>
    <t>11.281906127929688</t>
  </si>
  <si>
    <t>638.388427734375</t>
  </si>
  <si>
    <t>0.07381892823017289</t>
  </si>
  <si>
    <t>21949</t>
  </si>
  <si>
    <t>11.14846420288086</t>
  </si>
  <si>
    <t>644.4461059570312</t>
  </si>
  <si>
    <t>0.06883342363175515</t>
  </si>
  <si>
    <t>20538</t>
  </si>
  <si>
    <t>11.205571174621582</t>
  </si>
  <si>
    <t>695.3019409179688</t>
  </si>
  <si>
    <t>-0.06644475162071473</t>
  </si>
  <si>
    <t>10.308834075927734</t>
  </si>
  <si>
    <t>848.4825439453125</t>
  </si>
  <si>
    <t>0.037181135658432396</t>
  </si>
  <si>
    <t>23573</t>
  </si>
  <si>
    <t>11.060103416442871</t>
  </si>
  <si>
    <t>495.563720703125</t>
  </si>
  <si>
    <t>0.10064402485527424</t>
  </si>
  <si>
    <t>11.173680305480957</t>
  </si>
  <si>
    <t>584.0494995117188</t>
  </si>
  <si>
    <t>0.0156575445047622</t>
  </si>
  <si>
    <t>11.137104988098145</t>
  </si>
  <si>
    <t>616.4373168945312</t>
  </si>
  <si>
    <t>-0.022211875084858335</t>
  </si>
  <si>
    <t>11.943116188049316</t>
  </si>
  <si>
    <t>752.3429565429688</t>
  </si>
  <si>
    <t>0.01890719323774981</t>
  </si>
  <si>
    <t>11.59479808807373</t>
  </si>
  <si>
    <t>533.7621459960938</t>
  </si>
  <si>
    <t>0.020118064499683896</t>
  </si>
  <si>
    <t>10.888165473937988</t>
  </si>
  <si>
    <t>696.35302734375</t>
  </si>
  <si>
    <t>0.034707490764864346</t>
  </si>
  <si>
    <t>11.897488594055176</t>
  </si>
  <si>
    <t>667.2655029296875</t>
  </si>
  <si>
    <t>0.03584194177574851</t>
  </si>
  <si>
    <t>26077</t>
  </si>
  <si>
    <t>11.815815925598145</t>
  </si>
  <si>
    <t>599.1331787109375</t>
  </si>
  <si>
    <t>-0.0020686492206909435</t>
  </si>
  <si>
    <t>12.257633209228516</t>
  </si>
  <si>
    <t>636.76123046875</t>
  </si>
  <si>
    <t>0.07075787607669248</t>
  </si>
  <si>
    <t>27157</t>
  </si>
  <si>
    <t>11.744635581970215</t>
  </si>
  <si>
    <t>721.945556640625</t>
  </si>
  <si>
    <t>-0.030176735807796007</t>
  </si>
  <si>
    <t>10.92098617553711</t>
  </si>
  <si>
    <t>591.2999267578125</t>
  </si>
  <si>
    <t>0.04854990960365768</t>
  </si>
  <si>
    <t>12.19744873046875</t>
  </si>
  <si>
    <t>567.1630859375</t>
  </si>
  <si>
    <t>0.019797124869610272</t>
  </si>
  <si>
    <t>7.539998531341553</t>
  </si>
  <si>
    <t>754.7086791992188</t>
  </si>
  <si>
    <t>336.8258972167969</t>
  </si>
  <si>
    <t>Presovsk kraj</t>
  </si>
  <si>
    <t>7680</t>
  </si>
  <si>
    <t>6.453101634979248</t>
  </si>
  <si>
    <t>777.6552734375</t>
  </si>
  <si>
    <t>-0.04419131198985937</t>
  </si>
  <si>
    <t>7.2965521812438965</t>
  </si>
  <si>
    <t>697.50146484375</t>
  </si>
  <si>
    <t>-0.013502204210343649</t>
  </si>
  <si>
    <t>6.664470672607422</t>
  </si>
  <si>
    <t>660.1887817382812</t>
  </si>
  <si>
    <t>0.01571329960294321</t>
  </si>
  <si>
    <t>7.373409271240234</t>
  </si>
  <si>
    <t>771.9970092773438</t>
  </si>
  <si>
    <t>0.056941855812379316</t>
  </si>
  <si>
    <t>6.388315200805664</t>
  </si>
  <si>
    <t>777.0341186523438</t>
  </si>
  <si>
    <t>0.05445471304092386</t>
  </si>
  <si>
    <t>5.138305187225342</t>
  </si>
  <si>
    <t>842.7437744140625</t>
  </si>
  <si>
    <t>0.053406355512112924</t>
  </si>
  <si>
    <t>6.7292633056640625</t>
  </si>
  <si>
    <t>838.6383056640625</t>
  </si>
  <si>
    <t>0.05101229413500441</t>
  </si>
  <si>
    <t>6.802706241607666</t>
  </si>
  <si>
    <t>866.3184814453125</t>
  </si>
  <si>
    <t>0.017231067804701183</t>
  </si>
  <si>
    <t>7.1830267906188965</t>
  </si>
  <si>
    <t>892.9169921875</t>
  </si>
  <si>
    <t>-0.02205895291690929</t>
  </si>
  <si>
    <t>8.181254386901855</t>
  </si>
  <si>
    <t>820.7623291015625</t>
  </si>
  <si>
    <t>0.009424153519271172</t>
  </si>
  <si>
    <t>6.7852396965026855</t>
  </si>
  <si>
    <t>888.0787963867188</t>
  </si>
  <si>
    <t>0.07969791741084542</t>
  </si>
  <si>
    <t>10937</t>
  </si>
  <si>
    <t>7.482117176055908</t>
  </si>
  <si>
    <t>842.0911254882812</t>
  </si>
  <si>
    <t>0.05121148948257925</t>
  </si>
  <si>
    <t>6.912084102630615</t>
  </si>
  <si>
    <t>640.00634765625</t>
  </si>
  <si>
    <t>0.036978097965914</t>
  </si>
  <si>
    <t>7.167514801025391</t>
  </si>
  <si>
    <t>874.2181396484375</t>
  </si>
  <si>
    <t>0.04150904367129371</t>
  </si>
  <si>
    <t>6.051332950592041</t>
  </si>
  <si>
    <t>824.5901489257812</t>
  </si>
  <si>
    <t>0.05540991512888027</t>
  </si>
  <si>
    <t>7.89860200881958</t>
  </si>
  <si>
    <t>779.452392578125</t>
  </si>
  <si>
    <t>-0.000800064047798088</t>
  </si>
  <si>
    <t>13919</t>
  </si>
  <si>
    <t>7.783263683319092</t>
  </si>
  <si>
    <t>784.7251586914062</t>
  </si>
  <si>
    <t>0.1080062841738858</t>
  </si>
  <si>
    <t>7.641566753387451</t>
  </si>
  <si>
    <t>801.246826171875</t>
  </si>
  <si>
    <t>0.12453747975176022</t>
  </si>
  <si>
    <t>14801</t>
  </si>
  <si>
    <t>7.241596221923828</t>
  </si>
  <si>
    <t>922.8099975585938</t>
  </si>
  <si>
    <t>-0.06309754694197167</t>
  </si>
  <si>
    <t>6.729940891265869</t>
  </si>
  <si>
    <t>1148.60595703125</t>
  </si>
  <si>
    <t>0.04788569794398079</t>
  </si>
  <si>
    <t>16505</t>
  </si>
  <si>
    <t>7.546499252319336</t>
  </si>
  <si>
    <t>696.6856079101562</t>
  </si>
  <si>
    <t>0.061082921306123694</t>
  </si>
  <si>
    <t>7.266672134399414</t>
  </si>
  <si>
    <t>718.6755981445312</t>
  </si>
  <si>
    <t>0.03166538675580988</t>
  </si>
  <si>
    <t>7.409753799438477</t>
  </si>
  <si>
    <t>784.423828125</t>
  </si>
  <si>
    <t>-0.003704905881571463</t>
  </si>
  <si>
    <t>17697</t>
  </si>
  <si>
    <t>8.631386756896973</t>
  </si>
  <si>
    <t>923.4999389648438</t>
  </si>
  <si>
    <t>0.04177128750965231</t>
  </si>
  <si>
    <t>8.161296844482422</t>
  </si>
  <si>
    <t>652.3599243164062</t>
  </si>
  <si>
    <t>0.059929679736326236</t>
  </si>
  <si>
    <t>7.716768741607666</t>
  </si>
  <si>
    <t>903.3501586914062</t>
  </si>
  <si>
    <t>0.030142499541341294</t>
  </si>
  <si>
    <t>8.364472389221191</t>
  </si>
  <si>
    <t>883.68408203125</t>
  </si>
  <si>
    <t>0.0191797210386202</t>
  </si>
  <si>
    <t>21690</t>
  </si>
  <si>
    <t>742.8294067382812</t>
  </si>
  <si>
    <t>0.0942042908334475</t>
  </si>
  <si>
    <t>9.018973350524902</t>
  </si>
  <si>
    <t>757.904296875</t>
  </si>
  <si>
    <t>-0.013507132874771344</t>
  </si>
  <si>
    <t>20641</t>
  </si>
  <si>
    <t>8.40023136138916</t>
  </si>
  <si>
    <t>955.1563110351562</t>
  </si>
  <si>
    <t>-0.03606480291189129</t>
  </si>
  <si>
    <t>21668</t>
  </si>
  <si>
    <t>7.4500250816345215</t>
  </si>
  <si>
    <t>803.3968505859375</t>
  </si>
  <si>
    <t>0.04855712874353202</t>
  </si>
  <si>
    <t>22101</t>
  </si>
  <si>
    <t>8.568445205688477</t>
  </si>
  <si>
    <t>744.7985229492188</t>
  </si>
  <si>
    <t>0.019786338573133833</t>
  </si>
  <si>
    <t>8.706210136413574</t>
  </si>
  <si>
    <t>714.1216430664062</t>
  </si>
  <si>
    <t>464.379638671875</t>
  </si>
  <si>
    <t>Trenciansky kraj</t>
  </si>
  <si>
    <t>7.641152858734131</t>
  </si>
  <si>
    <t>800.1973266601562</t>
  </si>
  <si>
    <t>-0.04416954907445181</t>
  </si>
  <si>
    <t>8.748446464538574</t>
  </si>
  <si>
    <t>710.1113891601562</t>
  </si>
  <si>
    <t>-0.013521690658217622</t>
  </si>
  <si>
    <t>8.258212089538574</t>
  </si>
  <si>
    <t>738.8706665039062</t>
  </si>
  <si>
    <t>0.01568268555645247</t>
  </si>
  <si>
    <t>9.012445449829102</t>
  </si>
  <si>
    <t>769.869140625</t>
  </si>
  <si>
    <t>0.056903539364247635</t>
  </si>
  <si>
    <t>8.05064868927002</t>
  </si>
  <si>
    <t>951.0048828125</t>
  </si>
  <si>
    <t>0.054483035635275456</t>
  </si>
  <si>
    <t>6.914482116699219</t>
  </si>
  <si>
    <t>844.19140625</t>
  </si>
  <si>
    <t>0.07051515391769136</t>
  </si>
  <si>
    <t>8.302515983581543</t>
  </si>
  <si>
    <t>746.6786499023438</t>
  </si>
  <si>
    <t>0.0397656479403814</t>
  </si>
  <si>
    <t>8.323826789855957</t>
  </si>
  <si>
    <t>836.7210693359375</t>
  </si>
  <si>
    <t>0.043018902170640416</t>
  </si>
  <si>
    <t>8.493718147277832</t>
  </si>
  <si>
    <t>908.51416015625</t>
  </si>
  <si>
    <t>0.0020686809197769662</t>
  </si>
  <si>
    <t>9.688971519470215</t>
  </si>
  <si>
    <t>727.4424438476562</t>
  </si>
  <si>
    <t>0.025302308794122652</t>
  </si>
  <si>
    <t>8.273676872253418</t>
  </si>
  <si>
    <t>737.7451171875</t>
  </si>
  <si>
    <t>0.006427015495212629</t>
  </si>
  <si>
    <t>15223</t>
  </si>
  <si>
    <t>8.886256217956543</t>
  </si>
  <si>
    <t>897.7382202148438</t>
  </si>
  <si>
    <t>0.015757741308490836</t>
  </si>
  <si>
    <t>16197</t>
  </si>
  <si>
    <t>8.450079917907715</t>
  </si>
  <si>
    <t>595.5888061523438</t>
  </si>
  <si>
    <t>0.062018597827142585</t>
  </si>
  <si>
    <t>8.43321704864502</t>
  </si>
  <si>
    <t>808.0997924804688</t>
  </si>
  <si>
    <t>0.0583376350051239</t>
  </si>
  <si>
    <t>7.491067409515381</t>
  </si>
  <si>
    <t>907.7955322265625</t>
  </si>
  <si>
    <t>0.006038805948710646</t>
  </si>
  <si>
    <t>19939</t>
  </si>
  <si>
    <t>9.212384223937988</t>
  </si>
  <si>
    <t>780.9970703125</t>
  </si>
  <si>
    <t>0.1434751319666674</t>
  </si>
  <si>
    <t>21761</t>
  </si>
  <si>
    <t>9.180965423583984</t>
  </si>
  <si>
    <t>820.2332153320312</t>
  </si>
  <si>
    <t>0.08744176398939452</t>
  </si>
  <si>
    <t>8.997950553894043</t>
  </si>
  <si>
    <t>817.8364868164062</t>
  </si>
  <si>
    <t>0.030279971717961374</t>
  </si>
  <si>
    <t>20670</t>
  </si>
  <si>
    <t>8.924626350402832</t>
  </si>
  <si>
    <t>927.70703125</t>
  </si>
  <si>
    <t>-0.08171597483844018</t>
  </si>
  <si>
    <t>8.203262329101562</t>
  </si>
  <si>
    <t>1084.2965087890625</t>
  </si>
  <si>
    <t>0.056706771790848265</t>
  </si>
  <si>
    <t>9.069281578063965</t>
  </si>
  <si>
    <t>672.87841796875</t>
  </si>
  <si>
    <t>0.02389400275358078</t>
  </si>
  <si>
    <t>8.925183296203613</t>
  </si>
  <si>
    <t>763.0591430664062</t>
  </si>
  <si>
    <t>0.010124870009482478</t>
  </si>
  <si>
    <t>22345</t>
  </si>
  <si>
    <t>8.924687385559082</t>
  </si>
  <si>
    <t>776.6777954101562</t>
  </si>
  <si>
    <t>-0.012806435862174226</t>
  </si>
  <si>
    <t>9.966622352600098</t>
  </si>
  <si>
    <t>967.1912231445312</t>
  </si>
  <si>
    <t>0.027542898322202802</t>
  </si>
  <si>
    <t>9.543720245361328</t>
  </si>
  <si>
    <t>670.1077270507812</t>
  </si>
  <si>
    <t>0.05096671400777453</t>
  </si>
  <si>
    <t>8.920920372009277</t>
  </si>
  <si>
    <t>923.8019409179688</t>
  </si>
  <si>
    <t>-0.008476035455068143</t>
  </si>
  <si>
    <t>9.756993293762207</t>
  </si>
  <si>
    <t>879.4363403320312</t>
  </si>
  <si>
    <t>-0.004684241103847242</t>
  </si>
  <si>
    <t>9.738335609436035</t>
  </si>
  <si>
    <t>791.0338134765625</t>
  </si>
  <si>
    <t>0.06519595149917201</t>
  </si>
  <si>
    <t>25500</t>
  </si>
  <si>
    <t>10.215811729431152</t>
  </si>
  <si>
    <t>803.8416137695312</t>
  </si>
  <si>
    <t>0.001530582508731726</t>
  </si>
  <si>
    <t>25087</t>
  </si>
  <si>
    <t>9.701908111572266</t>
  </si>
  <si>
    <t>961.7045288085938</t>
  </si>
  <si>
    <t>-0.016328668484678843</t>
  </si>
  <si>
    <t>8.849285125732422</t>
  </si>
  <si>
    <t>768.270263671875</t>
  </si>
  <si>
    <t>0.04851109625445105</t>
  </si>
  <si>
    <t>26861</t>
  </si>
  <si>
    <t>10.044449806213379</t>
  </si>
  <si>
    <t>753.2318725585938</t>
  </si>
  <si>
    <t>0.019814540549822013</t>
  </si>
  <si>
    <t>13557</t>
  </si>
  <si>
    <t>10.477238655090332</t>
  </si>
  <si>
    <t>524.4269409179688</t>
  </si>
  <si>
    <t>285.9185791015625</t>
  </si>
  <si>
    <t>Trnavsk kraj</t>
  </si>
  <si>
    <t>9.427237510681152</t>
  </si>
  <si>
    <t>586.3148803710938</t>
  </si>
  <si>
    <t>-0.044186922738715495</t>
  </si>
  <si>
    <t>12797</t>
  </si>
  <si>
    <t>10.638996124267578</t>
  </si>
  <si>
    <t>509.3292236328125</t>
  </si>
  <si>
    <t>-0.013505327903077458</t>
  </si>
  <si>
    <t>12999</t>
  </si>
  <si>
    <t>10.07620620727539</t>
  </si>
  <si>
    <t>539.1024780273438</t>
  </si>
  <si>
    <t>0.01566166297042315</t>
  </si>
  <si>
    <t>10.875754356384277</t>
  </si>
  <si>
    <t>583.1299438476562</t>
  </si>
  <si>
    <t>0.05689340107931429</t>
  </si>
  <si>
    <t>9.884540557861328</t>
  </si>
  <si>
    <t>698.0283813476562</t>
  </si>
  <si>
    <t>0.05451846583336106</t>
  </si>
  <si>
    <t>15559</t>
  </si>
  <si>
    <t>8.751660346984863</t>
  </si>
  <si>
    <t>604.421630859375</t>
  </si>
  <si>
    <t>0.06835495099426758</t>
  </si>
  <si>
    <t>16219</t>
  </si>
  <si>
    <t>10.232601165771484</t>
  </si>
  <si>
    <t>526.7338256835938</t>
  </si>
  <si>
    <t>0.0415441451727272</t>
  </si>
  <si>
    <t>16431</t>
  </si>
  <si>
    <t>10.26741886138916</t>
  </si>
  <si>
    <t>607.2634887695312</t>
  </si>
  <si>
    <t>0.012986399964141526</t>
  </si>
  <si>
    <t>16591</t>
  </si>
  <si>
    <t>10.319358825683594</t>
  </si>
  <si>
    <t>661.4957275390625</t>
  </si>
  <si>
    <t>0.009690585191524548</t>
  </si>
  <si>
    <t>11.545391082763672</t>
  </si>
  <si>
    <t>494.1064758300781</t>
  </si>
  <si>
    <t>-0.002897328036340241</t>
  </si>
  <si>
    <t>10.21251106262207</t>
  </si>
  <si>
    <t>500.3771667480469</t>
  </si>
  <si>
    <t>-0.06822460682084319</t>
  </si>
  <si>
    <t>10.677692413330078</t>
  </si>
  <si>
    <t>633.58544921875</t>
  </si>
  <si>
    <t>0.03359949553409258</t>
  </si>
  <si>
    <t>17672</t>
  </si>
  <si>
    <t>10.394810676574707</t>
  </si>
  <si>
    <t>429.5442810058594</t>
  </si>
  <si>
    <t>0.10064352577968805</t>
  </si>
  <si>
    <t>10.163416862487793</t>
  </si>
  <si>
    <t>594.6298828125</t>
  </si>
  <si>
    <t>0.06781517510587243</t>
  </si>
  <si>
    <t>9.34526538848877</t>
  </si>
  <si>
    <t>659.5280151367188</t>
  </si>
  <si>
    <t>0.08413428668898071</t>
  </si>
  <si>
    <t>25595</t>
  </si>
  <si>
    <t>11.04675006866455</t>
  </si>
  <si>
    <t>575.3363037109375</t>
  </si>
  <si>
    <t>0.21846609199687705</t>
  </si>
  <si>
    <t>11.044811248779297</t>
  </si>
  <si>
    <t>597.6224365234375</t>
  </si>
  <si>
    <t>0.08784127281211518</t>
  </si>
  <si>
    <t>10.708053588867188</t>
  </si>
  <si>
    <t>601.8441162109375</t>
  </si>
  <si>
    <t>0.0013588902105396983</t>
  </si>
  <si>
    <t>25254</t>
  </si>
  <si>
    <t>10.707600593566895</t>
  </si>
  <si>
    <t>666.8753662109375</t>
  </si>
  <si>
    <t>-0.10261262391571258</t>
  </si>
  <si>
    <t>9.9129638671875</t>
  </si>
  <si>
    <t>797.1084594726562</t>
  </si>
  <si>
    <t>0.08268920170306515</t>
  </si>
  <si>
    <t>28013</t>
  </si>
  <si>
    <t>10.969810485839844</t>
  </si>
  <si>
    <t>468.47406005859375</t>
  </si>
  <si>
    <t>0.02099492742267195</t>
  </si>
  <si>
    <t>10.759086608886719</t>
  </si>
  <si>
    <t>546.1997680664062</t>
  </si>
  <si>
    <t>0.01716522123137132</t>
  </si>
  <si>
    <t>28241</t>
  </si>
  <si>
    <t>10.564449310302734</t>
  </si>
  <si>
    <t>573.5780029296875</t>
  </si>
  <si>
    <t>-0.009059086610628597</t>
  </si>
  <si>
    <t>11.686477661132812</t>
  </si>
  <si>
    <t>691.256103515625</t>
  </si>
  <si>
    <t>0.047573698030275224</t>
  </si>
  <si>
    <t>29646</t>
  </si>
  <si>
    <t>11.336479187011719</t>
  </si>
  <si>
    <t>491.1099853515625</t>
  </si>
  <si>
    <t>0.0009786882984244016</t>
  </si>
  <si>
    <t>10.669811248779297</t>
  </si>
  <si>
    <t>654.9895629882812</t>
  </si>
  <si>
    <t>0.03971229179857616</t>
  </si>
  <si>
    <t>11.605083465576172</t>
  </si>
  <si>
    <t>624.22412109375</t>
  </si>
  <si>
    <t>0.013139862493531496</t>
  </si>
  <si>
    <t>32726</t>
  </si>
  <si>
    <t>11.58111572265625</t>
  </si>
  <si>
    <t>555.69189453125</t>
  </si>
  <si>
    <t>0.04599050562292817</t>
  </si>
  <si>
    <t>35134</t>
  </si>
  <si>
    <t>11.99526596069336</t>
  </si>
  <si>
    <t>586.5228881835938</t>
  </si>
  <si>
    <t>0.07099945358448778</t>
  </si>
  <si>
    <t>11.52917766571045</t>
  </si>
  <si>
    <t>673.412353515625</t>
  </si>
  <si>
    <t>-0.06414771308953959</t>
  </si>
  <si>
    <t>10.692872047424316</t>
  </si>
  <si>
    <t>562.7565307617188</t>
  </si>
  <si>
    <t>0.04851410293989922</t>
  </si>
  <si>
    <t>11.889449119567871</t>
  </si>
  <si>
    <t>531.79248046875</t>
  </si>
  <si>
    <t>0.019837206432663734</t>
  </si>
  <si>
    <t>7.3987555503845215</t>
  </si>
  <si>
    <t>905.0925903320312</t>
  </si>
  <si>
    <t>357.7006530761719</t>
  </si>
  <si>
    <t>Zilinsk kraj</t>
  </si>
  <si>
    <t>6.280651092529297</t>
  </si>
  <si>
    <t>976.5524291992188</t>
  </si>
  <si>
    <t>-0.0441059873940457</t>
  </si>
  <si>
    <t>7.109823226928711</t>
  </si>
  <si>
    <t>861.3002319335938</t>
  </si>
  <si>
    <t>-0.013482403510600705</t>
  </si>
  <si>
    <t>6.52844762802124</t>
  </si>
  <si>
    <t>873.5567016601562</t>
  </si>
  <si>
    <t>0.01557270527505139</t>
  </si>
  <si>
    <t>7.249853134155273</t>
  </si>
  <si>
    <t>906.7982788085938</t>
  </si>
  <si>
    <t>0.05692057205002499</t>
  </si>
  <si>
    <t>6.270397663116455</t>
  </si>
  <si>
    <t>1028.216796875</t>
  </si>
  <si>
    <t>0.054508359205689416</t>
  </si>
  <si>
    <t>5.063861846923828</t>
  </si>
  <si>
    <t>983.8643798828125</t>
  </si>
  <si>
    <t>0.08603801964783742</t>
  </si>
  <si>
    <t>6.605736255645752</t>
  </si>
  <si>
    <t>964.988037109375</t>
  </si>
  <si>
    <t>0.048998264156105975</t>
  </si>
  <si>
    <t>12897</t>
  </si>
  <si>
    <t>6.672119617462158</t>
  </si>
  <si>
    <t>1049.2333984375</t>
  </si>
  <si>
    <t>0.05106070920217931</t>
  </si>
  <si>
    <t>12789</t>
  </si>
  <si>
    <t>7.054147243499756</t>
  </si>
  <si>
    <t>1130.33740234375</t>
  </si>
  <si>
    <t>-0.008409299731072295</t>
  </si>
  <si>
    <t>12903</t>
  </si>
  <si>
    <t>8.077718734741211</t>
  </si>
  <si>
    <t>993.7959594726562</t>
  </si>
  <si>
    <t>0.008874416018526787</t>
  </si>
  <si>
    <t>13516</t>
  </si>
  <si>
    <t>6.662272930145264</t>
  </si>
  <si>
    <t>1086.036865234375</t>
  </si>
  <si>
    <t>0.04641432638233489</t>
  </si>
  <si>
    <t>7.369691371917725</t>
  </si>
  <si>
    <t>1092.0322265625</t>
  </si>
  <si>
    <t>0.03346740397971182</t>
  </si>
  <si>
    <t>6.759603977203369</t>
  </si>
  <si>
    <t>787.7848510742188</t>
  </si>
  <si>
    <t>0.03811656366979399</t>
  </si>
  <si>
    <t>7.128580570220947</t>
  </si>
  <si>
    <t>1025.0013427734375</t>
  </si>
  <si>
    <t>0.06570441605086152</t>
  </si>
  <si>
    <t>5.979158878326416</t>
  </si>
  <si>
    <t>1069.8658447265625</t>
  </si>
  <si>
    <t>0.08626940556987961</t>
  </si>
  <si>
    <t>7.7747673988342285</t>
  </si>
  <si>
    <t>1013.52880859375</t>
  </si>
  <si>
    <t>0.0643832020119266</t>
  </si>
  <si>
    <t>20622</t>
  </si>
  <si>
    <t>7.635118007659912</t>
  </si>
  <si>
    <t>1009.52392578125</t>
  </si>
  <si>
    <t>0.13454330696153427</t>
  </si>
  <si>
    <t>22567</t>
  </si>
  <si>
    <t>7.5673909187316895</t>
  </si>
  <si>
    <t>1009.8564453125</t>
  </si>
  <si>
    <t>0.0901301950940212</t>
  </si>
  <si>
    <t>21322</t>
  </si>
  <si>
    <t>7.093708038330078</t>
  </si>
  <si>
    <t>1125.5196533203125</t>
  </si>
  <si>
    <t>-0.05674925866149039</t>
  </si>
  <si>
    <t>6.7334370613098145</t>
  </si>
  <si>
    <t>1404.648193359375</t>
  </si>
  <si>
    <t>0.09368014586130258</t>
  </si>
  <si>
    <t>7.430453777313232</t>
  </si>
  <si>
    <t>874.3594970703125</t>
  </si>
  <si>
    <t>-0.006168628196684622</t>
  </si>
  <si>
    <t>23642</t>
  </si>
  <si>
    <t>7.100158214569092</t>
  </si>
  <si>
    <t>935.984375</t>
  </si>
  <si>
    <t>0.015773870135284085</t>
  </si>
  <si>
    <t>7.317488193511963</t>
  </si>
  <si>
    <t>995.574951171875</t>
  </si>
  <si>
    <t>-0.007642700244655742</t>
  </si>
  <si>
    <t>8.522500038146973</t>
  </si>
  <si>
    <t>1220.2882080078125</t>
  </si>
  <si>
    <t>0.04614409544955933</t>
  </si>
  <si>
    <t>26028</t>
  </si>
  <si>
    <t>8.046269416809082</t>
  </si>
  <si>
    <t>850.5475463867188</t>
  </si>
  <si>
    <t>0.05764669509964904</t>
  </si>
  <si>
    <t>7.6126532554626465</t>
  </si>
  <si>
    <t>1187.301025390625</t>
  </si>
  <si>
    <t>0.006357495274473379</t>
  </si>
  <si>
    <t>8.18691349029541</t>
  </si>
  <si>
    <t>1096.47265625</t>
  </si>
  <si>
    <t>0.015531203514964176</t>
  </si>
  <si>
    <t>8.22448444366455</t>
  </si>
  <si>
    <t>975.0402221679688</t>
  </si>
  <si>
    <t>0.04047913015584115</t>
  </si>
  <si>
    <t>29483</t>
  </si>
  <si>
    <t>8.891653060913086</t>
  </si>
  <si>
    <t>987.7816772460938</t>
  </si>
  <si>
    <t>0.062273115473258756</t>
  </si>
  <si>
    <t>8.242873191833496</t>
  </si>
  <si>
    <t>1210.9818115234375</t>
  </si>
  <si>
    <t>-0.06418809808293169</t>
  </si>
  <si>
    <t>7.266225814819336</t>
  </si>
  <si>
    <t>980.6123657226562</t>
  </si>
  <si>
    <t>0.04849734596438182</t>
  </si>
  <si>
    <t>8.36320972442627</t>
  </si>
  <si>
    <t>968.217041015625</t>
  </si>
  <si>
    <t>0.019820192051014374</t>
  </si>
  <si>
    <t>SVN</t>
  </si>
  <si>
    <t>15914</t>
  </si>
  <si>
    <t>8.405622482299805</t>
  </si>
  <si>
    <t>1743.4190673828125</t>
  </si>
  <si>
    <t>174.0071258544922</t>
  </si>
  <si>
    <t>Gorenjska</t>
  </si>
  <si>
    <t>Slovenia</t>
  </si>
  <si>
    <t>16463</t>
  </si>
  <si>
    <t>7.426233768463135</t>
  </si>
  <si>
    <t>1704.558837890625</t>
  </si>
  <si>
    <t>0.03391621371054221</t>
  </si>
  <si>
    <t>8.65596866607666</t>
  </si>
  <si>
    <t>1731.74169921875</t>
  </si>
  <si>
    <t>0.025547083769899004</t>
  </si>
  <si>
    <t>17441</t>
  </si>
  <si>
    <t>8.0831880569458</t>
  </si>
  <si>
    <t>1670.240478515625</t>
  </si>
  <si>
    <t>0.032161233850747095</t>
  </si>
  <si>
    <t>8.969429969787598</t>
  </si>
  <si>
    <t>1723.6151123046875</t>
  </si>
  <si>
    <t>0.05113274024605552</t>
  </si>
  <si>
    <t>19080</t>
  </si>
  <si>
    <t>8.023028373718262</t>
  </si>
  <si>
    <t>1719.140625</t>
  </si>
  <si>
    <t>0.0386841694875546</t>
  </si>
  <si>
    <t>6.984567165374756</t>
  </si>
  <si>
    <t>1879.1605224609375</t>
  </si>
  <si>
    <t>0.03091141130481212</t>
  </si>
  <si>
    <t>8.286046028137207</t>
  </si>
  <si>
    <t>1412.47021484375</t>
  </si>
  <si>
    <t>0.06458933543672529</t>
  </si>
  <si>
    <t>8.32884693145752</t>
  </si>
  <si>
    <t>1777.912841796875</t>
  </si>
  <si>
    <t>0.029662396212467357</t>
  </si>
  <si>
    <t>8.174113273620605</t>
  </si>
  <si>
    <t>1775.1241455078125</t>
  </si>
  <si>
    <t>0.03279877341126891</t>
  </si>
  <si>
    <t>23432</t>
  </si>
  <si>
    <t>9.443689346313477</t>
  </si>
  <si>
    <t>1900.8402099609375</t>
  </si>
  <si>
    <t>0.047500027140017664</t>
  </si>
  <si>
    <t>28325</t>
  </si>
  <si>
    <t>8.212871551513672</t>
  </si>
  <si>
    <t>1310.6295166015625</t>
  </si>
  <si>
    <t>0.18964219738863797</t>
  </si>
  <si>
    <t>29104</t>
  </si>
  <si>
    <t>8.827763557434082</t>
  </si>
  <si>
    <t>1836.156982421875</t>
  </si>
  <si>
    <t>0.027130814861695995</t>
  </si>
  <si>
    <t>8.491470336914062</t>
  </si>
  <si>
    <t>1388.093994140625</t>
  </si>
  <si>
    <t>0.03782685937216179</t>
  </si>
  <si>
    <t>8.089695930480957</t>
  </si>
  <si>
    <t>1765.30810546875</t>
  </si>
  <si>
    <t>0.0447394090208153</t>
  </si>
  <si>
    <t>32291</t>
  </si>
  <si>
    <t>7.3357014656066895</t>
  </si>
  <si>
    <t>1767.5792236328125</t>
  </si>
  <si>
    <t>0.021346663462253446</t>
  </si>
  <si>
    <t>8.97120475769043</t>
  </si>
  <si>
    <t>1533.583984375</t>
  </si>
  <si>
    <t>0.03639861207264694</t>
  </si>
  <si>
    <t>8.95202350616455</t>
  </si>
  <si>
    <t>1548.55908203125</t>
  </si>
  <si>
    <t>0.06281440371335911</t>
  </si>
  <si>
    <t>36520</t>
  </si>
  <si>
    <t>8.66218090057373</t>
  </si>
  <si>
    <t>1893.821533203125</t>
  </si>
  <si>
    <t>0.023858486309764615</t>
  </si>
  <si>
    <t>32246</t>
  </si>
  <si>
    <t>8.681756019592285</t>
  </si>
  <si>
    <t>1847.0045166015625</t>
  </si>
  <si>
    <t>-0.12446605118521958</t>
  </si>
  <si>
    <t>8.015089988708496</t>
  </si>
  <si>
    <t>1862.9305419921875</t>
  </si>
  <si>
    <t>0.03132219789906188</t>
  </si>
  <si>
    <t>9.175543785095215</t>
  </si>
  <si>
    <t>1291.2132568359375</t>
  </si>
  <si>
    <t>0.006082689136626129</t>
  </si>
  <si>
    <t>32706</t>
  </si>
  <si>
    <t>9.0708589553833</t>
  </si>
  <si>
    <t>1816.8106689453125</t>
  </si>
  <si>
    <t>-0.02324034426703747</t>
  </si>
  <si>
    <t>8.841174125671387</t>
  </si>
  <si>
    <t>2022.9813232421875</t>
  </si>
  <si>
    <t>0.009554891181783987</t>
  </si>
  <si>
    <t>9.483580589294434</t>
  </si>
  <si>
    <t>2310.26953125</t>
  </si>
  <si>
    <t>0.04288890604735407</t>
  </si>
  <si>
    <t>9.45710277557373</t>
  </si>
  <si>
    <t>1858.257568359375</t>
  </si>
  <si>
    <t>0.026511715934244506</t>
  </si>
  <si>
    <t>8.635356903076172</t>
  </si>
  <si>
    <t>1979.640869140625</t>
  </si>
  <si>
    <t>0.024283877227727402</t>
  </si>
  <si>
    <t>9.606411933898926</t>
  </si>
  <si>
    <t>1780.4625244140625</t>
  </si>
  <si>
    <t>0.0666940431709957</t>
  </si>
  <si>
    <t>40537</t>
  </si>
  <si>
    <t>9.393738746643066</t>
  </si>
  <si>
    <t>1703.7078857421875</t>
  </si>
  <si>
    <t>0.04472315642666125</t>
  </si>
  <si>
    <t>41729</t>
  </si>
  <si>
    <t>9.862525939941406</t>
  </si>
  <si>
    <t>2008.78271484375</t>
  </si>
  <si>
    <t>0.028981193441998343</t>
  </si>
  <si>
    <t>9.354931831359863</t>
  </si>
  <si>
    <t>2027.3192138671875</t>
  </si>
  <si>
    <t>-0.10826973079553603</t>
  </si>
  <si>
    <t>8.609566688537598</t>
  </si>
  <si>
    <t>1463.4847412109375</t>
  </si>
  <si>
    <t>0.0758289248387154</t>
  </si>
  <si>
    <t>10.00350284576416</t>
  </si>
  <si>
    <t>1509.9066162109375</t>
  </si>
  <si>
    <t>0.021913251819199786</t>
  </si>
  <si>
    <t>9.950016975402832</t>
  </si>
  <si>
    <t>1347.9866943359375</t>
  </si>
  <si>
    <t>104.89836120605469</t>
  </si>
  <si>
    <t>Jugovzhodna Slovenija</t>
  </si>
  <si>
    <t>8.787566184997559</t>
  </si>
  <si>
    <t>1336.009765625</t>
  </si>
  <si>
    <t>10.091282844543457</t>
  </si>
  <si>
    <t>1358.634521484375</t>
  </si>
  <si>
    <t>9.547004699707031</t>
  </si>
  <si>
    <t>1313.9276123046875</t>
  </si>
  <si>
    <t>10.38375186920166</t>
  </si>
  <si>
    <t>1359.170166015625</t>
  </si>
  <si>
    <t>9.400016784667969</t>
  </si>
  <si>
    <t>1393.8507080078125</t>
  </si>
  <si>
    <t>8.561461448669434</t>
  </si>
  <si>
    <t>1460.971923828125</t>
  </si>
  <si>
    <t>9.526924133300781</t>
  </si>
  <si>
    <t>1132.353515625</t>
  </si>
  <si>
    <t>0.07331638759984749</t>
  </si>
  <si>
    <t>9.522004127502441</t>
  </si>
  <si>
    <t>1409.203857421875</t>
  </si>
  <si>
    <t>0.04564600327221591</t>
  </si>
  <si>
    <t>9.580338478088379</t>
  </si>
  <si>
    <t>1420.5892333984375</t>
  </si>
  <si>
    <t>0.046714816502886336</t>
  </si>
  <si>
    <t>11.059054374694824</t>
  </si>
  <si>
    <t>1441.022216796875</t>
  </si>
  <si>
    <t>0.05201424004118316</t>
  </si>
  <si>
    <t>9.59057903289795</t>
  </si>
  <si>
    <t>1048.4849853515625</t>
  </si>
  <si>
    <t>0.19255581196869898</t>
  </si>
  <si>
    <t>10.322405815124512</t>
  </si>
  <si>
    <t>1455.9808349609375</t>
  </si>
  <si>
    <t>0.034626171071577616</t>
  </si>
  <si>
    <t>9.784553527832031</t>
  </si>
  <si>
    <t>1073.5775146484375</t>
  </si>
  <si>
    <t>0.03861927720687319</t>
  </si>
  <si>
    <t>9.530338287353516</t>
  </si>
  <si>
    <t>1401.5396728515625</t>
  </si>
  <si>
    <t>0.053295112186363625</t>
  </si>
  <si>
    <t>34390</t>
  </si>
  <si>
    <t>8.682246208190918</t>
  </si>
  <si>
    <t>1413.1688232421875</t>
  </si>
  <si>
    <t>0.021425927269575595</t>
  </si>
  <si>
    <t>10.37351131439209</t>
  </si>
  <si>
    <t>1228.5616455078125</t>
  </si>
  <si>
    <t>0.08004718123590138</t>
  </si>
  <si>
    <t>39512</t>
  </si>
  <si>
    <t>10.46065902709961</t>
  </si>
  <si>
    <t>1233.9642333984375</t>
  </si>
  <si>
    <t>0.058791417558246906</t>
  </si>
  <si>
    <t>40494</t>
  </si>
  <si>
    <t>10.362164497375488</t>
  </si>
  <si>
    <t>1461.4599609375</t>
  </si>
  <si>
    <t>0.024549391751001792</t>
  </si>
  <si>
    <t>36480</t>
  </si>
  <si>
    <t>10.44168472290039</t>
  </si>
  <si>
    <t>1390.4190673828125</t>
  </si>
  <si>
    <t>-0.10438964978319376</t>
  </si>
  <si>
    <t>9.601924896240234</t>
  </si>
  <si>
    <t>1545.8675537109375</t>
  </si>
  <si>
    <t>0.01852256860443191</t>
  </si>
  <si>
    <t>10.308752059936523</t>
  </si>
  <si>
    <t>966.1900024414062</t>
  </si>
  <si>
    <t>-0.0023438457865676554</t>
  </si>
  <si>
    <t>10.534455299377441</t>
  </si>
  <si>
    <t>1346.8482666015625</t>
  </si>
  <si>
    <t>-0.03770816915558406</t>
  </si>
  <si>
    <t>10.407949447631836</t>
  </si>
  <si>
    <t>1569.95947265625</t>
  </si>
  <si>
    <t>-0.008974978302386916</t>
  </si>
  <si>
    <t>11.009455680847168</t>
  </si>
  <si>
    <t>1798.031005859375</t>
  </si>
  <si>
    <t>0.017120299355241286</t>
  </si>
  <si>
    <t>36848</t>
  </si>
  <si>
    <t>10.707549095153809</t>
  </si>
  <si>
    <t>1429.2650146484375</t>
  </si>
  <si>
    <t>0.023421303157062923</t>
  </si>
  <si>
    <t>10.072005271911621</t>
  </si>
  <si>
    <t>1490.839599609375</t>
  </si>
  <si>
    <t>0.022513864322725397</t>
  </si>
  <si>
    <t>40909</t>
  </si>
  <si>
    <t>11.19048023223877</t>
  </si>
  <si>
    <t>1345.55810546875</t>
  </si>
  <si>
    <t>0.08203488034024886</t>
  </si>
  <si>
    <t>11.10884952545166</t>
  </si>
  <si>
    <t>1345.2569580078125</t>
  </si>
  <si>
    <t>0.04863999383058548</t>
  </si>
  <si>
    <t>44813</t>
  </si>
  <si>
    <t>11.426219940185547</t>
  </si>
  <si>
    <t>1563.1129150390625</t>
  </si>
  <si>
    <t>0.04250819432682107</t>
  </si>
  <si>
    <t>10.956141471862793</t>
  </si>
  <si>
    <t>1511.9105224609375</t>
  </si>
  <si>
    <t>-0.03948584994354576</t>
  </si>
  <si>
    <t>46472</t>
  </si>
  <si>
    <t>10.25393009185791</t>
  </si>
  <si>
    <t>1180.504150390625</t>
  </si>
  <si>
    <t>0.0758375547350667</t>
  </si>
  <si>
    <t>11.581844329833984</t>
  </si>
  <si>
    <t>1157.0064697265625</t>
  </si>
  <si>
    <t>0.021900782760340576</t>
  </si>
  <si>
    <t>14110</t>
  </si>
  <si>
    <t>1620.199951171875</t>
  </si>
  <si>
    <t>42.11849594116211</t>
  </si>
  <si>
    <t>Notranjsko-kraska</t>
  </si>
  <si>
    <t>1541.2000732421875</t>
  </si>
  <si>
    <t>0.03386375270947717</t>
  </si>
  <si>
    <t>14974</t>
  </si>
  <si>
    <t>1737.39990234375</t>
  </si>
  <si>
    <t>0.025567845234293785</t>
  </si>
  <si>
    <t>1803.499755859375</t>
  </si>
  <si>
    <t>0.032134709684799034</t>
  </si>
  <si>
    <t>16274</t>
  </si>
  <si>
    <t>1508.0001220703125</t>
  </si>
  <si>
    <t>0.05111866878117155</t>
  </si>
  <si>
    <t>2010.89990234375</t>
  </si>
  <si>
    <t>0.038750291218690336</t>
  </si>
  <si>
    <t>17409</t>
  </si>
  <si>
    <t>2026.699951171875</t>
  </si>
  <si>
    <t>0.028668280383426392</t>
  </si>
  <si>
    <t>18966</t>
  </si>
  <si>
    <t>1565.800048828125</t>
  </si>
  <si>
    <t>0.08566058858495396</t>
  </si>
  <si>
    <t>19642</t>
  </si>
  <si>
    <t>1686.4002685546875</t>
  </si>
  <si>
    <t>0.03502222827404644</t>
  </si>
  <si>
    <t>20234</t>
  </si>
  <si>
    <t>1604.60009765625</t>
  </si>
  <si>
    <t>0.029694227048116417</t>
  </si>
  <si>
    <t>1901.5999755859375</t>
  </si>
  <si>
    <t>0.04625939418606961</t>
  </si>
  <si>
    <t>31597</t>
  </si>
  <si>
    <t>1261.900146484375</t>
  </si>
  <si>
    <t>0.39943842740746227</t>
  </si>
  <si>
    <t>2070.199951171875</t>
  </si>
  <si>
    <t>0.03919393323189091</t>
  </si>
  <si>
    <t>1238.699951171875</t>
  </si>
  <si>
    <t>0.04670120875752026</t>
  </si>
  <si>
    <t>1719.7000732421875</t>
  </si>
  <si>
    <t>0.033613010346911665</t>
  </si>
  <si>
    <t>1787.7998046875</t>
  </si>
  <si>
    <t>0.031595104459437806</t>
  </si>
  <si>
    <t>0.06675369256395314</t>
  </si>
  <si>
    <t>1523.60009765625</t>
  </si>
  <si>
    <t>0.06422348984663095</t>
  </si>
  <si>
    <t>43838</t>
  </si>
  <si>
    <t>9.433335304260254</t>
  </si>
  <si>
    <t>1758.7001953125</t>
  </si>
  <si>
    <t>0.04535840257758572</t>
  </si>
  <si>
    <t>1679.8001708984375</t>
  </si>
  <si>
    <t>-0.07373253421148362</t>
  </si>
  <si>
    <t>41488</t>
  </si>
  <si>
    <t>1910.7000732421875</t>
  </si>
  <si>
    <t>0.01863574184663186</t>
  </si>
  <si>
    <t>-0.023189091497343384</t>
  </si>
  <si>
    <t>37585</t>
  </si>
  <si>
    <t>1649.7001953125</t>
  </si>
  <si>
    <t>-0.07561010266953261</t>
  </si>
  <si>
    <t>1988.9000244140625</t>
  </si>
  <si>
    <t>-0.05067033953163147</t>
  </si>
  <si>
    <t>2104.10009765625</t>
  </si>
  <si>
    <t>0.016929330582447832</t>
  </si>
  <si>
    <t>1708.5001220703125</t>
  </si>
  <si>
    <t>0.0439323485634624</t>
  </si>
  <si>
    <t>1830.800048828125</t>
  </si>
  <si>
    <t>0.03006750581254458</t>
  </si>
  <si>
    <t>42185</t>
  </si>
  <si>
    <t>1640.4000244140625</t>
  </si>
  <si>
    <t>0.07520082756133384</t>
  </si>
  <si>
    <t>43924</t>
  </si>
  <si>
    <t>1592.3001708984375</t>
  </si>
  <si>
    <t>0.0403961601178775</t>
  </si>
  <si>
    <t>43653</t>
  </si>
  <si>
    <t>1931.300048828125</t>
  </si>
  <si>
    <t>-0.0061888592892156424</t>
  </si>
  <si>
    <t>38791</t>
  </si>
  <si>
    <t>1903.4000244140625</t>
  </si>
  <si>
    <t>-0.11808374748650508</t>
  </si>
  <si>
    <t>41847</t>
  </si>
  <si>
    <t>1367.7000732421875</t>
  </si>
  <si>
    <t>0.07583184881846172</t>
  </si>
  <si>
    <t>42773</t>
  </si>
  <si>
    <t>1455.9000244140625</t>
  </si>
  <si>
    <t>0.021886952624063483</t>
  </si>
  <si>
    <t>1452.2999267578125</t>
  </si>
  <si>
    <t>287.5076904296875</t>
  </si>
  <si>
    <t>Obalno-kraska</t>
  </si>
  <si>
    <t>1373.199951171875</t>
  </si>
  <si>
    <t>0.03388960050135026</t>
  </si>
  <si>
    <t>20720</t>
  </si>
  <si>
    <t>1485.5</t>
  </si>
  <si>
    <t>0.02556533886503054</t>
  </si>
  <si>
    <t>1558.300048828125</t>
  </si>
  <si>
    <t>0.03210457127772237</t>
  </si>
  <si>
    <t>1351.7999267578125</t>
  </si>
  <si>
    <t>0.051155408643198896</t>
  </si>
  <si>
    <t>23408</t>
  </si>
  <si>
    <t>1807.5</t>
  </si>
  <si>
    <t>0.038718446965566145</t>
  </si>
  <si>
    <t>24221</t>
  </si>
  <si>
    <t>1881.099853515625</t>
  </si>
  <si>
    <t>0.03414218118641976</t>
  </si>
  <si>
    <t>1303.5999755859375</t>
  </si>
  <si>
    <t>0.0406948240546825</t>
  </si>
  <si>
    <t>1524.400146484375</t>
  </si>
  <si>
    <t>0.02821822370503746</t>
  </si>
  <si>
    <t>1418.0001220703125</t>
  </si>
  <si>
    <t>0.03673643155261885</t>
  </si>
  <si>
    <t>1739.60009765625</t>
  </si>
  <si>
    <t>0.04843631964502215</t>
  </si>
  <si>
    <t>51555</t>
  </si>
  <si>
    <t>1162.199951171875</t>
  </si>
  <si>
    <t>0.6013433745483567</t>
  </si>
  <si>
    <t>1798.9998779296875</t>
  </si>
  <si>
    <t>0.03353100490155292</t>
  </si>
  <si>
    <t>57593</t>
  </si>
  <si>
    <t>0.07722082866751023</t>
  </si>
  <si>
    <t>59986</t>
  </si>
  <si>
    <t>0.04071016912334002</t>
  </si>
  <si>
    <t>62831</t>
  </si>
  <si>
    <t>1614.2001953125</t>
  </si>
  <si>
    <t>0.04633738058960013</t>
  </si>
  <si>
    <t>67373</t>
  </si>
  <si>
    <t>12.991667747497559</t>
  </si>
  <si>
    <t>1335.2000732421875</t>
  </si>
  <si>
    <t>70931</t>
  </si>
  <si>
    <t>1376.7000732421875</t>
  </si>
  <si>
    <t>0.05146322933404335</t>
  </si>
  <si>
    <t>72796</t>
  </si>
  <si>
    <t>1659.900146484375</t>
  </si>
  <si>
    <t>0.025953435116665702</t>
  </si>
  <si>
    <t>68099</t>
  </si>
  <si>
    <t>1562.2999267578125</t>
  </si>
  <si>
    <t>-0.06669847987832078</t>
  </si>
  <si>
    <t>68510</t>
  </si>
  <si>
    <t>0.006017191254969134</t>
  </si>
  <si>
    <t>68245</t>
  </si>
  <si>
    <t>1095.39990234375</t>
  </si>
  <si>
    <t>-0.003875548706648857</t>
  </si>
  <si>
    <t>66692</t>
  </si>
  <si>
    <t>1515.60009765625</t>
  </si>
  <si>
    <t>-0.023019165609946768</t>
  </si>
  <si>
    <t>64865</t>
  </si>
  <si>
    <t>1852.800048828125</t>
  </si>
  <si>
    <t>-0.02777681867523718</t>
  </si>
  <si>
    <t>65977</t>
  </si>
  <si>
    <t>13.183331489562988</t>
  </si>
  <si>
    <t>1899.2000732421875</t>
  </si>
  <si>
    <t>0.01699800942000884</t>
  </si>
  <si>
    <t>66826</t>
  </si>
  <si>
    <t>1564.7000732421875</t>
  </si>
  <si>
    <t>0.012786029929440446</t>
  </si>
  <si>
    <t>69378</t>
  </si>
  <si>
    <t>1675.7999267578125</t>
  </si>
  <si>
    <t>0.03747758800245471</t>
  </si>
  <si>
    <t>72522</t>
  </si>
  <si>
    <t>1508.099853515625</t>
  </si>
  <si>
    <t>0.04432014973049547</t>
  </si>
  <si>
    <t>75898</t>
  </si>
  <si>
    <t>13.391667366027832</t>
  </si>
  <si>
    <t>1473.199951171875</t>
  </si>
  <si>
    <t>0.04550036948789682</t>
  </si>
  <si>
    <t>78168</t>
  </si>
  <si>
    <t>1750.9000244140625</t>
  </si>
  <si>
    <t>0.02947002304876989</t>
  </si>
  <si>
    <t>76403</t>
  </si>
  <si>
    <t>1743.0999755859375</t>
  </si>
  <si>
    <t>-0.022838394224789837</t>
  </si>
  <si>
    <t>82422</t>
  </si>
  <si>
    <t>1250.2000732421875</t>
  </si>
  <si>
    <t>0.07583042915387139</t>
  </si>
  <si>
    <t>84247</t>
  </si>
  <si>
    <t>1263.5999755859375</t>
  </si>
  <si>
    <t>0.02190056871875079</t>
  </si>
  <si>
    <t>2346</t>
  </si>
  <si>
    <t>134.59288024902344</t>
  </si>
  <si>
    <t>Osrednjeslovenska</t>
  </si>
  <si>
    <t>1358.0001220703125</t>
  </si>
  <si>
    <t>0.03389078764476672</t>
  </si>
  <si>
    <t>26292</t>
  </si>
  <si>
    <t>1361.0001220703125</t>
  </si>
  <si>
    <t>0.025579206624554374</t>
  </si>
  <si>
    <t>27150</t>
  </si>
  <si>
    <t>0.032112335978613515</t>
  </si>
  <si>
    <t>1313.9000244140625</t>
  </si>
  <si>
    <t>0.05112016706302214</t>
  </si>
  <si>
    <t>1495.199951171875</t>
  </si>
  <si>
    <t>0.03871717016578735</t>
  </si>
  <si>
    <t>7.325000286102295</t>
  </si>
  <si>
    <t>1620.0</t>
  </si>
  <si>
    <t>0.03154877596796268</t>
  </si>
  <si>
    <t>31856</t>
  </si>
  <si>
    <t>0.038462587745124566</t>
  </si>
  <si>
    <t>1434.39990234375</t>
  </si>
  <si>
    <t>0.03458460145137643</t>
  </si>
  <si>
    <t>0.06492318499253535</t>
  </si>
  <si>
    <t>1562.2001953125</t>
  </si>
  <si>
    <t>0.02303537344556439</t>
  </si>
  <si>
    <t>1070.7999267578125</t>
  </si>
  <si>
    <t>-0.2601367491667723</t>
  </si>
  <si>
    <t>1444.900146484375</t>
  </si>
  <si>
    <t>0.04641849462077374</t>
  </si>
  <si>
    <t>1046.7000732421875</t>
  </si>
  <si>
    <t>0.024323503648711053</t>
  </si>
  <si>
    <t>1398.2998046875</t>
  </si>
  <si>
    <t>0.04671678900980325</t>
  </si>
  <si>
    <t>32558</t>
  </si>
  <si>
    <t>7.458334445953369</t>
  </si>
  <si>
    <t>0.04193216886248585</t>
  </si>
  <si>
    <t>1169.9000244140625</t>
  </si>
  <si>
    <t>0.0627939570857805</t>
  </si>
  <si>
    <t>0.06225896923823093</t>
  </si>
  <si>
    <t>1500.2000732421875</t>
  </si>
  <si>
    <t>0.037191071348212645</t>
  </si>
  <si>
    <t>1412.300048828125</t>
  </si>
  <si>
    <t>-0.08558559621628703</t>
  </si>
  <si>
    <t>1597.10009765625</t>
  </si>
  <si>
    <t>0.004116458849800608</t>
  </si>
  <si>
    <t>0.00747967754170098</t>
  </si>
  <si>
    <t>34533</t>
  </si>
  <si>
    <t>9.291665077209473</t>
  </si>
  <si>
    <t>1400.400146484375</t>
  </si>
  <si>
    <t>-0.029362263432721747</t>
  </si>
  <si>
    <t>33811</t>
  </si>
  <si>
    <t>-0.02112919527042223</t>
  </si>
  <si>
    <t>1810.80029296875</t>
  </si>
  <si>
    <t>0.03152870132709751</t>
  </si>
  <si>
    <t>35224</t>
  </si>
  <si>
    <t>1529.800048828125</t>
  </si>
  <si>
    <t>0.009412773795743234</t>
  </si>
  <si>
    <t>36085</t>
  </si>
  <si>
    <t>1643.300048828125</t>
  </si>
  <si>
    <t>0.02414959807078354</t>
  </si>
  <si>
    <t>37492</t>
  </si>
  <si>
    <t>1443.7000732421875</t>
  </si>
  <si>
    <t>0.03825031036000226</t>
  </si>
  <si>
    <t>1438.7000732421875</t>
  </si>
  <si>
    <t>0.03758620915692745</t>
  </si>
  <si>
    <t>40421</t>
  </si>
  <si>
    <t>0.03763566585588407</t>
  </si>
  <si>
    <t>38565</t>
  </si>
  <si>
    <t>1649.199951171875</t>
  </si>
  <si>
    <t>-0.047004322511089214</t>
  </si>
  <si>
    <t>1204.10009765625</t>
  </si>
  <si>
    <t>0.07582715066568113</t>
  </si>
  <si>
    <t>42524</t>
  </si>
  <si>
    <t>1163.2999267578125</t>
  </si>
  <si>
    <t>0.02189634237471516</t>
  </si>
  <si>
    <t>77.87102508544922</t>
  </si>
  <si>
    <t>Pomurska</t>
  </si>
  <si>
    <t>858.0000610351562</t>
  </si>
  <si>
    <t>0.03390898493431038</t>
  </si>
  <si>
    <t>14278</t>
  </si>
  <si>
    <t>741.8999633789062</t>
  </si>
  <si>
    <t>0.02560877664255301</t>
  </si>
  <si>
    <t>754.2000732421875</t>
  </si>
  <si>
    <t>0.03211632928725372</t>
  </si>
  <si>
    <t>15517</t>
  </si>
  <si>
    <t>845.9000244140625</t>
  </si>
  <si>
    <t>0.05109997673382516</t>
  </si>
  <si>
    <t>16130</t>
  </si>
  <si>
    <t>0.038744695035770604</t>
  </si>
  <si>
    <t>873.7999267578125</t>
  </si>
  <si>
    <t>0.03184943719561062</t>
  </si>
  <si>
    <t>17309</t>
  </si>
  <si>
    <t>0.03869626811153282</t>
  </si>
  <si>
    <t>18020</t>
  </si>
  <si>
    <t>818.0001220703125</t>
  </si>
  <si>
    <t>0.040255654735929625</t>
  </si>
  <si>
    <t>847.4999389648438</t>
  </si>
  <si>
    <t>-0.0041150033043244605</t>
  </si>
  <si>
    <t>844.7999267578125</t>
  </si>
  <si>
    <t>0.06357684188798984</t>
  </si>
  <si>
    <t>0.25868915273741244</t>
  </si>
  <si>
    <t>25946</t>
  </si>
  <si>
    <t>11.191665649414062</t>
  </si>
  <si>
    <t>816.7999877929688</t>
  </si>
  <si>
    <t>0.046384211647552576</t>
  </si>
  <si>
    <t>634.10009765625</t>
  </si>
  <si>
    <t>-0.026676580432857477</t>
  </si>
  <si>
    <t>0.03840130189551161</t>
  </si>
  <si>
    <t>877.5000610351562</t>
  </si>
  <si>
    <t>0.06464088905032028</t>
  </si>
  <si>
    <t>713.300048828125</t>
  </si>
  <si>
    <t>0.03442988913852929</t>
  </si>
  <si>
    <t>30799</t>
  </si>
  <si>
    <t>0.060669267119655146</t>
  </si>
  <si>
    <t>32133</t>
  </si>
  <si>
    <t>0.04240131753062215</t>
  </si>
  <si>
    <t>-0.06978676323248045</t>
  </si>
  <si>
    <t>966.0999755859375</t>
  </si>
  <si>
    <t>0.013852289369197024</t>
  </si>
  <si>
    <t>30850</t>
  </si>
  <si>
    <t>0.015187684764077503</t>
  </si>
  <si>
    <t>30167</t>
  </si>
  <si>
    <t>850.0000610351562</t>
  </si>
  <si>
    <t>-0.022388138650915934</t>
  </si>
  <si>
    <t>915.7000122070312</t>
  </si>
  <si>
    <t>-0.0072192871390228674</t>
  </si>
  <si>
    <t>0.01823014539967538</t>
  </si>
  <si>
    <t>11.741665840148926</t>
  </si>
  <si>
    <t>904.0</t>
  </si>
  <si>
    <t>0.023555658296912085</t>
  </si>
  <si>
    <t>1026.2999267578125</t>
  </si>
  <si>
    <t>0.029625954059394388</t>
  </si>
  <si>
    <t>12.1083345413208</t>
  </si>
  <si>
    <t>927.3001708984375</t>
  </si>
  <si>
    <t>0.04030580448867305</t>
  </si>
  <si>
    <t>0.041812844165288965</t>
  </si>
  <si>
    <t>36501</t>
  </si>
  <si>
    <t>12.316665649414062</t>
  </si>
  <si>
    <t>924.0</t>
  </si>
  <si>
    <t>0.044279926502019507</t>
  </si>
  <si>
    <t>1033.89990234375</t>
  </si>
  <si>
    <t>-0.008473927505862733</t>
  </si>
  <si>
    <t>39044</t>
  </si>
  <si>
    <t>0.07582348534516115</t>
  </si>
  <si>
    <t>39909</t>
  </si>
  <si>
    <t>756.2001342773438</t>
  </si>
  <si>
    <t>0.021912647057158452</t>
  </si>
  <si>
    <t>125.43159484863281</t>
  </si>
  <si>
    <t>Savinjska</t>
  </si>
  <si>
    <t>1153.2999267578125</t>
  </si>
  <si>
    <t>0.033897568000780254</t>
  </si>
  <si>
    <t>1178.0999755859375</t>
  </si>
  <si>
    <t>0.025548834899954187</t>
  </si>
  <si>
    <t>1165.6998291015625</t>
  </si>
  <si>
    <t>0.032135729264293644</t>
  </si>
  <si>
    <t>19302</t>
  </si>
  <si>
    <t>1202.89990234375</t>
  </si>
  <si>
    <t>0.05112425065662585</t>
  </si>
  <si>
    <t>20064</t>
  </si>
  <si>
    <t>1344.300048828125</t>
  </si>
  <si>
    <t>1394.0999755859375</t>
  </si>
  <si>
    <t>21544</t>
  </si>
  <si>
    <t>1032.0001220703125</t>
  </si>
  <si>
    <t>0.05279930404074484</t>
  </si>
  <si>
    <t>1326.10009765625</t>
  </si>
  <si>
    <t>0.028417112687719737</t>
  </si>
  <si>
    <t>1327.5999755859375</t>
  </si>
  <si>
    <t>0.016186904495018695</t>
  </si>
  <si>
    <t>22821</t>
  </si>
  <si>
    <t>-0.03373502451164789</t>
  </si>
  <si>
    <t>1325.10009765625</t>
  </si>
  <si>
    <t>0.025738384706311734</t>
  </si>
  <si>
    <t>876.2999877929688</t>
  </si>
  <si>
    <t>0.018658125929976066</t>
  </si>
  <si>
    <t>1225.900146484375</t>
  </si>
  <si>
    <t>0.02993679247322767</t>
  </si>
  <si>
    <t>1288.10009765625</t>
  </si>
  <si>
    <t>0.02037517637520736</t>
  </si>
  <si>
    <t>26280</t>
  </si>
  <si>
    <t>1045.5</t>
  </si>
  <si>
    <t>0.04641854944841306</t>
  </si>
  <si>
    <t>1103.099853515625</t>
  </si>
  <si>
    <t>0.06706813859051586</t>
  </si>
  <si>
    <t>29072</t>
  </si>
  <si>
    <t>1323.60009765625</t>
  </si>
  <si>
    <t>0.03389917944688925</t>
  </si>
  <si>
    <t>1311.10009765625</t>
  </si>
  <si>
    <t>-0.08185881645062487</t>
  </si>
  <si>
    <t>1346.5</t>
  </si>
  <si>
    <t>-0.022920934721435415</t>
  </si>
  <si>
    <t>903.5999755859375</t>
  </si>
  <si>
    <t>-0.005323541420985123</t>
  </si>
  <si>
    <t>1253.3001708984375</t>
  </si>
  <si>
    <t>-0.042157319831909845</t>
  </si>
  <si>
    <t>0.006706611964093057</t>
  </si>
  <si>
    <t>25982</t>
  </si>
  <si>
    <t>1578.6002197265625</t>
  </si>
  <si>
    <t>0.0331824793805886</t>
  </si>
  <si>
    <t>27388</t>
  </si>
  <si>
    <t>1347.800048828125</t>
  </si>
  <si>
    <t>0.052700970685275905</t>
  </si>
  <si>
    <t>28387</t>
  </si>
  <si>
    <t>1455.7998046875</t>
  </si>
  <si>
    <t>0.03582633263156865</t>
  </si>
  <si>
    <t>1255.199951171875</t>
  </si>
  <si>
    <t>0.017183393495963983</t>
  </si>
  <si>
    <t>29744</t>
  </si>
  <si>
    <t>0.029512743592738033</t>
  </si>
  <si>
    <t>1410.5001220703125</t>
  </si>
  <si>
    <t>-0.003772572515318373</t>
  </si>
  <si>
    <t>1465.0001220703125</t>
  </si>
  <si>
    <t>-0.057758104481102635</t>
  </si>
  <si>
    <t>0.07581758800871796</t>
  </si>
  <si>
    <t>0.021898206703744094</t>
  </si>
  <si>
    <t>SWE</t>
  </si>
  <si>
    <t>30652</t>
  </si>
  <si>
    <t>8.603068351745605</t>
  </si>
  <si>
    <t>611.2154541015625</t>
  </si>
  <si>
    <t>125.84504699707031</t>
  </si>
  <si>
    <t>Blekinge</t>
  </si>
  <si>
    <t>Sweden</t>
  </si>
  <si>
    <t>7.559573650360107</t>
  </si>
  <si>
    <t>538.6318969726562</t>
  </si>
  <si>
    <t>-0.026379078897109665</t>
  </si>
  <si>
    <t>8.187707901000977</t>
  </si>
  <si>
    <t>618.08056640625</t>
  </si>
  <si>
    <t>-0.013896607875226508</t>
  </si>
  <si>
    <t>29169</t>
  </si>
  <si>
    <t>7.084543228149414</t>
  </si>
  <si>
    <t>645.4892578125</t>
  </si>
  <si>
    <t>-0.009315724840190498</t>
  </si>
  <si>
    <t>7.715882778167725</t>
  </si>
  <si>
    <t>707.960205078125</t>
  </si>
  <si>
    <t>0.03747999746321007</t>
  </si>
  <si>
    <t>7.357229709625244</t>
  </si>
  <si>
    <t>531.6978759765625</t>
  </si>
  <si>
    <t>-0.03703441811700969</t>
  </si>
  <si>
    <t>6.1741042137146</t>
  </si>
  <si>
    <t>486.9548645019531</t>
  </si>
  <si>
    <t>0.03677020859732494</t>
  </si>
  <si>
    <t>33985</t>
  </si>
  <si>
    <t>7.939807891845703</t>
  </si>
  <si>
    <t>581.0396118164062</t>
  </si>
  <si>
    <t>0.11559696135944542</t>
  </si>
  <si>
    <t>7.2284836769104</t>
  </si>
  <si>
    <t>763.9033813476562</t>
  </si>
  <si>
    <t>-0.037688270171504</t>
  </si>
  <si>
    <t>8.139298439025879</t>
  </si>
  <si>
    <t>715.0363159179688</t>
  </si>
  <si>
    <t>0.04906948402739886</t>
  </si>
  <si>
    <t>37521</t>
  </si>
  <si>
    <t>8.530304908752441</t>
  </si>
  <si>
    <t>647.32275390625</t>
  </si>
  <si>
    <t>0.08760031158038295</t>
  </si>
  <si>
    <t>31969</t>
  </si>
  <si>
    <t>7.670678615570068</t>
  </si>
  <si>
    <t>670.0245361328125</t>
  </si>
  <si>
    <t>-0.160134092976703</t>
  </si>
  <si>
    <t>33517</t>
  </si>
  <si>
    <t>8.098088264465332</t>
  </si>
  <si>
    <t>647.6256103515625</t>
  </si>
  <si>
    <t>0.0472860895437659</t>
  </si>
  <si>
    <t>7.760167598724365</t>
  </si>
  <si>
    <t>522.9129028320312</t>
  </si>
  <si>
    <t>0.054856767902782266</t>
  </si>
  <si>
    <t>37423</t>
  </si>
  <si>
    <t>8.168298721313477</t>
  </si>
  <si>
    <t>654.55419921875</t>
  </si>
  <si>
    <t>0.05537594795922729</t>
  </si>
  <si>
    <t>38168</t>
  </si>
  <si>
    <t>7.606196880340576</t>
  </si>
  <si>
    <t>498.9942932128906</t>
  </si>
  <si>
    <t>0.01971197954985371</t>
  </si>
  <si>
    <t>8.981433868408203</t>
  </si>
  <si>
    <t>656.2430419921875</t>
  </si>
  <si>
    <t>-0.0034906797645408716</t>
  </si>
  <si>
    <t>8.572484016418457</t>
  </si>
  <si>
    <t>721.7614135742188</t>
  </si>
  <si>
    <t>0.020377268129271542</t>
  </si>
  <si>
    <t>37375</t>
  </si>
  <si>
    <t>8.502629280090332</t>
  </si>
  <si>
    <t>642.33935546875</t>
  </si>
  <si>
    <t>-0.03788202486768455</t>
  </si>
  <si>
    <t>7.639381408691406</t>
  </si>
  <si>
    <t>621.7088012695312</t>
  </si>
  <si>
    <t>-0.0932894803184734</t>
  </si>
  <si>
    <t>6.706260681152344</t>
  </si>
  <si>
    <t>738.7030029296875</t>
  </si>
  <si>
    <t>0.030374612471534945</t>
  </si>
  <si>
    <t>8.459198951721191</t>
  </si>
  <si>
    <t>730.938232421875</t>
  </si>
  <si>
    <t>-0.021019460339360307</t>
  </si>
  <si>
    <t>7.468660831451416</t>
  </si>
  <si>
    <t>667.8650512695312</t>
  </si>
  <si>
    <t>-0.029230624706190866</t>
  </si>
  <si>
    <t>7.960559844970703</t>
  </si>
  <si>
    <t>593.4229125976562</t>
  </si>
  <si>
    <t>0.020169149707490064</t>
  </si>
  <si>
    <t>9.296218872070312</t>
  </si>
  <si>
    <t>702.9824829101562</t>
  </si>
  <si>
    <t>0.0014670933648712747</t>
  </si>
  <si>
    <t>36211</t>
  </si>
  <si>
    <t>8.238153457641602</t>
  </si>
  <si>
    <t>580.9685668945312</t>
  </si>
  <si>
    <t>0.059889618185968274</t>
  </si>
  <si>
    <t>8.420275688171387</t>
  </si>
  <si>
    <t>547.3548583984375</t>
  </si>
  <si>
    <t>-0.026897410818413903</t>
  </si>
  <si>
    <t>34503</t>
  </si>
  <si>
    <t>8.257133483886719</t>
  </si>
  <si>
    <t>744.7615356445312</t>
  </si>
  <si>
    <t>-0.021419252479724094</t>
  </si>
  <si>
    <t>8.693939208984375</t>
  </si>
  <si>
    <t>498.8604431152344</t>
  </si>
  <si>
    <t>0.079955754932298</t>
  </si>
  <si>
    <t>37928</t>
  </si>
  <si>
    <t>9.173948287963867</t>
  </si>
  <si>
    <t>632.4789428710938</t>
  </si>
  <si>
    <t>0.014687593888965012</t>
  </si>
  <si>
    <t>8.926346778869629</t>
  </si>
  <si>
    <t>577.1764526367188</t>
  </si>
  <si>
    <t>-0.03190520401885166</t>
  </si>
  <si>
    <t>8.338757514953613</t>
  </si>
  <si>
    <t>579.6472778320312</t>
  </si>
  <si>
    <t>0.05239103935984346</t>
  </si>
  <si>
    <t>39521</t>
  </si>
  <si>
    <t>8.840317726135254</t>
  </si>
  <si>
    <t>555.0159912109375</t>
  </si>
  <si>
    <t>0.020656715262452607</t>
  </si>
  <si>
    <t>2353</t>
  </si>
  <si>
    <t>4.761641025543213</t>
  </si>
  <si>
    <t>709.0250854492188</t>
  </si>
  <si>
    <t>209.09719848632812</t>
  </si>
  <si>
    <t>Dalarna</t>
  </si>
  <si>
    <t>3.9762074947357178</t>
  </si>
  <si>
    <t>570.4931030273438</t>
  </si>
  <si>
    <t>-0.0015488442082904896</t>
  </si>
  <si>
    <t>4.317677021026611</t>
  </si>
  <si>
    <t>684.2407836914062</t>
  </si>
  <si>
    <t>-0.024918818104580964</t>
  </si>
  <si>
    <t>3.158384323120117</t>
  </si>
  <si>
    <t>728.3662109375</t>
  </si>
  <si>
    <t>-0.067791303052676</t>
  </si>
  <si>
    <t>3.553673028945923</t>
  </si>
  <si>
    <t>625.6911010742188</t>
  </si>
  <si>
    <t>0.05545634489472562</t>
  </si>
  <si>
    <t>32017</t>
  </si>
  <si>
    <t>3.3893215656280518</t>
  </si>
  <si>
    <t>607.5341186523438</t>
  </si>
  <si>
    <t>0.04998399265620712</t>
  </si>
  <si>
    <t>2.68615984916687</t>
  </si>
  <si>
    <t>582.1732788085938</t>
  </si>
  <si>
    <t>-0.023703783468352668</t>
  </si>
  <si>
    <t>4.257661819458008</t>
  </si>
  <si>
    <t>691.6034545898438</t>
  </si>
  <si>
    <t>0.023953619514747615</t>
  </si>
  <si>
    <t>3.2354373931884766</t>
  </si>
  <si>
    <t>735.6224975585938</t>
  </si>
  <si>
    <t>0.016721244215565534</t>
  </si>
  <si>
    <t>4.387794017791748</t>
  </si>
  <si>
    <t>690.1690063476562</t>
  </si>
  <si>
    <t>0.0304245070515492</t>
  </si>
  <si>
    <t>35772</t>
  </si>
  <si>
    <t>4.863759517669678</t>
  </si>
  <si>
    <t>899.464599609375</t>
  </si>
  <si>
    <t>0.06350286543402106</t>
  </si>
  <si>
    <t>31813</t>
  </si>
  <si>
    <t>3.645864248275757</t>
  </si>
  <si>
    <t>-0.11729045320436704</t>
  </si>
  <si>
    <t>4.01250696182251</t>
  </si>
  <si>
    <t>633.40234375</t>
  </si>
  <si>
    <t>0.022533625807410473</t>
  </si>
  <si>
    <t>3.921992063522339</t>
  </si>
  <si>
    <t>657.6565551757812</t>
  </si>
  <si>
    <t>0.039796205809182084</t>
  </si>
  <si>
    <t>35423</t>
  </si>
  <si>
    <t>4.415173530578613</t>
  </si>
  <si>
    <t>647.7511596679688</t>
  </si>
  <si>
    <t>0.04515648378264636</t>
  </si>
  <si>
    <t>36681</t>
  </si>
  <si>
    <t>3.93611741065979</t>
  </si>
  <si>
    <t>603.1083374023438</t>
  </si>
  <si>
    <t>0.034897583151355605</t>
  </si>
  <si>
    <t>38177</t>
  </si>
  <si>
    <t>4.997021675109863</t>
  </si>
  <si>
    <t>796.9320068359375</t>
  </si>
  <si>
    <t>0.03997433021000241</t>
  </si>
  <si>
    <t>38609</t>
  </si>
  <si>
    <t>4.670943737030029</t>
  </si>
  <si>
    <t>696.9804077148438</t>
  </si>
  <si>
    <t>0.011252169874669704</t>
  </si>
  <si>
    <t>4.702043056488037</t>
  </si>
  <si>
    <t>760.31298828125</t>
  </si>
  <si>
    <t>-0.028371442473284603</t>
  </si>
  <si>
    <t>34761</t>
  </si>
  <si>
    <t>3.5361135005950928</t>
  </si>
  <si>
    <t>751.8414306640625</t>
  </si>
  <si>
    <t>-0.07661789875851532</t>
  </si>
  <si>
    <t>37123</t>
  </si>
  <si>
    <t>2.5360019207000732</t>
  </si>
  <si>
    <t>703.5301513671875</t>
  </si>
  <si>
    <t>0.06574065493480674</t>
  </si>
  <si>
    <t>38604</t>
  </si>
  <si>
    <t>4.748288631439209</t>
  </si>
  <si>
    <t>710.8447875976562</t>
  </si>
  <si>
    <t>0.039119174427048264</t>
  </si>
  <si>
    <t>3.461193323135376</t>
  </si>
  <si>
    <t>835.2363891601562</t>
  </si>
  <si>
    <t>-0.03232711083912676</t>
  </si>
  <si>
    <t>4.1930084228515625</t>
  </si>
  <si>
    <t>606.08740234375</t>
  </si>
  <si>
    <t>-0.010678603256547348</t>
  </si>
  <si>
    <t>5.460334777832031</t>
  </si>
  <si>
    <t>749.1456298828125</t>
  </si>
  <si>
    <t>0.0016482258287631169</t>
  </si>
  <si>
    <t>37472</t>
  </si>
  <si>
    <t>4.397794246673584</t>
  </si>
  <si>
    <t>703.8112182617188</t>
  </si>
  <si>
    <t>0.011595577637327992</t>
  </si>
  <si>
    <t>38326</t>
  </si>
  <si>
    <t>4.569704532623291</t>
  </si>
  <si>
    <t>610.1732788085938</t>
  </si>
  <si>
    <t>0.022534529630997113</t>
  </si>
  <si>
    <t>4.086043357849121</t>
  </si>
  <si>
    <t>751.1954956054688</t>
  </si>
  <si>
    <t>-0.009095141655977912</t>
  </si>
  <si>
    <t>4.540403842926025</t>
  </si>
  <si>
    <t>470.97247314453125</t>
  </si>
  <si>
    <t>0.01248135520133431</t>
  </si>
  <si>
    <t>5.1735992431640625</t>
  </si>
  <si>
    <t>733.0419311523438</t>
  </si>
  <si>
    <t>0.0025451253837402987</t>
  </si>
  <si>
    <t>5.0409674644470215</t>
  </si>
  <si>
    <t>742.4421997070312</t>
  </si>
  <si>
    <t>-0.03836202709751646</t>
  </si>
  <si>
    <t>39098</t>
  </si>
  <si>
    <t>4.363656520843506</t>
  </si>
  <si>
    <t>555.8319702148438</t>
  </si>
  <si>
    <t>0.05237348591004398</t>
  </si>
  <si>
    <t>4.805619716644287</t>
  </si>
  <si>
    <t>621.8914184570312</t>
  </si>
  <si>
    <t>0.020655824757865204</t>
  </si>
  <si>
    <t>29292</t>
  </si>
  <si>
    <t>8.844389915466309</t>
  </si>
  <si>
    <t>552.6631469726562</t>
  </si>
  <si>
    <t>21.64385223388672</t>
  </si>
  <si>
    <t>Gotland</t>
  </si>
  <si>
    <t>28839</t>
  </si>
  <si>
    <t>7.968878269195557</t>
  </si>
  <si>
    <t>452.3346252441406</t>
  </si>
  <si>
    <t>-0.015585803447034863</t>
  </si>
  <si>
    <t>8.453742980957031</t>
  </si>
  <si>
    <t>504.2754821777344</t>
  </si>
  <si>
    <t>-0.006470488031078858</t>
  </si>
  <si>
    <t>26145</t>
  </si>
  <si>
    <t>7.419388294219971</t>
  </si>
  <si>
    <t>517.5143432617188</t>
  </si>
  <si>
    <t>-0.09160018208061516</t>
  </si>
  <si>
    <t>7.774831295013428</t>
  </si>
  <si>
    <t>574.5203857421875</t>
  </si>
  <si>
    <t>0.031993696030156116</t>
  </si>
  <si>
    <t>7.703232288360596</t>
  </si>
  <si>
    <t>505.2019958496094</t>
  </si>
  <si>
    <t>0.07790041717158047</t>
  </si>
  <si>
    <t>6.686055660247803</t>
  </si>
  <si>
    <t>468.3243713378906</t>
  </si>
  <si>
    <t>0.05302060715155221</t>
  </si>
  <si>
    <t>8.177721977233887</t>
  </si>
  <si>
    <t>500.4080810546875</t>
  </si>
  <si>
    <t>-0.04523793542747967</t>
  </si>
  <si>
    <t>30612</t>
  </si>
  <si>
    <t>7.290987491607666</t>
  </si>
  <si>
    <t>584.8633422851562</t>
  </si>
  <si>
    <t>0.040057336381771336</t>
  </si>
  <si>
    <t>8.489457130432129</t>
  </si>
  <si>
    <t>515.12255859375</t>
  </si>
  <si>
    <t>-0.04605967348057405</t>
  </si>
  <si>
    <t>31161</t>
  </si>
  <si>
    <t>8.84830093383789</t>
  </si>
  <si>
    <t>628.4141845703125</t>
  </si>
  <si>
    <t>0.06383489744668402</t>
  </si>
  <si>
    <t>7.877212047576904</t>
  </si>
  <si>
    <t>572.5551147460938</t>
  </si>
  <si>
    <t>-0.10311307958383331</t>
  </si>
  <si>
    <t>8.152212142944336</t>
  </si>
  <si>
    <t>434.1856994628906</t>
  </si>
  <si>
    <t>0.06420937917211234</t>
  </si>
  <si>
    <t>7.835545063018799</t>
  </si>
  <si>
    <t>474.77337646484375</t>
  </si>
  <si>
    <t>0.04772193065885055</t>
  </si>
  <si>
    <t>8.306123733520508</t>
  </si>
  <si>
    <t>521.9714965820312</t>
  </si>
  <si>
    <t>0.010001665903034862</t>
  </si>
  <si>
    <t>7.7394561767578125</t>
  </si>
  <si>
    <t>438.9937438964844</t>
  </si>
  <si>
    <t>0.007561176155455485</t>
  </si>
  <si>
    <t>8.986055374145508</t>
  </si>
  <si>
    <t>609.9183959960938</t>
  </si>
  <si>
    <t>0.021490244654202684</t>
  </si>
  <si>
    <t>8.689456939697266</t>
  </si>
  <si>
    <t>543.05712890625</t>
  </si>
  <si>
    <t>0.014215225854467661</t>
  </si>
  <si>
    <t>8.726700782775879</t>
  </si>
  <si>
    <t>548.3265380859375</t>
  </si>
  <si>
    <t>-0.046800107765488264</t>
  </si>
  <si>
    <t>7.589967250823975</t>
  </si>
  <si>
    <t>546.6958618164062</t>
  </si>
  <si>
    <t>-0.024506953014444832</t>
  </si>
  <si>
    <t>6.88996696472168</t>
  </si>
  <si>
    <t>581.0040893554688</t>
  </si>
  <si>
    <t>0.04167798433172365</t>
  </si>
  <si>
    <t>8.563946723937988</t>
  </si>
  <si>
    <t>510.1837463378906</t>
  </si>
  <si>
    <t>0.05473574533629666</t>
  </si>
  <si>
    <t>7.5595245361328125</t>
  </si>
  <si>
    <t>609.6917724609375</t>
  </si>
  <si>
    <t>-0.01741547880368266</t>
  </si>
  <si>
    <t>8.210034370422363</t>
  </si>
  <si>
    <t>467.3653259277344</t>
  </si>
  <si>
    <t>0.017533118942631987</t>
  </si>
  <si>
    <t>34146</t>
  </si>
  <si>
    <t>9.281633377075195</t>
  </si>
  <si>
    <t>521.402099609375</t>
  </si>
  <si>
    <t>0.004167284093929524</t>
  </si>
  <si>
    <t>8.488947868347168</t>
  </si>
  <si>
    <t>466.6877136230469</t>
  </si>
  <si>
    <t>0.014883130369012676</t>
  </si>
  <si>
    <t>8.676701545715332</t>
  </si>
  <si>
    <t>477.1693115234375</t>
  </si>
  <si>
    <t>-0.01114152997939577</t>
  </si>
  <si>
    <t>8.352721214294434</t>
  </si>
  <si>
    <t>593.577392578125</t>
  </si>
  <si>
    <t>0.010737501230140722</t>
  </si>
  <si>
    <t>8.819388389587402</t>
  </si>
  <si>
    <t>404.41217041015625</t>
  </si>
  <si>
    <t>-0.02413134535256134</t>
  </si>
  <si>
    <t>34243</t>
  </si>
  <si>
    <t>9.430103302001953</t>
  </si>
  <si>
    <t>554.8223876953125</t>
  </si>
  <si>
    <t>0.012488959141604639</t>
  </si>
  <si>
    <t>9.296259880065918</t>
  </si>
  <si>
    <t>499.6080627441406</t>
  </si>
  <si>
    <t>-0.014087018136368812</t>
  </si>
  <si>
    <t>8.51054573059082</t>
  </si>
  <si>
    <t>411.81427001953125</t>
  </si>
  <si>
    <t>0.05238853611621508</t>
  </si>
  <si>
    <t>9.010544776916504</t>
  </si>
  <si>
    <t>474.6285095214844</t>
  </si>
  <si>
    <t>0.020667467203226764</t>
  </si>
  <si>
    <t>5.753411769866943</t>
  </si>
  <si>
    <t>649.5950317382812</t>
  </si>
  <si>
    <t>252.85284423828125</t>
  </si>
  <si>
    <t>G‰vleborg</t>
  </si>
  <si>
    <t>30486</t>
  </si>
  <si>
    <t>4.985996723175049</t>
  </si>
  <si>
    <t>507.2395324707031</t>
  </si>
  <si>
    <t>-0.05999539842330748</t>
  </si>
  <si>
    <t>30359</t>
  </si>
  <si>
    <t>5.292547225952148</t>
  </si>
  <si>
    <t>660.0017700195312</t>
  </si>
  <si>
    <t>-0.004174547931105721</t>
  </si>
  <si>
    <t>27746</t>
  </si>
  <si>
    <t>4.099597930908203</t>
  </si>
  <si>
    <t>655.0921020507812</t>
  </si>
  <si>
    <t>-0.0900013282500094</t>
  </si>
  <si>
    <t>4.465116500854492</t>
  </si>
  <si>
    <t>556.1856689453125</t>
  </si>
  <si>
    <t>0.09319133342166275</t>
  </si>
  <si>
    <t>4.347761631011963</t>
  </si>
  <si>
    <t>559.255126953125</t>
  </si>
  <si>
    <t>0.06548001042152585</t>
  </si>
  <si>
    <t>3.6913318634033203</t>
  </si>
  <si>
    <t>533.8390502929688</t>
  </si>
  <si>
    <t>-0.023429456468758048</t>
  </si>
  <si>
    <t>32515</t>
  </si>
  <si>
    <t>5.2642621994018555</t>
  </si>
  <si>
    <t>643.9916381835938</t>
  </si>
  <si>
    <t>0.023367948288150586</t>
  </si>
  <si>
    <t>4.183459281921387</t>
  </si>
  <si>
    <t>683.7919311523438</t>
  </si>
  <si>
    <t>0.04557035259597164</t>
  </si>
  <si>
    <t>5.340710163116455</t>
  </si>
  <si>
    <t>617.119140625</t>
  </si>
  <si>
    <t>0.046729695499916346</t>
  </si>
  <si>
    <t>5.81929349899292</t>
  </si>
  <si>
    <t>821.7272338867188</t>
  </si>
  <si>
    <t>-0.014775323529937268</t>
  </si>
  <si>
    <t>30090</t>
  </si>
  <si>
    <t>4.63016939163208</t>
  </si>
  <si>
    <t>662.4402465820312</t>
  </si>
  <si>
    <t>-0.15503335524511108</t>
  </si>
  <si>
    <t>31752</t>
  </si>
  <si>
    <t>5.053020477294922</t>
  </si>
  <si>
    <t>545.9464721679688</t>
  </si>
  <si>
    <t>0.053762824838809564</t>
  </si>
  <si>
    <t>32439</t>
  </si>
  <si>
    <t>4.929421424865723</t>
  </si>
  <si>
    <t>570.5791015625</t>
  </si>
  <si>
    <t>0.021405687150744868</t>
  </si>
  <si>
    <t>5.440256118774414</t>
  </si>
  <si>
    <t>589.74462890625</t>
  </si>
  <si>
    <t>0.04532124454701858</t>
  </si>
  <si>
    <t>34794</t>
  </si>
  <si>
    <t>4.9188456535339355</t>
  </si>
  <si>
    <t>549.6138305664062</t>
  </si>
  <si>
    <t>0.024762310943831523</t>
  </si>
  <si>
    <t>5.974522113800049</t>
  </si>
  <si>
    <t>697.7513427734375</t>
  </si>
  <si>
    <t>0.03548964447491265</t>
  </si>
  <si>
    <t>5.600320339202881</t>
  </si>
  <si>
    <t>610.4234619140625</t>
  </si>
  <si>
    <t>-0.015880894051745642</t>
  </si>
  <si>
    <t>5.668320178985596</t>
  </si>
  <si>
    <t>671.2647094726562</t>
  </si>
  <si>
    <t>-0.0012407999110344292</t>
  </si>
  <si>
    <t>4.505666732788086</t>
  </si>
  <si>
    <t>650.1852416992188</t>
  </si>
  <si>
    <t>-0.06758500350938235</t>
  </si>
  <si>
    <t>3.4313509464263916</t>
  </si>
  <si>
    <t>641.5410766601562</t>
  </si>
  <si>
    <t>0.07447450392642807</t>
  </si>
  <si>
    <t>5.759183406829834</t>
  </si>
  <si>
    <t>592.8761596679688</t>
  </si>
  <si>
    <t>-0.017042735682471388</t>
  </si>
  <si>
    <t>4.420695781707764</t>
  </si>
  <si>
    <t>752.0739135742188</t>
  </si>
  <si>
    <t>0.0092781099396273</t>
  </si>
  <si>
    <t>35312</t>
  </si>
  <si>
    <t>5.161464691162109</t>
  </si>
  <si>
    <t>512.6558837890625</t>
  </si>
  <si>
    <t>-0.002714933794312202</t>
  </si>
  <si>
    <t>6.465902805328369</t>
  </si>
  <si>
    <t>634.5158081054688</t>
  </si>
  <si>
    <t>0.020295589274812897</t>
  </si>
  <si>
    <t>5.345653533935547</t>
  </si>
  <si>
    <t>621.8646850585938</t>
  </si>
  <si>
    <t>-0.0035583268947529945</t>
  </si>
  <si>
    <t>36250</t>
  </si>
  <si>
    <t>5.5515618324279785</t>
  </si>
  <si>
    <t>551.0997924804688</t>
  </si>
  <si>
    <t>0.009479269406241997</t>
  </si>
  <si>
    <t>36292</t>
  </si>
  <si>
    <t>5.050695896148682</t>
  </si>
  <si>
    <t>657.329345703125</t>
  </si>
  <si>
    <t>0.001157950006700048</t>
  </si>
  <si>
    <t>37734</t>
  </si>
  <si>
    <t>5.488224506378174</t>
  </si>
  <si>
    <t>442.2261657714844</t>
  </si>
  <si>
    <t>0.03896421348203738</t>
  </si>
  <si>
    <t>6.110058307647705</t>
  </si>
  <si>
    <t>649.64697265625</t>
  </si>
  <si>
    <t>-0.00899779796035105</t>
  </si>
  <si>
    <t>6.06395149230957</t>
  </si>
  <si>
    <t>674.1302490234375</t>
  </si>
  <si>
    <t>-0.04063148426972596</t>
  </si>
  <si>
    <t>37838</t>
  </si>
  <si>
    <t>5.321752071380615</t>
  </si>
  <si>
    <t>551.0968017578125</t>
  </si>
  <si>
    <t>0.05238162610488395</t>
  </si>
  <si>
    <t>5.76801872253418</t>
  </si>
  <si>
    <t>582.9127197265625</t>
  </si>
  <si>
    <t>0.020663513440444703</t>
  </si>
  <si>
    <t>8.855233192443848</t>
  </si>
  <si>
    <t>918.87890625</t>
  </si>
  <si>
    <t>181.18826293945312</t>
  </si>
  <si>
    <t>Halland</t>
  </si>
  <si>
    <t>7.932506084442139</t>
  </si>
  <si>
    <t>764.6688842773438</t>
  </si>
  <si>
    <t>0.014651154001283473</t>
  </si>
  <si>
    <t>8.525031089782715</t>
  </si>
  <si>
    <t>929.09912109375</t>
  </si>
  <si>
    <t>-0.04207157049309096</t>
  </si>
  <si>
    <t>7.364332675933838</t>
  </si>
  <si>
    <t>892.9111938476562</t>
  </si>
  <si>
    <t>-0.07114636482338277</t>
  </si>
  <si>
    <t>8.012459754943848</t>
  </si>
  <si>
    <t>1004.080810546875</t>
  </si>
  <si>
    <t>0.03709269268113147</t>
  </si>
  <si>
    <t>7.678969860076904</t>
  </si>
  <si>
    <t>728.5729370117188</t>
  </si>
  <si>
    <t>6.61577033996582</t>
  </si>
  <si>
    <t>656.476806640625</t>
  </si>
  <si>
    <t>-0.07693889911721818</t>
  </si>
  <si>
    <t>8.375996589660645</t>
  </si>
  <si>
    <t>835.4168090820312</t>
  </si>
  <si>
    <t>-0.045942914516297506</t>
  </si>
  <si>
    <t>7.6846699714660645</t>
  </si>
  <si>
    <t>1107.013671875</t>
  </si>
  <si>
    <t>0.03007487937159503</t>
  </si>
  <si>
    <t>8.566746711730957</t>
  </si>
  <si>
    <t>1016.6966552734375</t>
  </si>
  <si>
    <t>0.018786486458356677</t>
  </si>
  <si>
    <t>8.873381614685059</t>
  </si>
  <si>
    <t>960.157470703125</t>
  </si>
  <si>
    <t>0.0516293640150689</t>
  </si>
  <si>
    <t>7.941070556640625</t>
  </si>
  <si>
    <t>913.5323486328125</t>
  </si>
  <si>
    <t>0.0012571897183395464</t>
  </si>
  <si>
    <t>8.480607032775879</t>
  </si>
  <si>
    <t>893.5316162109375</t>
  </si>
  <si>
    <t>0.025583187222984805</t>
  </si>
  <si>
    <t>8.21827220916748</t>
  </si>
  <si>
    <t>780.4486694335938</t>
  </si>
  <si>
    <t>0.05230924987082197</t>
  </si>
  <si>
    <t>8.644474983215332</t>
  </si>
  <si>
    <t>907.2997436523438</t>
  </si>
  <si>
    <t>0.0010745038714059518</t>
  </si>
  <si>
    <t>7.974029541015625</t>
  </si>
  <si>
    <t>709.796875</t>
  </si>
  <si>
    <t>0.012260181550487914</t>
  </si>
  <si>
    <t>9.41329288482666</t>
  </si>
  <si>
    <t>1087.0887451171875</t>
  </si>
  <si>
    <t>0.06649342997614127</t>
  </si>
  <si>
    <t>36321</t>
  </si>
  <si>
    <t>8.946981430053711</t>
  </si>
  <si>
    <t>990.1044311523438</t>
  </si>
  <si>
    <t>-0.025953601529696613</t>
  </si>
  <si>
    <t>8.856989860534668</t>
  </si>
  <si>
    <t>920.6704711914062</t>
  </si>
  <si>
    <t>0.047161812387512825</t>
  </si>
  <si>
    <t>7.974370956420898</t>
  </si>
  <si>
    <t>862.6373901367188</t>
  </si>
  <si>
    <t>-0.09296231442971248</t>
  </si>
  <si>
    <t>37780</t>
  </si>
  <si>
    <t>6.8900299072265625</t>
  </si>
  <si>
    <t>957.6118774414062</t>
  </si>
  <si>
    <t>0.08518427772185078</t>
  </si>
  <si>
    <t>8.828640937805176</t>
  </si>
  <si>
    <t>1051.1298828125</t>
  </si>
  <si>
    <t>-0.010242856429732328</t>
  </si>
  <si>
    <t>7.785581111907959</t>
  </si>
  <si>
    <t>942.9811401367188</t>
  </si>
  <si>
    <t>-0.043421528514549834</t>
  </si>
  <si>
    <t>8.276835441589355</t>
  </si>
  <si>
    <t>813.8594360351562</t>
  </si>
  <si>
    <t>0.013316514818889402</t>
  </si>
  <si>
    <t>35654</t>
  </si>
  <si>
    <t>9.842177391052246</t>
  </si>
  <si>
    <t>1073.4755859375</t>
  </si>
  <si>
    <t>-0.017570649418301443</t>
  </si>
  <si>
    <t>8.496415138244629</t>
  </si>
  <si>
    <t>939.6236572265625</t>
  </si>
  <si>
    <t>-0.009213798435085963</t>
  </si>
  <si>
    <t>8.770768165588379</t>
  </si>
  <si>
    <t>773.4318237304688</t>
  </si>
  <si>
    <t>0.03561925166274982</t>
  </si>
  <si>
    <t>8.55866527557373</t>
  </si>
  <si>
    <t>1159.99560546875</t>
  </si>
  <si>
    <t>0.0005734806334380949</t>
  </si>
  <si>
    <t>8.906671524047852</t>
  </si>
  <si>
    <t>678.767578125</t>
  </si>
  <si>
    <t>0.013638855146915319</t>
  </si>
  <si>
    <t>9.413256645202637</t>
  </si>
  <si>
    <t>1047.111572265625</t>
  </si>
  <si>
    <t>0.0035217456924794277</t>
  </si>
  <si>
    <t>9.211650848388672</t>
  </si>
  <si>
    <t>852.2506103515625</t>
  </si>
  <si>
    <t>-0.04925722435621083</t>
  </si>
  <si>
    <t>8.680550575256348</t>
  </si>
  <si>
    <t>856.740966796875</t>
  </si>
  <si>
    <t>0.05239214915346224</t>
  </si>
  <si>
    <t>9.144821166992188</t>
  </si>
  <si>
    <t>824.8377075195312</t>
  </si>
  <si>
    <t>0.020652044552669224</t>
  </si>
  <si>
    <t>3.754852056503296</t>
  </si>
  <si>
    <t>590.1168823242188</t>
  </si>
  <si>
    <t>107.88257598876953</t>
  </si>
  <si>
    <t>Jmtland</t>
  </si>
  <si>
    <t>2.870854377746582</t>
  </si>
  <si>
    <t>535.25244140625</t>
  </si>
  <si>
    <t>-0.00855715322965267</t>
  </si>
  <si>
    <t>32914</t>
  </si>
  <si>
    <t>2.9412410259246826</t>
  </si>
  <si>
    <t>663.7600708007812</t>
  </si>
  <si>
    <t>0.013735513212742134</t>
  </si>
  <si>
    <t>1.625628113746643</t>
  </si>
  <si>
    <t>735.240234375</t>
  </si>
  <si>
    <t>-0.09670873890857479</t>
  </si>
  <si>
    <t>2.1990787982940674</t>
  </si>
  <si>
    <t>474.1740417480469</t>
  </si>
  <si>
    <t>0.0019058133056688575</t>
  </si>
  <si>
    <t>2.137432336807251</t>
  </si>
  <si>
    <t>515.6531372070312</t>
  </si>
  <si>
    <t>0.046119093508643516</t>
  </si>
  <si>
    <t>1.827454924583435</t>
  </si>
  <si>
    <t>575.2814331054688</t>
  </si>
  <si>
    <t>-0.06262222974234355</t>
  </si>
  <si>
    <t>30881</t>
  </si>
  <si>
    <t>2.985304117202759</t>
  </si>
  <si>
    <t>583.0245361328125</t>
  </si>
  <si>
    <t>0.04754907071534653</t>
  </si>
  <si>
    <t>1.8723636865615845</t>
  </si>
  <si>
    <t>737.0674438476562</t>
  </si>
  <si>
    <t>0.03290367693630358</t>
  </si>
  <si>
    <t>3.066739320755005</t>
  </si>
  <si>
    <t>613.3020629882812</t>
  </si>
  <si>
    <t>0.016532383999971145</t>
  </si>
  <si>
    <t>3.6040537357330322</t>
  </si>
  <si>
    <t>853.0198974609375</t>
  </si>
  <si>
    <t>0.028589433671189823</t>
  </si>
  <si>
    <t>2.17331600189209</t>
  </si>
  <si>
    <t>741.8717041015625</t>
  </si>
  <si>
    <t>0.0036772990898228386</t>
  </si>
  <si>
    <t>2.6214706897735596</t>
  </si>
  <si>
    <t>543.751220703125</t>
  </si>
  <si>
    <t>-0.033963295316107533</t>
  </si>
  <si>
    <t>33277</t>
  </si>
  <si>
    <t>3.0706961154937744</t>
  </si>
  <si>
    <t>511.6275939941406</t>
  </si>
  <si>
    <t>0.026985861225890417</t>
  </si>
  <si>
    <t>3.3891584873199463</t>
  </si>
  <si>
    <t>572.2429809570312</t>
  </si>
  <si>
    <t>0.022699212817959946</t>
  </si>
  <si>
    <t>35650</t>
  </si>
  <si>
    <t>3.0264482498168945</t>
  </si>
  <si>
    <t>547.036376953125</t>
  </si>
  <si>
    <t>0.04618346638334181</t>
  </si>
  <si>
    <t>3.628521680831909</t>
  </si>
  <si>
    <t>636.0545043945312</t>
  </si>
  <si>
    <t>0.02965411490118086</t>
  </si>
  <si>
    <t>3.4791128635406494</t>
  </si>
  <si>
    <t>601.2161865234375</t>
  </si>
  <si>
    <t>-0.059231711148223454</t>
  </si>
  <si>
    <t>3.33077335357666</t>
  </si>
  <si>
    <t>586.2051391601562</t>
  </si>
  <si>
    <t>0.07517024078478407</t>
  </si>
  <si>
    <t>2.2602169513702393</t>
  </si>
  <si>
    <t>672.56787109375</t>
  </si>
  <si>
    <t>-0.0657094866921355</t>
  </si>
  <si>
    <t>1.0737289190292358</t>
  </si>
  <si>
    <t>637.2840576171875</t>
  </si>
  <si>
    <t>0.1510466769419292</t>
  </si>
  <si>
    <t>37410</t>
  </si>
  <si>
    <t>3.785954236984253</t>
  </si>
  <si>
    <t>624.9403686523438</t>
  </si>
  <si>
    <t>-0.0827409332877842</t>
  </si>
  <si>
    <t>2.078580141067505</t>
  </si>
  <si>
    <t>658.7265625</t>
  </si>
  <si>
    <t>-0.031940143806236776</t>
  </si>
  <si>
    <t>35961</t>
  </si>
  <si>
    <t>3.05635142326355</t>
  </si>
  <si>
    <t>540.474365234375</t>
  </si>
  <si>
    <t>-0.0075628866607466705</t>
  </si>
  <si>
    <t>4.215217590332031</t>
  </si>
  <si>
    <t>534.2403564453125</t>
  </si>
  <si>
    <t>0.013039939448624693</t>
  </si>
  <si>
    <t>3.312342405319214</t>
  </si>
  <si>
    <t>608.5051879882812</t>
  </si>
  <si>
    <t>-0.0187289031730149</t>
  </si>
  <si>
    <t>3.5296173095703125</t>
  </si>
  <si>
    <t>567.9786376953125</t>
  </si>
  <si>
    <t>0.024967465557699242</t>
  </si>
  <si>
    <t>2.7499704360961914</t>
  </si>
  <si>
    <t>598.6994018554688</t>
  </si>
  <si>
    <t>0.02073228529552651</t>
  </si>
  <si>
    <t>37280</t>
  </si>
  <si>
    <t>3.1194047927856445</t>
  </si>
  <si>
    <t>508.6767883300781</t>
  </si>
  <si>
    <t>-0.003988815204516882</t>
  </si>
  <si>
    <t>3.6355745792388916</t>
  </si>
  <si>
    <t>611.5833740234375</t>
  </si>
  <si>
    <t>0.008547060578457888</t>
  </si>
  <si>
    <t>35820</t>
  </si>
  <si>
    <t>3.728813886642456</t>
  </si>
  <si>
    <t>617.2343139648438</t>
  </si>
  <si>
    <t>-0.048497653763282855</t>
  </si>
  <si>
    <t>3.0649421215057373</t>
  </si>
  <si>
    <t>593.8898315429688</t>
  </si>
  <si>
    <t>0.05239960570586888</t>
  </si>
  <si>
    <t>38534</t>
  </si>
  <si>
    <t>3.4652624130249023</t>
  </si>
  <si>
    <t>599.0455932617188</t>
  </si>
  <si>
    <t>0.02063496612013438</t>
  </si>
  <si>
    <t>7.10751485824585</t>
  </si>
  <si>
    <t>770.4244995117188</t>
  </si>
  <si>
    <t>201.66226196289062</t>
  </si>
  <si>
    <t>Jnkping</t>
  </si>
  <si>
    <t>6.255805492401123</t>
  </si>
  <si>
    <t>660.6844482421875</t>
  </si>
  <si>
    <t>-0.03244934874592964</t>
  </si>
  <si>
    <t>6.706907272338867</t>
  </si>
  <si>
    <t>757.3464965820312</t>
  </si>
  <si>
    <t>-0.03130169899605839</t>
  </si>
  <si>
    <t>28457</t>
  </si>
  <si>
    <t>5.584400653839111</t>
  </si>
  <si>
    <t>742.1128540039062</t>
  </si>
  <si>
    <t>-0.12468966446000351</t>
  </si>
  <si>
    <t>30110</t>
  </si>
  <si>
    <t>6.165044784545898</t>
  </si>
  <si>
    <t>810.7427368164062</t>
  </si>
  <si>
    <t>0.056463166491379724</t>
  </si>
  <si>
    <t>5.880746364593506</t>
  </si>
  <si>
    <t>651.5036010742188</t>
  </si>
  <si>
    <t>0.04566974030138127</t>
  </si>
  <si>
    <t>4.937498569488525</t>
  </si>
  <si>
    <t>581.8512573242188</t>
  </si>
  <si>
    <t>0.0335090938426692</t>
  </si>
  <si>
    <t>6.600443363189697</t>
  </si>
  <si>
    <t>725.050048828125</t>
  </si>
  <si>
    <t>0.012622888503042162</t>
  </si>
  <si>
    <t>5.837404251098633</t>
  </si>
  <si>
    <t>954.8800048828125</t>
  </si>
  <si>
    <t>0.05891754165878105</t>
  </si>
  <si>
    <t>6.814990520477295</t>
  </si>
  <si>
    <t>881.6434936523438</t>
  </si>
  <si>
    <t>0.013899750066638461</t>
  </si>
  <si>
    <t>7.156615734100342</t>
  </si>
  <si>
    <t>859.9120483398438</t>
  </si>
  <si>
    <t>0.06805716989619448</t>
  </si>
  <si>
    <t>6.1002583503723145</t>
  </si>
  <si>
    <t>776.7184448242188</t>
  </si>
  <si>
    <t>-0.08207118608876307</t>
  </si>
  <si>
    <t>6.633193492889404</t>
  </si>
  <si>
    <t>733.5481567382812</t>
  </si>
  <si>
    <t>0.02010842793334966</t>
  </si>
  <si>
    <t>6.370086193084717</t>
  </si>
  <si>
    <t>700.676025390625</t>
  </si>
  <si>
    <t>0.010445050047762194</t>
  </si>
  <si>
    <t>37636</t>
  </si>
  <si>
    <t>6.843868255615234</t>
  </si>
  <si>
    <t>800.611083984375</t>
  </si>
  <si>
    <t>0.04194522048982208</t>
  </si>
  <si>
    <t>36692</t>
  </si>
  <si>
    <t>6.246732234954834</t>
  </si>
  <si>
    <t>610.287841796875</t>
  </si>
  <si>
    <t>-0.025402291497110596</t>
  </si>
  <si>
    <t>7.562305927276611</t>
  </si>
  <si>
    <t>928.9960327148438</t>
  </si>
  <si>
    <t>0.06356371934391092</t>
  </si>
  <si>
    <t>40908</t>
  </si>
  <si>
    <t>7.10120153427124</t>
  </si>
  <si>
    <t>842.70458984375</t>
  </si>
  <si>
    <t>0.04520317595244627</t>
  </si>
  <si>
    <t>7.130067825317383</t>
  </si>
  <si>
    <t>751.94580078125</t>
  </si>
  <si>
    <t>-0.013313023448608519</t>
  </si>
  <si>
    <t>35688</t>
  </si>
  <si>
    <t>6.173233509063721</t>
  </si>
  <si>
    <t>729.558837890625</t>
  </si>
  <si>
    <t>-0.1231981216691942</t>
  </si>
  <si>
    <t>37409</t>
  </si>
  <si>
    <t>5.11669397354126</t>
  </si>
  <si>
    <t>792.7235107421875</t>
  </si>
  <si>
    <t>0.04709681935618093</t>
  </si>
  <si>
    <t>7.097873687744141</t>
  </si>
  <si>
    <t>877.5872192382812</t>
  </si>
  <si>
    <t>0.051676818362834</t>
  </si>
  <si>
    <t>6.004819869995117</t>
  </si>
  <si>
    <t>826.0201416015625</t>
  </si>
  <si>
    <t>-0.01997323053135247</t>
  </si>
  <si>
    <t>6.509437561035156</t>
  </si>
  <si>
    <t>685.1924438476562</t>
  </si>
  <si>
    <t>-0.003736188249421346</t>
  </si>
  <si>
    <t>8.075064659118652</t>
  </si>
  <si>
    <t>856.9566040039062</t>
  </si>
  <si>
    <t>0.018287695752190913</t>
  </si>
  <si>
    <t>6.8153462409973145</t>
  </si>
  <si>
    <t>750.3704833984375</t>
  </si>
  <si>
    <t>0.023509128899542375</t>
  </si>
  <si>
    <t>41568</t>
  </si>
  <si>
    <t>7.093088150024414</t>
  </si>
  <si>
    <t>660.2540893554688</t>
  </si>
  <si>
    <t>0.03565509907225106</t>
  </si>
  <si>
    <t>42738</t>
  </si>
  <si>
    <t>6.73953104019165</t>
  </si>
  <si>
    <t>872.718505859375</t>
  </si>
  <si>
    <t>0.027757813736082326</t>
  </si>
  <si>
    <t>42239</t>
  </si>
  <si>
    <t>7.16386604309082</t>
  </si>
  <si>
    <t>588.4844360351562</t>
  </si>
  <si>
    <t>-0.0117444893489278</t>
  </si>
  <si>
    <t>7.689935684204102</t>
  </si>
  <si>
    <t>824.9472045898438</t>
  </si>
  <si>
    <t>-0.013946562458519551</t>
  </si>
  <si>
    <t>39988</t>
  </si>
  <si>
    <t>7.543507099151611</t>
  </si>
  <si>
    <t>720.4689331054688</t>
  </si>
  <si>
    <t>-0.04081799331189018</t>
  </si>
  <si>
    <t>6.986291885375977</t>
  </si>
  <si>
    <t>662.7144165039062</t>
  </si>
  <si>
    <t>0.05239426856713614</t>
  </si>
  <si>
    <t>43018</t>
  </si>
  <si>
    <t>7.42323637008667</t>
  </si>
  <si>
    <t>666.134033203125</t>
  </si>
  <si>
    <t>0.020644955082172345</t>
  </si>
  <si>
    <t>32612</t>
  </si>
  <si>
    <t>8.239762306213379</t>
  </si>
  <si>
    <t>589.8099365234375</t>
  </si>
  <si>
    <t>145.00332641601562</t>
  </si>
  <si>
    <t>Kalmar</t>
  </si>
  <si>
    <t>7.375957012176514</t>
  </si>
  <si>
    <t>505.6187438964844</t>
  </si>
  <si>
    <t>-0.009613088572054451</t>
  </si>
  <si>
    <t>7.788201808929443</t>
  </si>
  <si>
    <t>564.5201416015625</t>
  </si>
  <si>
    <t>-0.022733233119074825</t>
  </si>
  <si>
    <t>27568</t>
  </si>
  <si>
    <t>6.7518792152404785</t>
  </si>
  <si>
    <t>572.3709716796875</t>
  </si>
  <si>
    <t>-0.1356783173239613</t>
  </si>
  <si>
    <t>28726</t>
  </si>
  <si>
    <t>7.190732479095459</t>
  </si>
  <si>
    <t>636.1834106445312</t>
  </si>
  <si>
    <t>0.04114695622405762</t>
  </si>
  <si>
    <t>7.016767978668213</t>
  </si>
  <si>
    <t>530.717529296875</t>
  </si>
  <si>
    <t>0.05499388149587503</t>
  </si>
  <si>
    <t>30936</t>
  </si>
  <si>
    <t>6.144423007965088</t>
  </si>
  <si>
    <t>501.6258850097656</t>
  </si>
  <si>
    <t>0.019124036799489375</t>
  </si>
  <si>
    <t>30718</t>
  </si>
  <si>
    <t>7.658853054046631</t>
  </si>
  <si>
    <t>563.884033203125</t>
  </si>
  <si>
    <t>-0.007071752311560431</t>
  </si>
  <si>
    <t>6.735137462615967</t>
  </si>
  <si>
    <t>728.266845703125</t>
  </si>
  <si>
    <t>0.022786773774504</t>
  </si>
  <si>
    <t>7.917647838592529</t>
  </si>
  <si>
    <t>658.4471435546875</t>
  </si>
  <si>
    <t>0.021998967447444784</t>
  </si>
  <si>
    <t>34659</t>
  </si>
  <si>
    <t>8.359254837036133</t>
  </si>
  <si>
    <t>657.3711547851562</t>
  </si>
  <si>
    <t>0.0759228889536061</t>
  </si>
  <si>
    <t>7.349359035491943</t>
  </si>
  <si>
    <t>610.3529052734375</t>
  </si>
  <si>
    <t>-0.07757405682878549</t>
  </si>
  <si>
    <t>33042</t>
  </si>
  <si>
    <t>7.630879878997803</t>
  </si>
  <si>
    <t>561.4744873046875</t>
  </si>
  <si>
    <t>0.029796104168195114</t>
  </si>
  <si>
    <t>34267</t>
  </si>
  <si>
    <t>7.369321823120117</t>
  </si>
  <si>
    <t>518.8358764648438</t>
  </si>
  <si>
    <t>0.036403312423701095</t>
  </si>
  <si>
    <t>34296</t>
  </si>
  <si>
    <t>7.820653915405273</t>
  </si>
  <si>
    <t>620.3552856445312</t>
  </si>
  <si>
    <t>0.0008459373635751888</t>
  </si>
  <si>
    <t>7.373688220977783</t>
  </si>
  <si>
    <t>472.98052978515625</t>
  </si>
  <si>
    <t>0.025875297764418548</t>
  </si>
  <si>
    <t>8.560577392578125</t>
  </si>
  <si>
    <t>646.677490234375</t>
  </si>
  <si>
    <t>0.04830973163558561</t>
  </si>
  <si>
    <t>8.241132736206055</t>
  </si>
  <si>
    <t>666.7620239257812</t>
  </si>
  <si>
    <t>-0.024639821391058803</t>
  </si>
  <si>
    <t>37355</t>
  </si>
  <si>
    <t>8.256708145141602</t>
  </si>
  <si>
    <t>592.70166015625</t>
  </si>
  <si>
    <t>0.03589283412314259</t>
  </si>
  <si>
    <t>7.1260151863098145</t>
  </si>
  <si>
    <t>570.832763671875</t>
  </si>
  <si>
    <t>-0.11656239157334625</t>
  </si>
  <si>
    <t>36390</t>
  </si>
  <si>
    <t>6.428564071655273</t>
  </si>
  <si>
    <t>648.23046875</t>
  </si>
  <si>
    <t>0.09038963176964998</t>
  </si>
  <si>
    <t>8.304659843444824</t>
  </si>
  <si>
    <t>658.9318237304688</t>
  </si>
  <si>
    <t>0.0064643590946893426</t>
  </si>
  <si>
    <t>34961</t>
  </si>
  <si>
    <t>7.078556537628174</t>
  </si>
  <si>
    <t>632.1260986328125</t>
  </si>
  <si>
    <t>-0.04652521622151973</t>
  </si>
  <si>
    <t>7.751887798309326</t>
  </si>
  <si>
    <t>526.1981201171875</t>
  </si>
  <si>
    <t>0.007636452553816397</t>
  </si>
  <si>
    <t>8.89991569519043</t>
  </si>
  <si>
    <t>614.4825439453125</t>
  </si>
  <si>
    <t>-0.0004258762468012378</t>
  </si>
  <si>
    <t>35737</t>
  </si>
  <si>
    <t>8.001383781433105</t>
  </si>
  <si>
    <t>543.735595703125</t>
  </si>
  <si>
    <t>0.014742835840392488</t>
  </si>
  <si>
    <t>35718</t>
  </si>
  <si>
    <t>8.164999961853027</t>
  </si>
  <si>
    <t>514.410888671875</t>
  </si>
  <si>
    <t>-0.0005318032453374144</t>
  </si>
  <si>
    <t>35700</t>
  </si>
  <si>
    <t>7.8944993019104</t>
  </si>
  <si>
    <t>677.9855346679688</t>
  </si>
  <si>
    <t>-0.0005040746137154883</t>
  </si>
  <si>
    <t>8.317946434020996</t>
  </si>
  <si>
    <t>440.31134033203125</t>
  </si>
  <si>
    <t>0.006839303650242101</t>
  </si>
  <si>
    <t>35629</t>
  </si>
  <si>
    <t>8.96356201171875</t>
  </si>
  <si>
    <t>621.98974609375</t>
  </si>
  <si>
    <t>-0.008830079448271633</t>
  </si>
  <si>
    <t>33719</t>
  </si>
  <si>
    <t>8.77782154083252</t>
  </si>
  <si>
    <t>529.1024169921875</t>
  </si>
  <si>
    <t>-0.05509843628416533</t>
  </si>
  <si>
    <t>35533</t>
  </si>
  <si>
    <t>8.00542163848877</t>
  </si>
  <si>
    <t>459.0545959472656</t>
  </si>
  <si>
    <t>0.05240036545319704</t>
  </si>
  <si>
    <t>8.518808364868164</t>
  </si>
  <si>
    <t>500.9600524902344</t>
  </si>
  <si>
    <t>0.020639389038636935</t>
  </si>
  <si>
    <t>34417</t>
  </si>
  <si>
    <t>7.859354496002197</t>
  </si>
  <si>
    <t>715.9942016601562</t>
  </si>
  <si>
    <t>113.6557846069336</t>
  </si>
  <si>
    <t>Kronoberg</t>
  </si>
  <si>
    <t>6.963143825531006</t>
  </si>
  <si>
    <t>652.8612060546875</t>
  </si>
  <si>
    <t>-0.032813067420075726</t>
  </si>
  <si>
    <t>7.49409818649292</t>
  </si>
  <si>
    <t>729.9827270507812</t>
  </si>
  <si>
    <t>-0.024774433027586085</t>
  </si>
  <si>
    <t>6.428714275360107</t>
  </si>
  <si>
    <t>742.9185791015625</t>
  </si>
  <si>
    <t>-0.06606009919022604</t>
  </si>
  <si>
    <t>6.952053546905518</t>
  </si>
  <si>
    <t>827.4404907226562</t>
  </si>
  <si>
    <t>0.056659615604450764</t>
  </si>
  <si>
    <t>6.657209873199463</t>
  </si>
  <si>
    <t>619.3562622070312</t>
  </si>
  <si>
    <t>0.030505187724399363</t>
  </si>
  <si>
    <t>5.686977386474609</t>
  </si>
  <si>
    <t>545.1500244140625</t>
  </si>
  <si>
    <t>0.03147273660275118</t>
  </si>
  <si>
    <t>34802</t>
  </si>
  <si>
    <t>7.316364288330078</t>
  </si>
  <si>
    <t>671.583984375</t>
  </si>
  <si>
    <t>0.016134287743517106</t>
  </si>
  <si>
    <t>6.498950481414795</t>
  </si>
  <si>
    <t>885.3175659179688</t>
  </si>
  <si>
    <t>0.037946765646323044</t>
  </si>
  <si>
    <t>7.554731369018555</t>
  </si>
  <si>
    <t>801.1056518554688</t>
  </si>
  <si>
    <t>-0.013620052622705714</t>
  </si>
  <si>
    <t>37839</t>
  </si>
  <si>
    <t>7.898179531097412</t>
  </si>
  <si>
    <t>739.07080078125</t>
  </si>
  <si>
    <t>0.05933874735616307</t>
  </si>
  <si>
    <t>6.979987621307373</t>
  </si>
  <si>
    <t>752.5068359375</t>
  </si>
  <si>
    <t>-0.09831158747748958</t>
  </si>
  <si>
    <t>7.407505035400391</t>
  </si>
  <si>
    <t>757.8441162109375</t>
  </si>
  <si>
    <t>0.01765865286651902</t>
  </si>
  <si>
    <t>7.132176876068115</t>
  </si>
  <si>
    <t>609.91259765625</t>
  </si>
  <si>
    <t>0.01170536682873724</t>
  </si>
  <si>
    <t>7.540302753448486</t>
  </si>
  <si>
    <t>743.45361328125</t>
  </si>
  <si>
    <t>0.06436508178162192</t>
  </si>
  <si>
    <t>7.03153657913208</t>
  </si>
  <si>
    <t>561.0781860351562</t>
  </si>
  <si>
    <t>-0.04676783833672005</t>
  </si>
  <si>
    <t>8.295126914978027</t>
  </si>
  <si>
    <t>797.4492797851562</t>
  </si>
  <si>
    <t>0.10303203135079642</t>
  </si>
  <si>
    <t>41612</t>
  </si>
  <si>
    <t>7.898573398590088</t>
  </si>
  <si>
    <t>803.9707641601562</t>
  </si>
  <si>
    <t>0.04336656342201728</t>
  </si>
  <si>
    <t>41274</t>
  </si>
  <si>
    <t>7.848430633544922</t>
  </si>
  <si>
    <t>694.3945922851562</t>
  </si>
  <si>
    <t>-0.008155825436716668</t>
  </si>
  <si>
    <t>36104</t>
  </si>
  <si>
    <t>6.924371719360352</t>
  </si>
  <si>
    <t>665.8273315429688</t>
  </si>
  <si>
    <t>-0.1338290992472313</t>
  </si>
  <si>
    <t>6.026896953582764</t>
  </si>
  <si>
    <t>752.2811889648438</t>
  </si>
  <si>
    <t>0.09209711901084816</t>
  </si>
  <si>
    <t>40659</t>
  </si>
  <si>
    <t>7.846678256988525</t>
  </si>
  <si>
    <t>791.1595458984375</t>
  </si>
  <si>
    <t>0.02671943216643946</t>
  </si>
  <si>
    <t>6.811966419219971</t>
  </si>
  <si>
    <t>705.4072875976562</t>
  </si>
  <si>
    <t>-0.005425547847545786</t>
  </si>
  <si>
    <t>7.328612804412842</t>
  </si>
  <si>
    <t>620.919189453125</t>
  </si>
  <si>
    <t>0.006408856267688279</t>
  </si>
  <si>
    <t>40804</t>
  </si>
  <si>
    <t>8.643823623657227</t>
  </si>
  <si>
    <t>861.7012329101562</t>
  </si>
  <si>
    <t>0.0025765936981425597</t>
  </si>
  <si>
    <t>7.55522346496582</t>
  </si>
  <si>
    <t>731.029541015625</t>
  </si>
  <si>
    <t>0.04084160024904904</t>
  </si>
  <si>
    <t>43081</t>
  </si>
  <si>
    <t>7.770224094390869</t>
  </si>
  <si>
    <t>637.4354248046875</t>
  </si>
  <si>
    <t>0.013460348577126524</t>
  </si>
  <si>
    <t>7.5258469581604</t>
  </si>
  <si>
    <t>920.5686645507812</t>
  </si>
  <si>
    <t>0.01917388272263132</t>
  </si>
  <si>
    <t>44994</t>
  </si>
  <si>
    <t>7.960220813751221</t>
  </si>
  <si>
    <t>558.9136352539062</t>
  </si>
  <si>
    <t>0.024273200178226872</t>
  </si>
  <si>
    <t>44682</t>
  </si>
  <si>
    <t>8.501089096069336</t>
  </si>
  <si>
    <t>825.6660766601562</t>
  </si>
  <si>
    <t>-0.006958411590742841</t>
  </si>
  <si>
    <t>41696</t>
  </si>
  <si>
    <t>8.293789863586426</t>
  </si>
  <si>
    <t>672.791015625</t>
  </si>
  <si>
    <t>-0.06916553501412892</t>
  </si>
  <si>
    <t>7.680100917816162</t>
  </si>
  <si>
    <t>660.7931518554688</t>
  </si>
  <si>
    <t>0.05237434836455179</t>
  </si>
  <si>
    <t>44855</t>
  </si>
  <si>
    <t>8.166167259216309</t>
  </si>
  <si>
    <t>647.6293334960938</t>
  </si>
  <si>
    <t>0.020655515704259386</t>
  </si>
  <si>
    <t>2.282604694366455</t>
  </si>
  <si>
    <t>517.7329711914062</t>
  </si>
  <si>
    <t>253.63363647460938</t>
  </si>
  <si>
    <t>Norrbotten</t>
  </si>
  <si>
    <t>1.1918987035751343</t>
  </si>
  <si>
    <t>551.2927856445312</t>
  </si>
  <si>
    <t>-0.03225316827926683</t>
  </si>
  <si>
    <t>1.3707085847854614</t>
  </si>
  <si>
    <t>672.2896728515625</t>
  </si>
  <si>
    <t>0.02681173831987671</t>
  </si>
  <si>
    <t>0.03702284395694733</t>
  </si>
  <si>
    <t>550.8026123046875</t>
  </si>
  <si>
    <t>-0.13237760626700812</t>
  </si>
  <si>
    <t>0.8383402824401855</t>
  </si>
  <si>
    <t>416.7252502441406</t>
  </si>
  <si>
    <t>0.030732888971998662</t>
  </si>
  <si>
    <t>32851</t>
  </si>
  <si>
    <t>0.804276704788208</t>
  </si>
  <si>
    <t>506.6947937011719</t>
  </si>
  <si>
    <t>0.07003491328684142</t>
  </si>
  <si>
    <t>0.4252444803714752</t>
  </si>
  <si>
    <t>533.1486206054688</t>
  </si>
  <si>
    <t>-0.028467498140576808</t>
  </si>
  <si>
    <t>1.204647183418274</t>
  </si>
  <si>
    <t>502.17047119140625</t>
  </si>
  <si>
    <t>0.03314437741371812</t>
  </si>
  <si>
    <t>-0.3786369264125824</t>
  </si>
  <si>
    <t>697.9642333984375</t>
  </si>
  <si>
    <t>0.011297853092955279</t>
  </si>
  <si>
    <t>1.3018596172332764</t>
  </si>
  <si>
    <t>565.4122314453125</t>
  </si>
  <si>
    <t>0.01993184978812046</t>
  </si>
  <si>
    <t>2.1961758136749268</t>
  </si>
  <si>
    <t>698.8630981445312</t>
  </si>
  <si>
    <t>0.058127050632887034</t>
  </si>
  <si>
    <t>0.24200482666492462</t>
  </si>
  <si>
    <t>638.7339477539062</t>
  </si>
  <si>
    <t>-0.06086190405264347</t>
  </si>
  <si>
    <t>34932</t>
  </si>
  <si>
    <t>0.3842814862728119</t>
  </si>
  <si>
    <t>485.6368408203125</t>
  </si>
  <si>
    <t>0.02824939994943243</t>
  </si>
  <si>
    <t>1.7474455833435059</t>
  </si>
  <si>
    <t>465.7664489746094</t>
  </si>
  <si>
    <t>0.01494558292470316</t>
  </si>
  <si>
    <t>1.6911931037902832</t>
  </si>
  <si>
    <t>650.5655517578125</t>
  </si>
  <si>
    <t>0.056471920337026305</t>
  </si>
  <si>
    <t>1.7719640731811523</t>
  </si>
  <si>
    <t>582.4232788085938</t>
  </si>
  <si>
    <t>0.05271959163072637</t>
  </si>
  <si>
    <t>1.533076286315918</t>
  </si>
  <si>
    <t>521.4694213867188</t>
  </si>
  <si>
    <t>0.07841341033431526</t>
  </si>
  <si>
    <t>2.0007946491241455</t>
  </si>
  <si>
    <t>597.8375244140625</t>
  </si>
  <si>
    <t>-0.024254368481392063</t>
  </si>
  <si>
    <t>45010</t>
  </si>
  <si>
    <t>1.4908171892166138</t>
  </si>
  <si>
    <t>574.3965454101562</t>
  </si>
  <si>
    <t>0.07518523600797522</t>
  </si>
  <si>
    <t>0.7876160144805908</t>
  </si>
  <si>
    <t>522.0692749023438</t>
  </si>
  <si>
    <t>-0.1812379406077671</t>
  </si>
  <si>
    <t>-0.21961164474487305</t>
  </si>
  <si>
    <t>537.1334838867188</t>
  </si>
  <si>
    <t>0.24696992835198017</t>
  </si>
  <si>
    <t>2.444627523422241</t>
  </si>
  <si>
    <t>621.4755249023438</t>
  </si>
  <si>
    <t>0.02575355392530554</t>
  </si>
  <si>
    <t>0.4888702630996704</t>
  </si>
  <si>
    <t>612.9384765625</t>
  </si>
  <si>
    <t>-0.048775971820527175</t>
  </si>
  <si>
    <t>46124</t>
  </si>
  <si>
    <t>1.698370337486267</t>
  </si>
  <si>
    <t>504.9530944824219</t>
  </si>
  <si>
    <t>-0.018260835244962692</t>
  </si>
  <si>
    <t>44668</t>
  </si>
  <si>
    <t>2.317147970199585</t>
  </si>
  <si>
    <t>539.4666137695312</t>
  </si>
  <si>
    <t>-0.0320760603253234</t>
  </si>
  <si>
    <t>1.923430323600769</t>
  </si>
  <si>
    <t>602.5740356445312</t>
  </si>
  <si>
    <t>-0.028844004488346897</t>
  </si>
  <si>
    <t>43994</t>
  </si>
  <si>
    <t>2.399423360824585</t>
  </si>
  <si>
    <t>608.6339111328125</t>
  </si>
  <si>
    <t>0.013639903888332583</t>
  </si>
  <si>
    <t>47874</t>
  </si>
  <si>
    <t>1.0074844360351562</t>
  </si>
  <si>
    <t>531.13671875</t>
  </si>
  <si>
    <t>0.08451929857066709</t>
  </si>
  <si>
    <t>1.5601869821548462</t>
  </si>
  <si>
    <t>486.3355712890625</t>
  </si>
  <si>
    <t>0.023900586629231668</t>
  </si>
  <si>
    <t>50973</t>
  </si>
  <si>
    <t>1.562174677848816</t>
  </si>
  <si>
    <t>577.17919921875</t>
  </si>
  <si>
    <t>0.03882293458830155</t>
  </si>
  <si>
    <t>50152</t>
  </si>
  <si>
    <t>2.2356066703796387</t>
  </si>
  <si>
    <t>533.6832885742188</t>
  </si>
  <si>
    <t>-0.01623768680006421</t>
  </si>
  <si>
    <t>52849</t>
  </si>
  <si>
    <t>1.1718167066574097</t>
  </si>
  <si>
    <t>559.7645263671875</t>
  </si>
  <si>
    <t>0.0523803966896903</t>
  </si>
  <si>
    <t>2.119194269180298</t>
  </si>
  <si>
    <t>547.5052490234375</t>
  </si>
  <si>
    <t>0.020655971718031907</t>
  </si>
  <si>
    <t>29125</t>
  </si>
  <si>
    <t>7.57455587387085</t>
  </si>
  <si>
    <t>582.5545043945312</t>
  </si>
  <si>
    <t>215.37789916992188</t>
  </si>
  <si>
    <t>Sdermanland</t>
  </si>
  <si>
    <t>6.761616230010986</t>
  </si>
  <si>
    <t>496.3257751464844</t>
  </si>
  <si>
    <t>-0.043508002044347904</t>
  </si>
  <si>
    <t>7.120748996734619</t>
  </si>
  <si>
    <t>567.5333862304688</t>
  </si>
  <si>
    <t>-0.0067287014209913565</t>
  </si>
  <si>
    <t>25612</t>
  </si>
  <si>
    <t>5.951324939727783</t>
  </si>
  <si>
    <t>553.622802734375</t>
  </si>
  <si>
    <t>-0.07829921676396978</t>
  </si>
  <si>
    <t>27515</t>
  </si>
  <si>
    <t>6.378224849700928</t>
  </si>
  <si>
    <t>564.1768798828125</t>
  </si>
  <si>
    <t>0.07167031885516728</t>
  </si>
  <si>
    <t>28349</t>
  </si>
  <si>
    <t>6.244617938995361</t>
  </si>
  <si>
    <t>531.6434326171875</t>
  </si>
  <si>
    <t>0.029860445671310742</t>
  </si>
  <si>
    <t>5.485395908355713</t>
  </si>
  <si>
    <t>480.9399108886719</t>
  </si>
  <si>
    <t>-0.019807565754174306</t>
  </si>
  <si>
    <t>7.055248260498047</t>
  </si>
  <si>
    <t>591.3603515625</t>
  </si>
  <si>
    <t>0.03409702543934756</t>
  </si>
  <si>
    <t>29472</t>
  </si>
  <si>
    <t>6.064192295074463</t>
  </si>
  <si>
    <t>619.7821655273438</t>
  </si>
  <si>
    <t>0.02455944420468903</t>
  </si>
  <si>
    <t>7.241278171539307</t>
  </si>
  <si>
    <t>544.010986328125</t>
  </si>
  <si>
    <t>0.055726652840888846</t>
  </si>
  <si>
    <t>32274</t>
  </si>
  <si>
    <t>7.692436218261719</t>
  </si>
  <si>
    <t>683.6459350585938</t>
  </si>
  <si>
    <t>0.03509463960537573</t>
  </si>
  <si>
    <t>6.481359958648682</t>
  </si>
  <si>
    <t>557.7764282226562</t>
  </si>
  <si>
    <t>-0.08277826304464497</t>
  </si>
  <si>
    <t>30048</t>
  </si>
  <si>
    <t>6.80702018737793</t>
  </si>
  <si>
    <t>487.8105163574219</t>
  </si>
  <si>
    <t>0.011312413551337386</t>
  </si>
  <si>
    <t>6.705850124359131</t>
  </si>
  <si>
    <t>536.0090942382812</t>
  </si>
  <si>
    <t>0.00418452339203057</t>
  </si>
  <si>
    <t>7.1742329597473145</t>
  </si>
  <si>
    <t>539.0859985351562</t>
  </si>
  <si>
    <t>0.05647142036699293</t>
  </si>
  <si>
    <t>32476</t>
  </si>
  <si>
    <t>6.72116231918335</t>
  </si>
  <si>
    <t>498.4589538574219</t>
  </si>
  <si>
    <t>0.017049308215323578</t>
  </si>
  <si>
    <t>7.796309947967529</t>
  </si>
  <si>
    <t>633.5750732421875</t>
  </si>
  <si>
    <t>0.026406481084070066</t>
  </si>
  <si>
    <t>35391</t>
  </si>
  <si>
    <t>7.487189769744873</t>
  </si>
  <si>
    <t>565.3176879882812</t>
  </si>
  <si>
    <t>0.05954971444354484</t>
  </si>
  <si>
    <t>34985</t>
  </si>
  <si>
    <t>7.520030975341797</t>
  </si>
  <si>
    <t>594.1134643554688</t>
  </si>
  <si>
    <t>-0.011538152329954698</t>
  </si>
  <si>
    <t>6.337645053863525</t>
  </si>
  <si>
    <t>599.8936157226562</t>
  </si>
  <si>
    <t>-0.13532560625755607</t>
  </si>
  <si>
    <t>5.530359745025635</t>
  </si>
  <si>
    <t>605.814453125</t>
  </si>
  <si>
    <t>0.12795248605698895</t>
  </si>
  <si>
    <t>35284</t>
  </si>
  <si>
    <t>7.549732208251953</t>
  </si>
  <si>
    <t>520.1221923828125</t>
  </si>
  <si>
    <t>0.0158833253992281</t>
  </si>
  <si>
    <t>6.301795482635498</t>
  </si>
  <si>
    <t>674.01220703125</t>
  </si>
  <si>
    <t>-0.005256963359039801</t>
  </si>
  <si>
    <t>32819</t>
  </si>
  <si>
    <t>7.020753383636475</t>
  </si>
  <si>
    <t>480.74139404296875</t>
  </si>
  <si>
    <t>-0.06716502406581526</t>
  </si>
  <si>
    <t>8.196836471557617</t>
  </si>
  <si>
    <t>563.4097290039062</t>
  </si>
  <si>
    <t>-0.018047868082620155</t>
  </si>
  <si>
    <t>7.214521884918213</t>
  </si>
  <si>
    <t>534.9725952148438</t>
  </si>
  <si>
    <t>0.019265932120672957</t>
  </si>
  <si>
    <t>7.396602630615234</t>
  </si>
  <si>
    <t>492.8424072265625</t>
  </si>
  <si>
    <t>0.007186749149392213</t>
  </si>
  <si>
    <t>6.972190856933594</t>
  </si>
  <si>
    <t>611.0214233398438</t>
  </si>
  <si>
    <t>0.04490357376347198</t>
  </si>
  <si>
    <t>35538</t>
  </si>
  <si>
    <t>7.489840984344482</t>
  </si>
  <si>
    <t>406.2866516113281</t>
  </si>
  <si>
    <t>0.026286543600299694</t>
  </si>
  <si>
    <t>8.121705055236816</t>
  </si>
  <si>
    <t>594.611328125</t>
  </si>
  <si>
    <t>-0.002056251868832959</t>
  </si>
  <si>
    <t>31936</t>
  </si>
  <si>
    <t>7.961235523223877</t>
  </si>
  <si>
    <t>557.1931762695312</t>
  </si>
  <si>
    <t>-0.10481239452499658</t>
  </si>
  <si>
    <t>33653</t>
  </si>
  <si>
    <t>7.18488073348999</t>
  </si>
  <si>
    <t>401.6062927246094</t>
  </si>
  <si>
    <t>0.05236830503385015</t>
  </si>
  <si>
    <t>7.667490005493164</t>
  </si>
  <si>
    <t>513.3169555664062</t>
  </si>
  <si>
    <t>0.020674470741074202</t>
  </si>
  <si>
    <t>8.954980850219727</t>
  </si>
  <si>
    <t>712.3189697265625</t>
  </si>
  <si>
    <t>410.9055480957031</t>
  </si>
  <si>
    <t>Skne</t>
  </si>
  <si>
    <t>31821</t>
  </si>
  <si>
    <t>7.936529159545898</t>
  </si>
  <si>
    <t>641.4652099609375</t>
  </si>
  <si>
    <t>-0.013949577883284547</t>
  </si>
  <si>
    <t>8.585794448852539</t>
  </si>
  <si>
    <t>714.6781005859375</t>
  </si>
  <si>
    <t>-0.00529351836337888</t>
  </si>
  <si>
    <t>7.431669235229492</t>
  </si>
  <si>
    <t>734.884521484375</t>
  </si>
  <si>
    <t>-0.0756426044289995</t>
  </si>
  <si>
    <t>8.10288143157959</t>
  </si>
  <si>
    <t>832.0528564453125</t>
  </si>
  <si>
    <t>0.04275694618168657</t>
  </si>
  <si>
    <t>7.762342929840088</t>
  </si>
  <si>
    <t>612.7128295898438</t>
  </si>
  <si>
    <t>0.03386454902128122</t>
  </si>
  <si>
    <t>6.589791774749756</t>
  </si>
  <si>
    <t>529.2176513671875</t>
  </si>
  <si>
    <t>0.012857275175134575</t>
  </si>
  <si>
    <t>8.343405723571777</t>
  </si>
  <si>
    <t>670.814453125</t>
  </si>
  <si>
    <t>0.032916458916256275</t>
  </si>
  <si>
    <t>7.698031902313232</t>
  </si>
  <si>
    <t>863.2755737304688</t>
  </si>
  <si>
    <t>0.030464634387493916</t>
  </si>
  <si>
    <t>8.57006549835205</t>
  </si>
  <si>
    <t>788.271484375</t>
  </si>
  <si>
    <t>0.03288038356383893</t>
  </si>
  <si>
    <t>8.858552932739258</t>
  </si>
  <si>
    <t>727.2406616210938</t>
  </si>
  <si>
    <t>0.04287439069150878</t>
  </si>
  <si>
    <t>7.846436977386475</t>
  </si>
  <si>
    <t>741.66650390625</t>
  </si>
  <si>
    <t>0.022730078803427034</t>
  </si>
  <si>
    <t>38850</t>
  </si>
  <si>
    <t>8.39620304107666</t>
  </si>
  <si>
    <t>756.8109130859375</t>
  </si>
  <si>
    <t>0.02917303367396329</t>
  </si>
  <si>
    <t>8.049647331237793</t>
  </si>
  <si>
    <t>612.0817260742188</t>
  </si>
  <si>
    <t>-0.0003346763324962865</t>
  </si>
  <si>
    <t>8.529182434082031</t>
  </si>
  <si>
    <t>742.9462890625</t>
  </si>
  <si>
    <t>0.02787973188819315</t>
  </si>
  <si>
    <t>7.855909824371338</t>
  </si>
  <si>
    <t>567.5188598632812</t>
  </si>
  <si>
    <t>0.02373022065150998</t>
  </si>
  <si>
    <t>9.32938003540039</t>
  </si>
  <si>
    <t>811.1559448242188</t>
  </si>
  <si>
    <t>0.037861682260507123</t>
  </si>
  <si>
    <t>8.901629447937012</t>
  </si>
  <si>
    <t>840.2864990234375</t>
  </si>
  <si>
    <t>0.0695703401816008</t>
  </si>
  <si>
    <t>8.80068302154541</t>
  </si>
  <si>
    <t>723.6993408203125</t>
  </si>
  <si>
    <t>-0.0667019771776669</t>
  </si>
  <si>
    <t>39579</t>
  </si>
  <si>
    <t>7.983068466186523</t>
  </si>
  <si>
    <t>704.531982421875</t>
  </si>
  <si>
    <t>-0.07341472371555469</t>
  </si>
  <si>
    <t>6.963916301727295</t>
  </si>
  <si>
    <t>807.0916748046875</t>
  </si>
  <si>
    <t>0.06374232765841903</t>
  </si>
  <si>
    <t>42496</t>
  </si>
  <si>
    <t>8.89691162109375</t>
  </si>
  <si>
    <t>846.838134765625</t>
  </si>
  <si>
    <t>0.00736895162579998</t>
  </si>
  <si>
    <t>7.8860931396484375</t>
  </si>
  <si>
    <t>753.043701171875</t>
  </si>
  <si>
    <t>-0.014912026736235262</t>
  </si>
  <si>
    <t>8.385178565979004</t>
  </si>
  <si>
    <t>671.9386596679688</t>
  </si>
  <si>
    <t>0.007211140640736247</t>
  </si>
  <si>
    <t>43080</t>
  </si>
  <si>
    <t>9.904386520385742</t>
  </si>
  <si>
    <t>841.1948852539062</t>
  </si>
  <si>
    <t>0.021349784529718363</t>
  </si>
  <si>
    <t>8.646307945251465</t>
  </si>
  <si>
    <t>701.4725952148438</t>
  </si>
  <si>
    <t>0.020607917687815558</t>
  </si>
  <si>
    <t>44178</t>
  </si>
  <si>
    <t>8.850813865661621</t>
  </si>
  <si>
    <t>619.6688232421875</t>
  </si>
  <si>
    <t>0.004560157638632489</t>
  </si>
  <si>
    <t>8.712615966796875</t>
  </si>
  <si>
    <t>930.3143920898438</t>
  </si>
  <si>
    <t>0.029529353420187476</t>
  </si>
  <si>
    <t>9.068336486816406</t>
  </si>
  <si>
    <t>535.7771606445312</t>
  </si>
  <si>
    <t>-0.010094290931419891</t>
  </si>
  <si>
    <t>45418</t>
  </si>
  <si>
    <t>9.580309867858887</t>
  </si>
  <si>
    <t>762.3776245117188</t>
  </si>
  <si>
    <t>0.008246512139074014</t>
  </si>
  <si>
    <t>44820</t>
  </si>
  <si>
    <t>9.329395294189453</t>
  </si>
  <si>
    <t>678.1646728515625</t>
  </si>
  <si>
    <t>-0.013254033869696258</t>
  </si>
  <si>
    <t>8.758625984191895</t>
  </si>
  <si>
    <t>715.782958984375</t>
  </si>
  <si>
    <t>0.0523959882943732</t>
  </si>
  <si>
    <t>9.275479316711426</t>
  </si>
  <si>
    <t>644.4129028320312</t>
  </si>
  <si>
    <t>0.020661199301835964</t>
  </si>
  <si>
    <t>41307</t>
  </si>
  <si>
    <t>8.291547775268555</t>
  </si>
  <si>
    <t>534.7047119140625</t>
  </si>
  <si>
    <t>1469.852783203125</t>
  </si>
  <si>
    <t>Stockholm</t>
  </si>
  <si>
    <t>7.435879230499268</t>
  </si>
  <si>
    <t>473.07080078125</t>
  </si>
  <si>
    <t>-0.0018900848895206934</t>
  </si>
  <si>
    <t>40035</t>
  </si>
  <si>
    <t>7.858169078826904</t>
  </si>
  <si>
    <t>525.8825073242188</t>
  </si>
  <si>
    <t>-0.029387820716227253</t>
  </si>
  <si>
    <t>45176</t>
  </si>
  <si>
    <t>6.757176876068115</t>
  </si>
  <si>
    <t>510.7565002441406</t>
  </si>
  <si>
    <t>0.12081190084593985</t>
  </si>
  <si>
    <t>44992</t>
  </si>
  <si>
    <t>7.179534912109375</t>
  </si>
  <si>
    <t>516.9077758789062</t>
  </si>
  <si>
    <t>-0.004081276182336779</t>
  </si>
  <si>
    <t>7.023068904876709</t>
  </si>
  <si>
    <t>469.12054443359375</t>
  </si>
  <si>
    <t>0.0007109847437796191</t>
  </si>
  <si>
    <t>46984</t>
  </si>
  <si>
    <t>6.214272975921631</t>
  </si>
  <si>
    <t>419.63897705078125</t>
  </si>
  <si>
    <t>0.04261143728823846</t>
  </si>
  <si>
    <t>7.7389092445373535</t>
  </si>
  <si>
    <t>546.9512939453125</t>
  </si>
  <si>
    <t>0.05889036377935142</t>
  </si>
  <si>
    <t>52756</t>
  </si>
  <si>
    <t>6.7419867515563965</t>
  </si>
  <si>
    <t>567.4601440429688</t>
  </si>
  <si>
    <t>0.056980027964069535</t>
  </si>
  <si>
    <t>54612</t>
  </si>
  <si>
    <t>7.941293716430664</t>
  </si>
  <si>
    <t>489.4513854980469</t>
  </si>
  <si>
    <t>0.034576128858866184</t>
  </si>
  <si>
    <t>56758</t>
  </si>
  <si>
    <t>8.405309677124023</t>
  </si>
  <si>
    <t>635.3878784179688</t>
  </si>
  <si>
    <t>0.03854297676678442</t>
  </si>
  <si>
    <t>61633</t>
  </si>
  <si>
    <t>7.3100056648254395</t>
  </si>
  <si>
    <t>509.8826599121094</t>
  </si>
  <si>
    <t>0.08240082579222907</t>
  </si>
  <si>
    <t>62649</t>
  </si>
  <si>
    <t>7.618336200714111</t>
  </si>
  <si>
    <t>434.8143005371094</t>
  </si>
  <si>
    <t>0.016350278141230135</t>
  </si>
  <si>
    <t>63256</t>
  </si>
  <si>
    <t>7.4358696937561035</t>
  </si>
  <si>
    <t>480.7072448730469</t>
  </si>
  <si>
    <t>0.009642265245878079</t>
  </si>
  <si>
    <t>66885</t>
  </si>
  <si>
    <t>7.865916728973389</t>
  </si>
  <si>
    <t>465.8274230957031</t>
  </si>
  <si>
    <t>0.05578474197892369</t>
  </si>
  <si>
    <t>69021</t>
  </si>
  <si>
    <t>7.401352405548096</t>
  </si>
  <si>
    <t>465.5333557128906</t>
  </si>
  <si>
    <t>0.03143607937139059</t>
  </si>
  <si>
    <t>70473</t>
  </si>
  <si>
    <t>8.580552101135254</t>
  </si>
  <si>
    <t>534.9701538085938</t>
  </si>
  <si>
    <t>0.02081885162079722</t>
  </si>
  <si>
    <t>73094</t>
  </si>
  <si>
    <t>8.303083419799805</t>
  </si>
  <si>
    <t>509.0350036621094</t>
  </si>
  <si>
    <t>0.036516626303935595</t>
  </si>
  <si>
    <t>71989</t>
  </si>
  <si>
    <t>8.320599555969238</t>
  </si>
  <si>
    <t>545.30078125</t>
  </si>
  <si>
    <t>-0.015232954477109928</t>
  </si>
  <si>
    <t>71527</t>
  </si>
  <si>
    <t>7.126584529876709</t>
  </si>
  <si>
    <t>533.6707763671875</t>
  </si>
  <si>
    <t>-0.006438328770364876</t>
  </si>
  <si>
    <t>72299</t>
  </si>
  <si>
    <t>6.353113651275635</t>
  </si>
  <si>
    <t>538.7507934570312</t>
  </si>
  <si>
    <t>0.010735297014223377</t>
  </si>
  <si>
    <t>74496</t>
  </si>
  <si>
    <t>8.233199119567871</t>
  </si>
  <si>
    <t>445.5711669921875</t>
  </si>
  <si>
    <t>0.02993513485849597</t>
  </si>
  <si>
    <t>73484</t>
  </si>
  <si>
    <t>7.071518421173096</t>
  </si>
  <si>
    <t>628.9152221679688</t>
  </si>
  <si>
    <t>-0.013677737222227648</t>
  </si>
  <si>
    <t>73793</t>
  </si>
  <si>
    <t>7.759459018707275</t>
  </si>
  <si>
    <t>436.4280700683594</t>
  </si>
  <si>
    <t>0.004196180712591868</t>
  </si>
  <si>
    <t>75652</t>
  </si>
  <si>
    <t>8.893387794494629</t>
  </si>
  <si>
    <t>511.1755065917969</t>
  </si>
  <si>
    <t>0.02488000126692569</t>
  </si>
  <si>
    <t>78653</t>
  </si>
  <si>
    <t>7.9268107414245605</t>
  </si>
  <si>
    <t>470.2214050292969</t>
  </si>
  <si>
    <t>0.03890189502513408</t>
  </si>
  <si>
    <t>78478</t>
  </si>
  <si>
    <t>8.0513277053833</t>
  </si>
  <si>
    <t>458.74261474609375</t>
  </si>
  <si>
    <t>-0.0022274417187588824</t>
  </si>
  <si>
    <t>77711</t>
  </si>
  <si>
    <t>7.7293524742126465</t>
  </si>
  <si>
    <t>566.3623657226562</t>
  </si>
  <si>
    <t>-0.009821513237518786</t>
  </si>
  <si>
    <t>78707</t>
  </si>
  <si>
    <t>8.227967262268066</t>
  </si>
  <si>
    <t>399.3611755371094</t>
  </si>
  <si>
    <t>0.01273527933502372</t>
  </si>
  <si>
    <t>79825</t>
  </si>
  <si>
    <t>8.932973861694336</t>
  </si>
  <si>
    <t>544.27685546875</t>
  </si>
  <si>
    <t>0.014104641770757098</t>
  </si>
  <si>
    <t>78719</t>
  </si>
  <si>
    <t>8.711691856384277</t>
  </si>
  <si>
    <t>507.6138000488281</t>
  </si>
  <si>
    <t>-0.013952189189566866</t>
  </si>
  <si>
    <t>82953</t>
  </si>
  <si>
    <t>7.896386623382568</t>
  </si>
  <si>
    <t>398.4245910644531</t>
  </si>
  <si>
    <t>0.05238963293646748</t>
  </si>
  <si>
    <t>84684</t>
  </si>
  <si>
    <t>8.417717933654785</t>
  </si>
  <si>
    <t>486.9305725097656</t>
  </si>
  <si>
    <t>0.020652499458947204</t>
  </si>
  <si>
    <t>7.21635627746582</t>
  </si>
  <si>
    <t>599.0484008789062</t>
  </si>
  <si>
    <t>341.1551208496094</t>
  </si>
  <si>
    <t>Uppsala</t>
  </si>
  <si>
    <t>6.430187225341797</t>
  </si>
  <si>
    <t>498.6178894042969</t>
  </si>
  <si>
    <t>-0.023362106386027648</t>
  </si>
  <si>
    <t>6.755364894866943</t>
  </si>
  <si>
    <t>556.1671142578125</t>
  </si>
  <si>
    <t>-0.00540926585866508</t>
  </si>
  <si>
    <t>5.560914516448975</t>
  </si>
  <si>
    <t>552.7591552734375</t>
  </si>
  <si>
    <t>-0.04918454680957218</t>
  </si>
  <si>
    <t>5.972043514251709</t>
  </si>
  <si>
    <t>538.1572265625</t>
  </si>
  <si>
    <t>0.024547242424187488</t>
  </si>
  <si>
    <t>27848</t>
  </si>
  <si>
    <t>5.814807891845703</t>
  </si>
  <si>
    <t>491.6282043457031</t>
  </si>
  <si>
    <t>0.018337168999337905</t>
  </si>
  <si>
    <t>5.132915496826172</t>
  </si>
  <si>
    <t>458.77392578125</t>
  </si>
  <si>
    <t>0.038843595227628924</t>
  </si>
  <si>
    <t>6.7020134925842285</t>
  </si>
  <si>
    <t>573.4794311523438</t>
  </si>
  <si>
    <t>0.015730006829135945</t>
  </si>
  <si>
    <t>29309</t>
  </si>
  <si>
    <t>5.684900283813477</t>
  </si>
  <si>
    <t>580.341796875</t>
  </si>
  <si>
    <t>-0.0034401164735839984</t>
  </si>
  <si>
    <t>31643</t>
  </si>
  <si>
    <t>6.824481964111328</t>
  </si>
  <si>
    <t>524.57421875</t>
  </si>
  <si>
    <t>0.07662231900005345</t>
  </si>
  <si>
    <t>7.274689197540283</t>
  </si>
  <si>
    <t>687.572021484375</t>
  </si>
  <si>
    <t>0.07251981140893093</t>
  </si>
  <si>
    <t>37479</t>
  </si>
  <si>
    <t>6.160123825073242</t>
  </si>
  <si>
    <t>559.6622314453125</t>
  </si>
  <si>
    <t>0.09674400961649887</t>
  </si>
  <si>
    <t>6.5970458984375</t>
  </si>
  <si>
    <t>476.0909423828125</t>
  </si>
  <si>
    <t>0.012831225059656504</t>
  </si>
  <si>
    <t>6.446598052978516</t>
  </si>
  <si>
    <t>531.25244140625</t>
  </si>
  <si>
    <t>0.037306087796316945</t>
  </si>
  <si>
    <t>6.950681209564209</t>
  </si>
  <si>
    <t>541.33349609375</t>
  </si>
  <si>
    <t>0.006626728350102695</t>
  </si>
  <si>
    <t>6.42362642288208</t>
  </si>
  <si>
    <t>514.0211181640625</t>
  </si>
  <si>
    <t>0.03478180680490617</t>
  </si>
  <si>
    <t>7.523559093475342</t>
  </si>
  <si>
    <t>616.64697265625</t>
  </si>
  <si>
    <t>0.02412711594808492</t>
  </si>
  <si>
    <t>7.130518436431885</t>
  </si>
  <si>
    <t>572.2587280273438</t>
  </si>
  <si>
    <t>-0.047229884712544745</t>
  </si>
  <si>
    <t>40968</t>
  </si>
  <si>
    <t>7.177354335784912</t>
  </si>
  <si>
    <t>597.5986938476562</t>
  </si>
  <si>
    <t>0.020567418795923942</t>
  </si>
  <si>
    <t>6.036688327789307</t>
  </si>
  <si>
    <t>586.653076171875</t>
  </si>
  <si>
    <t>-0.04301818978604999</t>
  </si>
  <si>
    <t>40262</t>
  </si>
  <si>
    <t>4.983891010284424</t>
  </si>
  <si>
    <t>607.888916015625</t>
  </si>
  <si>
    <t>0.025635011702437538</t>
  </si>
  <si>
    <t>41427</t>
  </si>
  <si>
    <t>7.264408111572266</t>
  </si>
  <si>
    <t>525.7313232421875</t>
  </si>
  <si>
    <t>0.02852474609468736</t>
  </si>
  <si>
    <t>41306</t>
  </si>
  <si>
    <t>5.962918758392334</t>
  </si>
  <si>
    <t>689.5465087890625</t>
  </si>
  <si>
    <t>-0.002925074305865749</t>
  </si>
  <si>
    <t>42655</t>
  </si>
  <si>
    <t>6.662805557250977</t>
  </si>
  <si>
    <t>476.6234130859375</t>
  </si>
  <si>
    <t>0.03213673249519999</t>
  </si>
  <si>
    <t>7.936830520629883</t>
  </si>
  <si>
    <t>556.6427612304688</t>
  </si>
  <si>
    <t>0.0014056462429241634</t>
  </si>
  <si>
    <t>6.816495895385742</t>
  </si>
  <si>
    <t>533.6724243164062</t>
  </si>
  <si>
    <t>0.004857666199891142</t>
  </si>
  <si>
    <t>7.024473190307617</t>
  </si>
  <si>
    <t>496.61444091796875</t>
  </si>
  <si>
    <t>0.009668183304739841</t>
  </si>
  <si>
    <t>44440</t>
  </si>
  <si>
    <t>6.548950672149658</t>
  </si>
  <si>
    <t>601.9591674804688</t>
  </si>
  <si>
    <t>0.025063968663216585</t>
  </si>
  <si>
    <t>6.991109848022461</t>
  </si>
  <si>
    <t>423.13262939453125</t>
  </si>
  <si>
    <t>-0.012749699978737539</t>
  </si>
  <si>
    <t>7.667684555053711</t>
  </si>
  <si>
    <t>598.482177734375</t>
  </si>
  <si>
    <t>0.019052925163711265</t>
  </si>
  <si>
    <t>41513</t>
  </si>
  <si>
    <t>7.549797534942627</t>
  </si>
  <si>
    <t>579.3989868164062</t>
  </si>
  <si>
    <t>-0.07443655876118349</t>
  </si>
  <si>
    <t>6.819818019866943</t>
  </si>
  <si>
    <t>465.74273681640625</t>
  </si>
  <si>
    <t>0.05237068936300737</t>
  </si>
  <si>
    <t>44658</t>
  </si>
  <si>
    <t>7.2734904289245605</t>
  </si>
  <si>
    <t>527.760009765625</t>
  </si>
  <si>
    <t>0.020656142047601023</t>
  </si>
  <si>
    <t>6.522052764892578</t>
  </si>
  <si>
    <t>705.4928588867188</t>
  </si>
  <si>
    <t>295.0390930175781</t>
  </si>
  <si>
    <t>Vrmland</t>
  </si>
  <si>
    <t>5.8121514320373535</t>
  </si>
  <si>
    <t>562.8453369140625</t>
  </si>
  <si>
    <t>-0.018706552622823835</t>
  </si>
  <si>
    <t>6.201015472412109</t>
  </si>
  <si>
    <t>685.867919921875</t>
  </si>
  <si>
    <t>-0.0165530947634025</t>
  </si>
  <si>
    <t>4.936145782470703</t>
  </si>
  <si>
    <t>693.1416625976562</t>
  </si>
  <si>
    <t>-0.13449315782052906</t>
  </si>
  <si>
    <t>5.532288074493408</t>
  </si>
  <si>
    <t>648.2950439453125</t>
  </si>
  <si>
    <t>0.05623559111161214</t>
  </si>
  <si>
    <t>5.213779449462891</t>
  </si>
  <si>
    <t>600.6211547851562</t>
  </si>
  <si>
    <t>0.05151442995525457</t>
  </si>
  <si>
    <t>4.4664998054504395</t>
  </si>
  <si>
    <t>579.8458251953125</t>
  </si>
  <si>
    <t>-0.002340451859534909</t>
  </si>
  <si>
    <t>6.113958358764648</t>
  </si>
  <si>
    <t>679.8642578125</t>
  </si>
  <si>
    <t>-0.01240384254877469</t>
  </si>
  <si>
    <t>5.179202556610107</t>
  </si>
  <si>
    <t>751.65673828125</t>
  </si>
  <si>
    <t>0.02421952251492776</t>
  </si>
  <si>
    <t>6.195230007171631</t>
  </si>
  <si>
    <t>762.581298828125</t>
  </si>
  <si>
    <t>0.06010923778963395</t>
  </si>
  <si>
    <t>6.617641925811768</t>
  </si>
  <si>
    <t>957.1660766601562</t>
  </si>
  <si>
    <t>0.06783554812624892</t>
  </si>
  <si>
    <t>5.397846698760986</t>
  </si>
  <si>
    <t>690.0086669921875</t>
  </si>
  <si>
    <t>-0.06021682345138757</t>
  </si>
  <si>
    <t>5.908840179443359</t>
  </si>
  <si>
    <t>664.9098510742188</t>
  </si>
  <si>
    <t>0.02328029379931884</t>
  </si>
  <si>
    <t>5.773353099822998</t>
  </si>
  <si>
    <t>675.5365600585938</t>
  </si>
  <si>
    <t>0.013180314082735123</t>
  </si>
  <si>
    <t>6.265144348144531</t>
  </si>
  <si>
    <t>707.9866333007812</t>
  </si>
  <si>
    <t>0.019524501035146358</t>
  </si>
  <si>
    <t>5.718578815460205</t>
  </si>
  <si>
    <t>602.8204956054688</t>
  </si>
  <si>
    <t>0.0049106713284352566</t>
  </si>
  <si>
    <t>6.851043224334717</t>
  </si>
  <si>
    <t>871.2588500976562</t>
  </si>
  <si>
    <t>0.036706949777837394</t>
  </si>
  <si>
    <t>35030</t>
  </si>
  <si>
    <t>6.437418460845947</t>
  </si>
  <si>
    <t>744.8079223632812</t>
  </si>
  <si>
    <t>-0.0035335725813112617</t>
  </si>
  <si>
    <t>6.4851155281066895</t>
  </si>
  <si>
    <t>751.8054809570312</t>
  </si>
  <si>
    <t>-0.01004168529705396</t>
  </si>
  <si>
    <t>5.351703643798828</t>
  </si>
  <si>
    <t>729.3139038085938</t>
  </si>
  <si>
    <t>-0.10225755576181683</t>
  </si>
  <si>
    <t>4.284216403961182</t>
  </si>
  <si>
    <t>705.8515014648438</t>
  </si>
  <si>
    <t>0.09365666003214734</t>
  </si>
  <si>
    <t>6.480327606201172</t>
  </si>
  <si>
    <t>741.4575805664062</t>
  </si>
  <si>
    <t>0.02095221550605153</t>
  </si>
  <si>
    <t>5.284029006958008</t>
  </si>
  <si>
    <t>806.786376953125</t>
  </si>
  <si>
    <t>0.0018495601897843272</t>
  </si>
  <si>
    <t>5.888967514038086</t>
  </si>
  <si>
    <t>617.8320922851562</t>
  </si>
  <si>
    <t>-0.005187413656079443</t>
  </si>
  <si>
    <t>34715</t>
  </si>
  <si>
    <t>7.431129455566406</t>
  </si>
  <si>
    <t>815.2967529296875</t>
  </si>
  <si>
    <t>-0.008004748017192753</t>
  </si>
  <si>
    <t>6.196877956390381</t>
  </si>
  <si>
    <t>708.9269409179688</t>
  </si>
  <si>
    <t>0.017362439635864035</t>
  </si>
  <si>
    <t>6.421689510345459</t>
  </si>
  <si>
    <t>606.7186889648438</t>
  </si>
  <si>
    <t>0.022118601476725175</t>
  </si>
  <si>
    <t>37147</t>
  </si>
  <si>
    <t>5.978458881378174</t>
  </si>
  <si>
    <t>785.03515625</t>
  </si>
  <si>
    <t>0.02823010288397576</t>
  </si>
  <si>
    <t>37428</t>
  </si>
  <si>
    <t>6.383773326873779</t>
  </si>
  <si>
    <t>483.8368225097656</t>
  </si>
  <si>
    <t>0.007536073211865002</t>
  </si>
  <si>
    <t>6.934997081756592</t>
  </si>
  <si>
    <t>779.7011108398438</t>
  </si>
  <si>
    <t>0.0020551700079334267</t>
  </si>
  <si>
    <t>6.853331089019775</t>
  </si>
  <si>
    <t>737.4942016601562</t>
  </si>
  <si>
    <t>-0.05226907886576271</t>
  </si>
  <si>
    <t>37509</t>
  </si>
  <si>
    <t>6.278146743774414</t>
  </si>
  <si>
    <t>542.66357421875</t>
  </si>
  <si>
    <t>0.052375725625134706</t>
  </si>
  <si>
    <t>6.667063236236572</t>
  </si>
  <si>
    <t>626.5159301757812</t>
  </si>
  <si>
    <t>0.020660092903135308</t>
  </si>
  <si>
    <t>33219</t>
  </si>
  <si>
    <t>3.9672529697418213</t>
  </si>
  <si>
    <t>553.8780517578125</t>
  </si>
  <si>
    <t>265.1271057128906</t>
  </si>
  <si>
    <t>Vsterbotten</t>
  </si>
  <si>
    <t>3.0296573638916016</t>
  </si>
  <si>
    <t>552.5066528320312</t>
  </si>
  <si>
    <t>-0.027002693204666528</t>
  </si>
  <si>
    <t>3.229520082473755</t>
  </si>
  <si>
    <t>677.9407348632812</t>
  </si>
  <si>
    <t>-0.03250121063330802</t>
  </si>
  <si>
    <t>2.021840810775757</t>
  </si>
  <si>
    <t>651.3309936523438</t>
  </si>
  <si>
    <t>-0.1014986178218642</t>
  </si>
  <si>
    <t>2.5938313007354736</t>
  </si>
  <si>
    <t>461.90374755859375</t>
  </si>
  <si>
    <t>0.03358913917074702</t>
  </si>
  <si>
    <t>30516</t>
  </si>
  <si>
    <t>2.6062731742858887</t>
  </si>
  <si>
    <t>485.7882995605469</t>
  </si>
  <si>
    <t>0.04254251733299341</t>
  </si>
  <si>
    <t>2.0834875106811523</t>
  </si>
  <si>
    <t>568.549560546875</t>
  </si>
  <si>
    <t>-0.013427005843478668</t>
  </si>
  <si>
    <t>29901</t>
  </si>
  <si>
    <t>3.0951573848724365</t>
  </si>
  <si>
    <t>557.042724609375</t>
  </si>
  <si>
    <t>-0.006932205731075669</t>
  </si>
  <si>
    <t>30774</t>
  </si>
  <si>
    <t>1.6129460334777832</t>
  </si>
  <si>
    <t>768.3862915039062</t>
  </si>
  <si>
    <t>0.02877825298175729</t>
  </si>
  <si>
    <t>3.2149622440338135</t>
  </si>
  <si>
    <t>586.502197265625</t>
  </si>
  <si>
    <t>0.04296436558019856</t>
  </si>
  <si>
    <t>3.98408579826355</t>
  </si>
  <si>
    <t>832.5591430664062</t>
  </si>
  <si>
    <t>0.014432316269065382</t>
  </si>
  <si>
    <t>2.2607905864715576</t>
  </si>
  <si>
    <t>738.945068359375</t>
  </si>
  <si>
    <t>-0.03255666394870538</t>
  </si>
  <si>
    <t>32093</t>
  </si>
  <si>
    <t>2.469144105911255</t>
  </si>
  <si>
    <t>533.974365234375</t>
  </si>
  <si>
    <t>0.017127742283999936</t>
  </si>
  <si>
    <t>3.3322136402130127</t>
  </si>
  <si>
    <t>481.4891662597656</t>
  </si>
  <si>
    <t>0.03844981909984391</t>
  </si>
  <si>
    <t>3.49585223197937</t>
  </si>
  <si>
    <t>639.7328491210938</t>
  </si>
  <si>
    <t>0.06629666705592463</t>
  </si>
  <si>
    <t>3.3919858932495117</t>
  </si>
  <si>
    <t>573.3997802734375</t>
  </si>
  <si>
    <t>0.022392411876099416</t>
  </si>
  <si>
    <t>3.6110219955444336</t>
  </si>
  <si>
    <t>628.537109375</t>
  </si>
  <si>
    <t>0.06235986542779237</t>
  </si>
  <si>
    <t>3.758397102355957</t>
  </si>
  <si>
    <t>661.6735229492188</t>
  </si>
  <si>
    <t>-0.03379576830304032</t>
  </si>
  <si>
    <t>37589</t>
  </si>
  <si>
    <t>3.436891794204712</t>
  </si>
  <si>
    <t>616.3229370117188</t>
  </si>
  <si>
    <t>0.0023705214259610585</t>
  </si>
  <si>
    <t>2.38177227973938</t>
  </si>
  <si>
    <t>586.8119506835938</t>
  </si>
  <si>
    <t>-0.06118677931849348</t>
  </si>
  <si>
    <t>38469</t>
  </si>
  <si>
    <t>1.52483069896698</t>
  </si>
  <si>
    <t>590.5667114257812</t>
  </si>
  <si>
    <t>0.08432804706125552</t>
  </si>
  <si>
    <t>38740</t>
  </si>
  <si>
    <t>3.992643117904663</t>
  </si>
  <si>
    <t>638.684814453125</t>
  </si>
  <si>
    <t>0.007019935833762148</t>
  </si>
  <si>
    <t>2.2867980003356934</t>
  </si>
  <si>
    <t>652.3599853515625</t>
  </si>
  <si>
    <t>0.004969562066680311</t>
  </si>
  <si>
    <t>37957</t>
  </si>
  <si>
    <t>3.292985677719116</t>
  </si>
  <si>
    <t>556.9515991210938</t>
  </si>
  <si>
    <t>-0.025388279985364193</t>
  </si>
  <si>
    <t>4.196464538574219</t>
  </si>
  <si>
    <t>591.6033325195312</t>
  </si>
  <si>
    <t>-0.00015808610456069516</t>
  </si>
  <si>
    <t>39094</t>
  </si>
  <si>
    <t>3.4807159900665283</t>
  </si>
  <si>
    <t>634.287353515625</t>
  </si>
  <si>
    <t>0.02967314857522574</t>
  </si>
  <si>
    <t>3.871816873550415</t>
  </si>
  <si>
    <t>634.8436279296875</t>
  </si>
  <si>
    <t>0.004007919080041944</t>
  </si>
  <si>
    <t>39410</t>
  </si>
  <si>
    <t>2.814201593399048</t>
  </si>
  <si>
    <t>617.0939331054688</t>
  </si>
  <si>
    <t>0.004042669596039161</t>
  </si>
  <si>
    <t>3.3639495372772217</t>
  </si>
  <si>
    <t>491.8079528808594</t>
  </si>
  <si>
    <t>0.038918128000094754</t>
  </si>
  <si>
    <t>41440</t>
  </si>
  <si>
    <t>3.7890141010284424</t>
  </si>
  <si>
    <t>659.7132568359375</t>
  </si>
  <si>
    <t>0.011308878744220152</t>
  </si>
  <si>
    <t>41029</t>
  </si>
  <si>
    <t>4.127683162689209</t>
  </si>
  <si>
    <t>636.3809814453125</t>
  </si>
  <si>
    <t>-0.009967464204574839</t>
  </si>
  <si>
    <t>3.069769859313965</t>
  </si>
  <si>
    <t>615.0426025390625</t>
  </si>
  <si>
    <t>0.05237121866574235</t>
  </si>
  <si>
    <t>3.7975549697875977</t>
  </si>
  <si>
    <t>590.0145263671875</t>
  </si>
  <si>
    <t>0.02064808054231726</t>
  </si>
  <si>
    <t>4.318061351776123</t>
  </si>
  <si>
    <t>635.6869506835938</t>
  </si>
  <si>
    <t>187.80531311035156</t>
  </si>
  <si>
    <t>Vsternorrland</t>
  </si>
  <si>
    <t>33090</t>
  </si>
  <si>
    <t>3.526736259460449</t>
  </si>
  <si>
    <t>566.06884765625</t>
  </si>
  <si>
    <t>-0.050587394044361744</t>
  </si>
  <si>
    <t>3.785238265991211</t>
  </si>
  <si>
    <t>751.0281372070312</t>
  </si>
  <si>
    <t>-0.013110653353527013</t>
  </si>
  <si>
    <t>2.6297671794891357</t>
  </si>
  <si>
    <t>763.8826293945312</t>
  </si>
  <si>
    <t>-0.07121743986172646</t>
  </si>
  <si>
    <t>2.9438726902008057</t>
  </si>
  <si>
    <t>534.3423461914062</t>
  </si>
  <si>
    <t>2.9644839763641357</t>
  </si>
  <si>
    <t>541.4246826171875</t>
  </si>
  <si>
    <t>0.08908563189413599</t>
  </si>
  <si>
    <t>34411</t>
  </si>
  <si>
    <t>2.3438334465026855</t>
  </si>
  <si>
    <t>616.523193359375</t>
  </si>
  <si>
    <t>-0.022271995510353193</t>
  </si>
  <si>
    <t>3.7730770111083984</t>
  </si>
  <si>
    <t>663.1141357421875</t>
  </si>
  <si>
    <t>-0.012457029907899653</t>
  </si>
  <si>
    <t>2.5844767093658447</t>
  </si>
  <si>
    <t>786.9867553710938</t>
  </si>
  <si>
    <t>0.05264297900446557</t>
  </si>
  <si>
    <t>3.79465389251709</t>
  </si>
  <si>
    <t>662.6334228515625</t>
  </si>
  <si>
    <t>0.022086922916455975</t>
  </si>
  <si>
    <t>4.339184284210205</t>
  </si>
  <si>
    <t>933.063232421875</t>
  </si>
  <si>
    <t>0.05348356506457819</t>
  </si>
  <si>
    <t>37595</t>
  </si>
  <si>
    <t>3.0520060062408447</t>
  </si>
  <si>
    <t>788.4542846679688</t>
  </si>
  <si>
    <t>-0.02726165495411159</t>
  </si>
  <si>
    <t>3.475876569747925</t>
  </si>
  <si>
    <t>581.53076171875</t>
  </si>
  <si>
    <t>-0.02039543497086882</t>
  </si>
  <si>
    <t>3.5673720836639404</t>
  </si>
  <si>
    <t>560.6676025390625</t>
  </si>
  <si>
    <t>-0.016091420494284137</t>
  </si>
  <si>
    <t>4.002740859985352</t>
  </si>
  <si>
    <t>649.2657470703125</t>
  </si>
  <si>
    <t>0.04820145269463261</t>
  </si>
  <si>
    <t>39116</t>
  </si>
  <si>
    <t>3.5928657054901123</t>
  </si>
  <si>
    <t>601.3016357421875</t>
  </si>
  <si>
    <t>0.027945930390560036</t>
  </si>
  <si>
    <t>4.435472011566162</t>
  </si>
  <si>
    <t>725.3446655273438</t>
  </si>
  <si>
    <t>0.00764023479163356</t>
  </si>
  <si>
    <t>39141</t>
  </si>
  <si>
    <t>4.146605014801025</t>
  </si>
  <si>
    <t>663.3447875976562</t>
  </si>
  <si>
    <t>-0.007001314289942329</t>
  </si>
  <si>
    <t>39483</t>
  </si>
  <si>
    <t>4.094596862792969</t>
  </si>
  <si>
    <t>696.1295776367188</t>
  </si>
  <si>
    <t>0.008699688568576391</t>
  </si>
  <si>
    <t>38676</t>
  </si>
  <si>
    <t>2.8611257076263428</t>
  </si>
  <si>
    <t>687.1016845703125</t>
  </si>
  <si>
    <t>-0.02065094689899638</t>
  </si>
  <si>
    <t>1.9037386178970337</t>
  </si>
  <si>
    <t>668.262451171875</t>
  </si>
  <si>
    <t>0.05441825457714522</t>
  </si>
  <si>
    <t>4.334843635559082</t>
  </si>
  <si>
    <t>661.3916625976562</t>
  </si>
  <si>
    <t>0.004763484145568597</t>
  </si>
  <si>
    <t>40338</t>
  </si>
  <si>
    <t>2.860677719116211</t>
  </si>
  <si>
    <t>740.50244140625</t>
  </si>
  <si>
    <t>-0.017107038629060156</t>
  </si>
  <si>
    <t>3.6618692874908447</t>
  </si>
  <si>
    <t>561.3936157226562</t>
  </si>
  <si>
    <t>-0.012648449133079609</t>
  </si>
  <si>
    <t>4.90996789932251</t>
  </si>
  <si>
    <t>655.0997314453125</t>
  </si>
  <si>
    <t>0.0011040575231344718</t>
  </si>
  <si>
    <t>40308</t>
  </si>
  <si>
    <t>3.863679885864258</t>
  </si>
  <si>
    <t>662.8558349609375</t>
  </si>
  <si>
    <t>0.01080039931314758</t>
  </si>
  <si>
    <t>4.103031158447266</t>
  </si>
  <si>
    <t>614.7061157226562</t>
  </si>
  <si>
    <t>-0.01122682250699647</t>
  </si>
  <si>
    <t>40400</t>
  </si>
  <si>
    <t>3.4397809505462646</t>
  </si>
  <si>
    <t>686.9678955078125</t>
  </si>
  <si>
    <t>0.013506647055944399</t>
  </si>
  <si>
    <t>41374</t>
  </si>
  <si>
    <t>3.873560667037964</t>
  </si>
  <si>
    <t>535.3724975585938</t>
  </si>
  <si>
    <t>0.02382287925375337</t>
  </si>
  <si>
    <t>41709</t>
  </si>
  <si>
    <t>4.520808696746826</t>
  </si>
  <si>
    <t>703.5729370117188</t>
  </si>
  <si>
    <t>0.008064268634658589</t>
  </si>
  <si>
    <t>39370</t>
  </si>
  <si>
    <t>4.5345072746276855</t>
  </si>
  <si>
    <t>738.3532104492188</t>
  </si>
  <si>
    <t>-0.05771282789986998</t>
  </si>
  <si>
    <t>3.737607002258301</t>
  </si>
  <si>
    <t>669.847900390625</t>
  </si>
  <si>
    <t>0.05237602019498411</t>
  </si>
  <si>
    <t>4.192408561706543</t>
  </si>
  <si>
    <t>645.6906127929688</t>
  </si>
  <si>
    <t>0.020659131691179056</t>
  </si>
  <si>
    <t>34203</t>
  </si>
  <si>
    <t>6.243793964385986</t>
  </si>
  <si>
    <t>676.4874267578125</t>
  </si>
  <si>
    <t>73.91182708740234</t>
  </si>
  <si>
    <t>Vstmanland</t>
  </si>
  <si>
    <t>5.5625691413879395</t>
  </si>
  <si>
    <t>548.0444946289062</t>
  </si>
  <si>
    <t>-0.030938872891864477</t>
  </si>
  <si>
    <t>33017</t>
  </si>
  <si>
    <t>5.904263019561768</t>
  </si>
  <si>
    <t>654.0833740234375</t>
  </si>
  <si>
    <t>-0.004351906291184093</t>
  </si>
  <si>
    <t>4.660506725311279</t>
  </si>
  <si>
    <t>649.7037963867188</t>
  </si>
  <si>
    <t>-0.09983322007202666</t>
  </si>
  <si>
    <t>31495</t>
  </si>
  <si>
    <t>5.160534381866455</t>
  </si>
  <si>
    <t>618.64599609375</t>
  </si>
  <si>
    <t>0.052639442809274684</t>
  </si>
  <si>
    <t>4.922974109649658</t>
  </si>
  <si>
    <t>589.3947143554688</t>
  </si>
  <si>
    <t>0.04722406423178427</t>
  </si>
  <si>
    <t>33087</t>
  </si>
  <si>
    <t>4.23547887802124</t>
  </si>
  <si>
    <t>550.10888671875</t>
  </si>
  <si>
    <t>0.002087588686443098</t>
  </si>
  <si>
    <t>5.873001575469971</t>
  </si>
  <si>
    <t>679.2089233398438</t>
  </si>
  <si>
    <t>0.026778794806482153</t>
  </si>
  <si>
    <t>35334</t>
  </si>
  <si>
    <t>4.925110340118408</t>
  </si>
  <si>
    <t>687.40869140625</t>
  </si>
  <si>
    <t>0.03892642239188682</t>
  </si>
  <si>
    <t>5.983388900756836</t>
  </si>
  <si>
    <t>628.1268310546875</t>
  </si>
  <si>
    <t>-0.004453213242101128</t>
  </si>
  <si>
    <t>6.33961296081543</t>
  </si>
  <si>
    <t>807.3178100585938</t>
  </si>
  <si>
    <t>0.06873698975977582</t>
  </si>
  <si>
    <t>5.097964763641357</t>
  </si>
  <si>
    <t>634.13037109375</t>
  </si>
  <si>
    <t>-0.17723895373048926</t>
  </si>
  <si>
    <t>5.543859004974365</t>
  </si>
  <si>
    <t>590.6364135742188</t>
  </si>
  <si>
    <t>0.021503508563874618</t>
  </si>
  <si>
    <t>5.433370590209961</t>
  </si>
  <si>
    <t>619.2357177734375</t>
  </si>
  <si>
    <t>0.0057515851680953745</t>
  </si>
  <si>
    <t>5.91254186630249</t>
  </si>
  <si>
    <t>651.2138061523438</t>
  </si>
  <si>
    <t>0.024578295589204657</t>
  </si>
  <si>
    <t>5.3916754722595215</t>
  </si>
  <si>
    <t>578.6898803710938</t>
  </si>
  <si>
    <t>0.01062359429596249</t>
  </si>
  <si>
    <t>36443</t>
  </si>
  <si>
    <t>6.516731262207031</t>
  </si>
  <si>
    <t>750.9796142578125</t>
  </si>
  <si>
    <t>0.0814019165213189</t>
  </si>
  <si>
    <t>38615</t>
  </si>
  <si>
    <t>6.100046157836914</t>
  </si>
  <si>
    <t>660.9592895507812</t>
  </si>
  <si>
    <t>0.05789140590509767</t>
  </si>
  <si>
    <t>6.202136516571045</t>
  </si>
  <si>
    <t>697.7802734375</t>
  </si>
  <si>
    <t>-0.023768528487323692</t>
  </si>
  <si>
    <t>5.118812084197998</t>
  </si>
  <si>
    <t>684.6336669921875</t>
  </si>
  <si>
    <t>-0.08160637431415196</t>
  </si>
  <si>
    <t>4.09793758392334</t>
  </si>
  <si>
    <t>677.1888427734375</t>
  </si>
  <si>
    <t>0.0766348770151275</t>
  </si>
  <si>
    <t>38198</t>
  </si>
  <si>
    <t>6.177099227905273</t>
  </si>
  <si>
    <t>627.6746215820312</t>
  </si>
  <si>
    <t>0.01788238198608383</t>
  </si>
  <si>
    <t>37166</t>
  </si>
  <si>
    <t>5.014640808105469</t>
  </si>
  <si>
    <t>796.5626220703125</t>
  </si>
  <si>
    <t>-0.027388793369503617</t>
  </si>
  <si>
    <t>37659</t>
  </si>
  <si>
    <t>5.635441303253174</t>
  </si>
  <si>
    <t>550.6077880859375</t>
  </si>
  <si>
    <t>0.013177604652721442</t>
  </si>
  <si>
    <t>7.027172565460205</t>
  </si>
  <si>
    <t>680.22998046875</t>
  </si>
  <si>
    <t>-0.014173634077552677</t>
  </si>
  <si>
    <t>39177</t>
  </si>
  <si>
    <t>5.927145481109619</t>
  </si>
  <si>
    <t>639.1356201171875</t>
  </si>
  <si>
    <t>0.05369150447975102</t>
  </si>
  <si>
    <t>6.129217147827148</t>
  </si>
  <si>
    <t>566.8128051757812</t>
  </si>
  <si>
    <t>-0.00825307124517316</t>
  </si>
  <si>
    <t>5.666731357574463</t>
  </si>
  <si>
    <t>697.8341064453125</t>
  </si>
  <si>
    <t>0.010547702816486648</t>
  </si>
  <si>
    <t>38683</t>
  </si>
  <si>
    <t>6.002080917358398</t>
  </si>
  <si>
    <t>447.0399475097656</t>
  </si>
  <si>
    <t>-0.014984244437924232</t>
  </si>
  <si>
    <t>6.524972438812256</t>
  </si>
  <si>
    <t>690.1095581054688</t>
  </si>
  <si>
    <t>-0.004196679906833367</t>
  </si>
  <si>
    <t>6.424981594085693</t>
  </si>
  <si>
    <t>680.4590454101562</t>
  </si>
  <si>
    <t>-0.0738703677639112</t>
  </si>
  <si>
    <t>5.900064468383789</t>
  </si>
  <si>
    <t>477.2405090332031</t>
  </si>
  <si>
    <t>0.052379964075695895</t>
  </si>
  <si>
    <t>38489</t>
  </si>
  <si>
    <t>6.266703128814697</t>
  </si>
  <si>
    <t>582.738037109375</t>
  </si>
  <si>
    <t>0.020659342739202557</t>
  </si>
  <si>
    <t>8.212309837341309</t>
  </si>
  <si>
    <t>837.8101806640625</t>
  </si>
  <si>
    <t>1346.0208740234375</t>
  </si>
  <si>
    <t>Vstra Gtaland</t>
  </si>
  <si>
    <t>7.395199298858643</t>
  </si>
  <si>
    <t>677.5615844726562</t>
  </si>
  <si>
    <t>-0.027223070649178283</t>
  </si>
  <si>
    <t>7.879683971405029</t>
  </si>
  <si>
    <t>828.2191162109375</t>
  </si>
  <si>
    <t>-0.020625042990420894</t>
  </si>
  <si>
    <t>6.7197089195251465</t>
  </si>
  <si>
    <t>783.89404296875</t>
  </si>
  <si>
    <t>-0.048047749219369607</t>
  </si>
  <si>
    <t>7.343006134033203</t>
  </si>
  <si>
    <t>846.040283203125</t>
  </si>
  <si>
    <t>0.02941769732597521</t>
  </si>
  <si>
    <t>7.000173091888428</t>
  </si>
  <si>
    <t>684.520751953125</t>
  </si>
  <si>
    <t>0.04256493547821805</t>
  </si>
  <si>
    <t>6.060266494750977</t>
  </si>
  <si>
    <t>624.5469360351562</t>
  </si>
  <si>
    <t>0.012254794469658492</t>
  </si>
  <si>
    <t>34312</t>
  </si>
  <si>
    <t>7.7262139320373535</t>
  </si>
  <si>
    <t>767.139404296875</t>
  </si>
  <si>
    <t>0.036354691222459934</t>
  </si>
  <si>
    <t>35496</t>
  </si>
  <si>
    <t>6.95683479309082</t>
  </si>
  <si>
    <t>1003.4436645507812</t>
  </si>
  <si>
    <t>0.03392486686203</t>
  </si>
  <si>
    <t>38550</t>
  </si>
  <si>
    <t>7.895066738128662</t>
  </si>
  <si>
    <t>980.9197998046875</t>
  </si>
  <si>
    <t>0.08253608593272865</t>
  </si>
  <si>
    <t>8.233113288879395</t>
  </si>
  <si>
    <t>1019.858154296875</t>
  </si>
  <si>
    <t>0.03854703522069691</t>
  </si>
  <si>
    <t>7.204416275024414</t>
  </si>
  <si>
    <t>834.2197875976562</t>
  </si>
  <si>
    <t>0.06311013345047023</t>
  </si>
  <si>
    <t>42787</t>
  </si>
  <si>
    <t>7.746946811676025</t>
  </si>
  <si>
    <t>777.2643432617188</t>
  </si>
  <si>
    <t>0.0026210494516636373</t>
  </si>
  <si>
    <t>44613</t>
  </si>
  <si>
    <t>7.514307022094727</t>
  </si>
  <si>
    <t>771.3574829101562</t>
  </si>
  <si>
    <t>0.04179097824248856</t>
  </si>
  <si>
    <t>45376</t>
  </si>
  <si>
    <t>7.996626377105713</t>
  </si>
  <si>
    <t>832.256103515625</t>
  </si>
  <si>
    <t>0.016958034535004884</t>
  </si>
  <si>
    <t>46437</t>
  </si>
  <si>
    <t>7.38201379776001</t>
  </si>
  <si>
    <t>671.329833984375</t>
  </si>
  <si>
    <t>0.023113224350188588</t>
  </si>
  <si>
    <t>48905</t>
  </si>
  <si>
    <t>8.667729377746582</t>
  </si>
  <si>
    <t>1044.2109375</t>
  </si>
  <si>
    <t>0.05178308548260624</t>
  </si>
  <si>
    <t>8.196110725402832</t>
  </si>
  <si>
    <t>882.311279296875</t>
  </si>
  <si>
    <t>0.01901848733816358</t>
  </si>
  <si>
    <t>8.281587600708008</t>
  </si>
  <si>
    <t>822.0458374023438</t>
  </si>
  <si>
    <t>-0.005209759442532658</t>
  </si>
  <si>
    <t>46145</t>
  </si>
  <si>
    <t>7.271858215332031</t>
  </si>
  <si>
    <t>790.2819213867188</t>
  </si>
  <si>
    <t>-0.07189975592054765</t>
  </si>
  <si>
    <t>48102</t>
  </si>
  <si>
    <t>6.20490837097168</t>
  </si>
  <si>
    <t>812.9509887695312</t>
  </si>
  <si>
    <t>0.0415351435713287</t>
  </si>
  <si>
    <t>49644</t>
  </si>
  <si>
    <t>8.266829490661621</t>
  </si>
  <si>
    <t>893.7685546875</t>
  </si>
  <si>
    <t>0.03155378097840611</t>
  </si>
  <si>
    <t>7.13772439956665</t>
  </si>
  <si>
    <t>876.2691650390625</t>
  </si>
  <si>
    <t>-0.017700656211831145</t>
  </si>
  <si>
    <t>49205</t>
  </si>
  <si>
    <t>7.696192264556885</t>
  </si>
  <si>
    <t>735.3173217773438</t>
  </si>
  <si>
    <t>0.00881836329550545</t>
  </si>
  <si>
    <t>50338</t>
  </si>
  <si>
    <t>9.189472198486328</t>
  </si>
  <si>
    <t>965.40869140625</t>
  </si>
  <si>
    <t>0.022765014729861477</t>
  </si>
  <si>
    <t>53360</t>
  </si>
  <si>
    <t>7.941093444824219</t>
  </si>
  <si>
    <t>857.2325439453125</t>
  </si>
  <si>
    <t>0.058301142526557825</t>
  </si>
  <si>
    <t>53812</t>
  </si>
  <si>
    <t>8.199082374572754</t>
  </si>
  <si>
    <t>709.453125</t>
  </si>
  <si>
    <t>0.008435089015927488</t>
  </si>
  <si>
    <t>54985</t>
  </si>
  <si>
    <t>7.833238124847412</t>
  </si>
  <si>
    <t>982.069091796875</t>
  </si>
  <si>
    <t>0.02156393013960134</t>
  </si>
  <si>
    <t>8.253592491149902</t>
  </si>
  <si>
    <t>614.696533203125</t>
  </si>
  <si>
    <t>-0.011027204007586278</t>
  </si>
  <si>
    <t>54714</t>
  </si>
  <si>
    <t>8.769804954528809</t>
  </si>
  <si>
    <t>976.4844970703125</t>
  </si>
  <si>
    <t>0.006086401424273191</t>
  </si>
  <si>
    <t>52052</t>
  </si>
  <si>
    <t>8.614521026611328</t>
  </si>
  <si>
    <t>833.1154174804688</t>
  </si>
  <si>
    <t>-0.0498763992650737</t>
  </si>
  <si>
    <t>8.10989761352539</t>
  </si>
  <si>
    <t>676.1488647460938</t>
  </si>
  <si>
    <t>0.05237719918110173</t>
  </si>
  <si>
    <t>55996</t>
  </si>
  <si>
    <t>8.504354476928711</t>
  </si>
  <si>
    <t>786.8932495117188</t>
  </si>
  <si>
    <t>0.020659841516966537</t>
  </si>
  <si>
    <t>6.734591960906982</t>
  </si>
  <si>
    <t>699.6627807617188</t>
  </si>
  <si>
    <t>173.03707885742188</t>
  </si>
  <si>
    <t>÷rebro</t>
  </si>
  <si>
    <t>5.9982123374938965</t>
  </si>
  <si>
    <t>558.0515747070312</t>
  </si>
  <si>
    <t>-0.008832245835474595</t>
  </si>
  <si>
    <t>30069</t>
  </si>
  <si>
    <t>6.326531887054443</t>
  </si>
  <si>
    <t>692.950439453125</t>
  </si>
  <si>
    <t>-0.01209852123504973</t>
  </si>
  <si>
    <t>5.063746929168701</t>
  </si>
  <si>
    <t>695.215087890625</t>
  </si>
  <si>
    <t>-0.08683906092526428</t>
  </si>
  <si>
    <t>5.54194450378418</t>
  </si>
  <si>
    <t>641.8698120117188</t>
  </si>
  <si>
    <t>0.04715131265802164</t>
  </si>
  <si>
    <t>5.33379602432251</t>
  </si>
  <si>
    <t>600.6966552734375</t>
  </si>
  <si>
    <t>0.05990176284731774</t>
  </si>
  <si>
    <t>4.680281162261963</t>
  </si>
  <si>
    <t>573.3750610351562</t>
  </si>
  <si>
    <t>0.018854472977137604</t>
  </si>
  <si>
    <t>31861</t>
  </si>
  <si>
    <t>6.269359588623047</t>
  </si>
  <si>
    <t>703.5841064453125</t>
  </si>
  <si>
    <t>0.01881946304080273</t>
  </si>
  <si>
    <t>5.258545398712158</t>
  </si>
  <si>
    <t>737.3389282226562</t>
  </si>
  <si>
    <t>0.0016620936793820817</t>
  </si>
  <si>
    <t>6.362387180328369</t>
  </si>
  <si>
    <t>707.480224609375</t>
  </si>
  <si>
    <t>0.040979906473388894</t>
  </si>
  <si>
    <t>6.814671039581299</t>
  </si>
  <si>
    <t>886.3065795898438</t>
  </si>
  <si>
    <t>0.036934632575690074</t>
  </si>
  <si>
    <t>31487</t>
  </si>
  <si>
    <t>5.643736362457275</t>
  </si>
  <si>
    <t>674.3628540039062</t>
  </si>
  <si>
    <t>-0.09138456180185273</t>
  </si>
  <si>
    <t>6.127182483673096</t>
  </si>
  <si>
    <t>625.942138671875</t>
  </si>
  <si>
    <t>0.044262570675138946</t>
  </si>
  <si>
    <t>6.015749454498291</t>
  </si>
  <si>
    <t>658.0284423828125</t>
  </si>
  <si>
    <t>0.03598777134772746</t>
  </si>
  <si>
    <t>6.556774616241455</t>
  </si>
  <si>
    <t>691.5181884765625</t>
  </si>
  <si>
    <t>0.05071718615122478</t>
  </si>
  <si>
    <t>36066</t>
  </si>
  <si>
    <t>5.978137969970703</t>
  </si>
  <si>
    <t>601.1912231445312</t>
  </si>
  <si>
    <t>0.004808302875526138</t>
  </si>
  <si>
    <t>7.049842834472656</t>
  </si>
  <si>
    <t>818.730224609375</t>
  </si>
  <si>
    <t>0.06761666847960868</t>
  </si>
  <si>
    <t>6.644505977630615</t>
  </si>
  <si>
    <t>714.8507080078125</t>
  </si>
  <si>
    <t>0.00792415580907857</t>
  </si>
  <si>
    <t>37441</t>
  </si>
  <si>
    <t>6.6559929847717285</t>
  </si>
  <si>
    <t>738.29296875</t>
  </si>
  <si>
    <t>-0.038125056919355416</t>
  </si>
  <si>
    <t>5.5158915519714355</t>
  </si>
  <si>
    <t>712.314453125</t>
  </si>
  <si>
    <t>-0.06850460326541885</t>
  </si>
  <si>
    <t>37470</t>
  </si>
  <si>
    <t>4.459847450256348</t>
  </si>
  <si>
    <t>710.4756469726562</t>
  </si>
  <si>
    <t>0.06927885541660395</t>
  </si>
  <si>
    <t>38797</t>
  </si>
  <si>
    <t>6.827647686004639</t>
  </si>
  <si>
    <t>702.49267578125</t>
  </si>
  <si>
    <t>0.034802311246689754</t>
  </si>
  <si>
    <t>5.448957443237305</t>
  </si>
  <si>
    <t>798.89794921875</t>
  </si>
  <si>
    <t>0.012881594822928832</t>
  </si>
  <si>
    <t>6.13825798034668</t>
  </si>
  <si>
    <t>602.9550170898438</t>
  </si>
  <si>
    <t>-0.040795489358373516</t>
  </si>
  <si>
    <t>7.600928783416748</t>
  </si>
  <si>
    <t>746.707763671875</t>
  </si>
  <si>
    <t>0.004917782636058021</t>
  </si>
  <si>
    <t>6.398515701293945</t>
  </si>
  <si>
    <t>668.9710693359375</t>
  </si>
  <si>
    <t>0.018034989607880192</t>
  </si>
  <si>
    <t>6.609979629516602</t>
  </si>
  <si>
    <t>597.8309936523438</t>
  </si>
  <si>
    <t>0.04065930805867346</t>
  </si>
  <si>
    <t>41421</t>
  </si>
  <si>
    <t>6.130752086639404</t>
  </si>
  <si>
    <t>742.9365234375</t>
  </si>
  <si>
    <t>0.029746888782671732</t>
  </si>
  <si>
    <t>40966</t>
  </si>
  <si>
    <t>6.5504326820373535</t>
  </si>
  <si>
    <t>484.8332214355469</t>
  </si>
  <si>
    <t>-0.011045544223660997</t>
  </si>
  <si>
    <t>7.151023864746094</t>
  </si>
  <si>
    <t>731.6544189453125</t>
  </si>
  <si>
    <t>0.0009271685426917031</t>
  </si>
  <si>
    <t>7.131837844848633</t>
  </si>
  <si>
    <t>705.2019653320312</t>
  </si>
  <si>
    <t>-0.015359775078133353</t>
  </si>
  <si>
    <t>42550</t>
  </si>
  <si>
    <t>6.394801616668701</t>
  </si>
  <si>
    <t>503.86279296875</t>
  </si>
  <si>
    <t>0.052370007176360645</t>
  </si>
  <si>
    <t>6.821109294891357</t>
  </si>
  <si>
    <t>617.697998046875</t>
  </si>
  <si>
    <t>0.020654779030746084</t>
  </si>
  <si>
    <t>2372</t>
  </si>
  <si>
    <t>7.606710910797119</t>
  </si>
  <si>
    <t>623.6830444335938</t>
  </si>
  <si>
    <t>306.6345520019531</t>
  </si>
  <si>
    <t>÷stergˆtland</t>
  </si>
  <si>
    <t>6.720007419586182</t>
  </si>
  <si>
    <t>532.7125244140625</t>
  </si>
  <si>
    <t>-0.023044325258283038</t>
  </si>
  <si>
    <t>7.160219192504883</t>
  </si>
  <si>
    <t>607.7695922851562</t>
  </si>
  <si>
    <t>-0.02227191141251872</t>
  </si>
  <si>
    <t>6.039552211761475</t>
  </si>
  <si>
    <t>606.591796875</t>
  </si>
  <si>
    <t>-0.04795047078070347</t>
  </si>
  <si>
    <t>6.517858505249023</t>
  </si>
  <si>
    <t>615.7779541015625</t>
  </si>
  <si>
    <t>0.037871905501676295</t>
  </si>
  <si>
    <t>6.3038811683654785</t>
  </si>
  <si>
    <t>562.0836181640625</t>
  </si>
  <si>
    <t>0.01885141279727165</t>
  </si>
  <si>
    <t>5.429121017456055</t>
  </si>
  <si>
    <t>494.2275695800781</t>
  </si>
  <si>
    <t>0.008211799014082644</t>
  </si>
  <si>
    <t>7.0448222160339355</t>
  </si>
  <si>
    <t>623.3429565429688</t>
  </si>
  <si>
    <t>-0.05614354998975202</t>
  </si>
  <si>
    <t>32891</t>
  </si>
  <si>
    <t>6.127681255340576</t>
  </si>
  <si>
    <t>707.3515014648438</t>
  </si>
  <si>
    <t>0.1174220598017488</t>
  </si>
  <si>
    <t>7.21642541885376</t>
  </si>
  <si>
    <t>632.5147705078125</t>
  </si>
  <si>
    <t>0.010825627344631883</t>
  </si>
  <si>
    <t>7.624357223510742</t>
  </si>
  <si>
    <t>735.2901000976562</t>
  </si>
  <si>
    <t>0.04153274070736579</t>
  </si>
  <si>
    <t>6.568663120269775</t>
  </si>
  <si>
    <t>610.2702026367188</t>
  </si>
  <si>
    <t>-0.028118943752797776</t>
  </si>
  <si>
    <t>7.013576984405518</t>
  </si>
  <si>
    <t>552.0671997070312</t>
  </si>
  <si>
    <t>0.03295445960781507</t>
  </si>
  <si>
    <t>6.7302727699279785</t>
  </si>
  <si>
    <t>583.9008178710938</t>
  </si>
  <si>
    <t>-0.010971037084853918</t>
  </si>
  <si>
    <t>7.183198928833008</t>
  </si>
  <si>
    <t>629.973876953125</t>
  </si>
  <si>
    <t>0.023157087058606862</t>
  </si>
  <si>
    <t>36348</t>
  </si>
  <si>
    <t>6.653390407562256</t>
  </si>
  <si>
    <t>523.0330810546875</t>
  </si>
  <si>
    <t>0.030560183835339316</t>
  </si>
  <si>
    <t>7.8979268074035645</t>
  </si>
  <si>
    <t>721.1270751953125</t>
  </si>
  <si>
    <t>0.029920931243543336</t>
  </si>
  <si>
    <t>39026</t>
  </si>
  <si>
    <t>7.522884845733643</t>
  </si>
  <si>
    <t>643.7863159179688</t>
  </si>
  <si>
    <t>0.04116797759616375</t>
  </si>
  <si>
    <t>7.554563522338867</t>
  </si>
  <si>
    <t>629.254638671875</t>
  </si>
  <si>
    <t>-0.03504556381699864</t>
  </si>
  <si>
    <t>36989</t>
  </si>
  <si>
    <t>6.5127105712890625</t>
  </si>
  <si>
    <t>619.8536376953125</t>
  </si>
  <si>
    <t>-0.018561955710483247</t>
  </si>
  <si>
    <t>37984</t>
  </si>
  <si>
    <t>5.618628025054932</t>
  </si>
  <si>
    <t>661.0380859375</t>
  </si>
  <si>
    <t>0.026544447281931838</t>
  </si>
  <si>
    <t>7.53285551071167</t>
  </si>
  <si>
    <t>622.3194580078125</t>
  </si>
  <si>
    <t>0.021409855421824275</t>
  </si>
  <si>
    <t>38769</t>
  </si>
  <si>
    <t>6.407841205596924</t>
  </si>
  <si>
    <t>706.2239990234375</t>
  </si>
  <si>
    <t>-0.0009539156379183567</t>
  </si>
  <si>
    <t>39253</t>
  </si>
  <si>
    <t>7.025699615478516</t>
  </si>
  <si>
    <t>529.9360961914062</t>
  </si>
  <si>
    <t>0.012406916217411634</t>
  </si>
  <si>
    <t>39767</t>
  </si>
  <si>
    <t>616.2465209960938</t>
  </si>
  <si>
    <t>0.013009548201727839</t>
  </si>
  <si>
    <t>40898</t>
  </si>
  <si>
    <t>7.243268966674805</t>
  </si>
  <si>
    <t>580.5150146484375</t>
  </si>
  <si>
    <t>0.02804373946731964</t>
  </si>
  <si>
    <t>7.408792018890381</t>
  </si>
  <si>
    <t>525.5117797851562</t>
  </si>
  <si>
    <t>0.005583678024251526</t>
  </si>
  <si>
    <t>7.1522369384765625</t>
  </si>
  <si>
    <t>651.85546875</t>
  </si>
  <si>
    <t>0.0007534787984830871</t>
  </si>
  <si>
    <t>42336</t>
  </si>
  <si>
    <t>7.597969055175781</t>
  </si>
  <si>
    <t>437.53594970703125</t>
  </si>
  <si>
    <t>0.02821946901218908</t>
  </si>
  <si>
    <t>8.206398010253906</t>
  </si>
  <si>
    <t>639.7550659179688</t>
  </si>
  <si>
    <t>-0.013339713451088642</t>
  </si>
  <si>
    <t>7.98048210144043</t>
  </si>
  <si>
    <t>583.2824096679688</t>
  </si>
  <si>
    <t>-0.017750873618943785</t>
  </si>
  <si>
    <t>43247</t>
  </si>
  <si>
    <t>7.296759128570557</t>
  </si>
  <si>
    <t>439.4820251464844</t>
  </si>
  <si>
    <t>0.05238066594771951</t>
  </si>
  <si>
    <t>44149</t>
  </si>
  <si>
    <t>7.779921054840088</t>
  </si>
  <si>
    <t>538.994384765625</t>
  </si>
  <si>
    <t>0.020642409926594496</t>
  </si>
  <si>
    <t>THA</t>
  </si>
  <si>
    <t>27.811819076538086</t>
  </si>
  <si>
    <t>1834.6077880859375</t>
  </si>
  <si>
    <t>584.9176635742188</t>
  </si>
  <si>
    <t>Amnat Chaeron / Ubon Ratchathani</t>
  </si>
  <si>
    <t>Thailand</t>
  </si>
  <si>
    <t>27.595916748046875</t>
  </si>
  <si>
    <t>1650.3916015625</t>
  </si>
  <si>
    <t>0.020636655701490092</t>
  </si>
  <si>
    <t>27.516611099243164</t>
  </si>
  <si>
    <t>1442.8795166015625</t>
  </si>
  <si>
    <t>0.06260877375278984</t>
  </si>
  <si>
    <t>27.501615524291992</t>
  </si>
  <si>
    <t>1253.434326171875</t>
  </si>
  <si>
    <t>-0.005496676579902271</t>
  </si>
  <si>
    <t>27.52061653137207</t>
  </si>
  <si>
    <t>1770.5396728515625</t>
  </si>
  <si>
    <t>0.16110060131106874</t>
  </si>
  <si>
    <t>27.42301368713379</t>
  </si>
  <si>
    <t>1539.952880859375</t>
  </si>
  <si>
    <t>0.0850825743454493</t>
  </si>
  <si>
    <t>26.9361572265625</t>
  </si>
  <si>
    <t>1772.843994140625</t>
  </si>
  <si>
    <t>0.09924768750958535</t>
  </si>
  <si>
    <t>27.822751998901367</t>
  </si>
  <si>
    <t>1664.5755615234375</t>
  </si>
  <si>
    <t>-0.03690455693545047</t>
  </si>
  <si>
    <t>28.11070442199707</t>
  </si>
  <si>
    <t>1426.8282470703125</t>
  </si>
  <si>
    <t>-0.12391079463754018</t>
  </si>
  <si>
    <t>27.077856063842773</t>
  </si>
  <si>
    <t>1839.10009765625</t>
  </si>
  <si>
    <t>-0.04519597634336758</t>
  </si>
  <si>
    <t>27.31324577331543</t>
  </si>
  <si>
    <t>1988.05029296875</t>
  </si>
  <si>
    <t>-0.04303620206036829</t>
  </si>
  <si>
    <t>27.31495475769043</t>
  </si>
  <si>
    <t>1883.6854248046875</t>
  </si>
  <si>
    <t>-0.021684984161280063</t>
  </si>
  <si>
    <t>27.520109176635742</t>
  </si>
  <si>
    <t>1857.8892822265625</t>
  </si>
  <si>
    <t>0.10103990551665998</t>
  </si>
  <si>
    <t>27.527755737304688</t>
  </si>
  <si>
    <t>1645.1903076171875</t>
  </si>
  <si>
    <t>0.04013483642042992</t>
  </si>
  <si>
    <t>27.39057159423828</t>
  </si>
  <si>
    <t>1721.16259765625</t>
  </si>
  <si>
    <t>0.0056944158935579026</t>
  </si>
  <si>
    <t>27.63559913635254</t>
  </si>
  <si>
    <t>1699.9315185546875</t>
  </si>
  <si>
    <t>-0.017181459880688976</t>
  </si>
  <si>
    <t>27.549041748046875</t>
  </si>
  <si>
    <t>1842.6134033203125</t>
  </si>
  <si>
    <t>0.02064548475850536</t>
  </si>
  <si>
    <t>27.363571166992188</t>
  </si>
  <si>
    <t>1825.42578125</t>
  </si>
  <si>
    <t>0.06481355404502764</t>
  </si>
  <si>
    <t>26.764625549316406</t>
  </si>
  <si>
    <t>1742.0899658203125</t>
  </si>
  <si>
    <t>-0.03936214920085135</t>
  </si>
  <si>
    <t>27.592405319213867</t>
  </si>
  <si>
    <t>1677.3839111328125</t>
  </si>
  <si>
    <t>0.08598930004047567</t>
  </si>
  <si>
    <t>27.77002716064453</t>
  </si>
  <si>
    <t>1476.8232421875</t>
  </si>
  <si>
    <t>0.07475054245695567</t>
  </si>
  <si>
    <t>26.976591110229492</t>
  </si>
  <si>
    <t>1954.2652587890625</t>
  </si>
  <si>
    <t>0.018870923183035515</t>
  </si>
  <si>
    <t>27.84662628173828</t>
  </si>
  <si>
    <t>1383.8802490234375</t>
  </si>
  <si>
    <t>0.07899813590221605</t>
  </si>
  <si>
    <t>27.24283790588379</t>
  </si>
  <si>
    <t>1608.7584228515625</t>
  </si>
  <si>
    <t>0.15042527165097574</t>
  </si>
  <si>
    <t>4335</t>
  </si>
  <si>
    <t>27.652631759643555</t>
  </si>
  <si>
    <t>1530.1519775390625</t>
  </si>
  <si>
    <t>-0.12495958061233559</t>
  </si>
  <si>
    <t>28.159944534301758</t>
  </si>
  <si>
    <t>1290.84375</t>
  </si>
  <si>
    <t>0.051258691712758875</t>
  </si>
  <si>
    <t>28.15723991394043</t>
  </si>
  <si>
    <t>1256.277099609375</t>
  </si>
  <si>
    <t>0.02146423866830105</t>
  </si>
  <si>
    <t>27.497047424316406</t>
  </si>
  <si>
    <t>1932.1240234375</t>
  </si>
  <si>
    <t>0.03912170815344673</t>
  </si>
  <si>
    <t>27.60679054260254</t>
  </si>
  <si>
    <t>1597.3603515625</t>
  </si>
  <si>
    <t>0.026060106669865135</t>
  </si>
  <si>
    <t>5017</t>
  </si>
  <si>
    <t>28.26392364501953</t>
  </si>
  <si>
    <t>1584.0482177734375</t>
  </si>
  <si>
    <t>0.00820579006523836</t>
  </si>
  <si>
    <t>27.80243682861328</t>
  </si>
  <si>
    <t>1458.486572265625</t>
  </si>
  <si>
    <t>-0.07510508062201637</t>
  </si>
  <si>
    <t>27.7305965423584</t>
  </si>
  <si>
    <t>1578.5833740234375</t>
  </si>
  <si>
    <t>0.00599830418861913</t>
  </si>
  <si>
    <t>27.171287536621094</t>
  </si>
  <si>
    <t>2041.4630126953125</t>
  </si>
  <si>
    <t>0.017362282424334907</t>
  </si>
  <si>
    <t>29.241662979125977</t>
  </si>
  <si>
    <t>1073.2999267578125</t>
  </si>
  <si>
    <t>254.9048614501953</t>
  </si>
  <si>
    <t>Ang Tong</t>
  </si>
  <si>
    <t>29.025001525878906</t>
  </si>
  <si>
    <t>1029.400146484375</t>
  </si>
  <si>
    <t>0.07809528738914118</t>
  </si>
  <si>
    <t>28.941667556762695</t>
  </si>
  <si>
    <t>0.05874410054341617</t>
  </si>
  <si>
    <t>28.933334350585938</t>
  </si>
  <si>
    <t>922.4000244140625</t>
  </si>
  <si>
    <t>0.035215640163036355</t>
  </si>
  <si>
    <t>28.883337020874023</t>
  </si>
  <si>
    <t>1152.7999267578125</t>
  </si>
  <si>
    <t>0.09206614765125387</t>
  </si>
  <si>
    <t>28.733335494995117</t>
  </si>
  <si>
    <t>1183.4000244140625</t>
  </si>
  <si>
    <t>0.09454594591156962</t>
  </si>
  <si>
    <t>28.241666793823242</t>
  </si>
  <si>
    <t>1465.5</t>
  </si>
  <si>
    <t>0.20732076153216816</t>
  </si>
  <si>
    <t>29.075002670288086</t>
  </si>
  <si>
    <t>-0.04519266613029593</t>
  </si>
  <si>
    <t>29.358335494995117</t>
  </si>
  <si>
    <t>1291.5</t>
  </si>
  <si>
    <t>-0.03364254109464859</t>
  </si>
  <si>
    <t>1328.60009765625</t>
  </si>
  <si>
    <t>-0.09523547767901341</t>
  </si>
  <si>
    <t>1402.0</t>
  </si>
  <si>
    <t>-0.03478029880897715</t>
  </si>
  <si>
    <t>28.48333168029785</t>
  </si>
  <si>
    <t>1105.5999755859375</t>
  </si>
  <si>
    <t>-0.009402582307082241</t>
  </si>
  <si>
    <t>6150</t>
  </si>
  <si>
    <t>28.79166603088379</t>
  </si>
  <si>
    <t>0.054808236494995555</t>
  </si>
  <si>
    <t>0.04187509834829939</t>
  </si>
  <si>
    <t>0.05564992178557837</t>
  </si>
  <si>
    <t>28.82499885559082</t>
  </si>
  <si>
    <t>1210.60009765625</t>
  </si>
  <si>
    <t>0.0074939737974073495</t>
  </si>
  <si>
    <t>6893</t>
  </si>
  <si>
    <t>28.66666603088379</t>
  </si>
  <si>
    <t>1298.199951171875</t>
  </si>
  <si>
    <t>0.009035328153801814</t>
  </si>
  <si>
    <t>28.583335876464844</t>
  </si>
  <si>
    <t>0.044962547393343044</t>
  </si>
  <si>
    <t>28.058334350585938</t>
  </si>
  <si>
    <t>7029</t>
  </si>
  <si>
    <t>28.76666831970215</t>
  </si>
  <si>
    <t>-0.08099435425789991</t>
  </si>
  <si>
    <t>29.099998474121094</t>
  </si>
  <si>
    <t>1195.699951171875</t>
  </si>
  <si>
    <t>0.01804645056269294</t>
  </si>
  <si>
    <t>28.333330154418945</t>
  </si>
  <si>
    <t>1523.099853515625</t>
  </si>
  <si>
    <t>-0.03990838841876254</t>
  </si>
  <si>
    <t>29.04166603088379</t>
  </si>
  <si>
    <t>1160.900146484375</t>
  </si>
  <si>
    <t>0.2551684947326489</t>
  </si>
  <si>
    <t>8270</t>
  </si>
  <si>
    <t>1392.0999755859375</t>
  </si>
  <si>
    <t>-0.07071649603474839</t>
  </si>
  <si>
    <t>28.85833740234375</t>
  </si>
  <si>
    <t>1077.9000244140625</t>
  </si>
  <si>
    <t>-0.0812021865421233</t>
  </si>
  <si>
    <t>29.33333396911621</t>
  </si>
  <si>
    <t>1130.10009765625</t>
  </si>
  <si>
    <t>0.009268390869928922</t>
  </si>
  <si>
    <t>8017</t>
  </si>
  <si>
    <t>29.41666603088379</t>
  </si>
  <si>
    <t>1196.0001220703125</t>
  </si>
  <si>
    <t>0.04086357369740945</t>
  </si>
  <si>
    <t>28.83333396911621</t>
  </si>
  <si>
    <t>1567.199951171875</t>
  </si>
  <si>
    <t>0.07170840274622314</t>
  </si>
  <si>
    <t>8985</t>
  </si>
  <si>
    <t>28.90000343322754</t>
  </si>
  <si>
    <t>1167.199951171875</t>
  </si>
  <si>
    <t>0.04228383042848449</t>
  </si>
  <si>
    <t>29.483335494995117</t>
  </si>
  <si>
    <t>0.008091824898500022</t>
  </si>
  <si>
    <t>29.149995803833008</t>
  </si>
  <si>
    <t>1179.7999267578125</t>
  </si>
  <si>
    <t>-0.07505956018794002</t>
  </si>
  <si>
    <t>1303.7999267578125</t>
  </si>
  <si>
    <t>0.006050917198516359</t>
  </si>
  <si>
    <t>28.541669845581055</t>
  </si>
  <si>
    <t>1591.10009765625</t>
  </si>
  <si>
    <t>0.017355032216945787</t>
  </si>
  <si>
    <t>30955</t>
  </si>
  <si>
    <t>29.32499885559082</t>
  </si>
  <si>
    <t>2108.35888671875</t>
  </si>
  <si>
    <t>Bangkok Metropolis</t>
  </si>
  <si>
    <t>29.049997329711914</t>
  </si>
  <si>
    <t>1446.5999755859375</t>
  </si>
  <si>
    <t>0.057039955308374246</t>
  </si>
  <si>
    <t>29.066667556762695</t>
  </si>
  <si>
    <t>1327.4998779296875</t>
  </si>
  <si>
    <t>0.062396444566907405</t>
  </si>
  <si>
    <t>38445</t>
  </si>
  <si>
    <t>28.98333168029785</t>
  </si>
  <si>
    <t>1136.800048828125</t>
  </si>
  <si>
    <t>0.09725771163766694</t>
  </si>
  <si>
    <t>39148</t>
  </si>
  <si>
    <t>28.983335494995117</t>
  </si>
  <si>
    <t>1366.2000732421875</t>
  </si>
  <si>
    <t>0.018120687079429487</t>
  </si>
  <si>
    <t>1808.3001708984375</t>
  </si>
  <si>
    <t>0.020229272817315902</t>
  </si>
  <si>
    <t>32927</t>
  </si>
  <si>
    <t>28.433334350585938</t>
  </si>
  <si>
    <t>1703.900146484375</t>
  </si>
  <si>
    <t>-0.1932856184809797</t>
  </si>
  <si>
    <t>29.208330154418945</t>
  </si>
  <si>
    <t>1095.4000244140625</t>
  </si>
  <si>
    <t>-0.06996519084889918</t>
  </si>
  <si>
    <t>29.441667556762695</t>
  </si>
  <si>
    <t>1581.2999267578125</t>
  </si>
  <si>
    <t>-0.16082283603960512</t>
  </si>
  <si>
    <t>29029</t>
  </si>
  <si>
    <t>1665.60009765625</t>
  </si>
  <si>
    <t>0.10479036730815317</t>
  </si>
  <si>
    <t>29789</t>
  </si>
  <si>
    <t>1413.4000244140625</t>
  </si>
  <si>
    <t>0.0258438675306909</t>
  </si>
  <si>
    <t>30134</t>
  </si>
  <si>
    <t>28.67500114440918</t>
  </si>
  <si>
    <t>1417.5</t>
  </si>
  <si>
    <t>0.011514904528848291</t>
  </si>
  <si>
    <t>1382.0001220703125</t>
  </si>
  <si>
    <t>-0.01845423036079552</t>
  </si>
  <si>
    <t>29607</t>
  </si>
  <si>
    <t>28.941665649414062</t>
  </si>
  <si>
    <t>1472.8001708984375</t>
  </si>
  <si>
    <t>0.0008109478396782777</t>
  </si>
  <si>
    <t>28.84166717529297</t>
  </si>
  <si>
    <t>0.034099683384383184</t>
  </si>
  <si>
    <t>30341</t>
  </si>
  <si>
    <t>29.01667022705078</t>
  </si>
  <si>
    <t>1530.599853515625</t>
  </si>
  <si>
    <t>-0.009610570076080904</t>
  </si>
  <si>
    <t>28.92500114440918</t>
  </si>
  <si>
    <t>1720.60009765625</t>
  </si>
  <si>
    <t>-0.043963493743687465</t>
  </si>
  <si>
    <t>28471</t>
  </si>
  <si>
    <t>28.833330154418945</t>
  </si>
  <si>
    <t>1563.9000244140625</t>
  </si>
  <si>
    <t>-0.019650414056847865</t>
  </si>
  <si>
    <t>1572.5</t>
  </si>
  <si>
    <t>-0.02698440818643988</t>
  </si>
  <si>
    <t>27393</t>
  </si>
  <si>
    <t>1702.0</t>
  </si>
  <si>
    <t>-0.011614110876994488</t>
  </si>
  <si>
    <t>29.258337020874023</t>
  </si>
  <si>
    <t>0.1347353548998722</t>
  </si>
  <si>
    <t>28.508337020874023</t>
  </si>
  <si>
    <t>1702.1002197265625</t>
  </si>
  <si>
    <t>0.07389829510119483</t>
  </si>
  <si>
    <t>35457</t>
  </si>
  <si>
    <t>29.183334350585938</t>
  </si>
  <si>
    <t>1373.7999267578125</t>
  </si>
  <si>
    <t>0.0493995383948338</t>
  </si>
  <si>
    <t>28.641664505004883</t>
  </si>
  <si>
    <t>1746.7000732421875</t>
  </si>
  <si>
    <t>0.05048494677947524</t>
  </si>
  <si>
    <t>38637</t>
  </si>
  <si>
    <t>28.98333740234375</t>
  </si>
  <si>
    <t>1425.099853515625</t>
  </si>
  <si>
    <t>0.03540472510095505</t>
  </si>
  <si>
    <t>40357</t>
  </si>
  <si>
    <t>29.399999618530273</t>
  </si>
  <si>
    <t>1418.5</t>
  </si>
  <si>
    <t>0.04355449512326537</t>
  </si>
  <si>
    <t>41546</t>
  </si>
  <si>
    <t>29.541664123535156</t>
  </si>
  <si>
    <t>1490.39990234375</t>
  </si>
  <si>
    <t>0.029036385410583065</t>
  </si>
  <si>
    <t>42855</t>
  </si>
  <si>
    <t>29.008337020874023</t>
  </si>
  <si>
    <t>1749.599853515625</t>
  </si>
  <si>
    <t>0.031021077238353456</t>
  </si>
  <si>
    <t>1394.7999267578125</t>
  </si>
  <si>
    <t>0.036677611626775075</t>
  </si>
  <si>
    <t>29.650001525878906</t>
  </si>
  <si>
    <t>1226.699951171875</t>
  </si>
  <si>
    <t>0.00810990846333759</t>
  </si>
  <si>
    <t>41577</t>
  </si>
  <si>
    <t>29.275001525878906</t>
  </si>
  <si>
    <t>1487.7999267578125</t>
  </si>
  <si>
    <t>-0.07506271468618309</t>
  </si>
  <si>
    <t>29.149999618530273</t>
  </si>
  <si>
    <t>1610.5</t>
  </si>
  <si>
    <t>0.0060666556993318466</t>
  </si>
  <si>
    <t>42563</t>
  </si>
  <si>
    <t>28.724998474121094</t>
  </si>
  <si>
    <t>1855.0001220703125</t>
  </si>
  <si>
    <t>0.01737154581687328</t>
  </si>
  <si>
    <t>28.0648250579834</t>
  </si>
  <si>
    <t>1325.5224609375</t>
  </si>
  <si>
    <t>555.17236328125</t>
  </si>
  <si>
    <t>Buri Ram</t>
  </si>
  <si>
    <t>27.832521438598633</t>
  </si>
  <si>
    <t>1153.2735595703125</t>
  </si>
  <si>
    <t>0.040629920204366066</t>
  </si>
  <si>
    <t>27.781538009643555</t>
  </si>
  <si>
    <t>964.3304443359375</t>
  </si>
  <si>
    <t>0.05265447987597849</t>
  </si>
  <si>
    <t>27.728551864624023</t>
  </si>
  <si>
    <t>942.3582763671875</t>
  </si>
  <si>
    <t>-0.02292479240785994</t>
  </si>
  <si>
    <t>27.745832443237305</t>
  </si>
  <si>
    <t>1231.08203125</t>
  </si>
  <si>
    <t>0.05885212380752236</t>
  </si>
  <si>
    <t>27.657007217407227</t>
  </si>
  <si>
    <t>1287.623291015625</t>
  </si>
  <si>
    <t>0.11611946114769989</t>
  </si>
  <si>
    <t>27.186418533325195</t>
  </si>
  <si>
    <t>1387.2777099609375</t>
  </si>
  <si>
    <t>0.05965983640633521</t>
  </si>
  <si>
    <t>28.055185317993164</t>
  </si>
  <si>
    <t>1121.11669921875</t>
  </si>
  <si>
    <t>-0.05081924839621177</t>
  </si>
  <si>
    <t>28.322359085083008</t>
  </si>
  <si>
    <t>1176.5458984375</t>
  </si>
  <si>
    <t>-0.06611954913489004</t>
  </si>
  <si>
    <t>27.2188777923584</t>
  </si>
  <si>
    <t>1412.6319580078125</t>
  </si>
  <si>
    <t>-0.05539420137934581</t>
  </si>
  <si>
    <t>27.494300842285156</t>
  </si>
  <si>
    <t>1437.0806884765625</t>
  </si>
  <si>
    <t>-0.0778788934263579</t>
  </si>
  <si>
    <t>27.482481002807617</t>
  </si>
  <si>
    <t>1262.779296875</t>
  </si>
  <si>
    <t>-0.016246972663869208</t>
  </si>
  <si>
    <t>27.72502899169922</t>
  </si>
  <si>
    <t>1280.5198974609375</t>
  </si>
  <si>
    <t>0.14589687510015192</t>
  </si>
  <si>
    <t>27.715726852416992</t>
  </si>
  <si>
    <t>1250.5084228515625</t>
  </si>
  <si>
    <t>-0.028347195335896913</t>
  </si>
  <si>
    <t>27.598913192749023</t>
  </si>
  <si>
    <t>1134.30029296875</t>
  </si>
  <si>
    <t>0.043834628974308565</t>
  </si>
  <si>
    <t>27.79743003845215</t>
  </si>
  <si>
    <t>1167.6708984375</t>
  </si>
  <si>
    <t>27.68695640563965</t>
  </si>
  <si>
    <t>1383.8963623046875</t>
  </si>
  <si>
    <t>0.04315164030306384</t>
  </si>
  <si>
    <t>27.563262939453125</t>
  </si>
  <si>
    <t>1355.3831787109375</t>
  </si>
  <si>
    <t>0.054673265199462584</t>
  </si>
  <si>
    <t>27.01636505126953</t>
  </si>
  <si>
    <t>1435.6773681640625</t>
  </si>
  <si>
    <t>0.020929475543489673</t>
  </si>
  <si>
    <t>27.75690460205078</t>
  </si>
  <si>
    <t>1330.4940185546875</t>
  </si>
  <si>
    <t>0.08287662708824328</t>
  </si>
  <si>
    <t>28.01490592956543</t>
  </si>
  <si>
    <t>1251.11962890625</t>
  </si>
  <si>
    <t>0.17824215210179162</t>
  </si>
  <si>
    <t>27.238428115844727</t>
  </si>
  <si>
    <t>1558.7098388671875</t>
  </si>
  <si>
    <t>0.11033317632720419</t>
  </si>
  <si>
    <t>27.999357223510742</t>
  </si>
  <si>
    <t>1117.449462890625</t>
  </si>
  <si>
    <t>0.012422519998557036</t>
  </si>
  <si>
    <t>27.42827796936035</t>
  </si>
  <si>
    <t>1368.3414306640625</t>
  </si>
  <si>
    <t>0.11326569516493912</t>
  </si>
  <si>
    <t>27.829103469848633</t>
  </si>
  <si>
    <t>1151.404541015625</t>
  </si>
  <si>
    <t>-0.06821982952849837</t>
  </si>
  <si>
    <t>28.281938552856445</t>
  </si>
  <si>
    <t>1059.873046875</t>
  </si>
  <si>
    <t>0.05653768499067624</t>
  </si>
  <si>
    <t>28.345504760742188</t>
  </si>
  <si>
    <t>1093.9775390625</t>
  </si>
  <si>
    <t>0.013452230554127809</t>
  </si>
  <si>
    <t>27.740036010742188</t>
  </si>
  <si>
    <t>1562.877197265625</t>
  </si>
  <si>
    <t>0.018881339509777106</t>
  </si>
  <si>
    <t>27.81792640686035</t>
  </si>
  <si>
    <t>1172.642578125</t>
  </si>
  <si>
    <t>-0.049002296193485506</t>
  </si>
  <si>
    <t>28.400041580200195</t>
  </si>
  <si>
    <t>1030.4437255859375</t>
  </si>
  <si>
    <t>0.008268676737058556</t>
  </si>
  <si>
    <t>28.00916290283203</t>
  </si>
  <si>
    <t>-0.07505083621157738</t>
  </si>
  <si>
    <t>27.88135528564453</t>
  </si>
  <si>
    <t>1339.7391357421875</t>
  </si>
  <si>
    <t>0.006043618654372196</t>
  </si>
  <si>
    <t>27.436134338378906</t>
  </si>
  <si>
    <t>1557.3409423828125</t>
  </si>
  <si>
    <t>0.017280430000957026</t>
  </si>
  <si>
    <t>29.003740310668945</t>
  </si>
  <si>
    <t>1656.7628173828125</t>
  </si>
  <si>
    <t>196.411865234375</t>
  </si>
  <si>
    <t>Chachoengsao</t>
  </si>
  <si>
    <t>28.739187240600586</t>
  </si>
  <si>
    <t>1736.7877197265625</t>
  </si>
  <si>
    <t>0.15454199268687852</t>
  </si>
  <si>
    <t>28.737947463989258</t>
  </si>
  <si>
    <t>1527.13818359375</t>
  </si>
  <si>
    <t>0.03922856401825037</t>
  </si>
  <si>
    <t>28.66058349609375</t>
  </si>
  <si>
    <t>1430.1214599609375</t>
  </si>
  <si>
    <t>0.012870692491901536</t>
  </si>
  <si>
    <t>11108</t>
  </si>
  <si>
    <t>28.656105041503906</t>
  </si>
  <si>
    <t>1689.8199462890625</t>
  </si>
  <si>
    <t>0.07338802971801783</t>
  </si>
  <si>
    <t>28.484956741333008</t>
  </si>
  <si>
    <t>2153.87060546875</t>
  </si>
  <si>
    <t>0.07180969034624063</t>
  </si>
  <si>
    <t>28.09864044189453</t>
  </si>
  <si>
    <t>1892.3800048828125</t>
  </si>
  <si>
    <t>0.39719190660425774</t>
  </si>
  <si>
    <t>28.87215232849121</t>
  </si>
  <si>
    <t>1277.123046875</t>
  </si>
  <si>
    <t>-0.026538866699851837</t>
  </si>
  <si>
    <t>14018</t>
  </si>
  <si>
    <t>29.119787216186523</t>
  </si>
  <si>
    <t>1800.975341796875</t>
  </si>
  <si>
    <t>-0.20978608161706624</t>
  </si>
  <si>
    <t>28.015928268432617</t>
  </si>
  <si>
    <t>1974.92333984375</t>
  </si>
  <si>
    <t>-0.01465964741135295</t>
  </si>
  <si>
    <t>28.400136947631836</t>
  </si>
  <si>
    <t>1904.965087890625</t>
  </si>
  <si>
    <t>0.003180112538409219</t>
  </si>
  <si>
    <t>14654</t>
  </si>
  <si>
    <t>28.347150802612305</t>
  </si>
  <si>
    <t>1681.603759765625</t>
  </si>
  <si>
    <t>0.055850652532582146</t>
  </si>
  <si>
    <t>28.653120040893555</t>
  </si>
  <si>
    <t>1656.278076171875</t>
  </si>
  <si>
    <t>0.1485000083184449</t>
  </si>
  <si>
    <t>23812</t>
  </si>
  <si>
    <t>28.598642349243164</t>
  </si>
  <si>
    <t>1833.9949951171875</t>
  </si>
  <si>
    <t>0.33697631123492755</t>
  </si>
  <si>
    <t>26573</t>
  </si>
  <si>
    <t>28.50249671936035</t>
  </si>
  <si>
    <t>1539.0201416015625</t>
  </si>
  <si>
    <t>0.10970600740300185</t>
  </si>
  <si>
    <t>28.678991317749023</t>
  </si>
  <si>
    <t>1780.253662109375</t>
  </si>
  <si>
    <t>-0.11615207046399512</t>
  </si>
  <si>
    <t>26038</t>
  </si>
  <si>
    <t>28.578367233276367</t>
  </si>
  <si>
    <t>1976.2353515625</t>
  </si>
  <si>
    <t>0.09581341724505421</t>
  </si>
  <si>
    <t>29058</t>
  </si>
  <si>
    <t>28.48968505859375</t>
  </si>
  <si>
    <t>2029.971435546875</t>
  </si>
  <si>
    <t>0.10973682317394129</t>
  </si>
  <si>
    <t>27.93732261657715</t>
  </si>
  <si>
    <t>1877.6630859375</t>
  </si>
  <si>
    <t>0.03040242288674122</t>
  </si>
  <si>
    <t>24652</t>
  </si>
  <si>
    <t>28.609338760375977</t>
  </si>
  <si>
    <t>2013.5828857421875</t>
  </si>
  <si>
    <t>-0.19483822243589088</t>
  </si>
  <si>
    <t>28.91766929626465</t>
  </si>
  <si>
    <t>1982.3453369140625</t>
  </si>
  <si>
    <t>0.12698927042736585</t>
  </si>
  <si>
    <t>28.170654296875</t>
  </si>
  <si>
    <t>2154.187744140625</t>
  </si>
  <si>
    <t>0.0671476545795926</t>
  </si>
  <si>
    <t>37829</t>
  </si>
  <si>
    <t>28.84864616394043</t>
  </si>
  <si>
    <t>1620.585693359375</t>
  </si>
  <si>
    <t>0.23408104614154368</t>
  </si>
  <si>
    <t>34206</t>
  </si>
  <si>
    <t>28.303117752075195</t>
  </si>
  <si>
    <t>2112.916015625</t>
  </si>
  <si>
    <t>-0.10067493697100005</t>
  </si>
  <si>
    <t>28.65460968017578</t>
  </si>
  <si>
    <t>1711.462890625</t>
  </si>
  <si>
    <t>-0.018976797540240398</t>
  </si>
  <si>
    <t>29.099884033203125</t>
  </si>
  <si>
    <t>1751.2191162109375</t>
  </si>
  <si>
    <t>-0.04631431138438913</t>
  </si>
  <si>
    <t>32953</t>
  </si>
  <si>
    <t>29.245407104492188</t>
  </si>
  <si>
    <t>1794.5635986328125</t>
  </si>
  <si>
    <t>0.02797234549208838</t>
  </si>
  <si>
    <t>28.6569766998291</t>
  </si>
  <si>
    <t>2261.006103515625</t>
  </si>
  <si>
    <t>-0.03486158173334175</t>
  </si>
  <si>
    <t>28.717422485351562</t>
  </si>
  <si>
    <t>1690.358642578125</t>
  </si>
  <si>
    <t>0.08175258042932043</t>
  </si>
  <si>
    <t>34816</t>
  </si>
  <si>
    <t>29.33197784423828</t>
  </si>
  <si>
    <t>1451.8482666015625</t>
  </si>
  <si>
    <t>0.008103748692541046</t>
  </si>
  <si>
    <t>32299</t>
  </si>
  <si>
    <t>28.940309524536133</t>
  </si>
  <si>
    <t>1882.7841796875</t>
  </si>
  <si>
    <t>-0.07504078123645108</t>
  </si>
  <si>
    <t>28.79652976989746</t>
  </si>
  <si>
    <t>2024.4261474609375</t>
  </si>
  <si>
    <t>0.006049961349285482</t>
  </si>
  <si>
    <t>28.3813533782959</t>
  </si>
  <si>
    <t>2316.27490234375</t>
  </si>
  <si>
    <t>0.017389089780314393</t>
  </si>
  <si>
    <t>1154.39990234375</t>
  </si>
  <si>
    <t>68.91927337646484</t>
  </si>
  <si>
    <t>Chai Nat</t>
  </si>
  <si>
    <t>28.40833282470703</t>
  </si>
  <si>
    <t>967.2999267578125</t>
  </si>
  <si>
    <t>0.061292104319802476</t>
  </si>
  <si>
    <t>28.291664123535156</t>
  </si>
  <si>
    <t>0.030917549154001023</t>
  </si>
  <si>
    <t>1073.10009765625</t>
  </si>
  <si>
    <t>-0.06802201872672242</t>
  </si>
  <si>
    <t>28.274999618530273</t>
  </si>
  <si>
    <t>1176.30029296875</t>
  </si>
  <si>
    <t>0.08692085221746382</t>
  </si>
  <si>
    <t>5729</t>
  </si>
  <si>
    <t>28.100000381469727</t>
  </si>
  <si>
    <t>1525.4000244140625</t>
  </si>
  <si>
    <t>0.13191187837387375</t>
  </si>
  <si>
    <t>1526.3001708984375</t>
  </si>
  <si>
    <t>0.18728391408021672</t>
  </si>
  <si>
    <t>-0.030866647980527517</t>
  </si>
  <si>
    <t>1436.400146484375</t>
  </si>
  <si>
    <t>-0.025092005667517014</t>
  </si>
  <si>
    <t>5694</t>
  </si>
  <si>
    <t>1518.199951171875</t>
  </si>
  <si>
    <t>-0.13745326700276728</t>
  </si>
  <si>
    <t>1488.3001708984375</t>
  </si>
  <si>
    <t>0.0017546942561477152</t>
  </si>
  <si>
    <t>1236.2001953125</t>
  </si>
  <si>
    <t>1268.2999267578125</t>
  </si>
  <si>
    <t>0.022572106509676004</t>
  </si>
  <si>
    <t>1285.5999755859375</t>
  </si>
  <si>
    <t>-0.030210801905475648</t>
  </si>
  <si>
    <t>6050</t>
  </si>
  <si>
    <t>27.974998474121094</t>
  </si>
  <si>
    <t>0.008465483371795202</t>
  </si>
  <si>
    <t>1389.0</t>
  </si>
  <si>
    <t>0.015905885882121495</t>
  </si>
  <si>
    <t>1418.199951171875</t>
  </si>
  <si>
    <t>0.02585451117592008</t>
  </si>
  <si>
    <t>27.958335876464844</t>
  </si>
  <si>
    <t>1403.2999267578125</t>
  </si>
  <si>
    <t>0.03917193385520612</t>
  </si>
  <si>
    <t>27.416664123535156</t>
  </si>
  <si>
    <t>1424.9000244140625</t>
  </si>
  <si>
    <t>0.12278405979842333</t>
  </si>
  <si>
    <t>1489.4000244140625</t>
  </si>
  <si>
    <t>-0.07923408229254747</t>
  </si>
  <si>
    <t>0.08340495951289206</t>
  </si>
  <si>
    <t>1839.4000244140625</t>
  </si>
  <si>
    <t>0.02702151160323929</t>
  </si>
  <si>
    <t>28.399999618530273</t>
  </si>
  <si>
    <t>1294.5</t>
  </si>
  <si>
    <t>0.2231435513142106</t>
  </si>
  <si>
    <t>-0.014532690478203492</t>
  </si>
  <si>
    <t>28.22499656677246</t>
  </si>
  <si>
    <t>1181.099853515625</t>
  </si>
  <si>
    <t>-0.1933077480344565</t>
  </si>
  <si>
    <t>28.691665649414062</t>
  </si>
  <si>
    <t>1143.10009765625</t>
  </si>
  <si>
    <t>-0.06390380197947998</t>
  </si>
  <si>
    <t>28.766664505004883</t>
  </si>
  <si>
    <t>1396.89990234375</t>
  </si>
  <si>
    <t>0.0024664304090045164</t>
  </si>
  <si>
    <t>0.10758876890543867</t>
  </si>
  <si>
    <t>8815</t>
  </si>
  <si>
    <t>1239.0001220703125</t>
  </si>
  <si>
    <t>0.08003325413531392</t>
  </si>
  <si>
    <t>28.850000381469727</t>
  </si>
  <si>
    <t>0.00813471890650419</t>
  </si>
  <si>
    <t>1322.300048828125</t>
  </si>
  <si>
    <t>-0.07510387172812472</t>
  </si>
  <si>
    <t>28.31667137145996</t>
  </si>
  <si>
    <t>1450.800048828125</t>
  </si>
  <si>
    <t>0.006046698795977079</t>
  </si>
  <si>
    <t>1870.7000732421875</t>
  </si>
  <si>
    <t>0.017449946783676396</t>
  </si>
  <si>
    <t>27.420011520385742</t>
  </si>
  <si>
    <t>1255.5487060546875</t>
  </si>
  <si>
    <t>415.844970703125</t>
  </si>
  <si>
    <t>Chaiyaphum</t>
  </si>
  <si>
    <t>27.237192153930664</t>
  </si>
  <si>
    <t>1020.9751586914062</t>
  </si>
  <si>
    <t>0.09698239124837293</t>
  </si>
  <si>
    <t>27.070207595825195</t>
  </si>
  <si>
    <t>915.0861206054688</t>
  </si>
  <si>
    <t>0.05565631853024389</t>
  </si>
  <si>
    <t>27.17176628112793</t>
  </si>
  <si>
    <t>830.653076171875</t>
  </si>
  <si>
    <t>-0.07467716830890492</t>
  </si>
  <si>
    <t>27.115461349487305</t>
  </si>
  <si>
    <t>1253.179931640625</t>
  </si>
  <si>
    <t>0.09761319118577472</t>
  </si>
  <si>
    <t>3460</t>
  </si>
  <si>
    <t>26.9381103515625</t>
  </si>
  <si>
    <t>1123.5682373046875</t>
  </si>
  <si>
    <t>0.1284247181548004</t>
  </si>
  <si>
    <t>26.456619262695312</t>
  </si>
  <si>
    <t>1360.455810546875</t>
  </si>
  <si>
    <t>-0.016905095095964384</t>
  </si>
  <si>
    <t>27.317947387695312</t>
  </si>
  <si>
    <t>1040.3597412109375</t>
  </si>
  <si>
    <t>-0.08077783966282759</t>
  </si>
  <si>
    <t>27.67254638671875</t>
  </si>
  <si>
    <t>988.8812866210938</t>
  </si>
  <si>
    <t>-0.0617804839591134</t>
  </si>
  <si>
    <t>26.55564308166504</t>
  </si>
  <si>
    <t>1254.90380859375</t>
  </si>
  <si>
    <t>-0.07677122864318431</t>
  </si>
  <si>
    <t>2773</t>
  </si>
  <si>
    <t>26.84943389892578</t>
  </si>
  <si>
    <t>1402.808837890625</t>
  </si>
  <si>
    <t>0.014895824925097223</t>
  </si>
  <si>
    <t>26.78647804260254</t>
  </si>
  <si>
    <t>1158.5994873046875</t>
  </si>
  <si>
    <t>0.03959513332642217</t>
  </si>
  <si>
    <t>2890</t>
  </si>
  <si>
    <t>27.042997360229492</t>
  </si>
  <si>
    <t>1211.1458740234375</t>
  </si>
  <si>
    <t>0.0017316021642779234</t>
  </si>
  <si>
    <t>27.041048049926758</t>
  </si>
  <si>
    <t>1045.932861328125</t>
  </si>
  <si>
    <t>0.044331400280193556</t>
  </si>
  <si>
    <t>2975</t>
  </si>
  <si>
    <t>26.84075164794922</t>
  </si>
  <si>
    <t>1035.3533935546875</t>
  </si>
  <si>
    <t>-0.015343863406942049</t>
  </si>
  <si>
    <t>1069.5377197265625</t>
  </si>
  <si>
    <t>-0.0244993539550995</t>
  </si>
  <si>
    <t>26.983413696289062</t>
  </si>
  <si>
    <t>1229.3446044921875</t>
  </si>
  <si>
    <t>0.09270760398163436</t>
  </si>
  <si>
    <t>3407</t>
  </si>
  <si>
    <t>26.892080307006836</t>
  </si>
  <si>
    <t>1230.4755859375</t>
  </si>
  <si>
    <t>0.06737984965470112</t>
  </si>
  <si>
    <t>26.246591567993164</t>
  </si>
  <si>
    <t>1314.990966796875</t>
  </si>
  <si>
    <t>0.002930834454325293</t>
  </si>
  <si>
    <t>27.118066787719727</t>
  </si>
  <si>
    <t>1246.09521484375</t>
  </si>
  <si>
    <t>0.10307520219067712</t>
  </si>
  <si>
    <t>27.397254943847656</t>
  </si>
  <si>
    <t>1029.7738037109375</t>
  </si>
  <si>
    <t>0.09102916602689959</t>
  </si>
  <si>
    <t>26.567304611206055</t>
  </si>
  <si>
    <t>1494.21728515625</t>
  </si>
  <si>
    <t>0.034351358105858765</t>
  </si>
  <si>
    <t>27.3411808013916</t>
  </si>
  <si>
    <t>977.908447265625</t>
  </si>
  <si>
    <t>0.07684890595273508</t>
  </si>
  <si>
    <t>26.769716262817383</t>
  </si>
  <si>
    <t>1200.7308349609375</t>
  </si>
  <si>
    <t>0.05353361241560073</t>
  </si>
  <si>
    <t>27.19681739807129</t>
  </si>
  <si>
    <t>1027.743408203125</t>
  </si>
  <si>
    <t>-0.06241485783841583</t>
  </si>
  <si>
    <t>27.64662742614746</t>
  </si>
  <si>
    <t>955.3767700195312</t>
  </si>
  <si>
    <t>0.0056411518656798165</t>
  </si>
  <si>
    <t>27.671585083007812</t>
  </si>
  <si>
    <t>1048.6605224609375</t>
  </si>
  <si>
    <t>0.061260762246797995</t>
  </si>
  <si>
    <t>27.036888122558594</t>
  </si>
  <si>
    <t>1520.217041015625</t>
  </si>
  <si>
    <t>27.130189895629883</t>
  </si>
  <si>
    <t>1086.067138671875</t>
  </si>
  <si>
    <t>0.024473295639946713</t>
  </si>
  <si>
    <t>27.823854446411133</t>
  </si>
  <si>
    <t>890.4142456054688</t>
  </si>
  <si>
    <t>0.00796198011320648</t>
  </si>
  <si>
    <t>27.381471633911133</t>
  </si>
  <si>
    <t>1147.3504638671875</t>
  </si>
  <si>
    <t>-0.07488196600041164</t>
  </si>
  <si>
    <t>27.190170288085938</t>
  </si>
  <si>
    <t>1190.0001220703125</t>
  </si>
  <si>
    <t>0.006027244682913491</t>
  </si>
  <si>
    <t>26.78122901916504</t>
  </si>
  <si>
    <t>1470.382080078125</t>
  </si>
  <si>
    <t>0.017255974603589408</t>
  </si>
  <si>
    <t>27.77608299255371</t>
  </si>
  <si>
    <t>2857.541259765625</t>
  </si>
  <si>
    <t>175.46420288085938</t>
  </si>
  <si>
    <t>Chanthaburi</t>
  </si>
  <si>
    <t>27.559417724609375</t>
  </si>
  <si>
    <t>2766.6845703125</t>
  </si>
  <si>
    <t>0.0890890839494034</t>
  </si>
  <si>
    <t>27.49537467956543</t>
  </si>
  <si>
    <t>2730.336181640625</t>
  </si>
  <si>
    <t>0.13588307730000082</t>
  </si>
  <si>
    <t>27.421607971191406</t>
  </si>
  <si>
    <t>2414.184326171875</t>
  </si>
  <si>
    <t>0.054460504006300425</t>
  </si>
  <si>
    <t>27.388277053833008</t>
  </si>
  <si>
    <t>3263.11083984375</t>
  </si>
  <si>
    <t>0.04985312604032188</t>
  </si>
  <si>
    <t>27.24213409423828</t>
  </si>
  <si>
    <t>3584.96337890625</t>
  </si>
  <si>
    <t>0.08418930301649397</t>
  </si>
  <si>
    <t>26.84028434753418</t>
  </si>
  <si>
    <t>3187.203857421875</t>
  </si>
  <si>
    <t>-0.04185416388765262</t>
  </si>
  <si>
    <t>27.595993041992188</t>
  </si>
  <si>
    <t>2054.173095703125</t>
  </si>
  <si>
    <t>-0.1024642231129782</t>
  </si>
  <si>
    <t>27.874849319458008</t>
  </si>
  <si>
    <t>3449.8154296875</t>
  </si>
  <si>
    <t>-0.06279207312678992</t>
  </si>
  <si>
    <t>26.82361602783203</t>
  </si>
  <si>
    <t>2924.680419921875</t>
  </si>
  <si>
    <t>-0.07444643890259428</t>
  </si>
  <si>
    <t>27.173616409301758</t>
  </si>
  <si>
    <t>3549.39599609375</t>
  </si>
  <si>
    <t>-0.03185454517779007</t>
  </si>
  <si>
    <t>27.12361717224121</t>
  </si>
  <si>
    <t>2756.64697265625</t>
  </si>
  <si>
    <t>-0.021109465029455876</t>
  </si>
  <si>
    <t>27.433183670043945</t>
  </si>
  <si>
    <t>2870.89111328125</t>
  </si>
  <si>
    <t>0.03531000261273931</t>
  </si>
  <si>
    <t>27.35370635986328</t>
  </si>
  <si>
    <t>3147.4716796875</t>
  </si>
  <si>
    <t>0.027990485516761865</t>
  </si>
  <si>
    <t>5862</t>
  </si>
  <si>
    <t>27.24151611328125</t>
  </si>
  <si>
    <t>2713.781982421875</t>
  </si>
  <si>
    <t>0.055954971851033264</t>
  </si>
  <si>
    <t>27.399232864379883</t>
  </si>
  <si>
    <t>2729.15185546875</t>
  </si>
  <si>
    <t>0.055574461691270116</t>
  </si>
  <si>
    <t>6564</t>
  </si>
  <si>
    <t>27.262659072875977</t>
  </si>
  <si>
    <t>3195.22998046875</t>
  </si>
  <si>
    <t>0.0575348692478741</t>
  </si>
  <si>
    <t>27.207565307617188</t>
  </si>
  <si>
    <t>3924.55615234375</t>
  </si>
  <si>
    <t>0.07085990669120079</t>
  </si>
  <si>
    <t>6890</t>
  </si>
  <si>
    <t>26.689664840698242</t>
  </si>
  <si>
    <t>3076.39599609375</t>
  </si>
  <si>
    <t>-0.02238899489347901</t>
  </si>
  <si>
    <t>27.33704376220703</t>
  </si>
  <si>
    <t>3271.413818359375</t>
  </si>
  <si>
    <t>-0.059038434903003534</t>
  </si>
  <si>
    <t>12403</t>
  </si>
  <si>
    <t>27.62099266052246</t>
  </si>
  <si>
    <t>3488.227783203125</t>
  </si>
  <si>
    <t>0.6469057287106299</t>
  </si>
  <si>
    <t>26.936424255371094</t>
  </si>
  <si>
    <t>3666.923583984375</t>
  </si>
  <si>
    <t>0.3725444840017005</t>
  </si>
  <si>
    <t>27.554941177368164</t>
  </si>
  <si>
    <t>2686.37744140625</t>
  </si>
  <si>
    <t>-0.06791420829009098</t>
  </si>
  <si>
    <t>15752</t>
  </si>
  <si>
    <t>27.094757080078125</t>
  </si>
  <si>
    <t>3671.0927734375</t>
  </si>
  <si>
    <t>-0.0656013132079778</t>
  </si>
  <si>
    <t>15525</t>
  </si>
  <si>
    <t>27.420373916625977</t>
  </si>
  <si>
    <t>2830.0166015625</t>
  </si>
  <si>
    <t>-0.01451571351728198</t>
  </si>
  <si>
    <t>27.904943466186523</t>
  </si>
  <si>
    <t>2908.953125</t>
  </si>
  <si>
    <t>0.004434597067865198</t>
  </si>
  <si>
    <t>28.002473831176758</t>
  </si>
  <si>
    <t>2801.70458984375</t>
  </si>
  <si>
    <t>0.00760217032058641</t>
  </si>
  <si>
    <t>18607</t>
  </si>
  <si>
    <t>27.392133712768555</t>
  </si>
  <si>
    <t>3593.2080078125</t>
  </si>
  <si>
    <t>0.16904945879750954</t>
  </si>
  <si>
    <t>27.50880241394043</t>
  </si>
  <si>
    <t>2851.682373046875</t>
  </si>
  <si>
    <t>-0.1515743271596417</t>
  </si>
  <si>
    <t>28.046607971191406</t>
  </si>
  <si>
    <t>2399.418212890625</t>
  </si>
  <si>
    <t>0.00809721023262</t>
  </si>
  <si>
    <t>27.670991897583008</t>
  </si>
  <si>
    <t>3076.829833984375</t>
  </si>
  <si>
    <t>-0.07508191450075863</t>
  </si>
  <si>
    <t>27.49213409423828</t>
  </si>
  <si>
    <t>3247.542724609375</t>
  </si>
  <si>
    <t>0.006066887504285745</t>
  </si>
  <si>
    <t>27.103708267211914</t>
  </si>
  <si>
    <t>3746.14697265625</t>
  </si>
  <si>
    <t>0.01739518066793444</t>
  </si>
  <si>
    <t>24.48942756652832</t>
  </si>
  <si>
    <t>1255.95703125</t>
  </si>
  <si>
    <t>585.619873046875</t>
  </si>
  <si>
    <t>Chian Mai</t>
  </si>
  <si>
    <t>24.420785903930664</t>
  </si>
  <si>
    <t>1193.79833984375</t>
  </si>
  <si>
    <t>0.012482478792412266</t>
  </si>
  <si>
    <t>24.157663345336914</t>
  </si>
  <si>
    <t>1177.373291015625</t>
  </si>
  <si>
    <t>0.06017697245464504</t>
  </si>
  <si>
    <t>24.279478073120117</t>
  </si>
  <si>
    <t>1030.57470703125</t>
  </si>
  <si>
    <t>0.0396938081314282</t>
  </si>
  <si>
    <t>24.144868850708008</t>
  </si>
  <si>
    <t>1487.017822265625</t>
  </si>
  <si>
    <t>0.06012263366866577</t>
  </si>
  <si>
    <t>24.054899215698242</t>
  </si>
  <si>
    <t>1348.0355224609375</t>
  </si>
  <si>
    <t>0.042089689598117985</t>
  </si>
  <si>
    <t>23.61811065673828</t>
  </si>
  <si>
    <t>1384.8638916015625</t>
  </si>
  <si>
    <t>0.04362886238920716</t>
  </si>
  <si>
    <t>24.4060001373291</t>
  </si>
  <si>
    <t>1236.7344970703125</t>
  </si>
  <si>
    <t>-0.051633789470686864</t>
  </si>
  <si>
    <t>24.81079864501953</t>
  </si>
  <si>
    <t>1056.1209716796875</t>
  </si>
  <si>
    <t>-0.09976088137759653</t>
  </si>
  <si>
    <t>23.65380096435547</t>
  </si>
  <si>
    <t>1368.9510498046875</t>
  </si>
  <si>
    <t>-0.03632304909416284</t>
  </si>
  <si>
    <t>23.927947998046875</t>
  </si>
  <si>
    <t>1368.8551025390625</t>
  </si>
  <si>
    <t>-0.08958289425134325</t>
  </si>
  <si>
    <t>23.846466064453125</t>
  </si>
  <si>
    <t>1386.187744140625</t>
  </si>
  <si>
    <t>0.01608704576571185</t>
  </si>
  <si>
    <t>24.0389461517334</t>
  </si>
  <si>
    <t>1536.05224609375</t>
  </si>
  <si>
    <t>0.09648536671032915</t>
  </si>
  <si>
    <t>6647</t>
  </si>
  <si>
    <t>24.074935913085938</t>
  </si>
  <si>
    <t>1084.088623046875</t>
  </si>
  <si>
    <t>0.013784964177862236</t>
  </si>
  <si>
    <t>6583</t>
  </si>
  <si>
    <t>23.936805725097656</t>
  </si>
  <si>
    <t>1247.5533447265625</t>
  </si>
  <si>
    <t>-0.009675056573705376</t>
  </si>
  <si>
    <t>24.195825576782227</t>
  </si>
  <si>
    <t>1383.7275390625</t>
  </si>
  <si>
    <t>0.01027665081654483</t>
  </si>
  <si>
    <t>24.034446716308594</t>
  </si>
  <si>
    <t>1525.625</t>
  </si>
  <si>
    <t>0.019062379146543407</t>
  </si>
  <si>
    <t>23.976722717285156</t>
  </si>
  <si>
    <t>1366.58544921875</t>
  </si>
  <si>
    <t>-0.00251089416313377</t>
  </si>
  <si>
    <t>23.60627555847168</t>
  </si>
  <si>
    <t>1351.5540771484375</t>
  </si>
  <si>
    <t>-0.004446427957134347</t>
  </si>
  <si>
    <t>24.3425350189209</t>
  </si>
  <si>
    <t>1368.261962890625</t>
  </si>
  <si>
    <t>-0.008952611272114552</t>
  </si>
  <si>
    <t>24.687591552734375</t>
  </si>
  <si>
    <t>1319.8338623046875</t>
  </si>
  <si>
    <t>0.11391197696133304</t>
  </si>
  <si>
    <t>7903</t>
  </si>
  <si>
    <t>23.77635383605957</t>
  </si>
  <si>
    <t>1616.4163818359375</t>
  </si>
  <si>
    <t>0.055410792205060844</t>
  </si>
  <si>
    <t>24.617727279663086</t>
  </si>
  <si>
    <t>1226.7303466796875</t>
  </si>
  <si>
    <t>0.09377909444942034</t>
  </si>
  <si>
    <t>24.15315055847168</t>
  </si>
  <si>
    <t>1473.760009765625</t>
  </si>
  <si>
    <t>-0.017432167168671242</t>
  </si>
  <si>
    <t>24.458322525024414</t>
  </si>
  <si>
    <t>1243.0982666015625</t>
  </si>
  <si>
    <t>0.04649870026331193</t>
  </si>
  <si>
    <t>24.976343154907227</t>
  </si>
  <si>
    <t>1045.950927734375</t>
  </si>
  <si>
    <t>0.025740167300863703</t>
  </si>
  <si>
    <t>9521</t>
  </si>
  <si>
    <t>24.974069595336914</t>
  </si>
  <si>
    <t>1472.0426025390625</t>
  </si>
  <si>
    <t>0.03767165623579061</t>
  </si>
  <si>
    <t>9676</t>
  </si>
  <si>
    <t>24.382883071899414</t>
  </si>
  <si>
    <t>1574.1842041015625</t>
  </si>
  <si>
    <t>0.01614870744422703</t>
  </si>
  <si>
    <t>24.4024715423584</t>
  </si>
  <si>
    <t>1345.83349609375</t>
  </si>
  <si>
    <t>873.3602905273438</t>
  </si>
  <si>
    <t>0.008086031632931423</t>
  </si>
  <si>
    <t>24.806203842163086</t>
  </si>
  <si>
    <t>1070.87744140625</t>
  </si>
  <si>
    <t>-0.0750300840062188</t>
  </si>
  <si>
    <t>24.552072525024414</t>
  </si>
  <si>
    <t>1263.31884765625</t>
  </si>
  <si>
    <t>0.0060161667552520726</t>
  </si>
  <si>
    <t>9670</t>
  </si>
  <si>
    <t>24.164262771606445</t>
  </si>
  <si>
    <t>1638.908935546875</t>
  </si>
  <si>
    <t>0.017420771236023924</t>
  </si>
  <si>
    <t>3401</t>
  </si>
  <si>
    <t>24.615278244018555</t>
  </si>
  <si>
    <t>1593.7293701171875</t>
  </si>
  <si>
    <t>389.1172180175781</t>
  </si>
  <si>
    <t>Chiang Rai</t>
  </si>
  <si>
    <t>24.537145614624023</t>
  </si>
  <si>
    <t>1462.9190673828125</t>
  </si>
  <si>
    <t>0.042596367639301747</t>
  </si>
  <si>
    <t>24.239179611206055</t>
  </si>
  <si>
    <t>1485.968994140625</t>
  </si>
  <si>
    <t>0.04031468073580591</t>
  </si>
  <si>
    <t>24.408531188964844</t>
  </si>
  <si>
    <t>1307.3250732421875</t>
  </si>
  <si>
    <t>0.07806302481807137</t>
  </si>
  <si>
    <t>24.336381912231445</t>
  </si>
  <si>
    <t>1900.6522216796875</t>
  </si>
  <si>
    <t>0.04646312472320169</t>
  </si>
  <si>
    <t>24.250341415405273</t>
  </si>
  <si>
    <t>1693.88525390625</t>
  </si>
  <si>
    <t>-0.00455036110265894</t>
  </si>
  <si>
    <t>4308</t>
  </si>
  <si>
    <t>23.838624954223633</t>
  </si>
  <si>
    <t>1573.9439697265625</t>
  </si>
  <si>
    <t>0.033517416455362437</t>
  </si>
  <si>
    <t>24.64569091796875</t>
  </si>
  <si>
    <t>1445.1947021484375</t>
  </si>
  <si>
    <t>-0.11318013552398476</t>
  </si>
  <si>
    <t>25.093107223510742</t>
  </si>
  <si>
    <t>1391.653564453125</t>
  </si>
  <si>
    <t>-0.06663759467326358</t>
  </si>
  <si>
    <t>23.9993839263916</t>
  </si>
  <si>
    <t>1610.36376953125</t>
  </si>
  <si>
    <t>-0.07289042653226119</t>
  </si>
  <si>
    <t>24.136301040649414</t>
  </si>
  <si>
    <t>1612.0325927734375</t>
  </si>
  <si>
    <t>-0.0026934027953959827</t>
  </si>
  <si>
    <t>24.133508682250977</t>
  </si>
  <si>
    <t>1767.213623046875</t>
  </si>
  <si>
    <t>0.002095495453218632</t>
  </si>
  <si>
    <t>3540</t>
  </si>
  <si>
    <t>24.323049545288086</t>
  </si>
  <si>
    <t>1774.1044921875</t>
  </si>
  <si>
    <t>0.0569590319232276</t>
  </si>
  <si>
    <t>3632</t>
  </si>
  <si>
    <t>24.390783309936523</t>
  </si>
  <si>
    <t>1349.8492431640625</t>
  </si>
  <si>
    <t>0.025656733593363512</t>
  </si>
  <si>
    <t>24.15363121032715</t>
  </si>
  <si>
    <t>1509.3787841796875</t>
  </si>
  <si>
    <t>0.05906860490497401</t>
  </si>
  <si>
    <t>24.5172061920166</t>
  </si>
  <si>
    <t>1682.923828125</t>
  </si>
  <si>
    <t>0.049864815474427004</t>
  </si>
  <si>
    <t>24.3619384765625</t>
  </si>
  <si>
    <t>1868.2701416015625</t>
  </si>
  <si>
    <t>-0.053765483532940195</t>
  </si>
  <si>
    <t>4229</t>
  </si>
  <si>
    <t>24.27341651916504</t>
  </si>
  <si>
    <t>1671.896240234375</t>
  </si>
  <si>
    <t>0.09701416090484472</t>
  </si>
  <si>
    <t>4559</t>
  </si>
  <si>
    <t>23.870988845825195</t>
  </si>
  <si>
    <t>1624.792724609375</t>
  </si>
  <si>
    <t>0.07513774274095297</t>
  </si>
  <si>
    <t>24.722402572631836</t>
  </si>
  <si>
    <t>1490.932861328125</t>
  </si>
  <si>
    <t>-0.009476654943888718</t>
  </si>
  <si>
    <t>24.947616577148438</t>
  </si>
  <si>
    <t>1595.4090576171875</t>
  </si>
  <si>
    <t>0.11294901055713957</t>
  </si>
  <si>
    <t>24.040163040161133</t>
  </si>
  <si>
    <t>1898.005859375</t>
  </si>
  <si>
    <t>0.054275394137777155</t>
  </si>
  <si>
    <t>24.963842391967773</t>
  </si>
  <si>
    <t>1601.180419921875</t>
  </si>
  <si>
    <t>0.15548790021319725</t>
  </si>
  <si>
    <t>24.412246704101562</t>
  </si>
  <si>
    <t>1850.7459716796875</t>
  </si>
  <si>
    <t>0.03559991620677572</t>
  </si>
  <si>
    <t>24.7725887298584</t>
  </si>
  <si>
    <t>1543.4957275390625</t>
  </si>
  <si>
    <t>-0.019217840100276717</t>
  </si>
  <si>
    <t>6461</t>
  </si>
  <si>
    <t>25.202131271362305</t>
  </si>
  <si>
    <t>1522.06640625</t>
  </si>
  <si>
    <t>0.019063077273999696</t>
  </si>
  <si>
    <t>25.201026916503906</t>
  </si>
  <si>
    <t>1906.2138671875</t>
  </si>
  <si>
    <t>0.01885835879873987</t>
  </si>
  <si>
    <t>24.55335807800293</t>
  </si>
  <si>
    <t>1814.4683837890625</t>
  </si>
  <si>
    <t>0.019850275840525455</t>
  </si>
  <si>
    <t>24.627601623535156</t>
  </si>
  <si>
    <t>1785.5577392578125</t>
  </si>
  <si>
    <t>0.04896031901074771</t>
  </si>
  <si>
    <t>25.347198486328125</t>
  </si>
  <si>
    <t>939.1810302734375</t>
  </si>
  <si>
    <t>0.008189822675339187</t>
  </si>
  <si>
    <t>6596</t>
  </si>
  <si>
    <t>24.93968963623047</t>
  </si>
  <si>
    <t>1254.8538818359375</t>
  </si>
  <si>
    <t>-0.07517947620402943</t>
  </si>
  <si>
    <t>24.7855224609375</t>
  </si>
  <si>
    <t>1468.32861328125</t>
  </si>
  <si>
    <t>0.006196649466435389</t>
  </si>
  <si>
    <t>24.36241912841797</t>
  </si>
  <si>
    <t>1741.6451416015625</t>
  </si>
  <si>
    <t>0.0173267964289181</t>
  </si>
  <si>
    <t>28.73332977294922</t>
  </si>
  <si>
    <t>1431.2000732421875</t>
  </si>
  <si>
    <t>178.716552734375</t>
  </si>
  <si>
    <t>Chon Buri</t>
  </si>
  <si>
    <t>28.441667556762695</t>
  </si>
  <si>
    <t>1525.199951171875</t>
  </si>
  <si>
    <t>0.19622051830875087</t>
  </si>
  <si>
    <t>28.474998474121094</t>
  </si>
  <si>
    <t>1410.300048828125</t>
  </si>
  <si>
    <t>0.017304144342530137</t>
  </si>
  <si>
    <t>28.375</t>
  </si>
  <si>
    <t>1246.10009765625</t>
  </si>
  <si>
    <t>0.18201663728622108</t>
  </si>
  <si>
    <t>28.408334732055664</t>
  </si>
  <si>
    <t>1556.2999267578125</t>
  </si>
  <si>
    <t>0.09405431032464584</t>
  </si>
  <si>
    <t>1915.10009765625</t>
  </si>
  <si>
    <t>0.09776931748479889</t>
  </si>
  <si>
    <t>1852.600341796875</t>
  </si>
  <si>
    <t>0.05660641016607215</t>
  </si>
  <si>
    <t>28.616666793823242</t>
  </si>
  <si>
    <t>1239.2999267578125</t>
  </si>
  <si>
    <t>-0.054261902542819485</t>
  </si>
  <si>
    <t>28.858335494995117</t>
  </si>
  <si>
    <t>1665.2999267578125</t>
  </si>
  <si>
    <t>-0.13616752762782092</t>
  </si>
  <si>
    <t>25221</t>
  </si>
  <si>
    <t>27.774999618530273</t>
  </si>
  <si>
    <t>1862.60009765625</t>
  </si>
  <si>
    <t>-0.0193586098407863</t>
  </si>
  <si>
    <t>1598.5999755859375</t>
  </si>
  <si>
    <t>0.03594273785632218</t>
  </si>
  <si>
    <t>28072</t>
  </si>
  <si>
    <t>1520.7003173828125</t>
  </si>
  <si>
    <t>0.07115291960332115</t>
  </si>
  <si>
    <t>28.42500114440918</t>
  </si>
  <si>
    <t>1514.800048828125</t>
  </si>
  <si>
    <t>0.05225820346366383</t>
  </si>
  <si>
    <t>28.375001907348633</t>
  </si>
  <si>
    <t>1604.7999267578125</t>
  </si>
  <si>
    <t>0.005562968443410199</t>
  </si>
  <si>
    <t>1344.7999267578125</t>
  </si>
  <si>
    <t>-0.001345759379500322</t>
  </si>
  <si>
    <t>28.41666603088379</t>
  </si>
  <si>
    <t>0.12571551922537516</t>
  </si>
  <si>
    <t>36128</t>
  </si>
  <si>
    <t>1884.9000244140625</t>
  </si>
  <si>
    <t>0.07010461793338862</t>
  </si>
  <si>
    <t>1654.5999755859375</t>
  </si>
  <si>
    <t>0.03380005553014165</t>
  </si>
  <si>
    <t>27.70000457763672</t>
  </si>
  <si>
    <t>1740.3001708984375</t>
  </si>
  <si>
    <t>-0.0589418666478565</t>
  </si>
  <si>
    <t>1763.300048828125</t>
  </si>
  <si>
    <t>-0.0044377508610118355</t>
  </si>
  <si>
    <t>0.016092203761949975</t>
  </si>
  <si>
    <t>34180</t>
  </si>
  <si>
    <t>1809.8004150390625</t>
  </si>
  <si>
    <t>-0.041940152063029146</t>
  </si>
  <si>
    <t>1479.300048828125</t>
  </si>
  <si>
    <t>-0.06200613447206038</t>
  </si>
  <si>
    <t>33844</t>
  </si>
  <si>
    <t>1890.6002197265625</t>
  </si>
  <si>
    <t>0.052127187846869205</t>
  </si>
  <si>
    <t>35024</t>
  </si>
  <si>
    <t>1509.9000244140625</t>
  </si>
  <si>
    <t>0.03427180971825372</t>
  </si>
  <si>
    <t>36938</t>
  </si>
  <si>
    <t>1618.7999267578125</t>
  </si>
  <si>
    <t>0.05320729067321217</t>
  </si>
  <si>
    <t>1678.300048828125</t>
  </si>
  <si>
    <t>0.076383329939544</t>
  </si>
  <si>
    <t>1968.8001708984375</t>
  </si>
  <si>
    <t>0.007222413281784412</t>
  </si>
  <si>
    <t>41689</t>
  </si>
  <si>
    <t>0.03739073036245344</t>
  </si>
  <si>
    <t>29.06667137145996</t>
  </si>
  <si>
    <t>0.008098757789026578</t>
  </si>
  <si>
    <t>28.674997329711914</t>
  </si>
  <si>
    <t>1700.6002197265625</t>
  </si>
  <si>
    <t>-0.07505650776287709</t>
  </si>
  <si>
    <t>28.54166603088379</t>
  </si>
  <si>
    <t>1831.60009765625</t>
  </si>
  <si>
    <t>0.006060237175669059</t>
  </si>
  <si>
    <t>2114.60009765625</t>
  </si>
  <si>
    <t>0.017387347306472734</t>
  </si>
  <si>
    <t>27.612565994262695</t>
  </si>
  <si>
    <t>2223.659423828125</t>
  </si>
  <si>
    <t>225.7889404296875</t>
  </si>
  <si>
    <t>Chumphon</t>
  </si>
  <si>
    <t>27.391881942749023</t>
  </si>
  <si>
    <t>2607.445068359375</t>
  </si>
  <si>
    <t>0.09257124195254285</t>
  </si>
  <si>
    <t>27.387426376342773</t>
  </si>
  <si>
    <t>2295.16552734375</t>
  </si>
  <si>
    <t>-0.01600616201739058</t>
  </si>
  <si>
    <t>27.27107048034668</t>
  </si>
  <si>
    <t>2468.869873046875</t>
  </si>
  <si>
    <t>0.058919076222244016</t>
  </si>
  <si>
    <t>27.291784286499023</t>
  </si>
  <si>
    <t>2933.2275390625</t>
  </si>
  <si>
    <t>0.10430550816627182</t>
  </si>
  <si>
    <t>27.193681716918945</t>
  </si>
  <si>
    <t>2868.984619140625</t>
  </si>
  <si>
    <t>0.03834579624453305</t>
  </si>
  <si>
    <t>26.824975967407227</t>
  </si>
  <si>
    <t>2934.8505859375</t>
  </si>
  <si>
    <t>0.15222179091183818</t>
  </si>
  <si>
    <t>27.50188446044922</t>
  </si>
  <si>
    <t>2516.791748046875</t>
  </si>
  <si>
    <t>-0.10166317880726083</t>
  </si>
  <si>
    <t>27.774803161621094</t>
  </si>
  <si>
    <t>3141.153564453125</t>
  </si>
  <si>
    <t>0.02906895683747379</t>
  </si>
  <si>
    <t>6714</t>
  </si>
  <si>
    <t>26.74776268005371</t>
  </si>
  <si>
    <t>3002.8017578125</t>
  </si>
  <si>
    <t>-0.0733523354406529</t>
  </si>
  <si>
    <t>27.11418914794922</t>
  </si>
  <si>
    <t>2945.05810546875</t>
  </si>
  <si>
    <t>-0.10133064959768312</t>
  </si>
  <si>
    <t>27.066604614257812</t>
  </si>
  <si>
    <t>2967.88671875</t>
  </si>
  <si>
    <t>-0.03813345212002517</t>
  </si>
  <si>
    <t>27.35190773010254</t>
  </si>
  <si>
    <t>2574.3798828125</t>
  </si>
  <si>
    <t>0.08435373900718979</t>
  </si>
  <si>
    <t>27.30609893798828</t>
  </si>
  <si>
    <t>2888.32763671875</t>
  </si>
  <si>
    <t>0.1056437616588699</t>
  </si>
  <si>
    <t>27.193819046020508</t>
  </si>
  <si>
    <t>2259.43359375</t>
  </si>
  <si>
    <t>0.06867185329001657</t>
  </si>
  <si>
    <t>27.279020309448242</t>
  </si>
  <si>
    <t>2641.870361328125</t>
  </si>
  <si>
    <t>0.04080084146733931</t>
  </si>
  <si>
    <t>27.158065795898438</t>
  </si>
  <si>
    <t>2923.652099609375</t>
  </si>
  <si>
    <t>0.026551340562152248</t>
  </si>
  <si>
    <t>27.12895393371582</t>
  </si>
  <si>
    <t>3076.095947265625</t>
  </si>
  <si>
    <t>0.034021018852216756</t>
  </si>
  <si>
    <t>9167</t>
  </si>
  <si>
    <t>26.666091918945312</t>
  </si>
  <si>
    <t>2431.117431640625</t>
  </si>
  <si>
    <t>0.09083672730171877</t>
  </si>
  <si>
    <t>27.245689392089844</t>
  </si>
  <si>
    <t>2670.76171875</t>
  </si>
  <si>
    <t>-0.08286476527749187</t>
  </si>
  <si>
    <t>10475</t>
  </si>
  <si>
    <t>27.556167602539062</t>
  </si>
  <si>
    <t>2550.501708984375</t>
  </si>
  <si>
    <t>0.2162461521060557</t>
  </si>
  <si>
    <t>26.905855178833008</t>
  </si>
  <si>
    <t>3075.728515625</t>
  </si>
  <si>
    <t>0.1395751448112854</t>
  </si>
  <si>
    <t>27.443689346313477</t>
  </si>
  <si>
    <t>2908.077880859375</t>
  </si>
  <si>
    <t>-0.04084275195920384</t>
  </si>
  <si>
    <t>27.031503677368164</t>
  </si>
  <si>
    <t>3091.93115234375</t>
  </si>
  <si>
    <t>0.015874030181464605</t>
  </si>
  <si>
    <t>27.329023361206055</t>
  </si>
  <si>
    <t>2576.59423828125</t>
  </si>
  <si>
    <t>-0.027706428539477912</t>
  </si>
  <si>
    <t>27.762529373168945</t>
  </si>
  <si>
    <t>3214.580322265625</t>
  </si>
  <si>
    <t>-0.030028017854723643</t>
  </si>
  <si>
    <t>27.928682327270508</t>
  </si>
  <si>
    <t>3154.041748046875</t>
  </si>
  <si>
    <t>0.14615653581477694</t>
  </si>
  <si>
    <t>27.328920364379883</t>
  </si>
  <si>
    <t>2849.354248046875</t>
  </si>
  <si>
    <t>-0.003747369519173205</t>
  </si>
  <si>
    <t>12960</t>
  </si>
  <si>
    <t>27.395723342895508</t>
  </si>
  <si>
    <t>3083.3154296875</t>
  </si>
  <si>
    <t>0.013595082180977158</t>
  </si>
  <si>
    <t>27.897764205932617</t>
  </si>
  <si>
    <t>2455.13623046875</t>
  </si>
  <si>
    <t>0.008069208048448573</t>
  </si>
  <si>
    <t>27.579023361206055</t>
  </si>
  <si>
    <t>2761.650634765625</t>
  </si>
  <si>
    <t>-0.07507991833140792</t>
  </si>
  <si>
    <t>27.405824661254883</t>
  </si>
  <si>
    <t>2795.2607421875</t>
  </si>
  <si>
    <t>0.0060870468444562675</t>
  </si>
  <si>
    <t>12408</t>
  </si>
  <si>
    <t>27.064498901367188</t>
  </si>
  <si>
    <t>3652.0732421875</t>
  </si>
  <si>
    <t>0.01739739838861354</t>
  </si>
  <si>
    <t>27.276697158813477</t>
  </si>
  <si>
    <t>1487.68212890625</t>
  </si>
  <si>
    <t>237.87832641601562</t>
  </si>
  <si>
    <t>Kalasin</t>
  </si>
  <si>
    <t>27.106666564941406</t>
  </si>
  <si>
    <t>1228.986083984375</t>
  </si>
  <si>
    <t>0.051739424218728125</t>
  </si>
  <si>
    <t>2494</t>
  </si>
  <si>
    <t>26.96660804748535</t>
  </si>
  <si>
    <t>1239.6591796875</t>
  </si>
  <si>
    <t>0.05522622822032641</t>
  </si>
  <si>
    <t>27.040002822875977</t>
  </si>
  <si>
    <t>1108.57080078125</t>
  </si>
  <si>
    <t>-0.023120072614776</t>
  </si>
  <si>
    <t>26.977767944335938</t>
  </si>
  <si>
    <t>1548.791748046875</t>
  </si>
  <si>
    <t>0.05430475865653861</t>
  </si>
  <si>
    <t>26.787710189819336</t>
  </si>
  <si>
    <t>1333.5479736328125</t>
  </si>
  <si>
    <t>0.12616855857237042</t>
  </si>
  <si>
    <t>26.328840255737305</t>
  </si>
  <si>
    <t>1449.3536376953125</t>
  </si>
  <si>
    <t>0.03864078905436319</t>
  </si>
  <si>
    <t>27.168899536132812</t>
  </si>
  <si>
    <t>1226.351318359375</t>
  </si>
  <si>
    <t>-0.059409967586166346</t>
  </si>
  <si>
    <t>27.560028076171875</t>
  </si>
  <si>
    <t>1167.803955078125</t>
  </si>
  <si>
    <t>0.02691673887630852</t>
  </si>
  <si>
    <t>26.47723388671875</t>
  </si>
  <si>
    <t>1533.58154296875</t>
  </si>
  <si>
    <t>-0.14051128673393976</t>
  </si>
  <si>
    <t>26.737709045410156</t>
  </si>
  <si>
    <t>1502.796875</t>
  </si>
  <si>
    <t>0.018634079544892934</t>
  </si>
  <si>
    <t>26.698867797851562</t>
  </si>
  <si>
    <t>1505.9918212890625</t>
  </si>
  <si>
    <t>-0.014723241552894173</t>
  </si>
  <si>
    <t>26.957738876342773</t>
  </si>
  <si>
    <t>1647.6337890625</t>
  </si>
  <si>
    <t>26.974943161010742</t>
  </si>
  <si>
    <t>1379.6392822265625</t>
  </si>
  <si>
    <t>0.06756162860083403</t>
  </si>
  <si>
    <t>26.754913330078125</t>
  </si>
  <si>
    <t>1358.8475341796875</t>
  </si>
  <si>
    <t>0.03182954886238676</t>
  </si>
  <si>
    <t>1358.9764404296875</t>
  </si>
  <si>
    <t>-0.016743401727746132</t>
  </si>
  <si>
    <t>26.983810424804688</t>
  </si>
  <si>
    <t>1385.630615234375</t>
  </si>
  <si>
    <t>0.07869399058928472</t>
  </si>
  <si>
    <t>26.84886932373047</t>
  </si>
  <si>
    <t>1479.5404052734375</t>
  </si>
  <si>
    <t>0.07103240780737075</t>
  </si>
  <si>
    <t>3478</t>
  </si>
  <si>
    <t>26.17937660217285</t>
  </si>
  <si>
    <t>1678.166015625</t>
  </si>
  <si>
    <t>-0.04717326032437974</t>
  </si>
  <si>
    <t>27.152236938476562</t>
  </si>
  <si>
    <t>1391.9610595703125</t>
  </si>
  <si>
    <t>0.11374961042448106</t>
  </si>
  <si>
    <t>27.33220672607422</t>
  </si>
  <si>
    <t>1381.7789306640625</t>
  </si>
  <si>
    <t>0.11752639508009999</t>
  </si>
  <si>
    <t>26.48717498779297</t>
  </si>
  <si>
    <t>1744.66748046875</t>
  </si>
  <si>
    <t>0.05870359811293824</t>
  </si>
  <si>
    <t>27.35613250732422</t>
  </si>
  <si>
    <t>1198.05859375</t>
  </si>
  <si>
    <t>0.06011826705347545</t>
  </si>
  <si>
    <t>26.73381233215332</t>
  </si>
  <si>
    <t>1386.0177001953125</t>
  </si>
  <si>
    <t>0.04069232647028187</t>
  </si>
  <si>
    <t>27.18610191345215</t>
  </si>
  <si>
    <t>1208.6864013671875</t>
  </si>
  <si>
    <t>-0.05230733223966766</t>
  </si>
  <si>
    <t>27.65009117126465</t>
  </si>
  <si>
    <t>1132.5655517578125</t>
  </si>
  <si>
    <t>-0.002257105708419971</t>
  </si>
  <si>
    <t>27.583810806274414</t>
  </si>
  <si>
    <t>1134.8714599609375</t>
  </si>
  <si>
    <t>0.04046038436493227</t>
  </si>
  <si>
    <t>26.894433975219727</t>
  </si>
  <si>
    <t>1623.798583984375</t>
  </si>
  <si>
    <t>0.02050252427362409</t>
  </si>
  <si>
    <t>27.035568237304688</t>
  </si>
  <si>
    <t>1319.087158203125</t>
  </si>
  <si>
    <t>0.0506842956882263</t>
  </si>
  <si>
    <t>27.771188735961914</t>
  </si>
  <si>
    <t>1172.953857421875</t>
  </si>
  <si>
    <t>0.008051278624774838</t>
  </si>
  <si>
    <t>27.286638259887695</t>
  </si>
  <si>
    <t>1287.3929443359375</t>
  </si>
  <si>
    <t>-0.07510382751440581</t>
  </si>
  <si>
    <t>27.13663673400879</t>
  </si>
  <si>
    <t>1253.451904296875</t>
  </si>
  <si>
    <t>0.006071901917980682</t>
  </si>
  <si>
    <t>26.699941635131836</t>
  </si>
  <si>
    <t>1717.9827880859375</t>
  </si>
  <si>
    <t>0.01742204344666476</t>
  </si>
  <si>
    <t>27.90049934387207</t>
  </si>
  <si>
    <t>1144.641357421875</t>
  </si>
  <si>
    <t>153.54708862304688</t>
  </si>
  <si>
    <t>Kam Phaeng Phet</t>
  </si>
  <si>
    <t>27.6838321685791</t>
  </si>
  <si>
    <t>959.9762573242188</t>
  </si>
  <si>
    <t>0.03161182763434667</t>
  </si>
  <si>
    <t>5377</t>
  </si>
  <si>
    <t>27.56983757019043</t>
  </si>
  <si>
    <t>1043.3328857421875</t>
  </si>
  <si>
    <t>0.08294506185779227</t>
  </si>
  <si>
    <t>27.592164993286133</t>
  </si>
  <si>
    <t>880.1600952148438</t>
  </si>
  <si>
    <t>-0.13797815209207087</t>
  </si>
  <si>
    <t>27.54499626159668</t>
  </si>
  <si>
    <t>1173.3421630859375</t>
  </si>
  <si>
    <t>0.047935828363517174</t>
  </si>
  <si>
    <t>5091</t>
  </si>
  <si>
    <t>27.4060001373291</t>
  </si>
  <si>
    <t>1246.1759033203125</t>
  </si>
  <si>
    <t>0.03538600082121235</t>
  </si>
  <si>
    <t>26.9115047454834</t>
  </si>
  <si>
    <t>1450.223876953125</t>
  </si>
  <si>
    <t>0.10789119411169068</t>
  </si>
  <si>
    <t>27.7865047454834</t>
  </si>
  <si>
    <t>1041.1527099609375</t>
  </si>
  <si>
    <t>-0.0627649816401501</t>
  </si>
  <si>
    <t>28.053171157836914</t>
  </si>
  <si>
    <t>1005.73291015625</t>
  </si>
  <si>
    <t>-0.045519139785044516</t>
  </si>
  <si>
    <t>26.875341415405273</t>
  </si>
  <si>
    <t>1421.7626953125</t>
  </si>
  <si>
    <t>-0.04132156252717323</t>
  </si>
  <si>
    <t>27.200498580932617</t>
  </si>
  <si>
    <t>1309.7269287109375</t>
  </si>
  <si>
    <t>0.1289386380120714</t>
  </si>
  <si>
    <t>5105</t>
  </si>
  <si>
    <t>27.114334106445312</t>
  </si>
  <si>
    <t>1200.4324951171875</t>
  </si>
  <si>
    <t>-0.08447797147496416</t>
  </si>
  <si>
    <t>27.436662673950195</t>
  </si>
  <si>
    <t>1316.072265625</t>
  </si>
  <si>
    <t>0.26979533638127684</t>
  </si>
  <si>
    <t>27.461502075195312</t>
  </si>
  <si>
    <t>1052.5421142578125</t>
  </si>
  <si>
    <t>0.23095027133532042</t>
  </si>
  <si>
    <t>8291</t>
  </si>
  <si>
    <t>27.264333724975586</t>
  </si>
  <si>
    <t>1031.888671875</t>
  </si>
  <si>
    <t>-0.015795470199146067</t>
  </si>
  <si>
    <t>27.50600242614746</t>
  </si>
  <si>
    <t>1129.17919921875</t>
  </si>
  <si>
    <t>0.022893571691517067</t>
  </si>
  <si>
    <t>27.34483528137207</t>
  </si>
  <si>
    <t>1412.6126708984375</t>
  </si>
  <si>
    <t>0.0704300087688523</t>
  </si>
  <si>
    <t>27.23650360107422</t>
  </si>
  <si>
    <t>1158.1260986328125</t>
  </si>
  <si>
    <t>0.04248178966636473</t>
  </si>
  <si>
    <t>26.71433448791504</t>
  </si>
  <si>
    <t>1219.1798095703125</t>
  </si>
  <si>
    <t>0.040548186373806416</t>
  </si>
  <si>
    <t>27.43383026123047</t>
  </si>
  <si>
    <t>1404.6416015625</t>
  </si>
  <si>
    <t>-0.0566827047270948</t>
  </si>
  <si>
    <t>27.758832931518555</t>
  </si>
  <si>
    <t>1179.9139404296875</t>
  </si>
  <si>
    <t>0.0500887168477977</t>
  </si>
  <si>
    <t>26.978330612182617</t>
  </si>
  <si>
    <t>1603.625732421875</t>
  </si>
  <si>
    <t>-0.005818420946921421</t>
  </si>
  <si>
    <t>27.70600128173828</t>
  </si>
  <si>
    <t>1085.8614501953125</t>
  </si>
  <si>
    <t>0.21136271728306077</t>
  </si>
  <si>
    <t>27.13933563232422</t>
  </si>
  <si>
    <t>1244.3388671875</t>
  </si>
  <si>
    <t>0.03477407497991436</t>
  </si>
  <si>
    <t>27.536500930786133</t>
  </si>
  <si>
    <t>1093.6927490234375</t>
  </si>
  <si>
    <t>-0.11461653199419786</t>
  </si>
  <si>
    <t>28.011505126953125</t>
  </si>
  <si>
    <t>970.0040283203125</t>
  </si>
  <si>
    <t>-0.08481877796392645</t>
  </si>
  <si>
    <t>10433</t>
  </si>
  <si>
    <t>28.075180053710938</t>
  </si>
  <si>
    <t>1205.599365234375</t>
  </si>
  <si>
    <t>0.019160640372579252</t>
  </si>
  <si>
    <t>1632.17578125</t>
  </si>
  <si>
    <t>0.008684503692213852</t>
  </si>
  <si>
    <t>27.52549934387207</t>
  </si>
  <si>
    <t>1064.9365234375</t>
  </si>
  <si>
    <t>0.05238543818422947</t>
  </si>
  <si>
    <t>11181</t>
  </si>
  <si>
    <t>28.144996643066406</t>
  </si>
  <si>
    <t>912.6063232421875</t>
  </si>
  <si>
    <t>0.008172107802954187</t>
  </si>
  <si>
    <t>27.800498962402344</t>
  </si>
  <si>
    <t>1115.2401123046875</t>
  </si>
  <si>
    <t>-0.07510604148881228</t>
  </si>
  <si>
    <t>27.600496292114258</t>
  </si>
  <si>
    <t>1244.9310302734375</t>
  </si>
  <si>
    <t>0.006055672852745886</t>
  </si>
  <si>
    <t>27.19499397277832</t>
  </si>
  <si>
    <t>1739.7596435546875</t>
  </si>
  <si>
    <t>0.017385133632314975</t>
  </si>
  <si>
    <t>27.413938522338867</t>
  </si>
  <si>
    <t>1795.8717041015625</t>
  </si>
  <si>
    <t>305.9719543457031</t>
  </si>
  <si>
    <t>Kanchanaburi</t>
  </si>
  <si>
    <t>27.16277313232422</t>
  </si>
  <si>
    <t>2089.83349609375</t>
  </si>
  <si>
    <t>0.03995798500787551</t>
  </si>
  <si>
    <t>27.127656936645508</t>
  </si>
  <si>
    <t>1979.5556640625</t>
  </si>
  <si>
    <t>-0.014711202273090862</t>
  </si>
  <si>
    <t>6832</t>
  </si>
  <si>
    <t>27.101425170898438</t>
  </si>
  <si>
    <t>1633.594482421875</t>
  </si>
  <si>
    <t>-0.0552374964184672</t>
  </si>
  <si>
    <t>27.091659545898438</t>
  </si>
  <si>
    <t>2279.40576171875</t>
  </si>
  <si>
    <t>0.07430659745819312</t>
  </si>
  <si>
    <t>7968</t>
  </si>
  <si>
    <t>26.920019149780273</t>
  </si>
  <si>
    <t>2395.68310546875</t>
  </si>
  <si>
    <t>0.07950946633783573</t>
  </si>
  <si>
    <t>26.47373390197754</t>
  </si>
  <si>
    <t>2776.238525390625</t>
  </si>
  <si>
    <t>0.172167264378988</t>
  </si>
  <si>
    <t>27.265167236328125</t>
  </si>
  <si>
    <t>1721.30322265625</t>
  </si>
  <si>
    <t>-0.07866137653715732</t>
  </si>
  <si>
    <t>7672</t>
  </si>
  <si>
    <t>27.519973754882812</t>
  </si>
  <si>
    <t>2039.3656005859375</t>
  </si>
  <si>
    <t>-0.1313620705429912</t>
  </si>
  <si>
    <t>7633</t>
  </si>
  <si>
    <t>26.404647827148438</t>
  </si>
  <si>
    <t>2213.8818359375</t>
  </si>
  <si>
    <t>-0.005096384764803119</t>
  </si>
  <si>
    <t>26.782373428344727</t>
  </si>
  <si>
    <t>2159.237060546875</t>
  </si>
  <si>
    <t>-0.0774694895146748</t>
  </si>
  <si>
    <t>26.721633911132812</t>
  </si>
  <si>
    <t>1897.6109619140625</t>
  </si>
  <si>
    <t>-0.038383012027734864</t>
  </si>
  <si>
    <t>7283</t>
  </si>
  <si>
    <t>27.01679801940918</t>
  </si>
  <si>
    <t>2160.369140625</t>
  </si>
  <si>
    <t>0.06891441396185449</t>
  </si>
  <si>
    <t>26.983530044555664</t>
  </si>
  <si>
    <t>2125.587890625</t>
  </si>
  <si>
    <t>0.005477214843153888</t>
  </si>
  <si>
    <t>7280</t>
  </si>
  <si>
    <t>26.86609649658203</t>
  </si>
  <si>
    <t>2066.75244140625</t>
  </si>
  <si>
    <t>-0.00588921787033847</t>
  </si>
  <si>
    <t>27.048830032348633</t>
  </si>
  <si>
    <t>2168.843505859375</t>
  </si>
  <si>
    <t>0.0024694758056611477</t>
  </si>
  <si>
    <t>26.9251766204834</t>
  </si>
  <si>
    <t>2469.805908203125</t>
  </si>
  <si>
    <t>0.04540451789199196</t>
  </si>
  <si>
    <t>26.84437370300293</t>
  </si>
  <si>
    <t>2276.733642578125</t>
  </si>
  <si>
    <t>0.048933565972175685</t>
  </si>
  <si>
    <t>26.30390739440918</t>
  </si>
  <si>
    <t>2233.678955078125</t>
  </si>
  <si>
    <t>-0.05563397861171637</t>
  </si>
  <si>
    <t>26.99455451965332</t>
  </si>
  <si>
    <t>2622.2822265625</t>
  </si>
  <si>
    <t>0.03293439109561014</t>
  </si>
  <si>
    <t>27.30577850341797</t>
  </si>
  <si>
    <t>2345.7900390625</t>
  </si>
  <si>
    <t>0.048668679628191214</t>
  </si>
  <si>
    <t>8170</t>
  </si>
  <si>
    <t>26.539955139160156</t>
  </si>
  <si>
    <t>2648.554931640625</t>
  </si>
  <si>
    <t>-0.007438605118595731</t>
  </si>
  <si>
    <t>27.237205505371094</t>
  </si>
  <si>
    <t>2020.579345703125</t>
  </si>
  <si>
    <t>0.04919807769742057</t>
  </si>
  <si>
    <t>26.670812606811523</t>
  </si>
  <si>
    <t>2405.49169921875</t>
  </si>
  <si>
    <t>-0.001165908958002504</t>
  </si>
  <si>
    <t>27.05256462097168</t>
  </si>
  <si>
    <t>1987.1533203125</t>
  </si>
  <si>
    <t>0.0019812371727585543</t>
  </si>
  <si>
    <t>27.497629165649414</t>
  </si>
  <si>
    <t>1988.3607177734375</t>
  </si>
  <si>
    <t>-0.009240372198805247</t>
  </si>
  <si>
    <t>8757</t>
  </si>
  <si>
    <t>27.555335998535156</t>
  </si>
  <si>
    <t>2254.187744140625</t>
  </si>
  <si>
    <t>0.028611437954804586</t>
  </si>
  <si>
    <t>27.043004989624023</t>
  </si>
  <si>
    <t>2622.547607421875</t>
  </si>
  <si>
    <t>0.013159577313112791</t>
  </si>
  <si>
    <t>27.08173370361328</t>
  </si>
  <si>
    <t>2109.611328125</t>
  </si>
  <si>
    <t>0.0694360656470483</t>
  </si>
  <si>
    <t>27.705217361450195</t>
  </si>
  <si>
    <t>1783.03662109375</t>
  </si>
  <si>
    <t>0.008063293071888467</t>
  </si>
  <si>
    <t>27.34196662902832</t>
  </si>
  <si>
    <t>2180.214599609375</t>
  </si>
  <si>
    <t>-0.07502299545433821</t>
  </si>
  <si>
    <t>27.169950485229492</t>
  </si>
  <si>
    <t>2204.458251953125</t>
  </si>
  <si>
    <t>0.00605247308292256</t>
  </si>
  <si>
    <t>26.772537231445312</t>
  </si>
  <si>
    <t>2734.138671875</t>
  </si>
  <si>
    <t>0.01739174271186883</t>
  </si>
  <si>
    <t>27.819190979003906</t>
  </si>
  <si>
    <t>1264.01904296875</t>
  </si>
  <si>
    <t>644.973388671875</t>
  </si>
  <si>
    <t>Khon Kaen</t>
  </si>
  <si>
    <t>27.62801170349121</t>
  </si>
  <si>
    <t>1060.3653564453125</t>
  </si>
  <si>
    <t>0.1008173712249647</t>
  </si>
  <si>
    <t>27.491395950317383</t>
  </si>
  <si>
    <t>1004.9000854492188</t>
  </si>
  <si>
    <t>0.13488954435424638</t>
  </si>
  <si>
    <t>4278</t>
  </si>
  <si>
    <t>27.561635971069336</t>
  </si>
  <si>
    <t>944.5772705078125</t>
  </si>
  <si>
    <t>0.04127986775582215</t>
  </si>
  <si>
    <t>27.520416259765625</t>
  </si>
  <si>
    <t>1300.73046875</t>
  </si>
  <si>
    <t>0.07820695314903325</t>
  </si>
  <si>
    <t>4953</t>
  </si>
  <si>
    <t>27.34128761291504</t>
  </si>
  <si>
    <t>1243.0667724609375</t>
  </si>
  <si>
    <t>0.06830088979685378</t>
  </si>
  <si>
    <t>26.872621536254883</t>
  </si>
  <si>
    <t>1327.906494140625</t>
  </si>
  <si>
    <t>0.01780937515962755</t>
  </si>
  <si>
    <t>27.742904663085938</t>
  </si>
  <si>
    <t>1029.5223388671875</t>
  </si>
  <si>
    <t>0.041186862497619714</t>
  </si>
  <si>
    <t>28.09112548828125</t>
  </si>
  <si>
    <t>1080.83544921875</t>
  </si>
  <si>
    <t>-0.09559571733065475</t>
  </si>
  <si>
    <t>27.005800247192383</t>
  </si>
  <si>
    <t>1355.9525146484375</t>
  </si>
  <si>
    <t>-0.0035665620519278463</t>
  </si>
  <si>
    <t>27.29016876220703</t>
  </si>
  <si>
    <t>1378.5147705078125</t>
  </si>
  <si>
    <t>-0.03987666594820105</t>
  </si>
  <si>
    <t>27.234434127807617</t>
  </si>
  <si>
    <t>1258.9237060546875</t>
  </si>
  <si>
    <t>-0.005923018303123584</t>
  </si>
  <si>
    <t>27.480958938598633</t>
  </si>
  <si>
    <t>1339.87646484375</t>
  </si>
  <si>
    <t>0.07602347100446849</t>
  </si>
  <si>
    <t>27.488861083984375</t>
  </si>
  <si>
    <t>1207.394775390625</t>
  </si>
  <si>
    <t>0.08367520368255299</t>
  </si>
  <si>
    <t>27.289751052856445</t>
  </si>
  <si>
    <t>1117.3814697265625</t>
  </si>
  <si>
    <t>0.04832565448677251</t>
  </si>
  <si>
    <t>27.583375930786133</t>
  </si>
  <si>
    <t>1106.4962158203125</t>
  </si>
  <si>
    <t>-0.005555072075727807</t>
  </si>
  <si>
    <t>27.47342872619629</t>
  </si>
  <si>
    <t>1227.958984375</t>
  </si>
  <si>
    <t>0.11320032384093892</t>
  </si>
  <si>
    <t>27.340179443359375</t>
  </si>
  <si>
    <t>1283.2584228515625</t>
  </si>
  <si>
    <t>0.022059134565903804</t>
  </si>
  <si>
    <t>26.699506759643555</t>
  </si>
  <si>
    <t>1509.6051025390625</t>
  </si>
  <si>
    <t>-0.0012564788836950669</t>
  </si>
  <si>
    <t>27.594457626342773</t>
  </si>
  <si>
    <t>1275.6165771484375</t>
  </si>
  <si>
    <t>0.049515823747251275</t>
  </si>
  <si>
    <t>27.822771072387695</t>
  </si>
  <si>
    <t>1165.6552734375</t>
  </si>
  <si>
    <t>0.10685506084709395</t>
  </si>
  <si>
    <t>7814</t>
  </si>
  <si>
    <t>26.988706588745117</t>
  </si>
  <si>
    <t>1535.1241455078125</t>
  </si>
  <si>
    <t>0.049046147787878525</t>
  </si>
  <si>
    <t>27.826217651367188</t>
  </si>
  <si>
    <t>1059.2613525390625</t>
  </si>
  <si>
    <t>0.12359609877117173</t>
  </si>
  <si>
    <t>27.21710205078125</t>
  </si>
  <si>
    <t>1252.348876953125</t>
  </si>
  <si>
    <t>-0.021722587313238506</t>
  </si>
  <si>
    <t>27.645187377929688</t>
  </si>
  <si>
    <t>1030.8082275390625</t>
  </si>
  <si>
    <t>-0.010339912046756439</t>
  </si>
  <si>
    <t>28.119543075561523</t>
  </si>
  <si>
    <t>953.139892578125</t>
  </si>
  <si>
    <t>0.012764155658263832</t>
  </si>
  <si>
    <t>28.147216796875</t>
  </si>
  <si>
    <t>1055.7327880859375</t>
  </si>
  <si>
    <t>0.0028783624731278934</t>
  </si>
  <si>
    <t>8893</t>
  </si>
  <si>
    <t>27.460309982299805</t>
  </si>
  <si>
    <t>1411.371826171875</t>
  </si>
  <si>
    <t>0.022171336242054807</t>
  </si>
  <si>
    <t>9043</t>
  </si>
  <si>
    <t>27.567720413208008</t>
  </si>
  <si>
    <t>1135.1131591796875</t>
  </si>
  <si>
    <t>0.016726527340841457</t>
  </si>
  <si>
    <t>28.255754470825195</t>
  </si>
  <si>
    <t>940.3381958007812</t>
  </si>
  <si>
    <t>0.008149824844421616</t>
  </si>
  <si>
    <t>27.814239501953125</t>
  </si>
  <si>
    <t>1131.3131103515625</t>
  </si>
  <si>
    <t>-0.07514630180268078</t>
  </si>
  <si>
    <t>8509</t>
  </si>
  <si>
    <t>27.663949966430664</t>
  </si>
  <si>
    <t>1147.8599853515625</t>
  </si>
  <si>
    <t>0.0061299260673362</t>
  </si>
  <si>
    <t>27.20351219177246</t>
  </si>
  <si>
    <t>1491.7470703125</t>
  </si>
  <si>
    <t>0.017359322152367795</t>
  </si>
  <si>
    <t>27.981781005859375</t>
  </si>
  <si>
    <t>2056.85205078125</t>
  </si>
  <si>
    <t>325.83013916015625</t>
  </si>
  <si>
    <t>Krabi</t>
  </si>
  <si>
    <t>27.7470760345459</t>
  </si>
  <si>
    <t>2232.5712890625</t>
  </si>
  <si>
    <t>0.12841241282380622</t>
  </si>
  <si>
    <t>27.783544540405273</t>
  </si>
  <si>
    <t>1862.5980224609375</t>
  </si>
  <si>
    <t>0.04950496371669999</t>
  </si>
  <si>
    <t>27.615503311157227</t>
  </si>
  <si>
    <t>2666.958251953125</t>
  </si>
  <si>
    <t>0.0381556354167909</t>
  </si>
  <si>
    <t>6523</t>
  </si>
  <si>
    <t>27.689916610717773</t>
  </si>
  <si>
    <t>2534.97509765625</t>
  </si>
  <si>
    <t>0.12735267093179914</t>
  </si>
  <si>
    <t>27.616628646850586</t>
  </si>
  <si>
    <t>2371.89892578125</t>
  </si>
  <si>
    <t>0.14766906376217293</t>
  </si>
  <si>
    <t>8381</t>
  </si>
  <si>
    <t>27.413164138793945</t>
  </si>
  <si>
    <t>2439.121337890625</t>
  </si>
  <si>
    <t>0.10296378254063754</t>
  </si>
  <si>
    <t>27.9691219329834</t>
  </si>
  <si>
    <t>2125.83740234375</t>
  </si>
  <si>
    <t>-0.08604645559921664</t>
  </si>
  <si>
    <t>28.182449340820312</t>
  </si>
  <si>
    <t>2689.431396484375</t>
  </si>
  <si>
    <t>-0.002734554734830752</t>
  </si>
  <si>
    <t>27.288970947265625</t>
  </si>
  <si>
    <t>2713.367919921875</t>
  </si>
  <si>
    <t>-0.0952841011249479</t>
  </si>
  <si>
    <t>27.6026554107666</t>
  </si>
  <si>
    <t>2603.9208984375</t>
  </si>
  <si>
    <t>-0.16542551529423655</t>
  </si>
  <si>
    <t>6754</t>
  </si>
  <si>
    <t>27.642892837524414</t>
  </si>
  <si>
    <t>2236.2900390625</t>
  </si>
  <si>
    <t>0.13365830959983782</t>
  </si>
  <si>
    <t>27.955209732055664</t>
  </si>
  <si>
    <t>1963.589111328125</t>
  </si>
  <si>
    <t>0.16001357280486772</t>
  </si>
  <si>
    <t>27.842626571655273</t>
  </si>
  <si>
    <t>2427.6689453125</t>
  </si>
  <si>
    <t>0.15922053589454244</t>
  </si>
  <si>
    <t>27.747663497924805</t>
  </si>
  <si>
    <t>1949.5706787109375</t>
  </si>
  <si>
    <t>0.09066297593498085</t>
  </si>
  <si>
    <t>27.789396286010742</t>
  </si>
  <si>
    <t>2215.74365234375</t>
  </si>
  <si>
    <t>-0.06453852113757108</t>
  </si>
  <si>
    <t>27.74772834777832</t>
  </si>
  <si>
    <t>2326.1708984375</t>
  </si>
  <si>
    <t>0.14621269840165674</t>
  </si>
  <si>
    <t>12089</t>
  </si>
  <si>
    <t>27.701013565063477</t>
  </si>
  <si>
    <t>2607.123291015625</t>
  </si>
  <si>
    <t>0.09058976435800226</t>
  </si>
  <si>
    <t>27.321874618530273</t>
  </si>
  <si>
    <t>2337.22412109375</t>
  </si>
  <si>
    <t>0.06454369111345315</t>
  </si>
  <si>
    <t>11039</t>
  </si>
  <si>
    <t>27.82920265197754</t>
  </si>
  <si>
    <t>2362.7099609375</t>
  </si>
  <si>
    <t>-0.155405182297093</t>
  </si>
  <si>
    <t>28.072622299194336</t>
  </si>
  <si>
    <t>2599.67626953125</t>
  </si>
  <si>
    <t>0.2352629472874188</t>
  </si>
  <si>
    <t>16288</t>
  </si>
  <si>
    <t>27.494909286499023</t>
  </si>
  <si>
    <t>2714.62548828125</t>
  </si>
  <si>
    <t>0.1537312360444787</t>
  </si>
  <si>
    <t>27.911577224731445</t>
  </si>
  <si>
    <t>2680.175537109375</t>
  </si>
  <si>
    <t>0.01638033275736106</t>
  </si>
  <si>
    <t>27.680418014526367</t>
  </si>
  <si>
    <t>2567.162841796875</t>
  </si>
  <si>
    <t>-0.10183015054774991</t>
  </si>
  <si>
    <t>27.918855667114258</t>
  </si>
  <si>
    <t>2295.81103515625</t>
  </si>
  <si>
    <t>0.014934071066997845</t>
  </si>
  <si>
    <t>28.227083206176758</t>
  </si>
  <si>
    <t>2716.977783203125</t>
  </si>
  <si>
    <t>-0.02772110847696929</t>
  </si>
  <si>
    <t>15311</t>
  </si>
  <si>
    <t>28.451921463012695</t>
  </si>
  <si>
    <t>2707.52490234375</t>
  </si>
  <si>
    <t>0.036379739155206536</t>
  </si>
  <si>
    <t>27.84544563293457</t>
  </si>
  <si>
    <t>2734.690185546875</t>
  </si>
  <si>
    <t>0.025662272194843183</t>
  </si>
  <si>
    <t>27.907968521118164</t>
  </si>
  <si>
    <t>2510.547607421875</t>
  </si>
  <si>
    <t>-0.02926092821968318</t>
  </si>
  <si>
    <t>28.33197021484375</t>
  </si>
  <si>
    <t>2021.3162841796875</t>
  </si>
  <si>
    <t>0.008095095779379946</t>
  </si>
  <si>
    <t>14268</t>
  </si>
  <si>
    <t>28.015037536621094</t>
  </si>
  <si>
    <t>2595.219970703125</t>
  </si>
  <si>
    <t>-0.07504869658085411</t>
  </si>
  <si>
    <t>14354</t>
  </si>
  <si>
    <t>27.919334411621094</t>
  </si>
  <si>
    <t>2545.026611328125</t>
  </si>
  <si>
    <t>0.006009381511235645</t>
  </si>
  <si>
    <t>14606</t>
  </si>
  <si>
    <t>27.672515869140625</t>
  </si>
  <si>
    <t>3040.65380859375</t>
  </si>
  <si>
    <t>0.017403754190038256</t>
  </si>
  <si>
    <t>26.37099266052246</t>
  </si>
  <si>
    <t>1118.6346435546875</t>
  </si>
  <si>
    <t>257.8523864746094</t>
  </si>
  <si>
    <t>Lampang</t>
  </si>
  <si>
    <t>26.293710708618164</t>
  </si>
  <si>
    <t>965.8980712890625</t>
  </si>
  <si>
    <t>0.05630693799432862</t>
  </si>
  <si>
    <t>5305</t>
  </si>
  <si>
    <t>26.01934242248535</t>
  </si>
  <si>
    <t>1000.202880859375</t>
  </si>
  <si>
    <t>0.051045296965453346</t>
  </si>
  <si>
    <t>26.14989471435547</t>
  </si>
  <si>
    <t>826.3702392578125</t>
  </si>
  <si>
    <t>0.00018848364960000197</t>
  </si>
  <si>
    <t>26.026918411254883</t>
  </si>
  <si>
    <t>1285.0455322265625</t>
  </si>
  <si>
    <t>0.046400075604765334</t>
  </si>
  <si>
    <t>5794</t>
  </si>
  <si>
    <t>25.964845657348633</t>
  </si>
  <si>
    <t>1156.0213623046875</t>
  </si>
  <si>
    <t>0.0415845680268454</t>
  </si>
  <si>
    <t>25.58150291442871</t>
  </si>
  <si>
    <t>1298.2923583984375</t>
  </si>
  <si>
    <t>0.08895115818713606</t>
  </si>
  <si>
    <t>26.331008911132812</t>
  </si>
  <si>
    <t>1046.987548828125</t>
  </si>
  <si>
    <t>-0.019613161588907246</t>
  </si>
  <si>
    <t>26.750802993774414</t>
  </si>
  <si>
    <t>934.08203125</t>
  </si>
  <si>
    <t>-0.11290365487228904</t>
  </si>
  <si>
    <t>25.60955047607422</t>
  </si>
  <si>
    <t>1260.6597900390625</t>
  </si>
  <si>
    <t>-0.07309615599615604</t>
  </si>
  <si>
    <t>25.83775520324707</t>
  </si>
  <si>
    <t>1238.9893798828125</t>
  </si>
  <si>
    <t>-0.043808412191497226</t>
  </si>
  <si>
    <t>25.783349990844727</t>
  </si>
  <si>
    <t>1168.5709228515625</t>
  </si>
  <si>
    <t>0.027776788291646426</t>
  </si>
  <si>
    <t>25.989355087280273</t>
  </si>
  <si>
    <t>1407.7906494140625</t>
  </si>
  <si>
    <t>0.03752132270394348</t>
  </si>
  <si>
    <t>26.0172061920166</t>
  </si>
  <si>
    <t>950.518310546875</t>
  </si>
  <si>
    <t>0.0020859019604451134</t>
  </si>
  <si>
    <t>25.861494064331055</t>
  </si>
  <si>
    <t>1026.2191162109375</t>
  </si>
  <si>
    <t>-0.015462749622180638</t>
  </si>
  <si>
    <t>26.135238647460938</t>
  </si>
  <si>
    <t>1177.899658203125</t>
  </si>
  <si>
    <t>-0.012973364259471154</t>
  </si>
  <si>
    <t>25.983247756958008</t>
  </si>
  <si>
    <t>1414.0660400390625</t>
  </si>
  <si>
    <t>-0.004884253140534867</t>
  </si>
  <si>
    <t>25.947729110717773</t>
  </si>
  <si>
    <t>1149.9349365234375</t>
  </si>
  <si>
    <t>0.005663524561228428</t>
  </si>
  <si>
    <t>4940</t>
  </si>
  <si>
    <t>25.598154067993164</t>
  </si>
  <si>
    <t>1156.416259765625</t>
  </si>
  <si>
    <t>-0.03871451218068955</t>
  </si>
  <si>
    <t>5814</t>
  </si>
  <si>
    <t>26.34766387939453</t>
  </si>
  <si>
    <t>1246.064697265625</t>
  </si>
  <si>
    <t>0.1629034709368522</t>
  </si>
  <si>
    <t>26.6488037109375</t>
  </si>
  <si>
    <t>1070.010986328125</t>
  </si>
  <si>
    <t>0.11168720908564822</t>
  </si>
  <si>
    <t>25.753969192504883</t>
  </si>
  <si>
    <t>1480.8428955078125</t>
  </si>
  <si>
    <t>0.05331401707989514</t>
  </si>
  <si>
    <t>26.579999923706055</t>
  </si>
  <si>
    <t>1073.2083740234375</t>
  </si>
  <si>
    <t>0.02278068525219723</t>
  </si>
  <si>
    <t>26.099205017089844</t>
  </si>
  <si>
    <t>1230.8780517578125</t>
  </si>
  <si>
    <t>0.018082142618411012</t>
  </si>
  <si>
    <t>26.41413688659668</t>
  </si>
  <si>
    <t>1069.888427734375</t>
  </si>
  <si>
    <t>-0.014808817273442187</t>
  </si>
  <si>
    <t>26.8614559173584</t>
  </si>
  <si>
    <t>857.186279296875</t>
  </si>
  <si>
    <t>0.012706651269114744</t>
  </si>
  <si>
    <t>26.88047981262207</t>
  </si>
  <si>
    <t>1284.8131103515625</t>
  </si>
  <si>
    <t>0.01738448621276767</t>
  </si>
  <si>
    <t>26.326873779296875</t>
  </si>
  <si>
    <t>1381.016845703125</t>
  </si>
  <si>
    <t>0.005774005593472964</t>
  </si>
  <si>
    <t>26.34873390197754</t>
  </si>
  <si>
    <t>1110.591064453125</t>
  </si>
  <si>
    <t>0.015236317056404047</t>
  </si>
  <si>
    <t>26.99040412902832</t>
  </si>
  <si>
    <t>776.708984375</t>
  </si>
  <si>
    <t>0.008201726648323415</t>
  </si>
  <si>
    <t>26.726633071899414</t>
  </si>
  <si>
    <t>944.4818115234375</t>
  </si>
  <si>
    <t>-0.07505605441934193</t>
  </si>
  <si>
    <t>26.499786376953125</t>
  </si>
  <si>
    <t>1098.1993408203125</t>
  </si>
  <si>
    <t>0.0060440535122978645</t>
  </si>
  <si>
    <t>26.14044189453125</t>
  </si>
  <si>
    <t>1513.104248046875</t>
  </si>
  <si>
    <t>0.017352163439529278</t>
  </si>
  <si>
    <t>2391</t>
  </si>
  <si>
    <t>25.67671012878418</t>
  </si>
  <si>
    <t>1135.00830078125</t>
  </si>
  <si>
    <t>105.770263671875</t>
  </si>
  <si>
    <t>Lamphun</t>
  </si>
  <si>
    <t>25.61406135559082</t>
  </si>
  <si>
    <t>1034.274658203125</t>
  </si>
  <si>
    <t>0.2348332903764483</t>
  </si>
  <si>
    <t>25.353866577148438</t>
  </si>
  <si>
    <t>1055.4425048828125</t>
  </si>
  <si>
    <t>0.360779618762864</t>
  </si>
  <si>
    <t>25.4578857421875</t>
  </si>
  <si>
    <t>861.1034545898438</t>
  </si>
  <si>
    <t>0.10226432956724807</t>
  </si>
  <si>
    <t>25.303865432739258</t>
  </si>
  <si>
    <t>1261.9559326171875</t>
  </si>
  <si>
    <t>0.05469857248921706</t>
  </si>
  <si>
    <t>25.237199783325195</t>
  </si>
  <si>
    <t>1227.1304931640625</t>
  </si>
  <si>
    <t>0.061270165709563784</t>
  </si>
  <si>
    <t>7958</t>
  </si>
  <si>
    <t>24.841217041015625</t>
  </si>
  <si>
    <t>1335.870849609375</t>
  </si>
  <si>
    <t>-0.04556568894846613</t>
  </si>
  <si>
    <t>25.5828857421875</t>
  </si>
  <si>
    <t>1076.278564453125</t>
  </si>
  <si>
    <t>0.342896107474008</t>
  </si>
  <si>
    <t>25.97455406188965</t>
  </si>
  <si>
    <t>925.0034790039062</t>
  </si>
  <si>
    <t>0.1235040276797168</t>
  </si>
  <si>
    <t>24.79955291748047</t>
  </si>
  <si>
    <t>1281.792236328125</t>
  </si>
  <si>
    <t>-0.16790714659772732</t>
  </si>
  <si>
    <t>25.099550247192383</t>
  </si>
  <si>
    <t>1243.2305908203125</t>
  </si>
  <si>
    <t>0.17661820815653506</t>
  </si>
  <si>
    <t>25.001708984375</t>
  </si>
  <si>
    <t>1178.88330078125</t>
  </si>
  <si>
    <t>-0.1231596296317683</t>
  </si>
  <si>
    <t>25.19121742248535</t>
  </si>
  <si>
    <t>1398.4429931640625</t>
  </si>
  <si>
    <t>0.0679848514534136</t>
  </si>
  <si>
    <t>11857</t>
  </si>
  <si>
    <t>25.222692489624023</t>
  </si>
  <si>
    <t>975.2940673828125</t>
  </si>
  <si>
    <t>-0.021195720062980428</t>
  </si>
  <si>
    <t>12189</t>
  </si>
  <si>
    <t>25.107885360717773</t>
  </si>
  <si>
    <t>1128.608154296875</t>
  </si>
  <si>
    <t>0.027615495197766293</t>
  </si>
  <si>
    <t>25.324548721313477</t>
  </si>
  <si>
    <t>1180.420654296875</t>
  </si>
  <si>
    <t>0.0030309259328333837</t>
  </si>
  <si>
    <t>13724</t>
  </si>
  <si>
    <t>25.160043716430664</t>
  </si>
  <si>
    <t>1470.1514892578125</t>
  </si>
  <si>
    <t>0.11558129338967049</t>
  </si>
  <si>
    <t>25.135042190551758</t>
  </si>
  <si>
    <t>1185.9808349609375</t>
  </si>
  <si>
    <t>0.04439473612004896</t>
  </si>
  <si>
    <t>24.82670783996582</t>
  </si>
  <si>
    <t>1238.6610107421875</t>
  </si>
  <si>
    <t>-0.025555534462329277</t>
  </si>
  <si>
    <t>25.48504066467285</t>
  </si>
  <si>
    <t>1260.751708984375</t>
  </si>
  <si>
    <t>-0.07866717935211298</t>
  </si>
  <si>
    <t>14330</t>
  </si>
  <si>
    <t>25.857881546020508</t>
  </si>
  <si>
    <t>1141.9691162109375</t>
  </si>
  <si>
    <t>0.10303709453826926</t>
  </si>
  <si>
    <t>14997</t>
  </si>
  <si>
    <t>24.993377685546875</t>
  </si>
  <si>
    <t>1457.364013671875</t>
  </si>
  <si>
    <t>0.0454949392594628</t>
  </si>
  <si>
    <t>25.764060974121094</t>
  </si>
  <si>
    <t>1091.10400390625</t>
  </si>
  <si>
    <t>-0.05926693883088063</t>
  </si>
  <si>
    <t>25.29337501525879</t>
  </si>
  <si>
    <t>1277.4866943359375</t>
  </si>
  <si>
    <t>-0.09197627831547095</t>
  </si>
  <si>
    <t>15100</t>
  </si>
  <si>
    <t>25.59523582458496</t>
  </si>
  <si>
    <t>1096.87158203125</t>
  </si>
  <si>
    <t>0.15808777986768696</t>
  </si>
  <si>
    <t>26.05974769592285</t>
  </si>
  <si>
    <t>894.4793701171875</t>
  </si>
  <si>
    <t>-0.10388992715750334</t>
  </si>
  <si>
    <t>26.139060974121094</t>
  </si>
  <si>
    <t>1297.41259765625</t>
  </si>
  <si>
    <t>0.0010281266970117997</t>
  </si>
  <si>
    <t>25.61004066467285</t>
  </si>
  <si>
    <t>1462.56005859375</t>
  </si>
  <si>
    <t>0.06086638043889714</t>
  </si>
  <si>
    <t>25.61621856689453</t>
  </si>
  <si>
    <t>1160.1156005859375</t>
  </si>
  <si>
    <t>0.07168280655031722</t>
  </si>
  <si>
    <t>26.182886123657227</t>
  </si>
  <si>
    <t>887.96875</t>
  </si>
  <si>
    <t>0.00813142745912998</t>
  </si>
  <si>
    <t>14548</t>
  </si>
  <si>
    <t>26.02239418029785</t>
  </si>
  <si>
    <t>983.8002319335938</t>
  </si>
  <si>
    <t>-0.07506003068398748</t>
  </si>
  <si>
    <t>14636</t>
  </si>
  <si>
    <t>25.755727767944336</t>
  </si>
  <si>
    <t>1193.665771484375</t>
  </si>
  <si>
    <t>0.006030720032216053</t>
  </si>
  <si>
    <t>25.40788459777832</t>
  </si>
  <si>
    <t>1507.4085693359375</t>
  </si>
  <si>
    <t>0.017407056746771232</t>
  </si>
  <si>
    <t>3050</t>
  </si>
  <si>
    <t>25.928876876831055</t>
  </si>
  <si>
    <t>1239.68310546875</t>
  </si>
  <si>
    <t>225.7589569091797</t>
  </si>
  <si>
    <t>Loei</t>
  </si>
  <si>
    <t>25.75006866455078</t>
  </si>
  <si>
    <t>1096.1602783203125</t>
  </si>
  <si>
    <t>0.07270183177673317</t>
  </si>
  <si>
    <t>25.619775772094727</t>
  </si>
  <si>
    <t>1065.1922607421875</t>
  </si>
  <si>
    <t>0.03475484605304757</t>
  </si>
  <si>
    <t>25.70642852783203</t>
  </si>
  <si>
    <t>927.0465087890625</t>
  </si>
  <si>
    <t>-0.13302672443314023</t>
  </si>
  <si>
    <t>25.642614364624023</t>
  </si>
  <si>
    <t>1380.028564453125</t>
  </si>
  <si>
    <t>0.09430058860297308</t>
  </si>
  <si>
    <t>3532</t>
  </si>
  <si>
    <t>25.475072860717773</t>
  </si>
  <si>
    <t>1281.989013671875</t>
  </si>
  <si>
    <t>0.07799215012278005</t>
  </si>
  <si>
    <t>24.991086959838867</t>
  </si>
  <si>
    <t>1449.86328125</t>
  </si>
  <si>
    <t>0.06680096554154069</t>
  </si>
  <si>
    <t>25.850868225097656</t>
  </si>
  <si>
    <t>1071.0614013671875</t>
  </si>
  <si>
    <t>-0.05806236165955525</t>
  </si>
  <si>
    <t>26.23539924621582</t>
  </si>
  <si>
    <t>1137.7965087890625</t>
  </si>
  <si>
    <t>-0.0453579470222234</t>
  </si>
  <si>
    <t>25.128883361816406</t>
  </si>
  <si>
    <t>1428.08935546875</t>
  </si>
  <si>
    <t>-0.09158730919056524</t>
  </si>
  <si>
    <t>25.4099178314209</t>
  </si>
  <si>
    <t>1435.069091796875</t>
  </si>
  <si>
    <t>0.05996176183553459</t>
  </si>
  <si>
    <t>25.34569549560547</t>
  </si>
  <si>
    <t>1241.89990234375</t>
  </si>
  <si>
    <t>0.04039753342786767</t>
  </si>
  <si>
    <t>25.588945388793945</t>
  </si>
  <si>
    <t>1381.5982666015625</t>
  </si>
  <si>
    <t>0.0072516633953210174</t>
  </si>
  <si>
    <t>3681</t>
  </si>
  <si>
    <t>25.624032974243164</t>
  </si>
  <si>
    <t>1142.70703125</t>
  </si>
  <si>
    <t>0.061915865327250685</t>
  </si>
  <si>
    <t>25.386560440063477</t>
  </si>
  <si>
    <t>1146.5709228515625</t>
  </si>
  <si>
    <t>0.022297767326248774</t>
  </si>
  <si>
    <t>25.70745086669922</t>
  </si>
  <si>
    <t>1163.9266357421875</t>
  </si>
  <si>
    <t>0.14653101479929553</t>
  </si>
  <si>
    <t>1317.89208984375</t>
  </si>
  <si>
    <t>-0.09981779978203953</t>
  </si>
  <si>
    <t>25.457048416137695</t>
  </si>
  <si>
    <t>1352.4014892578125</t>
  </si>
  <si>
    <t>0.16853527768392063</t>
  </si>
  <si>
    <t>24.803926467895508</t>
  </si>
  <si>
    <t>1458.0174560546875</t>
  </si>
  <si>
    <t>-0.023408090898014322</t>
  </si>
  <si>
    <t>25.751741409301758</t>
  </si>
  <si>
    <t>1429.73974609375</t>
  </si>
  <si>
    <t>0.025761788357783644</t>
  </si>
  <si>
    <t>5269</t>
  </si>
  <si>
    <t>25.97172737121582</t>
  </si>
  <si>
    <t>1221.89892578125</t>
  </si>
  <si>
    <t>0.11875617934306959</t>
  </si>
  <si>
    <t>5594</t>
  </si>
  <si>
    <t>25.1126766204834</t>
  </si>
  <si>
    <t>1722.2938232421875</t>
  </si>
  <si>
    <t>0.05985400355261916</t>
  </si>
  <si>
    <t>25.957130432128906</t>
  </si>
  <si>
    <t>1180.7147216796875</t>
  </si>
  <si>
    <t>0.08100481448662222</t>
  </si>
  <si>
    <t>25.351964950561523</t>
  </si>
  <si>
    <t>1300.558349609375</t>
  </si>
  <si>
    <t>0.004112862587957622</t>
  </si>
  <si>
    <t>25.784589767456055</t>
  </si>
  <si>
    <t>1086.7947998046875</t>
  </si>
  <si>
    <t>0.02256406094501351</t>
  </si>
  <si>
    <t>26.259435653686523</t>
  </si>
  <si>
    <t>980.0850219726562</t>
  </si>
  <si>
    <t>-0.010326003335402234</t>
  </si>
  <si>
    <t>26.26008415222168</t>
  </si>
  <si>
    <t>1261.2255859375</t>
  </si>
  <si>
    <t>0.06437632828992079</t>
  </si>
  <si>
    <t>25.56974220275879</t>
  </si>
  <si>
    <t>1449.538818359375</t>
  </si>
  <si>
    <t>0.0937052651013861</t>
  </si>
  <si>
    <t>25.682838439941406</t>
  </si>
  <si>
    <t>1167.8231201171875</t>
  </si>
  <si>
    <t>0.02623818187327487</t>
  </si>
  <si>
    <t>26.389427185058594</t>
  </si>
  <si>
    <t>884.397216796875</t>
  </si>
  <si>
    <t>0.00806022633475223</t>
  </si>
  <si>
    <t>6934</t>
  </si>
  <si>
    <t>25.93633270263672</t>
  </si>
  <si>
    <t>1122.1507568359375</t>
  </si>
  <si>
    <t>-0.074993483800462</t>
  </si>
  <si>
    <t>25.78435707092285</t>
  </si>
  <si>
    <t>1130.1534423828125</t>
  </si>
  <si>
    <t>0.006038839343847968</t>
  </si>
  <si>
    <t>25.34331512451172</t>
  </si>
  <si>
    <t>1616.1407470703125</t>
  </si>
  <si>
    <t>0.017337367617626498</t>
  </si>
  <si>
    <t>28.504148483276367</t>
  </si>
  <si>
    <t>1110.3878173828125</t>
  </si>
  <si>
    <t>161.329833984375</t>
  </si>
  <si>
    <t>Lop Buri</t>
  </si>
  <si>
    <t>28.24041748046875</t>
  </si>
  <si>
    <t>987.1989135742188</t>
  </si>
  <si>
    <t>0.11947816326630267</t>
  </si>
  <si>
    <t>28.207902908325195</t>
  </si>
  <si>
    <t>1010.9091186523438</t>
  </si>
  <si>
    <t>0.06263477769295456</t>
  </si>
  <si>
    <t>28.179147720336914</t>
  </si>
  <si>
    <t>926.1825561523438</t>
  </si>
  <si>
    <t>-0.0050198808614076995</t>
  </si>
  <si>
    <t>28.13829803466797</t>
  </si>
  <si>
    <t>1187.2236328125</t>
  </si>
  <si>
    <t>0.11589406458362461</t>
  </si>
  <si>
    <t>27.95039176940918</t>
  </si>
  <si>
    <t>1311.1895751953125</t>
  </si>
  <si>
    <t>0.10636841092205174</t>
  </si>
  <si>
    <t>27.453325271606445</t>
  </si>
  <si>
    <t>1432.0716552734375</t>
  </si>
  <si>
    <t>0.3879633911223088</t>
  </si>
  <si>
    <t>28.22538948059082</t>
  </si>
  <si>
    <t>938.07275390625</t>
  </si>
  <si>
    <t>-0.11836698559571168</t>
  </si>
  <si>
    <t>28.52081298828125</t>
  </si>
  <si>
    <t>1192.179931640625</t>
  </si>
  <si>
    <t>-0.1169819718008025</t>
  </si>
  <si>
    <t>27.43747901916504</t>
  </si>
  <si>
    <t>1327.6119384765625</t>
  </si>
  <si>
    <t>-0.07091994226679965</t>
  </si>
  <si>
    <t>27.823753356933594</t>
  </si>
  <si>
    <t>1286.4498291015625</t>
  </si>
  <si>
    <t>0.24859441558614748</t>
  </si>
  <si>
    <t>7970</t>
  </si>
  <si>
    <t>27.77375030517578</t>
  </si>
  <si>
    <t>1049.3829345703125</t>
  </si>
  <si>
    <t>-0.03900352906478233</t>
  </si>
  <si>
    <t>28.061660766601562</t>
  </si>
  <si>
    <t>1168.859130859375</t>
  </si>
  <si>
    <t>0.05195179772738179</t>
  </si>
  <si>
    <t>27.961660385131836</t>
  </si>
  <si>
    <t>1056.4593505859375</t>
  </si>
  <si>
    <t>-0.0032213832069381</t>
  </si>
  <si>
    <t>8750</t>
  </si>
  <si>
    <t>27.90332794189453</t>
  </si>
  <si>
    <t>1031.3934326171875</t>
  </si>
  <si>
    <t>0.04463879304695695</t>
  </si>
  <si>
    <t>28.090415954589844</t>
  </si>
  <si>
    <t>1187.1146240234375</t>
  </si>
  <si>
    <t>0.0014846117041891205</t>
  </si>
  <si>
    <t>8543</t>
  </si>
  <si>
    <t>27.944175720214844</t>
  </si>
  <si>
    <t>1335.477783203125</t>
  </si>
  <si>
    <t>-0.025426077904231903</t>
  </si>
  <si>
    <t>27.848752975463867</t>
  </si>
  <si>
    <t>1277.623291015625</t>
  </si>
  <si>
    <t>-0.012959653576976038</t>
  </si>
  <si>
    <t>27.294992446899414</t>
  </si>
  <si>
    <t>1379.127197265625</t>
  </si>
  <si>
    <t>-0.05033885476761313</t>
  </si>
  <si>
    <t>28.03666114807129</t>
  </si>
  <si>
    <t>1394.253173828125</t>
  </si>
  <si>
    <t>-0.062122188550830515</t>
  </si>
  <si>
    <t>8054</t>
  </si>
  <si>
    <t>28.372114181518555</t>
  </si>
  <si>
    <t>1251.752685546875</t>
  </si>
  <si>
    <t>0.06647732515520133</t>
  </si>
  <si>
    <t>27.63584327697754</t>
  </si>
  <si>
    <t>1595.659423828125</t>
  </si>
  <si>
    <t>0.010498459915641689</t>
  </si>
  <si>
    <t>28.319992065429688</t>
  </si>
  <si>
    <t>1107.397216796875</t>
  </si>
  <si>
    <t>0.16925378627754917</t>
  </si>
  <si>
    <t>27.792539596557617</t>
  </si>
  <si>
    <t>1325.4307861328125</t>
  </si>
  <si>
    <t>0.026209526467733113</t>
  </si>
  <si>
    <t>28.1721134185791</t>
  </si>
  <si>
    <t>1130.7901611328125</t>
  </si>
  <si>
    <t>0.005743378173740155</t>
  </si>
  <si>
    <t>28.632081985473633</t>
  </si>
  <si>
    <t>1043.7181396484375</t>
  </si>
  <si>
    <t>-0.018864656798585955</t>
  </si>
  <si>
    <t>28.5500545501709</t>
  </si>
  <si>
    <t>1170.8436279296875</t>
  </si>
  <si>
    <t>0.013222324449213119</t>
  </si>
  <si>
    <t>10651</t>
  </si>
  <si>
    <t>28.06999397277832</t>
  </si>
  <si>
    <t>1539.349853515625</t>
  </si>
  <si>
    <t>0.07342210354647527</t>
  </si>
  <si>
    <t>28.178327560424805</t>
  </si>
  <si>
    <t>1106.344970703125</t>
  </si>
  <si>
    <t>-0.014373769928225144</t>
  </si>
  <si>
    <t>28.81541633605957</t>
  </si>
  <si>
    <t>873.154541015625</t>
  </si>
  <si>
    <t>0.008063412279851079</t>
  </si>
  <si>
    <t>28.424570083618164</t>
  </si>
  <si>
    <t>1163.5345458984375</t>
  </si>
  <si>
    <t>-0.07502414262550161</t>
  </si>
  <si>
    <t>28.253326416015625</t>
  </si>
  <si>
    <t>1298.5921630859375</t>
  </si>
  <si>
    <t>0.006092007875183825</t>
  </si>
  <si>
    <t>10052</t>
  </si>
  <si>
    <t>27.807905197143555</t>
  </si>
  <si>
    <t>1526.5631103515625</t>
  </si>
  <si>
    <t>0.01736032761900752</t>
  </si>
  <si>
    <t>24.710220336914062</t>
  </si>
  <si>
    <t>1342.4796142578125</t>
  </si>
  <si>
    <t>38.485511779785156</t>
  </si>
  <si>
    <t>Mae Hong Son</t>
  </si>
  <si>
    <t>24.619070053100586</t>
  </si>
  <si>
    <t>-0.03572363092939845</t>
  </si>
  <si>
    <t>24.38798713684082</t>
  </si>
  <si>
    <t>1328.3392333984375</t>
  </si>
  <si>
    <t>0.07109902222337894</t>
  </si>
  <si>
    <t>24.47517204284668</t>
  </si>
  <si>
    <t>1137.467529296875</t>
  </si>
  <si>
    <t>-0.034460338614605845</t>
  </si>
  <si>
    <t>24.378036499023438</t>
  </si>
  <si>
    <t>1592.9951171875</t>
  </si>
  <si>
    <t>0.07458695150145189</t>
  </si>
  <si>
    <t>24.28495216369629</t>
  </si>
  <si>
    <t>1513.3358154296875</t>
  </si>
  <si>
    <t>0.076248133280723</t>
  </si>
  <si>
    <t>23.840715408325195</t>
  </si>
  <si>
    <t>1446.636474609375</t>
  </si>
  <si>
    <t>0.06250446643541352</t>
  </si>
  <si>
    <t>24.611867904663086</t>
  </si>
  <si>
    <t>1275.3643798828125</t>
  </si>
  <si>
    <t>-0.01638973862001869</t>
  </si>
  <si>
    <t>3548</t>
  </si>
  <si>
    <t>25.02020263671875</t>
  </si>
  <si>
    <t>1084.162841796875</t>
  </si>
  <si>
    <t>-0.11840917054628974</t>
  </si>
  <si>
    <t>23.85527229309082</t>
  </si>
  <si>
    <t>1453.0118408203125</t>
  </si>
  <si>
    <t>0.0005635390399909568</t>
  </si>
  <si>
    <t>24.15728759765625</t>
  </si>
  <si>
    <t>1481.441650390625</t>
  </si>
  <si>
    <t>-0.0591820009226911</t>
  </si>
  <si>
    <t>24.057504653930664</t>
  </si>
  <si>
    <t>1445.8514404296875</t>
  </si>
  <si>
    <t>-0.04680468883198863</t>
  </si>
  <si>
    <t>24.244186401367188</t>
  </si>
  <si>
    <t>1637.325927734375</t>
  </si>
  <si>
    <t>0.04590769370531689</t>
  </si>
  <si>
    <t>24.254018783569336</t>
  </si>
  <si>
    <t>1205.3642578125</t>
  </si>
  <si>
    <t>0.054429263507245196</t>
  </si>
  <si>
    <t>24.144134521484375</t>
  </si>
  <si>
    <t>1373.8895263671875</t>
  </si>
  <si>
    <t>-0.0017011628712726434</t>
  </si>
  <si>
    <t>24.387521743774414</t>
  </si>
  <si>
    <t>1502.28271484375</t>
  </si>
  <si>
    <t>0.005941451910157269</t>
  </si>
  <si>
    <t>24.2349853515625</t>
  </si>
  <si>
    <t>1672.8818359375</t>
  </si>
  <si>
    <t>0.017060964797034117</t>
  </si>
  <si>
    <t>24.16133689880371</t>
  </si>
  <si>
    <t>1405.28173828125</t>
  </si>
  <si>
    <t>-0.007236324368516733</t>
  </si>
  <si>
    <t>23.77644920349121</t>
  </si>
  <si>
    <t>1475.648681640625</t>
  </si>
  <si>
    <t>0.023465534926007336</t>
  </si>
  <si>
    <t>24.5100040435791</t>
  </si>
  <si>
    <t>1338.1876220703125</t>
  </si>
  <si>
    <t>-0.004101167744215317</t>
  </si>
  <si>
    <t>3641</t>
  </si>
  <si>
    <t>24.840383529663086</t>
  </si>
  <si>
    <t>1442.063720703125</t>
  </si>
  <si>
    <t>-0.002468798401103811</t>
  </si>
  <si>
    <t>23.987668991088867</t>
  </si>
  <si>
    <t>1586.3311767578125</t>
  </si>
  <si>
    <t>-0.06320278449989658</t>
  </si>
  <si>
    <t>24.770217895507812</t>
  </si>
  <si>
    <t>1298.3472900390625</t>
  </si>
  <si>
    <t>0.055482867472102626</t>
  </si>
  <si>
    <t>24.32628631591797</t>
  </si>
  <si>
    <t>1544.913818359375</t>
  </si>
  <si>
    <t>0.05256566476361613</t>
  </si>
  <si>
    <t>24.62273597717285</t>
  </si>
  <si>
    <t>1343.407958984375</t>
  </si>
  <si>
    <t>-0.0013138879829952543</t>
  </si>
  <si>
    <t>25.088302612304688</t>
  </si>
  <si>
    <t>1232.46533203125</t>
  </si>
  <si>
    <t>0.10688446560987508</t>
  </si>
  <si>
    <t>25.124353408813477</t>
  </si>
  <si>
    <t>1481.226806640625</t>
  </si>
  <si>
    <t>-0.00687613853301805</t>
  </si>
  <si>
    <t>24.59068489074707</t>
  </si>
  <si>
    <t>1605.0264892578125</t>
  </si>
  <si>
    <t>-0.006923747367970634</t>
  </si>
  <si>
    <t>24.60823631286621</t>
  </si>
  <si>
    <t>1451.873046875</t>
  </si>
  <si>
    <t>0.028110980587413792</t>
  </si>
  <si>
    <t>25.19856834411621</t>
  </si>
  <si>
    <t>1076.0634765625</t>
  </si>
  <si>
    <t>0.008119752301757543</t>
  </si>
  <si>
    <t>24.98258399963379</t>
  </si>
  <si>
    <t>1183.9503173828125</t>
  </si>
  <si>
    <t>-0.07506819414545696</t>
  </si>
  <si>
    <t>24.742103576660156</t>
  </si>
  <si>
    <t>1387.431396484375</t>
  </si>
  <si>
    <t>0.0062073445743351385</t>
  </si>
  <si>
    <t>24.375383377075195</t>
  </si>
  <si>
    <t>1599.099853515625</t>
  </si>
  <si>
    <t>0.017178336535083716</t>
  </si>
  <si>
    <t>27.925691604614258</t>
  </si>
  <si>
    <t>1389.969482421875</t>
  </si>
  <si>
    <t>345.1234130859375</t>
  </si>
  <si>
    <t>Maha Sarakham</t>
  </si>
  <si>
    <t>27.714468002319336</t>
  </si>
  <si>
    <t>1145.2733154296875</t>
  </si>
  <si>
    <t>0.011076062599206793</t>
  </si>
  <si>
    <t>27.575347900390625</t>
  </si>
  <si>
    <t>1062.6917724609375</t>
  </si>
  <si>
    <t>0.050250264389519295</t>
  </si>
  <si>
    <t>27.621604919433594</t>
  </si>
  <si>
    <t>929.2340698242188</t>
  </si>
  <si>
    <t>-0.045149213501114005</t>
  </si>
  <si>
    <t>27.622800827026367</t>
  </si>
  <si>
    <t>1346.2064208984375</t>
  </si>
  <si>
    <t>0.015919575186175372</t>
  </si>
  <si>
    <t>27.44031524658203</t>
  </si>
  <si>
    <t>1212.28759765625</t>
  </si>
  <si>
    <t>0.07885674928026365</t>
  </si>
  <si>
    <t>26.953588485717773</t>
  </si>
  <si>
    <t>1367.09033203125</t>
  </si>
  <si>
    <t>0.06411568344530583</t>
  </si>
  <si>
    <t>27.835723876953125</t>
  </si>
  <si>
    <t>1175.4061279296875</t>
  </si>
  <si>
    <t>-0.024333745438303467</t>
  </si>
  <si>
    <t>28.161226272583008</t>
  </si>
  <si>
    <t>1098.500732421875</t>
  </si>
  <si>
    <t>-0.030215877459228047</t>
  </si>
  <si>
    <t>27.126195907592773</t>
  </si>
  <si>
    <t>1463.91015625</t>
  </si>
  <si>
    <t>-0.05025456451228827</t>
  </si>
  <si>
    <t>27.38572120666504</t>
  </si>
  <si>
    <t>1467.96484375</t>
  </si>
  <si>
    <t>-0.06946970531939911</t>
  </si>
  <si>
    <t>27.349496841430664</t>
  </si>
  <si>
    <t>1417.045654296875</t>
  </si>
  <si>
    <t>0.012638398871723133</t>
  </si>
  <si>
    <t>2559</t>
  </si>
  <si>
    <t>27.58232879638672</t>
  </si>
  <si>
    <t>1431.5574951171875</t>
  </si>
  <si>
    <t>0.004307819467734397</t>
  </si>
  <si>
    <t>27.584875106811523</t>
  </si>
  <si>
    <t>1288.7222900390625</t>
  </si>
  <si>
    <t>0.09107371500499983</t>
  </si>
  <si>
    <t>27.414812088012695</t>
  </si>
  <si>
    <t>1244.169189453125</t>
  </si>
  <si>
    <t>0.019431807325024586</t>
  </si>
  <si>
    <t>27.70408821105957</t>
  </si>
  <si>
    <t>1242.7755126953125</t>
  </si>
  <si>
    <t>-0.02515633100786463</t>
  </si>
  <si>
    <t>27.60613441467285</t>
  </si>
  <si>
    <t>1296.7113037109375</t>
  </si>
  <si>
    <t>0.06224849521592901</t>
  </si>
  <si>
    <t>27.41157341003418</t>
  </si>
  <si>
    <t>1370.880126953125</t>
  </si>
  <si>
    <t>0.08092410760098012</t>
  </si>
  <si>
    <t>26.856477737426758</t>
  </si>
  <si>
    <t>1496.5177001953125</t>
  </si>
  <si>
    <t>-0.026785908972451367</t>
  </si>
  <si>
    <t>27.723302841186523</t>
  </si>
  <si>
    <t>1334.0015869140625</t>
  </si>
  <si>
    <t>0.0738569939076541</t>
  </si>
  <si>
    <t>27.919906616210938</t>
  </si>
  <si>
    <t>1218.51806640625</t>
  </si>
  <si>
    <t>0.16682586794758336</t>
  </si>
  <si>
    <t>27.09151268005371</t>
  </si>
  <si>
    <t>1606.7569580078125</t>
  </si>
  <si>
    <t>0.10115888166034281</t>
  </si>
  <si>
    <t>27.983678817749023</t>
  </si>
  <si>
    <t>1065.9993896484375</t>
  </si>
  <si>
    <t>0.05667926318834127</t>
  </si>
  <si>
    <t>27.334875106811523</t>
  </si>
  <si>
    <t>1275.0819091796875</t>
  </si>
  <si>
    <t>0.0897591706714298</t>
  </si>
  <si>
    <t>27.745756149291992</t>
  </si>
  <si>
    <t>1181.5291748046875</t>
  </si>
  <si>
    <t>-0.07803570697537054</t>
  </si>
  <si>
    <t>28.279090881347656</t>
  </si>
  <si>
    <t>1075.188232421875</t>
  </si>
  <si>
    <t>0.041305031049750696</t>
  </si>
  <si>
    <t>28.25493812561035</t>
  </si>
  <si>
    <t>1126.5787353515625</t>
  </si>
  <si>
    <t>0.05035751711561076</t>
  </si>
  <si>
    <t>27.562767028808594</t>
  </si>
  <si>
    <t>1517.671630859375</t>
  </si>
  <si>
    <t>0.03495796691931474</t>
  </si>
  <si>
    <t>27.700693130493164</t>
  </si>
  <si>
    <t>1182.4493408203125</t>
  </si>
  <si>
    <t>0.035039813244171825</t>
  </si>
  <si>
    <t>28.36327362060547</t>
  </si>
  <si>
    <t>1078.9713134765625</t>
  </si>
  <si>
    <t>0.008079763858411582</t>
  </si>
  <si>
    <t>5188</t>
  </si>
  <si>
    <t>27.928239822387695</t>
  </si>
  <si>
    <t>1186.219482421875</t>
  </si>
  <si>
    <t>-0.07498873847731247</t>
  </si>
  <si>
    <t>27.789466857910156</t>
  </si>
  <si>
    <t>1235.3590087890625</t>
  </si>
  <si>
    <t>0.00595754620708</t>
  </si>
  <si>
    <t>27.275693893432617</t>
  </si>
  <si>
    <t>1527.034912109375</t>
  </si>
  <si>
    <t>0.01747432877898447</t>
  </si>
  <si>
    <t>26.845870971679688</t>
  </si>
  <si>
    <t>2092.464111328125</t>
  </si>
  <si>
    <t>387.04449462890625</t>
  </si>
  <si>
    <t>Mukhadan / Nakhon Phanom</t>
  </si>
  <si>
    <t>26.660268783569336</t>
  </si>
  <si>
    <t>1665.000732421875</t>
  </si>
  <si>
    <t>0.08841779492751378</t>
  </si>
  <si>
    <t>26.527870178222656</t>
  </si>
  <si>
    <t>1593.8463134765625</t>
  </si>
  <si>
    <t>0.02013761162683192</t>
  </si>
  <si>
    <t>26.628135681152344</t>
  </si>
  <si>
    <t>1444.4384765625</t>
  </si>
  <si>
    <t>0.09646943221642612</t>
  </si>
  <si>
    <t>26.56772804260254</t>
  </si>
  <si>
    <t>1932.2626953125</t>
  </si>
  <si>
    <t>0.0296080125911935</t>
  </si>
  <si>
    <t>3072</t>
  </si>
  <si>
    <t>26.380746841430664</t>
  </si>
  <si>
    <t>1776.0965576171875</t>
  </si>
  <si>
    <t>0.07676574770713174</t>
  </si>
  <si>
    <t>3250</t>
  </si>
  <si>
    <t>25.895689010620117</t>
  </si>
  <si>
    <t>1796.4249267578125</t>
  </si>
  <si>
    <t>0.05632618105621923</t>
  </si>
  <si>
    <t>26.756845474243164</t>
  </si>
  <si>
    <t>1821.107421875</t>
  </si>
  <si>
    <t>-0.09752802201455513</t>
  </si>
  <si>
    <t>27.1805477142334</t>
  </si>
  <si>
    <t>1459.6595458984375</t>
  </si>
  <si>
    <t>-0.05079352641227519</t>
  </si>
  <si>
    <t>26.110422134399414</t>
  </si>
  <si>
    <t>1952.70361328125</t>
  </si>
  <si>
    <t>-0.06487167203421063</t>
  </si>
  <si>
    <t>2728</t>
  </si>
  <si>
    <t>26.3383846282959</t>
  </si>
  <si>
    <t>1965.8477783203125</t>
  </si>
  <si>
    <t>0.03810696410061176</t>
  </si>
  <si>
    <t>26.31959342956543</t>
  </si>
  <si>
    <t>2010.857177734375</t>
  </si>
  <si>
    <t>-0.002201835751941772</t>
  </si>
  <si>
    <t>26.5655460357666</t>
  </si>
  <si>
    <t>2156.921630859375</t>
  </si>
  <si>
    <t>0.027537972014014755</t>
  </si>
  <si>
    <t>26.56623649597168</t>
  </si>
  <si>
    <t>1769.2252197265625</t>
  </si>
  <si>
    <t>0.012078299588184294</t>
  </si>
  <si>
    <t>26.331300735473633</t>
  </si>
  <si>
    <t>1850.5343017578125</t>
  </si>
  <si>
    <t>0.04014379849561678</t>
  </si>
  <si>
    <t>26.738149642944336</t>
  </si>
  <si>
    <t>1946.816162109375</t>
  </si>
  <si>
    <t>-0.06372474108452408</t>
  </si>
  <si>
    <t>26.5843505859375</t>
  </si>
  <si>
    <t>1896.758056640625</t>
  </si>
  <si>
    <t>0.0476532718967011</t>
  </si>
  <si>
    <t>26.446802139282227</t>
  </si>
  <si>
    <t>1822.81201171875</t>
  </si>
  <si>
    <t>0.03688457362151798</t>
  </si>
  <si>
    <t>2941</t>
  </si>
  <si>
    <t>25.76531982421875</t>
  </si>
  <si>
    <t>2016.4022216796875</t>
  </si>
  <si>
    <t>-0.023190419188926725</t>
  </si>
  <si>
    <t>26.814300537109375</t>
  </si>
  <si>
    <t>1711.1756591796875</t>
  </si>
  <si>
    <t>0.10726281937708393</t>
  </si>
  <si>
    <t>3960</t>
  </si>
  <si>
    <t>26.9378604888916</t>
  </si>
  <si>
    <t>1721.43994140625</t>
  </si>
  <si>
    <t>0.1902315463174471</t>
  </si>
  <si>
    <t>26.07457733154297</t>
  </si>
  <si>
    <t>2175.419677734375</t>
  </si>
  <si>
    <t>0.1198011998126205</t>
  </si>
  <si>
    <t>27.004255294799805</t>
  </si>
  <si>
    <t>1440.2371826171875</t>
  </si>
  <si>
    <t>0.1127925072830589</t>
  </si>
  <si>
    <t>26.325132369995117</t>
  </si>
  <si>
    <t>1628.488525390625</t>
  </si>
  <si>
    <t>0.07310687085877987</t>
  </si>
  <si>
    <t>26.822908401489258</t>
  </si>
  <si>
    <t>1575.162109375</t>
  </si>
  <si>
    <t>-0.08033726990193735</t>
  </si>
  <si>
    <t>27.296152114868164</t>
  </si>
  <si>
    <t>1385.8511962890625</t>
  </si>
  <si>
    <t>0.015203333444601341</t>
  </si>
  <si>
    <t>27.1871337890625</t>
  </si>
  <si>
    <t>1406.8017578125</t>
  </si>
  <si>
    <t>0.0431302278436938</t>
  </si>
  <si>
    <t>26.49101448059082</t>
  </si>
  <si>
    <t>2008.13818359375</t>
  </si>
  <si>
    <t>0.02163161558609339</t>
  </si>
  <si>
    <t>26.658424377441406</t>
  </si>
  <si>
    <t>1754.4896240234375</t>
  </si>
  <si>
    <t>-0.013488402326466087</t>
  </si>
  <si>
    <t>27.45503044128418</t>
  </si>
  <si>
    <t>1668.3323974609375</t>
  </si>
  <si>
    <t>0.008077436610173905</t>
  </si>
  <si>
    <t>26.88689613342285</t>
  </si>
  <si>
    <t>1502.516357421875</t>
  </si>
  <si>
    <t>-0.07495743697001167</t>
  </si>
  <si>
    <t>26.763532638549805</t>
  </si>
  <si>
    <t>1571.4501953125</t>
  </si>
  <si>
    <t>0.006031381371904843</t>
  </si>
  <si>
    <t>26.264068603515625</t>
  </si>
  <si>
    <t>2143.833984375</t>
  </si>
  <si>
    <t>0.01728806097323954</t>
  </si>
  <si>
    <t>1507.4002685546875</t>
  </si>
  <si>
    <t>121.56879425048828</t>
  </si>
  <si>
    <t>Nakhon Nayok</t>
  </si>
  <si>
    <t>1733.7001953125</t>
  </si>
  <si>
    <t>0.13710990872538886</t>
  </si>
  <si>
    <t>1474.900146484375</t>
  </si>
  <si>
    <t>-0.0023287415918957777</t>
  </si>
  <si>
    <t>1329.5</t>
  </si>
  <si>
    <t>0.05112813600514343</t>
  </si>
  <si>
    <t>1598.0999755859375</t>
  </si>
  <si>
    <t>0.034473660465774714</t>
  </si>
  <si>
    <t>27.541664123535156</t>
  </si>
  <si>
    <t>2138.599853515625</t>
  </si>
  <si>
    <t>0.0269216575662643</t>
  </si>
  <si>
    <t>1811.2000732421875</t>
  </si>
  <si>
    <t>1276.6998291015625</t>
  </si>
  <si>
    <t>-0.058743379642145044</t>
  </si>
  <si>
    <t>1603.5</t>
  </si>
  <si>
    <t>-0.018352285940062885</t>
  </si>
  <si>
    <t>1962.300048828125</t>
  </si>
  <si>
    <t>-0.0854232639155672</t>
  </si>
  <si>
    <t>27.44999885559082</t>
  </si>
  <si>
    <t>1840.800048828125</t>
  </si>
  <si>
    <t>0.0041392345081785464</t>
  </si>
  <si>
    <t>27.41666603088379</t>
  </si>
  <si>
    <t>1584.60009765625</t>
  </si>
  <si>
    <t>0.09640199471369826</t>
  </si>
  <si>
    <t>1552.300048828125</t>
  </si>
  <si>
    <t>27.625</t>
  </si>
  <si>
    <t>1779.10009765625</t>
  </si>
  <si>
    <t>0.021923729738597686</t>
  </si>
  <si>
    <t>1447.199951171875</t>
  </si>
  <si>
    <t>0.0008273352006629153</t>
  </si>
  <si>
    <t>1700.10009765625</t>
  </si>
  <si>
    <t>0.007579538675647868</t>
  </si>
  <si>
    <t>27.633337020874023</t>
  </si>
  <si>
    <t>1864.9000244140625</t>
  </si>
  <si>
    <t>-0.05101686993604737</t>
  </si>
  <si>
    <t>1887.7999267578125</t>
  </si>
  <si>
    <t>0.03813051946946899</t>
  </si>
  <si>
    <t>26.958335876464844</t>
  </si>
  <si>
    <t>1760.4000244140625</t>
  </si>
  <si>
    <t>0.008609324700053378</t>
  </si>
  <si>
    <t>1978.60009765625</t>
  </si>
  <si>
    <t>-0.004460973940625834</t>
  </si>
  <si>
    <t>6662</t>
  </si>
  <si>
    <t>0.09818130444572404</t>
  </si>
  <si>
    <t>27.20833396911621</t>
  </si>
  <si>
    <t>2077.10009765625</t>
  </si>
  <si>
    <t>0.041170177668107044</t>
  </si>
  <si>
    <t>1555.5001220703125</t>
  </si>
  <si>
    <t>0.1146088878463658</t>
  </si>
  <si>
    <t>2003.7999267578125</t>
  </si>
  <si>
    <t>0.005763704716750695</t>
  </si>
  <si>
    <t>1628.5001220703125</t>
  </si>
  <si>
    <t>-0.06625988263088267</t>
  </si>
  <si>
    <t>1569.7999267578125</t>
  </si>
  <si>
    <t>0.019326231621835888</t>
  </si>
  <si>
    <t>7621</t>
  </si>
  <si>
    <t>1640.5999755859375</t>
  </si>
  <si>
    <t>0.019878735690316063</t>
  </si>
  <si>
    <t>1960.80029296875</t>
  </si>
  <si>
    <t>0.015752457471474912</t>
  </si>
  <si>
    <t>1572.39990234375</t>
  </si>
  <si>
    <t>0.10335644219398255</t>
  </si>
  <si>
    <t>28.399995803833008</t>
  </si>
  <si>
    <t>1468.0</t>
  </si>
  <si>
    <t>0.008120694278733964</t>
  </si>
  <si>
    <t>1548.8001708984375</t>
  </si>
  <si>
    <t>-0.0750772014256249</t>
  </si>
  <si>
    <t>8078</t>
  </si>
  <si>
    <t>1900.0</t>
  </si>
  <si>
    <t>0.00608432993867325</t>
  </si>
  <si>
    <t>2154.900146484375</t>
  </si>
  <si>
    <t>0.017304230025141365</t>
  </si>
  <si>
    <t>29.308334350585938</t>
  </si>
  <si>
    <t>1163.6953125</t>
  </si>
  <si>
    <t>Nakhon Pathom</t>
  </si>
  <si>
    <t>29.03333282470703</t>
  </si>
  <si>
    <t>0.0804868560263845</t>
  </si>
  <si>
    <t>29.05000114440918</t>
  </si>
  <si>
    <t>1077.89990234375</t>
  </si>
  <si>
    <t>0.14700086631135534</t>
  </si>
  <si>
    <t>0.10291591647048293</t>
  </si>
  <si>
    <t>28.991668701171875</t>
  </si>
  <si>
    <t>1055.2000732421875</t>
  </si>
  <si>
    <t>0.21474400205340238</t>
  </si>
  <si>
    <t>12314</t>
  </si>
  <si>
    <t>1423.800048828125</t>
  </si>
  <si>
    <t>0.055602335034688366</t>
  </si>
  <si>
    <t>1418.2001953125</t>
  </si>
  <si>
    <t>0.1519672728463135</t>
  </si>
  <si>
    <t>29.15833282470703</t>
  </si>
  <si>
    <t>-0.08818529085764482</t>
  </si>
  <si>
    <t>29.416669845581055</t>
  </si>
  <si>
    <t>1315.5</t>
  </si>
  <si>
    <t>-0.1763508455899121</t>
  </si>
  <si>
    <t>11430</t>
  </si>
  <si>
    <t>1467.89990234375</t>
  </si>
  <si>
    <t>0.03807351491894373</t>
  </si>
  <si>
    <t>1229.1998291015625</t>
  </si>
  <si>
    <t>0.008884301969436237</t>
  </si>
  <si>
    <t>11553</t>
  </si>
  <si>
    <t>28.666664123535156</t>
  </si>
  <si>
    <t>1323.8001708984375</t>
  </si>
  <si>
    <t>0.0018193637247261307</t>
  </si>
  <si>
    <t>12190</t>
  </si>
  <si>
    <t>28.949996948242188</t>
  </si>
  <si>
    <t>1173.800048828125</t>
  </si>
  <si>
    <t>0.05367079999229851</t>
  </si>
  <si>
    <t>13223</t>
  </si>
  <si>
    <t>28.90833282470703</t>
  </si>
  <si>
    <t>1248.60009765625</t>
  </si>
  <si>
    <t>0.08134179408150644</t>
  </si>
  <si>
    <t>1024.300048828125</t>
  </si>
  <si>
    <t>0.02686127326566634</t>
  </si>
  <si>
    <t>0.009816928655917323</t>
  </si>
  <si>
    <t>28.85833168029785</t>
  </si>
  <si>
    <t>1438.8001708984375</t>
  </si>
  <si>
    <t>0.05219687378912319</t>
  </si>
  <si>
    <t>12950</t>
  </si>
  <si>
    <t>1364.2000732421875</t>
  </si>
  <si>
    <t>-0.10973702513984662</t>
  </si>
  <si>
    <t>28.241668701171875</t>
  </si>
  <si>
    <t>1277.60009765625</t>
  </si>
  <si>
    <t>-0.03985720911015633</t>
  </si>
  <si>
    <t>1471.0</t>
  </si>
  <si>
    <t>-0.04587734209092176</t>
  </si>
  <si>
    <t>29.224998474121094</t>
  </si>
  <si>
    <t>1356.0</t>
  </si>
  <si>
    <t>0.21608521499096156</t>
  </si>
  <si>
    <t>1476.900146484375</t>
  </si>
  <si>
    <t>0.13952909600407892</t>
  </si>
  <si>
    <t>29.150001525878906</t>
  </si>
  <si>
    <t>1215.0</t>
  </si>
  <si>
    <t>0.11209407303117658</t>
  </si>
  <si>
    <t>20177</t>
  </si>
  <si>
    <t>28.60833740234375</t>
  </si>
  <si>
    <t>1443.5</t>
  </si>
  <si>
    <t>0.061473720861854986</t>
  </si>
  <si>
    <t>28.96666717529297</t>
  </si>
  <si>
    <t>1101.5001220703125</t>
  </si>
  <si>
    <t>0.03386520600188625</t>
  </si>
  <si>
    <t>21928</t>
  </si>
  <si>
    <t>29.383333206176758</t>
  </si>
  <si>
    <t>1205.5</t>
  </si>
  <si>
    <t>0.04935581116605725</t>
  </si>
  <si>
    <t>21828</t>
  </si>
  <si>
    <t>29.5</t>
  </si>
  <si>
    <t>1270.60009765625</t>
  </si>
  <si>
    <t>28.975000381469727</t>
  </si>
  <si>
    <t>1559.699951171875</t>
  </si>
  <si>
    <t>-0.03496370681224015</t>
  </si>
  <si>
    <t>29.008333206176758</t>
  </si>
  <si>
    <t>1194.800048828125</t>
  </si>
  <si>
    <t>0.026821800246501937</t>
  </si>
  <si>
    <t>29.633331298828125</t>
  </si>
  <si>
    <t>932.9000244140625</t>
  </si>
  <si>
    <t>0.008096092798693277</t>
  </si>
  <si>
    <t>20249</t>
  </si>
  <si>
    <t>29.258333206176758</t>
  </si>
  <si>
    <t>-0.07504232593980831</t>
  </si>
  <si>
    <t>20372</t>
  </si>
  <si>
    <t>29.10833168029785</t>
  </si>
  <si>
    <t>1378.89990234375</t>
  </si>
  <si>
    <t>0.006055999405226942</t>
  </si>
  <si>
    <t>20729</t>
  </si>
  <si>
    <t>0.017372276995015312</t>
  </si>
  <si>
    <t>27.885190963745117</t>
  </si>
  <si>
    <t>1215.282470703125</t>
  </si>
  <si>
    <t>833.0562744140625</t>
  </si>
  <si>
    <t>Nakhon Ratchasima</t>
  </si>
  <si>
    <t>3616</t>
  </si>
  <si>
    <t>27.655179977416992</t>
  </si>
  <si>
    <t>1026.4552001953125</t>
  </si>
  <si>
    <t>0.054851082981882016</t>
  </si>
  <si>
    <t>27.578521728515625</t>
  </si>
  <si>
    <t>964.4166259765625</t>
  </si>
  <si>
    <t>0.08505056943167055</t>
  </si>
  <si>
    <t>27.561166763305664</t>
  </si>
  <si>
    <t>959.1182250976562</t>
  </si>
  <si>
    <t>0.06228172197244497</t>
  </si>
  <si>
    <t>27.537620544433594</t>
  </si>
  <si>
    <t>1124.9031982421875</t>
  </si>
  <si>
    <t>0.13695630848820883</t>
  </si>
  <si>
    <t>27.39849090576172</t>
  </si>
  <si>
    <t>1295.577880859375</t>
  </si>
  <si>
    <t>0.11785240543200004</t>
  </si>
  <si>
    <t>26.93657684326172</t>
  </si>
  <si>
    <t>1359.85986328125</t>
  </si>
  <si>
    <t>-0.05728899623762551</t>
  </si>
  <si>
    <t>27.75065040588379</t>
  </si>
  <si>
    <t>985.7811889648438</t>
  </si>
  <si>
    <t>-0.03528722538541018</t>
  </si>
  <si>
    <t>28.046701431274414</t>
  </si>
  <si>
    <t>1077.3974609375</t>
  </si>
  <si>
    <t>-0.12936568421682182</t>
  </si>
  <si>
    <t>26.918996810913086</t>
  </si>
  <si>
    <t>1375.673583984375</t>
  </si>
  <si>
    <t>-0.050685724042594416</t>
  </si>
  <si>
    <t>27.225954055786133</t>
  </si>
  <si>
    <t>1346.94287109375</t>
  </si>
  <si>
    <t>-0.007315321576372824</t>
  </si>
  <si>
    <t>27.177886962890625</t>
  </si>
  <si>
    <t>1156.5208740234375</t>
  </si>
  <si>
    <t>4393</t>
  </si>
  <si>
    <t>27.491262435913086</t>
  </si>
  <si>
    <t>1228.671630859375</t>
  </si>
  <si>
    <t>0.06805025712517399</t>
  </si>
  <si>
    <t>27.45172691345215</t>
  </si>
  <si>
    <t>1122.461669921875</t>
  </si>
  <si>
    <t>0.0804453652187398</t>
  </si>
  <si>
    <t>27.315284729003906</t>
  </si>
  <si>
    <t>1048.181640625</t>
  </si>
  <si>
    <t>0.013145729212501678</t>
  </si>
  <si>
    <t>27.52081871032715</t>
  </si>
  <si>
    <t>1129.6824951171875</t>
  </si>
  <si>
    <t>-0.04407493021908593</t>
  </si>
  <si>
    <t>27.382667541503906</t>
  </si>
  <si>
    <t>1272.0986328125</t>
  </si>
  <si>
    <t>0.025030721718312776</t>
  </si>
  <si>
    <t>27.302352905273438</t>
  </si>
  <si>
    <t>1298.7061767578125</t>
  </si>
  <si>
    <t>0.03569584209321519</t>
  </si>
  <si>
    <t>26.766014099121094</t>
  </si>
  <si>
    <t>1407.8333740234375</t>
  </si>
  <si>
    <t>-0.03548458192553383</t>
  </si>
  <si>
    <t>27.507530212402344</t>
  </si>
  <si>
    <t>1297.84375</t>
  </si>
  <si>
    <t>0.0264736669715262</t>
  </si>
  <si>
    <t>1206.6363525390625</t>
  </si>
  <si>
    <t>0.22376051791475682</t>
  </si>
  <si>
    <t>27.045570373535156</t>
  </si>
  <si>
    <t>1568.3270263671875</t>
  </si>
  <si>
    <t>0.14532424723894977</t>
  </si>
  <si>
    <t>27.756406784057617</t>
  </si>
  <si>
    <t>1090.421142578125</t>
  </si>
  <si>
    <t>0.08044742648153047</t>
  </si>
  <si>
    <t>27.222665786743164</t>
  </si>
  <si>
    <t>1339.5577392578125</t>
  </si>
  <si>
    <t>0.03342462256499523</t>
  </si>
  <si>
    <t>27.615686416625977</t>
  </si>
  <si>
    <t>1101.0400390625</t>
  </si>
  <si>
    <t>-0.013930827883994468</t>
  </si>
  <si>
    <t>7880</t>
  </si>
  <si>
    <t>28.050575256347656</t>
  </si>
  <si>
    <t>1042.2293701171875</t>
  </si>
  <si>
    <t>0.014057739490231924</t>
  </si>
  <si>
    <t>7985</t>
  </si>
  <si>
    <t>28.152664184570312</t>
  </si>
  <si>
    <t>1128.634521484375</t>
  </si>
  <si>
    <t>0.013236877797186963</t>
  </si>
  <si>
    <t>8253</t>
  </si>
  <si>
    <t>27.529159545898438</t>
  </si>
  <si>
    <t>1580.345703125</t>
  </si>
  <si>
    <t>0.03301198894357249</t>
  </si>
  <si>
    <t>27.606748580932617</t>
  </si>
  <si>
    <t>1122.5068359375</t>
  </si>
  <si>
    <t>0.046288668034092595</t>
  </si>
  <si>
    <t>28.219724655151367</t>
  </si>
  <si>
    <t>911.0079956054688</t>
  </si>
  <si>
    <t>0.008065489050609997</t>
  </si>
  <si>
    <t>27.813676834106445</t>
  </si>
  <si>
    <t>1221.88818359375</t>
  </si>
  <si>
    <t>-0.07504412815387518</t>
  </si>
  <si>
    <t>27.64685821533203</t>
  </si>
  <si>
    <t>1330.8267822265625</t>
  </si>
  <si>
    <t>0.006043059643262794</t>
  </si>
  <si>
    <t>27.249753952026367</t>
  </si>
  <si>
    <t>1571.0880126953125</t>
  </si>
  <si>
    <t>0.017429900698658685</t>
  </si>
  <si>
    <t>29.007606506347656</t>
  </si>
  <si>
    <t>1104.3597412109375</t>
  </si>
  <si>
    <t>509.30517578125</t>
  </si>
  <si>
    <t>Nakhon Sawan</t>
  </si>
  <si>
    <t>28.78297996520996</t>
  </si>
  <si>
    <t>953.2015380859375</t>
  </si>
  <si>
    <t>0.08530572092423938</t>
  </si>
  <si>
    <t>28.669885635375977</t>
  </si>
  <si>
    <t>1017.4275512695312</t>
  </si>
  <si>
    <t>0.03778434536091524</t>
  </si>
  <si>
    <t>28.680566787719727</t>
  </si>
  <si>
    <t>871.5897827148438</t>
  </si>
  <si>
    <t>-0.042310856961009335</t>
  </si>
  <si>
    <t>4495</t>
  </si>
  <si>
    <t>28.6550235748291</t>
  </si>
  <si>
    <t>1158.88037109375</t>
  </si>
  <si>
    <t>0.07074237491529445</t>
  </si>
  <si>
    <t>28.483613967895508</t>
  </si>
  <si>
    <t>1241.3304443359375</t>
  </si>
  <si>
    <t>0.10747174484360045</t>
  </si>
  <si>
    <t>28.00449562072754</t>
  </si>
  <si>
    <t>1471.748779296875</t>
  </si>
  <si>
    <t>0.11855973472455439</t>
  </si>
  <si>
    <t>28.84911346435547</t>
  </si>
  <si>
    <t>1019.7373046875</t>
  </si>
  <si>
    <t>-0.06355704494235326</t>
  </si>
  <si>
    <t>4939</t>
  </si>
  <si>
    <t>29.108352661132812</t>
  </si>
  <si>
    <t>1073.5902099609375</t>
  </si>
  <si>
    <t>-0.06827722099089861</t>
  </si>
  <si>
    <t>27.951889038085938</t>
  </si>
  <si>
    <t>1299.02685546875</t>
  </si>
  <si>
    <t>-0.0620175737062425</t>
  </si>
  <si>
    <t>28.30797576904297</t>
  </si>
  <si>
    <t>1353.9559326171875</t>
  </si>
  <si>
    <t>-0.07096440807528381</t>
  </si>
  <si>
    <t>4373</t>
  </si>
  <si>
    <t>28.207975387573242</t>
  </si>
  <si>
    <t>1113.4620361328125</t>
  </si>
  <si>
    <t>0.011268372653821856</t>
  </si>
  <si>
    <t>28.529396057128906</t>
  </si>
  <si>
    <t>1260.0797119140625</t>
  </si>
  <si>
    <t>0.09503988986474354</t>
  </si>
  <si>
    <t>28.511499404907227</t>
  </si>
  <si>
    <t>990.6331176757812</t>
  </si>
  <si>
    <t>0.10959358970790589</t>
  </si>
  <si>
    <t>5430</t>
  </si>
  <si>
    <t>28.362092971801758</t>
  </si>
  <si>
    <t>989.2665405273438</t>
  </si>
  <si>
    <t>0.011856381942411787</t>
  </si>
  <si>
    <t>28.587732315063477</t>
  </si>
  <si>
    <t>1114.3763427734375</t>
  </si>
  <si>
    <t>0.029397870985665264</t>
  </si>
  <si>
    <t>28.426252365112305</t>
  </si>
  <si>
    <t>1414.938720703125</t>
  </si>
  <si>
    <t>0.04510465631225635</t>
  </si>
  <si>
    <t>28.32732391357422</t>
  </si>
  <si>
    <t>1231.6451416015625</t>
  </si>
  <si>
    <t>-0.0011972976714655914</t>
  </si>
  <si>
    <t>27.77752685546875</t>
  </si>
  <si>
    <t>1271.36328125</t>
  </si>
  <si>
    <t>0.03926678958091756</t>
  </si>
  <si>
    <t>28.51202964782715</t>
  </si>
  <si>
    <t>1370.7149658203125</t>
  </si>
  <si>
    <t>0.011615672523131337</t>
  </si>
  <si>
    <t>28.851346969604492</t>
  </si>
  <si>
    <t>1131.6295166015625</t>
  </si>
  <si>
    <t>0.15572950532354923</t>
  </si>
  <si>
    <t>28.068923950195312</t>
  </si>
  <si>
    <t>1624.77783203125</t>
  </si>
  <si>
    <t>0.09183685371179884</t>
  </si>
  <si>
    <t>9555</t>
  </si>
  <si>
    <t>28.783884048461914</t>
  </si>
  <si>
    <t>1122.749755859375</t>
  </si>
  <si>
    <t>0.19337139298053962</t>
  </si>
  <si>
    <t>28.207448959350586</t>
  </si>
  <si>
    <t>1255.765869140625</t>
  </si>
  <si>
    <t>0.024194728587056957</t>
  </si>
  <si>
    <t>28.594999313354492</t>
  </si>
  <si>
    <t>1047.517822265625</t>
  </si>
  <si>
    <t>-0.08536895195621064</t>
  </si>
  <si>
    <t>8651</t>
  </si>
  <si>
    <t>29.092378616333008</t>
  </si>
  <si>
    <t>989.2332763671875</t>
  </si>
  <si>
    <t>-0.03821543312484543</t>
  </si>
  <si>
    <t>29.156312942504883</t>
  </si>
  <si>
    <t>1195.6724853515625</t>
  </si>
  <si>
    <t>-0.0522002024715853</t>
  </si>
  <si>
    <t>28.580472946166992</t>
  </si>
  <si>
    <t>1582.240234375</t>
  </si>
  <si>
    <t>0.052662469901520126</t>
  </si>
  <si>
    <t>28.64200782775879</t>
  </si>
  <si>
    <t>1090.1168212890625</t>
  </si>
  <si>
    <t>0.0512355226436938</t>
  </si>
  <si>
    <t>29.242813110351562</t>
  </si>
  <si>
    <t>872.2335205078125</t>
  </si>
  <si>
    <t>0.00819900739522339</t>
  </si>
  <si>
    <t>28.899641036987305</t>
  </si>
  <si>
    <t>1099.087646484375</t>
  </si>
  <si>
    <t>-0.07515537782586534</t>
  </si>
  <si>
    <t>28.698572158813477</t>
  </si>
  <si>
    <t>1258.718505859375</t>
  </si>
  <si>
    <t>0.006084736770105792</t>
  </si>
  <si>
    <t>28.282541275024414</t>
  </si>
  <si>
    <t>1636.6640625</t>
  </si>
  <si>
    <t>0.017462137839752145</t>
  </si>
  <si>
    <t>27.893301010131836</t>
  </si>
  <si>
    <t>1892.5758056640625</t>
  </si>
  <si>
    <t>630.703857421875</t>
  </si>
  <si>
    <t>Nakhon Si Thammarat</t>
  </si>
  <si>
    <t>27.6462459564209</t>
  </si>
  <si>
    <t>1923.3543701171875</t>
  </si>
  <si>
    <t>0.08674942544916675</t>
  </si>
  <si>
    <t>27.690414428710938</t>
  </si>
  <si>
    <t>1788.2850341796875</t>
  </si>
  <si>
    <t>0.005030553188715814</t>
  </si>
  <si>
    <t>27.483121871948242</t>
  </si>
  <si>
    <t>2527.236083984375</t>
  </si>
  <si>
    <t>0.07257069283483553</t>
  </si>
  <si>
    <t>27.5598201751709</t>
  </si>
  <si>
    <t>2138.489990234375</t>
  </si>
  <si>
    <t>0.10735851832049903</t>
  </si>
  <si>
    <t>27.45690155029297</t>
  </si>
  <si>
    <t>2157.1455078125</t>
  </si>
  <si>
    <t>0.11364942086328966</t>
  </si>
  <si>
    <t>6365</t>
  </si>
  <si>
    <t>27.269790649414062</t>
  </si>
  <si>
    <t>2492.478759765625</t>
  </si>
  <si>
    <t>0.12572889604930637</t>
  </si>
  <si>
    <t>27.809045791625977</t>
  </si>
  <si>
    <t>1937.74560546875</t>
  </si>
  <si>
    <t>-0.012807511615994471</t>
  </si>
  <si>
    <t>6025</t>
  </si>
  <si>
    <t>28.013748168945312</t>
  </si>
  <si>
    <t>2620.769287109375</t>
  </si>
  <si>
    <t>-0.04208924101665623</t>
  </si>
  <si>
    <t>27.14089012145996</t>
  </si>
  <si>
    <t>2759.237060546875</t>
  </si>
  <si>
    <t>-0.028621482327038095</t>
  </si>
  <si>
    <t>5860</t>
  </si>
  <si>
    <t>27.480207443237305</t>
  </si>
  <si>
    <t>2587.728515625</t>
  </si>
  <si>
    <t>0.0008536065392412695</t>
  </si>
  <si>
    <t>27.503005981445312</t>
  </si>
  <si>
    <t>1955.05126953125</t>
  </si>
  <si>
    <t>-0.017733097895249017</t>
  </si>
  <si>
    <t>27.81029510498047</t>
  </si>
  <si>
    <t>2050.895751953125</t>
  </si>
  <si>
    <t>0.04947646343110357</t>
  </si>
  <si>
    <t>27.71050453186035</t>
  </si>
  <si>
    <t>2174.015625</t>
  </si>
  <si>
    <t>0.07590122904635166</t>
  </si>
  <si>
    <t>27.62288475036621</t>
  </si>
  <si>
    <t>1600.5078125</t>
  </si>
  <si>
    <t>0.041422488413875413</t>
  </si>
  <si>
    <t>27.646873474121094</t>
  </si>
  <si>
    <t>2346.643798828125</t>
  </si>
  <si>
    <t>0.0014690762154376813</t>
  </si>
  <si>
    <t>27.591516494750977</t>
  </si>
  <si>
    <t>2015.7471923828125</t>
  </si>
  <si>
    <t>0.007167440908313338</t>
  </si>
  <si>
    <t>27.559343338012695</t>
  </si>
  <si>
    <t>2281.527587890625</t>
  </si>
  <si>
    <t>-0.03711827535731338</t>
  </si>
  <si>
    <t>27.176246643066406</t>
  </si>
  <si>
    <t>2224.55712890625</t>
  </si>
  <si>
    <t>-0.00530827059756156</t>
  </si>
  <si>
    <t>27.676252365112305</t>
  </si>
  <si>
    <t>2113.751953125</t>
  </si>
  <si>
    <t>-0.03387008979960804</t>
  </si>
  <si>
    <t>7670</t>
  </si>
  <si>
    <t>27.909578323364258</t>
  </si>
  <si>
    <t>2620.976318359375</t>
  </si>
  <si>
    <t>0.18776004742489327</t>
  </si>
  <si>
    <t>27.347230911254883</t>
  </si>
  <si>
    <t>2583.688720703125</t>
  </si>
  <si>
    <t>0.11792788971617085</t>
  </si>
  <si>
    <t>27.781042098999023</t>
  </si>
  <si>
    <t>2531.44873046875</t>
  </si>
  <si>
    <t>-0.03718339245044433</t>
  </si>
  <si>
    <t>27.53080177307129</t>
  </si>
  <si>
    <t>2215.96240234375</t>
  </si>
  <si>
    <t>-0.012829999278762827</t>
  </si>
  <si>
    <t>27.75172233581543</t>
  </si>
  <si>
    <t>2241.7216796875</t>
  </si>
  <si>
    <t>-0.07524245540582264</t>
  </si>
  <si>
    <t>28.065473556518555</t>
  </si>
  <si>
    <t>2566.953369140625</t>
  </si>
  <si>
    <t>-0.022043117985539595</t>
  </si>
  <si>
    <t>28.30225944519043</t>
  </si>
  <si>
    <t>2867.0654296875</t>
  </si>
  <si>
    <t>0.04361079821553382</t>
  </si>
  <si>
    <t>27.694726943969727</t>
  </si>
  <si>
    <t>2489.00244140625</t>
  </si>
  <si>
    <t>0.02751013315945272</t>
  </si>
  <si>
    <t>8021</t>
  </si>
  <si>
    <t>27.779165267944336</t>
  </si>
  <si>
    <t>2480.851318359375</t>
  </si>
  <si>
    <t>0.0029966310350353353</t>
  </si>
  <si>
    <t>8086</t>
  </si>
  <si>
    <t>28.167970657348633</t>
  </si>
  <si>
    <t>1718.2364501953125</t>
  </si>
  <si>
    <t>27.847557067871094</t>
  </si>
  <si>
    <t>2356.361328125</t>
  </si>
  <si>
    <t>-0.07509782623107952</t>
  </si>
  <si>
    <t>27.757646560668945</t>
  </si>
  <si>
    <t>2334.027587890625</t>
  </si>
  <si>
    <t>0.006113788315230906</t>
  </si>
  <si>
    <t>27.517465591430664</t>
  </si>
  <si>
    <t>2883.04248046875</t>
  </si>
  <si>
    <t>0.017339197045675547</t>
  </si>
  <si>
    <t>24.872451782226562</t>
  </si>
  <si>
    <t>1380.7879638671875</t>
  </si>
  <si>
    <t>167.78237915039062</t>
  </si>
  <si>
    <t>Nan</t>
  </si>
  <si>
    <t>24.767303466796875</t>
  </si>
  <si>
    <t>1152.0626220703125</t>
  </si>
  <si>
    <t>0.04297949266027601</t>
  </si>
  <si>
    <t>24.54865074157715</t>
  </si>
  <si>
    <t>1224.023193359375</t>
  </si>
  <si>
    <t>0.027548077703506202</t>
  </si>
  <si>
    <t>24.66206932067871</t>
  </si>
  <si>
    <t>978.21484375</t>
  </si>
  <si>
    <t>0.05704658828769382</t>
  </si>
  <si>
    <t>24.5611515045166</t>
  </si>
  <si>
    <t>1631.0634765625</t>
  </si>
  <si>
    <t>0.047340625955847315</t>
  </si>
  <si>
    <t>24.47402000427246</t>
  </si>
  <si>
    <t>1506.404052734375</t>
  </si>
  <si>
    <t>0.08844582667125245</t>
  </si>
  <si>
    <t>24.015762329101562</t>
  </si>
  <si>
    <t>1505.3831787109375</t>
  </si>
  <si>
    <t>0.13608690736266382</t>
  </si>
  <si>
    <t>24.805204391479492</t>
  </si>
  <si>
    <t>1313.0517578125</t>
  </si>
  <si>
    <t>-0.08459999409943464</t>
  </si>
  <si>
    <t>25.20302391052246</t>
  </si>
  <si>
    <t>1252.22119140625</t>
  </si>
  <si>
    <t>-0.09994518230847227</t>
  </si>
  <si>
    <t>24.08898162841797</t>
  </si>
  <si>
    <t>1504.24267578125</t>
  </si>
  <si>
    <t>0.0773588627990005</t>
  </si>
  <si>
    <t>24.351646423339844</t>
  </si>
  <si>
    <t>1512.1678466796875</t>
  </si>
  <si>
    <t>-0.15177957928678154</t>
  </si>
  <si>
    <t>24.295724868774414</t>
  </si>
  <si>
    <t>1545.14404296875</t>
  </si>
  <si>
    <t>-0.005331673285619232</t>
  </si>
  <si>
    <t>24.486968994140625</t>
  </si>
  <si>
    <t>1642.13623046875</t>
  </si>
  <si>
    <t>0.0947382610012042</t>
  </si>
  <si>
    <t>3589</t>
  </si>
  <si>
    <t>24.529953002929688</t>
  </si>
  <si>
    <t>1241.6571044921875</t>
  </si>
  <si>
    <t>0.026254154372180594</t>
  </si>
  <si>
    <t>24.37420082092285</t>
  </si>
  <si>
    <t>1332.6396484375</t>
  </si>
  <si>
    <t>0.014384757027826822</t>
  </si>
  <si>
    <t>24.652360916137695</t>
  </si>
  <si>
    <t>1501.5509033203125</t>
  </si>
  <si>
    <t>0.010382606929340454</t>
  </si>
  <si>
    <t>24.514131546020508</t>
  </si>
  <si>
    <t>1550.33544921875</t>
  </si>
  <si>
    <t>0.01590973291073361</t>
  </si>
  <si>
    <t>24.414518356323242</t>
  </si>
  <si>
    <t>1380.2135009765625</t>
  </si>
  <si>
    <t>0.09803034469139327</t>
  </si>
  <si>
    <t>24.017019271850586</t>
  </si>
  <si>
    <t>1486.8009033203125</t>
  </si>
  <si>
    <t>24.7891845703125</t>
  </si>
  <si>
    <t>1476.5269775390625</t>
  </si>
  <si>
    <t>0.004589934377788651</t>
  </si>
  <si>
    <t>25.085227966308594</t>
  </si>
  <si>
    <t>1364.552978515625</t>
  </si>
  <si>
    <t>0.03574768134878603</t>
  </si>
  <si>
    <t>4211</t>
  </si>
  <si>
    <t>24.20201873779297</t>
  </si>
  <si>
    <t>1836.65869140625</t>
  </si>
  <si>
    <t>-0.02091487351972532</t>
  </si>
  <si>
    <t>25.04715919494629</t>
  </si>
  <si>
    <t>1305.2835693359375</t>
  </si>
  <si>
    <t>0.11283665533414755</t>
  </si>
  <si>
    <t>24.557523727416992</t>
  </si>
  <si>
    <t>1499.5966796875</t>
  </si>
  <si>
    <t>-0.003825721988143016</t>
  </si>
  <si>
    <t>24.882173538208008</t>
  </si>
  <si>
    <t>1302.5303955078125</t>
  </si>
  <si>
    <t>0.021488081891707367</t>
  </si>
  <si>
    <t>25.384737014770508</t>
  </si>
  <si>
    <t>1185.1849365234375</t>
  </si>
  <si>
    <t>0.06182538162498474</t>
  </si>
  <si>
    <t>25.373502731323242</t>
  </si>
  <si>
    <t>1593.58251953125</t>
  </si>
  <si>
    <t>0.015745295639002066</t>
  </si>
  <si>
    <t>24.74322509765625</t>
  </si>
  <si>
    <t>1647.2974853515625</t>
  </si>
  <si>
    <t>0.017208837680639633</t>
  </si>
  <si>
    <t>24.79405975341797</t>
  </si>
  <si>
    <t>1423.51611328125</t>
  </si>
  <si>
    <t>0.053697983741569644</t>
  </si>
  <si>
    <t>25.451059341430664</t>
  </si>
  <si>
    <t>969.6817016601562</t>
  </si>
  <si>
    <t>0.008052293665135934</t>
  </si>
  <si>
    <t>25.156888961791992</t>
  </si>
  <si>
    <t>1186.830810546875</t>
  </si>
  <si>
    <t>-0.0749171501964625</t>
  </si>
  <si>
    <t>5237</t>
  </si>
  <si>
    <t>24.95081329345703</t>
  </si>
  <si>
    <t>1287.732666015625</t>
  </si>
  <si>
    <t>0.005937008724977488</t>
  </si>
  <si>
    <t>5329</t>
  </si>
  <si>
    <t>24.521448135375977</t>
  </si>
  <si>
    <t>1701.235107421875</t>
  </si>
  <si>
    <t>0.01741478801729457</t>
  </si>
  <si>
    <t>1814.1002197265625</t>
  </si>
  <si>
    <t>161.8260955810547</t>
  </si>
  <si>
    <t>Narathiwat</t>
  </si>
  <si>
    <t>2109.39990234375</t>
  </si>
  <si>
    <t>-0.012618463959212178</t>
  </si>
  <si>
    <t>1966.0999755859375</t>
  </si>
  <si>
    <t>0.024563555353308786</t>
  </si>
  <si>
    <t>2824.10009765625</t>
  </si>
  <si>
    <t>-0.013513719166724059</t>
  </si>
  <si>
    <t>2179.30029296875</t>
  </si>
  <si>
    <t>0.0804049171553114</t>
  </si>
  <si>
    <t>2703.7998046875</t>
  </si>
  <si>
    <t>0.11245743604442637</t>
  </si>
  <si>
    <t>2893.099853515625</t>
  </si>
  <si>
    <t>0.05253308647692734</t>
  </si>
  <si>
    <t>27.883337020874023</t>
  </si>
  <si>
    <t>2431.5</t>
  </si>
  <si>
    <t>-0.09619081309797295</t>
  </si>
  <si>
    <t>2657.89990234375</t>
  </si>
  <si>
    <t>-0.09126159127832523</t>
  </si>
  <si>
    <t>3964.60009765625</t>
  </si>
  <si>
    <t>-0.06819953546755464</t>
  </si>
  <si>
    <t>3149.60009765625</t>
  </si>
  <si>
    <t>-0.040183375676914324</t>
  </si>
  <si>
    <t>2115.800048828125</t>
  </si>
  <si>
    <t>-0.059816610425929895</t>
  </si>
  <si>
    <t>2577.400146484375</t>
  </si>
  <si>
    <t>0.13302001444922595</t>
  </si>
  <si>
    <t>27.816667556762695</t>
  </si>
  <si>
    <t>2734.900390625</t>
  </si>
  <si>
    <t>0.14386781287167416</t>
  </si>
  <si>
    <t>2011.5999755859375</t>
  </si>
  <si>
    <t>0.06619827255593513</t>
  </si>
  <si>
    <t>2667.400146484375</t>
  </si>
  <si>
    <t>0.0390293439057352</t>
  </si>
  <si>
    <t>27.550003051757812</t>
  </si>
  <si>
    <t>2329.599853515625</t>
  </si>
  <si>
    <t>2330.7001953125</t>
  </si>
  <si>
    <t>0.02039426677472811</t>
  </si>
  <si>
    <t>27.258331298828125</t>
  </si>
  <si>
    <t>2893.900146484375</t>
  </si>
  <si>
    <t>0.0007080899570066634</t>
  </si>
  <si>
    <t>2724.39990234375</t>
  </si>
  <si>
    <t>-0.059795466457085666</t>
  </si>
  <si>
    <t>2694.900146484375</t>
  </si>
  <si>
    <t>0.20314402317650604</t>
  </si>
  <si>
    <t>7427</t>
  </si>
  <si>
    <t>2964.0</t>
  </si>
  <si>
    <t>0.12994093132003215</t>
  </si>
  <si>
    <t>2846.5</t>
  </si>
  <si>
    <t>-0.3562710938962237</t>
  </si>
  <si>
    <t>27.649999618530273</t>
  </si>
  <si>
    <t>2468.0</t>
  </si>
  <si>
    <t>-0.0987384684416508</t>
  </si>
  <si>
    <t>4451</t>
  </si>
  <si>
    <t>2434.89990234375</t>
  </si>
  <si>
    <t>-0.0569836563155679</t>
  </si>
  <si>
    <t>4241</t>
  </si>
  <si>
    <t>2308.199951171875</t>
  </si>
  <si>
    <t>-0.04832969954126298</t>
  </si>
  <si>
    <t>4490</t>
  </si>
  <si>
    <t>28.325002670288086</t>
  </si>
  <si>
    <t>2618.900390625</t>
  </si>
  <si>
    <t>0.05705361126170949</t>
  </si>
  <si>
    <t>2652.89990234375</t>
  </si>
  <si>
    <t>-0.05023887451362974</t>
  </si>
  <si>
    <t>4565</t>
  </si>
  <si>
    <t>2543.89990234375</t>
  </si>
  <si>
    <t>0.06680468680639784</t>
  </si>
  <si>
    <t>1788.6998291015625</t>
  </si>
  <si>
    <t>0.008072477566242853</t>
  </si>
  <si>
    <t>4269</t>
  </si>
  <si>
    <t>2812.30029296875</t>
  </si>
  <si>
    <t>-0.07511138383734917</t>
  </si>
  <si>
    <t>2523.300048828125</t>
  </si>
  <si>
    <t>0.0060719476603932065</t>
  </si>
  <si>
    <t>3108.2998046875</t>
  </si>
  <si>
    <t>0.017540260444958378</t>
  </si>
  <si>
    <t>27.250343322753906</t>
  </si>
  <si>
    <t>1514.7205810546875</t>
  </si>
  <si>
    <t>642.3309936523438</t>
  </si>
  <si>
    <t>Nong Bua Lam Phu / Udon Thani</t>
  </si>
  <si>
    <t>27.079566955566406</t>
  </si>
  <si>
    <t>1310.7423095703125</t>
  </si>
  <si>
    <t>0.05298472888528849</t>
  </si>
  <si>
    <t>26.94325065612793</t>
  </si>
  <si>
    <t>1331.55419921875</t>
  </si>
  <si>
    <t>0.07650788603604308</t>
  </si>
  <si>
    <t>27.021102905273438</t>
  </si>
  <si>
    <t>1173.3123779296875</t>
  </si>
  <si>
    <t>-0.024011187589335847</t>
  </si>
  <si>
    <t>26.96855926513672</t>
  </si>
  <si>
    <t>1661.3836669921875</t>
  </si>
  <si>
    <t>0.1458777847550934</t>
  </si>
  <si>
    <t>26.789987564086914</t>
  </si>
  <si>
    <t>1576.0404052734375</t>
  </si>
  <si>
    <t>0.12119066786998545</t>
  </si>
  <si>
    <t>26.296226501464844</t>
  </si>
  <si>
    <t>1598.6854248046875</t>
  </si>
  <si>
    <t>0.06764048097728192</t>
  </si>
  <si>
    <t>3658</t>
  </si>
  <si>
    <t>27.168256759643555</t>
  </si>
  <si>
    <t>1283.59033203125</t>
  </si>
  <si>
    <t>-0.05193551567534627</t>
  </si>
  <si>
    <t>27.595998764038086</t>
  </si>
  <si>
    <t>1313.236572265625</t>
  </si>
  <si>
    <t>-0.12660394713537393</t>
  </si>
  <si>
    <t>26.501142501831055</t>
  </si>
  <si>
    <t>1650.063232421875</t>
  </si>
  <si>
    <t>-0.06770829289565405</t>
  </si>
  <si>
    <t>26.740188598632812</t>
  </si>
  <si>
    <t>1732.6351318359375</t>
  </si>
  <si>
    <t>-0.046899522280813066</t>
  </si>
  <si>
    <t>26.712373733520508</t>
  </si>
  <si>
    <t>1560.31396484375</t>
  </si>
  <si>
    <t>-0.01896790270681148</t>
  </si>
  <si>
    <t>26.926523208618164</t>
  </si>
  <si>
    <t>1687.921630859375</t>
  </si>
  <si>
    <t>0.04540721101078038</t>
  </si>
  <si>
    <t>26.919546127319336</t>
  </si>
  <si>
    <t>1390.1160888671875</t>
  </si>
  <si>
    <t>0.10508938436083515</t>
  </si>
  <si>
    <t>26.71680450439453</t>
  </si>
  <si>
    <t>1415.445556640625</t>
  </si>
  <si>
    <t>0.017838719447599516</t>
  </si>
  <si>
    <t>3203</t>
  </si>
  <si>
    <t>27.084814071655273</t>
  </si>
  <si>
    <t>1417.378173828125</t>
  </si>
  <si>
    <t>-0.040984329142215614</t>
  </si>
  <si>
    <t>26.94536018371582</t>
  </si>
  <si>
    <t>1422.448486328125</t>
  </si>
  <si>
    <t>0.061450711613474596</t>
  </si>
  <si>
    <t>26.817197799682617</t>
  </si>
  <si>
    <t>1540.6693115234375</t>
  </si>
  <si>
    <t>0.11051456244264735</t>
  </si>
  <si>
    <t>26.207387924194336</t>
  </si>
  <si>
    <t>1856.1256103515625</t>
  </si>
  <si>
    <t>-0.04544403369765959</t>
  </si>
  <si>
    <t>27.182411193847656</t>
  </si>
  <si>
    <t>1585.694580078125</t>
  </si>
  <si>
    <t>0.07088013121543568</t>
  </si>
  <si>
    <t>27.362579345703125</t>
  </si>
  <si>
    <t>1456.679931640625</t>
  </si>
  <si>
    <t>0.1826632035345508</t>
  </si>
  <si>
    <t>26.473676681518555</t>
  </si>
  <si>
    <t>1891.8011474609375</t>
  </si>
  <si>
    <t>0.11369460590631775</t>
  </si>
  <si>
    <t>27.39862060546875</t>
  </si>
  <si>
    <t>1258.05908203125</t>
  </si>
  <si>
    <t>0.01475343574995236</t>
  </si>
  <si>
    <t>26.778867721557617</t>
  </si>
  <si>
    <t>1484.134033203125</t>
  </si>
  <si>
    <t>0.05266299054795098</t>
  </si>
  <si>
    <t>27.18910026550293</t>
  </si>
  <si>
    <t>1249.8798828125</t>
  </si>
  <si>
    <t>-0.010565054848097333</t>
  </si>
  <si>
    <t>27.69295310974121</t>
  </si>
  <si>
    <t>1185.197998046875</t>
  </si>
  <si>
    <t>0.009317394049942251</t>
  </si>
  <si>
    <t>27.696876525878906</t>
  </si>
  <si>
    <t>1321.797119140625</t>
  </si>
  <si>
    <t>0.025879447987820825</t>
  </si>
  <si>
    <t>26.96416664123535</t>
  </si>
  <si>
    <t>1711.2816162109375</t>
  </si>
  <si>
    <t>0.022681384681924044</t>
  </si>
  <si>
    <t>5934</t>
  </si>
  <si>
    <t>27.083303451538086</t>
  </si>
  <si>
    <t>1376.096435546875</t>
  </si>
  <si>
    <t>0.008121872057349933</t>
  </si>
  <si>
    <t>27.834054946899414</t>
  </si>
  <si>
    <t>1161.2044677734375</t>
  </si>
  <si>
    <t>0.008056438339124838</t>
  </si>
  <si>
    <t>27.3437557220459</t>
  </si>
  <si>
    <t>1331.76806640625</t>
  </si>
  <si>
    <t>-0.07495703244941332</t>
  </si>
  <si>
    <t>5584</t>
  </si>
  <si>
    <t>27.2069034576416</t>
  </si>
  <si>
    <t>1275.1229248046875</t>
  </si>
  <si>
    <t>0.006107437701729168</t>
  </si>
  <si>
    <t>26.71863555908203</t>
  </si>
  <si>
    <t>1810.3421630859375</t>
  </si>
  <si>
    <t>0.01722190811491764</t>
  </si>
  <si>
    <t>27.38654136657715</t>
  </si>
  <si>
    <t>1733.7630615234375</t>
  </si>
  <si>
    <t>348.02764892578125</t>
  </si>
  <si>
    <t>Nong Khai</t>
  </si>
  <si>
    <t>27.22132110595703</t>
  </si>
  <si>
    <t>1491.2362060546875</t>
  </si>
  <si>
    <t>0.0236766348161499</t>
  </si>
  <si>
    <t>27.053207397460938</t>
  </si>
  <si>
    <t>1485.3065185546875</t>
  </si>
  <si>
    <t>0.07213331296344982</t>
  </si>
  <si>
    <t>27.19291877746582</t>
  </si>
  <si>
    <t>1318.86376953125</t>
  </si>
  <si>
    <t>-0.026031838717946343</t>
  </si>
  <si>
    <t>27.117918014526367</t>
  </si>
  <si>
    <t>1837.421875</t>
  </si>
  <si>
    <t>0.08021175509173961</t>
  </si>
  <si>
    <t>26.9542236328125</t>
  </si>
  <si>
    <t>1738.7880859375</t>
  </si>
  <si>
    <t>0.09013361065549841</t>
  </si>
  <si>
    <t>26.467918395996094</t>
  </si>
  <si>
    <t>1720.8382568359375</t>
  </si>
  <si>
    <t>-0.019024431559216737</t>
  </si>
  <si>
    <t>27.33704948425293</t>
  </si>
  <si>
    <t>1479.4774169921875</t>
  </si>
  <si>
    <t>-0.06840829966914974</t>
  </si>
  <si>
    <t>27.736541748046875</t>
  </si>
  <si>
    <t>1421.8089599609375</t>
  </si>
  <si>
    <t>-0.05866682949591784</t>
  </si>
  <si>
    <t>26.701250076293945</t>
  </si>
  <si>
    <t>1847.376953125</t>
  </si>
  <si>
    <t>0.011022333814503682</t>
  </si>
  <si>
    <t>26.9267578125</t>
  </si>
  <si>
    <t>1813.489501953125</t>
  </si>
  <si>
    <t>-0.15994300053176236</t>
  </si>
  <si>
    <t>26.890960693359375</t>
  </si>
  <si>
    <t>1745.751708984375</t>
  </si>
  <si>
    <t>-0.0012455887016287193</t>
  </si>
  <si>
    <t>27.140451431274414</t>
  </si>
  <si>
    <t>1990.727294921875</t>
  </si>
  <si>
    <t>0.16436599702577936</t>
  </si>
  <si>
    <t>27.173784255981445</t>
  </si>
  <si>
    <t>1579.2021484375</t>
  </si>
  <si>
    <t>0.060520944377588926</t>
  </si>
  <si>
    <t>26.920381546020508</t>
  </si>
  <si>
    <t>1613.830078125</t>
  </si>
  <si>
    <t>0.038403677924254254</t>
  </si>
  <si>
    <t>27.317407608032227</t>
  </si>
  <si>
    <t>1637.1993408203125</t>
  </si>
  <si>
    <t>-0.030801592064944927</t>
  </si>
  <si>
    <t>27.19929313659668</t>
  </si>
  <si>
    <t>1579.0009765625</t>
  </si>
  <si>
    <t>0.0575790621932768</t>
  </si>
  <si>
    <t>27.011032104492188</t>
  </si>
  <si>
    <t>1687.554443359375</t>
  </si>
  <si>
    <t>0.021830228937044893</t>
  </si>
  <si>
    <t>26.38067054748535</t>
  </si>
  <si>
    <t>2107.434326171875</t>
  </si>
  <si>
    <t>0.020768240803963778</t>
  </si>
  <si>
    <t>27.413496017456055</t>
  </si>
  <si>
    <t>1648.6461181640625</t>
  </si>
  <si>
    <t>0.09403658769644885</t>
  </si>
  <si>
    <t>27.565961837768555</t>
  </si>
  <si>
    <t>1662.8233642578125</t>
  </si>
  <si>
    <t>0.3091421234715508</t>
  </si>
  <si>
    <t>26.644874572753906</t>
  </si>
  <si>
    <t>2034.61669921875</t>
  </si>
  <si>
    <t>0.2041749710085785</t>
  </si>
  <si>
    <t>27.611539840698242</t>
  </si>
  <si>
    <t>1464.578369140625</t>
  </si>
  <si>
    <t>0.0014594991644543143</t>
  </si>
  <si>
    <t>26.944875717163086</t>
  </si>
  <si>
    <t>1673.44677734375</t>
  </si>
  <si>
    <t>0.053478556881547235</t>
  </si>
  <si>
    <t>6034</t>
  </si>
  <si>
    <t>27.400232315063477</t>
  </si>
  <si>
    <t>1294.3865966796875</t>
  </si>
  <si>
    <t>-0.0759293154836076</t>
  </si>
  <si>
    <t>27.88212013244629</t>
  </si>
  <si>
    <t>1187.4403076171875</t>
  </si>
  <si>
    <t>0.042821981941962406</t>
  </si>
  <si>
    <t>27.799802780151367</t>
  </si>
  <si>
    <t>1457.7381591796875</t>
  </si>
  <si>
    <t>0.03310733354164519</t>
  </si>
  <si>
    <t>27.0537166595459</t>
  </si>
  <si>
    <t>1765.260986328125</t>
  </si>
  <si>
    <t>0.011303007154291222</t>
  </si>
  <si>
    <t>27.203208923339844</t>
  </si>
  <si>
    <t>1488.884521484375</t>
  </si>
  <si>
    <t>0.036242875061374136</t>
  </si>
  <si>
    <t>28.014944076538086</t>
  </si>
  <si>
    <t>1244.465087890625</t>
  </si>
  <si>
    <t>0.008169264980084634</t>
  </si>
  <si>
    <t>27.464004516601562</t>
  </si>
  <si>
    <t>1439.185546875</t>
  </si>
  <si>
    <t>-0.07510311393172486</t>
  </si>
  <si>
    <t>27.341468811035156</t>
  </si>
  <si>
    <t>1354.6531982421875</t>
  </si>
  <si>
    <t>0.00608948715995794</t>
  </si>
  <si>
    <t>26.832117080688477</t>
  </si>
  <si>
    <t>2059.289794921875</t>
  </si>
  <si>
    <t>0.01743736798613149</t>
  </si>
  <si>
    <t>289.47027587890625</t>
  </si>
  <si>
    <t>Pattani</t>
  </si>
  <si>
    <t>0.029390199118020988</t>
  </si>
  <si>
    <t>1467.10009765625</t>
  </si>
  <si>
    <t>0.1654505534974149</t>
  </si>
  <si>
    <t>2117.5</t>
  </si>
  <si>
    <t>0.07418002258905787</t>
  </si>
  <si>
    <t>6872</t>
  </si>
  <si>
    <t>27.624998092651367</t>
  </si>
  <si>
    <t>1995.0001220703125</t>
  </si>
  <si>
    <t>0.07022013349498835</t>
  </si>
  <si>
    <t>2055.599853515625</t>
  </si>
  <si>
    <t>0.030101169007757278</t>
  </si>
  <si>
    <t>2237.900146484375</t>
  </si>
  <si>
    <t>0.019021552530885444</t>
  </si>
  <si>
    <t>1747.5</t>
  </si>
  <si>
    <t>-0.04042953436723806</t>
  </si>
  <si>
    <t>6431</t>
  </si>
  <si>
    <t>2238.2998046875</t>
  </si>
  <si>
    <t>-0.07501832470063441</t>
  </si>
  <si>
    <t>2811.800048828125</t>
  </si>
  <si>
    <t>-0.08533059750340044</t>
  </si>
  <si>
    <t>2336.099853515625</t>
  </si>
  <si>
    <t>-0.07214286197624276</t>
  </si>
  <si>
    <t>1771.8001708984375</t>
  </si>
  <si>
    <t>-0.07559321111581596</t>
  </si>
  <si>
    <t>0.0017652255245685922</t>
  </si>
  <si>
    <t>28.01666831970215</t>
  </si>
  <si>
    <t>1809.0001220703125</t>
  </si>
  <si>
    <t>-0.08120282904449105</t>
  </si>
  <si>
    <t>28.008331298828125</t>
  </si>
  <si>
    <t>1425.9000244140625</t>
  </si>
  <si>
    <t>-0.048556397658607864</t>
  </si>
  <si>
    <t>2199.7998046875</t>
  </si>
  <si>
    <t>-0.05550610613486917</t>
  </si>
  <si>
    <t>1801.0999755859375</t>
  </si>
  <si>
    <t>0.009623357918941977</t>
  </si>
  <si>
    <t>1715.2999267578125</t>
  </si>
  <si>
    <t>-0.08376761520120724</t>
  </si>
  <si>
    <t>27.45833396911621</t>
  </si>
  <si>
    <t>2352.39990234375</t>
  </si>
  <si>
    <t>-0.04122424288228288</t>
  </si>
  <si>
    <t>1970.39990234375</t>
  </si>
  <si>
    <t>-0.0005295207960642756</t>
  </si>
  <si>
    <t>2432.39990234375</t>
  </si>
  <si>
    <t>0.32037791874320654</t>
  </si>
  <si>
    <t>2345.5</t>
  </si>
  <si>
    <t>0.21099780961800008</t>
  </si>
  <si>
    <t>2235.199951171875</t>
  </si>
  <si>
    <t>0.01268385140669892</t>
  </si>
  <si>
    <t>1946.60009765625</t>
  </si>
  <si>
    <t>-0.028689214257733298</t>
  </si>
  <si>
    <t>1993.199951171875</t>
  </si>
  <si>
    <t>-0.01803576141067076</t>
  </si>
  <si>
    <t>1893.60009765625</t>
  </si>
  <si>
    <t>-0.011500896185211218</t>
  </si>
  <si>
    <t>28.466665267944336</t>
  </si>
  <si>
    <t>2085.7001953125</t>
  </si>
  <si>
    <t>2137.699951171875</t>
  </si>
  <si>
    <t>-0.18747715650311747</t>
  </si>
  <si>
    <t>5568</t>
  </si>
  <si>
    <t>2008.39990234375</t>
  </si>
  <si>
    <t>0.027493766356357696</t>
  </si>
  <si>
    <t>1402.2999267578125</t>
  </si>
  <si>
    <t>0.008049412927944033</t>
  </si>
  <si>
    <t>2257.699951171875</t>
  </si>
  <si>
    <t>-0.07508146177930186</t>
  </si>
  <si>
    <t>2040.7000732421875</t>
  </si>
  <si>
    <t>0.006126766245321491</t>
  </si>
  <si>
    <t>5331</t>
  </si>
  <si>
    <t>2627.7998046875</t>
  </si>
  <si>
    <t>27.258569717407227</t>
  </si>
  <si>
    <t>1184.630615234375</t>
  </si>
  <si>
    <t>127.76748657226562</t>
  </si>
  <si>
    <t>Phachuap Khiri Khan</t>
  </si>
  <si>
    <t>5447</t>
  </si>
  <si>
    <t>27.017908096313477</t>
  </si>
  <si>
    <t>1319.5223388671875</t>
  </si>
  <si>
    <t>0.14219743745583102</t>
  </si>
  <si>
    <t>6242</t>
  </si>
  <si>
    <t>26.97524070739746</t>
  </si>
  <si>
    <t>1324.8846435546875</t>
  </si>
  <si>
    <t>0.1362356454470497</t>
  </si>
  <si>
    <t>6031</t>
  </si>
  <si>
    <t>26.921323776245117</t>
  </si>
  <si>
    <t>1137.4033203125</t>
  </si>
  <si>
    <t>-0.03438780937973718</t>
  </si>
  <si>
    <t>6620</t>
  </si>
  <si>
    <t>26.938989639282227</t>
  </si>
  <si>
    <t>1399.62109375</t>
  </si>
  <si>
    <t>0.09318253548006616</t>
  </si>
  <si>
    <t>26.836076736450195</t>
  </si>
  <si>
    <t>1590.3302001953125</t>
  </si>
  <si>
    <t>0.03166844584972495</t>
  </si>
  <si>
    <t>7310</t>
  </si>
  <si>
    <t>26.443490982055664</t>
  </si>
  <si>
    <t>1683.762451171875</t>
  </si>
  <si>
    <t>0.06747945796304577</t>
  </si>
  <si>
    <t>6503</t>
  </si>
  <si>
    <t>27.166494369506836</t>
  </si>
  <si>
    <t>1197.80615234375</t>
  </si>
  <si>
    <t>-0.11697966487467149</t>
  </si>
  <si>
    <t>27.437576293945312</t>
  </si>
  <si>
    <t>1567.5716552734375</t>
  </si>
  <si>
    <t>-0.13302625891807018</t>
  </si>
  <si>
    <t>26.38224220275879</t>
  </si>
  <si>
    <t>1751.59375</t>
  </si>
  <si>
    <t>0.04683933612361102</t>
  </si>
  <si>
    <t>26.691495895385742</t>
  </si>
  <si>
    <t>1575.28564453125</t>
  </si>
  <si>
    <t>0.00950878796902721</t>
  </si>
  <si>
    <t>6032</t>
  </si>
  <si>
    <t>26.633161544799805</t>
  </si>
  <si>
    <t>1541.0556640625</t>
  </si>
  <si>
    <t>0.0014931566440719024</t>
  </si>
  <si>
    <t>26.925325393676758</t>
  </si>
  <si>
    <t>1497.2967529296875</t>
  </si>
  <si>
    <t>0.0708699768799459</t>
  </si>
  <si>
    <t>6367</t>
  </si>
  <si>
    <t>26.917495727539062</t>
  </si>
  <si>
    <t>1520.2513427734375</t>
  </si>
  <si>
    <t>-0.01682020655071348</t>
  </si>
  <si>
    <t>26.748825073242188</t>
  </si>
  <si>
    <t>1145.750732421875</t>
  </si>
  <si>
    <t>0.07995813341426583</t>
  </si>
  <si>
    <t>26.898826599121094</t>
  </si>
  <si>
    <t>1566.175537109375</t>
  </si>
  <si>
    <t>0.04174370967120389</t>
  </si>
  <si>
    <t>26.774322509765625</t>
  </si>
  <si>
    <t>1538.0479736328125</t>
  </si>
  <si>
    <t>0.016686590031492088</t>
  </si>
  <si>
    <t>26.713075637817383</t>
  </si>
  <si>
    <t>1478.0960693359375</t>
  </si>
  <si>
    <t>0.018562961042290382</t>
  </si>
  <si>
    <t>26.234161376953125</t>
  </si>
  <si>
    <t>1409.7337646484375</t>
  </si>
  <si>
    <t>0.018751796213399174</t>
  </si>
  <si>
    <t>26.887575149536133</t>
  </si>
  <si>
    <t>1561.0596923828125</t>
  </si>
  <si>
    <t>-0.01754430965091025</t>
  </si>
  <si>
    <t>27.173324584960938</t>
  </si>
  <si>
    <t>1518.1802978515625</t>
  </si>
  <si>
    <t>0.317014337854733</t>
  </si>
  <si>
    <t>26.487579345703125</t>
  </si>
  <si>
    <t>1722.1441650390625</t>
  </si>
  <si>
    <t>0.20906047366513114</t>
  </si>
  <si>
    <t>27.068405151367188</t>
  </si>
  <si>
    <t>1697.939453125</t>
  </si>
  <si>
    <t>-0.038115231403887506</t>
  </si>
  <si>
    <t>12147</t>
  </si>
  <si>
    <t>26.63566017150879</t>
  </si>
  <si>
    <t>1750.68359375</t>
  </si>
  <si>
    <t>-0.00016463615447115387</t>
  </si>
  <si>
    <t>26.949827194213867</t>
  </si>
  <si>
    <t>1336.574462890625</t>
  </si>
  <si>
    <t>0.02640390603734133</t>
  </si>
  <si>
    <t>13027</t>
  </si>
  <si>
    <t>27.364492416381836</t>
  </si>
  <si>
    <t>1625.9342041015625</t>
  </si>
  <si>
    <t>0.043537994959951476</t>
  </si>
  <si>
    <t>13652</t>
  </si>
  <si>
    <t>27.463991165161133</t>
  </si>
  <si>
    <t>1649.614501953125</t>
  </si>
  <si>
    <t>0.04686190432903281</t>
  </si>
  <si>
    <t>14444</t>
  </si>
  <si>
    <t>26.9311580657959</t>
  </si>
  <si>
    <t>1835.2904052734375</t>
  </si>
  <si>
    <t>0.056393072370751085</t>
  </si>
  <si>
    <t>14071</t>
  </si>
  <si>
    <t>26.96940803527832</t>
  </si>
  <si>
    <t>1666.721923828125</t>
  </si>
  <si>
    <t>-0.02616316160909271</t>
  </si>
  <si>
    <t>27.521821975708008</t>
  </si>
  <si>
    <t>1149.7437744140625</t>
  </si>
  <si>
    <t>0.008069126454696374</t>
  </si>
  <si>
    <t>27.162490844726562</t>
  </si>
  <si>
    <t>1423.0921630859375</t>
  </si>
  <si>
    <t>-0.07500314236364325</t>
  </si>
  <si>
    <t>27.01007652282715</t>
  </si>
  <si>
    <t>1684.590576171875</t>
  </si>
  <si>
    <t>0.006060624611690102</t>
  </si>
  <si>
    <t>26.674827575683594</t>
  </si>
  <si>
    <t>2177.28955078125</t>
  </si>
  <si>
    <t>0.017370906991109436</t>
  </si>
  <si>
    <t>27.999048233032227</t>
  </si>
  <si>
    <t>2347.425048828125</t>
  </si>
  <si>
    <t>188.18341064453125</t>
  </si>
  <si>
    <t>Phangnga</t>
  </si>
  <si>
    <t>7435</t>
  </si>
  <si>
    <t>27.8037166595459</t>
  </si>
  <si>
    <t>2653.8447265625</t>
  </si>
  <si>
    <t>-0.030857245271279865</t>
  </si>
  <si>
    <t>27.85741424560547</t>
  </si>
  <si>
    <t>2122.093505859375</t>
  </si>
  <si>
    <t>0.11041831536777558</t>
  </si>
  <si>
    <t>27.680442810058594</t>
  </si>
  <si>
    <t>2851.26220703125</t>
  </si>
  <si>
    <t>-0.06802123377115876</t>
  </si>
  <si>
    <t>27.730377197265625</t>
  </si>
  <si>
    <t>2985.17138671875</t>
  </si>
  <si>
    <t>0.13734324936599052</t>
  </si>
  <si>
    <t>27.682106018066406</t>
  </si>
  <si>
    <t>2753.8955078125</t>
  </si>
  <si>
    <t>0.13693888538708343</t>
  </si>
  <si>
    <t>27.49134635925293</t>
  </si>
  <si>
    <t>2684.440185546875</t>
  </si>
  <si>
    <t>0.02027325847889827</t>
  </si>
  <si>
    <t>28.02056884765625</t>
  </si>
  <si>
    <t>2712.385498046875</t>
  </si>
  <si>
    <t>0.018551642736428064</t>
  </si>
  <si>
    <t>28.230443954467773</t>
  </si>
  <si>
    <t>3134.709716796875</t>
  </si>
  <si>
    <t>-0.18729194320659737</t>
  </si>
  <si>
    <t>7299</t>
  </si>
  <si>
    <t>27.329376220703125</t>
  </si>
  <si>
    <t>2980.361572265625</t>
  </si>
  <si>
    <t>-0.1866734018010412</t>
  </si>
  <si>
    <t>27.71245765686035</t>
  </si>
  <si>
    <t>2925.614990234375</t>
  </si>
  <si>
    <t>0.05374268292322171</t>
  </si>
  <si>
    <t>27.7171573638916</t>
  </si>
  <si>
    <t>2804.409423828125</t>
  </si>
  <si>
    <t>-0.07338913663625668</t>
  </si>
  <si>
    <t>27.99309539794922</t>
  </si>
  <si>
    <t>2427.587890625</t>
  </si>
  <si>
    <t>0.09191294903089897</t>
  </si>
  <si>
    <t>27.923730850219727</t>
  </si>
  <si>
    <t>2854.66015625</t>
  </si>
  <si>
    <t>0.09732423254954625</t>
  </si>
  <si>
    <t>27.77332878112793</t>
  </si>
  <si>
    <t>2380.6552734375</t>
  </si>
  <si>
    <t>0.12607419324036506</t>
  </si>
  <si>
    <t>27.83482551574707</t>
  </si>
  <si>
    <t>2472.969970703125</t>
  </si>
  <si>
    <t>0.02367272468962689</t>
  </si>
  <si>
    <t>10949</t>
  </si>
  <si>
    <t>27.7691593170166</t>
  </si>
  <si>
    <t>2948.134765625</t>
  </si>
  <si>
    <t>0.08617312962438994</t>
  </si>
  <si>
    <t>27.75838279724121</t>
  </si>
  <si>
    <t>3222.46484375</t>
  </si>
  <si>
    <t>0.032792769029676094</t>
  </si>
  <si>
    <t>11737</t>
  </si>
  <si>
    <t>27.390649795532227</t>
  </si>
  <si>
    <t>2619.34033203125</t>
  </si>
  <si>
    <t>0.03670534819702276</t>
  </si>
  <si>
    <t>10869</t>
  </si>
  <si>
    <t>27.837209701538086</t>
  </si>
  <si>
    <t>2770.156982421875</t>
  </si>
  <si>
    <t>-0.07683154453693675</t>
  </si>
  <si>
    <t>28.125776290893555</t>
  </si>
  <si>
    <t>2746.905517578125</t>
  </si>
  <si>
    <t>0.19853557954321133</t>
  </si>
  <si>
    <t>27.548738479614258</t>
  </si>
  <si>
    <t>3008.569091796875</t>
  </si>
  <si>
    <t>0.12626303839743258</t>
  </si>
  <si>
    <t>27.929441452026367</t>
  </si>
  <si>
    <t>3028.2001953125</t>
  </si>
  <si>
    <t>-0.07179885625434679</t>
  </si>
  <si>
    <t>27.71120262145996</t>
  </si>
  <si>
    <t>3118.6552734375</t>
  </si>
  <si>
    <t>-0.004726109763593556</t>
  </si>
  <si>
    <t>27.925493240356445</t>
  </si>
  <si>
    <t>2646.559326171875</t>
  </si>
  <si>
    <t>0.046764680714089124</t>
  </si>
  <si>
    <t>18062</t>
  </si>
  <si>
    <t>28.229248046875</t>
  </si>
  <si>
    <t>3173.20068359375</t>
  </si>
  <si>
    <t>0.21285725061076377</t>
  </si>
  <si>
    <t>28.423860549926758</t>
  </si>
  <si>
    <t>3026.213623046875</t>
  </si>
  <si>
    <t>0.09298214815590988</t>
  </si>
  <si>
    <t>27.892189025878906</t>
  </si>
  <si>
    <t>3031.306396484375</t>
  </si>
  <si>
    <t>0.1171662466403447</t>
  </si>
  <si>
    <t>23089</t>
  </si>
  <si>
    <t>27.9412841796875</t>
  </si>
  <si>
    <t>2944.31982421875</t>
  </si>
  <si>
    <t>0.035397635012005324</t>
  </si>
  <si>
    <t>28.33636474609375</t>
  </si>
  <si>
    <t>2553.432373046875</t>
  </si>
  <si>
    <t>0.00810943494305505</t>
  </si>
  <si>
    <t>28.086265563964844</t>
  </si>
  <si>
    <t>2939.3515625</t>
  </si>
  <si>
    <t>-0.07505025025497325</t>
  </si>
  <si>
    <t>27.957853317260742</t>
  </si>
  <si>
    <t>2918.5947265625</t>
  </si>
  <si>
    <t>0.006048172826506715</t>
  </si>
  <si>
    <t>27.704442977905273</t>
  </si>
  <si>
    <t>3610.1328125</t>
  </si>
  <si>
    <t>0.01738539373730852</t>
  </si>
  <si>
    <t>3047</t>
  </si>
  <si>
    <t>1979.800048828125</t>
  </si>
  <si>
    <t>147.06625366210938</t>
  </si>
  <si>
    <t>Phatthalung</t>
  </si>
  <si>
    <t>2105.60009765625</t>
  </si>
  <si>
    <t>0.033562362771565546</t>
  </si>
  <si>
    <t>1785.6998291015625</t>
  </si>
  <si>
    <t>0.06659923360494346</t>
  </si>
  <si>
    <t>2632.400146484375</t>
  </si>
  <si>
    <t>0.01473648831331964</t>
  </si>
  <si>
    <t>2402.099853515625</t>
  </si>
  <si>
    <t>0.07657087335903512</t>
  </si>
  <si>
    <t>2317.500244140625</t>
  </si>
  <si>
    <t>0.122049740846224</t>
  </si>
  <si>
    <t>27.308332443237305</t>
  </si>
  <si>
    <t>2457.2001953125</t>
  </si>
  <si>
    <t>0.16298655820910746</t>
  </si>
  <si>
    <t>1953.7000732421875</t>
  </si>
  <si>
    <t>-0.09237989403982816</t>
  </si>
  <si>
    <t>2600.099853515625</t>
  </si>
  <si>
    <t>-0.055371901529150946</t>
  </si>
  <si>
    <t>2853.599853515625</t>
  </si>
  <si>
    <t>-0.09587731437219915</t>
  </si>
  <si>
    <t>27.516664505004883</t>
  </si>
  <si>
    <t>2674.900390625</t>
  </si>
  <si>
    <t>-0.05697489392752253</t>
  </si>
  <si>
    <t>3476</t>
  </si>
  <si>
    <t>2072.10009765625</t>
  </si>
  <si>
    <t>-0.04417654583592068</t>
  </si>
  <si>
    <t>3855</t>
  </si>
  <si>
    <t>0.10348879961214763</t>
  </si>
  <si>
    <t>27.758333206176758</t>
  </si>
  <si>
    <t>2276.60009765625</t>
  </si>
  <si>
    <t>0.10994144684116947</t>
  </si>
  <si>
    <t>1840.300048828125</t>
  </si>
  <si>
    <t>0.11594800677605122</t>
  </si>
  <si>
    <t>5196</t>
  </si>
  <si>
    <t>2299.89990234375</t>
  </si>
  <si>
    <t>0.0726286381758392</t>
  </si>
  <si>
    <t>2160.89990234375</t>
  </si>
  <si>
    <t>2389.800048828125</t>
  </si>
  <si>
    <t>-0.00284647052182585</t>
  </si>
  <si>
    <t>2419.699951171875</t>
  </si>
  <si>
    <t>-0.02763654620324907</t>
  </si>
  <si>
    <t>2220.800048828125</t>
  </si>
  <si>
    <t>-0.06195334300342381</t>
  </si>
  <si>
    <t>2680.300048828125</t>
  </si>
  <si>
    <t>0.16852191987016596</t>
  </si>
  <si>
    <t>2713.7998046875</t>
  </si>
  <si>
    <t>0.10240917758262569</t>
  </si>
  <si>
    <t>2605.19970703125</t>
  </si>
  <si>
    <t>-0.08656564486725138</t>
  </si>
  <si>
    <t>2422.0</t>
  </si>
  <si>
    <t>-0.061658213639718795</t>
  </si>
  <si>
    <t>2257.100341796875</t>
  </si>
  <si>
    <t>-0.07514263339449734</t>
  </si>
  <si>
    <t>2595.60009765625</t>
  </si>
  <si>
    <t>-0.03344035023778247</t>
  </si>
  <si>
    <t>5710</t>
  </si>
  <si>
    <t>2609.10009765625</t>
  </si>
  <si>
    <t>0.0925993216009875</t>
  </si>
  <si>
    <t>2686.199951171875</t>
  </si>
  <si>
    <t>-0.0230302472747006</t>
  </si>
  <si>
    <t>5385</t>
  </si>
  <si>
    <t>27.841665267944336</t>
  </si>
  <si>
    <t>2398.80029296875</t>
  </si>
  <si>
    <t>-0.035571465784867584</t>
  </si>
  <si>
    <t>1887.9000244140625</t>
  </si>
  <si>
    <t>0.008137644314963666</t>
  </si>
  <si>
    <t>2584.400146484375</t>
  </si>
  <si>
    <t>-0.07514283874121475</t>
  </si>
  <si>
    <t>2479.999755859375</t>
  </si>
  <si>
    <t>0.006136810311673457</t>
  </si>
  <si>
    <t>2910.099853515625</t>
  </si>
  <si>
    <t>0.017412158583168136</t>
  </si>
  <si>
    <t>25.259836196899414</t>
  </si>
  <si>
    <t>1436.0543212890625</t>
  </si>
  <si>
    <t>162.91136169433594</t>
  </si>
  <si>
    <t>Phayao</t>
  </si>
  <si>
    <t>25.185243606567383</t>
  </si>
  <si>
    <t>1275.7158203125</t>
  </si>
  <si>
    <t>0.0299915374337143</t>
  </si>
  <si>
    <t>24.907236099243164</t>
  </si>
  <si>
    <t>1335.6640625</t>
  </si>
  <si>
    <t>-0.024209085470465297</t>
  </si>
  <si>
    <t>25.090566635131836</t>
  </si>
  <si>
    <t>1142.288330078125</t>
  </si>
  <si>
    <t>0.15059223250461873</t>
  </si>
  <si>
    <t>1746.749755859375</t>
  </si>
  <si>
    <t>0.05517601345274947</t>
  </si>
  <si>
    <t>24.879919052124023</t>
  </si>
  <si>
    <t>1538.0400390625</t>
  </si>
  <si>
    <t>0.08515182176818747</t>
  </si>
  <si>
    <t>24.505613327026367</t>
  </si>
  <si>
    <t>1458.518798828125</t>
  </si>
  <si>
    <t>0.08169915993236287</t>
  </si>
  <si>
    <t>25.267362594604492</t>
  </si>
  <si>
    <t>1325.42431640625</t>
  </si>
  <si>
    <t>-0.065134527909958</t>
  </si>
  <si>
    <t>25.741262435913086</t>
  </si>
  <si>
    <t>1214.71044921875</t>
  </si>
  <si>
    <t>-0.10377195297268926</t>
  </si>
  <si>
    <t>24.664756774902344</t>
  </si>
  <si>
    <t>1516.677734375</t>
  </si>
  <si>
    <t>-0.037435124256990804</t>
  </si>
  <si>
    <t>24.823904037475586</t>
  </si>
  <si>
    <t>1502.6807861328125</t>
  </si>
  <si>
    <t>-0.0452565915881209</t>
  </si>
  <si>
    <t>1612.4090576171875</t>
  </si>
  <si>
    <t>0.0006383658052708796</t>
  </si>
  <si>
    <t>25.017362594604492</t>
  </si>
  <si>
    <t>1668.7620849609375</t>
  </si>
  <si>
    <t>0.09866938602120356</t>
  </si>
  <si>
    <t>25.097684860229492</t>
  </si>
  <si>
    <t>1245.486328125</t>
  </si>
  <si>
    <t>-0.01985466681153092</t>
  </si>
  <si>
    <t>3653</t>
  </si>
  <si>
    <t>24.844270706176758</t>
  </si>
  <si>
    <t>1350.466796875</t>
  </si>
  <si>
    <t>0.07442388466964367</t>
  </si>
  <si>
    <t>25.234434127807617</t>
  </si>
  <si>
    <t>1536.2408447265625</t>
  </si>
  <si>
    <t>0.08120020046321486</t>
  </si>
  <si>
    <t>25.079513549804688</t>
  </si>
  <si>
    <t>1663.97119140625</t>
  </si>
  <si>
    <t>-0.0010101010959857604</t>
  </si>
  <si>
    <t>25.00260353088379</t>
  </si>
  <si>
    <t>1502.899169921875</t>
  </si>
  <si>
    <t>0.045681315914890774</t>
  </si>
  <si>
    <t>24.53020668029785</t>
  </si>
  <si>
    <t>1522.6009521484375</t>
  </si>
  <si>
    <t>0.01983575609860111</t>
  </si>
  <si>
    <t>4252</t>
  </si>
  <si>
    <t>25.485939025878906</t>
  </si>
  <si>
    <t>1407.8992919921875</t>
  </si>
  <si>
    <t>0.006133541285835875</t>
  </si>
  <si>
    <t>25.647687911987305</t>
  </si>
  <si>
    <t>1462.5506591796875</t>
  </si>
  <si>
    <t>0.18185107925057942</t>
  </si>
  <si>
    <t>24.709028244018555</t>
  </si>
  <si>
    <t>1916.3538818359375</t>
  </si>
  <si>
    <t>0.11332868530700146</t>
  </si>
  <si>
    <t>6364</t>
  </si>
  <si>
    <t>25.651100158691406</t>
  </si>
  <si>
    <t>1476.428955078125</t>
  </si>
  <si>
    <t>0.1080878854382572</t>
  </si>
  <si>
    <t>25.11927032470703</t>
  </si>
  <si>
    <t>1677.205322265625</t>
  </si>
  <si>
    <t>0.011405482594939897</t>
  </si>
  <si>
    <t>25.465856552124023</t>
  </si>
  <si>
    <t>1368.6097412109375</t>
  </si>
  <si>
    <t>-0.03188401393848039</t>
  </si>
  <si>
    <t>6433</t>
  </si>
  <si>
    <t>25.89195442199707</t>
  </si>
  <si>
    <t>1281.851806640625</t>
  </si>
  <si>
    <t>0.03126241329686508</t>
  </si>
  <si>
    <t>25.818574905395508</t>
  </si>
  <si>
    <t>1725.24951171875</t>
  </si>
  <si>
    <t>0.021529356852575177</t>
  </si>
  <si>
    <t>25.182519912719727</t>
  </si>
  <si>
    <t>1688.47265625</t>
  </si>
  <si>
    <t>0.038354324301259624</t>
  </si>
  <si>
    <t>25.249189376831055</t>
  </si>
  <si>
    <t>1525.9642333984375</t>
  </si>
  <si>
    <t>0.046766225173762166</t>
  </si>
  <si>
    <t>26.05109977722168</t>
  </si>
  <si>
    <t>898.2155151367188</t>
  </si>
  <si>
    <t>0.00807129346937252</t>
  </si>
  <si>
    <t>25.61174774169922</t>
  </si>
  <si>
    <t>1144.6483154296875</t>
  </si>
  <si>
    <t>-0.0750999881073291</t>
  </si>
  <si>
    <t>25.439756393432617</t>
  </si>
  <si>
    <t>1321.6903076171875</t>
  </si>
  <si>
    <t>0.00610711662037744</t>
  </si>
  <si>
    <t>25.057519912719727</t>
  </si>
  <si>
    <t>1638.8680419921875</t>
  </si>
  <si>
    <t>0.01737125972299225</t>
  </si>
  <si>
    <t>27.241422653198242</t>
  </si>
  <si>
    <t>1195.1708984375</t>
  </si>
  <si>
    <t>323.28863525390625</t>
  </si>
  <si>
    <t>Phetchabun</t>
  </si>
  <si>
    <t>27.045671463012695</t>
  </si>
  <si>
    <t>925.2738647460938</t>
  </si>
  <si>
    <t>0.03403377036558641</t>
  </si>
  <si>
    <t>26.912033081054688</t>
  </si>
  <si>
    <t>930.9608764648438</t>
  </si>
  <si>
    <t>0.08033759407738916</t>
  </si>
  <si>
    <t>26.939096450805664</t>
  </si>
  <si>
    <t>800.0800170898438</t>
  </si>
  <si>
    <t>-0.054531930209987145</t>
  </si>
  <si>
    <t>26.889196395874023</t>
  </si>
  <si>
    <t>1211.3514404296875</t>
  </si>
  <si>
    <t>0.0542102316387707</t>
  </si>
  <si>
    <t>26.73301887512207</t>
  </si>
  <si>
    <t>1192.269775390625</t>
  </si>
  <si>
    <t>0.10091047445525803</t>
  </si>
  <si>
    <t>3671</t>
  </si>
  <si>
    <t>26.239328384399414</t>
  </si>
  <si>
    <t>1316.07568359375</t>
  </si>
  <si>
    <t>0.0655741975540387</t>
  </si>
  <si>
    <t>27.106170654296875</t>
  </si>
  <si>
    <t>1090.6845703125</t>
  </si>
  <si>
    <t>-0.12891119144487284</t>
  </si>
  <si>
    <t>27.416099548339844</t>
  </si>
  <si>
    <t>1026.6224365234375</t>
  </si>
  <si>
    <t>-0.03886131074885135</t>
  </si>
  <si>
    <t>26.259714126586914</t>
  </si>
  <si>
    <t>1348.461181640625</t>
  </si>
  <si>
    <t>-0.07768295113499502</t>
  </si>
  <si>
    <t>26.590957641601562</t>
  </si>
  <si>
    <t>1277.1419677734375</t>
  </si>
  <si>
    <t>-0.044135276825874925</t>
  </si>
  <si>
    <t>26.50145149230957</t>
  </si>
  <si>
    <t>1143.60400390625</t>
  </si>
  <si>
    <t>26.807723999023438</t>
  </si>
  <si>
    <t>1368.21630859375</t>
  </si>
  <si>
    <t>0.026199475652712856</t>
  </si>
  <si>
    <t>26.805770874023438</t>
  </si>
  <si>
    <t>1148.5771484375</t>
  </si>
  <si>
    <t>0.07744586024749722</t>
  </si>
  <si>
    <t>26.642982482910156</t>
  </si>
  <si>
    <t>1046.7720947265625</t>
  </si>
  <si>
    <t>0.055389709333582005</t>
  </si>
  <si>
    <t>26.886611938476562</t>
  </si>
  <si>
    <t>1093.41845703125</t>
  </si>
  <si>
    <t>0.04730138776403692</t>
  </si>
  <si>
    <t>26.744844436645508</t>
  </si>
  <si>
    <t>1344.826171875</t>
  </si>
  <si>
    <t>0.12257077850698117</t>
  </si>
  <si>
    <t>4150</t>
  </si>
  <si>
    <t>26.63890266418457</t>
  </si>
  <si>
    <t>1197.2159423828125</t>
  </si>
  <si>
    <t>0.0036210057669521234</t>
  </si>
  <si>
    <t>26.055503845214844</t>
  </si>
  <si>
    <t>1367.2789306640625</t>
  </si>
  <si>
    <t>0.10598682550895511</t>
  </si>
  <si>
    <t>26.82582664489746</t>
  </si>
  <si>
    <t>1269.8634033203125</t>
  </si>
  <si>
    <t>0.006480904084082084</t>
  </si>
  <si>
    <t>27.124425888061523</t>
  </si>
  <si>
    <t>1107.9290771484375</t>
  </si>
  <si>
    <t>0.11979078048685565</t>
  </si>
  <si>
    <t>26.32233238220215</t>
  </si>
  <si>
    <t>1573.160400390625</t>
  </si>
  <si>
    <t>0.06077068677065611</t>
  </si>
  <si>
    <t>27.094877243041992</t>
  </si>
  <si>
    <t>1029.317626953125</t>
  </si>
  <si>
    <t>0.1561260777938589</t>
  </si>
  <si>
    <t>26.511335372924805</t>
  </si>
  <si>
    <t>1206.041259765625</t>
  </si>
  <si>
    <t>-0.039362196327784815</t>
  </si>
  <si>
    <t>26.939035415649414</t>
  </si>
  <si>
    <t>1063.57177734375</t>
  </si>
  <si>
    <t>0.06411856732631804</t>
  </si>
  <si>
    <t>27.42436408996582</t>
  </si>
  <si>
    <t>968.0519409179688</t>
  </si>
  <si>
    <t>-0.04951049555300102</t>
  </si>
  <si>
    <t>27.40767478942871</t>
  </si>
  <si>
    <t>1103.35400390625</t>
  </si>
  <si>
    <t>0.040317453641741</t>
  </si>
  <si>
    <t>26.84361457824707</t>
  </si>
  <si>
    <t>1489.502197265625</t>
  </si>
  <si>
    <t>-0.05284834962625773</t>
  </si>
  <si>
    <t>26.918052673339844</t>
  </si>
  <si>
    <t>1015.0403442382812</t>
  </si>
  <si>
    <t>0.04357001095241486</t>
  </si>
  <si>
    <t>27.54926300048828</t>
  </si>
  <si>
    <t>875.5612182617188</t>
  </si>
  <si>
    <t>0.008066400940288432</t>
  </si>
  <si>
    <t>27.162065505981445</t>
  </si>
  <si>
    <t>1072.5933837890625</t>
  </si>
  <si>
    <t>-0.0750529037165002</t>
  </si>
  <si>
    <t>26.976417541503906</t>
  </si>
  <si>
    <t>1153.5264892578125</t>
  </si>
  <si>
    <t>0.006027549404839405</t>
  </si>
  <si>
    <t>26.545143127441406</t>
  </si>
  <si>
    <t>1523.362548828125</t>
  </si>
  <si>
    <t>0.017388942418957498</t>
  </si>
  <si>
    <t>28.149171829223633</t>
  </si>
  <si>
    <t>1213.06689453125</t>
  </si>
  <si>
    <t>227.49774169921875</t>
  </si>
  <si>
    <t>Phetchaburi</t>
  </si>
  <si>
    <t>27.87623405456543</t>
  </si>
  <si>
    <t>1351.5068359375</t>
  </si>
  <si>
    <t>-0.05123964487977162</t>
  </si>
  <si>
    <t>27.871566772460938</t>
  </si>
  <si>
    <t>1308.20947265625</t>
  </si>
  <si>
    <t>-0.03530849033569616</t>
  </si>
  <si>
    <t>27.804367065429688</t>
  </si>
  <si>
    <t>1025.2177734375</t>
  </si>
  <si>
    <t>-0.006132138513152086</t>
  </si>
  <si>
    <t>27.82157325744629</t>
  </si>
  <si>
    <t>1337.139404296875</t>
  </si>
  <si>
    <t>-0.1007115068195823</t>
  </si>
  <si>
    <t>27.67103385925293</t>
  </si>
  <si>
    <t>1676.954833984375</t>
  </si>
  <si>
    <t>-0.03055909622573516</t>
  </si>
  <si>
    <t>27.241907119750977</t>
  </si>
  <si>
    <t>1744.86279296875</t>
  </si>
  <si>
    <t>-0.07983019040571016</t>
  </si>
  <si>
    <t>28.002304077148438</t>
  </si>
  <si>
    <t>1081.244384765625</t>
  </si>
  <si>
    <t>-0.10858855627506081</t>
  </si>
  <si>
    <t>3735</t>
  </si>
  <si>
    <t>28.249170303344727</t>
  </si>
  <si>
    <t>1513.48779296875</t>
  </si>
  <si>
    <t>-0.042459207771791796</t>
  </si>
  <si>
    <t>27.166372299194336</t>
  </si>
  <si>
    <t>1664.5986328125</t>
  </si>
  <si>
    <t>0.05824364953921268</t>
  </si>
  <si>
    <t>27.5356388092041</t>
  </si>
  <si>
    <t>1391.1602783203125</t>
  </si>
  <si>
    <t>-0.006334748157126313</t>
  </si>
  <si>
    <t>27.489845275878906</t>
  </si>
  <si>
    <t>1413.88232421875</t>
  </si>
  <si>
    <t>-0.10892558182232293</t>
  </si>
  <si>
    <t>27.786706924438477</t>
  </si>
  <si>
    <t>1457.6861572265625</t>
  </si>
  <si>
    <t>-0.04167269640056759</t>
  </si>
  <si>
    <t>27.750242233276367</t>
  </si>
  <si>
    <t>1489.2884521484375</t>
  </si>
  <si>
    <t>-0.02120431842621784</t>
  </si>
  <si>
    <t>27.6346492767334</t>
  </si>
  <si>
    <t>1210.8280029296875</t>
  </si>
  <si>
    <t>0.08196799329161486</t>
  </si>
  <si>
    <t>27.789846420288086</t>
  </si>
  <si>
    <t>1501.262451171875</t>
  </si>
  <si>
    <t>-0.01965803263369459</t>
  </si>
  <si>
    <t>27.671113967895508</t>
  </si>
  <si>
    <t>1636.994873046875</t>
  </si>
  <si>
    <t>-0.0180288185553934</t>
  </si>
  <si>
    <t>27.60704803466797</t>
  </si>
  <si>
    <t>1464.0992431640625</t>
  </si>
  <si>
    <t>-0.024851447034677676</t>
  </si>
  <si>
    <t>3324</t>
  </si>
  <si>
    <t>27.07891082763672</t>
  </si>
  <si>
    <t>1519.956298828125</t>
  </si>
  <si>
    <t>-0.01611494139240577</t>
  </si>
  <si>
    <t>27.747642517089844</t>
  </si>
  <si>
    <t>1532.80859375</t>
  </si>
  <si>
    <t>-0.04743728910401224</t>
  </si>
  <si>
    <t>28.05284309387207</t>
  </si>
  <si>
    <t>1568.7376708984375</t>
  </si>
  <si>
    <t>0.6895128240273731</t>
  </si>
  <si>
    <t>27.319509506225586</t>
  </si>
  <si>
    <t>1582.3306884765625</t>
  </si>
  <si>
    <t>0.38870360147804206</t>
  </si>
  <si>
    <t>27.963773727416992</t>
  </si>
  <si>
    <t>1400.244140625</t>
  </si>
  <si>
    <t>0.11369656905988812</t>
  </si>
  <si>
    <t>27.43303871154785</t>
  </si>
  <si>
    <t>1671.8106689453125</t>
  </si>
  <si>
    <t>-0.03231739292854563</t>
  </si>
  <si>
    <t>9654</t>
  </si>
  <si>
    <t>27.79136848449707</t>
  </si>
  <si>
    <t>1348.097412109375</t>
  </si>
  <si>
    <t>-0.04595485228764673</t>
  </si>
  <si>
    <t>28.215299606323242</t>
  </si>
  <si>
    <t>1471.945068359375</t>
  </si>
  <si>
    <t>0.008766105740761532</t>
  </si>
  <si>
    <t>28.317899703979492</t>
  </si>
  <si>
    <t>1572.1658935546875</t>
  </si>
  <si>
    <t>0.009503929284671031</t>
  </si>
  <si>
    <t>1624.909423828125</t>
  </si>
  <si>
    <t>0.05990642016242731</t>
  </si>
  <si>
    <t>27.838773727416992</t>
  </si>
  <si>
    <t>1478.1143798828125</t>
  </si>
  <si>
    <t>0.01719022338763132</t>
  </si>
  <si>
    <t>28.427841186523438</t>
  </si>
  <si>
    <t>1189.04833984375</t>
  </si>
  <si>
    <t>0.008158717362340084</t>
  </si>
  <si>
    <t>9932</t>
  </si>
  <si>
    <t>28.07990264892578</t>
  </si>
  <si>
    <t>1419.931640625</t>
  </si>
  <si>
    <t>-0.07513586553021234</t>
  </si>
  <si>
    <t>27.91484260559082</t>
  </si>
  <si>
    <t>1560.9490966796875</t>
  </si>
  <si>
    <t>0.006122980233731923</t>
  </si>
  <si>
    <t>27.5450439453125</t>
  </si>
  <si>
    <t>2002.397705078125</t>
  </si>
  <si>
    <t>0.017360686007501513</t>
  </si>
  <si>
    <t>29.17500114440918</t>
  </si>
  <si>
    <t>1167.4998779296875</t>
  </si>
  <si>
    <t>135.7290496826172</t>
  </si>
  <si>
    <t>Phichit</t>
  </si>
  <si>
    <t>28.958330154418945</t>
  </si>
  <si>
    <t>916.9000244140625</t>
  </si>
  <si>
    <t>0.07036826927963524</t>
  </si>
  <si>
    <t>1064.0001220703125</t>
  </si>
  <si>
    <t>0.0719150359665015</t>
  </si>
  <si>
    <t>937.4999389648438</t>
  </si>
  <si>
    <t>-0.07432322496898358</t>
  </si>
  <si>
    <t>28.808334350585938</t>
  </si>
  <si>
    <t>1244.0001220703125</t>
  </si>
  <si>
    <t>0.0718018620980061</t>
  </si>
  <si>
    <t>28.650001525878906</t>
  </si>
  <si>
    <t>1235.400146484375</t>
  </si>
  <si>
    <t>0.08363964016226078</t>
  </si>
  <si>
    <t>0.09727840762937312</t>
  </si>
  <si>
    <t>29.08333396911621</t>
  </si>
  <si>
    <t>1077.0</t>
  </si>
  <si>
    <t>-0.014144507386165017</t>
  </si>
  <si>
    <t>29.31667137145996</t>
  </si>
  <si>
    <t>954.2999877929688</t>
  </si>
  <si>
    <t>0.025549262678067564</t>
  </si>
  <si>
    <t>28.133331298828125</t>
  </si>
  <si>
    <t>1296.39990234375</t>
  </si>
  <si>
    <t>-0.1433322983344496</t>
  </si>
  <si>
    <t>28.475004196166992</t>
  </si>
  <si>
    <t>1291.4000244140625</t>
  </si>
  <si>
    <t>-0.0005343307634486649</t>
  </si>
  <si>
    <t>28.383337020874023</t>
  </si>
  <si>
    <t>1155.9000244140625</t>
  </si>
  <si>
    <t>28.700002670288086</t>
  </si>
  <si>
    <t>1380.9000244140625</t>
  </si>
  <si>
    <t>0.06230388333615622</t>
  </si>
  <si>
    <t>28.7166690826416</t>
  </si>
  <si>
    <t>1048.4000244140625</t>
  </si>
  <si>
    <t>0.06544157222132263</t>
  </si>
  <si>
    <t>28.52500343322754</t>
  </si>
  <si>
    <t>1047.099853515625</t>
  </si>
  <si>
    <t>0.034457489956681187</t>
  </si>
  <si>
    <t>4476</t>
  </si>
  <si>
    <t>1208.699951171875</t>
  </si>
  <si>
    <t>0.044543163286871135</t>
  </si>
  <si>
    <t>28.60833168029785</t>
  </si>
  <si>
    <t>1485.599853515625</t>
  </si>
  <si>
    <t>0.03382707764846238</t>
  </si>
  <si>
    <t>28.525001525878906</t>
  </si>
  <si>
    <t>1182.0001220703125</t>
  </si>
  <si>
    <t>0.006673149292462099</t>
  </si>
  <si>
    <t>27.94999885559082</t>
  </si>
  <si>
    <t>1300.5</t>
  </si>
  <si>
    <t>0.1252641007915738</t>
  </si>
  <si>
    <t>0.020607698172911526</t>
  </si>
  <si>
    <t>29.033334732055664</t>
  </si>
  <si>
    <t>1111.0001220703125</t>
  </si>
  <si>
    <t>0.07327320885338118</t>
  </si>
  <si>
    <t>28.225000381469727</t>
  </si>
  <si>
    <t>1642.7000732421875</t>
  </si>
  <si>
    <t>0.017424424440854125</t>
  </si>
  <si>
    <t>28.95833396911621</t>
  </si>
  <si>
    <t>1125.0</t>
  </si>
  <si>
    <t>0.3462225395656304</t>
  </si>
  <si>
    <t>1224.300048828125</t>
  </si>
  <si>
    <t>0.08261945944896354</t>
  </si>
  <si>
    <t>7089</t>
  </si>
  <si>
    <t>1074.5999755859375</t>
  </si>
  <si>
    <t>-0.24609716179103813</t>
  </si>
  <si>
    <t>29.274999618530273</t>
  </si>
  <si>
    <t>-0.08920668299945156</t>
  </si>
  <si>
    <t>29.375</t>
  </si>
  <si>
    <t>1230.5001220703125</t>
  </si>
  <si>
    <t>-0.07076804271682491</t>
  </si>
  <si>
    <t>28.7833309173584</t>
  </si>
  <si>
    <t>1502.7001953125</t>
  </si>
  <si>
    <t>0.05051497469072075</t>
  </si>
  <si>
    <t>28.80000114440918</t>
  </si>
  <si>
    <t>1065.9000244140625</t>
  </si>
  <si>
    <t>0.07662290589046883</t>
  </si>
  <si>
    <t>29.408334732055664</t>
  </si>
  <si>
    <t>861.5999755859375</t>
  </si>
  <si>
    <t>0.008130126083250033</t>
  </si>
  <si>
    <t>6416</t>
  </si>
  <si>
    <t>1002.7999267578125</t>
  </si>
  <si>
    <t>-0.07504269725682988</t>
  </si>
  <si>
    <t>1173.300048828125</t>
  </si>
  <si>
    <t>0.00606015373439206</t>
  </si>
  <si>
    <t>1607.10009765625</t>
  </si>
  <si>
    <t>0.017354347851521013</t>
  </si>
  <si>
    <t>28.072248458862305</t>
  </si>
  <si>
    <t>1262.47412109375</t>
  </si>
  <si>
    <t>318.435546875</t>
  </si>
  <si>
    <t>Phitsanulok</t>
  </si>
  <si>
    <t>27.90515899658203</t>
  </si>
  <si>
    <t>1060.917236328125</t>
  </si>
  <si>
    <t>0.08155664701583909</t>
  </si>
  <si>
    <t>27.743791580200195</t>
  </si>
  <si>
    <t>1111.8660888671875</t>
  </si>
  <si>
    <t>0.11985557525835588</t>
  </si>
  <si>
    <t>27.8282413482666</t>
  </si>
  <si>
    <t>913.12353515625</t>
  </si>
  <si>
    <t>-0.006230549750636527</t>
  </si>
  <si>
    <t>27.757028579711914</t>
  </si>
  <si>
    <t>1423.1719970703125</t>
  </si>
  <si>
    <t>0.06757210959617055</t>
  </si>
  <si>
    <t>5011</t>
  </si>
  <si>
    <t>27.692903518676758</t>
  </si>
  <si>
    <t>1372.5433349609375</t>
  </si>
  <si>
    <t>0.08080798412539814</t>
  </si>
  <si>
    <t>27.27345848083496</t>
  </si>
  <si>
    <t>1482.7584228515625</t>
  </si>
  <si>
    <t>0.23461215853453687</t>
  </si>
  <si>
    <t>28.106069564819336</t>
  </si>
  <si>
    <t>1162.222412109375</t>
  </si>
  <si>
    <t>-0.0748609750920064</t>
  </si>
  <si>
    <t>28.44171142578125</t>
  </si>
  <si>
    <t>1138.64453125</t>
  </si>
  <si>
    <t>-0.035139920122322366</t>
  </si>
  <si>
    <t>27.379796981811523</t>
  </si>
  <si>
    <t>1398.046630859375</t>
  </si>
  <si>
    <t>-0.0017633578894713509</t>
  </si>
  <si>
    <t>5287</t>
  </si>
  <si>
    <t>27.613115310668945</t>
  </si>
  <si>
    <t>1389.9033203125</t>
  </si>
  <si>
    <t>-0.06923242415501107</t>
  </si>
  <si>
    <t>27.592605590820312</t>
  </si>
  <si>
    <t>1272.7265625</t>
  </si>
  <si>
    <t>-0.08792311873744652</t>
  </si>
  <si>
    <t>27.74034309387207</t>
  </si>
  <si>
    <t>1514.704833984375</t>
  </si>
  <si>
    <t>0.093393282335132</t>
  </si>
  <si>
    <t>27.792814254760742</t>
  </si>
  <si>
    <t>1139.877197265625</t>
  </si>
  <si>
    <t>0.049363291670164955</t>
  </si>
  <si>
    <t>27.61527442932129</t>
  </si>
  <si>
    <t>1202.546875</t>
  </si>
  <si>
    <t>-0.020440252200913278</t>
  </si>
  <si>
    <t>27.915626525878906</t>
  </si>
  <si>
    <t>1266.1578369140625</t>
  </si>
  <si>
    <t>0.021335106846757768</t>
  </si>
  <si>
    <t>27.817922592163086</t>
  </si>
  <si>
    <t>1583.859130859375</t>
  </si>
  <si>
    <t>0.030825866554014425</t>
  </si>
  <si>
    <t>27.696699142456055</t>
  </si>
  <si>
    <t>1368.244140625</t>
  </si>
  <si>
    <t>0.0520475631944155</t>
  </si>
  <si>
    <t>6393</t>
  </si>
  <si>
    <t>27.1088809967041</t>
  </si>
  <si>
    <t>1430.195068359375</t>
  </si>
  <si>
    <t>0.05135092486915127</t>
  </si>
  <si>
    <t>27.946197509765625</t>
  </si>
  <si>
    <t>1434.82080078125</t>
  </si>
  <si>
    <t>-0.0040752407497013365</t>
  </si>
  <si>
    <t>28.19841766357422</t>
  </si>
  <si>
    <t>1247.209716796875</t>
  </si>
  <si>
    <t>0.01589313602696052</t>
  </si>
  <si>
    <t>27.39738655090332</t>
  </si>
  <si>
    <t>1749.917724609375</t>
  </si>
  <si>
    <t>-0.042149716383590885</t>
  </si>
  <si>
    <t>28.164840698242188</t>
  </si>
  <si>
    <t>1152.855712890625</t>
  </si>
  <si>
    <t>0.28400715665519627</t>
  </si>
  <si>
    <t>27.58546257019043</t>
  </si>
  <si>
    <t>1345.1416015625</t>
  </si>
  <si>
    <t>-0.005842986799988736</t>
  </si>
  <si>
    <t>7579</t>
  </si>
  <si>
    <t>28.02497100830078</t>
  </si>
  <si>
    <t>1185.233154296875</t>
  </si>
  <si>
    <t>-0.07765472570357268</t>
  </si>
  <si>
    <t>28.432085037231445</t>
  </si>
  <si>
    <t>1010.94140625</t>
  </si>
  <si>
    <t>-0.009945053125969494</t>
  </si>
  <si>
    <t>28.485389709472656</t>
  </si>
  <si>
    <t>1360.6824951171875</t>
  </si>
  <si>
    <t>-0.00026656004422775936</t>
  </si>
  <si>
    <t>27.84377098083496</t>
  </si>
  <si>
    <t>1628.523681640625</t>
  </si>
  <si>
    <t>0.05169310781328029</t>
  </si>
  <si>
    <t>27.895225524902344</t>
  </si>
  <si>
    <t>1158.1485595703125</t>
  </si>
  <si>
    <t>0.040680212317735</t>
  </si>
  <si>
    <t>28.562307357788086</t>
  </si>
  <si>
    <t>920.2239990234375</t>
  </si>
  <si>
    <t>0.008109951851697161</t>
  </si>
  <si>
    <t>28.15851402282715</t>
  </si>
  <si>
    <t>1139.767333984375</t>
  </si>
  <si>
    <t>-0.07508215635156468</t>
  </si>
  <si>
    <t>28.0036678314209</t>
  </si>
  <si>
    <t>1208.8603515625</t>
  </si>
  <si>
    <t>0.00608928486461302</t>
  </si>
  <si>
    <t>27.629247665405273</t>
  </si>
  <si>
    <t>1693.125</t>
  </si>
  <si>
    <t>0.01741401239325846</t>
  </si>
  <si>
    <t>5540</t>
  </si>
  <si>
    <t>29.28279685974121</t>
  </si>
  <si>
    <t>1214.114990234375</t>
  </si>
  <si>
    <t>634.485595703125</t>
  </si>
  <si>
    <t>Phra Nakhon Sri Ayuthaya</t>
  </si>
  <si>
    <t>28.99946403503418</t>
  </si>
  <si>
    <t>1337.4249267578125</t>
  </si>
  <si>
    <t>0.27148664977473125</t>
  </si>
  <si>
    <t>1252.837890625</t>
  </si>
  <si>
    <t>0.2547787319035635</t>
  </si>
  <si>
    <t>28.93091583251953</t>
  </si>
  <si>
    <t>1031.5894775390625</t>
  </si>
  <si>
    <t>0.10084998523893063</t>
  </si>
  <si>
    <t>28.93602180480957</t>
  </si>
  <si>
    <t>1284.92138671875</t>
  </si>
  <si>
    <t>0.0993164482290414</t>
  </si>
  <si>
    <t>28.74946403503418</t>
  </si>
  <si>
    <t>1671.462646484375</t>
  </si>
  <si>
    <t>0.07910885337426876</t>
  </si>
  <si>
    <t>28.334678649902344</t>
  </si>
  <si>
    <t>1579.4503173828125</t>
  </si>
  <si>
    <t>0.6323334982851936</t>
  </si>
  <si>
    <t>29.13978385925293</t>
  </si>
  <si>
    <t>1007.6926879882812</t>
  </si>
  <si>
    <t>0.01964883176073684</t>
  </si>
  <si>
    <t>23617</t>
  </si>
  <si>
    <t>29.371238708496094</t>
  </si>
  <si>
    <t>1432.0345458984375</t>
  </si>
  <si>
    <t>-0.007550707630644027</t>
  </si>
  <si>
    <t>28.279571533203125</t>
  </si>
  <si>
    <t>1616.5313720703125</t>
  </si>
  <si>
    <t>0.09835803108572527</t>
  </si>
  <si>
    <t>28.661020278930664</t>
  </si>
  <si>
    <t>1391.634521484375</t>
  </si>
  <si>
    <t>0.1288337152696588</t>
  </si>
  <si>
    <t>28.616132736206055</t>
  </si>
  <si>
    <t>1384.750244140625</t>
  </si>
  <si>
    <t>-0.015503659394644487</t>
  </si>
  <si>
    <t>28.921236038208008</t>
  </si>
  <si>
    <t>1313.830810546875</t>
  </si>
  <si>
    <t>0.056518611242918126</t>
  </si>
  <si>
    <t>28.84113121032715</t>
  </si>
  <si>
    <t>1423.260009765625</t>
  </si>
  <si>
    <t>0.16125850204929826</t>
  </si>
  <si>
    <t>28.7712345123291</t>
  </si>
  <si>
    <t>1170.6983642578125</t>
  </si>
  <si>
    <t>0.022427535846881952</t>
  </si>
  <si>
    <t>28.93467903137207</t>
  </si>
  <si>
    <t>1451.776611328125</t>
  </si>
  <si>
    <t>-0.028148549170783355</t>
  </si>
  <si>
    <t>37871</t>
  </si>
  <si>
    <t>28.82124137878418</t>
  </si>
  <si>
    <t>1596.8851318359375</t>
  </si>
  <si>
    <t>0.04847466906721998</t>
  </si>
  <si>
    <t>41016</t>
  </si>
  <si>
    <t>28.746238708496094</t>
  </si>
  <si>
    <t>1494.246337890625</t>
  </si>
  <si>
    <t>0.07977658679011057</t>
  </si>
  <si>
    <t>47234</t>
  </si>
  <si>
    <t>28.174463272094727</t>
  </si>
  <si>
    <t>1383.456787109375</t>
  </si>
  <si>
    <t>0.14115173777356027</t>
  </si>
  <si>
    <t>28.876344680786133</t>
  </si>
  <si>
    <t>1579.8492431640625</t>
  </si>
  <si>
    <t>-0.10309541322973814</t>
  </si>
  <si>
    <t>38037</t>
  </si>
  <si>
    <t>29.174461364746094</t>
  </si>
  <si>
    <t>1522.291748046875</t>
  </si>
  <si>
    <t>-0.11345918881130146</t>
  </si>
  <si>
    <t>30935</t>
  </si>
  <si>
    <t>28.418014526367188</t>
  </si>
  <si>
    <t>1656.3758544921875</t>
  </si>
  <si>
    <t>-0.2066711412309683</t>
  </si>
  <si>
    <t>31220</t>
  </si>
  <si>
    <t>29.109678268432617</t>
  </si>
  <si>
    <t>1278.7928466796875</t>
  </si>
  <si>
    <t>0.00917068610433347</t>
  </si>
  <si>
    <t>28.546239852905273</t>
  </si>
  <si>
    <t>1576.41162109375</t>
  </si>
  <si>
    <t>0.17980932841010677</t>
  </si>
  <si>
    <t>28.916128158569336</t>
  </si>
  <si>
    <t>1310.81494140625</t>
  </si>
  <si>
    <t>-0.11786666238018739</t>
  </si>
  <si>
    <t>29.349464416503906</t>
  </si>
  <si>
    <t>1298.48291015625</t>
  </si>
  <si>
    <t>0.10572474256015951</t>
  </si>
  <si>
    <t>29.45134162902832</t>
  </si>
  <si>
    <t>1452.85400390625</t>
  </si>
  <si>
    <t>-0.08174834266781872</t>
  </si>
  <si>
    <t>28.91613006591797</t>
  </si>
  <si>
    <t>1737.8436279296875</t>
  </si>
  <si>
    <t>-0.008946161615936532</t>
  </si>
  <si>
    <t>28.96290397644043</t>
  </si>
  <si>
    <t>1275.2474365234375</t>
  </si>
  <si>
    <t>-0.007591468559406067</t>
  </si>
  <si>
    <t>33735</t>
  </si>
  <si>
    <t>29.599464416503906</t>
  </si>
  <si>
    <t>1104.324951171875</t>
  </si>
  <si>
    <t>0.008095523245184921</t>
  </si>
  <si>
    <t>31295</t>
  </si>
  <si>
    <t>29.211023330688477</t>
  </si>
  <si>
    <t>1401.06982421875</t>
  </si>
  <si>
    <t>-0.07507753370272319</t>
  </si>
  <si>
    <t>29.062904357910156</t>
  </si>
  <si>
    <t>1533.6890869140625</t>
  </si>
  <si>
    <t>0.00608466221577153</t>
  </si>
  <si>
    <t>28.654571533203125</t>
  </si>
  <si>
    <t>1800.9405517578125</t>
  </si>
  <si>
    <t>0.017379695686855712</t>
  </si>
  <si>
    <t>26.69428253173828</t>
  </si>
  <si>
    <t>1177.646484375</t>
  </si>
  <si>
    <t>152.0065460205078</t>
  </si>
  <si>
    <t>Phrae</t>
  </si>
  <si>
    <t>26.560434341430664</t>
  </si>
  <si>
    <t>1020.5359497070312</t>
  </si>
  <si>
    <t>0.05804204030020088</t>
  </si>
  <si>
    <t>26.373807907104492</t>
  </si>
  <si>
    <t>1070.830322265625</t>
  </si>
  <si>
    <t>26.437334060668945</t>
  </si>
  <si>
    <t>888.6882934570312</t>
  </si>
  <si>
    <t>0.004737100284268436</t>
  </si>
  <si>
    <t>1409.3646240234375</t>
  </si>
  <si>
    <t>0.07142637105154925</t>
  </si>
  <si>
    <t>26.284170150756836</t>
  </si>
  <si>
    <t>1223.595703125</t>
  </si>
  <si>
    <t>0.060055032681914255</t>
  </si>
  <si>
    <t>25.82756805419922</t>
  </si>
  <si>
    <t>1410.1385498046875</t>
  </si>
  <si>
    <t>0.14335863729669285</t>
  </si>
  <si>
    <t>26.600229263305664</t>
  </si>
  <si>
    <t>1107.4150390625</t>
  </si>
  <si>
    <t>-0.07709508554332523</t>
  </si>
  <si>
    <t>26.942651748657227</t>
  </si>
  <si>
    <t>1005.2860717773438</t>
  </si>
  <si>
    <t>-0.08550832363009775</t>
  </si>
  <si>
    <t>25.787458419799805</t>
  </si>
  <si>
    <t>1330.8330078125</t>
  </si>
  <si>
    <t>-0.016754615983593624</t>
  </si>
  <si>
    <t>26.113746643066406</t>
  </si>
  <si>
    <t>1316.4681396484375</t>
  </si>
  <si>
    <t>-0.013260499871618592</t>
  </si>
  <si>
    <t>26.021486282348633</t>
  </si>
  <si>
    <t>1207.613037109375</t>
  </si>
  <si>
    <t>-0.0066967785576892425</t>
  </si>
  <si>
    <t>26.229568481445312</t>
  </si>
  <si>
    <t>1418.027587890625</t>
  </si>
  <si>
    <t>0.03868122969559451</t>
  </si>
  <si>
    <t>26.271352767944336</t>
  </si>
  <si>
    <t>1031.1610107421875</t>
  </si>
  <si>
    <t>0.0033670065479043387</t>
  </si>
  <si>
    <t>26.15980339050293</t>
  </si>
  <si>
    <t>1095.7640380859375</t>
  </si>
  <si>
    <t>0.07029920740100692</t>
  </si>
  <si>
    <t>3732</t>
  </si>
  <si>
    <t>26.361831665039062</t>
  </si>
  <si>
    <t>1201.1942138671875</t>
  </si>
  <si>
    <t>-0.025920520207456832</t>
  </si>
  <si>
    <t>26.229148864746094</t>
  </si>
  <si>
    <t>1538.6209716796875</t>
  </si>
  <si>
    <t>0.014893892338733394</t>
  </si>
  <si>
    <t>26.15202522277832</t>
  </si>
  <si>
    <t>1230.9185791015625</t>
  </si>
  <si>
    <t>0.04818657278246441</t>
  </si>
  <si>
    <t>25.78443717956543</t>
  </si>
  <si>
    <t>1232.3795166015625</t>
  </si>
  <si>
    <t>-0.010622254656622587</t>
  </si>
  <si>
    <t>3925</t>
  </si>
  <si>
    <t>26.44586944580078</t>
  </si>
  <si>
    <t>1334.1766357421875</t>
  </si>
  <si>
    <t>-0.00203614221530124</t>
  </si>
  <si>
    <t>26.81260108947754</t>
  </si>
  <si>
    <t>1126.2337646484375</t>
  </si>
  <si>
    <t>0.0935715528812846</t>
  </si>
  <si>
    <t>25.97388458251953</t>
  </si>
  <si>
    <t>1603.1959228515625</t>
  </si>
  <si>
    <t>0.03689783173714112</t>
  </si>
  <si>
    <t>26.72735595703125</t>
  </si>
  <si>
    <t>1132.9034423828125</t>
  </si>
  <si>
    <t>0.09993437171362096</t>
  </si>
  <si>
    <t>26.274757385253906</t>
  </si>
  <si>
    <t>1287.2427978515625</t>
  </si>
  <si>
    <t>0.021420096310359682</t>
  </si>
  <si>
    <t>26.589380264282227</t>
  </si>
  <si>
    <t>1133.890625</t>
  </si>
  <si>
    <t>-0.012957422391625784</t>
  </si>
  <si>
    <t>27.094022750854492</t>
  </si>
  <si>
    <t>940.4923095703125</t>
  </si>
  <si>
    <t>0.021437899210008382</t>
  </si>
  <si>
    <t>27.1107177734375</t>
  </si>
  <si>
    <t>1355.3515625</t>
  </si>
  <si>
    <t>0.03776942185422527</t>
  </si>
  <si>
    <t>26.560043334960938</t>
  </si>
  <si>
    <t>1446.7646484375</t>
  </si>
  <si>
    <t>0.014456273533275166</t>
  </si>
  <si>
    <t>26.565162658691406</t>
  </si>
  <si>
    <t>1181.473388671875</t>
  </si>
  <si>
    <t>0.07052012961101184</t>
  </si>
  <si>
    <t>27.124032974243164</t>
  </si>
  <si>
    <t>840.3394775390625</t>
  </si>
  <si>
    <t>0.008130829328267808</t>
  </si>
  <si>
    <t>26.928098678588867</t>
  </si>
  <si>
    <t>1011.0489501953125</t>
  </si>
  <si>
    <t>-0.0751157426795146</t>
  </si>
  <si>
    <t>26.694089889526367</t>
  </si>
  <si>
    <t>1141.382080078125</t>
  </si>
  <si>
    <t>0.006110564333335233</t>
  </si>
  <si>
    <t>26.318269729614258</t>
  </si>
  <si>
    <t>1541.8427734375</t>
  </si>
  <si>
    <t>0.017385377035596505</t>
  </si>
  <si>
    <t>17694</t>
  </si>
  <si>
    <t>28.23333168029785</t>
  </si>
  <si>
    <t>2060.7001953125</t>
  </si>
  <si>
    <t>604.7681884765625</t>
  </si>
  <si>
    <t>Phuket</t>
  </si>
  <si>
    <t>2474.800048828125</t>
  </si>
  <si>
    <t>0.042109737420767956</t>
  </si>
  <si>
    <t>17876</t>
  </si>
  <si>
    <t>2020.000244140625</t>
  </si>
  <si>
    <t>-0.031876305410758476</t>
  </si>
  <si>
    <t>2634.300048828125</t>
  </si>
  <si>
    <t>0.050770109888736314</t>
  </si>
  <si>
    <t>18817</t>
  </si>
  <si>
    <t>2619.400146484375</t>
  </si>
  <si>
    <t>0.0005315756025670026</t>
  </si>
  <si>
    <t>19520</t>
  </si>
  <si>
    <t>27.916664123535156</t>
  </si>
  <si>
    <t>2323.600341796875</t>
  </si>
  <si>
    <t>0.03667886442243962</t>
  </si>
  <si>
    <t>27.683334350585938</t>
  </si>
  <si>
    <t>2496.500244140625</t>
  </si>
  <si>
    <t>0.04971674490920286</t>
  </si>
  <si>
    <t>18361</t>
  </si>
  <si>
    <t>2365.400146484375</t>
  </si>
  <si>
    <t>-0.11092747595409946</t>
  </si>
  <si>
    <t>28.500001907348633</t>
  </si>
  <si>
    <t>2569.2001953125</t>
  </si>
  <si>
    <t>0.03036062411673157</t>
  </si>
  <si>
    <t>18442</t>
  </si>
  <si>
    <t>2800.900146484375</t>
  </si>
  <si>
    <t>-0.02595880193983291</t>
  </si>
  <si>
    <t>19303</t>
  </si>
  <si>
    <t>2681.000244140625</t>
  </si>
  <si>
    <t>0.045629852128788784</t>
  </si>
  <si>
    <t>2341.7001953125</t>
  </si>
  <si>
    <t>-0.026616443005169188</t>
  </si>
  <si>
    <t>1927.800048828125</t>
  </si>
  <si>
    <t>0.09576471867280567</t>
  </si>
  <si>
    <t>19684</t>
  </si>
  <si>
    <t>28.116668701171875</t>
  </si>
  <si>
    <t>2531.10009765625</t>
  </si>
  <si>
    <t>-0.04960267690964315</t>
  </si>
  <si>
    <t>2107.10009765625</t>
  </si>
  <si>
    <t>0.10891545739308661</t>
  </si>
  <si>
    <t>2196.2001953125</t>
  </si>
  <si>
    <t>-0.17653397255317138</t>
  </si>
  <si>
    <t>2513.400146484375</t>
  </si>
  <si>
    <t>0.1753030909498854</t>
  </si>
  <si>
    <t>27.98332977294922</t>
  </si>
  <si>
    <t>0.05290453100102077</t>
  </si>
  <si>
    <t>27.60833168029785</t>
  </si>
  <si>
    <t>2425.900146484375</t>
  </si>
  <si>
    <t>-0.09653968105883415</t>
  </si>
  <si>
    <t>19081</t>
  </si>
  <si>
    <t>28.125001907348633</t>
  </si>
  <si>
    <t>2471.999755859375</t>
  </si>
  <si>
    <t>-0.09516247318751425</t>
  </si>
  <si>
    <t>28.366662979125977</t>
  </si>
  <si>
    <t>2480.89990234375</t>
  </si>
  <si>
    <t>-0.02049045878781186</t>
  </si>
  <si>
    <t>2567.099853515625</t>
  </si>
  <si>
    <t>-0.08370029252268196</t>
  </si>
  <si>
    <t>2497.599853515625</t>
  </si>
  <si>
    <t>0.0937597221617299</t>
  </si>
  <si>
    <t>2648.500244140625</t>
  </si>
  <si>
    <t>0.08333288668027805</t>
  </si>
  <si>
    <t>21060</t>
  </si>
  <si>
    <t>2259.500244140625</t>
  </si>
  <si>
    <t>0.025780573626111192</t>
  </si>
  <si>
    <t>2567.499755859375</t>
  </si>
  <si>
    <t>0.1102204817397201</t>
  </si>
  <si>
    <t>28.76667022705078</t>
  </si>
  <si>
    <t>2401.2998046875</t>
  </si>
  <si>
    <t>0.11402407767751122</t>
  </si>
  <si>
    <t>2585.5</t>
  </si>
  <si>
    <t>0.05438670626318931</t>
  </si>
  <si>
    <t>2621.400146484375</t>
  </si>
  <si>
    <t>0.06450033806771494</t>
  </si>
  <si>
    <t>29922</t>
  </si>
  <si>
    <t>2282.199951171875</t>
  </si>
  <si>
    <t>0.008086885338075334</t>
  </si>
  <si>
    <t>27758</t>
  </si>
  <si>
    <t>2551.10009765625</t>
  </si>
  <si>
    <t>-0.07506990885839215</t>
  </si>
  <si>
    <t>2501.0</t>
  </si>
  <si>
    <t>0.006069875868814023</t>
  </si>
  <si>
    <t>2802.39990234375</t>
  </si>
  <si>
    <t>0.017393594829535175</t>
  </si>
  <si>
    <t>3437</t>
  </si>
  <si>
    <t>28.448015213012695</t>
  </si>
  <si>
    <t>1579.0716552734375</t>
  </si>
  <si>
    <t>202.4788818359375</t>
  </si>
  <si>
    <t>Prachin Buri / Sa Kaeo</t>
  </si>
  <si>
    <t>28.156126022338867</t>
  </si>
  <si>
    <t>1560.1546630859375</t>
  </si>
  <si>
    <t>0.09512501176379828</t>
  </si>
  <si>
    <t>28.1840877532959</t>
  </si>
  <si>
    <t>1418.1241455078125</t>
  </si>
  <si>
    <t>0.030226376148792866</t>
  </si>
  <si>
    <t>28.102394104003906</t>
  </si>
  <si>
    <t>1437.9742431640625</t>
  </si>
  <si>
    <t>0.10005901316188215</t>
  </si>
  <si>
    <t>28.115936279296875</t>
  </si>
  <si>
    <t>1518.652099609375</t>
  </si>
  <si>
    <t>0.24564737123247227</t>
  </si>
  <si>
    <t>28.00947380065918</t>
  </si>
  <si>
    <t>2006.566650390625</t>
  </si>
  <si>
    <t>0.10753797977347723</t>
  </si>
  <si>
    <t>27.56034278869629</t>
  </si>
  <si>
    <t>1777.3917236328125</t>
  </si>
  <si>
    <t>0.3866929448075833</t>
  </si>
  <si>
    <t>8676</t>
  </si>
  <si>
    <t>28.3040771484375</t>
  </si>
  <si>
    <t>1311.53076171875</t>
  </si>
  <si>
    <t>-0.039327101791075236</t>
  </si>
  <si>
    <t>28.602174758911133</t>
  </si>
  <si>
    <t>1672.7703857421875</t>
  </si>
  <si>
    <t>-0.1090042547743284</t>
  </si>
  <si>
    <t>27.537992477416992</t>
  </si>
  <si>
    <t>1891.9154052734375</t>
  </si>
  <si>
    <t>-0.2105306276593275</t>
  </si>
  <si>
    <t>27.81928825378418</t>
  </si>
  <si>
    <t>1907.6494140625</t>
  </si>
  <si>
    <t>-0.026526754333428215</t>
  </si>
  <si>
    <t>27.81816291809082</t>
  </si>
  <si>
    <t>1576.4921875</t>
  </si>
  <si>
    <t>0.008112976513276138</t>
  </si>
  <si>
    <t>28.136085510253906</t>
  </si>
  <si>
    <t>1581.71484375</t>
  </si>
  <si>
    <t>0.3516851399816936</t>
  </si>
  <si>
    <t>28.081995010375977</t>
  </si>
  <si>
    <t>1709.3924560546875</t>
  </si>
  <si>
    <t>0.062041374482605605</t>
  </si>
  <si>
    <t>27.92900848388672</t>
  </si>
  <si>
    <t>1453.4317626953125</t>
  </si>
  <si>
    <t>0.056903130815772585</t>
  </si>
  <si>
    <t>28.128828048706055</t>
  </si>
  <si>
    <t>1548.58984375</t>
  </si>
  <si>
    <t>0.03315769310240846</t>
  </si>
  <si>
    <t>28.007827758789062</t>
  </si>
  <si>
    <t>1788.0162353515625</t>
  </si>
  <si>
    <t>0.03728092126055493</t>
  </si>
  <si>
    <t>27.95335578918457</t>
  </si>
  <si>
    <t>1773.546875</t>
  </si>
  <si>
    <t>0.006750447535257109</t>
  </si>
  <si>
    <t>27.408430099487305</t>
  </si>
  <si>
    <t>1867.3154296875</t>
  </si>
  <si>
    <t>-0.03247840305777672</t>
  </si>
  <si>
    <t>9352</t>
  </si>
  <si>
    <t>28.163785934448242</t>
  </si>
  <si>
    <t>1822.63525390625</t>
  </si>
  <si>
    <t>-0.10236201266156897</t>
  </si>
  <si>
    <t>28.397584915161133</t>
  </si>
  <si>
    <t>1833.00830078125</t>
  </si>
  <si>
    <t>0.2913377007139708</t>
  </si>
  <si>
    <t>15170</t>
  </si>
  <si>
    <t>27.69190216064453</t>
  </si>
  <si>
    <t>2134.599365234375</t>
  </si>
  <si>
    <t>0.19239186847670275</t>
  </si>
  <si>
    <t>28.357872009277344</t>
  </si>
  <si>
    <t>1570.498779296875</t>
  </si>
  <si>
    <t>0.28745132730876577</t>
  </si>
  <si>
    <t>17401</t>
  </si>
  <si>
    <t>27.844078063964844</t>
  </si>
  <si>
    <t>2012.7841796875</t>
  </si>
  <si>
    <t>-0.15024344483576435</t>
  </si>
  <si>
    <t>28.22649383544922</t>
  </si>
  <si>
    <t>1595.361083984375</t>
  </si>
  <si>
    <t>-0.008135990178161023</t>
  </si>
  <si>
    <t>16255</t>
  </si>
  <si>
    <t>28.589811325073242</t>
  </si>
  <si>
    <t>1600.3275146484375</t>
  </si>
  <si>
    <t>-0.05999113189941241</t>
  </si>
  <si>
    <t>17222</t>
  </si>
  <si>
    <t>28.719886779785156</t>
  </si>
  <si>
    <t>1612.8759765625</t>
  </si>
  <si>
    <t>0.05778708251810549</t>
  </si>
  <si>
    <t>28.110816955566406</t>
  </si>
  <si>
    <t>2161.84423828125</t>
  </si>
  <si>
    <t>0.18972642691284847</t>
  </si>
  <si>
    <t>28.188600540161133</t>
  </si>
  <si>
    <t>1617.092041015625</t>
  </si>
  <si>
    <t>0.04365371627940107</t>
  </si>
  <si>
    <t>28.768157958984375</t>
  </si>
  <si>
    <t>1347.4052734375</t>
  </si>
  <si>
    <t>0.008105367786123807</t>
  </si>
  <si>
    <t>20340</t>
  </si>
  <si>
    <t>28.32813835144043</t>
  </si>
  <si>
    <t>1794.63427734375</t>
  </si>
  <si>
    <t>-0.07508375663193334</t>
  </si>
  <si>
    <t>20464</t>
  </si>
  <si>
    <t>28.234132766723633</t>
  </si>
  <si>
    <t>1931.02978515625</t>
  </si>
  <si>
    <t>0.0060778542160733195</t>
  </si>
  <si>
    <t>27.878358840942383</t>
  </si>
  <si>
    <t>2197.571044921875</t>
  </si>
  <si>
    <t>0.01739090018906886</t>
  </si>
  <si>
    <t>2804.69970703125</t>
  </si>
  <si>
    <t>63.937992095947266</t>
  </si>
  <si>
    <t>Ranong</t>
  </si>
  <si>
    <t>3509.400146484375</t>
  </si>
  <si>
    <t>0.07281256848690809</t>
  </si>
  <si>
    <t>15102</t>
  </si>
  <si>
    <t>3115.000244140625</t>
  </si>
  <si>
    <t>0.06278312106876349</t>
  </si>
  <si>
    <t>3095.199951171875</t>
  </si>
  <si>
    <t>0.035899290001413675</t>
  </si>
  <si>
    <t>3911.100341796875</t>
  </si>
  <si>
    <t>-0.19784969915537864</t>
  </si>
  <si>
    <t>26.94999885559082</t>
  </si>
  <si>
    <t>4074.10009765625</t>
  </si>
  <si>
    <t>0.15216891585464332</t>
  </si>
  <si>
    <t>26.558334350585938</t>
  </si>
  <si>
    <t>4007.7998046875</t>
  </si>
  <si>
    <t>-0.08189999807014559</t>
  </si>
  <si>
    <t>3070.7001953125</t>
  </si>
  <si>
    <t>-0.1475320911353588</t>
  </si>
  <si>
    <t>10909</t>
  </si>
  <si>
    <t>27.524995803833008</t>
  </si>
  <si>
    <t>3826.0</t>
  </si>
  <si>
    <t>-0.08602546626078755</t>
  </si>
  <si>
    <t>8404</t>
  </si>
  <si>
    <t>26.491666793823242</t>
  </si>
  <si>
    <t>3705.60009765625</t>
  </si>
  <si>
    <t>-0.26088035363286544</t>
  </si>
  <si>
    <t>26.849998474121094</t>
  </si>
  <si>
    <t>3636.800048828125</t>
  </si>
  <si>
    <t>0.0118288580568926</t>
  </si>
  <si>
    <t>26.78333282470703</t>
  </si>
  <si>
    <t>4017.900390625</t>
  </si>
  <si>
    <t>-0.12817016814937965</t>
  </si>
  <si>
    <t>27.099998474121094</t>
  </si>
  <si>
    <t>3094.300537109375</t>
  </si>
  <si>
    <t>-0.07722842081686565</t>
  </si>
  <si>
    <t>27.04166603088379</t>
  </si>
  <si>
    <t>3873.900390625</t>
  </si>
  <si>
    <t>0.05983433297998353</t>
  </si>
  <si>
    <t>3075.400146484375</t>
  </si>
  <si>
    <t>0.1409676305317138</t>
  </si>
  <si>
    <t>3343.800048828125</t>
  </si>
  <si>
    <t>-0.05175971955809011</t>
  </si>
  <si>
    <t>3880.7001953125</t>
  </si>
  <si>
    <t>-0.03532683611519616</t>
  </si>
  <si>
    <t>26.85833168029785</t>
  </si>
  <si>
    <t>3733.699951171875</t>
  </si>
  <si>
    <t>-0.04319302073647968</t>
  </si>
  <si>
    <t>3036.800048828125</t>
  </si>
  <si>
    <t>0.003626842581295975</t>
  </si>
  <si>
    <t>27.0</t>
  </si>
  <si>
    <t>3501.5</t>
  </si>
  <si>
    <t>0.0020092431915248454</t>
  </si>
  <si>
    <t>3383.599853515625</t>
  </si>
  <si>
    <t>0.03018351044456402</t>
  </si>
  <si>
    <t>3973.100341796875</t>
  </si>
  <si>
    <t>-0.026843717078998353</t>
  </si>
  <si>
    <t>3688.2998046875</t>
  </si>
  <si>
    <t>-0.019255964260318947</t>
  </si>
  <si>
    <t>3994.900390625</t>
  </si>
  <si>
    <t>-0.0306484507575</t>
  </si>
  <si>
    <t>3116.39990234375</t>
  </si>
  <si>
    <t>0.003917732728902834</t>
  </si>
  <si>
    <t>6803</t>
  </si>
  <si>
    <t>4512.400390625</t>
  </si>
  <si>
    <t>-0.05128594466187941</t>
  </si>
  <si>
    <t>3870.300048828125</t>
  </si>
  <si>
    <t>0.09833900934990503</t>
  </si>
  <si>
    <t>3613.600341796875</t>
  </si>
  <si>
    <t>27.125</t>
  </si>
  <si>
    <t>3894.999755859375</t>
  </si>
  <si>
    <t>-0.0305219752283854</t>
  </si>
  <si>
    <t>3325.69970703125</t>
  </si>
  <si>
    <t>0.00807506341503661</t>
  </si>
  <si>
    <t>27.34166717529297</t>
  </si>
  <si>
    <t>3725.199951171875</t>
  </si>
  <si>
    <t>-0.07499643960591129</t>
  </si>
  <si>
    <t>27.158334732055664</t>
  </si>
  <si>
    <t>3218.89990234375</t>
  </si>
  <si>
    <t>0.005994302468117496</t>
  </si>
  <si>
    <t>26.800003051757812</t>
  </si>
  <si>
    <t>4395.60009765625</t>
  </si>
  <si>
    <t>0.017360590325173675</t>
  </si>
  <si>
    <t>28.66364097595215</t>
  </si>
  <si>
    <t>1246.0869140625</t>
  </si>
  <si>
    <t>358.119140625</t>
  </si>
  <si>
    <t>Ratchaburi</t>
  </si>
  <si>
    <t>28.389381408691406</t>
  </si>
  <si>
    <t>1420.348388671875</t>
  </si>
  <si>
    <t>0.05639861283418668</t>
  </si>
  <si>
    <t>28.396554946899414</t>
  </si>
  <si>
    <t>1288.917236328125</t>
  </si>
  <si>
    <t>0.07306064527513989</t>
  </si>
  <si>
    <t>28.327157974243164</t>
  </si>
  <si>
    <t>1095.4766845703125</t>
  </si>
  <si>
    <t>0.09761121761625269</t>
  </si>
  <si>
    <t>28.338640213012695</t>
  </si>
  <si>
    <t>1357.2080078125</t>
  </si>
  <si>
    <t>0.04035955201833197</t>
  </si>
  <si>
    <t>28.17197608947754</t>
  </si>
  <si>
    <t>1645.0430908203125</t>
  </si>
  <si>
    <t>0.09650426516679289</t>
  </si>
  <si>
    <t>8937</t>
  </si>
  <si>
    <t>27.763641357421875</t>
  </si>
  <si>
    <t>1804.31689453125</t>
  </si>
  <si>
    <t>0.03483958916173435</t>
  </si>
  <si>
    <t>28.505727767944336</t>
  </si>
  <si>
    <t>1026.8570556640625</t>
  </si>
  <si>
    <t>-0.0495457365514298</t>
  </si>
  <si>
    <t>28.75373077392578</t>
  </si>
  <si>
    <t>1548.72607421875</t>
  </si>
  <si>
    <t>-0.08986939341779454</t>
  </si>
  <si>
    <t>8362</t>
  </si>
  <si>
    <t>27.680727005004883</t>
  </si>
  <si>
    <t>1597.2952880859375</t>
  </si>
  <si>
    <t>0.07291280050434246</t>
  </si>
  <si>
    <t>28.055307388305664</t>
  </si>
  <si>
    <t>1354.054931640625</t>
  </si>
  <si>
    <t>-0.005516262938606076</t>
  </si>
  <si>
    <t>28.015634536743164</t>
  </si>
  <si>
    <t>1337.9171142578125</t>
  </si>
  <si>
    <t>0.16318008654665128</t>
  </si>
  <si>
    <t>11032</t>
  </si>
  <si>
    <t>28.297393798828125</t>
  </si>
  <si>
    <t>1330.4503173828125</t>
  </si>
  <si>
    <t>0.11943868394858193</t>
  </si>
  <si>
    <t>28.256879806518555</t>
  </si>
  <si>
    <t>1469.75732421875</t>
  </si>
  <si>
    <t>0.05870322757446367</t>
  </si>
  <si>
    <t>28.164480209350586</t>
  </si>
  <si>
    <t>1215.0272216796875</t>
  </si>
  <si>
    <t>-0.01785222694842048</t>
  </si>
  <si>
    <t>28.330307006835938</t>
  </si>
  <si>
    <t>1512.9808349609375</t>
  </si>
  <si>
    <t>-0.012081036368508435</t>
  </si>
  <si>
    <t>28.205726623535156</t>
  </si>
  <si>
    <t>1596.820068359375</t>
  </si>
  <si>
    <t>-0.00609569447903624</t>
  </si>
  <si>
    <t>28.139060974121094</t>
  </si>
  <si>
    <t>1488.441650390625</t>
  </si>
  <si>
    <t>-0.023671866560093235</t>
  </si>
  <si>
    <t>27.5894775390625</t>
  </si>
  <si>
    <t>1501.5924072265625</t>
  </si>
  <si>
    <t>0.002808863351765112</t>
  </si>
  <si>
    <t>28.264055252075195</t>
  </si>
  <si>
    <t>1605.960693359375</t>
  </si>
  <si>
    <t>0.033017459690640294</t>
  </si>
  <si>
    <t>28.57239532470703</t>
  </si>
  <si>
    <t>1540.5655517578125</t>
  </si>
  <si>
    <t>0.1602226769879156</t>
  </si>
  <si>
    <t>27.831886291503906</t>
  </si>
  <si>
    <t>1596.5208740234375</t>
  </si>
  <si>
    <t>0.09559490819570371</t>
  </si>
  <si>
    <t>14996</t>
  </si>
  <si>
    <t>28.50446891784668</t>
  </si>
  <si>
    <t>1360.7518310546875</t>
  </si>
  <si>
    <t>0.01633704693823468</t>
  </si>
  <si>
    <t>27.946136474609375</t>
  </si>
  <si>
    <t>1613.7423095703125</t>
  </si>
  <si>
    <t>-0.028064187539516894</t>
  </si>
  <si>
    <t>28.31206512451172</t>
  </si>
  <si>
    <t>1343.545166015625</t>
  </si>
  <si>
    <t>0.04800278956552617</t>
  </si>
  <si>
    <t>28.71248435974121</t>
  </si>
  <si>
    <t>1389.0107421875</t>
  </si>
  <si>
    <t>0.03859700832651214</t>
  </si>
  <si>
    <t>28.841827392578125</t>
  </si>
  <si>
    <t>1519.455078125</t>
  </si>
  <si>
    <t>0.05571432482473604</t>
  </si>
  <si>
    <t>16324</t>
  </si>
  <si>
    <t>28.32239532470703</t>
  </si>
  <si>
    <t>1623.9537353515625</t>
  </si>
  <si>
    <t>-0.029397016507363816</t>
  </si>
  <si>
    <t>17156</t>
  </si>
  <si>
    <t>28.3636417388916</t>
  </si>
  <si>
    <t>1405.272216796875</t>
  </si>
  <si>
    <t>0.049711549111075115</t>
  </si>
  <si>
    <t>28.9755802154541</t>
  </si>
  <si>
    <t>1200.848388671875</t>
  </si>
  <si>
    <t>0.008127294242218142</t>
  </si>
  <si>
    <t>28.603731155395508</t>
  </si>
  <si>
    <t>1411.8177490234375</t>
  </si>
  <si>
    <t>-0.07507798633503171</t>
  </si>
  <si>
    <t>16143</t>
  </si>
  <si>
    <t>28.454153060913086</t>
  </si>
  <si>
    <t>1505.796142578125</t>
  </si>
  <si>
    <t>0.0060892446135714096</t>
  </si>
  <si>
    <t>16426</t>
  </si>
  <si>
    <t>28.064477920532227</t>
  </si>
  <si>
    <t>1839.5074462890625</t>
  </si>
  <si>
    <t>0.01737892614260872</t>
  </si>
  <si>
    <t>28.752784729003906</t>
  </si>
  <si>
    <t>1729.8739013671875</t>
  </si>
  <si>
    <t>300.03289794921875</t>
  </si>
  <si>
    <t>Rayong</t>
  </si>
  <si>
    <t>28.513038635253906</t>
  </si>
  <si>
    <t>1849.3341064453125</t>
  </si>
  <si>
    <t>0.044796154262384036</t>
  </si>
  <si>
    <t>28.45182228088379</t>
  </si>
  <si>
    <t>1689.94140625</t>
  </si>
  <si>
    <t>0.11759379805496017</t>
  </si>
  <si>
    <t>28.399686813354492</t>
  </si>
  <si>
    <t>1530.1829833984375</t>
  </si>
  <si>
    <t>0.05865104010992006</t>
  </si>
  <si>
    <t>28.390390396118164</t>
  </si>
  <si>
    <t>1937.5196533203125</t>
  </si>
  <si>
    <t>0.12476629283792562</t>
  </si>
  <si>
    <t>28.253000259399414</t>
  </si>
  <si>
    <t>2294.0703125</t>
  </si>
  <si>
    <t>0.159166946732336</t>
  </si>
  <si>
    <t>27.82372283935547</t>
  </si>
  <si>
    <t>2178.704833984375</t>
  </si>
  <si>
    <t>0.46400904822382394</t>
  </si>
  <si>
    <t>48448</t>
  </si>
  <si>
    <t>28.585153579711914</t>
  </si>
  <si>
    <t>1430.2705078125</t>
  </si>
  <si>
    <t>0.1213861588115499</t>
  </si>
  <si>
    <t>48407</t>
  </si>
  <si>
    <t>28.848724365234375</t>
  </si>
  <si>
    <t>2094.20947265625</t>
  </si>
  <si>
    <t>-0.0008466264508601995</t>
  </si>
  <si>
    <t>45328</t>
  </si>
  <si>
    <t>27.76325225830078</t>
  </si>
  <si>
    <t>2131.68408203125</t>
  </si>
  <si>
    <t>-0.0657194882759633</t>
  </si>
  <si>
    <t>53807</t>
  </si>
  <si>
    <t>28.124685287475586</t>
  </si>
  <si>
    <t>2063.05322265625</t>
  </si>
  <si>
    <t>0.17147862713997242</t>
  </si>
  <si>
    <t>56146</t>
  </si>
  <si>
    <t>28.044450759887695</t>
  </si>
  <si>
    <t>1882.1602783203125</t>
  </si>
  <si>
    <t>0.04255187066277877</t>
  </si>
  <si>
    <t>59828</t>
  </si>
  <si>
    <t>28.36421775817871</t>
  </si>
  <si>
    <t>1854.972412109375</t>
  </si>
  <si>
    <t>0.06351833790616901</t>
  </si>
  <si>
    <t>65291</t>
  </si>
  <si>
    <t>28.31635284423828</t>
  </si>
  <si>
    <t>1971.71875</t>
  </si>
  <si>
    <t>0.08738042256537604</t>
  </si>
  <si>
    <t>71181</t>
  </si>
  <si>
    <t>28.205881118774414</t>
  </si>
  <si>
    <t>1661.670166015625</t>
  </si>
  <si>
    <t>0.08637172751104316</t>
  </si>
  <si>
    <t>81957</t>
  </si>
  <si>
    <t>28.352783203125</t>
  </si>
  <si>
    <t>1869.5447998046875</t>
  </si>
  <si>
    <t>0.14096879060620182</t>
  </si>
  <si>
    <t>28.227783203125</t>
  </si>
  <si>
    <t>2201.060302734375</t>
  </si>
  <si>
    <t>0.0957903607075643</t>
  </si>
  <si>
    <t>96085</t>
  </si>
  <si>
    <t>28.149686813354492</t>
  </si>
  <si>
    <t>2153.23583984375</t>
  </si>
  <si>
    <t>0.06324813619712444</t>
  </si>
  <si>
    <t>87772</t>
  </si>
  <si>
    <t>27.635154724121094</t>
  </si>
  <si>
    <t>2083.455810546875</t>
  </si>
  <si>
    <t>-0.09049067321076798</t>
  </si>
  <si>
    <t>77541</t>
  </si>
  <si>
    <t>28.298723220825195</t>
  </si>
  <si>
    <t>2101.2734375</t>
  </si>
  <si>
    <t>-0.12393571444448703</t>
  </si>
  <si>
    <t>79628</t>
  </si>
  <si>
    <t>28.61442756652832</t>
  </si>
  <si>
    <t>2145.55419921875</t>
  </si>
  <si>
    <t>0.026558961062551845</t>
  </si>
  <si>
    <t>77229</t>
  </si>
  <si>
    <t>27.898725509643555</t>
  </si>
  <si>
    <t>2206.482177734375</t>
  </si>
  <si>
    <t>-0.030590755630484523</t>
  </si>
  <si>
    <t>81317</t>
  </si>
  <si>
    <t>28.5539608001709</t>
  </si>
  <si>
    <t>1810.533935546875</t>
  </si>
  <si>
    <t>0.051580062624788425</t>
  </si>
  <si>
    <t>82113</t>
  </si>
  <si>
    <t>28.041351318359375</t>
  </si>
  <si>
    <t>2288.856201171875</t>
  </si>
  <si>
    <t>0.009741250620942665</t>
  </si>
  <si>
    <t>80259</t>
  </si>
  <si>
    <t>28.379920959472656</t>
  </si>
  <si>
    <t>1785.9124755859375</t>
  </si>
  <si>
    <t>-0.0228374421523867</t>
  </si>
  <si>
    <t>75653</t>
  </si>
  <si>
    <t>28.85064697265625</t>
  </si>
  <si>
    <t>1957.1253662109375</t>
  </si>
  <si>
    <t>-0.059101809494510604</t>
  </si>
  <si>
    <t>74416</t>
  </si>
  <si>
    <t>29.000646591186523</t>
  </si>
  <si>
    <t>1938.03564453125</t>
  </si>
  <si>
    <t>-0.016486123278294684</t>
  </si>
  <si>
    <t>77871</t>
  </si>
  <si>
    <t>28.387296676635742</t>
  </si>
  <si>
    <t>2308.81982421875</t>
  </si>
  <si>
    <t>0.04538263894071015</t>
  </si>
  <si>
    <t>78513</t>
  </si>
  <si>
    <t>28.4589786529541</t>
  </si>
  <si>
    <t>1879.3184814453125</t>
  </si>
  <si>
    <t>0.008210604750441775</t>
  </si>
  <si>
    <t>79151</t>
  </si>
  <si>
    <t>29.013254165649414</t>
  </si>
  <si>
    <t>1525.8731689453125</t>
  </si>
  <si>
    <t>0.008093204313103897</t>
  </si>
  <si>
    <t>73428</t>
  </si>
  <si>
    <t>28.66229248046875</t>
  </si>
  <si>
    <t>2004.3914794921875</t>
  </si>
  <si>
    <t>-0.0750520862175943</t>
  </si>
  <si>
    <t>73874</t>
  </si>
  <si>
    <t>28.470626831054688</t>
  </si>
  <si>
    <t>2153.924560546875</t>
  </si>
  <si>
    <t>0.006055604987222907</t>
  </si>
  <si>
    <t>75170</t>
  </si>
  <si>
    <t>28.092527389526367</t>
  </si>
  <si>
    <t>2554.093994140625</t>
  </si>
  <si>
    <t>0.017391275933752226</t>
  </si>
  <si>
    <t>2424</t>
  </si>
  <si>
    <t>27.602540969848633</t>
  </si>
  <si>
    <t>1540.3638916015625</t>
  </si>
  <si>
    <t>459.160400390625</t>
  </si>
  <si>
    <t>Roi Et</t>
  </si>
  <si>
    <t>27.42772674560547</t>
  </si>
  <si>
    <t>1311.615234375</t>
  </si>
  <si>
    <t>0.01962129658732703</t>
  </si>
  <si>
    <t>27.246009826660156</t>
  </si>
  <si>
    <t>1200.087158203125</t>
  </si>
  <si>
    <t>0.08758691657386297</t>
  </si>
  <si>
    <t>27.337730407714844</t>
  </si>
  <si>
    <t>1070.072998046875</t>
  </si>
  <si>
    <t>0.012578782206859707</t>
  </si>
  <si>
    <t>27.324575424194336</t>
  </si>
  <si>
    <t>1511.865478515625</t>
  </si>
  <si>
    <t>0.03304180720129324</t>
  </si>
  <si>
    <t>27.16808319091797</t>
  </si>
  <si>
    <t>1309.581298828125</t>
  </si>
  <si>
    <t>0.03161877679880387</t>
  </si>
  <si>
    <t>26.735565185546875</t>
  </si>
  <si>
    <t>1502.4139404296875</t>
  </si>
  <si>
    <t>0.07033458053740738</t>
  </si>
  <si>
    <t>27.569936752319336</t>
  </si>
  <si>
    <t>1310.106201171875</t>
  </si>
  <si>
    <t>0.013559529785633018</t>
  </si>
  <si>
    <t>27.924943923950195</t>
  </si>
  <si>
    <t>1212.2947998046875</t>
  </si>
  <si>
    <t>-0.03634270371620918</t>
  </si>
  <si>
    <t>26.8969669342041</t>
  </si>
  <si>
    <t>1558.384521484375</t>
  </si>
  <si>
    <t>-0.0947865738930691</t>
  </si>
  <si>
    <t>27.093217849731445</t>
  </si>
  <si>
    <t>1663.5782470703125</t>
  </si>
  <si>
    <t>-0.010030948306122944</t>
  </si>
  <si>
    <t>27.092491149902344</t>
  </si>
  <si>
    <t>1586.62451171875</t>
  </si>
  <si>
    <t>0.02337719025901741</t>
  </si>
  <si>
    <t>27.347047805786133</t>
  </si>
  <si>
    <t>1585.8111572265625</t>
  </si>
  <si>
    <t>0.05167201054432091</t>
  </si>
  <si>
    <t>27.381332397460938</t>
  </si>
  <si>
    <t>1402.0089111328125</t>
  </si>
  <si>
    <t>0.06510041360613883</t>
  </si>
  <si>
    <t>27.15018653869629</t>
  </si>
  <si>
    <t>1420.9727783203125</t>
  </si>
  <si>
    <t>0.03640375503122062</t>
  </si>
  <si>
    <t>27.458221435546875</t>
  </si>
  <si>
    <t>1419.3927001953125</t>
  </si>
  <si>
    <t>-0.021018836191741386</t>
  </si>
  <si>
    <t>27.351408004760742</t>
  </si>
  <si>
    <t>1444.5035400390625</t>
  </si>
  <si>
    <t>0.06520209116855646</t>
  </si>
  <si>
    <t>27.16046905517578</t>
  </si>
  <si>
    <t>1503.03515625</t>
  </si>
  <si>
    <t>0.058573939978705525</t>
  </si>
  <si>
    <t>26.557823181152344</t>
  </si>
  <si>
    <t>1596.1268310546875</t>
  </si>
  <si>
    <t>-0.024641294259085456</t>
  </si>
  <si>
    <t>27.473989486694336</t>
  </si>
  <si>
    <t>1430.3773193359375</t>
  </si>
  <si>
    <t>0.08219063851839792</t>
  </si>
  <si>
    <t>27.626953125</t>
  </si>
  <si>
    <t>1347.98974609375</t>
  </si>
  <si>
    <t>0.12696921085518476</t>
  </si>
  <si>
    <t>26.791181564331055</t>
  </si>
  <si>
    <t>1740.8524169921875</t>
  </si>
  <si>
    <t>0.06695877941422346</t>
  </si>
  <si>
    <t>4755</t>
  </si>
  <si>
    <t>27.689382553100586</t>
  </si>
  <si>
    <t>1126.4912109375</t>
  </si>
  <si>
    <t>0.0810070701732073</t>
  </si>
  <si>
    <t>27.080778121948242</t>
  </si>
  <si>
    <t>1368.643310546875</t>
  </si>
  <si>
    <t>0.09176696326524514</t>
  </si>
  <si>
    <t>4726</t>
  </si>
  <si>
    <t>27.50457191467285</t>
  </si>
  <si>
    <t>1287.546142578125</t>
  </si>
  <si>
    <t>-0.09788448049788201</t>
  </si>
  <si>
    <t>27.991182327270508</t>
  </si>
  <si>
    <t>1175.7496337890625</t>
  </si>
  <si>
    <t>0.025693319358499167</t>
  </si>
  <si>
    <t>27.913881301879883</t>
  </si>
  <si>
    <t>1148.0147705078125</t>
  </si>
  <si>
    <t>0.02685817596793072</t>
  </si>
  <si>
    <t>27.278474807739258</t>
  </si>
  <si>
    <t>1704.0115966796875</t>
  </si>
  <si>
    <t>0.0273284333842998</t>
  </si>
  <si>
    <t>27.407258987426758</t>
  </si>
  <si>
    <t>1325.3441162109375</t>
  </si>
  <si>
    <t>0.017236797430822293</t>
  </si>
  <si>
    <t>28.13053321838379</t>
  </si>
  <si>
    <t>1245.1541748046875</t>
  </si>
  <si>
    <t>0.008032171697262669</t>
  </si>
  <si>
    <t>27.626495361328125</t>
  </si>
  <si>
    <t>1294.1658935546875</t>
  </si>
  <si>
    <t>-0.07513413950903391</t>
  </si>
  <si>
    <t>27.53730583190918</t>
  </si>
  <si>
    <t>1298.35107421875</t>
  </si>
  <si>
    <t>0.006141268022084034</t>
  </si>
  <si>
    <t>26.99271583557129</t>
  </si>
  <si>
    <t>1620.39404296875</t>
  </si>
  <si>
    <t>0.01739877998478434</t>
  </si>
  <si>
    <t>27.06843376159668</t>
  </si>
  <si>
    <t>1837.3951416015625</t>
  </si>
  <si>
    <t>335.09564208984375</t>
  </si>
  <si>
    <t>Sakon Nakhon</t>
  </si>
  <si>
    <t>26.89808464050293</t>
  </si>
  <si>
    <t>1534.52978515625</t>
  </si>
  <si>
    <t>0.007964829362479442</t>
  </si>
  <si>
    <t>2533</t>
  </si>
  <si>
    <t>26.737565994262695</t>
  </si>
  <si>
    <t>1532.462890625</t>
  </si>
  <si>
    <t>0.05602114015665993</t>
  </si>
  <si>
    <t>26.85301971435547</t>
  </si>
  <si>
    <t>1331.6192626953125</t>
  </si>
  <si>
    <t>0.030328918697453133</t>
  </si>
  <si>
    <t>26.781415939331055</t>
  </si>
  <si>
    <t>1932.556884765625</t>
  </si>
  <si>
    <t>0.06809881689007113</t>
  </si>
  <si>
    <t>26.56968879699707</t>
  </si>
  <si>
    <t>1698.9080810546875</t>
  </si>
  <si>
    <t>0.06877817939037456</t>
  </si>
  <si>
    <t>26.119970321655273</t>
  </si>
  <si>
    <t>1705.884765625</t>
  </si>
  <si>
    <t>0.09153796798152669</t>
  </si>
  <si>
    <t>26.978303909301758</t>
  </si>
  <si>
    <t>1554.558837890625</t>
  </si>
  <si>
    <t>-0.11690716210698593</t>
  </si>
  <si>
    <t>27.39286231994629</t>
  </si>
  <si>
    <t>1445.5238037109375</t>
  </si>
  <si>
    <t>-0.07613917957353333</t>
  </si>
  <si>
    <t>26.297157287597656</t>
  </si>
  <si>
    <t>1860.760009765625</t>
  </si>
  <si>
    <t>-0.04267213380841639</t>
  </si>
  <si>
    <t>26.533884048461914</t>
  </si>
  <si>
    <t>1878.7701416015625</t>
  </si>
  <si>
    <t>-0.0305546683219724</t>
  </si>
  <si>
    <t>26.49962615966797</t>
  </si>
  <si>
    <t>1807.0421142578125</t>
  </si>
  <si>
    <t>-0.03852087854016517</t>
  </si>
  <si>
    <t>26.789106369018555</t>
  </si>
  <si>
    <t>2022.3817138671875</t>
  </si>
  <si>
    <t>0.06132957474748224</t>
  </si>
  <si>
    <t>26.799623489379883</t>
  </si>
  <si>
    <t>1648.926025390625</t>
  </si>
  <si>
    <t>0.10858238052585989</t>
  </si>
  <si>
    <t>26.533241271972656</t>
  </si>
  <si>
    <t>1737.039306640625</t>
  </si>
  <si>
    <t>0.01660363290122291</t>
  </si>
  <si>
    <t>26.935142517089844</t>
  </si>
  <si>
    <t>1683.587646484375</t>
  </si>
  <si>
    <t>0.008199567634324723</t>
  </si>
  <si>
    <t>26.77709197998047</t>
  </si>
  <si>
    <t>1657.1302490234375</t>
  </si>
  <si>
    <t>0.052041568290700724</t>
  </si>
  <si>
    <t>26.64715576171875</t>
  </si>
  <si>
    <t>1784.0689697265625</t>
  </si>
  <si>
    <t>0.04360880542743395</t>
  </si>
  <si>
    <t>25.97956085205078</t>
  </si>
  <si>
    <t>2027.3126220703125</t>
  </si>
  <si>
    <t>-0.027905871002511518</t>
  </si>
  <si>
    <t>27.02122688293457</t>
  </si>
  <si>
    <t>1677.894287109375</t>
  </si>
  <si>
    <t>0.09111001431321775</t>
  </si>
  <si>
    <t>27.157028198242188</t>
  </si>
  <si>
    <t>1666.9039306640625</t>
  </si>
  <si>
    <t>0.07005664993454452</t>
  </si>
  <si>
    <t>3747</t>
  </si>
  <si>
    <t>26.28635597229004</t>
  </si>
  <si>
    <t>2047.6524658203125</t>
  </si>
  <si>
    <t>0.013974965411383877</t>
  </si>
  <si>
    <t>27.210426330566406</t>
  </si>
  <si>
    <t>1430.2625732421875</t>
  </si>
  <si>
    <t>0.0982899414480265</t>
  </si>
  <si>
    <t>26.554847717285156</t>
  </si>
  <si>
    <t>1601.5225830078125</t>
  </si>
  <si>
    <t>0.09390179085623807</t>
  </si>
  <si>
    <t>27.038537979125977</t>
  </si>
  <si>
    <t>1383.2576904296875</t>
  </si>
  <si>
    <t>-0.09632368596110119</t>
  </si>
  <si>
    <t>27.506134033203125</t>
  </si>
  <si>
    <t>1271.8505859375</t>
  </si>
  <si>
    <t>0.03268030836306224</t>
  </si>
  <si>
    <t>4567</t>
  </si>
  <si>
    <t>27.41436004638672</t>
  </si>
  <si>
    <t>1360.8192138671875</t>
  </si>
  <si>
    <t>0.0693526596850873</t>
  </si>
  <si>
    <t>26.70148277282715</t>
  </si>
  <si>
    <t>1811.9183349609375</t>
  </si>
  <si>
    <t>0.00698235435492478</t>
  </si>
  <si>
    <t>26.859527587890625</t>
  </si>
  <si>
    <t>1593.0931396484375</t>
  </si>
  <si>
    <t>0.024485759383805927</t>
  </si>
  <si>
    <t>27.678380966186523</t>
  </si>
  <si>
    <t>1439.8505859375</t>
  </si>
  <si>
    <t>0.008240934118751042</t>
  </si>
  <si>
    <t>27.09221839904785</t>
  </si>
  <si>
    <t>1427.3951416015625</t>
  </si>
  <si>
    <t>-0.07514451020973034</t>
  </si>
  <si>
    <t>26.93635368347168</t>
  </si>
  <si>
    <t>1437.0843505859375</t>
  </si>
  <si>
    <t>0.006106543910929574</t>
  </si>
  <si>
    <t>26.483238220214844</t>
  </si>
  <si>
    <t>2051.6650390625</t>
  </si>
  <si>
    <t>0.017434505083320673</t>
  </si>
  <si>
    <t>12238</t>
  </si>
  <si>
    <t>1184.9000244140625</t>
  </si>
  <si>
    <t>247.87893676757812</t>
  </si>
  <si>
    <t>Saraburi</t>
  </si>
  <si>
    <t>1191.60009765625</t>
  </si>
  <si>
    <t>0.05423063331410738</t>
  </si>
  <si>
    <t>1131.4000244140625</t>
  </si>
  <si>
    <t>-0.020961192911054027</t>
  </si>
  <si>
    <t>28.70833396911621</t>
  </si>
  <si>
    <t>955.699951171875</t>
  </si>
  <si>
    <t>0.021038589296681565</t>
  </si>
  <si>
    <t>14635</t>
  </si>
  <si>
    <t>0.12456202540376538</t>
  </si>
  <si>
    <t>1531.0</t>
  </si>
  <si>
    <t>0.0343205505477826</t>
  </si>
  <si>
    <t>1516.0999755859375</t>
  </si>
  <si>
    <t>0.044044052831546665</t>
  </si>
  <si>
    <t>14972</t>
  </si>
  <si>
    <t>28.883333206176758</t>
  </si>
  <si>
    <t>982.60009765625</t>
  </si>
  <si>
    <t>-0.055598733480994866</t>
  </si>
  <si>
    <t>29.133333206176758</t>
  </si>
  <si>
    <t>1242.5999755859375</t>
  </si>
  <si>
    <t>-0.07156286702585568</t>
  </si>
  <si>
    <t>-0.02381410635295289</t>
  </si>
  <si>
    <t>1308.89990234375</t>
  </si>
  <si>
    <t>-0.006930647811330459</t>
  </si>
  <si>
    <t>13922</t>
  </si>
  <si>
    <t>28.366670608520508</t>
  </si>
  <si>
    <t>1157.9998779296875</t>
  </si>
  <si>
    <t>0.029596153894431154</t>
  </si>
  <si>
    <t>15775</t>
  </si>
  <si>
    <t>28.683334350585938</t>
  </si>
  <si>
    <t>1204.89990234375</t>
  </si>
  <si>
    <t>0.12495608568080208</t>
  </si>
  <si>
    <t>0.07254913951223152</t>
  </si>
  <si>
    <t>18531</t>
  </si>
  <si>
    <t>1062.7999267578125</t>
  </si>
  <si>
    <t>0.08846945744236301</t>
  </si>
  <si>
    <t>19724</t>
  </si>
  <si>
    <t>1304.900146484375</t>
  </si>
  <si>
    <t>0.06239116298000802</t>
  </si>
  <si>
    <t>20015</t>
  </si>
  <si>
    <t>28.57499885559082</t>
  </si>
  <si>
    <t>0.014645824082656134</t>
  </si>
  <si>
    <t>1281.300048828125</t>
  </si>
  <si>
    <t>-9.993004904806924e-05</t>
  </si>
  <si>
    <t>1393.499755859375</t>
  </si>
  <si>
    <t>0.0376089232755934</t>
  </si>
  <si>
    <t>28.633333206176758</t>
  </si>
  <si>
    <t>1541.199951171875</t>
  </si>
  <si>
    <t>0.0342479786696579</t>
  </si>
  <si>
    <t>1406.5999755859375</t>
  </si>
  <si>
    <t>0.035405566407646916</t>
  </si>
  <si>
    <t>21812</t>
  </si>
  <si>
    <t>28.158334732055664</t>
  </si>
  <si>
    <t>1607.5001220703125</t>
  </si>
  <si>
    <t>-0.021184253684571885</t>
  </si>
  <si>
    <t>0.06337162473421465</t>
  </si>
  <si>
    <t>28.300003051757812</t>
  </si>
  <si>
    <t>1426.4000244140625</t>
  </si>
  <si>
    <t>-0.02465711255352332</t>
  </si>
  <si>
    <t>0.010136778551308012</t>
  </si>
  <si>
    <t>29.133331298828125</t>
  </si>
  <si>
    <t>1145.5</t>
  </si>
  <si>
    <t>0.009516225376016152</t>
  </si>
  <si>
    <t>1343.7999267578125</t>
  </si>
  <si>
    <t>0.053140395990185496</t>
  </si>
  <si>
    <t>23423</t>
  </si>
  <si>
    <t>1667.0</t>
  </si>
  <si>
    <t>-0.040249743551243</t>
  </si>
  <si>
    <t>28.741666793823242</t>
  </si>
  <si>
    <t>1145.2001953125</t>
  </si>
  <si>
    <t>0.01978337336911018</t>
  </si>
  <si>
    <t>0.008087421102301207</t>
  </si>
  <si>
    <t>29.0</t>
  </si>
  <si>
    <t>1274.0001220703125</t>
  </si>
  <si>
    <t>-0.07503141143930847</t>
  </si>
  <si>
    <t>22480</t>
  </si>
  <si>
    <t>1421.300048828125</t>
  </si>
  <si>
    <t>0.006068196382614133</t>
  </si>
  <si>
    <t>22874</t>
  </si>
  <si>
    <t>1676.7999267578125</t>
  </si>
  <si>
    <t>0.01737486933353516</t>
  </si>
  <si>
    <t>28.02634620666504</t>
  </si>
  <si>
    <t>1635.6639404296875</t>
  </si>
  <si>
    <t>422.4707336425781</t>
  </si>
  <si>
    <t>Si Sa Ket</t>
  </si>
  <si>
    <t>27.84209442138672</t>
  </si>
  <si>
    <t>1465.1407470703125</t>
  </si>
  <si>
    <t>0.03300629646816944</t>
  </si>
  <si>
    <t>27.722562789916992</t>
  </si>
  <si>
    <t>1274.6678466796875</t>
  </si>
  <si>
    <t>0.04533868058906165</t>
  </si>
  <si>
    <t>27.762353897094727</t>
  </si>
  <si>
    <t>1111.9755859375</t>
  </si>
  <si>
    <t>-0.014735698653752571</t>
  </si>
  <si>
    <t>27.748565673828125</t>
  </si>
  <si>
    <t>1560.956298828125</t>
  </si>
  <si>
    <t>0.05725837385602528</t>
  </si>
  <si>
    <t>27.628114700317383</t>
  </si>
  <si>
    <t>1344.2763671875</t>
  </si>
  <si>
    <t>0.07368307306086219</t>
  </si>
  <si>
    <t>27.125350952148438</t>
  </si>
  <si>
    <t>1597.3828125</t>
  </si>
  <si>
    <t>0.08252883817215029</t>
  </si>
  <si>
    <t>27.975784301757812</t>
  </si>
  <si>
    <t>1449.720703125</t>
  </si>
  <si>
    <t>-0.03550668845690996</t>
  </si>
  <si>
    <t>28.275312423706055</t>
  </si>
  <si>
    <t>1276.2918701171875</t>
  </si>
  <si>
    <t>-0.05893177837633523</t>
  </si>
  <si>
    <t>27.2952938079834</t>
  </si>
  <si>
    <t>1639.520263671875</t>
  </si>
  <si>
    <t>-0.13948242872708327</t>
  </si>
  <si>
    <t>27.5415096282959</t>
  </si>
  <si>
    <t>1800.62060546875</t>
  </si>
  <si>
    <t>-0.0004592422583584721</t>
  </si>
  <si>
    <t>27.53139305114746</t>
  </si>
  <si>
    <t>1664.2979736328125</t>
  </si>
  <si>
    <t>0.03874358439898984</t>
  </si>
  <si>
    <t>27.7120361328125</t>
  </si>
  <si>
    <t>1634.5194091796875</t>
  </si>
  <si>
    <t>0.0265984723382644</t>
  </si>
  <si>
    <t>27.742998123168945</t>
  </si>
  <si>
    <t>1452.5291748046875</t>
  </si>
  <si>
    <t>0.05442950729905505</t>
  </si>
  <si>
    <t>27.594823837280273</t>
  </si>
  <si>
    <t>1515.1385498046875</t>
  </si>
  <si>
    <t>0.018971305606762634</t>
  </si>
  <si>
    <t>27.842924118041992</t>
  </si>
  <si>
    <t>1474.2359619140625</t>
  </si>
  <si>
    <t>0.00717134547499132</t>
  </si>
  <si>
    <t>27.75959014892578</t>
  </si>
  <si>
    <t>1636.90478515625</t>
  </si>
  <si>
    <t>0.04805263825167838</t>
  </si>
  <si>
    <t>27.52614402770996</t>
  </si>
  <si>
    <t>1676.87060546875</t>
  </si>
  <si>
    <t>0.04077659053831795</t>
  </si>
  <si>
    <t>26.9423770904541</t>
  </si>
  <si>
    <t>1555.793212890625</t>
  </si>
  <si>
    <t>-0.012059345852564185</t>
  </si>
  <si>
    <t>27.795610427856445</t>
  </si>
  <si>
    <t>1528.7432861328125</t>
  </si>
  <si>
    <t>0.08320512277804948</t>
  </si>
  <si>
    <t>27.965478897094727</t>
  </si>
  <si>
    <t>1344.420166015625</t>
  </si>
  <si>
    <t>0.24137950852534473</t>
  </si>
  <si>
    <t>27.14655303955078</t>
  </si>
  <si>
    <t>1802.6058349609375</t>
  </si>
  <si>
    <t>0.15797767424854925</t>
  </si>
  <si>
    <t>28.059553146362305</t>
  </si>
  <si>
    <t>1269.427001953125</t>
  </si>
  <si>
    <t>0.08667095145442794</t>
  </si>
  <si>
    <t>27.434593200683594</t>
  </si>
  <si>
    <t>1565.7559814453125</t>
  </si>
  <si>
    <t>0.07416741988432207</t>
  </si>
  <si>
    <t>27.818357467651367</t>
  </si>
  <si>
    <t>1438.35107421875</t>
  </si>
  <si>
    <t>-0.09010735469475684</t>
  </si>
  <si>
    <t>28.367525100708008</t>
  </si>
  <si>
    <t>1227.9010009765625</t>
  </si>
  <si>
    <t>0.04627012856332513</t>
  </si>
  <si>
    <t>28.34474754333496</t>
  </si>
  <si>
    <t>1143.846435546875</t>
  </si>
  <si>
    <t>0.0370522820062007</t>
  </si>
  <si>
    <t>27.697587966918945</t>
  </si>
  <si>
    <t>1847.905029296875</t>
  </si>
  <si>
    <t>0.03554061486149429</t>
  </si>
  <si>
    <t>27.80915641784668</t>
  </si>
  <si>
    <t>1411.9222412109375</t>
  </si>
  <si>
    <t>0.020990832932989534</t>
  </si>
  <si>
    <t>28.498720169067383</t>
  </si>
  <si>
    <t>1404.806640625</t>
  </si>
  <si>
    <t>0.008055700832215962</t>
  </si>
  <si>
    <t>28.04758644104004</t>
  </si>
  <si>
    <t>1467.304443359375</t>
  </si>
  <si>
    <t>-0.07514649585944078</t>
  </si>
  <si>
    <t>27.967565536499023</t>
  </si>
  <si>
    <t>1594.24072265625</t>
  </si>
  <si>
    <t>0.006075471896970441</t>
  </si>
  <si>
    <t>27.380334854125977</t>
  </si>
  <si>
    <t>1896.5894775390625</t>
  </si>
  <si>
    <t>0.017432167168671242</t>
  </si>
  <si>
    <t>2433</t>
  </si>
  <si>
    <t>28.0771427154541</t>
  </si>
  <si>
    <t>1811.631591796875</t>
  </si>
  <si>
    <t>618.1790771484375</t>
  </si>
  <si>
    <t>Songkhla</t>
  </si>
  <si>
    <t>27.857179641723633</t>
  </si>
  <si>
    <t>1904.69873046875</t>
  </si>
  <si>
    <t>0.10286861304764727</t>
  </si>
  <si>
    <t>27.899795532226562</t>
  </si>
  <si>
    <t>1571.9844970703125</t>
  </si>
  <si>
    <t>0.06729482383327579</t>
  </si>
  <si>
    <t>27.749069213867188</t>
  </si>
  <si>
    <t>2376.078125</t>
  </si>
  <si>
    <t>0.07649440557003118</t>
  </si>
  <si>
    <t>27.813692092895508</t>
  </si>
  <si>
    <t>2115.973388671875</t>
  </si>
  <si>
    <t>0.07443204773098167</t>
  </si>
  <si>
    <t>27.77840232849121</t>
  </si>
  <si>
    <t>2148.32177734375</t>
  </si>
  <si>
    <t>0.08110678857005738</t>
  </si>
  <si>
    <t>27.59266471862793</t>
  </si>
  <si>
    <t>2205.264892578125</t>
  </si>
  <si>
    <t>0.17133028928146743</t>
  </si>
  <si>
    <t>10289</t>
  </si>
  <si>
    <t>28.1596736907959</t>
  </si>
  <si>
    <t>1778.5440673828125</t>
  </si>
  <si>
    <t>-0.038700979140696035</t>
  </si>
  <si>
    <t>28.39314842224121</t>
  </si>
  <si>
    <t>2305.509765625</t>
  </si>
  <si>
    <t>-0.021117516070214393</t>
  </si>
  <si>
    <t>27.48920249938965</t>
  </si>
  <si>
    <t>2580.51123046875</t>
  </si>
  <si>
    <t>-0.07640134073984761</t>
  </si>
  <si>
    <t>27.789487838745117</t>
  </si>
  <si>
    <t>2405.118896484375</t>
  </si>
  <si>
    <t>0.03764111316880303</t>
  </si>
  <si>
    <t>27.843124389648438</t>
  </si>
  <si>
    <t>1842.9287109375</t>
  </si>
  <si>
    <t>-0.04032337431236854</t>
  </si>
  <si>
    <t>28.1787052154541</t>
  </si>
  <si>
    <t>1793.989013671875</t>
  </si>
  <si>
    <t>0.029012093020885033</t>
  </si>
  <si>
    <t>9935</t>
  </si>
  <si>
    <t>28.032203674316406</t>
  </si>
  <si>
    <t>2094.03125</t>
  </si>
  <si>
    <t>0.03617753754284969</t>
  </si>
  <si>
    <t>27.931333541870117</t>
  </si>
  <si>
    <t>1570.533935546875</t>
  </si>
  <si>
    <t>0.041791831072185204</t>
  </si>
  <si>
    <t>27.994497299194336</t>
  </si>
  <si>
    <t>2177.93701171875</t>
  </si>
  <si>
    <t>0.032481487968899714</t>
  </si>
  <si>
    <t>27.92281150817871</t>
  </si>
  <si>
    <t>1970.8941650390625</t>
  </si>
  <si>
    <t>-0.0030885887250970967</t>
  </si>
  <si>
    <t>27.86158561706543</t>
  </si>
  <si>
    <t>2035.7633056640625</t>
  </si>
  <si>
    <t>-0.048298159239458016</t>
  </si>
  <si>
    <t>27.519088745117188</t>
  </si>
  <si>
    <t>2275.960205078125</t>
  </si>
  <si>
    <t>-0.04961194787989953</t>
  </si>
  <si>
    <t>9017</t>
  </si>
  <si>
    <t>28.02513313293457</t>
  </si>
  <si>
    <t>2052.1162109375</t>
  </si>
  <si>
    <t>-0.07022681468263947</t>
  </si>
  <si>
    <t>28.263519287109375</t>
  </si>
  <si>
    <t>2466.01611328125</t>
  </si>
  <si>
    <t>0.20539802819819997</t>
  </si>
  <si>
    <t>12628</t>
  </si>
  <si>
    <t>27.710729598999023</t>
  </si>
  <si>
    <t>2463.78564453125</t>
  </si>
  <si>
    <t>0.13140685797977447</t>
  </si>
  <si>
    <t>28.083654403686523</t>
  </si>
  <si>
    <t>2373.3984375</t>
  </si>
  <si>
    <t>-0.03727139479723185</t>
  </si>
  <si>
    <t>27.90184783935547</t>
  </si>
  <si>
    <t>2097.264892578125</t>
  </si>
  <si>
    <t>0.009652426680062831</t>
  </si>
  <si>
    <t>28.14067840576172</t>
  </si>
  <si>
    <t>2080.871826171875</t>
  </si>
  <si>
    <t>-0.07266873582676503</t>
  </si>
  <si>
    <t>28.43086814880371</t>
  </si>
  <si>
    <t>2235.65966796875</t>
  </si>
  <si>
    <t>0.019934790839315042</t>
  </si>
  <si>
    <t>28.641794204711914</t>
  </si>
  <si>
    <t>2272.20556640625</t>
  </si>
  <si>
    <t>-0.00818581969553911</t>
  </si>
  <si>
    <t>28.030235290527344</t>
  </si>
  <si>
    <t>2346.56640625</t>
  </si>
  <si>
    <t>-0.02700970924515822</t>
  </si>
  <si>
    <t>11174</t>
  </si>
  <si>
    <t>28.121801376342773</t>
  </si>
  <si>
    <t>2122.27099609375</t>
  </si>
  <si>
    <t>-0.006778477613471168</t>
  </si>
  <si>
    <t>28.549074172973633</t>
  </si>
  <si>
    <t>1607.28076171875</t>
  </si>
  <si>
    <t>0.008110922847249569</t>
  </si>
  <si>
    <t>28.22791862487793</t>
  </si>
  <si>
    <t>2349.565185546875</t>
  </si>
  <si>
    <t>-0.07509859547338671</t>
  </si>
  <si>
    <t>28.1351261138916</t>
  </si>
  <si>
    <t>2230.556640625</t>
  </si>
  <si>
    <t>0.0061057239864368285</t>
  </si>
  <si>
    <t>10698</t>
  </si>
  <si>
    <t>27.884172439575195</t>
  </si>
  <si>
    <t>2631.81884765625</t>
  </si>
  <si>
    <t>0.01734910571180137</t>
  </si>
  <si>
    <t>28.836984634399414</t>
  </si>
  <si>
    <t>1174.6402587890625</t>
  </si>
  <si>
    <t>201.63925170898438</t>
  </si>
  <si>
    <t>Sukhothai</t>
  </si>
  <si>
    <t>28.62761878967285</t>
  </si>
  <si>
    <t>941.919921875</t>
  </si>
  <si>
    <t>-0.003789539588202828</t>
  </si>
  <si>
    <t>28.5546817779541</t>
  </si>
  <si>
    <t>1044.1192626953125</t>
  </si>
  <si>
    <t>0.08156921989022692</t>
  </si>
  <si>
    <t>28.548967361450195</t>
  </si>
  <si>
    <t>884.33837890625</t>
  </si>
  <si>
    <t>-0.01518879213265123</t>
  </si>
  <si>
    <t>28.52135467529297</t>
  </si>
  <si>
    <t>1222.441650390625</t>
  </si>
  <si>
    <t>0.050883262262622964</t>
  </si>
  <si>
    <t>28.40468406677246</t>
  </si>
  <si>
    <t>1231.8753662109375</t>
  </si>
  <si>
    <t>0.07141418017596202</t>
  </si>
  <si>
    <t>27.94896697998047</t>
  </si>
  <si>
    <t>1408.45068359375</t>
  </si>
  <si>
    <t>0.043305003616959326</t>
  </si>
  <si>
    <t>28.757301330566406</t>
  </si>
  <si>
    <t>1034.511962890625</t>
  </si>
  <si>
    <t>-0.06506359334706069</t>
  </si>
  <si>
    <t>3888</t>
  </si>
  <si>
    <t>28.952619552612305</t>
  </si>
  <si>
    <t>1026.5772705078125</t>
  </si>
  <si>
    <t>-0.039833852147362236</t>
  </si>
  <si>
    <t>27.82865333557129</t>
  </si>
  <si>
    <t>1388.3807373046875</t>
  </si>
  <si>
    <t>-0.08029994240164307</t>
  </si>
  <si>
    <t>28.22865104675293</t>
  </si>
  <si>
    <t>1288.2281494140625</t>
  </si>
  <si>
    <t>-0.008115337668492373</t>
  </si>
  <si>
    <t>28.11301612854004</t>
  </si>
  <si>
    <t>1185.2813720703125</t>
  </si>
  <si>
    <t>0.032073526136743524</t>
  </si>
  <si>
    <t>28.425003051757812</t>
  </si>
  <si>
    <t>1374.46142578125</t>
  </si>
  <si>
    <t>4009</t>
  </si>
  <si>
    <t>28.483335494995117</t>
  </si>
  <si>
    <t>1022.5834350585938</t>
  </si>
  <si>
    <t>0.11401737338348994</t>
  </si>
  <si>
    <t>28.311983108520508</t>
  </si>
  <si>
    <t>1058.4796142578125</t>
  </si>
  <si>
    <t>0.03021971759702069</t>
  </si>
  <si>
    <t>28.497385025024414</t>
  </si>
  <si>
    <t>1182.9935302734375</t>
  </si>
  <si>
    <t>-0.025988224039791064</t>
  </si>
  <si>
    <t>1412.071044921875</t>
  </si>
  <si>
    <t>0.03514270859310997</t>
  </si>
  <si>
    <t>28.292701721191406</t>
  </si>
  <si>
    <t>1235.04052734375</t>
  </si>
  <si>
    <t>0.07036682725722798</t>
  </si>
  <si>
    <t>1278.73681640625</t>
  </si>
  <si>
    <t>0.06448264116773217</t>
  </si>
  <si>
    <t>1397.7860107421875</t>
  </si>
  <si>
    <t>-0.026543654132829886</t>
  </si>
  <si>
    <t>1184.5499267578125</t>
  </si>
  <si>
    <t>0.053217415824569514</t>
  </si>
  <si>
    <t>27.988019943237305</t>
  </si>
  <si>
    <t>1559.446044921875</t>
  </si>
  <si>
    <t>-0.0024514823309012</t>
  </si>
  <si>
    <t>28.684370040893555</t>
  </si>
  <si>
    <t>1093.433837890625</t>
  </si>
  <si>
    <t>0.256889639893652</t>
  </si>
  <si>
    <t>28.17706871032715</t>
  </si>
  <si>
    <t>1238.5655517578125</t>
  </si>
  <si>
    <t>0.00489230045467437</t>
  </si>
  <si>
    <t>28.554685592651367</t>
  </si>
  <si>
    <t>1113.57470703125</t>
  </si>
  <si>
    <t>-0.08079078338218437</t>
  </si>
  <si>
    <t>29.01612091064453</t>
  </si>
  <si>
    <t>929.2821044921875</t>
  </si>
  <si>
    <t>-0.037563101575647906</t>
  </si>
  <si>
    <t>28.99428367614746</t>
  </si>
  <si>
    <t>1296.37158203125</t>
  </si>
  <si>
    <t>-0.049587930466229224</t>
  </si>
  <si>
    <t>28.491670608520508</t>
  </si>
  <si>
    <t>1539.197509765625</t>
  </si>
  <si>
    <t>0.04585956396356572</t>
  </si>
  <si>
    <t>1085.0526123046875</t>
  </si>
  <si>
    <t>0.07204761048014063</t>
  </si>
  <si>
    <t>29.072385787963867</t>
  </si>
  <si>
    <t>908.7440185546875</t>
  </si>
  <si>
    <t>0.008077188889867415</t>
  </si>
  <si>
    <t>28.792699813842773</t>
  </si>
  <si>
    <t>1030.8154296875</t>
  </si>
  <si>
    <t>-0.0749797512066408</t>
  </si>
  <si>
    <t>5685</t>
  </si>
  <si>
    <t>28.597387313842773</t>
  </si>
  <si>
    <t>1177.5777587890625</t>
  </si>
  <si>
    <t>0.005998606554792119</t>
  </si>
  <si>
    <t>28.236984252929688</t>
  </si>
  <si>
    <t>1653.134033203125</t>
  </si>
  <si>
    <t>0.01743723344314141</t>
  </si>
  <si>
    <t>1193.9000244140625</t>
  </si>
  <si>
    <t>88.38552856445312</t>
  </si>
  <si>
    <t>Suphan Buri</t>
  </si>
  <si>
    <t>1153.89990234375</t>
  </si>
  <si>
    <t>0.15301342759010872</t>
  </si>
  <si>
    <t>1229.9998779296875</t>
  </si>
  <si>
    <t>0.05862712116796942</t>
  </si>
  <si>
    <t>0.06372078245385104</t>
  </si>
  <si>
    <t>1318.7000732421875</t>
  </si>
  <si>
    <t>0.05168966664290764</t>
  </si>
  <si>
    <t>28.108335494995117</t>
  </si>
  <si>
    <t>1352.9000244140625</t>
  </si>
  <si>
    <t>0.06975748885712285</t>
  </si>
  <si>
    <t>1684.0999755859375</t>
  </si>
  <si>
    <t>0.001503634064938808</t>
  </si>
  <si>
    <t>5688</t>
  </si>
  <si>
    <t>28.44999885559082</t>
  </si>
  <si>
    <t>-0.051732719626418344</t>
  </si>
  <si>
    <t>-0.03270192232629654</t>
  </si>
  <si>
    <t>27.575002670288086</t>
  </si>
  <si>
    <t>1507.5999755859375</t>
  </si>
  <si>
    <t>-0.08350008533276743</t>
  </si>
  <si>
    <t>1582.6998291015625</t>
  </si>
  <si>
    <t>-0.009723263427977358</t>
  </si>
  <si>
    <t>27.849998474121094</t>
  </si>
  <si>
    <t>1246.2999267578125</t>
  </si>
  <si>
    <t>-0.03531211045634031</t>
  </si>
  <si>
    <t>1281.4000244140625</t>
  </si>
  <si>
    <t>0.02307402010960935</t>
  </si>
  <si>
    <t>0.08342197954118369</t>
  </si>
  <si>
    <t>5514</t>
  </si>
  <si>
    <t>27.991670608520508</t>
  </si>
  <si>
    <t>0.02367300199325406</t>
  </si>
  <si>
    <t>28.191665649414062</t>
  </si>
  <si>
    <t>1366.10009765625</t>
  </si>
  <si>
    <t>0.01386784944290298</t>
  </si>
  <si>
    <t>1503.9000244140625</t>
  </si>
  <si>
    <t>0.040485683278923545</t>
  </si>
  <si>
    <t>1394.099853515625</t>
  </si>
  <si>
    <t>0.006676392170859913</t>
  </si>
  <si>
    <t>0.07460751830816292</t>
  </si>
  <si>
    <t>1452.7999267578125</t>
  </si>
  <si>
    <t>0.0003166561141085822</t>
  </si>
  <si>
    <t>28.48332977294922</t>
  </si>
  <si>
    <t>1382.2999267578125</t>
  </si>
  <si>
    <t>0.09232675934357104</t>
  </si>
  <si>
    <t>1747.5999755859375</t>
  </si>
  <si>
    <t>0.035449621465280856</t>
  </si>
  <si>
    <t>0.13894995398924337</t>
  </si>
  <si>
    <t>27.850004196166992</t>
  </si>
  <si>
    <t>1589.0</t>
  </si>
  <si>
    <t>-0.048693175662494426</t>
  </si>
  <si>
    <t>-0.0540035776743899</t>
  </si>
  <si>
    <t>28.69999885559082</t>
  </si>
  <si>
    <t>1307.9000244140625</t>
  </si>
  <si>
    <t>0.0429961710017821</t>
  </si>
  <si>
    <t>28.775001525878906</t>
  </si>
  <si>
    <t>-0.05312386542655112</t>
  </si>
  <si>
    <t>1766.3001708984375</t>
  </si>
  <si>
    <t>0.037297876796095863</t>
  </si>
  <si>
    <t>7887</t>
  </si>
  <si>
    <t>1339.800048828125</t>
  </si>
  <si>
    <t>947.8999633789062</t>
  </si>
  <si>
    <t>0.008081872503492349</t>
  </si>
  <si>
    <t>7376</t>
  </si>
  <si>
    <t>1447.7000732421875</t>
  </si>
  <si>
    <t>-0.07506622066505386</t>
  </si>
  <si>
    <t>7421</t>
  </si>
  <si>
    <t>1437.9000244140625</t>
  </si>
  <si>
    <t>0.006082332733704732</t>
  </si>
  <si>
    <t>27.924997329711914</t>
  </si>
  <si>
    <t>1795.2999267578125</t>
  </si>
  <si>
    <t>0.01736618583329097</t>
  </si>
  <si>
    <t>27.785736083984375</t>
  </si>
  <si>
    <t>1927.727783203125</t>
  </si>
  <si>
    <t>268.5425720214844</t>
  </si>
  <si>
    <t>Surat Thani</t>
  </si>
  <si>
    <t>27.591711044311523</t>
  </si>
  <si>
    <t>2106.372802734375</t>
  </si>
  <si>
    <t>0.03223377941525918</t>
  </si>
  <si>
    <t>6323</t>
  </si>
  <si>
    <t>27.629087448120117</t>
  </si>
  <si>
    <t>1806.4339599609375</t>
  </si>
  <si>
    <t>0.04363976216692578</t>
  </si>
  <si>
    <t>27.45359992980957</t>
  </si>
  <si>
    <t>2306.1689453125</t>
  </si>
  <si>
    <t>0.017091752800189042</t>
  </si>
  <si>
    <t>27.49835968017578</t>
  </si>
  <si>
    <t>2323.846435546875</t>
  </si>
  <si>
    <t>0.14987716904987636</t>
  </si>
  <si>
    <t>27.427589416503906</t>
  </si>
  <si>
    <t>2267.33544921875</t>
  </si>
  <si>
    <t>0.12913872901005696</t>
  </si>
  <si>
    <t>27.215238571166992</t>
  </si>
  <si>
    <t>2369.159423828125</t>
  </si>
  <si>
    <t>0.11277824315360796</t>
  </si>
  <si>
    <t>27.790542602539062</t>
  </si>
  <si>
    <t>2084.792236328125</t>
  </si>
  <si>
    <t>-0.09344158941609493</t>
  </si>
  <si>
    <t>28.010766983032227</t>
  </si>
  <si>
    <t>2588.569580078125</t>
  </si>
  <si>
    <t>-0.056968415875068956</t>
  </si>
  <si>
    <t>27.079824447631836</t>
  </si>
  <si>
    <t>2448.673583984375</t>
  </si>
  <si>
    <t>-0.07702455072487702</t>
  </si>
  <si>
    <t>27.4749755859375</t>
  </si>
  <si>
    <t>2362.125</t>
  </si>
  <si>
    <t>-0.04505752694702103</t>
  </si>
  <si>
    <t>27.464990615844727</t>
  </si>
  <si>
    <t>2242.259765625</t>
  </si>
  <si>
    <t>-0.018944709225763745</t>
  </si>
  <si>
    <t>27.751237869262695</t>
  </si>
  <si>
    <t>2017.115966796875</t>
  </si>
  <si>
    <t>0.13845876347475716</t>
  </si>
  <si>
    <t>27.684782028198242</t>
  </si>
  <si>
    <t>2370.163330078125</t>
  </si>
  <si>
    <t>0.10465008826914435</t>
  </si>
  <si>
    <t>27.544347763061523</t>
  </si>
  <si>
    <t>1853.7449951171875</t>
  </si>
  <si>
    <t>0.12154988696607916</t>
  </si>
  <si>
    <t>27.612668991088867</t>
  </si>
  <si>
    <t>2187.94775390625</t>
  </si>
  <si>
    <t>0.0498127066707994</t>
  </si>
  <si>
    <t>11810</t>
  </si>
  <si>
    <t>27.54648780822754</t>
  </si>
  <si>
    <t>2253.767333984375</t>
  </si>
  <si>
    <t>0.09283230392710884</t>
  </si>
  <si>
    <t>27.539777755737305</t>
  </si>
  <si>
    <t>2463.55224609375</t>
  </si>
  <si>
    <t>-0.048134155850574345</t>
  </si>
  <si>
    <t>11481</t>
  </si>
  <si>
    <t>27.149795532226562</t>
  </si>
  <si>
    <t>2100.463623046875</t>
  </si>
  <si>
    <t>0.019881020752979595</t>
  </si>
  <si>
    <t>27.61005401611328</t>
  </si>
  <si>
    <t>2176.342041015625</t>
  </si>
  <si>
    <t>-0.10641595538514004</t>
  </si>
  <si>
    <t>27.8971004486084</t>
  </si>
  <si>
    <t>2381.3095703125</t>
  </si>
  <si>
    <t>0.2088193987428113</t>
  </si>
  <si>
    <t>14543</t>
  </si>
  <si>
    <t>27.3021297454834</t>
  </si>
  <si>
    <t>2575.34423828125</t>
  </si>
  <si>
    <t>0.13401283972622657</t>
  </si>
  <si>
    <t>27.71027946472168</t>
  </si>
  <si>
    <t>2530.930908203125</t>
  </si>
  <si>
    <t>-0.03948204138990974</t>
  </si>
  <si>
    <t>13684</t>
  </si>
  <si>
    <t>27.450780868530273</t>
  </si>
  <si>
    <t>2535.750244140625</t>
  </si>
  <si>
    <t>-0.021400469690306068</t>
  </si>
  <si>
    <t>27.703781127929688</t>
  </si>
  <si>
    <t>2253.750732421875</t>
  </si>
  <si>
    <t>-0.096114361592738</t>
  </si>
  <si>
    <t>28.02446174621582</t>
  </si>
  <si>
    <t>2618.217529296875</t>
  </si>
  <si>
    <t>0.014694402718840038</t>
  </si>
  <si>
    <t>13202</t>
  </si>
  <si>
    <t>28.21756935119629</t>
  </si>
  <si>
    <t>2612.715576171875</t>
  </si>
  <si>
    <t>0.04556102502511905</t>
  </si>
  <si>
    <t>27.65810203552246</t>
  </si>
  <si>
    <t>2509.319091796875</t>
  </si>
  <si>
    <t>0.06587738358851425</t>
  </si>
  <si>
    <t>27.73693084716797</t>
  </si>
  <si>
    <t>2463.48779296875</t>
  </si>
  <si>
    <t>-0.04994677917754764</t>
  </si>
  <si>
    <t>28.12860107421875</t>
  </si>
  <si>
    <t>1959.2596435546875</t>
  </si>
  <si>
    <t>0.008093001813676892</t>
  </si>
  <si>
    <t>12545</t>
  </si>
  <si>
    <t>27.856416702270508</t>
  </si>
  <si>
    <t>2462.609619140625</t>
  </si>
  <si>
    <t>-0.0750697596728358</t>
  </si>
  <si>
    <t>27.7321834564209</t>
  </si>
  <si>
    <t>2386.822265625</t>
  </si>
  <si>
    <t>0.006039913458106838</t>
  </si>
  <si>
    <t>27.46808624267578</t>
  </si>
  <si>
    <t>2944.10791015625</t>
  </si>
  <si>
    <t>0.017436822554426357</t>
  </si>
  <si>
    <t>28.07093620300293</t>
  </si>
  <si>
    <t>1452.1566162109375</t>
  </si>
  <si>
    <t>316.8459167480469</t>
  </si>
  <si>
    <t>Surin</t>
  </si>
  <si>
    <t>27.820938110351562</t>
  </si>
  <si>
    <t>1300.59033203125</t>
  </si>
  <si>
    <t>0.01962679823858604</t>
  </si>
  <si>
    <t>27.795961380004883</t>
  </si>
  <si>
    <t>1121.5904541015625</t>
  </si>
  <si>
    <t>0.06581027112110505</t>
  </si>
  <si>
    <t>27.712617874145508</t>
  </si>
  <si>
    <t>1041.2242431640625</t>
  </si>
  <si>
    <t>0.0051858370323651926</t>
  </si>
  <si>
    <t>27.77092742919922</t>
  </si>
  <si>
    <t>1408.4345703125</t>
  </si>
  <si>
    <t>0.05778082546562402</t>
  </si>
  <si>
    <t>27.729272842407227</t>
  </si>
  <si>
    <t>1327.9222412109375</t>
  </si>
  <si>
    <t>0.06458937419766553</t>
  </si>
  <si>
    <t>27.270912170410156</t>
  </si>
  <si>
    <t>1489.6748046875</t>
  </si>
  <si>
    <t>0.08127412659948607</t>
  </si>
  <si>
    <t>28.145950317382812</t>
  </si>
  <si>
    <t>1252.4498291015625</t>
  </si>
  <si>
    <t>-0.023840303616331937</t>
  </si>
  <si>
    <t>28.412643432617188</t>
  </si>
  <si>
    <t>1194.5186767578125</t>
  </si>
  <si>
    <t>-0.05667133724282003</t>
  </si>
  <si>
    <t>27.345964431762695</t>
  </si>
  <si>
    <t>1527.1826171875</t>
  </si>
  <si>
    <t>-0.1132677115561842</t>
  </si>
  <si>
    <t>27.57513427734375</t>
  </si>
  <si>
    <t>1679.1927490234375</t>
  </si>
  <si>
    <t>0.02278579592658936</t>
  </si>
  <si>
    <t>27.595949172973633</t>
  </si>
  <si>
    <t>1449.3045654296875</t>
  </si>
  <si>
    <t>-0.012172238430488314</t>
  </si>
  <si>
    <t>27.783422470092773</t>
  </si>
  <si>
    <t>1425.3787841796875</t>
  </si>
  <si>
    <t>0.045002433485462845</t>
  </si>
  <si>
    <t>27.791730880737305</t>
  </si>
  <si>
    <t>1325.623291015625</t>
  </si>
  <si>
    <t>0.050000573839100504</t>
  </si>
  <si>
    <t>27.69590187072754</t>
  </si>
  <si>
    <t>1348.313232421875</t>
  </si>
  <si>
    <t>0.04395073545478656</t>
  </si>
  <si>
    <t>2661</t>
  </si>
  <si>
    <t>27.89177703857422</t>
  </si>
  <si>
    <t>1323.3958740234375</t>
  </si>
  <si>
    <t>-0.02229746780555697</t>
  </si>
  <si>
    <t>27.825101852416992</t>
  </si>
  <si>
    <t>1480.988525390625</t>
  </si>
  <si>
    <t>0.03289891968292746</t>
  </si>
  <si>
    <t>27.65846824645996</t>
  </si>
  <si>
    <t>1534.4078369140625</t>
  </si>
  <si>
    <t>0.08333797162332068</t>
  </si>
  <si>
    <t>27.112518310546875</t>
  </si>
  <si>
    <t>1475.8499755859375</t>
  </si>
  <si>
    <t>-0.03749587167176127</t>
  </si>
  <si>
    <t>27.86261749267578</t>
  </si>
  <si>
    <t>1447.7781982421875</t>
  </si>
  <si>
    <t>0.14552929236231282</t>
  </si>
  <si>
    <t>28.070924758911133</t>
  </si>
  <si>
    <t>1354.6109619140625</t>
  </si>
  <si>
    <t>0.15569389001006506</t>
  </si>
  <si>
    <t>27.30006217956543</t>
  </si>
  <si>
    <t>1686.5404052734375</t>
  </si>
  <si>
    <t>0.09201042604674115</t>
  </si>
  <si>
    <t>28.09178924560547</t>
  </si>
  <si>
    <t>1168.3912353515625</t>
  </si>
  <si>
    <t>0.08597552265928954</t>
  </si>
  <si>
    <t>27.51259422302246</t>
  </si>
  <si>
    <t>1439.76904296875</t>
  </si>
  <si>
    <t>0.10641395070563675</t>
  </si>
  <si>
    <t>27.916791915893555</t>
  </si>
  <si>
    <t>1298.50732421875</t>
  </si>
  <si>
    <t>-0.09955433109615086</t>
  </si>
  <si>
    <t>28.354307174682617</t>
  </si>
  <si>
    <t>1185.6590576171875</t>
  </si>
  <si>
    <t>0.05020318965093118</t>
  </si>
  <si>
    <t>28.387617111206055</t>
  </si>
  <si>
    <t>1115.59326171875</t>
  </si>
  <si>
    <t>0.024087876796864194</t>
  </si>
  <si>
    <t>27.7875919342041</t>
  </si>
  <si>
    <t>1758.3878173828125</t>
  </si>
  <si>
    <t>0.01866642271940222</t>
  </si>
  <si>
    <t>27.875085830688477</t>
  </si>
  <si>
    <t>1288.1400146484375</t>
  </si>
  <si>
    <t>0.010264445692666158</t>
  </si>
  <si>
    <t>28.437652587890625</t>
  </si>
  <si>
    <t>1232.648193359375</t>
  </si>
  <si>
    <t>0.008059916977099846</t>
  </si>
  <si>
    <t>28.0375919342041</t>
  </si>
  <si>
    <t>1386.2421875</t>
  </si>
  <si>
    <t>-0.07519654373181872</t>
  </si>
  <si>
    <t>27.958433151245117</t>
  </si>
  <si>
    <t>1471.4193115234375</t>
  </si>
  <si>
    <t>0.006162714656444024</t>
  </si>
  <si>
    <t>4969</t>
  </si>
  <si>
    <t>27.479232788085938</t>
  </si>
  <si>
    <t>1721.392333984375</t>
  </si>
  <si>
    <t>0.017458827540661304</t>
  </si>
  <si>
    <t>2438</t>
  </si>
  <si>
    <t>26.39655303955078</t>
  </si>
  <si>
    <t>1358.8121337890625</t>
  </si>
  <si>
    <t>244.84906005859375</t>
  </si>
  <si>
    <t>Tak</t>
  </si>
  <si>
    <t>26.21233367919922</t>
  </si>
  <si>
    <t>1268.5972900390625</t>
  </si>
  <si>
    <t>0.2896628059705275</t>
  </si>
  <si>
    <t>5469</t>
  </si>
  <si>
    <t>26.082212448120117</t>
  </si>
  <si>
    <t>1264.394287109375</t>
  </si>
  <si>
    <t>-0.01632245160669754</t>
  </si>
  <si>
    <t>26.12327003479004</t>
  </si>
  <si>
    <t>1041.3431396484375</t>
  </si>
  <si>
    <t>-0.06535557940756931</t>
  </si>
  <si>
    <t>26.06060791015625</t>
  </si>
  <si>
    <t>1542.48681640625</t>
  </si>
  <si>
    <t>-0.031729808351762756</t>
  </si>
  <si>
    <t>25.941818237304688</t>
  </si>
  <si>
    <t>1482.881103515625</t>
  </si>
  <si>
    <t>-0.0724818673995049</t>
  </si>
  <si>
    <t>25.473134994506836</t>
  </si>
  <si>
    <t>1617.465087890625</t>
  </si>
  <si>
    <t>0.10655131417472319</t>
  </si>
  <si>
    <t>26.298364639282227</t>
  </si>
  <si>
    <t>1285.210205078125</t>
  </si>
  <si>
    <t>-0.12095261041766214</t>
  </si>
  <si>
    <t>26.57965660095215</t>
  </si>
  <si>
    <t>1088.3380126953125</t>
  </si>
  <si>
    <t>-0.07127176131843704</t>
  </si>
  <si>
    <t>25.439666748046875</t>
  </si>
  <si>
    <t>1540.07373046875</t>
  </si>
  <si>
    <t>-0.017379320891699024</t>
  </si>
  <si>
    <t>25.780303955078125</t>
  </si>
  <si>
    <t>1491.1556396484375</t>
  </si>
  <si>
    <t>0.016434810786064347</t>
  </si>
  <si>
    <t>25.689651489257812</t>
  </si>
  <si>
    <t>1377.3856201171875</t>
  </si>
  <si>
    <t>-0.002365185586981511</t>
  </si>
  <si>
    <t>25.959428787231445</t>
  </si>
  <si>
    <t>1617.5096435546875</t>
  </si>
  <si>
    <t>-0.020333196628454786</t>
  </si>
  <si>
    <t>25.984708786010742</t>
  </si>
  <si>
    <t>1189.775634765625</t>
  </si>
  <si>
    <t>0.08829941452078849</t>
  </si>
  <si>
    <t>25.831504821777344</t>
  </si>
  <si>
    <t>1349.850341796875</t>
  </si>
  <si>
    <t>0.084999768039701</t>
  </si>
  <si>
    <t>26.03826332092285</t>
  </si>
  <si>
    <t>1408.13818359375</t>
  </si>
  <si>
    <t>-0.027607851473469225</t>
  </si>
  <si>
    <t>25.911161422729492</t>
  </si>
  <si>
    <t>1701.630126953125</t>
  </si>
  <si>
    <t>0.1201246041854418</t>
  </si>
  <si>
    <t>25.83940315246582</t>
  </si>
  <si>
    <t>1431.311279296875</t>
  </si>
  <si>
    <t>-0.00762439769698986</t>
  </si>
  <si>
    <t>25.30657386779785</t>
  </si>
  <si>
    <t>1483.9112548828125</t>
  </si>
  <si>
    <t>-0.03224862152955943</t>
  </si>
  <si>
    <t>26.047521591186523</t>
  </si>
  <si>
    <t>1606.6246337890625</t>
  </si>
  <si>
    <t>0.042647972445577054</t>
  </si>
  <si>
    <t>26.363855361938477</t>
  </si>
  <si>
    <t>1416.5413818359375</t>
  </si>
  <si>
    <t>0.049379400509820925</t>
  </si>
  <si>
    <t>25.557031631469727</t>
  </si>
  <si>
    <t>1768.185791015625</t>
  </si>
  <si>
    <t>-0.006704329981536361</t>
  </si>
  <si>
    <t>26.295839309692383</t>
  </si>
  <si>
    <t>1284.1629638671875</t>
  </si>
  <si>
    <t>0.10493557142536147</t>
  </si>
  <si>
    <t>25.77324867248535</t>
  </si>
  <si>
    <t>1508.16064453125</t>
  </si>
  <si>
    <t>-0.007840667417715608</t>
  </si>
  <si>
    <t>26.153043746948242</t>
  </si>
  <si>
    <t>1327.77685546875</t>
  </si>
  <si>
    <t>0.06046396634175366</t>
  </si>
  <si>
    <t>26.597322463989258</t>
  </si>
  <si>
    <t>1088.5946044921875</t>
  </si>
  <si>
    <t>0.05458440984477697</t>
  </si>
  <si>
    <t>26.608413696289062</t>
  </si>
  <si>
    <t>1531.3529052734375</t>
  </si>
  <si>
    <t>0.005995735306333572</t>
  </si>
  <si>
    <t>26.087194442749023</t>
  </si>
  <si>
    <t>1842.82763671875</t>
  </si>
  <si>
    <t>-0.0019945867846473675</t>
  </si>
  <si>
    <t>7284</t>
  </si>
  <si>
    <t>26.118438720703125</t>
  </si>
  <si>
    <t>1331.837890625</t>
  </si>
  <si>
    <t>0.03805719480637393</t>
  </si>
  <si>
    <t>26.72801971435547</t>
  </si>
  <si>
    <t>1176.2060546875</t>
  </si>
  <si>
    <t>0.00806731660411053</t>
  </si>
  <si>
    <t>26.41461944580078</t>
  </si>
  <si>
    <t>1241.464599609375</t>
  </si>
  <si>
    <t>-0.07506171566903141</t>
  </si>
  <si>
    <t>26.20606803894043</t>
  </si>
  <si>
    <t>1441.668701171875</t>
  </si>
  <si>
    <t>0.0060007498032454976</t>
  </si>
  <si>
    <t>25.8314208984375</t>
  </si>
  <si>
    <t>1894.2020263671875</t>
  </si>
  <si>
    <t>0.01735903563518626</t>
  </si>
  <si>
    <t>1990.3001708984375</t>
  </si>
  <si>
    <t>92.80661010742188</t>
  </si>
  <si>
    <t>Trang</t>
  </si>
  <si>
    <t>2153.2001953125</t>
  </si>
  <si>
    <t>0.027168553314508515</t>
  </si>
  <si>
    <t>0.06346104233348626</t>
  </si>
  <si>
    <t>2534.39990234375</t>
  </si>
  <si>
    <t>0.02795457620796782</t>
  </si>
  <si>
    <t>2386.600341796875</t>
  </si>
  <si>
    <t>0.13779331306245268</t>
  </si>
  <si>
    <t>2301.699951171875</t>
  </si>
  <si>
    <t>0.1428752882094706</t>
  </si>
  <si>
    <t>27.316667556762695</t>
  </si>
  <si>
    <t>2231.500244140625</t>
  </si>
  <si>
    <t>0.08915960552791802</t>
  </si>
  <si>
    <t>1881.7999267578125</t>
  </si>
  <si>
    <t>-0.09489449368158454</t>
  </si>
  <si>
    <t>2414.499755859375</t>
  </si>
  <si>
    <t>-0.0723059146009124</t>
  </si>
  <si>
    <t>2784.5</t>
  </si>
  <si>
    <t>-0.10733526769246815</t>
  </si>
  <si>
    <t>2579.60009765625</t>
  </si>
  <si>
    <t>0.010883028250020743</t>
  </si>
  <si>
    <t>2041.5001220703125</t>
  </si>
  <si>
    <t>-0.034636265742372885</t>
  </si>
  <si>
    <t>1734.2999267578125</t>
  </si>
  <si>
    <t>0.10588450631025914</t>
  </si>
  <si>
    <t>2230.699951171875</t>
  </si>
  <si>
    <t>0.13100829683275705</t>
  </si>
  <si>
    <t>1874.4998779296875</t>
  </si>
  <si>
    <t>0.0842027206791851</t>
  </si>
  <si>
    <t>2150.800048828125</t>
  </si>
  <si>
    <t>0.06164202567475385</t>
  </si>
  <si>
    <t>8789</t>
  </si>
  <si>
    <t>27.658334732055664</t>
  </si>
  <si>
    <t>2148.199951171875</t>
  </si>
  <si>
    <t>0.08003322616958108</t>
  </si>
  <si>
    <t>-0.05111964741141506</t>
  </si>
  <si>
    <t>2417.600341796875</t>
  </si>
  <si>
    <t>0.00358594694567671</t>
  </si>
  <si>
    <t>2214.7998046875</t>
  </si>
  <si>
    <t>-0.12232741085321663</t>
  </si>
  <si>
    <t>28.024999618530273</t>
  </si>
  <si>
    <t>2503.30029296875</t>
  </si>
  <si>
    <t>0.29141699830970147</t>
  </si>
  <si>
    <t>12032</t>
  </si>
  <si>
    <t>2563.199951171875</t>
  </si>
  <si>
    <t>0.19251294063422897</t>
  </si>
  <si>
    <t>2506.89990234375</t>
  </si>
  <si>
    <t>-0.22757907184585768</t>
  </si>
  <si>
    <t>8795</t>
  </si>
  <si>
    <t>2342.10009765625</t>
  </si>
  <si>
    <t>-0.08580731717210455</t>
  </si>
  <si>
    <t>-0.06324316945031505</t>
  </si>
  <si>
    <t>2473.300048828125</t>
  </si>
  <si>
    <t>-0.06350546319445627</t>
  </si>
  <si>
    <t>2392.199951171875</t>
  </si>
  <si>
    <t>0.06362657989054199</t>
  </si>
  <si>
    <t>2574.7998046875</t>
  </si>
  <si>
    <t>0.025705282863812684</t>
  </si>
  <si>
    <t>2239.499755859375</t>
  </si>
  <si>
    <t>-0.11574898675698542</t>
  </si>
  <si>
    <t>7607</t>
  </si>
  <si>
    <t>1888.5</t>
  </si>
  <si>
    <t>0.008051254473045333</t>
  </si>
  <si>
    <t>7057</t>
  </si>
  <si>
    <t>2506.60009765625</t>
  </si>
  <si>
    <t>-0.0750488439964716</t>
  </si>
  <si>
    <t>2411.60009765625</t>
  </si>
  <si>
    <t>0.0060747520285762135</t>
  </si>
  <si>
    <t>2716.30029296875</t>
  </si>
  <si>
    <t>0.01731403206741433</t>
  </si>
  <si>
    <t>25.49524688720703</t>
  </si>
  <si>
    <t>1425.1705322265625</t>
  </si>
  <si>
    <t>55.769554138183594</t>
  </si>
  <si>
    <t>Uthai Thani</t>
  </si>
  <si>
    <t>25.278581619262695</t>
  </si>
  <si>
    <t>1245.2032470703125</t>
  </si>
  <si>
    <t>0.05084451170302806</t>
  </si>
  <si>
    <t>3867</t>
  </si>
  <si>
    <t>25.164894104003906</t>
  </si>
  <si>
    <t>1413.3621826171875</t>
  </si>
  <si>
    <t>0.03018998148118257</t>
  </si>
  <si>
    <t>25.184539794921875</t>
  </si>
  <si>
    <t>1166.941162109375</t>
  </si>
  <si>
    <t>-0.06379748037226918</t>
  </si>
  <si>
    <t>25.14464569091797</t>
  </si>
  <si>
    <t>1563.2489013671875</t>
  </si>
  <si>
    <t>0.11176225197141854</t>
  </si>
  <si>
    <t>25.008934020996094</t>
  </si>
  <si>
    <t>1718.45068359375</t>
  </si>
  <si>
    <t>0.09246031195383964</t>
  </si>
  <si>
    <t>24.508934020996094</t>
  </si>
  <si>
    <t>2004.203125</t>
  </si>
  <si>
    <t>0.12132233298774864</t>
  </si>
  <si>
    <t>25.352981567382812</t>
  </si>
  <si>
    <t>1367.0621337890625</t>
  </si>
  <si>
    <t>-0.07306735748509219</t>
  </si>
  <si>
    <t>25.633934020996094</t>
  </si>
  <si>
    <t>1420.5526123046875</t>
  </si>
  <si>
    <t>-0.017279047608351306</t>
  </si>
  <si>
    <t>24.45893669128418</t>
  </si>
  <si>
    <t>1763.0867919921875</t>
  </si>
  <si>
    <t>-0.06619566686589096</t>
  </si>
  <si>
    <t>24.80655860900879</t>
  </si>
  <si>
    <t>1787.7606201171875</t>
  </si>
  <si>
    <t>0.03184325855498038</t>
  </si>
  <si>
    <t>24.706558227539062</t>
  </si>
  <si>
    <t>1508.1610107421875</t>
  </si>
  <si>
    <t>-0.07318913329327614</t>
  </si>
  <si>
    <t>25.03691291809082</t>
  </si>
  <si>
    <t>1673.257568359375</t>
  </si>
  <si>
    <t>0.03480685097123981</t>
  </si>
  <si>
    <t>25.039289474487305</t>
  </si>
  <si>
    <t>1400.932861328125</t>
  </si>
  <si>
    <t>0.06967992063798967</t>
  </si>
  <si>
    <t>24.85655975341797</t>
  </si>
  <si>
    <t>1390.2275390625</t>
  </si>
  <si>
    <t>0.008919889447355445</t>
  </si>
  <si>
    <t>25.089292526245117</t>
  </si>
  <si>
    <t>1500.361328125</t>
  </si>
  <si>
    <t>0.0025957185242813097</t>
  </si>
  <si>
    <t>24.933937072753906</t>
  </si>
  <si>
    <t>1907.6424560546875</t>
  </si>
  <si>
    <t>0.06482201950935362</t>
  </si>
  <si>
    <t>24.850603103637695</t>
  </si>
  <si>
    <t>1582.9306640625</t>
  </si>
  <si>
    <t>0.10412468450549284</t>
  </si>
  <si>
    <t>24.30060386657715</t>
  </si>
  <si>
    <t>1610.5556640625</t>
  </si>
  <si>
    <t>0.02308488446221979</t>
  </si>
  <si>
    <t>25.028579711914062</t>
  </si>
  <si>
    <t>1915.55859375</t>
  </si>
  <si>
    <t>0.036412214402425036</t>
  </si>
  <si>
    <t>25.35358238220215</t>
  </si>
  <si>
    <t>1576.6409912109375</t>
  </si>
  <si>
    <t>0.13533481962367233</t>
  </si>
  <si>
    <t>7175</t>
  </si>
  <si>
    <t>24.578580856323242</t>
  </si>
  <si>
    <t>2211.380859375</t>
  </si>
  <si>
    <t>0.0744832770933872</t>
  </si>
  <si>
    <t>25.292268753051758</t>
  </si>
  <si>
    <t>1500.984130859375</t>
  </si>
  <si>
    <t>0.13936798506897397</t>
  </si>
  <si>
    <t>24.73393440246582</t>
  </si>
  <si>
    <t>1673.25537109375</t>
  </si>
  <si>
    <t>0.007007398493902528</t>
  </si>
  <si>
    <t>25.117271423339844</t>
  </si>
  <si>
    <t>1423.6099853515625</t>
  </si>
  <si>
    <t>-0.047082016372256064</t>
  </si>
  <si>
    <t>25.586912155151367</t>
  </si>
  <si>
    <t>1308.6978759765625</t>
  </si>
  <si>
    <t>-0.08655257720180565</t>
  </si>
  <si>
    <t>7134</t>
  </si>
  <si>
    <t>25.635709762573242</t>
  </si>
  <si>
    <t>1596.8873291015625</t>
  </si>
  <si>
    <t>-0.018471464697800144</t>
  </si>
  <si>
    <t>25.08928871154785</t>
  </si>
  <si>
    <t>2174.7275390625</t>
  </si>
  <si>
    <t>0.0665602355567767</t>
  </si>
  <si>
    <t>25.12560272216797</t>
  </si>
  <si>
    <t>1480.6588134765625</t>
  </si>
  <si>
    <t>0.025763610239041057</t>
  </si>
  <si>
    <t>25.742265701293945</t>
  </si>
  <si>
    <t>1198.6064453125</t>
  </si>
  <si>
    <t>0.008019901683336883</t>
  </si>
  <si>
    <t>25.400602340698242</t>
  </si>
  <si>
    <t>1488.56591796875</t>
  </si>
  <si>
    <t>-0.07501542651396065</t>
  </si>
  <si>
    <t>7361</t>
  </si>
  <si>
    <t>25.19762420654297</t>
  </si>
  <si>
    <t>1706.9334716796875</t>
  </si>
  <si>
    <t>0.005995385174676571</t>
  </si>
  <si>
    <t>24.80358123779297</t>
  </si>
  <si>
    <t>2302.56396484375</t>
  </si>
  <si>
    <t>0.017373004452558405</t>
  </si>
  <si>
    <t>27.15690040588379</t>
  </si>
  <si>
    <t>1268.0997314453125</t>
  </si>
  <si>
    <t>120.56571197509766</t>
  </si>
  <si>
    <t>Uttaradit</t>
  </si>
  <si>
    <t>26.94978141784668</t>
  </si>
  <si>
    <t>1076.9110107421875</t>
  </si>
  <si>
    <t>0.02994235661507716</t>
  </si>
  <si>
    <t>26.847352981567383</t>
  </si>
  <si>
    <t>1120.4991455078125</t>
  </si>
  <si>
    <t>0.025723330468697014</t>
  </si>
  <si>
    <t>26.85295867919922</t>
  </si>
  <si>
    <t>933.203857421875</t>
  </si>
  <si>
    <t>-0.018375758838301337</t>
  </si>
  <si>
    <t>26.860082626342773</t>
  </si>
  <si>
    <t>1440.7568359375</t>
  </si>
  <si>
    <t>0.11859610993485425</t>
  </si>
  <si>
    <t>26.727506637573242</t>
  </si>
  <si>
    <t>1378.2357177734375</t>
  </si>
  <si>
    <t>0.028838909815421587</t>
  </si>
  <si>
    <t>26.266447067260742</t>
  </si>
  <si>
    <t>1441.450927734375</t>
  </si>
  <si>
    <t>0.09033986665231453</t>
  </si>
  <si>
    <t>27.08826446533203</t>
  </si>
  <si>
    <t>1193.591064453125</t>
  </si>
  <si>
    <t>-0.06005966023682596</t>
  </si>
  <si>
    <t>27.310537338256836</t>
  </si>
  <si>
    <t>1082.71875</t>
  </si>
  <si>
    <t>-0.07264757915844378</t>
  </si>
  <si>
    <t>26.22841453552246</t>
  </si>
  <si>
    <t>1449.8377685546875</t>
  </si>
  <si>
    <t>0.02065515327881151</t>
  </si>
  <si>
    <t>26.59977912902832</t>
  </si>
  <si>
    <t>1402.3831787109375</t>
  </si>
  <si>
    <t>-0.15117827088460345</t>
  </si>
  <si>
    <t>26.522432327270508</t>
  </si>
  <si>
    <t>1355.77001953125</t>
  </si>
  <si>
    <t>-0.0416567191096231</t>
  </si>
  <si>
    <t>26.76689910888672</t>
  </si>
  <si>
    <t>1473.873291015625</t>
  </si>
  <si>
    <t>26.822052001953125</t>
  </si>
  <si>
    <t>1127.794677734375</t>
  </si>
  <si>
    <t>0.0643722839166756</t>
  </si>
  <si>
    <t>26.694625854492188</t>
  </si>
  <si>
    <t>1293.27197265625</t>
  </si>
  <si>
    <t>0.010150081502180441</t>
  </si>
  <si>
    <t>26.89508056640625</t>
  </si>
  <si>
    <t>1332.9346923828125</t>
  </si>
  <si>
    <t>0.061152521316630626</t>
  </si>
  <si>
    <t>26.806974411010742</t>
  </si>
  <si>
    <t>1645.84033203125</t>
  </si>
  <si>
    <t>0.08417504540447318</t>
  </si>
  <si>
    <t>26.651824951171875</t>
  </si>
  <si>
    <t>1272.208984375</t>
  </si>
  <si>
    <t>-0.009946449626466958</t>
  </si>
  <si>
    <t>26.141447067260742</t>
  </si>
  <si>
    <t>1299.6826171875</t>
  </si>
  <si>
    <t>0.0734777685771153</t>
  </si>
  <si>
    <t>5531</t>
  </si>
  <si>
    <t>26.82887077331543</t>
  </si>
  <si>
    <t>1386.3060302734375</t>
  </si>
  <si>
    <t>0.007258242715804997</t>
  </si>
  <si>
    <t>5801</t>
  </si>
  <si>
    <t>27.158945083618164</t>
  </si>
  <si>
    <t>1198.2783203125</t>
  </si>
  <si>
    <t>0.04766168547138605</t>
  </si>
  <si>
    <t>26.3712158203125</t>
  </si>
  <si>
    <t>1698.9161376953125</t>
  </si>
  <si>
    <t>-0.008656563752309054</t>
  </si>
  <si>
    <t>27.11136817932129</t>
  </si>
  <si>
    <t>1132.414306640625</t>
  </si>
  <si>
    <t>0.18648606047019456</t>
  </si>
  <si>
    <t>26.567277908325195</t>
  </si>
  <si>
    <t>1328.3026123046875</t>
  </si>
  <si>
    <t>0.0014419613169014411</t>
  </si>
  <si>
    <t>26.95856475830078</t>
  </si>
  <si>
    <t>1205.62744140625</t>
  </si>
  <si>
    <t>-0.1063215921373768</t>
  </si>
  <si>
    <t>27.47402000427246</t>
  </si>
  <si>
    <t>986.3417358398438</t>
  </si>
  <si>
    <t>-0.07813480665250694</t>
  </si>
  <si>
    <t>27.375991821289062</t>
  </si>
  <si>
    <t>1414.11474609375</t>
  </si>
  <si>
    <t>0.017690457047597974</t>
  </si>
  <si>
    <t>26.84220314025879</t>
  </si>
  <si>
    <t>1609.71044921875</t>
  </si>
  <si>
    <t>0.12061638032966115</t>
  </si>
  <si>
    <t>26.891443252563477</t>
  </si>
  <si>
    <t>1232.3182373046875</t>
  </si>
  <si>
    <t>0.045140406854264015</t>
  </si>
  <si>
    <t>27.468942642211914</t>
  </si>
  <si>
    <t>969.4384155273438</t>
  </si>
  <si>
    <t>0.008044864534639373</t>
  </si>
  <si>
    <t>27.174776077270508</t>
  </si>
  <si>
    <t>1132.6541748046875</t>
  </si>
  <si>
    <t>-0.07499988062156326</t>
  </si>
  <si>
    <t>27.016443252563477</t>
  </si>
  <si>
    <t>1233.4337158203125</t>
  </si>
  <si>
    <t>0.005996788940530351</t>
  </si>
  <si>
    <t>26.576372146606445</t>
  </si>
  <si>
    <t>1694.088623046875</t>
  </si>
  <si>
    <t>0.01747632048382286</t>
  </si>
  <si>
    <t>26.7993221282959</t>
  </si>
  <si>
    <t>1882.4180908203125</t>
  </si>
  <si>
    <t>98.01126098632812</t>
  </si>
  <si>
    <t>Yala</t>
  </si>
  <si>
    <t>26.603498458862305</t>
  </si>
  <si>
    <t>2161.559814453125</t>
  </si>
  <si>
    <t>0.0344651991772178</t>
  </si>
  <si>
    <t>26.63263511657715</t>
  </si>
  <si>
    <t>1837.6798095703125</t>
  </si>
  <si>
    <t>-0.015868566385742966</t>
  </si>
  <si>
    <t>26.503477096557617</t>
  </si>
  <si>
    <t>2615.126708984375</t>
  </si>
  <si>
    <t>-0.024388953495979138</t>
  </si>
  <si>
    <t>26.570144653320312</t>
  </si>
  <si>
    <t>2123.34423828125</t>
  </si>
  <si>
    <t>0.10786774337792515</t>
  </si>
  <si>
    <t>6195</t>
  </si>
  <si>
    <t>26.59307861328125</t>
  </si>
  <si>
    <t>2611.479736328125</t>
  </si>
  <si>
    <t>0.14310084364067244</t>
  </si>
  <si>
    <t>6574</t>
  </si>
  <si>
    <t>26.47231101989746</t>
  </si>
  <si>
    <t>2641.673095703125</t>
  </si>
  <si>
    <t>0.059379960160921286</t>
  </si>
  <si>
    <t>26.928518295288086</t>
  </si>
  <si>
    <t>2293.3515625</t>
  </si>
  <si>
    <t>-0.07713142376724846</t>
  </si>
  <si>
    <t>27.182655334472656</t>
  </si>
  <si>
    <t>2539.178466796875</t>
  </si>
  <si>
    <t>-0.0839389946715432</t>
  </si>
  <si>
    <t>26.320241928100586</t>
  </si>
  <si>
    <t>3228.3271484375</t>
  </si>
  <si>
    <t>-0.1122142243478077</t>
  </si>
  <si>
    <t>2742.991943359375</t>
  </si>
  <si>
    <t>0.010737824389128292</t>
  </si>
  <si>
    <t>26.713979721069336</t>
  </si>
  <si>
    <t>2021.372314453125</t>
  </si>
  <si>
    <t>-0.06411666920134174</t>
  </si>
  <si>
    <t>27.026487350463867</t>
  </si>
  <si>
    <t>2493.318603515625</t>
  </si>
  <si>
    <t>0.0945046716193847</t>
  </si>
  <si>
    <t>26.886869430541992</t>
  </si>
  <si>
    <t>2721.38330078125</t>
  </si>
  <si>
    <t>0.1490946127801518</t>
  </si>
  <si>
    <t>26.724456787109375</t>
  </si>
  <si>
    <t>1963.5712890625</t>
  </si>
  <si>
    <t>0.07005016359628158</t>
  </si>
  <si>
    <t>6929</t>
  </si>
  <si>
    <t>26.77018165588379</t>
  </si>
  <si>
    <t>2400.210205078125</t>
  </si>
  <si>
    <t>0.0656070670062121</t>
  </si>
  <si>
    <t>26.595184326171875</t>
  </si>
  <si>
    <t>2361.864990234375</t>
  </si>
  <si>
    <t>0.0704830772668732</t>
  </si>
  <si>
    <t>26.62640953063965</t>
  </si>
  <si>
    <t>2358.860595703125</t>
  </si>
  <si>
    <t>0.009770538812144736</t>
  </si>
  <si>
    <t>26.30980110168457</t>
  </si>
  <si>
    <t>2644.518310546875</t>
  </si>
  <si>
    <t>0.011125942583364079</t>
  </si>
  <si>
    <t>26.755605697631836</t>
  </si>
  <si>
    <t>2611.4501953125</t>
  </si>
  <si>
    <t>-0.09513896158628832</t>
  </si>
  <si>
    <t>27.06389808654785</t>
  </si>
  <si>
    <t>2443.73046875</t>
  </si>
  <si>
    <t>0.2868125071795973</t>
  </si>
  <si>
    <t>26.670202255249023</t>
  </si>
  <si>
    <t>2765.191162109375</t>
  </si>
  <si>
    <t>0.18952694051522379</t>
  </si>
  <si>
    <t>26.90765380859375</t>
  </si>
  <si>
    <t>2672.981689453125</t>
  </si>
  <si>
    <t>-0.18963568935987496</t>
  </si>
  <si>
    <t>7703</t>
  </si>
  <si>
    <t>26.734840393066406</t>
  </si>
  <si>
    <t>2447.391357421875</t>
  </si>
  <si>
    <t>-0.177049994685456</t>
  </si>
  <si>
    <t>26.909799575805664</t>
  </si>
  <si>
    <t>2255.7939453125</t>
  </si>
  <si>
    <t>-0.09199230952719262</t>
  </si>
  <si>
    <t>27.165969848632812</t>
  </si>
  <si>
    <t>2321.3564453125</t>
  </si>
  <si>
    <t>-0.07168038837452784</t>
  </si>
  <si>
    <t>27.343055725097656</t>
  </si>
  <si>
    <t>2373.623046875</t>
  </si>
  <si>
    <t>0.06123605564777357</t>
  </si>
  <si>
    <t>26.813919067382812</t>
  </si>
  <si>
    <t>2467.62548828125</t>
  </si>
  <si>
    <t>-0.010118617700653587</t>
  </si>
  <si>
    <t>26.920204162597656</t>
  </si>
  <si>
    <t>2363.906494140625</t>
  </si>
  <si>
    <t>-0.019067752823522355</t>
  </si>
  <si>
    <t>6808</t>
  </si>
  <si>
    <t>27.31602668762207</t>
  </si>
  <si>
    <t>1859.2855224609375</t>
  </si>
  <si>
    <t>0.00811154067836739</t>
  </si>
  <si>
    <t>27.041006088256836</t>
  </si>
  <si>
    <t>2616.03173828125</t>
  </si>
  <si>
    <t>-0.07501229487767702</t>
  </si>
  <si>
    <t>26.90974235534668</t>
  </si>
  <si>
    <t>2497.759765625</t>
  </si>
  <si>
    <t>0.005998439453929194</t>
  </si>
  <si>
    <t>26.703575134277344</t>
  </si>
  <si>
    <t>2853.139892578125</t>
  </si>
  <si>
    <t>0.01747314345591633</t>
  </si>
  <si>
    <t>1519.4000244140625</t>
  </si>
  <si>
    <t>154.85008239746094</t>
  </si>
  <si>
    <t>Yasothon</t>
  </si>
  <si>
    <t>27.5916690826416</t>
  </si>
  <si>
    <t>1371.0999755859375</t>
  </si>
  <si>
    <t>0.03755470373641234</t>
  </si>
  <si>
    <t>1261.9000244140625</t>
  </si>
  <si>
    <t>0.11627050822792384</t>
  </si>
  <si>
    <t>1075.9000244140625</t>
  </si>
  <si>
    <t>-0.043103240417505795</t>
  </si>
  <si>
    <t>1536.9000244140625</t>
  </si>
  <si>
    <t>0.04349378914342328</t>
  </si>
  <si>
    <t>27.399999618530273</t>
  </si>
  <si>
    <t>1264.0001220703125</t>
  </si>
  <si>
    <t>0.10797326501397464</t>
  </si>
  <si>
    <t>26.89167022705078</t>
  </si>
  <si>
    <t>1508.10009765625</t>
  </si>
  <si>
    <t>0.0069857077657893285</t>
  </si>
  <si>
    <t>1331.8001708984375</t>
  </si>
  <si>
    <t>-0.018619895047130797</t>
  </si>
  <si>
    <t>1238.800048828125</t>
  </si>
  <si>
    <t>-0.07279949960851351</t>
  </si>
  <si>
    <t>-0.09431906166578408</t>
  </si>
  <si>
    <t>1688.0</t>
  </si>
  <si>
    <t>0.014975321455175994</t>
  </si>
  <si>
    <t>1609.7000732421875</t>
  </si>
  <si>
    <t>-0.009124907777000146</t>
  </si>
  <si>
    <t>1532.9000244140625</t>
  </si>
  <si>
    <t>0.07888819532671132</t>
  </si>
  <si>
    <t>1469.0</t>
  </si>
  <si>
    <t>0.027346937741775434</t>
  </si>
  <si>
    <t>27.366670608520508</t>
  </si>
  <si>
    <t>1419.5999755859375</t>
  </si>
  <si>
    <t>0.06104328540432746</t>
  </si>
  <si>
    <t>27.6583309173584</t>
  </si>
  <si>
    <t>1390.2000732421875</t>
  </si>
  <si>
    <t>-0.04432359441403655</t>
  </si>
  <si>
    <t>1533.0</t>
  </si>
  <si>
    <t>0.035116730511717265</t>
  </si>
  <si>
    <t>1575.800048828125</t>
  </si>
  <si>
    <t>0.07072266825252971</t>
  </si>
  <si>
    <t>1427.39990234375</t>
  </si>
  <si>
    <t>-0.03955222318449625</t>
  </si>
  <si>
    <t>1491.800048828125</t>
  </si>
  <si>
    <t>0.06151671870865538</t>
  </si>
  <si>
    <t>0.14409472916638677</t>
  </si>
  <si>
    <t>26.96666145324707</t>
  </si>
  <si>
    <t>1767.4998779296875</t>
  </si>
  <si>
    <t>0.08189819591866865</t>
  </si>
  <si>
    <t>27.916669845581055</t>
  </si>
  <si>
    <t>1199.5999755859375</t>
  </si>
  <si>
    <t>0.05974172708232928</t>
  </si>
  <si>
    <t>1434.10009765625</t>
  </si>
  <si>
    <t>0.1188654039837207</t>
  </si>
  <si>
    <t>4160</t>
  </si>
  <si>
    <t>1354.699951171875</t>
  </si>
  <si>
    <t>-0.10531243757901798</t>
  </si>
  <si>
    <t>1191.699951171875</t>
  </si>
  <si>
    <t>-0.0048192864359482</t>
  </si>
  <si>
    <t>1156.800048828125</t>
  </si>
  <si>
    <t>0.03698856936934014</t>
  </si>
  <si>
    <t>1781.2000732421875</t>
  </si>
  <si>
    <t>0.002325041735607769</t>
  </si>
  <si>
    <t>1421.9000244140625</t>
  </si>
  <si>
    <t>0.02545133367221908</t>
  </si>
  <si>
    <t>0.008117293725176111</t>
  </si>
  <si>
    <t>1371.7000732421875</t>
  </si>
  <si>
    <t>-0.07505851792493878</t>
  </si>
  <si>
    <t>1429.4000244140625</t>
  </si>
  <si>
    <t>0.006033564822352844</t>
  </si>
  <si>
    <t>1832.5999755859375</t>
  </si>
  <si>
    <t>0.017412485253371912</t>
  </si>
  <si>
    <t>TUR</t>
  </si>
  <si>
    <t>18.503252029418945</t>
  </si>
  <si>
    <t>574.2626953125</t>
  </si>
  <si>
    <t>1254.8980712890625</t>
  </si>
  <si>
    <t>Adana</t>
  </si>
  <si>
    <t>Turkey</t>
  </si>
  <si>
    <t>17.89296531677246</t>
  </si>
  <si>
    <t>803.2678833007812</t>
  </si>
  <si>
    <t>-0.01287046431824379</t>
  </si>
  <si>
    <t>9622</t>
  </si>
  <si>
    <t>16.9100341796875</t>
  </si>
  <si>
    <t>807.7504272460938</t>
  </si>
  <si>
    <t>0.02963883038654913</t>
  </si>
  <si>
    <t>10160</t>
  </si>
  <si>
    <t>18.32706642150879</t>
  </si>
  <si>
    <t>645.2767944335938</t>
  </si>
  <si>
    <t>0.05440629887307402</t>
  </si>
  <si>
    <t>19.011201858520508</t>
  </si>
  <si>
    <t>753.372802734375</t>
  </si>
  <si>
    <t>-0.0670613859257223</t>
  </si>
  <si>
    <t>18.287626266479492</t>
  </si>
  <si>
    <t>774.3604125976562</t>
  </si>
  <si>
    <t>0.057269507085299765</t>
  </si>
  <si>
    <t>18.778608322143555</t>
  </si>
  <si>
    <t>670.3399047851562</t>
  </si>
  <si>
    <t>0.053224635581541335</t>
  </si>
  <si>
    <t>17.63250160217285</t>
  </si>
  <si>
    <t>900.0036010742188</t>
  </si>
  <si>
    <t>0.05545013140078048</t>
  </si>
  <si>
    <t>19.33802604675293</t>
  </si>
  <si>
    <t>694.4404296875</t>
  </si>
  <si>
    <t>0.006753180099007494</t>
  </si>
  <si>
    <t>18.837968826293945</t>
  </si>
  <si>
    <t>650.2271118164062</t>
  </si>
  <si>
    <t>-0.04946786453222529</t>
  </si>
  <si>
    <t>11311</t>
  </si>
  <si>
    <t>18.755250930786133</t>
  </si>
  <si>
    <t>0.051149057690226485</t>
  </si>
  <si>
    <t>18.95545768737793</t>
  </si>
  <si>
    <t>851.8236694335938</t>
  </si>
  <si>
    <t>-0.07754825267649679</t>
  </si>
  <si>
    <t>18.80531120300293</t>
  </si>
  <si>
    <t>722.8667602539062</t>
  </si>
  <si>
    <t>0.04520332542087502</t>
  </si>
  <si>
    <t>18.36314582824707</t>
  </si>
  <si>
    <t>919.1726684570312</t>
  </si>
  <si>
    <t>0.03956835542235737</t>
  </si>
  <si>
    <t>18.60444450378418</t>
  </si>
  <si>
    <t>574.219970703125</t>
  </si>
  <si>
    <t>0.07660013066239202</t>
  </si>
  <si>
    <t>18.36741065979004</t>
  </si>
  <si>
    <t>609.586181640625</t>
  </si>
  <si>
    <t>0.07243409814035218</t>
  </si>
  <si>
    <t>13774</t>
  </si>
  <si>
    <t>18.396921157836914</t>
  </si>
  <si>
    <t>623.93115234375</t>
  </si>
  <si>
    <t>0.04074939660378263</t>
  </si>
  <si>
    <t>18.621267318725586</t>
  </si>
  <si>
    <t>694.6378173828125</t>
  </si>
  <si>
    <t>0.04562530870726178</t>
  </si>
  <si>
    <t>19.192148208618164</t>
  </si>
  <si>
    <t>643.54296875</t>
  </si>
  <si>
    <t>-0.014321387670987562</t>
  </si>
  <si>
    <t>13609</t>
  </si>
  <si>
    <t>18.946155548095703</t>
  </si>
  <si>
    <t>1004.2889404296875</t>
  </si>
  <si>
    <t>-0.043355339580600116</t>
  </si>
  <si>
    <t>20.177560806274414</t>
  </si>
  <si>
    <t>762.5105590820312</t>
  </si>
  <si>
    <t>0.07779619603516608</t>
  </si>
  <si>
    <t>17.977556228637695</t>
  </si>
  <si>
    <t>951.8527221679688</t>
  </si>
  <si>
    <t>0.07892300977031219</t>
  </si>
  <si>
    <t>19.156003952026367</t>
  </si>
  <si>
    <t>946.0579833984375</t>
  </si>
  <si>
    <t>0.04717942878110826</t>
  </si>
  <si>
    <t>17895</t>
  </si>
  <si>
    <t>19.04561424255371</t>
  </si>
  <si>
    <t>515.8605346679688</t>
  </si>
  <si>
    <t>0.06989137105322207</t>
  </si>
  <si>
    <t>18245</t>
  </si>
  <si>
    <t>19.146589279174805</t>
  </si>
  <si>
    <t>786.7937622070312</t>
  </si>
  <si>
    <t>0.01936972567042261</t>
  </si>
  <si>
    <t>18.63663101196289</t>
  </si>
  <si>
    <t>755.80615234375</t>
  </si>
  <si>
    <t>0.05735327320690686</t>
  </si>
  <si>
    <t>19.294782638549805</t>
  </si>
  <si>
    <t>696.5744018554688</t>
  </si>
  <si>
    <t>0.036086651822369475</t>
  </si>
  <si>
    <t>19.265962600708008</t>
  </si>
  <si>
    <t>732.4501342773438</t>
  </si>
  <si>
    <t>0.034540325252176984</t>
  </si>
  <si>
    <t>20421</t>
  </si>
  <si>
    <t>19.783231735229492</t>
  </si>
  <si>
    <t>1019.5582275390625</t>
  </si>
  <si>
    <t>-0.01530753703594101</t>
  </si>
  <si>
    <t>20811</t>
  </si>
  <si>
    <t>19.29198455810547</t>
  </si>
  <si>
    <t>892.9461059570312</t>
  </si>
  <si>
    <t>0.01891790993735043</t>
  </si>
  <si>
    <t>21777</t>
  </si>
  <si>
    <t>19.835887908935547</t>
  </si>
  <si>
    <t>763.6143798828125</t>
  </si>
  <si>
    <t>24054</t>
  </si>
  <si>
    <t>19.615995407104492</t>
  </si>
  <si>
    <t>599.6592407226562</t>
  </si>
  <si>
    <t>0.09944693591761222</t>
  </si>
  <si>
    <t>19.553205490112305</t>
  </si>
  <si>
    <t>587.0789794921875</t>
  </si>
  <si>
    <t>0.04423845160421358</t>
  </si>
  <si>
    <t>5433</t>
  </si>
  <si>
    <t>15.830872535705566</t>
  </si>
  <si>
    <t>367.34112548828125</t>
  </si>
  <si>
    <t>262.00982666015625</t>
  </si>
  <si>
    <t>Adiyaman</t>
  </si>
  <si>
    <t>5363</t>
  </si>
  <si>
    <t>15.330650329589844</t>
  </si>
  <si>
    <t>539.351318359375</t>
  </si>
  <si>
    <t>-0.012967947568597538</t>
  </si>
  <si>
    <t>14.001370429992676</t>
  </si>
  <si>
    <t>559.1748657226562</t>
  </si>
  <si>
    <t>0.029578715546257683</t>
  </si>
  <si>
    <t>5833</t>
  </si>
  <si>
    <t>15.176368713378906</t>
  </si>
  <si>
    <t>628.7357177734375</t>
  </si>
  <si>
    <t>0.05442921222445385</t>
  </si>
  <si>
    <t>15.915900230407715</t>
  </si>
  <si>
    <t>615.6528930664062</t>
  </si>
  <si>
    <t>-0.0669988284864651</t>
  </si>
  <si>
    <t>15.744959831237793</t>
  </si>
  <si>
    <t>531.5090942382812</t>
  </si>
  <si>
    <t>0.05717878230549012</t>
  </si>
  <si>
    <t>16.25564956665039</t>
  </si>
  <si>
    <t>615.6121826171875</t>
  </si>
  <si>
    <t>0.053265033442389864</t>
  </si>
  <si>
    <t>15.016124725341797</t>
  </si>
  <si>
    <t>612.09521484375</t>
  </si>
  <si>
    <t>0.05539681352313153</t>
  </si>
  <si>
    <t>6483</t>
  </si>
  <si>
    <t>16.74518394470215</t>
  </si>
  <si>
    <t>446.7364501953125</t>
  </si>
  <si>
    <t>0.006810117636812052</t>
  </si>
  <si>
    <t>16.366127014160156</t>
  </si>
  <si>
    <t>431.0846252441406</t>
  </si>
  <si>
    <t>-0.0494845282755616</t>
  </si>
  <si>
    <t>16.093259811401367</t>
  </si>
  <si>
    <t>449.0855712890625</t>
  </si>
  <si>
    <t>0.05117983576335661</t>
  </si>
  <si>
    <t>16.426599502563477</t>
  </si>
  <si>
    <t>651.4429321289062</t>
  </si>
  <si>
    <t>-0.07745392513353799</t>
  </si>
  <si>
    <t>16.003732681274414</t>
  </si>
  <si>
    <t>497.9568786621094</t>
  </si>
  <si>
    <t>0.04505926085380807</t>
  </si>
  <si>
    <t>15.824236869812012</t>
  </si>
  <si>
    <t>664.5582275390625</t>
  </si>
  <si>
    <t>0.03960604957815228</t>
  </si>
  <si>
    <t>15.768260955810547</t>
  </si>
  <si>
    <t>450.7416076660156</t>
  </si>
  <si>
    <t>0.07663823852711893</t>
  </si>
  <si>
    <t>15.865901947021484</t>
  </si>
  <si>
    <t>468.4864196777344</t>
  </si>
  <si>
    <t>0.08206666945216767</t>
  </si>
  <si>
    <t>15.949684143066406</t>
  </si>
  <si>
    <t>511.630859375</t>
  </si>
  <si>
    <t>0.052720660292948196</t>
  </si>
  <si>
    <t>15.836395263671875</t>
  </si>
  <si>
    <t>455.5814514160156</t>
  </si>
  <si>
    <t>0.04595174269105229</t>
  </si>
  <si>
    <t>16.30970573425293</t>
  </si>
  <si>
    <t>299.04803466796875</t>
  </si>
  <si>
    <t>0.019777135152972747</t>
  </si>
  <si>
    <t>16.295177459716797</t>
  </si>
  <si>
    <t>641.2657470703125</t>
  </si>
  <si>
    <t>-0.07417928229940252</t>
  </si>
  <si>
    <t>9144</t>
  </si>
  <si>
    <t>17.55565643310547</t>
  </si>
  <si>
    <t>362.0167541503906</t>
  </si>
  <si>
    <t>0.13203270369657716</t>
  </si>
  <si>
    <t>15.534701347351074</t>
  </si>
  <si>
    <t>636.0916137695312</t>
  </si>
  <si>
    <t>0.1176858208602134</t>
  </si>
  <si>
    <t>16.432790756225586</t>
  </si>
  <si>
    <t>684.0892333984375</t>
  </si>
  <si>
    <t>-0.0010699869704247078</t>
  </si>
  <si>
    <t>16.057785034179688</t>
  </si>
  <si>
    <t>356.1756591796875</t>
  </si>
  <si>
    <t>0.06809059919268101</t>
  </si>
  <si>
    <t>16.884929656982422</t>
  </si>
  <si>
    <t>492.9744873046875</t>
  </si>
  <si>
    <t>0.043324542867125615</t>
  </si>
  <si>
    <t>16.37018394470215</t>
  </si>
  <si>
    <t>551.4039916992188</t>
  </si>
  <si>
    <t>0.04917979663489014</t>
  </si>
  <si>
    <t>16.18684196472168</t>
  </si>
  <si>
    <t>459.08233642578125</t>
  </si>
  <si>
    <t>0.011946589045617628</t>
  </si>
  <si>
    <t>16.85159683227539</t>
  </si>
  <si>
    <t>415.67144775390625</t>
  </si>
  <si>
    <t>0.03926796208428307</t>
  </si>
  <si>
    <t>17.603515625</t>
  </si>
  <si>
    <t>737.119140625</t>
  </si>
  <si>
    <t>0.03823893059378314</t>
  </si>
  <si>
    <t>16.894956588745117</t>
  </si>
  <si>
    <t>667.9848022460938</t>
  </si>
  <si>
    <t>-0.022844995036408022</t>
  </si>
  <si>
    <t>17.211618423461914</t>
  </si>
  <si>
    <t>568.7332763671875</t>
  </si>
  <si>
    <t>0.02185921296605642</t>
  </si>
  <si>
    <t>17.059932708740234</t>
  </si>
  <si>
    <t>297.6822204589844</t>
  </si>
  <si>
    <t>0.09943296036086124</t>
  </si>
  <si>
    <t>15218</t>
  </si>
  <si>
    <t>17.09303855895996</t>
  </si>
  <si>
    <t>402.1116027832031</t>
  </si>
  <si>
    <t>0.044269578663142184</t>
  </si>
  <si>
    <t>10.634943962097168</t>
  </si>
  <si>
    <t>428.51849365234375</t>
  </si>
  <si>
    <t>282.383056640625</t>
  </si>
  <si>
    <t>Afyon</t>
  </si>
  <si>
    <t>9.89718246459961</t>
  </si>
  <si>
    <t>514.6087036132812</t>
  </si>
  <si>
    <t>-0.012892818064079492</t>
  </si>
  <si>
    <t>8732</t>
  </si>
  <si>
    <t>9.36618709564209</t>
  </si>
  <si>
    <t>461.5502014160156</t>
  </si>
  <si>
    <t>0.02963782506142998</t>
  </si>
  <si>
    <t>10.522181510925293</t>
  </si>
  <si>
    <t>413.98089599609375</t>
  </si>
  <si>
    <t>0.0543805988808046</t>
  </si>
  <si>
    <t>11.118950843811035</t>
  </si>
  <si>
    <t>513.2096557617188</t>
  </si>
  <si>
    <t>-0.06705796124355956</t>
  </si>
  <si>
    <t>10.504122734069824</t>
  </si>
  <si>
    <t>499.66497802734375</t>
  </si>
  <si>
    <t>0.057248618281933616</t>
  </si>
  <si>
    <t>10.80521011352539</t>
  </si>
  <si>
    <t>521.1231079101562</t>
  </si>
  <si>
    <t>0.053213683651270216</t>
  </si>
  <si>
    <t>9.85827922821045</t>
  </si>
  <si>
    <t>592.7874755859375</t>
  </si>
  <si>
    <t>0.05544914990849392</t>
  </si>
  <si>
    <t>11.281983375549316</t>
  </si>
  <si>
    <t>627.3193359375</t>
  </si>
  <si>
    <t>0.00685403642779292</t>
  </si>
  <si>
    <t>11.14239501953125</t>
  </si>
  <si>
    <t>460.4927673339844</t>
  </si>
  <si>
    <t>-0.04950763460455576</t>
  </si>
  <si>
    <t>10.983749389648438</t>
  </si>
  <si>
    <t>446.7713623046875</t>
  </si>
  <si>
    <t>0.05116512048101818</t>
  </si>
  <si>
    <t>11.329041481018066</t>
  </si>
  <si>
    <t>554.688720703125</t>
  </si>
  <si>
    <t>-0.07755352056285147</t>
  </si>
  <si>
    <t>11.208378791809082</t>
  </si>
  <si>
    <t>559.9456787109375</t>
  </si>
  <si>
    <t>0.045179263272084214</t>
  </si>
  <si>
    <t>10.451210975646973</t>
  </si>
  <si>
    <t>606.5570068359375</t>
  </si>
  <si>
    <t>0.03955735942442651</t>
  </si>
  <si>
    <t>10.954018592834473</t>
  </si>
  <si>
    <t>363.2823486328125</t>
  </si>
  <si>
    <t>0.07659199976168551</t>
  </si>
  <si>
    <t>10.502039909362793</t>
  </si>
  <si>
    <t>515.1461181640625</t>
  </si>
  <si>
    <t>0.05320867800498519</t>
  </si>
  <si>
    <t>12443</t>
  </si>
  <si>
    <t>10.751636505126953</t>
  </si>
  <si>
    <t>493.5185241699219</t>
  </si>
  <si>
    <t>0.055434385422268306</t>
  </si>
  <si>
    <t>11.122807502746582</t>
  </si>
  <si>
    <t>412.2662658691406</t>
  </si>
  <si>
    <t>0.04525161312176529</t>
  </si>
  <si>
    <t>11.516613006591797</t>
  </si>
  <si>
    <t>424.8431091308594</t>
  </si>
  <si>
    <t>-0.0005378203041548346</t>
  </si>
  <si>
    <t>11.237950325012207</t>
  </si>
  <si>
    <t>600.2877807617188</t>
  </si>
  <si>
    <t>-0.02387639183897683</t>
  </si>
  <si>
    <t>14411</t>
  </si>
  <si>
    <t>12.275516510009766</t>
  </si>
  <si>
    <t>585.6552734375</t>
  </si>
  <si>
    <t>0.12599618708409643</t>
  </si>
  <si>
    <t>10.158157348632812</t>
  </si>
  <si>
    <t>636.9480590820312</t>
  </si>
  <si>
    <t>0.059076403081746776</t>
  </si>
  <si>
    <t>11.658907890319824</t>
  </si>
  <si>
    <t>550.8427124023438</t>
  </si>
  <si>
    <t>0.011705166807079337</t>
  </si>
  <si>
    <t>16226</t>
  </si>
  <si>
    <t>11.419417381286621</t>
  </si>
  <si>
    <t>452.44244384765625</t>
  </si>
  <si>
    <t>0.04784152022782173</t>
  </si>
  <si>
    <t>11.531081199645996</t>
  </si>
  <si>
    <t>618.0304565429688</t>
  </si>
  <si>
    <t>0.07729880496026986</t>
  </si>
  <si>
    <t>10.94763469696045</t>
  </si>
  <si>
    <t>655.6409912109375</t>
  </si>
  <si>
    <t>0.054073225995995955</t>
  </si>
  <si>
    <t>19263</t>
  </si>
  <si>
    <t>11.491535186767578</t>
  </si>
  <si>
    <t>478.41656494140625</t>
  </si>
  <si>
    <t>0.04019923255088287</t>
  </si>
  <si>
    <t>20803</t>
  </si>
  <si>
    <t>11.488728523254395</t>
  </si>
  <si>
    <t>507.250244140625</t>
  </si>
  <si>
    <t>0.07691104959622486</t>
  </si>
  <si>
    <t>20257</t>
  </si>
  <si>
    <t>12.21847915649414</t>
  </si>
  <si>
    <t>635.4735107421875</t>
  </si>
  <si>
    <t>-0.026596794244577282</t>
  </si>
  <si>
    <t>20408</t>
  </si>
  <si>
    <t>11.748724937438965</t>
  </si>
  <si>
    <t>453.04876708984375</t>
  </si>
  <si>
    <t>0.007426568007842249</t>
  </si>
  <si>
    <t>12.308486938476562</t>
  </si>
  <si>
    <t>499.7966613769531</t>
  </si>
  <si>
    <t>0.019746899807428164</t>
  </si>
  <si>
    <t>11.709614753723145</t>
  </si>
  <si>
    <t>474.0005798339844</t>
  </si>
  <si>
    <t>0.09947244868972938</t>
  </si>
  <si>
    <t>11.816813468933105</t>
  </si>
  <si>
    <t>427.7039794921875</t>
  </si>
  <si>
    <t>0.044239946245054895</t>
  </si>
  <si>
    <t>4398</t>
  </si>
  <si>
    <t>5.972801685333252</t>
  </si>
  <si>
    <t>468.1521301269531</t>
  </si>
  <si>
    <t>198.50611877441406</t>
  </si>
  <si>
    <t>Agri</t>
  </si>
  <si>
    <t>5.519882678985596</t>
  </si>
  <si>
    <t>501.89447021484375</t>
  </si>
  <si>
    <t>-0.012814820676467775</t>
  </si>
  <si>
    <t>4.382555961608887</t>
  </si>
  <si>
    <t>550.2380981445312</t>
  </si>
  <si>
    <t>0.029500664396696408</t>
  </si>
  <si>
    <t>4.983434200286865</t>
  </si>
  <si>
    <t>486.6384582519531</t>
  </si>
  <si>
    <t>0.05460845506118339</t>
  </si>
  <si>
    <t>5.836688995361328</t>
  </si>
  <si>
    <t>551.0609130859375</t>
  </si>
  <si>
    <t>-0.06720988193918664</t>
  </si>
  <si>
    <t>6.082481861114502</t>
  </si>
  <si>
    <t>513.988037109375</t>
  </si>
  <si>
    <t>0.057208734635027625</t>
  </si>
  <si>
    <t>4932</t>
  </si>
  <si>
    <t>6.393864154815674</t>
  </si>
  <si>
    <t>489.0709228515625</t>
  </si>
  <si>
    <t>0.05330154169227619</t>
  </si>
  <si>
    <t>5.357841968536377</t>
  </si>
  <si>
    <t>472.0596008300781</t>
  </si>
  <si>
    <t>0.05541092048387064</t>
  </si>
  <si>
    <t>7.010290622711182</t>
  </si>
  <si>
    <t>459.23065185546875</t>
  </si>
  <si>
    <t>0.006882076484194144</t>
  </si>
  <si>
    <t>6.642677307128906</t>
  </si>
  <si>
    <t>490.10186767578125</t>
  </si>
  <si>
    <t>-0.04960017016964535</t>
  </si>
  <si>
    <t>6.414972305297852</t>
  </si>
  <si>
    <t>386.8109130859375</t>
  </si>
  <si>
    <t>0.05131331420717267</t>
  </si>
  <si>
    <t>6.81187105178833</t>
  </si>
  <si>
    <t>-0.07768401066972253</t>
  </si>
  <si>
    <t>6.312489986419678</t>
  </si>
  <si>
    <t>585.71826171875</t>
  </si>
  <si>
    <t>0.045211114924464724</t>
  </si>
  <si>
    <t>6.067981243133545</t>
  </si>
  <si>
    <t>654.544921875</t>
  </si>
  <si>
    <t>0.03948514849093776</t>
  </si>
  <si>
    <t>5717</t>
  </si>
  <si>
    <t>6.133712291717529</t>
  </si>
  <si>
    <t>565.0075073242188</t>
  </si>
  <si>
    <t>0.07668121322846488</t>
  </si>
  <si>
    <t>6.269016742706299</t>
  </si>
  <si>
    <t>618.6970825195312</t>
  </si>
  <si>
    <t>0.057770435716975044</t>
  </si>
  <si>
    <t>6.416898727416992</t>
  </si>
  <si>
    <t>510.39996337890625</t>
  </si>
  <si>
    <t>-0.032894390504518256</t>
  </si>
  <si>
    <t>5.80280065536499</t>
  </si>
  <si>
    <t>623.7794189453125</t>
  </si>
  <si>
    <t>0.01153532723093953</t>
  </si>
  <si>
    <t>6.632671356201172</t>
  </si>
  <si>
    <t>386.316650390625</t>
  </si>
  <si>
    <t>-0.04926253073466391</t>
  </si>
  <si>
    <t>6.772606372833252</t>
  </si>
  <si>
    <t>639.7894897460938</t>
  </si>
  <si>
    <t>0.02967576814611661</t>
  </si>
  <si>
    <t>7.895117282867432</t>
  </si>
  <si>
    <t>568.999755859375</t>
  </si>
  <si>
    <t>0.21408996309000017</t>
  </si>
  <si>
    <t>5.788310527801514</t>
  </si>
  <si>
    <t>624.0984497070312</t>
  </si>
  <si>
    <t>0.02360153458526959</t>
  </si>
  <si>
    <t>6.85377836227417</t>
  </si>
  <si>
    <t>531.4400634765625</t>
  </si>
  <si>
    <t>0.04481725749629106</t>
  </si>
  <si>
    <t>6.493467330932617</t>
  </si>
  <si>
    <t>434.922119140625</t>
  </si>
  <si>
    <t>0.02155034656154342</t>
  </si>
  <si>
    <t>7.291222095489502</t>
  </si>
  <si>
    <t>463.99749755859375</t>
  </si>
  <si>
    <t>-0.019607214918341498</t>
  </si>
  <si>
    <t>7.007696628570557</t>
  </si>
  <si>
    <t>590.3359375</t>
  </si>
  <si>
    <t>0.06294381167212926</t>
  </si>
  <si>
    <t>6.510137557983398</t>
  </si>
  <si>
    <t>614.0671997070312</t>
  </si>
  <si>
    <t>0.10968944800780989</t>
  </si>
  <si>
    <t>9128</t>
  </si>
  <si>
    <t>7.10944128036499</t>
  </si>
  <si>
    <t>414.50115966796875</t>
  </si>
  <si>
    <t>-0.006007336071611746</t>
  </si>
  <si>
    <t>8.013195037841797</t>
  </si>
  <si>
    <t>614.3296508789062</t>
  </si>
  <si>
    <t>-0.0013155011763359425</t>
  </si>
  <si>
    <t>9426</t>
  </si>
  <si>
    <t>7.262155532836914</t>
  </si>
  <si>
    <t>428.3445129394531</t>
  </si>
  <si>
    <t>0.033440717118100594</t>
  </si>
  <si>
    <t>7.239301681518555</t>
  </si>
  <si>
    <t>567.92724609375</t>
  </si>
  <si>
    <t>0.08653386006849928</t>
  </si>
  <si>
    <t>7.427058696746826</t>
  </si>
  <si>
    <t>362.7966003417969</t>
  </si>
  <si>
    <t>0.0993882512877029</t>
  </si>
  <si>
    <t>7.44689416885376</t>
  </si>
  <si>
    <t>377.8248291015625</t>
  </si>
  <si>
    <t>0.04428322797870976</t>
  </si>
  <si>
    <t>10.478388786315918</t>
  </si>
  <si>
    <t>277.86602783203125</t>
  </si>
  <si>
    <t>161.96401977539062</t>
  </si>
  <si>
    <t>Aksaray</t>
  </si>
  <si>
    <t>9.953879356384277</t>
  </si>
  <si>
    <t>372.8612365722656</t>
  </si>
  <si>
    <t>-0.013003401192055009</t>
  </si>
  <si>
    <t>9.263971328735352</t>
  </si>
  <si>
    <t>367.9662170410156</t>
  </si>
  <si>
    <t>0.02969741554402283</t>
  </si>
  <si>
    <t>10.280145645141602</t>
  </si>
  <si>
    <t>307.3966064453125</t>
  </si>
  <si>
    <t>0.05444540545047616</t>
  </si>
  <si>
    <t>11.040237426757812</t>
  </si>
  <si>
    <t>315.0394287109375</t>
  </si>
  <si>
    <t>-0.06710216746060738</t>
  </si>
  <si>
    <t>8147</t>
  </si>
  <si>
    <t>10.513970375061035</t>
  </si>
  <si>
    <t>357.3427734375</t>
  </si>
  <si>
    <t>0.05720895699840156</t>
  </si>
  <si>
    <t>10.909187316894531</t>
  </si>
  <si>
    <t>359.05712890625</t>
  </si>
  <si>
    <t>0.05329815700258145</t>
  </si>
  <si>
    <t>9083</t>
  </si>
  <si>
    <t>9.935980796813965</t>
  </si>
  <si>
    <t>390.98541259765625</t>
  </si>
  <si>
    <t>0.05545661618899089</t>
  </si>
  <si>
    <t>11.456936836242676</t>
  </si>
  <si>
    <t>388.97955322265625</t>
  </si>
  <si>
    <t>0.006802747322751657</t>
  </si>
  <si>
    <t>11.002087593078613</t>
  </si>
  <si>
    <t>334.25640869140625</t>
  </si>
  <si>
    <t>-0.049539488035451384</t>
  </si>
  <si>
    <t>10.918228149414062</t>
  </si>
  <si>
    <t>314.1302795410156</t>
  </si>
  <si>
    <t>0.05117838487866244</t>
  </si>
  <si>
    <t>11.430113792419434</t>
  </si>
  <si>
    <t>333.4415283203125</t>
  </si>
  <si>
    <t>-0.07748956505977134</t>
  </si>
  <si>
    <t>11.193755149841309</t>
  </si>
  <si>
    <t>353.9955139160156</t>
  </si>
  <si>
    <t>0.04509267812779605</t>
  </si>
  <si>
    <t>10.379404067993164</t>
  </si>
  <si>
    <t>357.8078918457031</t>
  </si>
  <si>
    <t>0.03957629338156465</t>
  </si>
  <si>
    <t>10.902088165283203</t>
  </si>
  <si>
    <t>258.17919921875</t>
  </si>
  <si>
    <t>0.07665188302739878</t>
  </si>
  <si>
    <t>10.615694999694824</t>
  </si>
  <si>
    <t>297.14752197265625</t>
  </si>
  <si>
    <t>0.07957152875200713</t>
  </si>
  <si>
    <t>10.793686866760254</t>
  </si>
  <si>
    <t>331.55523681640625</t>
  </si>
  <si>
    <t>0.054486780544056757</t>
  </si>
  <si>
    <t>10.945971488952637</t>
  </si>
  <si>
    <t>330.0357360839844</t>
  </si>
  <si>
    <t>0.05425203853273253</t>
  </si>
  <si>
    <t>11.450297355651855</t>
  </si>
  <si>
    <t>299.3157653808594</t>
  </si>
  <si>
    <t>-0.008518508167830063</t>
  </si>
  <si>
    <t>11.295513153076172</t>
  </si>
  <si>
    <t>429.51702880859375</t>
  </si>
  <si>
    <t>0.007936218087742475</t>
  </si>
  <si>
    <t>12.492486000061035</t>
  </si>
  <si>
    <t>372.3722839355469</t>
  </si>
  <si>
    <t>0.11872562118263197</t>
  </si>
  <si>
    <t>9.985913276672363</t>
  </si>
  <si>
    <t>450.0338439941406</t>
  </si>
  <si>
    <t>0.07018922938492267</t>
  </si>
  <si>
    <t>15254</t>
  </si>
  <si>
    <t>11.472270965576172</t>
  </si>
  <si>
    <t>403.7883605957031</t>
  </si>
  <si>
    <t>0.04952138726275557</t>
  </si>
  <si>
    <t>11.18662166595459</t>
  </si>
  <si>
    <t>270.2208251953125</t>
  </si>
  <si>
    <t>0.07530132601708495</t>
  </si>
  <si>
    <t>18666</t>
  </si>
  <si>
    <t>11.585911750793457</t>
  </si>
  <si>
    <t>397.1337585449219</t>
  </si>
  <si>
    <t>0.12656059738442238</t>
  </si>
  <si>
    <t>19262</t>
  </si>
  <si>
    <t>10.818753242492676</t>
  </si>
  <si>
    <t>367.1368713378906</t>
  </si>
  <si>
    <t>0.03143055599511868</t>
  </si>
  <si>
    <t>19293</t>
  </si>
  <si>
    <t>11.410387992858887</t>
  </si>
  <si>
    <t>338.4700622558594</t>
  </si>
  <si>
    <t>0.0016080926821633312</t>
  </si>
  <si>
    <t>11.402121543884277</t>
  </si>
  <si>
    <t>358.986328125</t>
  </si>
  <si>
    <t>0.049843532021689896</t>
  </si>
  <si>
    <t>20829</t>
  </si>
  <si>
    <t>12.22097110748291</t>
  </si>
  <si>
    <t>410.61566162109375</t>
  </si>
  <si>
    <t>0.026760378596719647</t>
  </si>
  <si>
    <t>20877</t>
  </si>
  <si>
    <t>11.630112648010254</t>
  </si>
  <si>
    <t>357.48577880859375</t>
  </si>
  <si>
    <t>0.002301828091576752</t>
  </si>
  <si>
    <t>12.20208740234375</t>
  </si>
  <si>
    <t>329.4503173828125</t>
  </si>
  <si>
    <t>0.1284711907643441</t>
  </si>
  <si>
    <t>11.403877258300781</t>
  </si>
  <si>
    <t>324.5722351074219</t>
  </si>
  <si>
    <t>0.09947948778204285</t>
  </si>
  <si>
    <t>11.72353744506836</t>
  </si>
  <si>
    <t>271.62542724609375</t>
  </si>
  <si>
    <t>0.04423618850455391</t>
  </si>
  <si>
    <t>10.735198974609375</t>
  </si>
  <si>
    <t>468.9925231933594</t>
  </si>
  <si>
    <t>195.77976989746094</t>
  </si>
  <si>
    <t>Amasya</t>
  </si>
  <si>
    <t>10.157105445861816</t>
  </si>
  <si>
    <t>567.6787109375</t>
  </si>
  <si>
    <t>-0.012961075295384816</t>
  </si>
  <si>
    <t>9.556905746459961</t>
  </si>
  <si>
    <t>491.34912109375</t>
  </si>
  <si>
    <t>0.02969418258408929</t>
  </si>
  <si>
    <t>10.3675537109375</t>
  </si>
  <si>
    <t>442.34588623046875</t>
  </si>
  <si>
    <t>0.05449232051437036</t>
  </si>
  <si>
    <t>9045</t>
  </si>
  <si>
    <t>11.188285827636719</t>
  </si>
  <si>
    <t>407.2984619140625</t>
  </si>
  <si>
    <t>-0.06712638035315166</t>
  </si>
  <si>
    <t>10.799880981445312</t>
  </si>
  <si>
    <t>495.9885559082031</t>
  </si>
  <si>
    <t>0.057256683073159564</t>
  </si>
  <si>
    <t>11.079798698425293</t>
  </si>
  <si>
    <t>530.3936767578125</t>
  </si>
  <si>
    <t>0.05326462212544314</t>
  </si>
  <si>
    <t>10678</t>
  </si>
  <si>
    <t>10.223904609680176</t>
  </si>
  <si>
    <t>525.6138305664062</t>
  </si>
  <si>
    <t>0.05545212603213301</t>
  </si>
  <si>
    <t>11.643302917480469</t>
  </si>
  <si>
    <t>533.04736328125</t>
  </si>
  <si>
    <t>0.006720204495678672</t>
  </si>
  <si>
    <t>10231</t>
  </si>
  <si>
    <t>11.299060821533203</t>
  </si>
  <si>
    <t>550.1283569335938</t>
  </si>
  <si>
    <t>-0.049483427676870306</t>
  </si>
  <si>
    <t>11.27364730834961</t>
  </si>
  <si>
    <t>446.2701721191406</t>
  </si>
  <si>
    <t>0.05115644600556912</t>
  </si>
  <si>
    <t>11.628003120422363</t>
  </si>
  <si>
    <t>509.8377990722656</t>
  </si>
  <si>
    <t>-0.07749981923761418</t>
  </si>
  <si>
    <t>11.556251525878906</t>
  </si>
  <si>
    <t>453.78424072265625</t>
  </si>
  <si>
    <t>0.04512781402010724</t>
  </si>
  <si>
    <t>10.585078239440918</t>
  </si>
  <si>
    <t>483.5448913574219</t>
  </si>
  <si>
    <t>0.039589580734004315</t>
  </si>
  <si>
    <t>11.22723388671875</t>
  </si>
  <si>
    <t>455.5821838378906</t>
  </si>
  <si>
    <t>0.07664682919075716</t>
  </si>
  <si>
    <t>12788</t>
  </si>
  <si>
    <t>10.939597129821777</t>
  </si>
  <si>
    <t>497.2877502441406</t>
  </si>
  <si>
    <t>0.08806405358796887</t>
  </si>
  <si>
    <t>11.2415132522583</t>
  </si>
  <si>
    <t>477.1993713378906</t>
  </si>
  <si>
    <t>0.00856502939059034</t>
  </si>
  <si>
    <t>11.487318992614746</t>
  </si>
  <si>
    <t>444.99609375</t>
  </si>
  <si>
    <t>0.015921576187183817</t>
  </si>
  <si>
    <t>11.810948371887207</t>
  </si>
  <si>
    <t>483.02239990234375</t>
  </si>
  <si>
    <t>0.08404373230430906</t>
  </si>
  <si>
    <t>11.77818775177002</t>
  </si>
  <si>
    <t>616.3499755859375</t>
  </si>
  <si>
    <t>-0.008666603479069224</t>
  </si>
  <si>
    <t>12.781177520751953</t>
  </si>
  <si>
    <t>549.7112426757812</t>
  </si>
  <si>
    <t>0.06546248025732915</t>
  </si>
  <si>
    <t>16099</t>
  </si>
  <si>
    <t>10.458216667175293</t>
  </si>
  <si>
    <t>590.249267578125</t>
  </si>
  <si>
    <t>0.06492371240221928</t>
  </si>
  <si>
    <t>11.964316368103027</t>
  </si>
  <si>
    <t>574.5962524414062</t>
  </si>
  <si>
    <t>0.04541544114390916</t>
  </si>
  <si>
    <t>17520</t>
  </si>
  <si>
    <t>11.633810997009277</t>
  </si>
  <si>
    <t>357.7076110839844</t>
  </si>
  <si>
    <t>0.0391704861041795</t>
  </si>
  <si>
    <t>12.034867286682129</t>
  </si>
  <si>
    <t>579.0114135742188</t>
  </si>
  <si>
    <t>0.013718258328065502</t>
  </si>
  <si>
    <t>19661</t>
  </si>
  <si>
    <t>11.337532997131348</t>
  </si>
  <si>
    <t>570.8822631835938</t>
  </si>
  <si>
    <t>0.10157563428904304</t>
  </si>
  <si>
    <t>11.80959415435791</t>
  </si>
  <si>
    <t>557.4287109375</t>
  </si>
  <si>
    <t>0.03503344055964952</t>
  </si>
  <si>
    <t>20831</t>
  </si>
  <si>
    <t>11.836472511291504</t>
  </si>
  <si>
    <t>491.5691223144531</t>
  </si>
  <si>
    <t>0.022771843116773383</t>
  </si>
  <si>
    <t>12.770031929016113</t>
  </si>
  <si>
    <t>544.5506591796875</t>
  </si>
  <si>
    <t>-0.039211112124050373</t>
  </si>
  <si>
    <t>12.150181770324707</t>
  </si>
  <si>
    <t>460.7095947265625</t>
  </si>
  <si>
    <t>0.009094812087134585</t>
  </si>
  <si>
    <t>20594</t>
  </si>
  <si>
    <t>12.660548210144043</t>
  </si>
  <si>
    <t>439.51324462890625</t>
  </si>
  <si>
    <t>0.0186738094696981</t>
  </si>
  <si>
    <t>22747</t>
  </si>
  <si>
    <t>11.711161613464355</t>
  </si>
  <si>
    <t>527.6275024414062</t>
  </si>
  <si>
    <t>0.09943349733516449</t>
  </si>
  <si>
    <t>23777</t>
  </si>
  <si>
    <t>12.033415794372559</t>
  </si>
  <si>
    <t>441.31982421875</t>
  </si>
  <si>
    <t>0.04428545830054098</t>
  </si>
  <si>
    <t>19491</t>
  </si>
  <si>
    <t>10.363564491271973</t>
  </si>
  <si>
    <t>409.4375915527344</t>
  </si>
  <si>
    <t>1775.0208740234375</t>
  </si>
  <si>
    <t>Ankara</t>
  </si>
  <si>
    <t>9.80917739868164</t>
  </si>
  <si>
    <t>454.6475524902344</t>
  </si>
  <si>
    <t>-0.012961375328943703</t>
  </si>
  <si>
    <t>19820</t>
  </si>
  <si>
    <t>9.123700141906738</t>
  </si>
  <si>
    <t>427.6064453125</t>
  </si>
  <si>
    <t>0.029700083664280896</t>
  </si>
  <si>
    <t>10.173147201538086</t>
  </si>
  <si>
    <t>363.79229736328125</t>
  </si>
  <si>
    <t>0.05439644637294627</t>
  </si>
  <si>
    <t>10.970210075378418</t>
  </si>
  <si>
    <t>385.58673095703125</t>
  </si>
  <si>
    <t>-0.06709019386680382</t>
  </si>
  <si>
    <t>10.406510353088379</t>
  </si>
  <si>
    <t>409.3055725097656</t>
  </si>
  <si>
    <t>0.057246413147366226</t>
  </si>
  <si>
    <t>10.812049865722656</t>
  </si>
  <si>
    <t>444.0875549316406</t>
  </si>
  <si>
    <t>0.053231288833028856</t>
  </si>
  <si>
    <t>9.816393852233887</t>
  </si>
  <si>
    <t>490.1117248535156</t>
  </si>
  <si>
    <t>0.055486995836844244</t>
  </si>
  <si>
    <t>11.364075660705566</t>
  </si>
  <si>
    <t>476.51336669921875</t>
  </si>
  <si>
    <t>0.00677266786529529</t>
  </si>
  <si>
    <t>10.932816505432129</t>
  </si>
  <si>
    <t>455.3212585449219</t>
  </si>
  <si>
    <t>-0.049529904605893904</t>
  </si>
  <si>
    <t>10.820002555847168</t>
  </si>
  <si>
    <t>418.4493103027344</t>
  </si>
  <si>
    <t>0.051205198711071986</t>
  </si>
  <si>
    <t>21561</t>
  </si>
  <si>
    <t>11.411776542663574</t>
  </si>
  <si>
    <t>497.71929931640625</t>
  </si>
  <si>
    <t>-0.07752431404128224</t>
  </si>
  <si>
    <t>11.16689682006836</t>
  </si>
  <si>
    <t>399.1022033691406</t>
  </si>
  <si>
    <t>0.04511497879052051</t>
  </si>
  <si>
    <t>10.31597900390625</t>
  </si>
  <si>
    <t>448.9828186035156</t>
  </si>
  <si>
    <t>0.03955145905649715</t>
  </si>
  <si>
    <t>25336</t>
  </si>
  <si>
    <t>10.898024559020996</t>
  </si>
  <si>
    <t>355.22491455078125</t>
  </si>
  <si>
    <t>0.07667374423490614</t>
  </si>
  <si>
    <t>10.566701889038086</t>
  </si>
  <si>
    <t>434.9515075683594</t>
  </si>
  <si>
    <t>0.07444058857958424</t>
  </si>
  <si>
    <t>28928</t>
  </si>
  <si>
    <t>10.888591766357422</t>
  </si>
  <si>
    <t>383.4405822753906</t>
  </si>
  <si>
    <t>0.05814308639384258</t>
  </si>
  <si>
    <t>11.095999717712402</t>
  </si>
  <si>
    <t>356.32440185546875</t>
  </si>
  <si>
    <t>0.05530728230490034</t>
  </si>
  <si>
    <t>11.487091064453125</t>
  </si>
  <si>
    <t>405.8417053222656</t>
  </si>
  <si>
    <t>-0.003407493222001179</t>
  </si>
  <si>
    <t>11.346407890319824</t>
  </si>
  <si>
    <t>511.95758056640625</t>
  </si>
  <si>
    <t>-0.06026571481769061</t>
  </si>
  <si>
    <t>12.437461853027344</t>
  </si>
  <si>
    <t>514.45263671875</t>
  </si>
  <si>
    <t>0.033287845077904166</t>
  </si>
  <si>
    <t>32026</t>
  </si>
  <si>
    <t>10.01897144317627</t>
  </si>
  <si>
    <t>448.2180480957031</t>
  </si>
  <si>
    <t>0.07681616934740632</t>
  </si>
  <si>
    <t>32655</t>
  </si>
  <si>
    <t>11.551522254943848</t>
  </si>
  <si>
    <t>485.68463134765625</t>
  </si>
  <si>
    <t>0.01944991045433575</t>
  </si>
  <si>
    <t>11.295294761657715</t>
  </si>
  <si>
    <t>328.88433837890625</t>
  </si>
  <si>
    <t>0.10347541429266904</t>
  </si>
  <si>
    <t>11.643401145935059</t>
  </si>
  <si>
    <t>518.6217651367188</t>
  </si>
  <si>
    <t>0.0028400884903163615</t>
  </si>
  <si>
    <t>10.773005485534668</t>
  </si>
  <si>
    <t>554.71875</t>
  </si>
  <si>
    <t>0.030212467426309786</t>
  </si>
  <si>
    <t>39209</t>
  </si>
  <si>
    <t>11.389118194580078</t>
  </si>
  <si>
    <t>464.900390625</t>
  </si>
  <si>
    <t>0.04638035871706414</t>
  </si>
  <si>
    <t>39905</t>
  </si>
  <si>
    <t>11.438483238220215</t>
  </si>
  <si>
    <t>435.826416015625</t>
  </si>
  <si>
    <t>0.01759531704699313</t>
  </si>
  <si>
    <t>39246</t>
  </si>
  <si>
    <t>12.367587089538574</t>
  </si>
  <si>
    <t>516.9910278320312</t>
  </si>
  <si>
    <t>-0.016652101120842033</t>
  </si>
  <si>
    <t>11.683067321777344</t>
  </si>
  <si>
    <t>412.47540283203125</t>
  </si>
  <si>
    <t>0.025136244338566982</t>
  </si>
  <si>
    <t>41677</t>
  </si>
  <si>
    <t>12.292651176452637</t>
  </si>
  <si>
    <t>396.6093444824219</t>
  </si>
  <si>
    <t>0.03496364534157692</t>
  </si>
  <si>
    <t>11.362899780273438</t>
  </si>
  <si>
    <t>448.7662048339844</t>
  </si>
  <si>
    <t>0.09945255885253523</t>
  </si>
  <si>
    <t>11.693146705627441</t>
  </si>
  <si>
    <t>350.278564453125</t>
  </si>
  <si>
    <t>0.04425435074314521</t>
  </si>
  <si>
    <t>17404</t>
  </si>
  <si>
    <t>11.91740894317627</t>
  </si>
  <si>
    <t>531.705322265625</t>
  </si>
  <si>
    <t>399.3006591796875</t>
  </si>
  <si>
    <t>Antalya</t>
  </si>
  <si>
    <t>11.217080116271973</t>
  </si>
  <si>
    <t>673.8801879882812</t>
  </si>
  <si>
    <t>-0.012954148302323887</t>
  </si>
  <si>
    <t>10.79134464263916</t>
  </si>
  <si>
    <t>628.2393188476562</t>
  </si>
  <si>
    <t>0.029705722289049774</t>
  </si>
  <si>
    <t>11.808411598205566</t>
  </si>
  <si>
    <t>636.0963134765625</t>
  </si>
  <si>
    <t>0.05442996780065812</t>
  </si>
  <si>
    <t>12.323593139648438</t>
  </si>
  <si>
    <t>727.5799560546875</t>
  </si>
  <si>
    <t>-0.06711031852594296</t>
  </si>
  <si>
    <t>11.774771690368652</t>
  </si>
  <si>
    <t>677.4484252929688</t>
  </si>
  <si>
    <t>0.05726967771824576</t>
  </si>
  <si>
    <t>19516</t>
  </si>
  <si>
    <t>12.03909969329834</t>
  </si>
  <si>
    <t>690.0874633789062</t>
  </si>
  <si>
    <t>0.05319367611547143</t>
  </si>
  <si>
    <t>11.18972110748291</t>
  </si>
  <si>
    <t>815.5204467773438</t>
  </si>
  <si>
    <t>0.05551168512956828</t>
  </si>
  <si>
    <t>12.521804809570312</t>
  </si>
  <si>
    <t>833.4363403320312</t>
  </si>
  <si>
    <t>0.006763310804862144</t>
  </si>
  <si>
    <t>19767</t>
  </si>
  <si>
    <t>12.476184844970703</t>
  </si>
  <si>
    <t>553.6603393554688</t>
  </si>
  <si>
    <t>-0.04949575728822886</t>
  </si>
  <si>
    <t>20805</t>
  </si>
  <si>
    <t>12.335614204406738</t>
  </si>
  <si>
    <t>597.2962646484375</t>
  </si>
  <si>
    <t>0.051179461835111795</t>
  </si>
  <si>
    <t>12.5502290725708</t>
  </si>
  <si>
    <t>768.4524536132812</t>
  </si>
  <si>
    <t>-0.07752644968770639</t>
  </si>
  <si>
    <t>12.523951530456543</t>
  </si>
  <si>
    <t>729.3442993164062</t>
  </si>
  <si>
    <t>0.04514029447875423</t>
  </si>
  <si>
    <t>20954</t>
  </si>
  <si>
    <t>11.920905113220215</t>
  </si>
  <si>
    <t>988.729248046875</t>
  </si>
  <si>
    <t>0.039522371704821424</t>
  </si>
  <si>
    <t>22624</t>
  </si>
  <si>
    <t>12.2636137008667</t>
  </si>
  <si>
    <t>511.431884765625</t>
  </si>
  <si>
    <t>0.07668173078338825</t>
  </si>
  <si>
    <t>11.836268424987793</t>
  </si>
  <si>
    <t>640.8739624023438</t>
  </si>
  <si>
    <t>0.04941299165794</t>
  </si>
  <si>
    <t>12.064411163330078</t>
  </si>
  <si>
    <t>610.6947631835938</t>
  </si>
  <si>
    <t>0.051770673061996675</t>
  </si>
  <si>
    <t>12.485438346862793</t>
  </si>
  <si>
    <t>630.42041015625</t>
  </si>
  <si>
    <t>0.03693958255119156</t>
  </si>
  <si>
    <t>12.834278106689453</t>
  </si>
  <si>
    <t>622.6395263671875</t>
  </si>
  <si>
    <t>-0.0491983321554752</t>
  </si>
  <si>
    <t>12.54400634765625</t>
  </si>
  <si>
    <t>885.3302001953125</t>
  </si>
  <si>
    <t>-0.055884177020869785</t>
  </si>
  <si>
    <t>25526</t>
  </si>
  <si>
    <t>13.482100486755371</t>
  </si>
  <si>
    <t>758.4171752929688</t>
  </si>
  <si>
    <t>0.08764551275155341</t>
  </si>
  <si>
    <t>11.689421653747559</t>
  </si>
  <si>
    <t>867.0883178710938</t>
  </si>
  <si>
    <t>0.08054282668818225</t>
  </si>
  <si>
    <t>13.07049560546875</t>
  </si>
  <si>
    <t>820.2499389648438</t>
  </si>
  <si>
    <t>0.002959436258413106</t>
  </si>
  <si>
    <t>12.904655456542969</t>
  </si>
  <si>
    <t>628.8554077148438</t>
  </si>
  <si>
    <t>0.04980384378427871</t>
  </si>
  <si>
    <t>12.892207145690918</t>
  </si>
  <si>
    <t>818.0909423828125</t>
  </si>
  <si>
    <t>0.038012043308119914</t>
  </si>
  <si>
    <t>12.26427173614502</t>
  </si>
  <si>
    <t>743.1185913085938</t>
  </si>
  <si>
    <t>0.012888593597732978</t>
  </si>
  <si>
    <t>27099</t>
  </si>
  <si>
    <t>12.952593803405762</t>
  </si>
  <si>
    <t>630.89404296875</t>
  </si>
  <si>
    <t>-0.1244074573614089</t>
  </si>
  <si>
    <t>12.97878360748291</t>
  </si>
  <si>
    <t>654.4494018554688</t>
  </si>
  <si>
    <t>0.0861130314846239</t>
  </si>
  <si>
    <t>832.5947265625</t>
  </si>
  <si>
    <t>0.11706049227234772</t>
  </si>
  <si>
    <t>13.228835105895996</t>
  </si>
  <si>
    <t>662.826171875</t>
  </si>
  <si>
    <t>0.0328247966217905</t>
  </si>
  <si>
    <t>25101</t>
  </si>
  <si>
    <t>13.717510223388672</t>
  </si>
  <si>
    <t>631.7171630859375</t>
  </si>
  <si>
    <t>-0.31258746123300796</t>
  </si>
  <si>
    <t>13.25289249420166</t>
  </si>
  <si>
    <t>639.7766723632812</t>
  </si>
  <si>
    <t>0.09946291513461247</t>
  </si>
  <si>
    <t>13.251139640808105</t>
  </si>
  <si>
    <t>590.2168579101562</t>
  </si>
  <si>
    <t>0.04426984173726112</t>
  </si>
  <si>
    <t>3.2193729877471924</t>
  </si>
  <si>
    <t>662.2809448242188</t>
  </si>
  <si>
    <t>59.92634582519531</t>
  </si>
  <si>
    <t>Ardahan</t>
  </si>
  <si>
    <t>2.888784646987915</t>
  </si>
  <si>
    <t>680.603271484375</t>
  </si>
  <si>
    <t>-0.012940976456814468</t>
  </si>
  <si>
    <t>1.763353705406189</t>
  </si>
  <si>
    <t>772.6830444335938</t>
  </si>
  <si>
    <t>2.266117811203003</t>
  </si>
  <si>
    <t>628.1222534179688</t>
  </si>
  <si>
    <t>0.05444148677859317</t>
  </si>
  <si>
    <t>3.060117483139038</t>
  </si>
  <si>
    <t>676.3651123046875</t>
  </si>
  <si>
    <t>-0.06700626440595592</t>
  </si>
  <si>
    <t>3.324843645095825</t>
  </si>
  <si>
    <t>704.0660400390625</t>
  </si>
  <si>
    <t>0.057229545184005914</t>
  </si>
  <si>
    <t>3.5072546005249023</t>
  </si>
  <si>
    <t>646.4066772460938</t>
  </si>
  <si>
    <t>0.05327138504319251</t>
  </si>
  <si>
    <t>2.778118133544922</t>
  </si>
  <si>
    <t>659.917236328125</t>
  </si>
  <si>
    <t>0.05546914348970944</t>
  </si>
  <si>
    <t>4.2860589027404785</t>
  </si>
  <si>
    <t>652.8187255859375</t>
  </si>
  <si>
    <t>0.0067558695005960345</t>
  </si>
  <si>
    <t>3.917490005493164</t>
  </si>
  <si>
    <t>746.8350219726562</t>
  </si>
  <si>
    <t>-0.049551294046171535</t>
  </si>
  <si>
    <t>3.710235595703125</t>
  </si>
  <si>
    <t>520.0439453125</t>
  </si>
  <si>
    <t>0.051165933794161234</t>
  </si>
  <si>
    <t>4.1739020347595215</t>
  </si>
  <si>
    <t>672.256103515625</t>
  </si>
  <si>
    <t>-0.07754739208665029</t>
  </si>
  <si>
    <t>3.6535301208496094</t>
  </si>
  <si>
    <t>907.8646240234375</t>
  </si>
  <si>
    <t>0.045165301850502715</t>
  </si>
  <si>
    <t>3.3613526821136475</t>
  </si>
  <si>
    <t>862.031494140625</t>
  </si>
  <si>
    <t>0.0396158793151109</t>
  </si>
  <si>
    <t>3.406667470932007</t>
  </si>
  <si>
    <t>769.1484375</t>
  </si>
  <si>
    <t>0.0766693294539742</t>
  </si>
  <si>
    <t>3.6449413299560547</t>
  </si>
  <si>
    <t>913.4444580078125</t>
  </si>
  <si>
    <t>3.8441178798675537</t>
  </si>
  <si>
    <t>668.6224975585938</t>
  </si>
  <si>
    <t>0.11027254652812069</t>
  </si>
  <si>
    <t>3.2286672592163086</t>
  </si>
  <si>
    <t>888.5665283203125</t>
  </si>
  <si>
    <t>0.04431166975911793</t>
  </si>
  <si>
    <t>3.981411933898926</t>
  </si>
  <si>
    <t>582.3001098632812</t>
  </si>
  <si>
    <t>-0.010749147221369881</t>
  </si>
  <si>
    <t>4.121176242828369</t>
  </si>
  <si>
    <t>988.1661376953125</t>
  </si>
  <si>
    <t>-0.05884935110785605</t>
  </si>
  <si>
    <t>5.051509380340576</t>
  </si>
  <si>
    <t>779.3843994140625</t>
  </si>
  <si>
    <t>0.3163110745333597</t>
  </si>
  <si>
    <t>3.0823726654052734</t>
  </si>
  <si>
    <t>796.7811279296875</t>
  </si>
  <si>
    <t>0.041210268646661774</t>
  </si>
  <si>
    <t>4.149294376373291</t>
  </si>
  <si>
    <t>688.0545043945312</t>
  </si>
  <si>
    <t>0.03477747397674058</t>
  </si>
  <si>
    <t>13921</t>
  </si>
  <si>
    <t>3.8596866130828857</t>
  </si>
  <si>
    <t>644.1878662109375</t>
  </si>
  <si>
    <t>-0.029375364826144335</t>
  </si>
  <si>
    <t>4.570764541625977</t>
  </si>
  <si>
    <t>693.393310546875</t>
  </si>
  <si>
    <t>0.03812602834632983</t>
  </si>
  <si>
    <t>16906</t>
  </si>
  <si>
    <t>4.238922119140625</t>
  </si>
  <si>
    <t>807.6646118164062</t>
  </si>
  <si>
    <t>0.15614406875397613</t>
  </si>
  <si>
    <t>3.6972551345825195</t>
  </si>
  <si>
    <t>920.5324096679688</t>
  </si>
  <si>
    <t>0.06525546506557411</t>
  </si>
  <si>
    <t>20508</t>
  </si>
  <si>
    <t>4.311882972717285</t>
  </si>
  <si>
    <t>572.171142578125</t>
  </si>
  <si>
    <t>0.1278910003491447</t>
  </si>
  <si>
    <t>19766</t>
  </si>
  <si>
    <t>5.178137302398682</t>
  </si>
  <si>
    <t>858.1115112304688</t>
  </si>
  <si>
    <t>-0.03685176396746215</t>
  </si>
  <si>
    <t>4.504902362823486</t>
  </si>
  <si>
    <t>532.2327880859375</t>
  </si>
  <si>
    <t>-0.019154249053510597</t>
  </si>
  <si>
    <t>4.41815710067749</t>
  </si>
  <si>
    <t>734.931884765625</t>
  </si>
  <si>
    <t>0.11884253069139206</t>
  </si>
  <si>
    <t>24122</t>
  </si>
  <si>
    <t>4.598371982574463</t>
  </si>
  <si>
    <t>620.3486328125</t>
  </si>
  <si>
    <t>0.0994727155691777</t>
  </si>
  <si>
    <t>4.676509380340576</t>
  </si>
  <si>
    <t>584.9093017578125</t>
  </si>
  <si>
    <t>0.04423544735545981</t>
  </si>
  <si>
    <t>7.635604381561279</t>
  </si>
  <si>
    <t>768.7064819335938</t>
  </si>
  <si>
    <t>79.75082397460938</t>
  </si>
  <si>
    <t>Artvin</t>
  </si>
  <si>
    <t>7.477271556854248</t>
  </si>
  <si>
    <t>765.8524780273438</t>
  </si>
  <si>
    <t>-0.012896323610712912</t>
  </si>
  <si>
    <t>6.125021457672119</t>
  </si>
  <si>
    <t>961.1217041015625</t>
  </si>
  <si>
    <t>0.029658002872219313</t>
  </si>
  <si>
    <t>6.9395976066589355</t>
  </si>
  <si>
    <t>694.9898071289062</t>
  </si>
  <si>
    <t>0.05443402290524446</t>
  </si>
  <si>
    <t>7.919124126434326</t>
  </si>
  <si>
    <t>743.5230102539062</t>
  </si>
  <si>
    <t>-0.0671146190980405</t>
  </si>
  <si>
    <t>7.829308032989502</t>
  </si>
  <si>
    <t>773.4004516601562</t>
  </si>
  <si>
    <t>0.057248915672673206</t>
  </si>
  <si>
    <t>8.423250198364258</t>
  </si>
  <si>
    <t>836.7100219726562</t>
  </si>
  <si>
    <t>0.05325717667353125</t>
  </si>
  <si>
    <t>13044</t>
  </si>
  <si>
    <t>7.2128005027771</t>
  </si>
  <si>
    <t>774.2708740234375</t>
  </si>
  <si>
    <t>0.05548223944983022</t>
  </si>
  <si>
    <t>13133</t>
  </si>
  <si>
    <t>8.891528129577637</t>
  </si>
  <si>
    <t>707.7876586914062</t>
  </si>
  <si>
    <t>0.006799888675949717</t>
  </si>
  <si>
    <t>8.63533878326416</t>
  </si>
  <si>
    <t>880.9512329101562</t>
  </si>
  <si>
    <t>-0.049559515096131435</t>
  </si>
  <si>
    <t>8.312907218933105</t>
  </si>
  <si>
    <t>637.9036254882812</t>
  </si>
  <si>
    <t>0.05115726337226789</t>
  </si>
  <si>
    <t>12173</t>
  </si>
  <si>
    <t>8.846081733703613</t>
  </si>
  <si>
    <t>915.2931518554688</t>
  </si>
  <si>
    <t>-0.07750551045169907</t>
  </si>
  <si>
    <t>8.148224830627441</t>
  </si>
  <si>
    <t>874.7930908203125</t>
  </si>
  <si>
    <t>0.04513372400396065</t>
  </si>
  <si>
    <t>8.229254722595215</t>
  </si>
  <si>
    <t>858.0512084960938</t>
  </si>
  <si>
    <t>0.03956796945456631</t>
  </si>
  <si>
    <t>7.831717014312744</t>
  </si>
  <si>
    <t>872.4357299804688</t>
  </si>
  <si>
    <t>0.07668704861608688</t>
  </si>
  <si>
    <t>15803</t>
  </si>
  <si>
    <t>8.329413414001465</t>
  </si>
  <si>
    <t>960.3195190429688</t>
  </si>
  <si>
    <t>0.09959066892489332</t>
  </si>
  <si>
    <t>17335</t>
  </si>
  <si>
    <t>8.379359245300293</t>
  </si>
  <si>
    <t>808.2866821289062</t>
  </si>
  <si>
    <t>0.09252778371002002</t>
  </si>
  <si>
    <t>18949</t>
  </si>
  <si>
    <t>7.788093090057373</t>
  </si>
  <si>
    <t>897.150634765625</t>
  </si>
  <si>
    <t>0.08902358055049042</t>
  </si>
  <si>
    <t>8.629520416259766</t>
  </si>
  <si>
    <t>702.7682495117188</t>
  </si>
  <si>
    <t>0.01263815033213156</t>
  </si>
  <si>
    <t>8.935843467712402</t>
  </si>
  <si>
    <t>1012.6165771484375</t>
  </si>
  <si>
    <t>-0.09173139069095981</t>
  </si>
  <si>
    <t>9.904653549194336</t>
  </si>
  <si>
    <t>752.4749755859375</t>
  </si>
  <si>
    <t>0.056139312751220416</t>
  </si>
  <si>
    <t>7.735710144042969</t>
  </si>
  <si>
    <t>919.34375</t>
  </si>
  <si>
    <t>0.0738302265206432</t>
  </si>
  <si>
    <t>8.698331832885742</t>
  </si>
  <si>
    <t>795.8321533203125</t>
  </si>
  <si>
    <t>0.07663404824159414</t>
  </si>
  <si>
    <t>22724</t>
  </si>
  <si>
    <t>8.423117637634277</t>
  </si>
  <si>
    <t>741.72216796875</t>
  </si>
  <si>
    <t>0.05416012785277324</t>
  </si>
  <si>
    <t>22013</t>
  </si>
  <si>
    <t>9.275208473205566</t>
  </si>
  <si>
    <t>754.2838134765625</t>
  </si>
  <si>
    <t>-0.031788446763686196</t>
  </si>
  <si>
    <t>8.737747192382812</t>
  </si>
  <si>
    <t>947.198486328125</t>
  </si>
  <si>
    <t>0.01858781210749605</t>
  </si>
  <si>
    <t>8.331744194030762</t>
  </si>
  <si>
    <t>969.7644653320312</t>
  </si>
  <si>
    <t>0.014080374310008636</t>
  </si>
  <si>
    <t>8.994044303894043</t>
  </si>
  <si>
    <t>741.3216552734375</t>
  </si>
  <si>
    <t>0.10139116384642399</t>
  </si>
  <si>
    <t>9.88782787322998</t>
  </si>
  <si>
    <t>810.8308715820312</t>
  </si>
  <si>
    <t>0.05645851018612014</t>
  </si>
  <si>
    <t>28589</t>
  </si>
  <si>
    <t>9.05269718170166</t>
  </si>
  <si>
    <t>633.8642578125</t>
  </si>
  <si>
    <t>0.07087098007648152</t>
  </si>
  <si>
    <t>9.056317329406738</t>
  </si>
  <si>
    <t>779.5753784179688</t>
  </si>
  <si>
    <t>0.06483579409753837</t>
  </si>
  <si>
    <t>33694</t>
  </si>
  <si>
    <t>9.400181770324707</t>
  </si>
  <si>
    <t>733.22021484375</t>
  </si>
  <si>
    <t>0.09946195740874941</t>
  </si>
  <si>
    <t>35218</t>
  </si>
  <si>
    <t>9.464730262756348</t>
  </si>
  <si>
    <t>674.8692626953125</t>
  </si>
  <si>
    <t>0.04423753557457388</t>
  </si>
  <si>
    <t>10838</t>
  </si>
  <si>
    <t>15.681144714355469</t>
  </si>
  <si>
    <t>571.208984375</t>
  </si>
  <si>
    <t>301.3310852050781</t>
  </si>
  <si>
    <t>Aydin</t>
  </si>
  <si>
    <t>14.783061027526855</t>
  </si>
  <si>
    <t>503.2193908691406</t>
  </si>
  <si>
    <t>-0.012908197987453462</t>
  </si>
  <si>
    <t>14.528119087219238</t>
  </si>
  <si>
    <t>502.9587097167969</t>
  </si>
  <si>
    <t>0.029652264552936458</t>
  </si>
  <si>
    <t>15.400914192199707</t>
  </si>
  <si>
    <t>632.4264526367188</t>
  </si>
  <si>
    <t>0.054387133416534894</t>
  </si>
  <si>
    <t>16.05757713317871</t>
  </si>
  <si>
    <t>798.6888427734375</t>
  </si>
  <si>
    <t>-0.06707962906220644</t>
  </si>
  <si>
    <t>15.38611888885498</t>
  </si>
  <si>
    <t>601.22705078125</t>
  </si>
  <si>
    <t>0.057234989968144134</t>
  </si>
  <si>
    <t>12153</t>
  </si>
  <si>
    <t>15.562191009521484</t>
  </si>
  <si>
    <t>796.5365600585938</t>
  </si>
  <si>
    <t>0.0532310148567845</t>
  </si>
  <si>
    <t>12847</t>
  </si>
  <si>
    <t>14.807469367980957</t>
  </si>
  <si>
    <t>855.7274780273438</t>
  </si>
  <si>
    <t>0.05553426816081064</t>
  </si>
  <si>
    <t>16.037919998168945</t>
  </si>
  <si>
    <t>938.9215698242188</t>
  </si>
  <si>
    <t>0.006749181974928575</t>
  </si>
  <si>
    <t>12309</t>
  </si>
  <si>
    <t>16.15031623840332</t>
  </si>
  <si>
    <t>567.6206665039062</t>
  </si>
  <si>
    <t>-0.04952880089624223</t>
  </si>
  <si>
    <t>16.106098175048828</t>
  </si>
  <si>
    <t>584.599365234375</t>
  </si>
  <si>
    <t>0.05122829918092364</t>
  </si>
  <si>
    <t>11989</t>
  </si>
  <si>
    <t>16.232263565063477</t>
  </si>
  <si>
    <t>843.3129272460938</t>
  </si>
  <si>
    <t>-0.07756943858356635</t>
  </si>
  <si>
    <t>16.1860294342041</t>
  </si>
  <si>
    <t>860.2177734375</t>
  </si>
  <si>
    <t>0.045173178317019946</t>
  </si>
  <si>
    <t>15.384930610656738</t>
  </si>
  <si>
    <t>978.9266357421875</t>
  </si>
  <si>
    <t>0.039548761437572466</t>
  </si>
  <si>
    <t>15.900744438171387</t>
  </si>
  <si>
    <t>522.5400390625</t>
  </si>
  <si>
    <t>0.07668284859103025</t>
  </si>
  <si>
    <t>15.343886375427246</t>
  </si>
  <si>
    <t>754.1591186523438</t>
  </si>
  <si>
    <t>0.025300063487302182</t>
  </si>
  <si>
    <t>15.745942115783691</t>
  </si>
  <si>
    <t>645.6751708984375</t>
  </si>
  <si>
    <t>0.0829026014997396</t>
  </si>
  <si>
    <t>16.00653839111328</t>
  </si>
  <si>
    <t>601.894287109375</t>
  </si>
  <si>
    <t>-0.028820811040384697</t>
  </si>
  <si>
    <t>15066</t>
  </si>
  <si>
    <t>16.391313552856445</t>
  </si>
  <si>
    <t>624.6038818359375</t>
  </si>
  <si>
    <t>-0.012335655614293728</t>
  </si>
  <si>
    <t>16.096426010131836</t>
  </si>
  <si>
    <t>995.1058349609375</t>
  </si>
  <si>
    <t>-0.06371581438610718</t>
  </si>
  <si>
    <t>15277</t>
  </si>
  <si>
    <t>16.97640037536621</t>
  </si>
  <si>
    <t>804.3048095703125</t>
  </si>
  <si>
    <t>0.07762369436619032</t>
  </si>
  <si>
    <t>16693</t>
  </si>
  <si>
    <t>15.108036041259766</t>
  </si>
  <si>
    <t>807.4042358398438</t>
  </si>
  <si>
    <t>0.08864104048966581</t>
  </si>
  <si>
    <t>16.56922149658203</t>
  </si>
  <si>
    <t>905.5077514648438</t>
  </si>
  <si>
    <t>-0.0104782363002478</t>
  </si>
  <si>
    <t>17322</t>
  </si>
  <si>
    <t>16.394163131713867</t>
  </si>
  <si>
    <t>721.9537353515625</t>
  </si>
  <si>
    <t>0.047466136335849285</t>
  </si>
  <si>
    <t>16.337953567504883</t>
  </si>
  <si>
    <t>890.2845458984375</t>
  </si>
  <si>
    <t>0.06086230555557215</t>
  </si>
  <si>
    <t>15.818714141845703</t>
  </si>
  <si>
    <t>843.7659301757812</t>
  </si>
  <si>
    <t>0.048611664112691244</t>
  </si>
  <si>
    <t>16.36826515197754</t>
  </si>
  <si>
    <t>694.9948120117188</t>
  </si>
  <si>
    <t>0.0528573195498101</t>
  </si>
  <si>
    <t>16.380266189575195</t>
  </si>
  <si>
    <t>630.1874389648438</t>
  </si>
  <si>
    <t>0.0301185359658227</t>
  </si>
  <si>
    <t>16.920074462890625</t>
  </si>
  <si>
    <t>924.4176635742188</t>
  </si>
  <si>
    <t>0.00787442994913512</t>
  </si>
  <si>
    <t>21353</t>
  </si>
  <si>
    <t>16.663347244262695</t>
  </si>
  <si>
    <t>590.5965576171875</t>
  </si>
  <si>
    <t>0.008890619983892734</t>
  </si>
  <si>
    <t>17.090723037719727</t>
  </si>
  <si>
    <t>737.39453125</t>
  </si>
  <si>
    <t>-0.02816418672808929</t>
  </si>
  <si>
    <t>22931</t>
  </si>
  <si>
    <t>16.647417068481445</t>
  </si>
  <si>
    <t>679.6796875</t>
  </si>
  <si>
    <t>0.0994616486111628</t>
  </si>
  <si>
    <t>16.70905303955078</t>
  </si>
  <si>
    <t>650.9509887695312</t>
  </si>
  <si>
    <t>0.044229900425957425</t>
  </si>
  <si>
    <t>14.39247989654541</t>
  </si>
  <si>
    <t>565.8130493164062</t>
  </si>
  <si>
    <t>457.8072204589844</t>
  </si>
  <si>
    <t>Balikesir</t>
  </si>
  <si>
    <t>13.381314277648926</t>
  </si>
  <si>
    <t>570.4765014648438</t>
  </si>
  <si>
    <t>-0.012922053478479967</t>
  </si>
  <si>
    <t>12039</t>
  </si>
  <si>
    <t>13.310042381286621</t>
  </si>
  <si>
    <t>538.0698852539062</t>
  </si>
  <si>
    <t>0.02967426700186948</t>
  </si>
  <si>
    <t>12712</t>
  </si>
  <si>
    <t>13.98348617553711</t>
  </si>
  <si>
    <t>596.945556640625</t>
  </si>
  <si>
    <t>0.05439504928152594</t>
  </si>
  <si>
    <t>14.766788482666016</t>
  </si>
  <si>
    <t>779.0675659179688</t>
  </si>
  <si>
    <t>-0.06710106323592768</t>
  </si>
  <si>
    <t>12587</t>
  </si>
  <si>
    <t>14.048766136169434</t>
  </si>
  <si>
    <t>630.0244140625</t>
  </si>
  <si>
    <t>0.05721916931088167</t>
  </si>
  <si>
    <t>13276</t>
  </si>
  <si>
    <t>14.139933586120605</t>
  </si>
  <si>
    <t>757.7149658203125</t>
  </si>
  <si>
    <t>0.05329335854835904</t>
  </si>
  <si>
    <t>14033</t>
  </si>
  <si>
    <t>13.48751449584961</t>
  </si>
  <si>
    <t>816.8636474609375</t>
  </si>
  <si>
    <t>0.05545380491127183</t>
  </si>
  <si>
    <t>14.6323881149292</t>
  </si>
  <si>
    <t>900.7918701171875</t>
  </si>
  <si>
    <t>0.006817724014672066</t>
  </si>
  <si>
    <t>14.825180053710938</t>
  </si>
  <si>
    <t>626.6463012695312</t>
  </si>
  <si>
    <t>-0.04954775873682671</t>
  </si>
  <si>
    <t>14152</t>
  </si>
  <si>
    <t>14.882805824279785</t>
  </si>
  <si>
    <t>595.5925903320312</t>
  </si>
  <si>
    <t>0.051174292810639344</t>
  </si>
  <si>
    <t>13096</t>
  </si>
  <si>
    <t>14.906050682067871</t>
  </si>
  <si>
    <t>770.4923095703125</t>
  </si>
  <si>
    <t>-0.07754911678865106</t>
  </si>
  <si>
    <t>13701</t>
  </si>
  <si>
    <t>14.907500267028809</t>
  </si>
  <si>
    <t>791.4764404296875</t>
  </si>
  <si>
    <t>0.04516198280213857</t>
  </si>
  <si>
    <t>13.987442016601562</t>
  </si>
  <si>
    <t>815.4758911132812</t>
  </si>
  <si>
    <t>0.03956874620870643</t>
  </si>
  <si>
    <t>14.617355346679688</t>
  </si>
  <si>
    <t>502.982666015625</t>
  </si>
  <si>
    <t>0.07668037877111011</t>
  </si>
  <si>
    <t>13.974688529968262</t>
  </si>
  <si>
    <t>762.955810546875</t>
  </si>
  <si>
    <t>0.08270821786970473</t>
  </si>
  <si>
    <t>14.487215995788574</t>
  </si>
  <si>
    <t>600.2903442382812</t>
  </si>
  <si>
    <t>0.03370213397470678</t>
  </si>
  <si>
    <t>14.692902565002441</t>
  </si>
  <si>
    <t>635.61474609375</t>
  </si>
  <si>
    <t>0.03740610338080508</t>
  </si>
  <si>
    <t>15.054462432861328</t>
  </si>
  <si>
    <t>593.7119750976562</t>
  </si>
  <si>
    <t>0.015589038745323691</t>
  </si>
  <si>
    <t>17456</t>
  </si>
  <si>
    <t>14.78818130493164</t>
  </si>
  <si>
    <t>902.9794921875</t>
  </si>
  <si>
    <t>-0.043440012730613375</t>
  </si>
  <si>
    <t>18658</t>
  </si>
  <si>
    <t>15.545939445495605</t>
  </si>
  <si>
    <t>787.4065551757812</t>
  </si>
  <si>
    <t>0.06659157944805472</t>
  </si>
  <si>
    <t>13.806950569152832</t>
  </si>
  <si>
    <t>739.4276123046875</t>
  </si>
  <si>
    <t>0.05652398960332228</t>
  </si>
  <si>
    <t>15.292195320129395</t>
  </si>
  <si>
    <t>898.4827880859375</t>
  </si>
  <si>
    <t>0.032098444672909565</t>
  </si>
  <si>
    <t>20240</t>
  </si>
  <si>
    <t>15.147567749023438</t>
  </si>
  <si>
    <t>657.4921264648438</t>
  </si>
  <si>
    <t>-0.007236598395737204</t>
  </si>
  <si>
    <t>15.011268615722656</t>
  </si>
  <si>
    <t>867.5585327148438</t>
  </si>
  <si>
    <t>0.06076411452816721</t>
  </si>
  <si>
    <t>22387</t>
  </si>
  <si>
    <t>14.46613597869873</t>
  </si>
  <si>
    <t>790.0648193359375</t>
  </si>
  <si>
    <t>0.04005547429831324</t>
  </si>
  <si>
    <t>15.017073631286621</t>
  </si>
  <si>
    <t>662.6935424804688</t>
  </si>
  <si>
    <t>0.041859558534685704</t>
  </si>
  <si>
    <t>24408</t>
  </si>
  <si>
    <t>15.165400505065918</t>
  </si>
  <si>
    <t>670.6867065429688</t>
  </si>
  <si>
    <t>0.044570955633938425</t>
  </si>
  <si>
    <t>24921</t>
  </si>
  <si>
    <t>15.5952730178833</t>
  </si>
  <si>
    <t>857.999267578125</t>
  </si>
  <si>
    <t>0.02079987411067563</t>
  </si>
  <si>
    <t>25024</t>
  </si>
  <si>
    <t>15.490463256835938</t>
  </si>
  <si>
    <t>527.0684204101562</t>
  </si>
  <si>
    <t>0.0041245428378555715</t>
  </si>
  <si>
    <t>15.812518119812012</t>
  </si>
  <si>
    <t>691.21630859375</t>
  </si>
  <si>
    <t>0.02700576078700223</t>
  </si>
  <si>
    <t>15.337417602539062</t>
  </si>
  <si>
    <t>649.4334716796875</t>
  </si>
  <si>
    <t>0.09944238063479816</t>
  </si>
  <si>
    <t>15.498757362365723</t>
  </si>
  <si>
    <t>541.7540893554688</t>
  </si>
  <si>
    <t>0.04425729568892578</t>
  </si>
  <si>
    <t>12.28146743774414</t>
  </si>
  <si>
    <t>904.598876953125</t>
  </si>
  <si>
    <t>137.4868927001953</t>
  </si>
  <si>
    <t>Bartin</t>
  </si>
  <si>
    <t>11.75408935546875</t>
  </si>
  <si>
    <t>938.7562866210938</t>
  </si>
  <si>
    <t>-0.012863031517282408</t>
  </si>
  <si>
    <t>11.095755577087402</t>
  </si>
  <si>
    <t>963.0381469726562</t>
  </si>
  <si>
    <t>0.029647121358953754</t>
  </si>
  <si>
    <t>12.060043334960938</t>
  </si>
  <si>
    <t>732.6383666992188</t>
  </si>
  <si>
    <t>0.05442470885138917</t>
  </si>
  <si>
    <t>12.904088020324707</t>
  </si>
  <si>
    <t>941.4288330078125</t>
  </si>
  <si>
    <t>-0.0670722881412793</t>
  </si>
  <si>
    <t>12.314801216125488</t>
  </si>
  <si>
    <t>1022.8925170898438</t>
  </si>
  <si>
    <t>12.702892303466797</t>
  </si>
  <si>
    <t>1098.7152099609375</t>
  </si>
  <si>
    <t>0.05324611889426478</t>
  </si>
  <si>
    <t>10295</t>
  </si>
  <si>
    <t>11.725513458251953</t>
  </si>
  <si>
    <t>1191.4615478515625</t>
  </si>
  <si>
    <t>0.05551989750069097</t>
  </si>
  <si>
    <t>13.250514030456543</t>
  </si>
  <si>
    <t>962.8955688476562</t>
  </si>
  <si>
    <t>0.0067764054079901825</t>
  </si>
  <si>
    <t>12.873135566711426</t>
  </si>
  <si>
    <t>1186.115234375</t>
  </si>
  <si>
    <t>-0.049542980025700345</t>
  </si>
  <si>
    <t>12.77908992767334</t>
  </si>
  <si>
    <t>827.6287841796875</t>
  </si>
  <si>
    <t>0.051181771542994525</t>
  </si>
  <si>
    <t>9608</t>
  </si>
  <si>
    <t>13.295756340026855</t>
  </si>
  <si>
    <t>1118.7401123046875</t>
  </si>
  <si>
    <t>-0.07747745262735606</t>
  </si>
  <si>
    <t>13.087421417236328</t>
  </si>
  <si>
    <t>1004.2313842773438</t>
  </si>
  <si>
    <t>0.045175534903663106</t>
  </si>
  <si>
    <t>12.22313404083252</t>
  </si>
  <si>
    <t>923.0955810546875</t>
  </si>
  <si>
    <t>0.039499990935107476</t>
  </si>
  <si>
    <t>12.770755767822266</t>
  </si>
  <si>
    <t>862.3116455078125</t>
  </si>
  <si>
    <t>0.0766457675451182</t>
  </si>
  <si>
    <t>12.483845710754395</t>
  </si>
  <si>
    <t>1048.9775390625</t>
  </si>
  <si>
    <t>0.06531324310648401</t>
  </si>
  <si>
    <t>12.779088020324707</t>
  </si>
  <si>
    <t>905.9331665039062</t>
  </si>
  <si>
    <t>0.0377772045385818</t>
  </si>
  <si>
    <t>12.973135948181152</t>
  </si>
  <si>
    <t>841.9301147460938</t>
  </si>
  <si>
    <t>0.0287455316073153</t>
  </si>
  <si>
    <t>13.34813404083252</t>
  </si>
  <si>
    <t>946.3786010742188</t>
  </si>
  <si>
    <t>-0.018412397777529677</t>
  </si>
  <si>
    <t>13.208847045898438</t>
  </si>
  <si>
    <t>1053.396240234375</t>
  </si>
  <si>
    <t>-0.060046542850562545</t>
  </si>
  <si>
    <t>14.375514030456543</t>
  </si>
  <si>
    <t>1168.3173828125</t>
  </si>
  <si>
    <t>0.07589374041854668</t>
  </si>
  <si>
    <t>14276</t>
  </si>
  <si>
    <t>11.908846855163574</t>
  </si>
  <si>
    <t>952.2271118164062</t>
  </si>
  <si>
    <t>0.10539164842350779</t>
  </si>
  <si>
    <t>15296</t>
  </si>
  <si>
    <t>13.412422180175781</t>
  </si>
  <si>
    <t>1013.7200317382812</t>
  </si>
  <si>
    <t>0.0690115506811324</t>
  </si>
  <si>
    <t>782.9147338867188</t>
  </si>
  <si>
    <t>0.08535925461853289</t>
  </si>
  <si>
    <t>13.531468391418457</t>
  </si>
  <si>
    <t>1222.5767822265625</t>
  </si>
  <si>
    <t>0.05687824573725564</t>
  </si>
  <si>
    <t>12.689801216125488</t>
  </si>
  <si>
    <t>1153.41455078125</t>
  </si>
  <si>
    <t>0.009481953871905091</t>
  </si>
  <si>
    <t>13.283846855163574</t>
  </si>
  <si>
    <t>1096.2188720703125</t>
  </si>
  <si>
    <t>0.03672869410800317</t>
  </si>
  <si>
    <t>20428</t>
  </si>
  <si>
    <t>13.317180633544922</t>
  </si>
  <si>
    <t>980.0596923828125</t>
  </si>
  <si>
    <t>0.10086700414065497</t>
  </si>
  <si>
    <t>14.215984344482422</t>
  </si>
  <si>
    <t>1054.725830078125</t>
  </si>
  <si>
    <t>-0.04885380433814923</t>
  </si>
  <si>
    <t>13.539801597595215</t>
  </si>
  <si>
    <t>990.2606201171875</t>
  </si>
  <si>
    <t>-0.06301129617776091</t>
  </si>
  <si>
    <t>14.1338472366333</t>
  </si>
  <si>
    <t>849.4970703125</t>
  </si>
  <si>
    <t>0.04034449084776526</t>
  </si>
  <si>
    <t>13.239800453186035</t>
  </si>
  <si>
    <t>1140.7069091796875</t>
  </si>
  <si>
    <t>0.09946981639629016</t>
  </si>
  <si>
    <t>21958</t>
  </si>
  <si>
    <t>13.583847045898438</t>
  </si>
  <si>
    <t>860.4940795898438</t>
  </si>
  <si>
    <t>0.044275822298997625</t>
  </si>
  <si>
    <t>16.249448776245117</t>
  </si>
  <si>
    <t>476.532470703125</t>
  </si>
  <si>
    <t>287.5834045410156</t>
  </si>
  <si>
    <t>Batman</t>
  </si>
  <si>
    <t>15.720097541809082</t>
  </si>
  <si>
    <t>698.117431640625</t>
  </si>
  <si>
    <t>-0.013025257415446134</t>
  </si>
  <si>
    <t>14.399333000183105</t>
  </si>
  <si>
    <t>728.2434692382812</t>
  </si>
  <si>
    <t>0.02970835208089717</t>
  </si>
  <si>
    <t>15.490394592285156</t>
  </si>
  <si>
    <t>830.2677612304688</t>
  </si>
  <si>
    <t>0.054485774922406804</t>
  </si>
  <si>
    <t>16.26938819885254</t>
  </si>
  <si>
    <t>768.1519775390625</t>
  </si>
  <si>
    <t>-0.06713302586626746</t>
  </si>
  <si>
    <t>16.200063705444336</t>
  </si>
  <si>
    <t>594.2438354492188</t>
  </si>
  <si>
    <t>0.05729266184992454</t>
  </si>
  <si>
    <t>16.711698532104492</t>
  </si>
  <si>
    <t>689.7232666015625</t>
  </si>
  <si>
    <t>0.05317802257192028</t>
  </si>
  <si>
    <t>15.456463813781738</t>
  </si>
  <si>
    <t>652.33837890625</t>
  </si>
  <si>
    <t>0.055417783324466896</t>
  </si>
  <si>
    <t>17.264644622802734</t>
  </si>
  <si>
    <t>534.2454833984375</t>
  </si>
  <si>
    <t>0.006800896724339367</t>
  </si>
  <si>
    <t>7021</t>
  </si>
  <si>
    <t>16.839265823364258</t>
  </si>
  <si>
    <t>518.876953125</t>
  </si>
  <si>
    <t>-0.049461393867053616</t>
  </si>
  <si>
    <t>16.573863983154297</t>
  </si>
  <si>
    <t>484.5603942871094</t>
  </si>
  <si>
    <t>0.05108674977139849</t>
  </si>
  <si>
    <t>16.85451316833496</t>
  </si>
  <si>
    <t>769.9878540039062</t>
  </si>
  <si>
    <t>-0.0774971165894005</t>
  </si>
  <si>
    <t>16.440147399902344</t>
  </si>
  <si>
    <t>645.8922119140625</t>
  </si>
  <si>
    <t>0.04517634961971595</t>
  </si>
  <si>
    <t>16.25163459777832</t>
  </si>
  <si>
    <t>872.07470703125</t>
  </si>
  <si>
    <t>0.039602352540947905</t>
  </si>
  <si>
    <t>16.239376068115234</t>
  </si>
  <si>
    <t>659.7464599609375</t>
  </si>
  <si>
    <t>0.0766574535749136</t>
  </si>
  <si>
    <t>8733</t>
  </si>
  <si>
    <t>16.383724212646484</t>
  </si>
  <si>
    <t>592.8180541992188</t>
  </si>
  <si>
    <t>0.08317750647890776</t>
  </si>
  <si>
    <t>16.395612716674805</t>
  </si>
  <si>
    <t>631.7299194335938</t>
  </si>
  <si>
    <t>0.052746491963453934</t>
  </si>
  <si>
    <t>16.207372665405273</t>
  </si>
  <si>
    <t>518.0693969726562</t>
  </si>
  <si>
    <t>0.008437043017140766</t>
  </si>
  <si>
    <t>16.797510147094727</t>
  </si>
  <si>
    <t>365.3341369628906</t>
  </si>
  <si>
    <t>0.013799224152892364</t>
  </si>
  <si>
    <t>16.753564834594727</t>
  </si>
  <si>
    <t>698.3492431640625</t>
  </si>
  <si>
    <t>-0.07647247464419493</t>
  </si>
  <si>
    <t>18.082902908325195</t>
  </si>
  <si>
    <t>402.89617919921875</t>
  </si>
  <si>
    <t>0.1341619277404238</t>
  </si>
  <si>
    <t>10873</t>
  </si>
  <si>
    <t>15.998153686523438</t>
  </si>
  <si>
    <t>709.6023559570312</t>
  </si>
  <si>
    <t>0.086501486354301</t>
  </si>
  <si>
    <t>16.923532485961914</t>
  </si>
  <si>
    <t>788.2637939453125</t>
  </si>
  <si>
    <t>0.029095268453556145</t>
  </si>
  <si>
    <t>11380</t>
  </si>
  <si>
    <t>16.51300621032715</t>
  </si>
  <si>
    <t>481.1824035644531</t>
  </si>
  <si>
    <t>0.01647950822901656</t>
  </si>
  <si>
    <t>17.43360137939453</t>
  </si>
  <si>
    <t>549.99560546875</t>
  </si>
  <si>
    <t>0.008836066413490329</t>
  </si>
  <si>
    <t>17.045412063598633</t>
  </si>
  <si>
    <t>660.382568359375</t>
  </si>
  <si>
    <t>-0.010419040976740845</t>
  </si>
  <si>
    <t>16.685211181640625</t>
  </si>
  <si>
    <t>577.2120361328125</t>
  </si>
  <si>
    <t>0.05654702785783705</t>
  </si>
  <si>
    <t>12998</t>
  </si>
  <si>
    <t>17.37774658203125</t>
  </si>
  <si>
    <t>511.3631591796875</t>
  </si>
  <si>
    <t>0.07797401747938615</t>
  </si>
  <si>
    <t>13285</t>
  </si>
  <si>
    <t>18.184329986572266</t>
  </si>
  <si>
    <t>836.5387573242188</t>
  </si>
  <si>
    <t>0.021840079739618545</t>
  </si>
  <si>
    <t>13421</t>
  </si>
  <si>
    <t>17.42402458190918</t>
  </si>
  <si>
    <t>754.9440307617188</t>
  </si>
  <si>
    <t>0.010185065203891952</t>
  </si>
  <si>
    <t>17.60345458984375</t>
  </si>
  <si>
    <t>721.3749389648438</t>
  </si>
  <si>
    <t>-0.041455530979106925</t>
  </si>
  <si>
    <t>17.597522735595703</t>
  </si>
  <si>
    <t>360.7628173828125</t>
  </si>
  <si>
    <t>0.09942494802476531</t>
  </si>
  <si>
    <t>14866</t>
  </si>
  <si>
    <t>17.55782699584961</t>
  </si>
  <si>
    <t>471.77850341796875</t>
  </si>
  <si>
    <t>0.0442866648417759</t>
  </si>
  <si>
    <t>5.858334064483643</t>
  </si>
  <si>
    <t>530.8999633789062</t>
  </si>
  <si>
    <t>27.552371978759766</t>
  </si>
  <si>
    <t>Bayburt</t>
  </si>
  <si>
    <t>5.083333492279053</t>
  </si>
  <si>
    <t>-0.012934931710253394</t>
  </si>
  <si>
    <t>0.02964446803686016</t>
  </si>
  <si>
    <t>7519</t>
  </si>
  <si>
    <t>0.05438498539590242</t>
  </si>
  <si>
    <t>6.041667461395264</t>
  </si>
  <si>
    <t>-0.06710420717886478</t>
  </si>
  <si>
    <t>5.783332824707031</t>
  </si>
  <si>
    <t>0.057213722918946885</t>
  </si>
  <si>
    <t>6.3666672706604</t>
  </si>
  <si>
    <t>0.05322561027824335</t>
  </si>
  <si>
    <t>4.9666666984558105</t>
  </si>
  <si>
    <t>497.699951171875</t>
  </si>
  <si>
    <t>0.0554872383883378</t>
  </si>
  <si>
    <t>6.541666030883789</t>
  </si>
  <si>
    <t>0.006843996216746362</t>
  </si>
  <si>
    <t>6.375000476837158</t>
  </si>
  <si>
    <t>575.7999877929688</t>
  </si>
  <si>
    <t>-0.04955029504430186</t>
  </si>
  <si>
    <t>419.5000305175781</t>
  </si>
  <si>
    <t>0.05122413570292217</t>
  </si>
  <si>
    <t>527.1000366210938</t>
  </si>
  <si>
    <t>-0.07759677058535885</t>
  </si>
  <si>
    <t>6.375001430511475</t>
  </si>
  <si>
    <t>580.7999877929688</t>
  </si>
  <si>
    <t>0.04518118585382069</t>
  </si>
  <si>
    <t>5.825000286102295</t>
  </si>
  <si>
    <t>0.0395576219941578</t>
  </si>
  <si>
    <t>606.300048828125</t>
  </si>
  <si>
    <t>0.07668864058261171</t>
  </si>
  <si>
    <t>0.07265527675614258</t>
  </si>
  <si>
    <t>0.07353865816168614</t>
  </si>
  <si>
    <t>6.166666507720947</t>
  </si>
  <si>
    <t>592.300048828125</t>
  </si>
  <si>
    <t>0.08389021154540544</t>
  </si>
  <si>
    <t>427.1999816894531</t>
  </si>
  <si>
    <t>-0.048916721313423395</t>
  </si>
  <si>
    <t>7.17500114440918</t>
  </si>
  <si>
    <t>0.03494277155414771</t>
  </si>
  <si>
    <t>12667</t>
  </si>
  <si>
    <t>0.11428596027438509</t>
  </si>
  <si>
    <t>5.716665744781494</t>
  </si>
  <si>
    <t>0.01597653216574635</t>
  </si>
  <si>
    <t>0.18314995001743917</t>
  </si>
  <si>
    <t>16295</t>
  </si>
  <si>
    <t>0.0527316436048455</t>
  </si>
  <si>
    <t>16392</t>
  </si>
  <si>
    <t>7.4499993324279785</t>
  </si>
  <si>
    <t>531.9000244140625</t>
  </si>
  <si>
    <t>0.005935098647073644</t>
  </si>
  <si>
    <t>17920</t>
  </si>
  <si>
    <t>0.08912399661018533</t>
  </si>
  <si>
    <t>17071</t>
  </si>
  <si>
    <t>-0.04853629014816896</t>
  </si>
  <si>
    <t>16472</t>
  </si>
  <si>
    <t>473.70001220703125</t>
  </si>
  <si>
    <t>-0.03571914767312734</t>
  </si>
  <si>
    <t>18370</t>
  </si>
  <si>
    <t>7.833332538604736</t>
  </si>
  <si>
    <t>620.5000610351562</t>
  </si>
  <si>
    <t>0.10905692950154666</t>
  </si>
  <si>
    <t>19023</t>
  </si>
  <si>
    <t>7.0333333015441895</t>
  </si>
  <si>
    <t>411.5999755859375</t>
  </si>
  <si>
    <t>0.0349298741589692</t>
  </si>
  <si>
    <t>533.0</t>
  </si>
  <si>
    <t>-0.00802242123904584</t>
  </si>
  <si>
    <t>6.891666412353516</t>
  </si>
  <si>
    <t>434.0999755859375</t>
  </si>
  <si>
    <t>0.0994877591858021</t>
  </si>
  <si>
    <t>21788</t>
  </si>
  <si>
    <t>420.60003662109375</t>
  </si>
  <si>
    <t>0.04424524818866793</t>
  </si>
  <si>
    <t>525.7999877929688</t>
  </si>
  <si>
    <t>36.325927734375</t>
  </si>
  <si>
    <t>Bilecik</t>
  </si>
  <si>
    <t>-0.012922814962172069</t>
  </si>
  <si>
    <t>0.029630290633230416</t>
  </si>
  <si>
    <t>15806</t>
  </si>
  <si>
    <t>405.0</t>
  </si>
  <si>
    <t>0.05447502581099606</t>
  </si>
  <si>
    <t>14780</t>
  </si>
  <si>
    <t>-0.06711469926272784</t>
  </si>
  <si>
    <t>0.057259897188309594</t>
  </si>
  <si>
    <t>16506</t>
  </si>
  <si>
    <t>0.053189138462126806</t>
  </si>
  <si>
    <t>17448</t>
  </si>
  <si>
    <t>0.0555010777288345</t>
  </si>
  <si>
    <t>17567</t>
  </si>
  <si>
    <t>0.006797113131918664</t>
  </si>
  <si>
    <t>546.9999389648438</t>
  </si>
  <si>
    <t>-0.04953615875428241</t>
  </si>
  <si>
    <t>17596</t>
  </si>
  <si>
    <t>545.1000366210938</t>
  </si>
  <si>
    <t>0.0511856202095089</t>
  </si>
  <si>
    <t>-0.07754998470438856</t>
  </si>
  <si>
    <t>17035</t>
  </si>
  <si>
    <t>556.0</t>
  </si>
  <si>
    <t>0.04514843233084598</t>
  </si>
  <si>
    <t>543.2000122070312</t>
  </si>
  <si>
    <t>0.03959317996007172</t>
  </si>
  <si>
    <t>456.3000183105469</t>
  </si>
  <si>
    <t>0.07665588780466415</t>
  </si>
  <si>
    <t>21880</t>
  </si>
  <si>
    <t>551.7000122070312</t>
  </si>
  <si>
    <t>0.13405385867611486</t>
  </si>
  <si>
    <t>12.816665649414062</t>
  </si>
  <si>
    <t>505.1000061035156</t>
  </si>
  <si>
    <t>0.07406226727014698</t>
  </si>
  <si>
    <t>0.0710505668036312</t>
  </si>
  <si>
    <t>26137</t>
  </si>
  <si>
    <t>0.03266612334115848</t>
  </si>
  <si>
    <t>-0.09240664385806596</t>
  </si>
  <si>
    <t>24064</t>
  </si>
  <si>
    <t>620.9000854492188</t>
  </si>
  <si>
    <t>0.009771656656777594</t>
  </si>
  <si>
    <t>0.11178101697138487</t>
  </si>
  <si>
    <t>0.08904077926015752</t>
  </si>
  <si>
    <t>0.02762680731236067</t>
  </si>
  <si>
    <t>734.8999633789062</t>
  </si>
  <si>
    <t>0.010919006069306292</t>
  </si>
  <si>
    <t>31115</t>
  </si>
  <si>
    <t>0.017605460640542248</t>
  </si>
  <si>
    <t>0.01894207052907504</t>
  </si>
  <si>
    <t>13.316669464111328</t>
  </si>
  <si>
    <t>571.699951171875</t>
  </si>
  <si>
    <t>0.008728743919387938</t>
  </si>
  <si>
    <t>32802</t>
  </si>
  <si>
    <t>0.025128656671274285</t>
  </si>
  <si>
    <t>504.60003662109375</t>
  </si>
  <si>
    <t>-0.01663041878417637</t>
  </si>
  <si>
    <t>34762</t>
  </si>
  <si>
    <t>0.07466576578454642</t>
  </si>
  <si>
    <t>38397</t>
  </si>
  <si>
    <t>0.0994544954004759</t>
  </si>
  <si>
    <t>486.800048828125</t>
  </si>
  <si>
    <t>0.04426944004177713</t>
  </si>
  <si>
    <t>9.564168930053711</t>
  </si>
  <si>
    <t>591.0546264648438</t>
  </si>
  <si>
    <t>83.82904052734375</t>
  </si>
  <si>
    <t>BingÔøΩl</t>
  </si>
  <si>
    <t>5045</t>
  </si>
  <si>
    <t>8.956063270568848</t>
  </si>
  <si>
    <t>816.3480224609375</t>
  </si>
  <si>
    <t>-0.012801750410039503</t>
  </si>
  <si>
    <t>7.769333362579346</t>
  </si>
  <si>
    <t>840.8902587890625</t>
  </si>
  <si>
    <t>0.02968388222073237</t>
  </si>
  <si>
    <t>8.754076957702637</t>
  </si>
  <si>
    <t>872.2369995117188</t>
  </si>
  <si>
    <t>0.054300122050532806</t>
  </si>
  <si>
    <t>9.593437194824219</t>
  </si>
  <si>
    <t>895.3224487304688</t>
  </si>
  <si>
    <t>-0.06708108611701036</t>
  </si>
  <si>
    <t>5434</t>
  </si>
  <si>
    <t>9.46489429473877</t>
  </si>
  <si>
    <t>779.7744140625</t>
  </si>
  <si>
    <t>0.05737493904432789</t>
  </si>
  <si>
    <t>9.998225212097168</t>
  </si>
  <si>
    <t>777.2112426757812</t>
  </si>
  <si>
    <t>0.053214524565444066</t>
  </si>
  <si>
    <t>8.678799629211426</t>
  </si>
  <si>
    <t>720.2640380859375</t>
  </si>
  <si>
    <t>0.05548967703544605</t>
  </si>
  <si>
    <t>10.387585639953613</t>
  </si>
  <si>
    <t>787.2847900390625</t>
  </si>
  <si>
    <t>0.006745110709273305</t>
  </si>
  <si>
    <t>10.075873374938965</t>
  </si>
  <si>
    <t>669.5391235351562</t>
  </si>
  <si>
    <t>-0.04957748829237829</t>
  </si>
  <si>
    <t>9.806347846984863</t>
  </si>
  <si>
    <t>571.4951782226562</t>
  </si>
  <si>
    <t>0.05121575864568939</t>
  </si>
  <si>
    <t>10.217702865600586</t>
  </si>
  <si>
    <t>857.2572021484375</t>
  </si>
  <si>
    <t>-0.07757671597447668</t>
  </si>
  <si>
    <t>9.74613094329834</t>
  </si>
  <si>
    <t>698.2820434570312</t>
  </si>
  <si>
    <t>0.045136043737132425</t>
  </si>
  <si>
    <t>9.524354934692383</t>
  </si>
  <si>
    <t>914.9484252929688</t>
  </si>
  <si>
    <t>0.03961734632806824</t>
  </si>
  <si>
    <t>9.512750625610352</t>
  </si>
  <si>
    <t>755.3825073242188</t>
  </si>
  <si>
    <t>0.07662390092474958</t>
  </si>
  <si>
    <t>9.690287590026855</t>
  </si>
  <si>
    <t>768.270751953125</t>
  </si>
  <si>
    <t>0.08273711407721862</t>
  </si>
  <si>
    <t>9.839200973510742</t>
  </si>
  <si>
    <t>751.8262939453125</t>
  </si>
  <si>
    <t>0.013216051391527373</t>
  </si>
  <si>
    <t>9.52647876739502</t>
  </si>
  <si>
    <t>684.3576049804688</t>
  </si>
  <si>
    <t>0.0637090607095736</t>
  </si>
  <si>
    <t>10.181784629821777</t>
  </si>
  <si>
    <t>507.3439025878906</t>
  </si>
  <si>
    <t>0.025840576488329603</t>
  </si>
  <si>
    <t>7777</t>
  </si>
  <si>
    <t>10.210980415344238</t>
  </si>
  <si>
    <t>889.4671630859375</t>
  </si>
  <si>
    <t>-0.027895811636946988</t>
  </si>
  <si>
    <t>11.411948204040527</t>
  </si>
  <si>
    <t>598.3793334960938</t>
  </si>
  <si>
    <t>0.1679241227822139</t>
  </si>
  <si>
    <t>9.276265144348145</t>
  </si>
  <si>
    <t>864.7288818359375</t>
  </si>
  <si>
    <t>0.11081360614791613</t>
  </si>
  <si>
    <t>10.294953346252441</t>
  </si>
  <si>
    <t>873.8369750976562</t>
  </si>
  <si>
    <t>0.03574539581809333</t>
  </si>
  <si>
    <t>572.1797485351562</t>
  </si>
  <si>
    <t>0.12258065541964491</t>
  </si>
  <si>
    <t>10.810660362243652</t>
  </si>
  <si>
    <t>718.408203125</t>
  </si>
  <si>
    <t>0.030348736266709864</t>
  </si>
  <si>
    <t>10.253469467163086</t>
  </si>
  <si>
    <t>798.4226684570312</t>
  </si>
  <si>
    <t>0.023648540259886275</t>
  </si>
  <si>
    <t>14597</t>
  </si>
  <si>
    <t>9.931007385253906</t>
  </si>
  <si>
    <t>770.6249389648438</t>
  </si>
  <si>
    <t>0.13858431174117136</t>
  </si>
  <si>
    <t>10.575087547302246</t>
  </si>
  <si>
    <t>609.145263671875</t>
  </si>
  <si>
    <t>0.03758046500791323</t>
  </si>
  <si>
    <t>11.474413871765137</t>
  </si>
  <si>
    <t>974.874267578125</t>
  </si>
  <si>
    <t>-0.011814035329178907</t>
  </si>
  <si>
    <t>15456</t>
  </si>
  <si>
    <t>10.676555633544922</t>
  </si>
  <si>
    <t>785.9444580078125</t>
  </si>
  <si>
    <t>0.0314148196429862</t>
  </si>
  <si>
    <t>16196</t>
  </si>
  <si>
    <t>10.988642692565918</t>
  </si>
  <si>
    <t>806.36865234375</t>
  </si>
  <si>
    <t>0.04676702069975214</t>
  </si>
  <si>
    <t>17889</t>
  </si>
  <si>
    <t>10.768458366394043</t>
  </si>
  <si>
    <t>502.1927795410156</t>
  </si>
  <si>
    <t>0.099421700639164</t>
  </si>
  <si>
    <t>18699</t>
  </si>
  <si>
    <t>10.85296630859375</t>
  </si>
  <si>
    <t>569.2933349609375</t>
  </si>
  <si>
    <t>0.044284047685744454</t>
  </si>
  <si>
    <t>9.578289985656738</t>
  </si>
  <si>
    <t>570.1343994140625</t>
  </si>
  <si>
    <t>225.0819091796875</t>
  </si>
  <si>
    <t>Bitlis</t>
  </si>
  <si>
    <t>9.129399299621582</t>
  </si>
  <si>
    <t>825.1395874023438</t>
  </si>
  <si>
    <t>-0.01286962903964195</t>
  </si>
  <si>
    <t>7.766088008880615</t>
  </si>
  <si>
    <t>840.6263427734375</t>
  </si>
  <si>
    <t>0.029633400079308814</t>
  </si>
  <si>
    <t>8.816296577453613</t>
  </si>
  <si>
    <t>975.68896484375</t>
  </si>
  <si>
    <t>0.05433640027593789</t>
  </si>
  <si>
    <t>9.62658977508545</t>
  </si>
  <si>
    <t>921.86865234375</t>
  </si>
  <si>
    <t>-0.06699072463265665</t>
  </si>
  <si>
    <t>9.610125541687012</t>
  </si>
  <si>
    <t>690.9949340820312</t>
  </si>
  <si>
    <t>0.057254339401787036</t>
  </si>
  <si>
    <t>10.122048377990723</t>
  </si>
  <si>
    <t>737.2371826171875</t>
  </si>
  <si>
    <t>0.05318713792753904</t>
  </si>
  <si>
    <t>8.846112251281738</t>
  </si>
  <si>
    <t>712.7572021484375</t>
  </si>
  <si>
    <t>0.055449700600798124</t>
  </si>
  <si>
    <t>5506</t>
  </si>
  <si>
    <t>10.654751777648926</t>
  </si>
  <si>
    <t>639.864990234375</t>
  </si>
  <si>
    <t>0.00674262235578027</t>
  </si>
  <si>
    <t>5240</t>
  </si>
  <si>
    <t>10.250927925109863</t>
  </si>
  <si>
    <t>640.4959106445312</t>
  </si>
  <si>
    <t>-0.049516908387465364</t>
  </si>
  <si>
    <t>9.972384452819824</t>
  </si>
  <si>
    <t>562.1165771484375</t>
  </si>
  <si>
    <t>0.051331461598104866</t>
  </si>
  <si>
    <t>10.26560115814209</t>
  </si>
  <si>
    <t>852.9472045898438</t>
  </si>
  <si>
    <t>-0.07762841388856678</t>
  </si>
  <si>
    <t>9.814961433410645</t>
  </si>
  <si>
    <t>755.2972412109375</t>
  </si>
  <si>
    <t>0.045201106929615875</t>
  </si>
  <si>
    <t>9.689902305603027</t>
  </si>
  <si>
    <t>1017.670166015625</t>
  </si>
  <si>
    <t>0.03947277011948991</t>
  </si>
  <si>
    <t>9.561474800109863</t>
  </si>
  <si>
    <t>776.1558227539062</t>
  </si>
  <si>
    <t>0.07672765723522268</t>
  </si>
  <si>
    <t>6347</t>
  </si>
  <si>
    <t>9.771824836730957</t>
  </si>
  <si>
    <t>737.4400634765625</t>
  </si>
  <si>
    <t>0.056556179997516054</t>
  </si>
  <si>
    <t>9.846065521240234</t>
  </si>
  <si>
    <t>792.2732543945312</t>
  </si>
  <si>
    <t>0.07319598965461971</t>
  </si>
  <si>
    <t>7364</t>
  </si>
  <si>
    <t>9.486403465270996</t>
  </si>
  <si>
    <t>647.6074829101562</t>
  </si>
  <si>
    <t>0.07542501339187879</t>
  </si>
  <si>
    <t>10.160313606262207</t>
  </si>
  <si>
    <t>459.7695007324219</t>
  </si>
  <si>
    <t>-0.007223200059652157</t>
  </si>
  <si>
    <t>10.141768455505371</t>
  </si>
  <si>
    <t>796.8505249023438</t>
  </si>
  <si>
    <t>-0.03536003129248577</t>
  </si>
  <si>
    <t>11.416790008544922</t>
  </si>
  <si>
    <t>542.3504028320312</t>
  </si>
  <si>
    <t>0.119277674900653</t>
  </si>
  <si>
    <t>9.325567245483398</t>
  </si>
  <si>
    <t>822.9669799804688</t>
  </si>
  <si>
    <t>0.16239944053306843</t>
  </si>
  <si>
    <t>10.25592041015625</t>
  </si>
  <si>
    <t>883.1746215820312</t>
  </si>
  <si>
    <t>0.040646634336404475</t>
  </si>
  <si>
    <t>10511</t>
  </si>
  <si>
    <t>9.92548942565918</t>
  </si>
  <si>
    <t>593.4554443359375</t>
  </si>
  <si>
    <t>0.07607854605239872</t>
  </si>
  <si>
    <t>10.871471405029297</t>
  </si>
  <si>
    <t>647.7766723632812</t>
  </si>
  <si>
    <t>0.06188301476323588</t>
  </si>
  <si>
    <t>11515</t>
  </si>
  <si>
    <t>10.418874740600586</t>
  </si>
  <si>
    <t>801.717041015625</t>
  </si>
  <si>
    <t>0.029345190668195187</t>
  </si>
  <si>
    <t>9.904696464538574</t>
  </si>
  <si>
    <t>755.8473510742188</t>
  </si>
  <si>
    <t>-0.024705639162407422</t>
  </si>
  <si>
    <t>10.695504188537598</t>
  </si>
  <si>
    <t>600.924560546875</t>
  </si>
  <si>
    <t>0.03507290264401419</t>
  </si>
  <si>
    <t>11745</t>
  </si>
  <si>
    <t>11.506327629089355</t>
  </si>
  <si>
    <t>970.9644165039062</t>
  </si>
  <si>
    <t>0.00940982135661983</t>
  </si>
  <si>
    <t>10.7262544631958</t>
  </si>
  <si>
    <t>773.0458984375</t>
  </si>
  <si>
    <t>0.06413933547102069</t>
  </si>
  <si>
    <t>10.837794303894043</t>
  </si>
  <si>
    <t>814.3394775390625</t>
  </si>
  <si>
    <t>0.06731454941467518</t>
  </si>
  <si>
    <t>14795</t>
  </si>
  <si>
    <t>11.007660865783691</t>
  </si>
  <si>
    <t>478.0057678222656</t>
  </si>
  <si>
    <t>0.09940778285560192</t>
  </si>
  <si>
    <t>10.9808988571167</t>
  </si>
  <si>
    <t>534.2081909179688</t>
  </si>
  <si>
    <t>0.04429012028485957</t>
  </si>
  <si>
    <t>16098</t>
  </si>
  <si>
    <t>9.374799728393555</t>
  </si>
  <si>
    <t>619.506591796875</t>
  </si>
  <si>
    <t>118.26799774169922</t>
  </si>
  <si>
    <t>Bolu</t>
  </si>
  <si>
    <t>15891</t>
  </si>
  <si>
    <t>8.705037117004395</t>
  </si>
  <si>
    <t>730.6973876953125</t>
  </si>
  <si>
    <t>-0.012942129441041672</t>
  </si>
  <si>
    <t>8.172281265258789</t>
  </si>
  <si>
    <t>741.8829956054688</t>
  </si>
  <si>
    <t>0.02969748015254403</t>
  </si>
  <si>
    <t>9.109930038452148</t>
  </si>
  <si>
    <t>556.32763671875</t>
  </si>
  <si>
    <t>0.054388681990543475</t>
  </si>
  <si>
    <t>9.915019035339355</t>
  </si>
  <si>
    <t>671.8638305664062</t>
  </si>
  <si>
    <t>-0.06705252615735979</t>
  </si>
  <si>
    <t>9.332971572875977</t>
  </si>
  <si>
    <t>711.3099975585938</t>
  </si>
  <si>
    <t>0.057227151338343774</t>
  </si>
  <si>
    <t>18052</t>
  </si>
  <si>
    <t>9.649308204650879</t>
  </si>
  <si>
    <t>743.2271118164062</t>
  </si>
  <si>
    <t>0.05324278341018385</t>
  </si>
  <si>
    <t>8.745051383972168</t>
  </si>
  <si>
    <t>811.9527587890625</t>
  </si>
  <si>
    <t>0.05543659358344932</t>
  </si>
  <si>
    <t>10.244301795959473</t>
  </si>
  <si>
    <t>787.2684936523438</t>
  </si>
  <si>
    <t>0.006789956098101513</t>
  </si>
  <si>
    <t>9.936714172363281</t>
  </si>
  <si>
    <t>814.486328125</t>
  </si>
  <si>
    <t>-0.0495113652999386</t>
  </si>
  <si>
    <t>9.868868827819824</t>
  </si>
  <si>
    <t>673.0759887695312</t>
  </si>
  <si>
    <t>0.0511756918920554</t>
  </si>
  <si>
    <t>10.304089546203613</t>
  </si>
  <si>
    <t>829.670166015625</t>
  </si>
  <si>
    <t>-0.07749956370523314</t>
  </si>
  <si>
    <t>18630</t>
  </si>
  <si>
    <t>10.158974647521973</t>
  </si>
  <si>
    <t>707.0538940429688</t>
  </si>
  <si>
    <t>0.045125390080308136</t>
  </si>
  <si>
    <t>19382</t>
  </si>
  <si>
    <t>9.242705345153809</t>
  </si>
  <si>
    <t>711.3363037109375</t>
  </si>
  <si>
    <t>0.03957161569886125</t>
  </si>
  <si>
    <t>20926</t>
  </si>
  <si>
    <t>9.867867469787598</t>
  </si>
  <si>
    <t>569.3682861328125</t>
  </si>
  <si>
    <t>0.07664760464649589</t>
  </si>
  <si>
    <t>9.491584777832031</t>
  </si>
  <si>
    <t>743.6332397460938</t>
  </si>
  <si>
    <t>0.06341488522079253</t>
  </si>
  <si>
    <t>9.847121238708496</t>
  </si>
  <si>
    <t>638.1240844726562</t>
  </si>
  <si>
    <t>0.05569469911016256</t>
  </si>
  <si>
    <t>10.063981056213379</t>
  </si>
  <si>
    <t>585.6270141601562</t>
  </si>
  <si>
    <t>0.0477937747352275</t>
  </si>
  <si>
    <t>24929</t>
  </si>
  <si>
    <t>10.40713119506836</t>
  </si>
  <si>
    <t>683.1829223632812</t>
  </si>
  <si>
    <t>0.008136020391427579</t>
  </si>
  <si>
    <t>22962</t>
  </si>
  <si>
    <t>10.288420677185059</t>
  </si>
  <si>
    <t>820.0780029296875</t>
  </si>
  <si>
    <t>-0.08219110874484414</t>
  </si>
  <si>
    <t>24241</t>
  </si>
  <si>
    <t>11.331463813781738</t>
  </si>
  <si>
    <t>845.6773681640625</t>
  </si>
  <si>
    <t>0.05420473880397658</t>
  </si>
  <si>
    <t>8.981932640075684</t>
  </si>
  <si>
    <t>760.6096801757812</t>
  </si>
  <si>
    <t>0.08940115975038232</t>
  </si>
  <si>
    <t>10.530953407287598</t>
  </si>
  <si>
    <t>752.6483154296875</t>
  </si>
  <si>
    <t>0.008900965757232981</t>
  </si>
  <si>
    <t>10.276954650878906</t>
  </si>
  <si>
    <t>531.1970825195312</t>
  </si>
  <si>
    <t>0.04381918102355975</t>
  </si>
  <si>
    <t>10.544297218322754</t>
  </si>
  <si>
    <t>916.1548461914062</t>
  </si>
  <si>
    <t>0.06481136084146577</t>
  </si>
  <si>
    <t>9.787827491760254</t>
  </si>
  <si>
    <t>911.8104858398438</t>
  </si>
  <si>
    <t>0.00201045503986208</t>
  </si>
  <si>
    <t>10.33808708190918</t>
  </si>
  <si>
    <t>768.5884399414062</t>
  </si>
  <si>
    <t>-0.019571683891348002</t>
  </si>
  <si>
    <t>10.415992736816406</t>
  </si>
  <si>
    <t>718.7451171875</t>
  </si>
  <si>
    <t>0.055343793121521045</t>
  </si>
  <si>
    <t>11.193740844726562</t>
  </si>
  <si>
    <t>850.359619140625</t>
  </si>
  <si>
    <t>0.009130721871438041</t>
  </si>
  <si>
    <t>30773</t>
  </si>
  <si>
    <t>10.718865394592285</t>
  </si>
  <si>
    <t>699.710205078125</t>
  </si>
  <si>
    <t>-0.015253685845777909</t>
  </si>
  <si>
    <t>11.242779731750488</t>
  </si>
  <si>
    <t>685.4324951171875</t>
  </si>
  <si>
    <t>0.05358650672419252</t>
  </si>
  <si>
    <t>10.319766998291016</t>
  </si>
  <si>
    <t>802.2217407226562</t>
  </si>
  <si>
    <t>0.09948193448228437</t>
  </si>
  <si>
    <t>37485</t>
  </si>
  <si>
    <t>10.684617042541504</t>
  </si>
  <si>
    <t>633.389404296875</t>
  </si>
  <si>
    <t>0.04423472960461439</t>
  </si>
  <si>
    <t>13.784579277038574</t>
  </si>
  <si>
    <t>460.18218994140625</t>
  </si>
  <si>
    <t>246.88714599609375</t>
  </si>
  <si>
    <t>Burdur</t>
  </si>
  <si>
    <t>11806</t>
  </si>
  <si>
    <t>13.076939582824707</t>
  </si>
  <si>
    <t>581.9718017578125</t>
  </si>
  <si>
    <t>-0.012959871703989378</t>
  </si>
  <si>
    <t>12.619261741638184</t>
  </si>
  <si>
    <t>517.1766357421875</t>
  </si>
  <si>
    <t>0.029708459879421056</t>
  </si>
  <si>
    <t>13.68087100982666</t>
  </si>
  <si>
    <t>562.9537963867188</t>
  </si>
  <si>
    <t>0.054404712673939315</t>
  </si>
  <si>
    <t>14.199753761291504</t>
  </si>
  <si>
    <t>675.6754150390625</t>
  </si>
  <si>
    <t>-0.06714795504069748</t>
  </si>
  <si>
    <t>13.64450454711914</t>
  </si>
  <si>
    <t>646.6754150390625</t>
  </si>
  <si>
    <t>0.05728794871739673</t>
  </si>
  <si>
    <t>13.927867889404297</t>
  </si>
  <si>
    <t>670.295166015625</t>
  </si>
  <si>
    <t>0.05321422268024634</t>
  </si>
  <si>
    <t>14176</t>
  </si>
  <si>
    <t>13.048835754394531</t>
  </si>
  <si>
    <t>812.328369140625</t>
  </si>
  <si>
    <t>0.055475128133922524</t>
  </si>
  <si>
    <t>14.415633201599121</t>
  </si>
  <si>
    <t>801.80224609375</t>
  </si>
  <si>
    <t>0.0068192467849055305</t>
  </si>
  <si>
    <t>14.311219215393066</t>
  </si>
  <si>
    <t>557.635498046875</t>
  </si>
  <si>
    <t>-0.04955062980727831</t>
  </si>
  <si>
    <t>14.160957336425781</t>
  </si>
  <si>
    <t>572.86279296875</t>
  </si>
  <si>
    <t>0.051160767016774855</t>
  </si>
  <si>
    <t>13230</t>
  </si>
  <si>
    <t>14.429720878601074</t>
  </si>
  <si>
    <t>752.8069458007812</t>
  </si>
  <si>
    <t>-0.07749279973026368</t>
  </si>
  <si>
    <t>14.382552146911621</t>
  </si>
  <si>
    <t>738.8092651367188</t>
  </si>
  <si>
    <t>0.04514822378770056</t>
  </si>
  <si>
    <t>13.757933616638184</t>
  </si>
  <si>
    <t>895.7749633789062</t>
  </si>
  <si>
    <t>0.039523557811568466</t>
  </si>
  <si>
    <t>14.114344596862793</t>
  </si>
  <si>
    <t>458.034912109375</t>
  </si>
  <si>
    <t>0.07664461108189435</t>
  </si>
  <si>
    <t>16809</t>
  </si>
  <si>
    <t>13.673946380615234</t>
  </si>
  <si>
    <t>637.093017578125</t>
  </si>
  <si>
    <t>0.07811108644322928</t>
  </si>
  <si>
    <t>17603</t>
  </si>
  <si>
    <t>13.940239906311035</t>
  </si>
  <si>
    <t>590.3308715820312</t>
  </si>
  <si>
    <t>0.046154884812578345</t>
  </si>
  <si>
    <t>14.337510108947754</t>
  </si>
  <si>
    <t>511.8197937011719</t>
  </si>
  <si>
    <t>0.02927802956875425</t>
  </si>
  <si>
    <t>18298</t>
  </si>
  <si>
    <t>14.713408470153809</t>
  </si>
  <si>
    <t>519.3161010742188</t>
  </si>
  <si>
    <t>0.009444392624754272</t>
  </si>
  <si>
    <t>14.407923698425293</t>
  </si>
  <si>
    <t>841.5379638671875</t>
  </si>
  <si>
    <t>-0.0152540197212101</t>
  </si>
  <si>
    <t>15.3501558303833</t>
  </si>
  <si>
    <t>643.0488891601562</t>
  </si>
  <si>
    <t>0.08521556242005524</t>
  </si>
  <si>
    <t>13.484877586364746</t>
  </si>
  <si>
    <t>799.3968505859375</t>
  </si>
  <si>
    <t>0.042500161639148715</t>
  </si>
  <si>
    <t>14.873955726623535</t>
  </si>
  <si>
    <t>739.1587524414062</t>
  </si>
  <si>
    <t>0.059946410199916755</t>
  </si>
  <si>
    <t>14.69411849975586</t>
  </si>
  <si>
    <t>557.2788696289062</t>
  </si>
  <si>
    <t>0.04250403432067351</t>
  </si>
  <si>
    <t>14.688789367675781</t>
  </si>
  <si>
    <t>758.8515014648438</t>
  </si>
  <si>
    <t>0.0667539405307398</t>
  </si>
  <si>
    <t>14.123836517333984</t>
  </si>
  <si>
    <t>703.9056396484375</t>
  </si>
  <si>
    <t>0.01794044971042119</t>
  </si>
  <si>
    <t>14.760140419006348</t>
  </si>
  <si>
    <t>521.5365600585938</t>
  </si>
  <si>
    <t>-0.002757951131664882</t>
  </si>
  <si>
    <t>24687</t>
  </si>
  <si>
    <t>14.759605407714844</t>
  </si>
  <si>
    <t>531.7195434570312</t>
  </si>
  <si>
    <t>0.0026364370662612657</t>
  </si>
  <si>
    <t>15.422232627868652</t>
  </si>
  <si>
    <t>803.5142211914062</t>
  </si>
  <si>
    <t>-0.021868193305731864</t>
  </si>
  <si>
    <t>23881</t>
  </si>
  <si>
    <t>15.01235580444336</t>
  </si>
  <si>
    <t>526.0556640625</t>
  </si>
  <si>
    <t>-0.011325432291428683</t>
  </si>
  <si>
    <t>24948</t>
  </si>
  <si>
    <t>15.5209321975708</t>
  </si>
  <si>
    <t>601.3406982421875</t>
  </si>
  <si>
    <t>0.04371049496935164</t>
  </si>
  <si>
    <t>15.065995216369629</t>
  </si>
  <si>
    <t>584.5332641601562</t>
  </si>
  <si>
    <t>0.0994629281458792</t>
  </si>
  <si>
    <t>28804</t>
  </si>
  <si>
    <t>15.064160346984863</t>
  </si>
  <si>
    <t>514.279296875</t>
  </si>
  <si>
    <t>0.04425767957686588</t>
  </si>
  <si>
    <t>13.010077476501465</t>
  </si>
  <si>
    <t>696.563720703125</t>
  </si>
  <si>
    <t>1032.8092041015625</t>
  </si>
  <si>
    <t>Bursa</t>
  </si>
  <si>
    <t>16014</t>
  </si>
  <si>
    <t>12.041398048400879</t>
  </si>
  <si>
    <t>767.8512573242188</t>
  </si>
  <si>
    <t>-0.0129666487778195</t>
  </si>
  <si>
    <t>11.893969535827637</t>
  </si>
  <si>
    <t>664.9159545898438</t>
  </si>
  <si>
    <t>0.029715206543345474</t>
  </si>
  <si>
    <t>12.612095832824707</t>
  </si>
  <si>
    <t>619.1831665039062</t>
  </si>
  <si>
    <t>0.05438301830153769</t>
  </si>
  <si>
    <t>13.40493106842041</t>
  </si>
  <si>
    <t>808.5631713867188</t>
  </si>
  <si>
    <t>-0.06707153111985775</t>
  </si>
  <si>
    <t>12.685723304748535</t>
  </si>
  <si>
    <t>732.6757202148438</t>
  </si>
  <si>
    <t>0.05720616135111989</t>
  </si>
  <si>
    <t>12.808476448059082</t>
  </si>
  <si>
    <t>841.4749145507812</t>
  </si>
  <si>
    <t>0.05328574228159333</t>
  </si>
  <si>
    <t>12.135181427001953</t>
  </si>
  <si>
    <t>917.9442749023438</t>
  </si>
  <si>
    <t>0.055437619160269236</t>
  </si>
  <si>
    <t>13.373761177062988</t>
  </si>
  <si>
    <t>946.3308715820312</t>
  </si>
  <si>
    <t>0.006789525679980812</t>
  </si>
  <si>
    <t>13.49506664276123</t>
  </si>
  <si>
    <t>767.2266235351562</t>
  </si>
  <si>
    <t>-0.04950064377303143</t>
  </si>
  <si>
    <t>19393</t>
  </si>
  <si>
    <t>13.494118690490723</t>
  </si>
  <si>
    <t>731.3963623046875</t>
  </si>
  <si>
    <t>0.051203738138704935</t>
  </si>
  <si>
    <t>13.574440002441406</t>
  </si>
  <si>
    <t>899.6592407226562</t>
  </si>
  <si>
    <t>-0.07754492733823781</t>
  </si>
  <si>
    <t>18775</t>
  </si>
  <si>
    <t>13.579300880432129</t>
  </si>
  <si>
    <t>809.9918212890625</t>
  </si>
  <si>
    <t>0.045158948774332686</t>
  </si>
  <si>
    <t>12.590201377868652</t>
  </si>
  <si>
    <t>871.5701293945312</t>
  </si>
  <si>
    <t>0.03952794854921393</t>
  </si>
  <si>
    <t>13.313575744628906</t>
  </si>
  <si>
    <t>572.8602905273438</t>
  </si>
  <si>
    <t>0.0766500121206839</t>
  </si>
  <si>
    <t>12.691100120544434</t>
  </si>
  <si>
    <t>776.7744750976562</t>
  </si>
  <si>
    <t>0.07923988754239808</t>
  </si>
  <si>
    <t>13.171428680419922</t>
  </si>
  <si>
    <t>663.7254638671875</t>
  </si>
  <si>
    <t>0.059193403218493756</t>
  </si>
  <si>
    <t>25058</t>
  </si>
  <si>
    <t>13.399394989013672</t>
  </si>
  <si>
    <t>675.9859619140625</t>
  </si>
  <si>
    <t>0.03405568874237197</t>
  </si>
  <si>
    <t>24452</t>
  </si>
  <si>
    <t>13.71781063079834</t>
  </si>
  <si>
    <t>651.7890014648438</t>
  </si>
  <si>
    <t>-0.024481125656881986</t>
  </si>
  <si>
    <t>21914</t>
  </si>
  <si>
    <t>13.458113670349121</t>
  </si>
  <si>
    <t>957.7499389648438</t>
  </si>
  <si>
    <t>-0.10958631018327658</t>
  </si>
  <si>
    <t>14.318257331848145</t>
  </si>
  <si>
    <t>898.2576904296875</t>
  </si>
  <si>
    <t>0.05236053521548456</t>
  </si>
  <si>
    <t>12.419395446777344</t>
  </si>
  <si>
    <t>851.3345336914062</t>
  </si>
  <si>
    <t>0.12033957399846784</t>
  </si>
  <si>
    <t>26388</t>
  </si>
  <si>
    <t>13.872390747070312</t>
  </si>
  <si>
    <t>916.7698974609375</t>
  </si>
  <si>
    <t>0.013083550163470292</t>
  </si>
  <si>
    <t>28168</t>
  </si>
  <si>
    <t>13.698745727539062</t>
  </si>
  <si>
    <t>678.1903076171875</t>
  </si>
  <si>
    <t>0.06527722049212592</t>
  </si>
  <si>
    <t>13.659481048583984</t>
  </si>
  <si>
    <t>959.6932983398438</t>
  </si>
  <si>
    <t>0.03789809899432939</t>
  </si>
  <si>
    <t>13.212569236755371</t>
  </si>
  <si>
    <t>942.5892944335938</t>
  </si>
  <si>
    <t>0.0443269197388787</t>
  </si>
  <si>
    <t>13.672804832458496</t>
  </si>
  <si>
    <t>799.96484375</t>
  </si>
  <si>
    <t>0.008238807857496866</t>
  </si>
  <si>
    <t>13.768385887145996</t>
  </si>
  <si>
    <t>733.1349487304688</t>
  </si>
  <si>
    <t>0.07456189862542928</t>
  </si>
  <si>
    <t>34840</t>
  </si>
  <si>
    <t>14.207870483398438</t>
  </si>
  <si>
    <t>913.6442260742188</t>
  </si>
  <si>
    <t>0.04755384491541648</t>
  </si>
  <si>
    <t>14.137165069580078</t>
  </si>
  <si>
    <t>624.4952392578125</t>
  </si>
  <si>
    <t>-0.043198764371146225</t>
  </si>
  <si>
    <t>14.445712089538574</t>
  </si>
  <si>
    <t>756.2369384765625</t>
  </si>
  <si>
    <t>-0.025712102933544756</t>
  </si>
  <si>
    <t>13.840339660644531</t>
  </si>
  <si>
    <t>789.965087890625</t>
  </si>
  <si>
    <t>0.0994389587543889</t>
  </si>
  <si>
    <t>14.052048683166504</t>
  </si>
  <si>
    <t>604.7664184570312</t>
  </si>
  <si>
    <t>0.04427260446817094</t>
  </si>
  <si>
    <t>12.706158638000488</t>
  </si>
  <si>
    <t>486.2309265136719</t>
  </si>
  <si>
    <t>306.414306640625</t>
  </si>
  <si>
    <t>Denizli</t>
  </si>
  <si>
    <t>13306</t>
  </si>
  <si>
    <t>11.941997528076172</t>
  </si>
  <si>
    <t>559.3333740234375</t>
  </si>
  <si>
    <t>-0.012917857436436364</t>
  </si>
  <si>
    <t>13707</t>
  </si>
  <si>
    <t>11.48654556274414</t>
  </si>
  <si>
    <t>467.7574157714844</t>
  </si>
  <si>
    <t>0.029691589929548456</t>
  </si>
  <si>
    <t>12.588351249694824</t>
  </si>
  <si>
    <t>506.9479675292969</t>
  </si>
  <si>
    <t>0.054378193406224185</t>
  </si>
  <si>
    <t>13.127907752990723</t>
  </si>
  <si>
    <t>621.9010620117188</t>
  </si>
  <si>
    <t>-0.06707980684543458</t>
  </si>
  <si>
    <t>14332</t>
  </si>
  <si>
    <t>12.538207054138184</t>
  </si>
  <si>
    <t>510.5698547363281</t>
  </si>
  <si>
    <t>0.057289761632674185</t>
  </si>
  <si>
    <t>15115</t>
  </si>
  <si>
    <t>12.782585144042969</t>
  </si>
  <si>
    <t>601.1198120117188</t>
  </si>
  <si>
    <t>0.05319282878871334</t>
  </si>
  <si>
    <t>11.94022274017334</t>
  </si>
  <si>
    <t>658.9536743164062</t>
  </si>
  <si>
    <t>0.05546255981401238</t>
  </si>
  <si>
    <t>13.236044883728027</t>
  </si>
  <si>
    <t>749.981689453125</t>
  </si>
  <si>
    <t>0.006799140436443807</t>
  </si>
  <si>
    <t>13.22214126586914</t>
  </si>
  <si>
    <t>482.2746276855469</t>
  </si>
  <si>
    <t>-0.0495084377319337</t>
  </si>
  <si>
    <t>16113</t>
  </si>
  <si>
    <t>13.060809135437012</t>
  </si>
  <si>
    <t>478.0793151855469</t>
  </si>
  <si>
    <t>0.051185508841488314</t>
  </si>
  <si>
    <t>14911</t>
  </si>
  <si>
    <t>13.356152534484863</t>
  </si>
  <si>
    <t>680.9493408203125</t>
  </si>
  <si>
    <t>-0.07752720398266177</t>
  </si>
  <si>
    <t>13.2568359375</t>
  </si>
  <si>
    <t>680.7527465820312</t>
  </si>
  <si>
    <t>0.04517171864672065</t>
  </si>
  <si>
    <t>16229</t>
  </si>
  <si>
    <t>12.535664558410645</t>
  </si>
  <si>
    <t>768.0860595703125</t>
  </si>
  <si>
    <t>0.03952885107825388</t>
  </si>
  <si>
    <t>17522</t>
  </si>
  <si>
    <t>12.98354721069336</t>
  </si>
  <si>
    <t>387.7808532714844</t>
  </si>
  <si>
    <t>0.0766574689104278</t>
  </si>
  <si>
    <t>17375</t>
  </si>
  <si>
    <t>12.49228572845459</t>
  </si>
  <si>
    <t>603.6414184570312</t>
  </si>
  <si>
    <t>-0.008424842793317566</t>
  </si>
  <si>
    <t>12.822501182556152</t>
  </si>
  <si>
    <t>569.0840454101562</t>
  </si>
  <si>
    <t>0.07006280250369556</t>
  </si>
  <si>
    <t>18625</t>
  </si>
  <si>
    <t>13.178509712219238</t>
  </si>
  <si>
    <t>493.0818786621094</t>
  </si>
  <si>
    <t>-0.0005904296889269744</t>
  </si>
  <si>
    <t>13.559657096862793</t>
  </si>
  <si>
    <t>513.1300048828125</t>
  </si>
  <si>
    <t>-0.028592825993843718</t>
  </si>
  <si>
    <t>16386</t>
  </si>
  <si>
    <t>13.223782539367676</t>
  </si>
  <si>
    <t>731.630615234375</t>
  </si>
  <si>
    <t>-0.09948462655215629</t>
  </si>
  <si>
    <t>14.207253456115723</t>
  </si>
  <si>
    <t>632.4580078125</t>
  </si>
  <si>
    <t>0.0891552183333797</t>
  </si>
  <si>
    <t>20350</t>
  </si>
  <si>
    <t>12.235637664794922</t>
  </si>
  <si>
    <t>679.866943359375</t>
  </si>
  <si>
    <t>0.12749838183560058</t>
  </si>
  <si>
    <t>20742</t>
  </si>
  <si>
    <t>13.692963600158691</t>
  </si>
  <si>
    <t>677.144287109375</t>
  </si>
  <si>
    <t>0.019079718278938174</t>
  </si>
  <si>
    <t>21960</t>
  </si>
  <si>
    <t>13.484667778015137</t>
  </si>
  <si>
    <t>546.4449462890625</t>
  </si>
  <si>
    <t>0.05706198647378713</t>
  </si>
  <si>
    <t>13.499198913574219</t>
  </si>
  <si>
    <t>695.1069946289062</t>
  </si>
  <si>
    <t>0.05755552178644052</t>
  </si>
  <si>
    <t>12.975584983825684</t>
  </si>
  <si>
    <t>709.7415771484375</t>
  </si>
  <si>
    <t>0.010987946973454399</t>
  </si>
  <si>
    <t>13.512288093566895</t>
  </si>
  <si>
    <t>541.6990356445312</t>
  </si>
  <si>
    <t>0.04988699944449593</t>
  </si>
  <si>
    <t>13.487528800964355</t>
  </si>
  <si>
    <t>536.5639038085938</t>
  </si>
  <si>
    <t>0.05539272376695514</t>
  </si>
  <si>
    <t>26611</t>
  </si>
  <si>
    <t>14.14762020111084</t>
  </si>
  <si>
    <t>740.8429565429688</t>
  </si>
  <si>
    <t>0.018278855528013338</t>
  </si>
  <si>
    <t>13.745743751525879</t>
  </si>
  <si>
    <t>502.8130798339844</t>
  </si>
  <si>
    <t>-0.013544395918884788</t>
  </si>
  <si>
    <t>26661</t>
  </si>
  <si>
    <t>14.270323753356934</t>
  </si>
  <si>
    <t>566.1288452148438</t>
  </si>
  <si>
    <t>0.015421555202644655</t>
  </si>
  <si>
    <t>13.799668312072754</t>
  </si>
  <si>
    <t>521.1851806640625</t>
  </si>
  <si>
    <t>0.09945813023924899</t>
  </si>
  <si>
    <t>13.830410957336426</t>
  </si>
  <si>
    <t>511.16943359375</t>
  </si>
  <si>
    <t>0.0442701498940643</t>
  </si>
  <si>
    <t>15.111124992370605</t>
  </si>
  <si>
    <t>411.1163330078125</t>
  </si>
  <si>
    <t>480.77801513671875</t>
  </si>
  <si>
    <t>Diyarbakir</t>
  </si>
  <si>
    <t>14.572869300842285</t>
  </si>
  <si>
    <t>629.5760498046875</t>
  </si>
  <si>
    <t>-0.013066324045389877</t>
  </si>
  <si>
    <t>13.191710472106934</t>
  </si>
  <si>
    <t>662.236083984375</t>
  </si>
  <si>
    <t>0.029700829254172945</t>
  </si>
  <si>
    <t>14.295510292053223</t>
  </si>
  <si>
    <t>757.4667358398438</t>
  </si>
  <si>
    <t>0.05443710657230838</t>
  </si>
  <si>
    <t>6884</t>
  </si>
  <si>
    <t>15.114666938781738</t>
  </si>
  <si>
    <t>714.5315551757812</t>
  </si>
  <si>
    <t>-0.0669959147272774</t>
  </si>
  <si>
    <t>14.994132041931152</t>
  </si>
  <si>
    <t>585.6348876953125</t>
  </si>
  <si>
    <t>0.05716648405078395</t>
  </si>
  <si>
    <t>15.516345977783203</t>
  </si>
  <si>
    <t>672.8942260742188</t>
  </si>
  <si>
    <t>0.05329430926791545</t>
  </si>
  <si>
    <t>14.232982635498047</t>
  </si>
  <si>
    <t>634.932861328125</t>
  </si>
  <si>
    <t>0.05540812589754296</t>
  </si>
  <si>
    <t>15.97231388092041</t>
  </si>
  <si>
    <t>498.1462707519531</t>
  </si>
  <si>
    <t>0.006745594966027113</t>
  </si>
  <si>
    <t>7786</t>
  </si>
  <si>
    <t>15.614439964294434</t>
  </si>
  <si>
    <t>487.1745300292969</t>
  </si>
  <si>
    <t>-0.04948714334329729</t>
  </si>
  <si>
    <t>15.439352989196777</t>
  </si>
  <si>
    <t>480.19134521484375</t>
  </si>
  <si>
    <t>0.05119696300752885</t>
  </si>
  <si>
    <t>15.65463924407959</t>
  </si>
  <si>
    <t>711.4151611328125</t>
  </si>
  <si>
    <t>-0.07748344724307188</t>
  </si>
  <si>
    <t>15.188709259033203</t>
  </si>
  <si>
    <t>561.7107543945312</t>
  </si>
  <si>
    <t>0.045116557139417424</t>
  </si>
  <si>
    <t>15.072712898254395</t>
  </si>
  <si>
    <t>761.9181518554688</t>
  </si>
  <si>
    <t>0.039540609238251534</t>
  </si>
  <si>
    <t>15.009354591369629</t>
  </si>
  <si>
    <t>551.4172973632812</t>
  </si>
  <si>
    <t>0.0767007518545384</t>
  </si>
  <si>
    <t>15.178616523742676</t>
  </si>
  <si>
    <t>529.1620483398438</t>
  </si>
  <si>
    <t>0.015255571184066952</t>
  </si>
  <si>
    <t>15.194781303405762</t>
  </si>
  <si>
    <t>572.003662109375</t>
  </si>
  <si>
    <t>0.052314984683386356</t>
  </si>
  <si>
    <t>14.967310905456543</t>
  </si>
  <si>
    <t>490.4678649902344</t>
  </si>
  <si>
    <t>0.018598904871170774</t>
  </si>
  <si>
    <t>15.627365112304688</t>
  </si>
  <si>
    <t>347.08209228515625</t>
  </si>
  <si>
    <t>-0.05100075891553857</t>
  </si>
  <si>
    <t>15.468056678771973</t>
  </si>
  <si>
    <t>689.0864868164062</t>
  </si>
  <si>
    <t>-0.03797785025167677</t>
  </si>
  <si>
    <t>16.787878036499023</t>
  </si>
  <si>
    <t>376.5334167480469</t>
  </si>
  <si>
    <t>0.09534086767290262</t>
  </si>
  <si>
    <t>14.762743949890137</t>
  </si>
  <si>
    <t>660.967529296875</t>
  </si>
  <si>
    <t>0.09562630302062836</t>
  </si>
  <si>
    <t>15.733105659484863</t>
  </si>
  <si>
    <t>730.1480102539062</t>
  </si>
  <si>
    <t>0.04738588420791068</t>
  </si>
  <si>
    <t>15.402023315429688</t>
  </si>
  <si>
    <t>433.67681884765625</t>
  </si>
  <si>
    <t>0.10406523614885721</t>
  </si>
  <si>
    <t>12220</t>
  </si>
  <si>
    <t>16.205244064331055</t>
  </si>
  <si>
    <t>544.5601806640625</t>
  </si>
  <si>
    <t>-0.023933872063187422</t>
  </si>
  <si>
    <t>15.771246910095215</t>
  </si>
  <si>
    <t>629.45166015625</t>
  </si>
  <si>
    <t>0.04331969100839039</t>
  </si>
  <si>
    <t>15.564395904541016</t>
  </si>
  <si>
    <t>527.4070434570312</t>
  </si>
  <si>
    <t>0.006872342549504751</t>
  </si>
  <si>
    <t>13369</t>
  </si>
  <si>
    <t>16.137737274169922</t>
  </si>
  <si>
    <t>471.3221435546875</t>
  </si>
  <si>
    <t>0.03967260669964112</t>
  </si>
  <si>
    <t>16.986865997314453</t>
  </si>
  <si>
    <t>785.9227294921875</t>
  </si>
  <si>
    <t>-0.024227091520875987</t>
  </si>
  <si>
    <t>16.24691390991211</t>
  </si>
  <si>
    <t>709.79052734375</t>
  </si>
  <si>
    <t>0.030713600750482684</t>
  </si>
  <si>
    <t>16.427291870117188</t>
  </si>
  <si>
    <t>649.4060668945312</t>
  </si>
  <si>
    <t>-0.016711393439679867</t>
  </si>
  <si>
    <t>14617</t>
  </si>
  <si>
    <t>16.428163528442383</t>
  </si>
  <si>
    <t>334.04534912109375</t>
  </si>
  <si>
    <t>0.09947152511624324</t>
  </si>
  <si>
    <t>16.432157516479492</t>
  </si>
  <si>
    <t>453.69403076171875</t>
  </si>
  <si>
    <t>0.04422865021201261</t>
  </si>
  <si>
    <t>113.9794692993164</t>
  </si>
  <si>
    <t>DÔøΩzce</t>
  </si>
  <si>
    <t>11431</t>
  </si>
  <si>
    <t>-0.012950509101209207</t>
  </si>
  <si>
    <t>802.199951171875</t>
  </si>
  <si>
    <t>0.029649676858840124</t>
  </si>
  <si>
    <t>12434</t>
  </si>
  <si>
    <t>0.054456015944664315</t>
  </si>
  <si>
    <t>-0.06710467616067461</t>
  </si>
  <si>
    <t>773.199951171875</t>
  </si>
  <si>
    <t>0.05724441685010717</t>
  </si>
  <si>
    <t>0.05322044857813424</t>
  </si>
  <si>
    <t>890.0999755859375</t>
  </si>
  <si>
    <t>0.0554969993717318</t>
  </si>
  <si>
    <t>13819</t>
  </si>
  <si>
    <t>824.7000732421875</t>
  </si>
  <si>
    <t>0.0067526123349033185</t>
  </si>
  <si>
    <t>888.300048828125</t>
  </si>
  <si>
    <t>-0.04947061850752377</t>
  </si>
  <si>
    <t>13843</t>
  </si>
  <si>
    <t>11.083332061767578</t>
  </si>
  <si>
    <t>0.05120585139177436</t>
  </si>
  <si>
    <t>863.5000610351562</t>
  </si>
  <si>
    <t>-0.07755357379695482</t>
  </si>
  <si>
    <t>0.045103215129447705</t>
  </si>
  <si>
    <t>0.039576536026116216</t>
  </si>
  <si>
    <t>624.9000244140625</t>
  </si>
  <si>
    <t>0.07667143981415947</t>
  </si>
  <si>
    <t>15920</t>
  </si>
  <si>
    <t>0.05599887353787025</t>
  </si>
  <si>
    <t>0.10751272061541073</t>
  </si>
  <si>
    <t>0.03894512853783816</t>
  </si>
  <si>
    <t>18939</t>
  </si>
  <si>
    <t>0.027189258484112244</t>
  </si>
  <si>
    <t>-0.11871408830830177</t>
  </si>
  <si>
    <t>18024</t>
  </si>
  <si>
    <t>0.06919500338464779</t>
  </si>
  <si>
    <t>0.07604003388387781</t>
  </si>
  <si>
    <t>748.7999877929688</t>
  </si>
  <si>
    <t>0.0351622402881695</t>
  </si>
  <si>
    <t>0.0211216654068469</t>
  </si>
  <si>
    <t>11.849998474121094</t>
  </si>
  <si>
    <t>1011.0</t>
  </si>
  <si>
    <t>0.09396601037810903</t>
  </si>
  <si>
    <t>24906</t>
  </si>
  <si>
    <t>967.2000732421875</t>
  </si>
  <si>
    <t>0.09711458521200989</t>
  </si>
  <si>
    <t>24130</t>
  </si>
  <si>
    <t>-0.031652858662015504</t>
  </si>
  <si>
    <t>24915</t>
  </si>
  <si>
    <t>0.03201415209642633</t>
  </si>
  <si>
    <t>12.550002098083496</t>
  </si>
  <si>
    <t>910.10009765625</t>
  </si>
  <si>
    <t>-0.03068888063599573</t>
  </si>
  <si>
    <t>0.022871933748348283</t>
  </si>
  <si>
    <t>25780</t>
  </si>
  <si>
    <t>0.04194591266532122</t>
  </si>
  <si>
    <t>0.09946262973058495</t>
  </si>
  <si>
    <t>0.04423798229338871</t>
  </si>
  <si>
    <t>11871</t>
  </si>
  <si>
    <t>14.161372184753418</t>
  </si>
  <si>
    <t>485.8982849121094</t>
  </si>
  <si>
    <t>168.3037567138672</t>
  </si>
  <si>
    <t>Edirne</t>
  </si>
  <si>
    <t>12.939299583435059</t>
  </si>
  <si>
    <t>511.8775329589844</t>
  </si>
  <si>
    <t>-0.012972329948800265</t>
  </si>
  <si>
    <t>12071</t>
  </si>
  <si>
    <t>13.176117897033691</t>
  </si>
  <si>
    <t>474.0262451171875</t>
  </si>
  <si>
    <t>0.029679760596394544</t>
  </si>
  <si>
    <t>13.437119483947754</t>
  </si>
  <si>
    <t>500.43878173828125</t>
  </si>
  <si>
    <t>0.05441161517311066</t>
  </si>
  <si>
    <t>14.296460151672363</t>
  </si>
  <si>
    <t>690.9799194335938</t>
  </si>
  <si>
    <t>-0.06708373139153068</t>
  </si>
  <si>
    <t>13.544352531433105</t>
  </si>
  <si>
    <t>646.0067749023438</t>
  </si>
  <si>
    <t>0.05722832777592224</t>
  </si>
  <si>
    <t>13.463035583496094</t>
  </si>
  <si>
    <t>675.5261840820312</t>
  </si>
  <si>
    <t>0.05330379080236014</t>
  </si>
  <si>
    <t>13.079054832458496</t>
  </si>
  <si>
    <t>732.139892578125</t>
  </si>
  <si>
    <t>0.05545005772726519</t>
  </si>
  <si>
    <t>14167</t>
  </si>
  <si>
    <t>13.99503231048584</t>
  </si>
  <si>
    <t>823.8834228515625</t>
  </si>
  <si>
    <t>0.006799374591095031</t>
  </si>
  <si>
    <t>14.47905445098877</t>
  </si>
  <si>
    <t>555.782958984375</t>
  </si>
  <si>
    <t>-0.04955985396596674</t>
  </si>
  <si>
    <t>14.788772583007812</t>
  </si>
  <si>
    <t>498.31121826171875</t>
  </si>
  <si>
    <t>0.051182028740704766</t>
  </si>
  <si>
    <t>14.378325462341309</t>
  </si>
  <si>
    <t>563.1346435546875</t>
  </si>
  <si>
    <t>-0.07748549153260598</t>
  </si>
  <si>
    <t>14.568278312683105</t>
  </si>
  <si>
    <t>750.25927734375</t>
  </si>
  <si>
    <t>0.04511371615234516</t>
  </si>
  <si>
    <t>14292</t>
  </si>
  <si>
    <t>13.444354057312012</t>
  </si>
  <si>
    <t>607.9878540039062</t>
  </si>
  <si>
    <t>0.03953422436947207</t>
  </si>
  <si>
    <t>14.378378868103027</t>
  </si>
  <si>
    <t>489.8016357421875</t>
  </si>
  <si>
    <t>0.07667853292790561</t>
  </si>
  <si>
    <t>16638</t>
  </si>
  <si>
    <t>13.566622734069824</t>
  </si>
  <si>
    <t>720.700439453125</t>
  </si>
  <si>
    <t>0.07531076277262727</t>
  </si>
  <si>
    <t>14.228893280029297</t>
  </si>
  <si>
    <t>624.4362182617188</t>
  </si>
  <si>
    <t>0.014499493257556395</t>
  </si>
  <si>
    <t>17923</t>
  </si>
  <si>
    <t>14.50938892364502</t>
  </si>
  <si>
    <t>614.9166259765625</t>
  </si>
  <si>
    <t>0.059896075130208004</t>
  </si>
  <si>
    <t>18501</t>
  </si>
  <si>
    <t>14.764561653137207</t>
  </si>
  <si>
    <t>497.69549560546875</t>
  </si>
  <si>
    <t>0.03173998042800541</t>
  </si>
  <si>
    <t>17564</t>
  </si>
  <si>
    <t>14.471369743347168</t>
  </si>
  <si>
    <t>805.9210815429688</t>
  </si>
  <si>
    <t>-0.05197343197799498</t>
  </si>
  <si>
    <t>15.00133991241455</t>
  </si>
  <si>
    <t>769.2577514648438</t>
  </si>
  <si>
    <t>0.08723434613304804</t>
  </si>
  <si>
    <t>19534</t>
  </si>
  <si>
    <t>13.493927001953125</t>
  </si>
  <si>
    <t>656.7208251953125</t>
  </si>
  <si>
    <t>0.019070838192766004</t>
  </si>
  <si>
    <t>14.888431549072266</t>
  </si>
  <si>
    <t>743.9452514648438</t>
  </si>
  <si>
    <t>0.0356525177541549</t>
  </si>
  <si>
    <t>20479</t>
  </si>
  <si>
    <t>14.829178810119629</t>
  </si>
  <si>
    <t>603.3202514648438</t>
  </si>
  <si>
    <t>0.011590916074736057</t>
  </si>
  <si>
    <t>22222</t>
  </si>
  <si>
    <t>14.611156463623047</t>
  </si>
  <si>
    <t>917.9519653320312</t>
  </si>
  <si>
    <t>0.08168281830764101</t>
  </si>
  <si>
    <t>22736</t>
  </si>
  <si>
    <t>14.446749687194824</t>
  </si>
  <si>
    <t>794.42431640625</t>
  </si>
  <si>
    <t>0.022866782192927815</t>
  </si>
  <si>
    <t>14.701031684875488</t>
  </si>
  <si>
    <t>594.8430786132812</t>
  </si>
  <si>
    <t>0.005788982046981417</t>
  </si>
  <si>
    <t>14.912117004394531</t>
  </si>
  <si>
    <t>659.9473876953125</t>
  </si>
  <si>
    <t>0.04309333296506779</t>
  </si>
  <si>
    <t>15.098319053649902</t>
  </si>
  <si>
    <t>759.6997680664062</t>
  </si>
  <si>
    <t>0.011659511639576792</t>
  </si>
  <si>
    <t>15.476089477539062</t>
  </si>
  <si>
    <t>459.0450134277344</t>
  </si>
  <si>
    <t>0.03290333058003192</t>
  </si>
  <si>
    <t>24863</t>
  </si>
  <si>
    <t>15.583516120910645</t>
  </si>
  <si>
    <t>682.7122192382812</t>
  </si>
  <si>
    <t>-0.0040139740001805535</t>
  </si>
  <si>
    <t>27463</t>
  </si>
  <si>
    <t>14.86651611328125</t>
  </si>
  <si>
    <t>660.5022583007812</t>
  </si>
  <si>
    <t>0.09945888960419325</t>
  </si>
  <si>
    <t>28706</t>
  </si>
  <si>
    <t>15.297507286071777</t>
  </si>
  <si>
    <t>533.423583984375</t>
  </si>
  <si>
    <t>0.044266515958772956</t>
  </si>
  <si>
    <t>13.238239288330078</t>
  </si>
  <si>
    <t>410.9363098144531</t>
  </si>
  <si>
    <t>245.09219360351562</t>
  </si>
  <si>
    <t>Elazig</t>
  </si>
  <si>
    <t>12.705597877502441</t>
  </si>
  <si>
    <t>616.59521484375</t>
  </si>
  <si>
    <t>-0.012968018928264158</t>
  </si>
  <si>
    <t>11.327412605285645</t>
  </si>
  <si>
    <t>682.1708374023438</t>
  </si>
  <si>
    <t>0.029666699167464117</t>
  </si>
  <si>
    <t>12.482151985168457</t>
  </si>
  <si>
    <t>725.7717895507812</t>
  </si>
  <si>
    <t>0.05444351478365306</t>
  </si>
  <si>
    <t>13.276421546936035</t>
  </si>
  <si>
    <t>638.5562744140625</t>
  </si>
  <si>
    <t>-0.06706835106912656</t>
  </si>
  <si>
    <t>13.157783508300781</t>
  </si>
  <si>
    <t>595.97021484375</t>
  </si>
  <si>
    <t>13.67962646484375</t>
  </si>
  <si>
    <t>626.6004638671875</t>
  </si>
  <si>
    <t>0.053271178696823185</t>
  </si>
  <si>
    <t>12.4081392288208</t>
  </si>
  <si>
    <t>595.7544555664062</t>
  </si>
  <si>
    <t>0.055431477962089915</t>
  </si>
  <si>
    <t>14.161598205566406</t>
  </si>
  <si>
    <t>533.3572387695312</t>
  </si>
  <si>
    <t>0.006864770066878023</t>
  </si>
  <si>
    <t>13.7684965133667</t>
  </si>
  <si>
    <t>523.211181640625</t>
  </si>
  <si>
    <t>-0.0495226611345192</t>
  </si>
  <si>
    <t>9370</t>
  </si>
  <si>
    <t>13.529797554016113</t>
  </si>
  <si>
    <t>449.7317810058594</t>
  </si>
  <si>
    <t>0.05112479765879563</t>
  </si>
  <si>
    <t>13.850251197814941</t>
  </si>
  <si>
    <t>676.819091796875</t>
  </si>
  <si>
    <t>-0.0775289718553065</t>
  </si>
  <si>
    <t>13.361438751220703</t>
  </si>
  <si>
    <t>520.4297485351562</t>
  </si>
  <si>
    <t>0.04520862259037273</t>
  </si>
  <si>
    <t>13.198596954345703</t>
  </si>
  <si>
    <t>709.6751098632812</t>
  </si>
  <si>
    <t>0.03955134631879886</t>
  </si>
  <si>
    <t>13.160831451416016</t>
  </si>
  <si>
    <t>569.0664672851562</t>
  </si>
  <si>
    <t>0.07666275393043875</t>
  </si>
  <si>
    <t>13.291645050048828</t>
  </si>
  <si>
    <t>586.1962890625</t>
  </si>
  <si>
    <t>0.09673658639368377</t>
  </si>
  <si>
    <t>13.372483253479004</t>
  </si>
  <si>
    <t>609.9968872070312</t>
  </si>
  <si>
    <t>0.07943261926034495</t>
  </si>
  <si>
    <t>13.148179054260254</t>
  </si>
  <si>
    <t>485.3951416015625</t>
  </si>
  <si>
    <t>0.04614966812124699</t>
  </si>
  <si>
    <t>13.737442016601562</t>
  </si>
  <si>
    <t>361.7043762207031</t>
  </si>
  <si>
    <t>0.01000711970794299</t>
  </si>
  <si>
    <t>13.65642261505127</t>
  </si>
  <si>
    <t>700.7262573242188</t>
  </si>
  <si>
    <t>-0.04567948808960587</t>
  </si>
  <si>
    <t>14.96519947052002</t>
  </si>
  <si>
    <t>419.88006591796875</t>
  </si>
  <si>
    <t>0.07314784080383241</t>
  </si>
  <si>
    <t>14358</t>
  </si>
  <si>
    <t>12.908368110656738</t>
  </si>
  <si>
    <t>720.8281860351562</t>
  </si>
  <si>
    <t>0.08310608472221226</t>
  </si>
  <si>
    <t>13.846572875976562</t>
  </si>
  <si>
    <t>717.9579467773438</t>
  </si>
  <si>
    <t>0.038864375496810766</t>
  </si>
  <si>
    <t>13.563796997070312</t>
  </si>
  <si>
    <t>419.2547912597656</t>
  </si>
  <si>
    <t>0.07135269405643463</t>
  </si>
  <si>
    <t>16171</t>
  </si>
  <si>
    <t>14.330069541931152</t>
  </si>
  <si>
    <t>562.3848266601562</t>
  </si>
  <si>
    <t>0.008695166888269767</t>
  </si>
  <si>
    <t>13.837013244628906</t>
  </si>
  <si>
    <t>612.2745971679688</t>
  </si>
  <si>
    <t>0.038278412346848256</t>
  </si>
  <si>
    <t>13.616485595703125</t>
  </si>
  <si>
    <t>535.7469482421875</t>
  </si>
  <si>
    <t>0.026893758712626337</t>
  </si>
  <si>
    <t>14.258917808532715</t>
  </si>
  <si>
    <t>465.99505615234375</t>
  </si>
  <si>
    <t>0.10312743322238482</t>
  </si>
  <si>
    <t>15.0546236038208</t>
  </si>
  <si>
    <t>806.5861206054688</t>
  </si>
  <si>
    <t>-0.03933151103401933</t>
  </si>
  <si>
    <t>18222</t>
  </si>
  <si>
    <t>14.334392547607422</t>
  </si>
  <si>
    <t>678.510498046875</t>
  </si>
  <si>
    <t>-0.009557952551979554</t>
  </si>
  <si>
    <t>14.561721801757812</t>
  </si>
  <si>
    <t>627.0224609375</t>
  </si>
  <si>
    <t>0.12139848741717074</t>
  </si>
  <si>
    <t>14.49706745147705</t>
  </si>
  <si>
    <t>327.21685791015625</t>
  </si>
  <si>
    <t>0.09943749735470497</t>
  </si>
  <si>
    <t>23754</t>
  </si>
  <si>
    <t>14.504441261291504</t>
  </si>
  <si>
    <t>458.3021545410156</t>
  </si>
  <si>
    <t>0.044285297288505276</t>
  </si>
  <si>
    <t>10530</t>
  </si>
  <si>
    <t>7.5616302490234375</t>
  </si>
  <si>
    <t>492.02093505859375</t>
  </si>
  <si>
    <t>140.619384765625</t>
  </si>
  <si>
    <t>Erzincan</t>
  </si>
  <si>
    <t>6.968581676483154</t>
  </si>
  <si>
    <t>660.5078735351562</t>
  </si>
  <si>
    <t>-0.01290340483590846</t>
  </si>
  <si>
    <t>5.822926998138428</t>
  </si>
  <si>
    <t>691.5460815429688</t>
  </si>
  <si>
    <t>0.029666204348130165</t>
  </si>
  <si>
    <t>6.868570804595947</t>
  </si>
  <si>
    <t>575.7904663085938</t>
  </si>
  <si>
    <t>0.054430877295002844</t>
  </si>
  <si>
    <t>7.809079647064209</t>
  </si>
  <si>
    <t>598.7291870117188</t>
  </si>
  <si>
    <t>-0.0671184212027196</t>
  </si>
  <si>
    <t>7.569891452789307</t>
  </si>
  <si>
    <t>659.3951416015625</t>
  </si>
  <si>
    <t>0.057252989902817575</t>
  </si>
  <si>
    <t>8.124598503112793</t>
  </si>
  <si>
    <t>635.89013671875</t>
  </si>
  <si>
    <t>0.05322069620491021</t>
  </si>
  <si>
    <t>12482</t>
  </si>
  <si>
    <t>6.814859867095947</t>
  </si>
  <si>
    <t>584.7177734375</t>
  </si>
  <si>
    <t>0.05551033865373434</t>
  </si>
  <si>
    <t>8.547442436218262</t>
  </si>
  <si>
    <t>732.6306762695312</t>
  </si>
  <si>
    <t>0.006786724121155885</t>
  </si>
  <si>
    <t>8.149457931518555</t>
  </si>
  <si>
    <t>631.4984741210938</t>
  </si>
  <si>
    <t>-0.049506582110520725</t>
  </si>
  <si>
    <t>7.907527446746826</t>
  </si>
  <si>
    <t>515.8417358398438</t>
  </si>
  <si>
    <t>0.05117623067967436</t>
  </si>
  <si>
    <t>8.503069877624512</t>
  </si>
  <si>
    <t>672.552978515625</t>
  </si>
  <si>
    <t>-0.07752363978452159</t>
  </si>
  <si>
    <t>8.10877513885498</t>
  </si>
  <si>
    <t>589.173095703125</t>
  </si>
  <si>
    <t>0.04514947042372519</t>
  </si>
  <si>
    <t>7.704576015472412</t>
  </si>
  <si>
    <t>702.38427734375</t>
  </si>
  <si>
    <t>0.03949839802061028</t>
  </si>
  <si>
    <t>7.813008785247803</t>
  </si>
  <si>
    <t>647.4547119140625</t>
  </si>
  <si>
    <t>0.07672438275140081</t>
  </si>
  <si>
    <t>14526</t>
  </si>
  <si>
    <t>7.862646102905273</t>
  </si>
  <si>
    <t>703.1748046875</t>
  </si>
  <si>
    <t>0.05934755657060009</t>
  </si>
  <si>
    <t>8.030896186828613</t>
  </si>
  <si>
    <t>665.46142578125</t>
  </si>
  <si>
    <t>0.06341490374664716</t>
  </si>
  <si>
    <t>7.858453273773193</t>
  </si>
  <si>
    <t>611.933349609375</t>
  </si>
  <si>
    <t>0.05981474353907146</t>
  </si>
  <si>
    <t>8.382601737976074</t>
  </si>
  <si>
    <t>482.4307556152344</t>
  </si>
  <si>
    <t>0.02209003723374181</t>
  </si>
  <si>
    <t>8.546857833862305</t>
  </si>
  <si>
    <t>771.5684204101562</t>
  </si>
  <si>
    <t>-0.01590144813422789</t>
  </si>
  <si>
    <t>18560</t>
  </si>
  <si>
    <t>9.729779243469238</t>
  </si>
  <si>
    <t>564.826171875</t>
  </si>
  <si>
    <t>0.11565034378884675</t>
  </si>
  <si>
    <t>20057</t>
  </si>
  <si>
    <t>7.4679274559021</t>
  </si>
  <si>
    <t>714.2020874023438</t>
  </si>
  <si>
    <t>0.07756949264585522</t>
  </si>
  <si>
    <t>8.536581993103027</t>
  </si>
  <si>
    <t>688.7122192382812</t>
  </si>
  <si>
    <t>0.08346935500200026</t>
  </si>
  <si>
    <t>8.146875381469727</t>
  </si>
  <si>
    <t>493.3089294433594</t>
  </si>
  <si>
    <t>0.06244947181319205</t>
  </si>
  <si>
    <t>8.93461799621582</t>
  </si>
  <si>
    <t>592.7485961914062</t>
  </si>
  <si>
    <t>-0.017166497908364775</t>
  </si>
  <si>
    <t>8.322860717773438</t>
  </si>
  <si>
    <t>664.3871459960938</t>
  </si>
  <si>
    <t>-0.05830134629528949</t>
  </si>
  <si>
    <t>8.12853717803955</t>
  </si>
  <si>
    <t>661.3209228515625</t>
  </si>
  <si>
    <t>0.04883220417160672</t>
  </si>
  <si>
    <t>8.671881675720215</t>
  </si>
  <si>
    <t>519.9747314453125</t>
  </si>
  <si>
    <t>0.10528528493179223</t>
  </si>
  <si>
    <t>9.620786666870117</t>
  </si>
  <si>
    <t>728.1419677734375</t>
  </si>
  <si>
    <t>0.018038420069188987</t>
  </si>
  <si>
    <t>26724</t>
  </si>
  <si>
    <t>8.81899356842041</t>
  </si>
  <si>
    <t>565.6467895507812</t>
  </si>
  <si>
    <t>0.04437692627519496</t>
  </si>
  <si>
    <t>9.13758373260498</t>
  </si>
  <si>
    <t>0.11829846101840857</t>
  </si>
  <si>
    <t>8.739872932434082</t>
  </si>
  <si>
    <t>492.82440185546875</t>
  </si>
  <si>
    <t>0.09944210551766908</t>
  </si>
  <si>
    <t>8.882292747497559</t>
  </si>
  <si>
    <t>520.5881958007812</t>
  </si>
  <si>
    <t>0.04427246819188646</t>
  </si>
  <si>
    <t>7233</t>
  </si>
  <si>
    <t>4.9917378425598145</t>
  </si>
  <si>
    <t>557.2567138671875</t>
  </si>
  <si>
    <t>412.20843505859375</t>
  </si>
  <si>
    <t>Erzurum</t>
  </si>
  <si>
    <t>4.441203594207764</t>
  </si>
  <si>
    <t>614.994384765625</t>
  </si>
  <si>
    <t>-0.012941111515651471</t>
  </si>
  <si>
    <t>3.3446929454803467</t>
  </si>
  <si>
    <t>652.7556762695312</t>
  </si>
  <si>
    <t>0.029667577701907533</t>
  </si>
  <si>
    <t>4.169785022735596</t>
  </si>
  <si>
    <t>575.4254150390625</t>
  </si>
  <si>
    <t>0.05437487725607504</t>
  </si>
  <si>
    <t>5.132612705230713</t>
  </si>
  <si>
    <t>598.0701293945312</t>
  </si>
  <si>
    <t>-0.06709995831733195</t>
  </si>
  <si>
    <t>5.013728141784668</t>
  </si>
  <si>
    <t>686.841064453125</t>
  </si>
  <si>
    <t>0.057265510525409624</t>
  </si>
  <si>
    <t>5.601942539215088</t>
  </si>
  <si>
    <t>604.8772583007812</t>
  </si>
  <si>
    <t>0.05330038157065431</t>
  </si>
  <si>
    <t>8573</t>
  </si>
  <si>
    <t>4.255069732666016</t>
  </si>
  <si>
    <t>561.2350463867188</t>
  </si>
  <si>
    <t>0.05539656460841158</t>
  </si>
  <si>
    <t>5.888950824737549</t>
  </si>
  <si>
    <t>609.5429077148438</t>
  </si>
  <si>
    <t>0.006858498259214585</t>
  </si>
  <si>
    <t>5.636448383331299</t>
  </si>
  <si>
    <t>618.1072998046875</t>
  </si>
  <si>
    <t>-0.049514476466601565</t>
  </si>
  <si>
    <t>5.2807135581970215</t>
  </si>
  <si>
    <t>458.2887268066406</t>
  </si>
  <si>
    <t>0.051135034756207176</t>
  </si>
  <si>
    <t>5.8841094970703125</t>
  </si>
  <si>
    <t>616.28076171875</t>
  </si>
  <si>
    <t>-0.0775302523774517</t>
  </si>
  <si>
    <t>5.38964319229126</t>
  </si>
  <si>
    <t>634.220703125</t>
  </si>
  <si>
    <t>0.045206817809932076</t>
  </si>
  <si>
    <t>5.089198589324951</t>
  </si>
  <si>
    <t>717.0126953125</t>
  </si>
  <si>
    <t>0.039468791694380556</t>
  </si>
  <si>
    <t>9402</t>
  </si>
  <si>
    <t>5.030243396759033</t>
  </si>
  <si>
    <t>660.8568115234375</t>
  </si>
  <si>
    <t>0.07668028922963899</t>
  </si>
  <si>
    <t>5.295003414154053</t>
  </si>
  <si>
    <t>725.3370971679688</t>
  </si>
  <si>
    <t>0.05544336057818988</t>
  </si>
  <si>
    <t>5.61735200881958</t>
  </si>
  <si>
    <t>615.160888671875</t>
  </si>
  <si>
    <t>0.04745720783016161</t>
  </si>
  <si>
    <t>10919</t>
  </si>
  <si>
    <t>5.059796333312988</t>
  </si>
  <si>
    <t>646.895751953125</t>
  </si>
  <si>
    <t>0.046681390021637625</t>
  </si>
  <si>
    <t>5.7416205406188965</t>
  </si>
  <si>
    <t>455.39886474609375</t>
  </si>
  <si>
    <t>0.02003784346720927</t>
  </si>
  <si>
    <t>6.0810933113098145</t>
  </si>
  <si>
    <t>751.1529541015625</t>
  </si>
  <si>
    <t>-0.010739690789732137</t>
  </si>
  <si>
    <t>7.1394734382629395</t>
  </si>
  <si>
    <t>576.3363647460938</t>
  </si>
  <si>
    <t>0.1265658958861895</t>
  </si>
  <si>
    <t>4.879578590393066</t>
  </si>
  <si>
    <t>698.7332763671875</t>
  </si>
  <si>
    <t>0.034186661864705314</t>
  </si>
  <si>
    <t>5.947370529174805</t>
  </si>
  <si>
    <t>639.9661865234375</t>
  </si>
  <si>
    <t>0.06062916662024698</t>
  </si>
  <si>
    <t>14630</t>
  </si>
  <si>
    <t>5.547937870025635</t>
  </si>
  <si>
    <t>529.79296875</t>
  </si>
  <si>
    <t>0.061889946951485086</t>
  </si>
  <si>
    <t>15064</t>
  </si>
  <si>
    <t>6.544076442718506</t>
  </si>
  <si>
    <t>562.27490234375</t>
  </si>
  <si>
    <t>0.029233576322818422</t>
  </si>
  <si>
    <t>5.868127346038818</t>
  </si>
  <si>
    <t>680.5656127929688</t>
  </si>
  <si>
    <t>0.06302715655295543</t>
  </si>
  <si>
    <t>5.503605365753174</t>
  </si>
  <si>
    <t>714.4137573242188</t>
  </si>
  <si>
    <t>0.06701301874682741</t>
  </si>
  <si>
    <t>6.09857177734375</t>
  </si>
  <si>
    <t>501.8944396972656</t>
  </si>
  <si>
    <t>0.05422673536613942</t>
  </si>
  <si>
    <t>7.091013431549072</t>
  </si>
  <si>
    <t>701.5206298828125</t>
  </si>
  <si>
    <t>-0.052305057674752575</t>
  </si>
  <si>
    <t>17037</t>
  </si>
  <si>
    <t>6.228394985198975</t>
  </si>
  <si>
    <t>484.81488037109375</t>
  </si>
  <si>
    <t>-0.00888219478261476</t>
  </si>
  <si>
    <t>17718</t>
  </si>
  <si>
    <t>6.5938568115234375</t>
  </si>
  <si>
    <t>621.693359375</t>
  </si>
  <si>
    <t>0.03919362242643487</t>
  </si>
  <si>
    <t>6.301797389984131</t>
  </si>
  <si>
    <t>467.9799499511719</t>
  </si>
  <si>
    <t>0.09941670941814351</t>
  </si>
  <si>
    <t>6.449479579925537</t>
  </si>
  <si>
    <t>457.7370300292969</t>
  </si>
  <si>
    <t>0.04427845658090135</t>
  </si>
  <si>
    <t>10.684829711914062</t>
  </si>
  <si>
    <t>429.0320129394531</t>
  </si>
  <si>
    <t>339.83123779296875</t>
  </si>
  <si>
    <t>Eskisehir</t>
  </si>
  <si>
    <t>10.028897285461426</t>
  </si>
  <si>
    <t>479.33966064453125</t>
  </si>
  <si>
    <t>-0.012898093188262294</t>
  </si>
  <si>
    <t>9.478540420532227</t>
  </si>
  <si>
    <t>473.9113464355469</t>
  </si>
  <si>
    <t>0.029662038566343085</t>
  </si>
  <si>
    <t>10.478606224060059</t>
  </si>
  <si>
    <t>379.43426513671875</t>
  </si>
  <si>
    <t>0.05439880380385276</t>
  </si>
  <si>
    <t>11.252303123474121</t>
  </si>
  <si>
    <t>465.4672546386719</t>
  </si>
  <si>
    <t>-0.06708111086228641</t>
  </si>
  <si>
    <t>15598</t>
  </si>
  <si>
    <t>10.6180419921875</t>
  </si>
  <si>
    <t>458.6900329589844</t>
  </si>
  <si>
    <t>0.05725647043376725</t>
  </si>
  <si>
    <t>16451</t>
  </si>
  <si>
    <t>10.95821762084961</t>
  </si>
  <si>
    <t>479.7420654296875</t>
  </si>
  <si>
    <t>0.0532435647289784</t>
  </si>
  <si>
    <t>17389</t>
  </si>
  <si>
    <t>10.040240287780762</t>
  </si>
  <si>
    <t>542.9529418945312</t>
  </si>
  <si>
    <t>0.055451556762648124</t>
  </si>
  <si>
    <t>11.544315338134766</t>
  </si>
  <si>
    <t>579.4454956054688</t>
  </si>
  <si>
    <t>0.006820096928716879</t>
  </si>
  <si>
    <t>16662</t>
  </si>
  <si>
    <t>11.243586540222168</t>
  </si>
  <si>
    <t>478.7204284667969</t>
  </si>
  <si>
    <t>-0.04952724177593204</t>
  </si>
  <si>
    <t>11.164713859558105</t>
  </si>
  <si>
    <t>434.365966796875</t>
  </si>
  <si>
    <t>0.05118225713443891</t>
  </si>
  <si>
    <t>11.5819730758667</t>
  </si>
  <si>
    <t>-0.07751316935341102</t>
  </si>
  <si>
    <t>11.428180694580078</t>
  </si>
  <si>
    <t>496.24835205078125</t>
  </si>
  <si>
    <t>0.04511862298203084</t>
  </si>
  <si>
    <t>10.60500717163086</t>
  </si>
  <si>
    <t>528.8800659179688</t>
  </si>
  <si>
    <t>0.03955366785753078</t>
  </si>
  <si>
    <t>11.128979682922363</t>
  </si>
  <si>
    <t>331.01104736328125</t>
  </si>
  <si>
    <t>0.07664436343902103</t>
  </si>
  <si>
    <t>10.769965171813965</t>
  </si>
  <si>
    <t>491.0970764160156</t>
  </si>
  <si>
    <t>0.10404344524030762</t>
  </si>
  <si>
    <t>11.103958129882812</t>
  </si>
  <si>
    <t>450.3565368652344</t>
  </si>
  <si>
    <t>0.06157764189226178</t>
  </si>
  <si>
    <t>23441</t>
  </si>
  <si>
    <t>11.2423677444458</t>
  </si>
  <si>
    <t>399.94879150390625</t>
  </si>
  <si>
    <t>0.04074911916995383</t>
  </si>
  <si>
    <t>11.636996269226074</t>
  </si>
  <si>
    <t>419.620361328125</t>
  </si>
  <si>
    <t>-0.016647335736029945</t>
  </si>
  <si>
    <t>11.446948051452637</t>
  </si>
  <si>
    <t>539.3673706054688</t>
  </si>
  <si>
    <t>-0.06380428336765576</t>
  </si>
  <si>
    <t>12.550823211669922</t>
  </si>
  <si>
    <t>570.9325561523438</t>
  </si>
  <si>
    <t>0.057931254066105</t>
  </si>
  <si>
    <t>24649</t>
  </si>
  <si>
    <t>10.226088523864746</t>
  </si>
  <si>
    <t>568.4302978515625</t>
  </si>
  <si>
    <t>0.07277007083720832</t>
  </si>
  <si>
    <t>11.722793579101562</t>
  </si>
  <si>
    <t>514.2130737304688</t>
  </si>
  <si>
    <t>0.03323598884471046</t>
  </si>
  <si>
    <t>28491</t>
  </si>
  <si>
    <t>11.476487159729004</t>
  </si>
  <si>
    <t>390.9277648925781</t>
  </si>
  <si>
    <t>0.11161592736973702</t>
  </si>
  <si>
    <t>11.698894500732422</t>
  </si>
  <si>
    <t>571.457275390625</t>
  </si>
  <si>
    <t>-0.009769939276615958</t>
  </si>
  <si>
    <t>10.99510669708252</t>
  </si>
  <si>
    <t>623.4669799804688</t>
  </si>
  <si>
    <t>0.03273951480068149</t>
  </si>
  <si>
    <t>11.576634407043457</t>
  </si>
  <si>
    <t>464.7588195800781</t>
  </si>
  <si>
    <t>0.006666577398757312</t>
  </si>
  <si>
    <t>31383</t>
  </si>
  <si>
    <t>11.59728717803955</t>
  </si>
  <si>
    <t>476.76666259765625</t>
  </si>
  <si>
    <t>0.06704194417798526</t>
  </si>
  <si>
    <t>12.36895751953125</t>
  </si>
  <si>
    <t>588.620361328125</t>
  </si>
  <si>
    <t>0.01370296287565509</t>
  </si>
  <si>
    <t>11.796919822692871</t>
  </si>
  <si>
    <t>413.18170166015625</t>
  </si>
  <si>
    <t>-0.009950016545950291</t>
  </si>
  <si>
    <t>12.388520240783691</t>
  </si>
  <si>
    <t>475.8914489746094</t>
  </si>
  <si>
    <t>0.01783935682126625</t>
  </si>
  <si>
    <t>35421</t>
  </si>
  <si>
    <t>11.566128730773926</t>
  </si>
  <si>
    <t>466.1212463378906</t>
  </si>
  <si>
    <t>0.09944621641237816</t>
  </si>
  <si>
    <t>11.906296730041504</t>
  </si>
  <si>
    <t>393.3778991699219</t>
  </si>
  <si>
    <t>0.04426148641818273</t>
  </si>
  <si>
    <t>15.63373851776123</t>
  </si>
  <si>
    <t>393.2528076171875</t>
  </si>
  <si>
    <t>453.69256591796875</t>
  </si>
  <si>
    <t>Gaziantep</t>
  </si>
  <si>
    <t>15.10204029083252</t>
  </si>
  <si>
    <t>656.9382934570312</t>
  </si>
  <si>
    <t>-0.012933617685433774</t>
  </si>
  <si>
    <t>13.877758979797363</t>
  </si>
  <si>
    <t>624.1234130859375</t>
  </si>
  <si>
    <t>0.02963179760637047</t>
  </si>
  <si>
    <t>15.273364067077637</t>
  </si>
  <si>
    <t>556.8776245117188</t>
  </si>
  <si>
    <t>0.05438253671732518</t>
  </si>
  <si>
    <t>16.080623626708984</t>
  </si>
  <si>
    <t>627.394287109375</t>
  </si>
  <si>
    <t>-0.06699027922857326</t>
  </si>
  <si>
    <t>15.383572578430176</t>
  </si>
  <si>
    <t>593.264892578125</t>
  </si>
  <si>
    <t>0.05714002590978495</t>
  </si>
  <si>
    <t>15.950604438781738</t>
  </si>
  <si>
    <t>589.8988647460938</t>
  </si>
  <si>
    <t>0.05326072315639507</t>
  </si>
  <si>
    <t>14.818714141845703</t>
  </si>
  <si>
    <t>696.5900268554688</t>
  </si>
  <si>
    <t>0.055532468675973945</t>
  </si>
  <si>
    <t>10772</t>
  </si>
  <si>
    <t>16.56178092956543</t>
  </si>
  <si>
    <t>532.3564453125</t>
  </si>
  <si>
    <t>0.00670643348149369</t>
  </si>
  <si>
    <t>16.12215805053711</t>
  </si>
  <si>
    <t>485.7756652832031</t>
  </si>
  <si>
    <t>-0.04947736644752787</t>
  </si>
  <si>
    <t>15.931358337402344</t>
  </si>
  <si>
    <t>462.2325439453125</t>
  </si>
  <si>
    <t>0.05114697076821706</t>
  </si>
  <si>
    <t>16.33088493347168</t>
  </si>
  <si>
    <t>665.6839599609375</t>
  </si>
  <si>
    <t>-0.07743566719162409</t>
  </si>
  <si>
    <t>10447</t>
  </si>
  <si>
    <t>15.934477806091309</t>
  </si>
  <si>
    <t>521.8598022460938</t>
  </si>
  <si>
    <t>0.04513074377695325</t>
  </si>
  <si>
    <t>10868</t>
  </si>
  <si>
    <t>15.713282585144043</t>
  </si>
  <si>
    <t>750.66845703125</t>
  </si>
  <si>
    <t>0.03950783570872929</t>
  </si>
  <si>
    <t>15.674792289733887</t>
  </si>
  <si>
    <t>438.4718933105469</t>
  </si>
  <si>
    <t>0.0766679189395667</t>
  </si>
  <si>
    <t>15.702319145202637</t>
  </si>
  <si>
    <t>486.7171936035156</t>
  </si>
  <si>
    <t>0.034344610149606325</t>
  </si>
  <si>
    <t>12779</t>
  </si>
  <si>
    <t>15.710949897766113</t>
  </si>
  <si>
    <t>480.4450988769531</t>
  </si>
  <si>
    <t>0.05096797797329167</t>
  </si>
  <si>
    <t>12829</t>
  </si>
  <si>
    <t>15.846179008483887</t>
  </si>
  <si>
    <t>520.7802734375</t>
  </si>
  <si>
    <t>0.0039050346406366288</t>
  </si>
  <si>
    <t>16.32061004638672</t>
  </si>
  <si>
    <t>375.72906494140625</t>
  </si>
  <si>
    <t>-0.04945294514458887</t>
  </si>
  <si>
    <t>11092</t>
  </si>
  <si>
    <t>16.276796340942383</t>
  </si>
  <si>
    <t>694.40966796875</t>
  </si>
  <si>
    <t>-0.09603116036908155</t>
  </si>
  <si>
    <t>17.484962463378906</t>
  </si>
  <si>
    <t>400.0635070800781</t>
  </si>
  <si>
    <t>0.08499588409106096</t>
  </si>
  <si>
    <t>15.339102745056152</t>
  </si>
  <si>
    <t>703.7930297851562</t>
  </si>
  <si>
    <t>0.12281250715149561</t>
  </si>
  <si>
    <t>15160</t>
  </si>
  <si>
    <t>16.415830612182617</t>
  </si>
  <si>
    <t>735.336669921875</t>
  </si>
  <si>
    <t>0.1046278612181375</t>
  </si>
  <si>
    <t>17008</t>
  </si>
  <si>
    <t>16.19116973876953</t>
  </si>
  <si>
    <t>373.83221435546875</t>
  </si>
  <si>
    <t>0.11502344138536635</t>
  </si>
  <si>
    <t>16.559865951538086</t>
  </si>
  <si>
    <t>584.4286499023438</t>
  </si>
  <si>
    <t>0.05022263677214234</t>
  </si>
  <si>
    <t>16.178285598754883</t>
  </si>
  <si>
    <t>559.5841064453125</t>
  </si>
  <si>
    <t>0.07904432565787722</t>
  </si>
  <si>
    <t>19376</t>
  </si>
  <si>
    <t>16.454137802124023</t>
  </si>
  <si>
    <t>513.4591674804688</t>
  </si>
  <si>
    <t>0.0010844027811245383</t>
  </si>
  <si>
    <t>16.643741607666016</t>
  </si>
  <si>
    <t>525.653564453125</t>
  </si>
  <si>
    <t>0.06489005409901871</t>
  </si>
  <si>
    <t>17.27320098876953</t>
  </si>
  <si>
    <t>781.6329345703125</t>
  </si>
  <si>
    <t>0.041079277018823745</t>
  </si>
  <si>
    <t>21215</t>
  </si>
  <si>
    <t>16.651412963867188</t>
  </si>
  <si>
    <t>729.9871215820312</t>
  </si>
  <si>
    <t>-0.015296039274289797</t>
  </si>
  <si>
    <t>23410</t>
  </si>
  <si>
    <t>17.109262466430664</t>
  </si>
  <si>
    <t>595.3180541992188</t>
  </si>
  <si>
    <t>0.09845480284853103</t>
  </si>
  <si>
    <t>25858</t>
  </si>
  <si>
    <t>16.806516647338867</t>
  </si>
  <si>
    <t>398.496826171875</t>
  </si>
  <si>
    <t>0.09945674932954063</t>
  </si>
  <si>
    <t>16.788536071777344</t>
  </si>
  <si>
    <t>442.808349609375</t>
  </si>
  <si>
    <t>0.044253334857566884</t>
  </si>
  <si>
    <t>9.5995512008667</t>
  </si>
  <si>
    <t>714.4784545898438</t>
  </si>
  <si>
    <t>259.34259033203125</t>
  </si>
  <si>
    <t>Giresun</t>
  </si>
  <si>
    <t>8.769782066345215</t>
  </si>
  <si>
    <t>776.3201904296875</t>
  </si>
  <si>
    <t>-0.013039035186753978</t>
  </si>
  <si>
    <t>7.9765238761901855</t>
  </si>
  <si>
    <t>756.3793334960938</t>
  </si>
  <si>
    <t>0.029687515672968345</t>
  </si>
  <si>
    <t>9.012755393981934</t>
  </si>
  <si>
    <t>617.1221313476562</t>
  </si>
  <si>
    <t>0.05451871634228311</t>
  </si>
  <si>
    <t>9.895004272460938</t>
  </si>
  <si>
    <t>676.998779296875</t>
  </si>
  <si>
    <t>-0.06720940802108011</t>
  </si>
  <si>
    <t>9.578581809997559</t>
  </si>
  <si>
    <t>776.0111083984375</t>
  </si>
  <si>
    <t>0.057312011874195434</t>
  </si>
  <si>
    <t>10.02141284942627</t>
  </si>
  <si>
    <t>808.3123168945312</t>
  </si>
  <si>
    <t>0.053262012903665834</t>
  </si>
  <si>
    <t>8.887380599975586</t>
  </si>
  <si>
    <t>710.9418334960938</t>
  </si>
  <si>
    <t>0.055375484907649763</t>
  </si>
  <si>
    <t>10.460637092590332</t>
  </si>
  <si>
    <t>756.6173095703125</t>
  </si>
  <si>
    <t>0.006891213222042225</t>
  </si>
  <si>
    <t>10.177977561950684</t>
  </si>
  <si>
    <t>767.5848388671875</t>
  </si>
  <si>
    <t>-0.04961571529937103</t>
  </si>
  <si>
    <t>9.990545272827148</t>
  </si>
  <si>
    <t>612.1806030273438</t>
  </si>
  <si>
    <t>0.051275834102424867</t>
  </si>
  <si>
    <t>10.540674209594727</t>
  </si>
  <si>
    <t>742.8134155273438</t>
  </si>
  <si>
    <t>-0.07757607043577686</t>
  </si>
  <si>
    <t>10.39393138885498</t>
  </si>
  <si>
    <t>638.5459594726562</t>
  </si>
  <si>
    <t>0.045095831446136714</t>
  </si>
  <si>
    <t>9.540443420410156</t>
  </si>
  <si>
    <t>757.5387573242188</t>
  </si>
  <si>
    <t>0.03964240943278874</t>
  </si>
  <si>
    <t>9.979338645935059</t>
  </si>
  <si>
    <t>766.173583984375</t>
  </si>
  <si>
    <t>0.07659092759652708</t>
  </si>
  <si>
    <t>11922</t>
  </si>
  <si>
    <t>9.847762107849121</t>
  </si>
  <si>
    <t>831.3887939453125</t>
  </si>
  <si>
    <t>0.19264135699971519</t>
  </si>
  <si>
    <t>10.262134552001953</t>
  </si>
  <si>
    <t>735.3370971679688</t>
  </si>
  <si>
    <t>0.05125554833043644</t>
  </si>
  <si>
    <t>12338</t>
  </si>
  <si>
    <t>10.253559112548828</t>
  </si>
  <si>
    <t>729.5769653320312</t>
  </si>
  <si>
    <t>-0.016957050340723256</t>
  </si>
  <si>
    <t>10.547266960144043</t>
  </si>
  <si>
    <t>672.0486450195312</t>
  </si>
  <si>
    <t>0.05579764258645703</t>
  </si>
  <si>
    <t>11910</t>
  </si>
  <si>
    <t>10.818133354187012</t>
  </si>
  <si>
    <t>847.9783935546875</t>
  </si>
  <si>
    <t>-0.0911031900066952</t>
  </si>
  <si>
    <t>11.818744659423828</t>
  </si>
  <si>
    <t>698.65185546875</t>
  </si>
  <si>
    <t>0.05742892487424989</t>
  </si>
  <si>
    <t>9.480077743530273</t>
  </si>
  <si>
    <t>801.6846313476562</t>
  </si>
  <si>
    <t>0.06476641652466597</t>
  </si>
  <si>
    <t>10.829083442687988</t>
  </si>
  <si>
    <t>818.8873901367188</t>
  </si>
  <si>
    <t>0.05809504677515953</t>
  </si>
  <si>
    <t>10.459933280944824</t>
  </si>
  <si>
    <t>557.4290161132812</t>
  </si>
  <si>
    <t>0.009073205739248635</t>
  </si>
  <si>
    <t>14932</t>
  </si>
  <si>
    <t>11.039813041687012</t>
  </si>
  <si>
    <t>785.5908813476562</t>
  </si>
  <si>
    <t>0.03676458377180403</t>
  </si>
  <si>
    <t>10.346978187561035</t>
  </si>
  <si>
    <t>814.7576904296875</t>
  </si>
  <si>
    <t>0.21539866238832772</t>
  </si>
  <si>
    <t>16445</t>
  </si>
  <si>
    <t>10.270934104919434</t>
  </si>
  <si>
    <t>836.8479614257812</t>
  </si>
  <si>
    <t>-0.11888374379964439</t>
  </si>
  <si>
    <t>10.760326385498047</t>
  </si>
  <si>
    <t>701.1224975585938</t>
  </si>
  <si>
    <t>0.060520883851285845</t>
  </si>
  <si>
    <t>16106</t>
  </si>
  <si>
    <t>11.631004333496094</t>
  </si>
  <si>
    <t>759.5192260742188</t>
  </si>
  <si>
    <t>-0.0813504901189539</t>
  </si>
  <si>
    <t>17651</t>
  </si>
  <si>
    <t>11.008156776428223</t>
  </si>
  <si>
    <t>660.5183715820312</t>
  </si>
  <si>
    <t>0.09160056562478935</t>
  </si>
  <si>
    <t>11.483992576599121</t>
  </si>
  <si>
    <t>632.5169677734375</t>
  </si>
  <si>
    <t>0.03769206599156938</t>
  </si>
  <si>
    <t>10.637042045593262</t>
  </si>
  <si>
    <t>812.9750366210938</t>
  </si>
  <si>
    <t>0.09947273818684899</t>
  </si>
  <si>
    <t>21162</t>
  </si>
  <si>
    <t>10.953105926513672</t>
  </si>
  <si>
    <t>672.1619262695312</t>
  </si>
  <si>
    <t>0.04424987730540941</t>
  </si>
  <si>
    <t>7.292064666748047</t>
  </si>
  <si>
    <t>471.2894287109375</t>
  </si>
  <si>
    <t>58.384586334228516</t>
  </si>
  <si>
    <t>GÔøΩmÔøΩshane</t>
  </si>
  <si>
    <t>6.565737247467041</t>
  </si>
  <si>
    <t>542.863525390625</t>
  </si>
  <si>
    <t>-0.01291233065786379</t>
  </si>
  <si>
    <t>5.454996585845947</t>
  </si>
  <si>
    <t>602.8528442382812</t>
  </si>
  <si>
    <t>0.029610622892535687</t>
  </si>
  <si>
    <t>9374</t>
  </si>
  <si>
    <t>6.521663188934326</t>
  </si>
  <si>
    <t>505.2774963378906</t>
  </si>
  <si>
    <t>0.05447623741433105</t>
  </si>
  <si>
    <t>7.40159273147583</t>
  </si>
  <si>
    <t>489.7591857910156</t>
  </si>
  <si>
    <t>-0.06705929750389572</t>
  </si>
  <si>
    <t>7.18346643447876</t>
  </si>
  <si>
    <t>517.0615844726562</t>
  </si>
  <si>
    <t>0.05719643882236625</t>
  </si>
  <si>
    <t>7.75053071975708</t>
  </si>
  <si>
    <t>525.7700805664062</t>
  </si>
  <si>
    <t>0.05328441572343401</t>
  </si>
  <si>
    <t>10348</t>
  </si>
  <si>
    <t>6.43353271484375</t>
  </si>
  <si>
    <t>515.318115234375</t>
  </si>
  <si>
    <t>0.05543180778136403</t>
  </si>
  <si>
    <t>8.145401954650879</t>
  </si>
  <si>
    <t>598.5891723632812</t>
  </si>
  <si>
    <t>0.006741814999218221</t>
  </si>
  <si>
    <t>7.804265975952148</t>
  </si>
  <si>
    <t>531.32470703125</t>
  </si>
  <si>
    <t>-0.04948631735124209</t>
  </si>
  <si>
    <t>7.516600131988525</t>
  </si>
  <si>
    <t>461.6268615722656</t>
  </si>
  <si>
    <t>0.05121260530272309</t>
  </si>
  <si>
    <t>8.089856147766113</t>
  </si>
  <si>
    <t>580.4718627929688</t>
  </si>
  <si>
    <t>-0.07757832628970007</t>
  </si>
  <si>
    <t>7.703384876251221</t>
  </si>
  <si>
    <t>537.8305053710938</t>
  </si>
  <si>
    <t>0.04514936846081419</t>
  </si>
  <si>
    <t>7.292463302612305</t>
  </si>
  <si>
    <t>581.760986328125</t>
  </si>
  <si>
    <t>0.03958991839562209</t>
  </si>
  <si>
    <t>7.451991558074951</t>
  </si>
  <si>
    <t>554.6561889648438</t>
  </si>
  <si>
    <t>0.07661918910538645</t>
  </si>
  <si>
    <t>7.480659484863281</t>
  </si>
  <si>
    <t>604.316162109375</t>
  </si>
  <si>
    <t>0.06399863273811768</t>
  </si>
  <si>
    <t>12722</t>
  </si>
  <si>
    <t>7.702986240386963</t>
  </si>
  <si>
    <t>545.6103515625</t>
  </si>
  <si>
    <t>0.05029262857189032</t>
  </si>
  <si>
    <t>7.524185657501221</t>
  </si>
  <si>
    <t>507.76953125</t>
  </si>
  <si>
    <t>0.046684355934004884</t>
  </si>
  <si>
    <t>8.023123741149902</t>
  </si>
  <si>
    <t>429.8292541503906</t>
  </si>
  <si>
    <t>0.003370158591453176</t>
  </si>
  <si>
    <t>8.162249565124512</t>
  </si>
  <si>
    <t>657.9525756835938</t>
  </si>
  <si>
    <t>-0.03244595671807282</t>
  </si>
  <si>
    <t>14539</t>
  </si>
  <si>
    <t>9.3108549118042</t>
  </si>
  <si>
    <t>508.69659423828125</t>
  </si>
  <si>
    <t>0.11589335788529098</t>
  </si>
  <si>
    <t>16869</t>
  </si>
  <si>
    <t>7.110191345214844</t>
  </si>
  <si>
    <t>602.5631103515625</t>
  </si>
  <si>
    <t>0.14864292402888601</t>
  </si>
  <si>
    <t>8.194918632507324</t>
  </si>
  <si>
    <t>581.0186767578125</t>
  </si>
  <si>
    <t>0.04190978963859315</t>
  </si>
  <si>
    <t>18083</t>
  </si>
  <si>
    <t>7.811784744262695</t>
  </si>
  <si>
    <t>411.73211669921875</t>
  </si>
  <si>
    <t>0.027584862786074638</t>
  </si>
  <si>
    <t>17527</t>
  </si>
  <si>
    <t>8.584992408752441</t>
  </si>
  <si>
    <t>515.438232421875</t>
  </si>
  <si>
    <t>-0.031229721311802905</t>
  </si>
  <si>
    <t>7.90099573135376</t>
  </si>
  <si>
    <t>554.26953125</t>
  </si>
  <si>
    <t>-0.028648621499861804</t>
  </si>
  <si>
    <t>7.526858806610107</t>
  </si>
  <si>
    <t>580.1488647460938</t>
  </si>
  <si>
    <t>-0.027198391519251075</t>
  </si>
  <si>
    <t>15715</t>
  </si>
  <si>
    <t>8.217795372009277</t>
  </si>
  <si>
    <t>452.27410888671875</t>
  </si>
  <si>
    <t>-0.05327986582239497</t>
  </si>
  <si>
    <t>9.10559368133545</t>
  </si>
  <si>
    <t>619.7520141601562</t>
  </si>
  <si>
    <t>0.051951684028496814</t>
  </si>
  <si>
    <t>8.326593399047852</t>
  </si>
  <si>
    <t>503.1021728515625</t>
  </si>
  <si>
    <t>-0.007580158183715824</t>
  </si>
  <si>
    <t>18650</t>
  </si>
  <si>
    <t>8.748454093933105</t>
  </si>
  <si>
    <t>518.0313110351562</t>
  </si>
  <si>
    <t>0.12685894999551195</t>
  </si>
  <si>
    <t>20600</t>
  </si>
  <si>
    <t>8.30820083618164</t>
  </si>
  <si>
    <t>439.64703369140625</t>
  </si>
  <si>
    <t>0.09944492970571162</t>
  </si>
  <si>
    <t>8.492729187011719</t>
  </si>
  <si>
    <t>483.08782958984375</t>
  </si>
  <si>
    <t>0.044249124903174675</t>
  </si>
  <si>
    <t>8.044480323791504</t>
  </si>
  <si>
    <t>403.1061096191406</t>
  </si>
  <si>
    <t>199.08523559570312</t>
  </si>
  <si>
    <t>Hakkari</t>
  </si>
  <si>
    <t>7.749081134796143</t>
  </si>
  <si>
    <t>642.7484130859375</t>
  </si>
  <si>
    <t>-0.012871051066852601</t>
  </si>
  <si>
    <t>6123</t>
  </si>
  <si>
    <t>6.33220100402832</t>
  </si>
  <si>
    <t>582.4310302734375</t>
  </si>
  <si>
    <t>0.029669865080359514</t>
  </si>
  <si>
    <t>6465</t>
  </si>
  <si>
    <t>7.311147689819336</t>
  </si>
  <si>
    <t>821.3095703125</t>
  </si>
  <si>
    <t>0.05435083972800214</t>
  </si>
  <si>
    <t>8.316418647766113</t>
  </si>
  <si>
    <t>654.8318481445312</t>
  </si>
  <si>
    <t>-0.06700611586655292</t>
  </si>
  <si>
    <t>8.099310874938965</t>
  </si>
  <si>
    <t>440.1468200683594</t>
  </si>
  <si>
    <t>0.05721354519040389</t>
  </si>
  <si>
    <t>8.495135307312012</t>
  </si>
  <si>
    <t>480.887939453125</t>
  </si>
  <si>
    <t>0.053228315745984744</t>
  </si>
  <si>
    <t>7.465976715087891</t>
  </si>
  <si>
    <t>478.5010681152344</t>
  </si>
  <si>
    <t>0.05545376269527402</t>
  </si>
  <si>
    <t>9.283086776733398</t>
  </si>
  <si>
    <t>458.89727783203125</t>
  </si>
  <si>
    <t>0.006702999542058663</t>
  </si>
  <si>
    <t>8.819692611694336</t>
  </si>
  <si>
    <t>406.3383483886719</t>
  </si>
  <si>
    <t>-0.049500228313878125</t>
  </si>
  <si>
    <t>7197</t>
  </si>
  <si>
    <t>8.667834281921387</t>
  </si>
  <si>
    <t>396.57440185546875</t>
  </si>
  <si>
    <t>0.05116898130855674</t>
  </si>
  <si>
    <t>9.123868942260742</t>
  </si>
  <si>
    <t>484.94244384765625</t>
  </si>
  <si>
    <t>-0.07739464909462512</t>
  </si>
  <si>
    <t>8.55258560180664</t>
  </si>
  <si>
    <t>551.0436401367188</t>
  </si>
  <si>
    <t>0.04505861611916018</t>
  </si>
  <si>
    <t>8.482643127441406</t>
  </si>
  <si>
    <t>647.9322509765625</t>
  </si>
  <si>
    <t>0.039535288768538734</t>
  </si>
  <si>
    <t>7827</t>
  </si>
  <si>
    <t>8.259730339050293</t>
  </si>
  <si>
    <t>563.2962646484375</t>
  </si>
  <si>
    <t>0.07671576650396084</t>
  </si>
  <si>
    <t>7957</t>
  </si>
  <si>
    <t>8.507201194763184</t>
  </si>
  <si>
    <t>444.7342224121094</t>
  </si>
  <si>
    <t>0.016472749572695733</t>
  </si>
  <si>
    <t>8.55787181854248</t>
  </si>
  <si>
    <t>570.6429443359375</t>
  </si>
  <si>
    <t>0.05774472761836691</t>
  </si>
  <si>
    <t>8.103257179260254</t>
  </si>
  <si>
    <t>484.4448547363281</t>
  </si>
  <si>
    <t>0.04261398225677304</t>
  </si>
  <si>
    <t>8.931227684020996</t>
  </si>
  <si>
    <t>348.41400146484375</t>
  </si>
  <si>
    <t>-0.046060007887827936</t>
  </si>
  <si>
    <t>8.946781158447266</t>
  </si>
  <si>
    <t>466.3670654296875</t>
  </si>
  <si>
    <t>-0.04466821044561975</t>
  </si>
  <si>
    <t>10.022222518920898</t>
  </si>
  <si>
    <t>427.8515319824219</t>
  </si>
  <si>
    <t>0.09549121214172196</t>
  </si>
  <si>
    <t>7.865535259246826</t>
  </si>
  <si>
    <t>587.4013671875</t>
  </si>
  <si>
    <t>0.07064327937657922</t>
  </si>
  <si>
    <t>8.797223091125488</t>
  </si>
  <si>
    <t>598.1461181640625</t>
  </si>
  <si>
    <t>0.0485592207646004</t>
  </si>
  <si>
    <t>8.206244468688965</t>
  </si>
  <si>
    <t>485.8907470703125</t>
  </si>
  <si>
    <t>-0.0005022349560643846</t>
  </si>
  <si>
    <t>9.06857967376709</t>
  </si>
  <si>
    <t>499.53509521484375</t>
  </si>
  <si>
    <t>0.09610450815933014</t>
  </si>
  <si>
    <t>11293</t>
  </si>
  <si>
    <t>8.897223472595215</t>
  </si>
  <si>
    <t>561.9729614257812</t>
  </si>
  <si>
    <t>0.030204543318276933</t>
  </si>
  <si>
    <t>8.425210952758789</t>
  </si>
  <si>
    <t>563.6165771484375</t>
  </si>
  <si>
    <t>0.07651490984147458</t>
  </si>
  <si>
    <t>14302</t>
  </si>
  <si>
    <t>9.120365142822266</t>
  </si>
  <si>
    <t>477.9469299316406</t>
  </si>
  <si>
    <t>0.15970141304319618</t>
  </si>
  <si>
    <t>9.728257179260254</t>
  </si>
  <si>
    <t>730.7157592773438</t>
  </si>
  <si>
    <t>0.10535352360429506</t>
  </si>
  <si>
    <t>8.976611137390137</t>
  </si>
  <si>
    <t>575.6112060546875</t>
  </si>
  <si>
    <t>0.07016266086960599</t>
  </si>
  <si>
    <t>17525</t>
  </si>
  <si>
    <t>8.979813575744629</t>
  </si>
  <si>
    <t>642.815185546875</t>
  </si>
  <si>
    <t>0.027712860820548357</t>
  </si>
  <si>
    <t>9.581244468688965</t>
  </si>
  <si>
    <t>429.9576416015625</t>
  </si>
  <si>
    <t>0.0994256782427545</t>
  </si>
  <si>
    <t>20233</t>
  </si>
  <si>
    <t>9.335844993591309</t>
  </si>
  <si>
    <t>335.310791015625</t>
  </si>
  <si>
    <t>0.04426082363364969</t>
  </si>
  <si>
    <t>17.381078720092773</t>
  </si>
  <si>
    <t>610.2239379882812</t>
  </si>
  <si>
    <t>458.57989501953125</t>
  </si>
  <si>
    <t>Hatay</t>
  </si>
  <si>
    <t>16.827720642089844</t>
  </si>
  <si>
    <t>969.8724365234375</t>
  </si>
  <si>
    <t>-0.01302605990955108</t>
  </si>
  <si>
    <t>15.844822883605957</t>
  </si>
  <si>
    <t>847.5718994140625</t>
  </si>
  <si>
    <t>17.16852569580078</t>
  </si>
  <si>
    <t>697.455078125</t>
  </si>
  <si>
    <t>0.05444735649438037</t>
  </si>
  <si>
    <t>17.726320266723633</t>
  </si>
  <si>
    <t>857.5283203125</t>
  </si>
  <si>
    <t>-0.06702468723711341</t>
  </si>
  <si>
    <t>17.132808685302734</t>
  </si>
  <si>
    <t>818.126953125</t>
  </si>
  <si>
    <t>0.05720356944941152</t>
  </si>
  <si>
    <t>17.575233459472656</t>
  </si>
  <si>
    <t>848.4278564453125</t>
  </si>
  <si>
    <t>0.05327619390394389</t>
  </si>
  <si>
    <t>16.443092346191406</t>
  </si>
  <si>
    <t>990.12646484375</t>
  </si>
  <si>
    <t>0.05541247616923961</t>
  </si>
  <si>
    <t>18.221553802490234</t>
  </si>
  <si>
    <t>770.0772094726562</t>
  </si>
  <si>
    <t>0.006764400088542288</t>
  </si>
  <si>
    <t>17.636592864990234</t>
  </si>
  <si>
    <t>713.2824096679688</t>
  </si>
  <si>
    <t>-0.04946943732443465</t>
  </si>
  <si>
    <t>17.4868106842041</t>
  </si>
  <si>
    <t>711.9578857421875</t>
  </si>
  <si>
    <t>0.051129026713006454</t>
  </si>
  <si>
    <t>17.679452896118164</t>
  </si>
  <si>
    <t>1003.96728515625</t>
  </si>
  <si>
    <t>-0.07744496624645514</t>
  </si>
  <si>
    <t>9926</t>
  </si>
  <si>
    <t>17.608131408691406</t>
  </si>
  <si>
    <t>842.2034301757812</t>
  </si>
  <si>
    <t>0.04512973490987804</t>
  </si>
  <si>
    <t>10326</t>
  </si>
  <si>
    <t>17.195466995239258</t>
  </si>
  <si>
    <t>1064.7117919921875</t>
  </si>
  <si>
    <t>0.03950740929220942</t>
  </si>
  <si>
    <t>17.329452514648438</t>
  </si>
  <si>
    <t>607.4017333984375</t>
  </si>
  <si>
    <t>0.0766848213279765</t>
  </si>
  <si>
    <t>17.211158752441406</t>
  </si>
  <si>
    <t>748.348876953125</t>
  </si>
  <si>
    <t>0.09065974990222792</t>
  </si>
  <si>
    <t>17.190706253051758</t>
  </si>
  <si>
    <t>723.8615112304688</t>
  </si>
  <si>
    <t>0.026594947366056942</t>
  </si>
  <si>
    <t>17.401206970214844</t>
  </si>
  <si>
    <t>780.9984741210938</t>
  </si>
  <si>
    <t>0.052142487007948546</t>
  </si>
  <si>
    <t>17.9676570892334</t>
  </si>
  <si>
    <t>698.6769409179688</t>
  </si>
  <si>
    <t>0.003099605581235565</t>
  </si>
  <si>
    <t>17.78822135925293</t>
  </si>
  <si>
    <t>1108.8917236328125</t>
  </si>
  <si>
    <t>-0.09221262710547684</t>
  </si>
  <si>
    <t>18.98659324645996</t>
  </si>
  <si>
    <t>778.4481811523438</t>
  </si>
  <si>
    <t>0.04705038493104574</t>
  </si>
  <si>
    <t>16.912567138671875</t>
  </si>
  <si>
    <t>1056.0556640625</t>
  </si>
  <si>
    <t>0.11575407618508926</t>
  </si>
  <si>
    <t>18.069171905517578</t>
  </si>
  <si>
    <t>1062.836181640625</t>
  </si>
  <si>
    <t>-0.0014781968693107217</t>
  </si>
  <si>
    <t>17.954452514648438</t>
  </si>
  <si>
    <t>594.0680541992188</t>
  </si>
  <si>
    <t>0.08762169132044484</t>
  </si>
  <si>
    <t>18.09665870666504</t>
  </si>
  <si>
    <t>889.829833984375</t>
  </si>
  <si>
    <t>0.04892536657378166</t>
  </si>
  <si>
    <t>17.696979522705078</t>
  </si>
  <si>
    <t>822.2935180664062</t>
  </si>
  <si>
    <t>0.04646694249031036</t>
  </si>
  <si>
    <t>18.17036247253418</t>
  </si>
  <si>
    <t>778.7813720703125</t>
  </si>
  <si>
    <t>0.046029273056859665</t>
  </si>
  <si>
    <t>18.186809539794922</t>
  </si>
  <si>
    <t>834.6266479492188</t>
  </si>
  <si>
    <t>0.08404245495798257</t>
  </si>
  <si>
    <t>18.689516067504883</t>
  </si>
  <si>
    <t>1237.0587158203125</t>
  </si>
  <si>
    <t>0.023366381625541166</t>
  </si>
  <si>
    <t>18005</t>
  </si>
  <si>
    <t>18.132375717163086</t>
  </si>
  <si>
    <t>1044.072509765625</t>
  </si>
  <si>
    <t>-0.09876284770833266</t>
  </si>
  <si>
    <t>18.631834030151367</t>
  </si>
  <si>
    <t>899.5875244140625</t>
  </si>
  <si>
    <t>0.03455301026262525</t>
  </si>
  <si>
    <t>20587</t>
  </si>
  <si>
    <t>18.378372192382812</t>
  </si>
  <si>
    <t>621.6071166992188</t>
  </si>
  <si>
    <t>0.09945730126370833</t>
  </si>
  <si>
    <t>21519</t>
  </si>
  <si>
    <t>18.331079483032227</t>
  </si>
  <si>
    <t>714.9873046875</t>
  </si>
  <si>
    <t>0.04427645718523543</t>
  </si>
  <si>
    <t>282.3999938964844</t>
  </si>
  <si>
    <t>56.492279052734375</t>
  </si>
  <si>
    <t>Igdir</t>
  </si>
  <si>
    <t>329.0999755859375</t>
  </si>
  <si>
    <t>-0.012881817613815016</t>
  </si>
  <si>
    <t>0.02969447669498848</t>
  </si>
  <si>
    <t>353.9999694824219</t>
  </si>
  <si>
    <t>0.05439407206579894</t>
  </si>
  <si>
    <t>384.4000244140625</t>
  </si>
  <si>
    <t>-0.06705975663790653</t>
  </si>
  <si>
    <t>309.1999816894531</t>
  </si>
  <si>
    <t>0.05725956931139642</t>
  </si>
  <si>
    <t>297.5</t>
  </si>
  <si>
    <t>0.05312060617145775</t>
  </si>
  <si>
    <t>293.4000244140625</t>
  </si>
  <si>
    <t>0.05550174040670797</t>
  </si>
  <si>
    <t>278.4000244140625</t>
  </si>
  <si>
    <t>0.006847906013966565</t>
  </si>
  <si>
    <t>321.4000244140625</t>
  </si>
  <si>
    <t>-0.049535567261491664</t>
  </si>
  <si>
    <t>241.40000915527344</t>
  </si>
  <si>
    <t>0.05120548137067793</t>
  </si>
  <si>
    <t>315.8999938964844</t>
  </si>
  <si>
    <t>-0.07760084532224454</t>
  </si>
  <si>
    <t>374.6999816894531</t>
  </si>
  <si>
    <t>0.0452419641133357</t>
  </si>
  <si>
    <t>438.60003662109375</t>
  </si>
  <si>
    <t>0.03942506925277911</t>
  </si>
  <si>
    <t>356.1000061035156</t>
  </si>
  <si>
    <t>0.07677693840628486</t>
  </si>
  <si>
    <t>363.8000183105469</t>
  </si>
  <si>
    <t>0.07272794936082683</t>
  </si>
  <si>
    <t>313.5</t>
  </si>
  <si>
    <t>0.08846674353844719</t>
  </si>
  <si>
    <t>398.20001220703125</t>
  </si>
  <si>
    <t>-0.0032701140978979026</t>
  </si>
  <si>
    <t>9382</t>
  </si>
  <si>
    <t>275.9000244140625</t>
  </si>
  <si>
    <t>0.024055957485416002</t>
  </si>
  <si>
    <t>390.2000427246094</t>
  </si>
  <si>
    <t>-0.025257683745731896</t>
  </si>
  <si>
    <t>385.3000183105469</t>
  </si>
  <si>
    <t>0.12942371097178373</t>
  </si>
  <si>
    <t>407.8000183105469</t>
  </si>
  <si>
    <t>0.17045413145328858</t>
  </si>
  <si>
    <t>350.29998779296875</t>
  </si>
  <si>
    <t>0.04914877576799803</t>
  </si>
  <si>
    <t>254.3000030517578</t>
  </si>
  <si>
    <t>0.010660836482962566</t>
  </si>
  <si>
    <t>322.8999938964844</t>
  </si>
  <si>
    <t>0.018668115725356316</t>
  </si>
  <si>
    <t>369.5999755859375</t>
  </si>
  <si>
    <t>0.10172230674251637</t>
  </si>
  <si>
    <t>14160</t>
  </si>
  <si>
    <t>394.3000183105469</t>
  </si>
  <si>
    <t>-0.04319206503886619</t>
  </si>
  <si>
    <t>265.29998779296875</t>
  </si>
  <si>
    <t>0.14221532927798464</t>
  </si>
  <si>
    <t>0.011693190480285054</t>
  </si>
  <si>
    <t>17174</t>
  </si>
  <si>
    <t>275.6999816894531</t>
  </si>
  <si>
    <t>0.0390670042264496</t>
  </si>
  <si>
    <t>18407</t>
  </si>
  <si>
    <t>377.5</t>
  </si>
  <si>
    <t>0.06933441480029146</t>
  </si>
  <si>
    <t>236.79998779296875</t>
  </si>
  <si>
    <t>0.09941578777150184</t>
  </si>
  <si>
    <t>259.5</t>
  </si>
  <si>
    <t>0.044257138264637064</t>
  </si>
  <si>
    <t>10853</t>
  </si>
  <si>
    <t>10.794486999511719</t>
  </si>
  <si>
    <t>460.4501953125</t>
  </si>
  <si>
    <t>253.27877807617188</t>
  </si>
  <si>
    <t>Isparta</t>
  </si>
  <si>
    <t>10714</t>
  </si>
  <si>
    <t>10.077645301818848</t>
  </si>
  <si>
    <t>562.0667114257812</t>
  </si>
  <si>
    <t>-0.012890242005109798</t>
  </si>
  <si>
    <t>11036</t>
  </si>
  <si>
    <t>9.507584571838379</t>
  </si>
  <si>
    <t>498.26416015625</t>
  </si>
  <si>
    <t>0.02961135889627009</t>
  </si>
  <si>
    <t>10.649622917175293</t>
  </si>
  <si>
    <t>488.3257141113281</t>
  </si>
  <si>
    <t>0.05448681236584285</t>
  </si>
  <si>
    <t>10898</t>
  </si>
  <si>
    <t>11.240287780761719</t>
  </si>
  <si>
    <t>580.5657958984375</t>
  </si>
  <si>
    <t>-0.06707018255997532</t>
  </si>
  <si>
    <t>11540</t>
  </si>
  <si>
    <t>10.655851364135742</t>
  </si>
  <si>
    <t>570.1380004882812</t>
  </si>
  <si>
    <t>0.057239974919047754</t>
  </si>
  <si>
    <t>10.960661888122559</t>
  </si>
  <si>
    <t>580.543701171875</t>
  </si>
  <si>
    <t>0.05315464591948249</t>
  </si>
  <si>
    <t>10.047015190124512</t>
  </si>
  <si>
    <t>714.5770263671875</t>
  </si>
  <si>
    <t>0.055536538734271446</t>
  </si>
  <si>
    <t>12952</t>
  </si>
  <si>
    <t>11.41934871673584</t>
  </si>
  <si>
    <t>709.8345947265625</t>
  </si>
  <si>
    <t>0.0067397706416265635</t>
  </si>
  <si>
    <t>12326</t>
  </si>
  <si>
    <t>11.278343200683594</t>
  </si>
  <si>
    <t>512.4488525390625</t>
  </si>
  <si>
    <t>-0.04953936383528301</t>
  </si>
  <si>
    <t>11.105927467346191</t>
  </si>
  <si>
    <t>529.5469970703125</t>
  </si>
  <si>
    <t>0.05123650225081278</t>
  </si>
  <si>
    <t>11.504703521728516</t>
  </si>
  <si>
    <t>639.778564453125</t>
  </si>
  <si>
    <t>-0.07754082996121348</t>
  </si>
  <si>
    <t>11.3701753616333</t>
  </si>
  <si>
    <t>633.431884765625</t>
  </si>
  <si>
    <t>0.04511063621040101</t>
  </si>
  <si>
    <t>10.659543991088867</t>
  </si>
  <si>
    <t>759.5269775390625</t>
  </si>
  <si>
    <t>0.039572806966956975</t>
  </si>
  <si>
    <t>14108</t>
  </si>
  <si>
    <t>11.122734069824219</t>
  </si>
  <si>
    <t>415.26531982421875</t>
  </si>
  <si>
    <t>0.07665204436679751</t>
  </si>
  <si>
    <t>10.697768211364746</t>
  </si>
  <si>
    <t>561.3446655273438</t>
  </si>
  <si>
    <t>0.06470242179641872</t>
  </si>
  <si>
    <t>15681</t>
  </si>
  <si>
    <t>10.999801635742188</t>
  </si>
  <si>
    <t>562.7269287109375</t>
  </si>
  <si>
    <t>0.04100535422866969</t>
  </si>
  <si>
    <t>11.330492973327637</t>
  </si>
  <si>
    <t>460.2848205566406</t>
  </si>
  <si>
    <t>0.04355023810134817</t>
  </si>
  <si>
    <t>16617</t>
  </si>
  <si>
    <t>11.713321685791016</t>
  </si>
  <si>
    <t>463.7550354003906</t>
  </si>
  <si>
    <t>0.014426241218833624</t>
  </si>
  <si>
    <t>11.407362937927246</t>
  </si>
  <si>
    <t>710.43310546875</t>
  </si>
  <si>
    <t>-0.017055006296766706</t>
  </si>
  <si>
    <t>16278</t>
  </si>
  <si>
    <t>12.453755378723145</t>
  </si>
  <si>
    <t>615.5817260742188</t>
  </si>
  <si>
    <t>-0.003556758517460068</t>
  </si>
  <si>
    <t>10.32870864868164</t>
  </si>
  <si>
    <t>727.2703857421875</t>
  </si>
  <si>
    <t>0.09855525232064188</t>
  </si>
  <si>
    <t>11.822590827941895</t>
  </si>
  <si>
    <t>641.487060546875</t>
  </si>
  <si>
    <t>0.06898544920749572</t>
  </si>
  <si>
    <t>11.561470031738281</t>
  </si>
  <si>
    <t>502.4377136230469</t>
  </si>
  <si>
    <t>0.029588563087925124</t>
  </si>
  <si>
    <t>11.702914237976074</t>
  </si>
  <si>
    <t>684.732421875</t>
  </si>
  <si>
    <t>0.0555766675318381</t>
  </si>
  <si>
    <t>11.087281227111816</t>
  </si>
  <si>
    <t>687.7012329101562</t>
  </si>
  <si>
    <t>0.008788446389981885</t>
  </si>
  <si>
    <t>11.663467407226562</t>
  </si>
  <si>
    <t>512.0508422851562</t>
  </si>
  <si>
    <t>0.08409837418374089</t>
  </si>
  <si>
    <t>11.65139389038086</t>
  </si>
  <si>
    <t>528.4141235351562</t>
  </si>
  <si>
    <t>0.0018245802012177847</t>
  </si>
  <si>
    <t>12.383865356445312</t>
  </si>
  <si>
    <t>708.419189453125</t>
  </si>
  <si>
    <t>0.010405741439452498</t>
  </si>
  <si>
    <t>11.89870548248291</t>
  </si>
  <si>
    <t>490.6954650878906</t>
  </si>
  <si>
    <t>0.0026167357230182375</t>
  </si>
  <si>
    <t>12.477036476135254</t>
  </si>
  <si>
    <t>548.468017578125</t>
  </si>
  <si>
    <t>-0.0012431680949465118</t>
  </si>
  <si>
    <t>25751</t>
  </si>
  <si>
    <t>11.866929054260254</t>
  </si>
  <si>
    <t>521.8196411132812</t>
  </si>
  <si>
    <t>0.0994623164119286</t>
  </si>
  <si>
    <t>11.985267639160156</t>
  </si>
  <si>
    <t>498.747314453125</t>
  </si>
  <si>
    <t>0.044247444018926885</t>
  </si>
  <si>
    <t>14.543330192565918</t>
  </si>
  <si>
    <t>727.0145263671875</t>
  </si>
  <si>
    <t>4849.046875</t>
  </si>
  <si>
    <t>Istanbul</t>
  </si>
  <si>
    <t>13.231934547424316</t>
  </si>
  <si>
    <t>729.0651245117188</t>
  </si>
  <si>
    <t>-0.012963510701634817</t>
  </si>
  <si>
    <t>13.568022727966309</t>
  </si>
  <si>
    <t>656.6123657226562</t>
  </si>
  <si>
    <t>0.029718962763091383</t>
  </si>
  <si>
    <t>13.635608673095703</t>
  </si>
  <si>
    <t>567.6160278320312</t>
  </si>
  <si>
    <t>0.054394829742674844</t>
  </si>
  <si>
    <t>14.51091480255127</t>
  </si>
  <si>
    <t>857.7554931640625</t>
  </si>
  <si>
    <t>-0.06705459397347191</t>
  </si>
  <si>
    <t>13.75013256072998</t>
  </si>
  <si>
    <t>674.3956298828125</t>
  </si>
  <si>
    <t>0.05720672605280264</t>
  </si>
  <si>
    <t>13.599825859069824</t>
  </si>
  <si>
    <t>824.267578125</t>
  </si>
  <si>
    <t>0.053254248252525116</t>
  </si>
  <si>
    <t>27149</t>
  </si>
  <si>
    <t>13.439960479736328</t>
  </si>
  <si>
    <t>880.9951171875</t>
  </si>
  <si>
    <t>0.055471983357289645</t>
  </si>
  <si>
    <t>14.198906898498535</t>
  </si>
  <si>
    <t>996.4580688476562</t>
  </si>
  <si>
    <t>0.006791135253518377</t>
  </si>
  <si>
    <t>26013</t>
  </si>
  <si>
    <t>14.783466339111328</t>
  </si>
  <si>
    <t>714.4360961914062</t>
  </si>
  <si>
    <t>-0.049534935479476516</t>
  </si>
  <si>
    <t>15.168636322021484</t>
  </si>
  <si>
    <t>639.3551635742188</t>
  </si>
  <si>
    <t>0.05117988312069244</t>
  </si>
  <si>
    <t>14.56679916381836</t>
  </si>
  <si>
    <t>752.5984497070312</t>
  </si>
  <si>
    <t>-0.07751051819686516</t>
  </si>
  <si>
    <t>26507</t>
  </si>
  <si>
    <t>14.915267944335938</t>
  </si>
  <si>
    <t>886.9515380859375</t>
  </si>
  <si>
    <t>0.04514307106689408</t>
  </si>
  <si>
    <t>27576</t>
  </si>
  <si>
    <t>13.657546997070312</t>
  </si>
  <si>
    <t>772.08544921875</t>
  </si>
  <si>
    <t>0.039536980160709945</t>
  </si>
  <si>
    <t>29773</t>
  </si>
  <si>
    <t>14.725438117980957</t>
  </si>
  <si>
    <t>577.3603515625</t>
  </si>
  <si>
    <t>0.07665611332576105</t>
  </si>
  <si>
    <t>13.8408784866333</t>
  </si>
  <si>
    <t>812.1328735351562</t>
  </si>
  <si>
    <t>0.061041414827457174</t>
  </si>
  <si>
    <t>33238</t>
  </si>
  <si>
    <t>14.598601341247559</t>
  </si>
  <si>
    <t>690.9448852539062</t>
  </si>
  <si>
    <t>0.04905044233754907</t>
  </si>
  <si>
    <t>14.925132751464844</t>
  </si>
  <si>
    <t>677.5556640625</t>
  </si>
  <si>
    <t>0.0413441519324973</t>
  </si>
  <si>
    <t>15.157238960266113</t>
  </si>
  <si>
    <t>629.7879638671875</t>
  </si>
  <si>
    <t>-0.011292994473883766</t>
  </si>
  <si>
    <t>14.83224105834961</t>
  </si>
  <si>
    <t>977.760986328125</t>
  </si>
  <si>
    <t>-0.07073150687732621</t>
  </si>
  <si>
    <t>33029</t>
  </si>
  <si>
    <t>15.2152681350708</t>
  </si>
  <si>
    <t>914.1161499023438</t>
  </si>
  <si>
    <t>0.03437251315065204</t>
  </si>
  <si>
    <t>36276</t>
  </si>
  <si>
    <t>13.881321907043457</t>
  </si>
  <si>
    <t>755.6152954101562</t>
  </si>
  <si>
    <t>0.09377040214805099</t>
  </si>
  <si>
    <t>37937</t>
  </si>
  <si>
    <t>15.134997367858887</t>
  </si>
  <si>
    <t>884.2681274414062</t>
  </si>
  <si>
    <t>0.04477052357588107</t>
  </si>
  <si>
    <t>15.08469009399414</t>
  </si>
  <si>
    <t>693.0131225585938</t>
  </si>
  <si>
    <t>0.08219578342237455</t>
  </si>
  <si>
    <t>14.843636512756348</t>
  </si>
  <si>
    <t>1078.04736328125</t>
  </si>
  <si>
    <t>0.03909277065065453</t>
  </si>
  <si>
    <t>14.84179973602295</t>
  </si>
  <si>
    <t>943.3431396484375</t>
  </si>
  <si>
    <t>0.05104576789978488</t>
  </si>
  <si>
    <t>45816</t>
  </si>
  <si>
    <t>14.992718696594238</t>
  </si>
  <si>
    <t>749.5557861328125</t>
  </si>
  <si>
    <t>0.0163721639575396</t>
  </si>
  <si>
    <t>49008</t>
  </si>
  <si>
    <t>15.210301399230957</t>
  </si>
  <si>
    <t>743.3530883789062</t>
  </si>
  <si>
    <t>0.06735017499886276</t>
  </si>
  <si>
    <t>49594</t>
  </si>
  <si>
    <t>15.268024444580078</t>
  </si>
  <si>
    <t>879.5803833007812</t>
  </si>
  <si>
    <t>0.011886308581340543</t>
  </si>
  <si>
    <t>49048</t>
  </si>
  <si>
    <t>15.951050758361816</t>
  </si>
  <si>
    <t>569.0824584960938</t>
  </si>
  <si>
    <t>-0.011070448211372153</t>
  </si>
  <si>
    <t>15.887141227722168</t>
  </si>
  <si>
    <t>739.9323120117188</t>
  </si>
  <si>
    <t>-0.017067015133278574</t>
  </si>
  <si>
    <t>53261</t>
  </si>
  <si>
    <t>15.159077644348145</t>
  </si>
  <si>
    <t>714.0716552734375</t>
  </si>
  <si>
    <t>0.09947196069916231</t>
  </si>
  <si>
    <t>55671</t>
  </si>
  <si>
    <t>15.636221885681152</t>
  </si>
  <si>
    <t>572.6911010742188</t>
  </si>
  <si>
    <t>0.04425500900403989</t>
  </si>
  <si>
    <t>16.23465919494629</t>
  </si>
  <si>
    <t>561.443603515625</t>
  </si>
  <si>
    <t>1667.9312744140625</t>
  </si>
  <si>
    <t>Izmir</t>
  </si>
  <si>
    <t>15.171273231506348</t>
  </si>
  <si>
    <t>450.5151062011719</t>
  </si>
  <si>
    <t>-0.012930944097581332</t>
  </si>
  <si>
    <t>15.176718711853027</t>
  </si>
  <si>
    <t>473.8502197265625</t>
  </si>
  <si>
    <t>0.029691285718104865</t>
  </si>
  <si>
    <t>17217</t>
  </si>
  <si>
    <t>15.795860290527344</t>
  </si>
  <si>
    <t>615.589111328125</t>
  </si>
  <si>
    <t>0.0544254585530517</t>
  </si>
  <si>
    <t>16.540300369262695</t>
  </si>
  <si>
    <t>801.3504638671875</t>
  </si>
  <si>
    <t>-0.06707799580391693</t>
  </si>
  <si>
    <t>15.820151329040527</t>
  </si>
  <si>
    <t>571.870849609375</t>
  </si>
  <si>
    <t>0.05721362280589837</t>
  </si>
  <si>
    <t>17980</t>
  </si>
  <si>
    <t>15.864678382873535</t>
  </si>
  <si>
    <t>788.8871459960938</t>
  </si>
  <si>
    <t>0.05322713424715708</t>
  </si>
  <si>
    <t>19006</t>
  </si>
  <si>
    <t>15.307953834533691</t>
  </si>
  <si>
    <t>854.0267333984375</t>
  </si>
  <si>
    <t>0.055494689745650305</t>
  </si>
  <si>
    <t>16.401853561401367</t>
  </si>
  <si>
    <t>918.5887451171875</t>
  </si>
  <si>
    <t>16.660215377807617</t>
  </si>
  <si>
    <t>596.4288940429688</t>
  </si>
  <si>
    <t>-0.049548225138149604</t>
  </si>
  <si>
    <t>19167</t>
  </si>
  <si>
    <t>16.720909118652344</t>
  </si>
  <si>
    <t>557.2182006835938</t>
  </si>
  <si>
    <t>0.05121915654880027</t>
  </si>
  <si>
    <t>16.663700103759766</t>
  </si>
  <si>
    <t>824.5919189453125</t>
  </si>
  <si>
    <t>-0.07753719706486706</t>
  </si>
  <si>
    <t>18556</t>
  </si>
  <si>
    <t>16.68316078186035</t>
  </si>
  <si>
    <t>827.9794311523438</t>
  </si>
  <si>
    <t>0.04514033366604764</t>
  </si>
  <si>
    <t>15.822335243225098</t>
  </si>
  <si>
    <t>889.218017578125</t>
  </si>
  <si>
    <t>0.03957094282670326</t>
  </si>
  <si>
    <t>16.415119171142578</t>
  </si>
  <si>
    <t>497.42816162109375</t>
  </si>
  <si>
    <t>0.07665403074333277</t>
  </si>
  <si>
    <t>22159</t>
  </si>
  <si>
    <t>15.754570960998535</t>
  </si>
  <si>
    <t>740.0172119140625</t>
  </si>
  <si>
    <t>0.06122557404753515</t>
  </si>
  <si>
    <t>23565</t>
  </si>
  <si>
    <t>16.285438537597656</t>
  </si>
  <si>
    <t>599.3936157226562</t>
  </si>
  <si>
    <t>0.06151882586862634</t>
  </si>
  <si>
    <t>16.49696922302246</t>
  </si>
  <si>
    <t>619.27294921875</t>
  </si>
  <si>
    <t>0.021826679706489216</t>
  </si>
  <si>
    <t>23726</t>
  </si>
  <si>
    <t>16.89244270324707</t>
  </si>
  <si>
    <t>618.394287109375</t>
  </si>
  <si>
    <t>-0.01501774684327195</t>
  </si>
  <si>
    <t>21904</t>
  </si>
  <si>
    <t>16.582874298095703</t>
  </si>
  <si>
    <t>965.6487426757812</t>
  </si>
  <si>
    <t>-0.0799022246928196</t>
  </si>
  <si>
    <t>23482</t>
  </si>
  <si>
    <t>17.322715759277344</t>
  </si>
  <si>
    <t>794.2368774414062</t>
  </si>
  <si>
    <t>0.06956490166192708</t>
  </si>
  <si>
    <t>15.607226371765137</t>
  </si>
  <si>
    <t>727.1556396484375</t>
  </si>
  <si>
    <t>0.10355324516659614</t>
  </si>
  <si>
    <t>17.045194625854492</t>
  </si>
  <si>
    <t>927.2511596679688</t>
  </si>
  <si>
    <t>0.03560490739056377</t>
  </si>
  <si>
    <t>16.89420509338379</t>
  </si>
  <si>
    <t>698.4487915039062</t>
  </si>
  <si>
    <t>0.05447667617453966</t>
  </si>
  <si>
    <t>16.691438674926758</t>
  </si>
  <si>
    <t>849.90625</t>
  </si>
  <si>
    <t>0.026249862345899544</t>
  </si>
  <si>
    <t>16.207237243652344</t>
  </si>
  <si>
    <t>814.1123657226562</t>
  </si>
  <si>
    <t>0.03314589145429636</t>
  </si>
  <si>
    <t>16.802696228027344</t>
  </si>
  <si>
    <t>702.3770141601562</t>
  </si>
  <si>
    <t>0.040786283139627955</t>
  </si>
  <si>
    <t>16.931543350219727</t>
  </si>
  <si>
    <t>636.9841918945312</t>
  </si>
  <si>
    <t>0.07471999085979597</t>
  </si>
  <si>
    <t>17.366159439086914</t>
  </si>
  <si>
    <t>912.207275390625</t>
  </si>
  <si>
    <t>0.04179954048681367</t>
  </si>
  <si>
    <t>17.272197723388672</t>
  </si>
  <si>
    <t>573.22900390625</t>
  </si>
  <si>
    <t>-0.033497329250442576</t>
  </si>
  <si>
    <t>17.567180633544922</t>
  </si>
  <si>
    <t>717.3558349609375</t>
  </si>
  <si>
    <t>0.007857100134270212</t>
  </si>
  <si>
    <t>17.16911506652832</t>
  </si>
  <si>
    <t>669.5752563476562</t>
  </si>
  <si>
    <t>0.0994676541810513</t>
  </si>
  <si>
    <t>17.294761657714844</t>
  </si>
  <si>
    <t>579.6859741210938</t>
  </si>
  <si>
    <t>0.04424751129084292</t>
  </si>
  <si>
    <t>13.220499992370605</t>
  </si>
  <si>
    <t>453.4927673339844</t>
  </si>
  <si>
    <t>492.2237243652344</t>
  </si>
  <si>
    <t>IÔøΩel</t>
  </si>
  <si>
    <t>12.594969749450684</t>
  </si>
  <si>
    <t>620.0028076171875</t>
  </si>
  <si>
    <t>-0.01296031100983619</t>
  </si>
  <si>
    <t>11.757698059082031</t>
  </si>
  <si>
    <t>636.3379516601562</t>
  </si>
  <si>
    <t>12007</t>
  </si>
  <si>
    <t>13.049720764160156</t>
  </si>
  <si>
    <t>511.125732421875</t>
  </si>
  <si>
    <t>0.05442355840599511</t>
  </si>
  <si>
    <t>11228</t>
  </si>
  <si>
    <t>13.64993953704834</t>
  </si>
  <si>
    <t>606.7927856445312</t>
  </si>
  <si>
    <t>-0.06707915454894398</t>
  </si>
  <si>
    <t>13.013716697692871</t>
  </si>
  <si>
    <t>553.8095092773438</t>
  </si>
  <si>
    <t>0.05728705220305308</t>
  </si>
  <si>
    <t>13.432467460632324</t>
  </si>
  <si>
    <t>498.2989501953125</t>
  </si>
  <si>
    <t>0.05322582450208557</t>
  </si>
  <si>
    <t>12.37405776977539</t>
  </si>
  <si>
    <t>636.6415405273438</t>
  </si>
  <si>
    <t>0.05545130453621283</t>
  </si>
  <si>
    <t>13.923069953918457</t>
  </si>
  <si>
    <t>575.177734375</t>
  </si>
  <si>
    <t>0.006766943115499302</t>
  </si>
  <si>
    <t>13.614192962646484</t>
  </si>
  <si>
    <t>470.6295166015625</t>
  </si>
  <si>
    <t>-0.04953978939194137</t>
  </si>
  <si>
    <t>13.440784454345703</t>
  </si>
  <si>
    <t>495.73785400390625</t>
  </si>
  <si>
    <t>0.05126179782854656</t>
  </si>
  <si>
    <t>13.703274726867676</t>
  </si>
  <si>
    <t>652.6137084960938</t>
  </si>
  <si>
    <t>-0.07758960488869526</t>
  </si>
  <si>
    <t>12942</t>
  </si>
  <si>
    <t>13.577934265136719</t>
  </si>
  <si>
    <t>553.6287841796875</t>
  </si>
  <si>
    <t>0.045203650230677184</t>
  </si>
  <si>
    <t>13464</t>
  </si>
  <si>
    <t>13.087821006774902</t>
  </si>
  <si>
    <t>767.5419311523438</t>
  </si>
  <si>
    <t>0.039541620253430665</t>
  </si>
  <si>
    <t>14536</t>
  </si>
  <si>
    <t>13.386427879333496</t>
  </si>
  <si>
    <t>484.8845520019531</t>
  </si>
  <si>
    <t>0.07660887420536433</t>
  </si>
  <si>
    <t>13.101906776428223</t>
  </si>
  <si>
    <t>474.7771301269531</t>
  </si>
  <si>
    <t>0.07179576414661426</t>
  </si>
  <si>
    <t>16467</t>
  </si>
  <si>
    <t>13.195286750793457</t>
  </si>
  <si>
    <t>465.3470153808594</t>
  </si>
  <si>
    <t>0.05293428299537872</t>
  </si>
  <si>
    <t>17159</t>
  </si>
  <si>
    <t>13.459467887878418</t>
  </si>
  <si>
    <t>543.6166381835938</t>
  </si>
  <si>
    <t>0.04116443906762157</t>
  </si>
  <si>
    <t>17134</t>
  </si>
  <si>
    <t>13.962376594543457</t>
  </si>
  <si>
    <t>512.2439575195312</t>
  </si>
  <si>
    <t>-0.0014580237616321767</t>
  </si>
  <si>
    <t>15923</t>
  </si>
  <si>
    <t>13.670857429504395</t>
  </si>
  <si>
    <t>739.3475952148438</t>
  </si>
  <si>
    <t>-0.07330018866756305</t>
  </si>
  <si>
    <t>14.820717811584473</t>
  </si>
  <si>
    <t>597.3483276367188</t>
  </si>
  <si>
    <t>0.03486823871386946</t>
  </si>
  <si>
    <t>12.727916717529297</t>
  </si>
  <si>
    <t>736.7581176757812</t>
  </si>
  <si>
    <t>0.08239130798141048</t>
  </si>
  <si>
    <t>14.007583618164062</t>
  </si>
  <si>
    <t>698.019775390625</t>
  </si>
  <si>
    <t>0.0347445831773836</t>
  </si>
  <si>
    <t>13.893829345703125</t>
  </si>
  <si>
    <t>473.9668884277344</t>
  </si>
  <si>
    <t>0.03138449540907118</t>
  </si>
  <si>
    <t>20307</t>
  </si>
  <si>
    <t>13.983657836914062</t>
  </si>
  <si>
    <t>618.396728515625</t>
  </si>
  <si>
    <t>0.059812424038556244</t>
  </si>
  <si>
    <t>21330</t>
  </si>
  <si>
    <t>13.500518798828125</t>
  </si>
  <si>
    <t>602.2232055664062</t>
  </si>
  <si>
    <t>0.049148878288679754</t>
  </si>
  <si>
    <t>14.057053565979004</t>
  </si>
  <si>
    <t>540.556884765625</t>
  </si>
  <si>
    <t>0.04087825172822512</t>
  </si>
  <si>
    <t>14.059226989746094</t>
  </si>
  <si>
    <t>601.1400146484375</t>
  </si>
  <si>
    <t>0.04964702553885303</t>
  </si>
  <si>
    <t>14.630600929260254</t>
  </si>
  <si>
    <t>738.1729736328125</t>
  </si>
  <si>
    <t>0.02361514734045933</t>
  </si>
  <si>
    <t>24514</t>
  </si>
  <si>
    <t>14.147931098937988</t>
  </si>
  <si>
    <t>673.9237670898438</t>
  </si>
  <si>
    <t>0.024989425828175982</t>
  </si>
  <si>
    <t>14.68548583984375</t>
  </si>
  <si>
    <t>579.3303833007812</t>
  </si>
  <si>
    <t>0.04319170635824143</t>
  </si>
  <si>
    <t>14.305201530456543</t>
  </si>
  <si>
    <t>549.3767700195312</t>
  </si>
  <si>
    <t>0.0994711963593744</t>
  </si>
  <si>
    <t>14.301346778869629</t>
  </si>
  <si>
    <t>459.4885559082031</t>
  </si>
  <si>
    <t>0.04424413782029468</t>
  </si>
  <si>
    <t>10.74010944366455</t>
  </si>
  <si>
    <t>394.9490051269531</t>
  </si>
  <si>
    <t>328.5024108886719</t>
  </si>
  <si>
    <t>Kahramanmaras</t>
  </si>
  <si>
    <t>8273</t>
  </si>
  <si>
    <t>10.222719192504883</t>
  </si>
  <si>
    <t>603.4780883789062</t>
  </si>
  <si>
    <t>-0.01297003890872439</t>
  </si>
  <si>
    <t>8.998480796813965</t>
  </si>
  <si>
    <t>623.3837890625</t>
  </si>
  <si>
    <t>0.0296538548696752</t>
  </si>
  <si>
    <t>10.355853080749512</t>
  </si>
  <si>
    <t>550.3941040039062</t>
  </si>
  <si>
    <t>0.05446240497409072</t>
  </si>
  <si>
    <t>11.149630546569824</t>
  </si>
  <si>
    <t>569.278564453125</t>
  </si>
  <si>
    <t>-0.06709763240904287</t>
  </si>
  <si>
    <t>10.542830467224121</t>
  </si>
  <si>
    <t>581.1801147460938</t>
  </si>
  <si>
    <t>0.05727064098781476</t>
  </si>
  <si>
    <t>11.0590238571167</t>
  </si>
  <si>
    <t>564.92236328125</t>
  </si>
  <si>
    <t>0.05321043205004017</t>
  </si>
  <si>
    <t>9934</t>
  </si>
  <si>
    <t>9.924722671508789</t>
  </si>
  <si>
    <t>630.9204711914062</t>
  </si>
  <si>
    <t>0.05546631600453544</t>
  </si>
  <si>
    <t>11.68454360961914</t>
  </si>
  <si>
    <t>561.3651123046875</t>
  </si>
  <si>
    <t>0.006821856311553631</t>
  </si>
  <si>
    <t>11.213589668273926</t>
  </si>
  <si>
    <t>530.4468383789062</t>
  </si>
  <si>
    <t>-0.049600330297794315</t>
  </si>
  <si>
    <t>11.019762992858887</t>
  </si>
  <si>
    <t>460.511474609375</t>
  </si>
  <si>
    <t>0.05119873223650728</t>
  </si>
  <si>
    <t>11.411431312561035</t>
  </si>
  <si>
    <t>629.356201171875</t>
  </si>
  <si>
    <t>-0.07749222631058039</t>
  </si>
  <si>
    <t>9699</t>
  </si>
  <si>
    <t>11.012669563293457</t>
  </si>
  <si>
    <t>534.5934448242188</t>
  </si>
  <si>
    <t>0.045131538786559844</t>
  </si>
  <si>
    <t>10.752886772155762</t>
  </si>
  <si>
    <t>652.3721923828125</t>
  </si>
  <si>
    <t>0.03952204695411332</t>
  </si>
  <si>
    <t>10.794930458068848</t>
  </si>
  <si>
    <t>452.0875244140625</t>
  </si>
  <si>
    <t>0.07666734459596469</t>
  </si>
  <si>
    <t>10.762423515319824</t>
  </si>
  <si>
    <t>501.69085693359375</t>
  </si>
  <si>
    <t>0.06356848039441587</t>
  </si>
  <si>
    <t>10.775101661682129</t>
  </si>
  <si>
    <t>515.2133178710938</t>
  </si>
  <si>
    <t>-0.058349883062277286</t>
  </si>
  <si>
    <t>11860</t>
  </si>
  <si>
    <t>10.88613510131836</t>
  </si>
  <si>
    <t>502.0635681152344</t>
  </si>
  <si>
    <t>0.0797406172759576</t>
  </si>
  <si>
    <t>11.396489143371582</t>
  </si>
  <si>
    <t>412.820556640625</t>
  </si>
  <si>
    <t>0.011568575661321745</t>
  </si>
  <si>
    <t>11.29164981842041</t>
  </si>
  <si>
    <t>700.7151489257812</t>
  </si>
  <si>
    <t>-0.03321776346248484</t>
  </si>
  <si>
    <t>12.51282787322998</t>
  </si>
  <si>
    <t>461.191162109375</t>
  </si>
  <si>
    <t>0.09675040297473458</t>
  </si>
  <si>
    <t>10.354375839233398</t>
  </si>
  <si>
    <t>665.5537109375</t>
  </si>
  <si>
    <t>0.03911541595183188</t>
  </si>
  <si>
    <t>11.449832916259766</t>
  </si>
  <si>
    <t>713.1155395507812</t>
  </si>
  <si>
    <t>0.005475766598109999</t>
  </si>
  <si>
    <t>11.226540565490723</t>
  </si>
  <si>
    <t>376.0971984863281</t>
  </si>
  <si>
    <t>0.10473195190525786</t>
  </si>
  <si>
    <t>11.598053932189941</t>
  </si>
  <si>
    <t>584.3864135742188</t>
  </si>
  <si>
    <t>0.012186290748617878</t>
  </si>
  <si>
    <t>11.11040210723877</t>
  </si>
  <si>
    <t>570.9171142578125</t>
  </si>
  <si>
    <t>0.08993535568106559</t>
  </si>
  <si>
    <t>11.451672554016113</t>
  </si>
  <si>
    <t>516.3194580078125</t>
  </si>
  <si>
    <t>0.023683261161350444</t>
  </si>
  <si>
    <t>11.647537231445312</t>
  </si>
  <si>
    <t>491.4918212890625</t>
  </si>
  <si>
    <t>0.05343546782075137</t>
  </si>
  <si>
    <t>12.284080505371094</t>
  </si>
  <si>
    <t>731.1373291015625</t>
  </si>
  <si>
    <t>0.041637069396903925</t>
  </si>
  <si>
    <t>11.69221019744873</t>
  </si>
  <si>
    <t>633.6484375</t>
  </si>
  <si>
    <t>0.03841430172338356</t>
  </si>
  <si>
    <t>19386</t>
  </si>
  <si>
    <t>12.17563533782959</t>
  </si>
  <si>
    <t>584.9132080078125</t>
  </si>
  <si>
    <t>0.007663666339993824</t>
  </si>
  <si>
    <t>11.87180233001709</t>
  </si>
  <si>
    <t>405.9187316894531</t>
  </si>
  <si>
    <t>0.09944705815366284</t>
  </si>
  <si>
    <t>11.869159698486328</t>
  </si>
  <si>
    <t>459.89056396484375</t>
  </si>
  <si>
    <t>0.04425885017175624</t>
  </si>
  <si>
    <t>11.319313049316406</t>
  </si>
  <si>
    <t>817.00048828125</t>
  </si>
  <si>
    <t>183.27880859375</t>
  </si>
  <si>
    <t>KarabÔøΩk</t>
  </si>
  <si>
    <t>9693</t>
  </si>
  <si>
    <t>10.40544605255127</t>
  </si>
  <si>
    <t>909.6476440429688</t>
  </si>
  <si>
    <t>-0.01301714685590305</t>
  </si>
  <si>
    <t>10.233572959899902</t>
  </si>
  <si>
    <t>898.49072265625</t>
  </si>
  <si>
    <t>0.029679991357307145</t>
  </si>
  <si>
    <t>10.832982063293457</t>
  </si>
  <si>
    <t>690.1398315429688</t>
  </si>
  <si>
    <t>0.054473010892373</t>
  </si>
  <si>
    <t>9860</t>
  </si>
  <si>
    <t>11.6859130859375</t>
  </si>
  <si>
    <t>840.4854736328125</t>
  </si>
  <si>
    <t>-0.06707080914560848</t>
  </si>
  <si>
    <t>11.160979270935059</t>
  </si>
  <si>
    <t>908.763427734375</t>
  </si>
  <si>
    <t>0.05725419469342974</t>
  </si>
  <si>
    <t>11011</t>
  </si>
  <si>
    <t>11.2913818359375</t>
  </si>
  <si>
    <t>999.5739135742188</t>
  </si>
  <si>
    <t>0.053154409823481075</t>
  </si>
  <si>
    <t>10.569246292114258</t>
  </si>
  <si>
    <t>1041.4527587890625</t>
  </si>
  <si>
    <t>0.05546675482838559</t>
  </si>
  <si>
    <t>11.8665132522583</t>
  </si>
  <si>
    <t>937.2366333007812</t>
  </si>
  <si>
    <t>0.006849928316626119</t>
  </si>
  <si>
    <t>11.808048248291016</t>
  </si>
  <si>
    <t>1042.036865234375</t>
  </si>
  <si>
    <t>-0.04950293626406577</t>
  </si>
  <si>
    <t>11.852645874023438</t>
  </si>
  <si>
    <t>771.9224853515625</t>
  </si>
  <si>
    <t>0.05112292212374214</t>
  </si>
  <si>
    <t>11.888713836669922</t>
  </si>
  <si>
    <t>1052.3629150390625</t>
  </si>
  <si>
    <t>-0.07746892268452754</t>
  </si>
  <si>
    <t>12.130314826965332</t>
  </si>
  <si>
    <t>908.5476684570312</t>
  </si>
  <si>
    <t>0.045087944540327385</t>
  </si>
  <si>
    <t>11823</t>
  </si>
  <si>
    <t>10.891448020935059</t>
  </si>
  <si>
    <t>859.3078002929688</t>
  </si>
  <si>
    <t>0.03959632288903414</t>
  </si>
  <si>
    <t>11.771981239318848</t>
  </si>
  <si>
    <t>734.0686645507812</t>
  </si>
  <si>
    <t>0.07666026381247093</t>
  </si>
  <si>
    <t>11.26364803314209</t>
  </si>
  <si>
    <t>971.3245239257812</t>
  </si>
  <si>
    <t>0.07962682078877314</t>
  </si>
  <si>
    <t>11.733180046081543</t>
  </si>
  <si>
    <t>819.5702514648438</t>
  </si>
  <si>
    <t>0.09903220738522123</t>
  </si>
  <si>
    <t>15731</t>
  </si>
  <si>
    <t>11.991448402404785</t>
  </si>
  <si>
    <t>763.8946533203125</t>
  </si>
  <si>
    <t>0.03026720897292634</t>
  </si>
  <si>
    <t>15979</t>
  </si>
  <si>
    <t>12.244247436523438</t>
  </si>
  <si>
    <t>886.1854858398438</t>
  </si>
  <si>
    <t>0.01564207231688286</t>
  </si>
  <si>
    <t>14496</t>
  </si>
  <si>
    <t>12.216446876525879</t>
  </si>
  <si>
    <t>998.0591430664062</t>
  </si>
  <si>
    <t>-0.09740261085662638</t>
  </si>
  <si>
    <t>15795</t>
  </si>
  <si>
    <t>12.935782432556152</t>
  </si>
  <si>
    <t>1096.844482421875</t>
  </si>
  <si>
    <t>0.08582068495342376</t>
  </si>
  <si>
    <t>10.963713645935059</t>
  </si>
  <si>
    <t>900.4329833984375</t>
  </si>
  <si>
    <t>0.18411376643502386</t>
  </si>
  <si>
    <t>12.533114433288574</t>
  </si>
  <si>
    <t>973.4823608398438</t>
  </si>
  <si>
    <t>0.046359614392038395</t>
  </si>
  <si>
    <t>12.26364803314209</t>
  </si>
  <si>
    <t>688.6799926757812</t>
  </si>
  <si>
    <t>0.06656648003028032</t>
  </si>
  <si>
    <t>23268</t>
  </si>
  <si>
    <t>12.374584197998047</t>
  </si>
  <si>
    <t>1151.353759765625</t>
  </si>
  <si>
    <t>0.09034573093712517</t>
  </si>
  <si>
    <t>11.955379486083984</t>
  </si>
  <si>
    <t>1095.228515625</t>
  </si>
  <si>
    <t>-0.08182068984591417</t>
  </si>
  <si>
    <t>12.160782814025879</t>
  </si>
  <si>
    <t>1026.4644775390625</t>
  </si>
  <si>
    <t>-0.009419221916491693</t>
  </si>
  <si>
    <t>12.430314064025879</t>
  </si>
  <si>
    <t>902.7109375</t>
  </si>
  <si>
    <t>0.11745339896012474</t>
  </si>
  <si>
    <t>12.952317237854004</t>
  </si>
  <si>
    <t>989.6271362304688</t>
  </si>
  <si>
    <t>0.07339301226123318</t>
  </si>
  <si>
    <t>12.922111511230469</t>
  </si>
  <si>
    <t>908.23193359375</t>
  </si>
  <si>
    <t>-0.16166114447471536</t>
  </si>
  <si>
    <t>13.20798397064209</t>
  </si>
  <si>
    <t>823.511962890625</t>
  </si>
  <si>
    <t>0.010191171006189492</t>
  </si>
  <si>
    <t>24402</t>
  </si>
  <si>
    <t>12.258377075195312</t>
  </si>
  <si>
    <t>1057.9869384765625</t>
  </si>
  <si>
    <t>0.0994495441142007</t>
  </si>
  <si>
    <t>12.580445289611816</t>
  </si>
  <si>
    <t>782.696044921875</t>
  </si>
  <si>
    <t>0.04424862245156547</t>
  </si>
  <si>
    <t>10.440762519836426</t>
  </si>
  <si>
    <t>365.8619689941406</t>
  </si>
  <si>
    <t>112.05415344238281</t>
  </si>
  <si>
    <t>Karaman</t>
  </si>
  <si>
    <t>9.804496765136719</t>
  </si>
  <si>
    <t>552.8156127929688</t>
  </si>
  <si>
    <t>-0.012951152347076444</t>
  </si>
  <si>
    <t>9.222883224487305</t>
  </si>
  <si>
    <t>524.6087646484375</t>
  </si>
  <si>
    <t>0.029736569039091165</t>
  </si>
  <si>
    <t>10.358741760253906</t>
  </si>
  <si>
    <t>436.9040832519531</t>
  </si>
  <si>
    <t>0.054380337472633045</t>
  </si>
  <si>
    <t>13110</t>
  </si>
  <si>
    <t>10.906949043273926</t>
  </si>
  <si>
    <t>497.6454162597656</t>
  </si>
  <si>
    <t>-0.0670382546107895</t>
  </si>
  <si>
    <t>10.25220012664795</t>
  </si>
  <si>
    <t>495.6079406738281</t>
  </si>
  <si>
    <t>0.05721773914178385</t>
  </si>
  <si>
    <t>10.592637062072754</t>
  </si>
  <si>
    <t>441.1307373046875</t>
  </si>
  <si>
    <t>15476</t>
  </si>
  <si>
    <t>9.667885780334473</t>
  </si>
  <si>
    <t>525.979736328125</t>
  </si>
  <si>
    <t>0.05546462462692148</t>
  </si>
  <si>
    <t>15581</t>
  </si>
  <si>
    <t>11.00890827178955</t>
  </si>
  <si>
    <t>540.161865234375</t>
  </si>
  <si>
    <t>0.006761786396950242</t>
  </si>
  <si>
    <t>14829</t>
  </si>
  <si>
    <t>10.885943412780762</t>
  </si>
  <si>
    <t>395.7795104980469</t>
  </si>
  <si>
    <t>-0.049467500242284856</t>
  </si>
  <si>
    <t>15607</t>
  </si>
  <si>
    <t>10.736266136169434</t>
  </si>
  <si>
    <t>456.0934143066406</t>
  </si>
  <si>
    <t>0.05113480856748431</t>
  </si>
  <si>
    <t>11.125568389892578</t>
  </si>
  <si>
    <t>532.5398559570312</t>
  </si>
  <si>
    <t>-0.07750966344138632</t>
  </si>
  <si>
    <t>10.927939414978027</t>
  </si>
  <si>
    <t>459.8603820800781</t>
  </si>
  <si>
    <t>0.04514690816561817</t>
  </si>
  <si>
    <t>15720</t>
  </si>
  <si>
    <t>10.348782539367676</t>
  </si>
  <si>
    <t>659.3681030273438</t>
  </si>
  <si>
    <t>0.039577010716412175</t>
  </si>
  <si>
    <t>10.760051727294922</t>
  </si>
  <si>
    <t>395.2442932128906</t>
  </si>
  <si>
    <t>0.07663114033901763</t>
  </si>
  <si>
    <t>10.388978004455566</t>
  </si>
  <si>
    <t>417.1636962890625</t>
  </si>
  <si>
    <t>0.07057069747632738</t>
  </si>
  <si>
    <t>10.628260612487793</t>
  </si>
  <si>
    <t>439.93109130859375</t>
  </si>
  <si>
    <t>-0.0441148971379004</t>
  </si>
  <si>
    <t>19329</t>
  </si>
  <si>
    <t>10.99811840057373</t>
  </si>
  <si>
    <t>478.05706787109375</t>
  </si>
  <si>
    <t>0.10358583114610909</t>
  </si>
  <si>
    <t>11.366825103759766</t>
  </si>
  <si>
    <t>409.7687072753906</t>
  </si>
  <si>
    <t>-0.012284783093287288</t>
  </si>
  <si>
    <t>11.063240051269531</t>
  </si>
  <si>
    <t>596.5512084960938</t>
  </si>
  <si>
    <t>-0.05756209256031397</t>
  </si>
  <si>
    <t>16873</t>
  </si>
  <si>
    <t>12.082027435302734</t>
  </si>
  <si>
    <t>464.91680908203125</t>
  </si>
  <si>
    <t>-0.06604497195481329</t>
  </si>
  <si>
    <t>18930</t>
  </si>
  <si>
    <t>10.059069633483887</t>
  </si>
  <si>
    <t>627.1627197265625</t>
  </si>
  <si>
    <t>0.11503325400503073</t>
  </si>
  <si>
    <t>11.574844360351562</t>
  </si>
  <si>
    <t>580.838623046875</t>
  </si>
  <si>
    <t>0.1353192809850352</t>
  </si>
  <si>
    <t>24782</t>
  </si>
  <si>
    <t>11.375736236572266</t>
  </si>
  <si>
    <t>402.4677429199219</t>
  </si>
  <si>
    <t>0.13405033698803592</t>
  </si>
  <si>
    <t>11.489302635192871</t>
  </si>
  <si>
    <t>567.5607299804688</t>
  </si>
  <si>
    <t>-0.018078668279693844</t>
  </si>
  <si>
    <t>10.866832733154297</t>
  </si>
  <si>
    <t>511.0205078125</t>
  </si>
  <si>
    <t>0.03555876376546152</t>
  </si>
  <si>
    <t>25339</t>
  </si>
  <si>
    <t>11.3902006149292</t>
  </si>
  <si>
    <t>442.820068359375</t>
  </si>
  <si>
    <t>0.004747032135094642</t>
  </si>
  <si>
    <t>11.378355979919434</t>
  </si>
  <si>
    <t>521.1979370117188</t>
  </si>
  <si>
    <t>0.05616911073530595</t>
  </si>
  <si>
    <t>26113</t>
  </si>
  <si>
    <t>12.179415702819824</t>
  </si>
  <si>
    <t>582.0438232421875</t>
  </si>
  <si>
    <t>-0.026080546933441084</t>
  </si>
  <si>
    <t>11.682028770446777</t>
  </si>
  <si>
    <t>555.3634033203125</t>
  </si>
  <si>
    <t>0.01926710338440607</t>
  </si>
  <si>
    <t>12.245760917663574</t>
  </si>
  <si>
    <t>484.9453430175781</t>
  </si>
  <si>
    <t>0.013506660073288046</t>
  </si>
  <si>
    <t>11.597064018249512</t>
  </si>
  <si>
    <t>432.23394775390625</t>
  </si>
  <si>
    <t>0.09943557461675745</t>
  </si>
  <si>
    <t>31153</t>
  </si>
  <si>
    <t>11.664057731628418</t>
  </si>
  <si>
    <t>424.5235900878906</t>
  </si>
  <si>
    <t>0.044267936090841786</t>
  </si>
  <si>
    <t>5.001213550567627</t>
  </si>
  <si>
    <t>492.37933349609375</t>
  </si>
  <si>
    <t>235.2734375</t>
  </si>
  <si>
    <t>Kars</t>
  </si>
  <si>
    <t>4.556182861328125</t>
  </si>
  <si>
    <t>498.6237487792969</t>
  </si>
  <si>
    <t>-0.012926253466018167</t>
  </si>
  <si>
    <t>3.260004758834839</t>
  </si>
  <si>
    <t>574.9955444335938</t>
  </si>
  <si>
    <t>0.029674725915450395</t>
  </si>
  <si>
    <t>6103</t>
  </si>
  <si>
    <t>4.07079553604126</t>
  </si>
  <si>
    <t>511.7301940917969</t>
  </si>
  <si>
    <t>0.05437677087807202</t>
  </si>
  <si>
    <t>4.990309238433838</t>
  </si>
  <si>
    <t>515.0927734375</t>
  </si>
  <si>
    <t>-0.06708696200778697</t>
  </si>
  <si>
    <t>5.072091102600098</t>
  </si>
  <si>
    <t>529.3616943359375</t>
  </si>
  <si>
    <t>0.057207085824851234</t>
  </si>
  <si>
    <t>5.671783447265625</t>
  </si>
  <si>
    <t>473.93414306640625</t>
  </si>
  <si>
    <t>0.05316973895273591</t>
  </si>
  <si>
    <t>4.3343682289123535</t>
  </si>
  <si>
    <t>491.8602600097656</t>
  </si>
  <si>
    <t>0.05554440564636565</t>
  </si>
  <si>
    <t>6783</t>
  </si>
  <si>
    <t>6.106896877288818</t>
  </si>
  <si>
    <t>477.3343505859375</t>
  </si>
  <si>
    <t>0.006804759985419295</t>
  </si>
  <si>
    <t>5.852188587188721</t>
  </si>
  <si>
    <t>532.5487670898438</t>
  </si>
  <si>
    <t>-0.0495644576653369</t>
  </si>
  <si>
    <t>5.451155185699463</t>
  </si>
  <si>
    <t>375.4522705078125</t>
  </si>
  <si>
    <t>0.05118484543978674</t>
  </si>
  <si>
    <t>5.960424423217773</t>
  </si>
  <si>
    <t>509.302734375</t>
  </si>
  <si>
    <t>-0.07755586033746908</t>
  </si>
  <si>
    <t>6578</t>
  </si>
  <si>
    <t>5.240664005279541</t>
  </si>
  <si>
    <t>668.6448364257812</t>
  </si>
  <si>
    <t>0.0452467383659414</t>
  </si>
  <si>
    <t>5.3387370109558105</t>
  </si>
  <si>
    <t>662.0760498046875</t>
  </si>
  <si>
    <t>0.03949548420349558</t>
  </si>
  <si>
    <t>5.051380634307861</t>
  </si>
  <si>
    <t>612.2576904296875</t>
  </si>
  <si>
    <t>0.0766308303666321</t>
  </si>
  <si>
    <t>5.4466938972473145</t>
  </si>
  <si>
    <t>653.481201171875</t>
  </si>
  <si>
    <t>0.052470186851271805</t>
  </si>
  <si>
    <t>5.580142498016357</t>
  </si>
  <si>
    <t>515.4351196289062</t>
  </si>
  <si>
    <t>0.08290371413361264</t>
  </si>
  <si>
    <t>4.797555923461914</t>
  </si>
  <si>
    <t>660.1181030273438</t>
  </si>
  <si>
    <t>0.027632186497031697</t>
  </si>
  <si>
    <t>5.786632061004639</t>
  </si>
  <si>
    <t>445.4530334472656</t>
  </si>
  <si>
    <t>-0.021386217219619752</t>
  </si>
  <si>
    <t>6.11559534072876</t>
  </si>
  <si>
    <t>708.5841674804688</t>
  </si>
  <si>
    <t>-0.004710324300184254</t>
  </si>
  <si>
    <t>7.1304545402526855</t>
  </si>
  <si>
    <t>607.6825561523438</t>
  </si>
  <si>
    <t>0.189632662794196</t>
  </si>
  <si>
    <t>4.916361331939697</t>
  </si>
  <si>
    <t>640.5700073242188</t>
  </si>
  <si>
    <t>0.08063592325720847</t>
  </si>
  <si>
    <t>5.900566101074219</t>
  </si>
  <si>
    <t>545.780029296875</t>
  </si>
  <si>
    <t>0.0819464745906302</t>
  </si>
  <si>
    <t>5.5946173667907715</t>
  </si>
  <si>
    <t>469.62957763671875</t>
  </si>
  <si>
    <t>0.04328555220669905</t>
  </si>
  <si>
    <t>6.594903469085693</t>
  </si>
  <si>
    <t>517.23974609375</t>
  </si>
  <si>
    <t>-0.04902862846053502</t>
  </si>
  <si>
    <t>13768</t>
  </si>
  <si>
    <t>6.065874099731445</t>
  </si>
  <si>
    <t>593.0592651367188</t>
  </si>
  <si>
    <t>0.13910846622193418</t>
  </si>
  <si>
    <t>5.456157207489014</t>
  </si>
  <si>
    <t>681.5858154296875</t>
  </si>
  <si>
    <t>0.07228012186083177</t>
  </si>
  <si>
    <t>6.231878280639648</t>
  </si>
  <si>
    <t>419.0704345703125</t>
  </si>
  <si>
    <t>0.04129755709812066</t>
  </si>
  <si>
    <t>7.191904067993164</t>
  </si>
  <si>
    <t>608.81396484375</t>
  </si>
  <si>
    <t>-0.05162093049598049</t>
  </si>
  <si>
    <t>6.2954630851745605</t>
  </si>
  <si>
    <t>411.7413635253906</t>
  </si>
  <si>
    <t>0.010661154181345722</t>
  </si>
  <si>
    <t>6.315168857574463</t>
  </si>
  <si>
    <t>592.3314819335938</t>
  </si>
  <si>
    <t>0.08998455038444497</t>
  </si>
  <si>
    <t>17893</t>
  </si>
  <si>
    <t>6.673206806182861</t>
  </si>
  <si>
    <t>403.8519592285156</t>
  </si>
  <si>
    <t>0.09946006297172438</t>
  </si>
  <si>
    <t>18702</t>
  </si>
  <si>
    <t>6.683544158935547</t>
  </si>
  <si>
    <t>420.92413330078125</t>
  </si>
  <si>
    <t>0.04422089510353011</t>
  </si>
  <si>
    <t>8.910573959350586</t>
  </si>
  <si>
    <t>629.6166381835938</t>
  </si>
  <si>
    <t>170.0924530029297</t>
  </si>
  <si>
    <t>Kastamonu</t>
  </si>
  <si>
    <t>8.333179473876953</t>
  </si>
  <si>
    <t>706.3485717773438</t>
  </si>
  <si>
    <t>-0.012902133967454432</t>
  </si>
  <si>
    <t>7.7458319664001465</t>
  </si>
  <si>
    <t>640.8261108398438</t>
  </si>
  <si>
    <t>0.029689680705679677</t>
  </si>
  <si>
    <t>8.597580909729004</t>
  </si>
  <si>
    <t>565.1361694335938</t>
  </si>
  <si>
    <t>0.05440143064036462</t>
  </si>
  <si>
    <t>9.439757347106934</t>
  </si>
  <si>
    <t>582.7808837890625</t>
  </si>
  <si>
    <t>-0.06708740912859135</t>
  </si>
  <si>
    <t>8.963419914245605</t>
  </si>
  <si>
    <t>686.9752197265625</t>
  </si>
  <si>
    <t>0.05728834724926024</t>
  </si>
  <si>
    <t>9.275935173034668</t>
  </si>
  <si>
    <t>773.4686889648438</t>
  </si>
  <si>
    <t>0.05322406315726269</t>
  </si>
  <si>
    <t>12113</t>
  </si>
  <si>
    <t>8.36173152923584</t>
  </si>
  <si>
    <t>790.4063720703125</t>
  </si>
  <si>
    <t>0.05541654474807167</t>
  </si>
  <si>
    <t>9.825401306152344</t>
  </si>
  <si>
    <t>694.5003051757812</t>
  </si>
  <si>
    <t>0.006828773091342555</t>
  </si>
  <si>
    <t>9.467270851135254</t>
  </si>
  <si>
    <t>773.0525512695312</t>
  </si>
  <si>
    <t>-0.04958582335759232</t>
  </si>
  <si>
    <t>9.417820930480957</t>
  </si>
  <si>
    <t>729.3098754882812</t>
  </si>
  <si>
    <t>0.051224362147914704</t>
  </si>
  <si>
    <t>11305</t>
  </si>
  <si>
    <t>9.833758354187012</t>
  </si>
  <si>
    <t>744.0112915039062</t>
  </si>
  <si>
    <t>-0.07750146218639742</t>
  </si>
  <si>
    <t>9.718220710754395</t>
  </si>
  <si>
    <t>643.6279296875</t>
  </si>
  <si>
    <t>0.04513994753904704</t>
  </si>
  <si>
    <t>8.778031349182129</t>
  </si>
  <si>
    <t>637.9885864257812</t>
  </si>
  <si>
    <t>0.039539359494307647</t>
  </si>
  <si>
    <t>9.379352569580078</t>
  </si>
  <si>
    <t>634.0835571289062</t>
  </si>
  <si>
    <t>0.0766358907512128</t>
  </si>
  <si>
    <t>9.077754974365234</t>
  </si>
  <si>
    <t>674.1800537109375</t>
  </si>
  <si>
    <t>0.04705366643469233</t>
  </si>
  <si>
    <t>14504</t>
  </si>
  <si>
    <t>9.388045310974121</t>
  </si>
  <si>
    <t>625.5226440429688</t>
  </si>
  <si>
    <t>0.0408105035033568</t>
  </si>
  <si>
    <t>15375</t>
  </si>
  <si>
    <t>9.594080924987793</t>
  </si>
  <si>
    <t>546.6550903320312</t>
  </si>
  <si>
    <t>0.058318340240031574</t>
  </si>
  <si>
    <t>9.952803611755371</t>
  </si>
  <si>
    <t>664.1885986328125</t>
  </si>
  <si>
    <t>0.007903643112616265</t>
  </si>
  <si>
    <t>15002</t>
  </si>
  <si>
    <t>9.868621826171875</t>
  </si>
  <si>
    <t>844.2496948242188</t>
  </si>
  <si>
    <t>-0.03246293125775246</t>
  </si>
  <si>
    <t>16307</t>
  </si>
  <si>
    <t>10.926020622253418</t>
  </si>
  <si>
    <t>843.50634765625</t>
  </si>
  <si>
    <t>0.08341093793169563</t>
  </si>
  <si>
    <t>17664</t>
  </si>
  <si>
    <t>8.565064430236816</t>
  </si>
  <si>
    <t>714.116943359375</t>
  </si>
  <si>
    <t>0.07993420661554396</t>
  </si>
  <si>
    <t>10.077996253967285</t>
  </si>
  <si>
    <t>723.8392333984375</t>
  </si>
  <si>
    <t>0.02383062931251878</t>
  </si>
  <si>
    <t>9.769959449768066</t>
  </si>
  <si>
    <t>459.2671813964844</t>
  </si>
  <si>
    <t>0.019650869068424726</t>
  </si>
  <si>
    <t>19281</t>
  </si>
  <si>
    <t>10.180042266845703</t>
  </si>
  <si>
    <t>890.5645751953125</t>
  </si>
  <si>
    <t>0.04410998658163123</t>
  </si>
  <si>
    <t>19643</t>
  </si>
  <si>
    <t>9.394743919372559</t>
  </si>
  <si>
    <t>869.3763427734375</t>
  </si>
  <si>
    <t>0.018600885694880276</t>
  </si>
  <si>
    <t>20190</t>
  </si>
  <si>
    <t>9.913267135620117</t>
  </si>
  <si>
    <t>724.5357666015625</t>
  </si>
  <si>
    <t>0.027466391572605886</t>
  </si>
  <si>
    <t>21408</t>
  </si>
  <si>
    <t>9.963566780090332</t>
  </si>
  <si>
    <t>681.54248046875</t>
  </si>
  <si>
    <t>0.05857725162107208</t>
  </si>
  <si>
    <t>21592</t>
  </si>
  <si>
    <t>10.857598304748535</t>
  </si>
  <si>
    <t>813.7392578125</t>
  </si>
  <si>
    <t>0.008558191769886037</t>
  </si>
  <si>
    <t>21948</t>
  </si>
  <si>
    <t>10.248931884765625</t>
  </si>
  <si>
    <t>712.3802490234375</t>
  </si>
  <si>
    <t>0.0163531434810249</t>
  </si>
  <si>
    <t>10.780522346496582</t>
  </si>
  <si>
    <t>579.2761840820312</t>
  </si>
  <si>
    <t>0.08264687581192476</t>
  </si>
  <si>
    <t>26332</t>
  </si>
  <si>
    <t>9.857653617858887</t>
  </si>
  <si>
    <t>723.65771484375</t>
  </si>
  <si>
    <t>0.09946203459697678</t>
  </si>
  <si>
    <t>10.187485694885254</t>
  </si>
  <si>
    <t>584.9203491210938</t>
  </si>
  <si>
    <t>0.04427342173460325</t>
  </si>
  <si>
    <t>8.51495361328125</t>
  </si>
  <si>
    <t>405.29833984375</t>
  </si>
  <si>
    <t>410.7460632324219</t>
  </si>
  <si>
    <t>Kayseri</t>
  </si>
  <si>
    <t>7.993356227874756</t>
  </si>
  <si>
    <t>485.1913146972656</t>
  </si>
  <si>
    <t>-0.012884700719443032</t>
  </si>
  <si>
    <t>7.231500148773193</t>
  </si>
  <si>
    <t>468.12774658203125</t>
  </si>
  <si>
    <t>0.02962647311248645</t>
  </si>
  <si>
    <t>8.252636909484863</t>
  </si>
  <si>
    <t>365.64068603515625</t>
  </si>
  <si>
    <t>0.05443572764360205</t>
  </si>
  <si>
    <t>9.030656814575195</t>
  </si>
  <si>
    <t>347.82818603515625</t>
  </si>
  <si>
    <t>-0.06710515041536524</t>
  </si>
  <si>
    <t>13289</t>
  </si>
  <si>
    <t>8.49518871307373</t>
  </si>
  <si>
    <t>446.0041198730469</t>
  </si>
  <si>
    <t>0.05729564422119893</t>
  </si>
  <si>
    <t>14015</t>
  </si>
  <si>
    <t>8.915865898132324</t>
  </si>
  <si>
    <t>447.06658935546875</t>
  </si>
  <si>
    <t>0.05319155926738084</t>
  </si>
  <si>
    <t>7.925173282623291</t>
  </si>
  <si>
    <t>480.3253479003906</t>
  </si>
  <si>
    <t>0.05551199640877691</t>
  </si>
  <si>
    <t>14916</t>
  </si>
  <si>
    <t>9.463315963745117</t>
  </si>
  <si>
    <t>454.8836975097656</t>
  </si>
  <si>
    <t>0.006794281291046644</t>
  </si>
  <si>
    <t>9.02464771270752</t>
  </si>
  <si>
    <t>420.097412109375</t>
  </si>
  <si>
    <t>-0.04954467239164018</t>
  </si>
  <si>
    <t>8.916621208190918</t>
  </si>
  <si>
    <t>352.86102294921875</t>
  </si>
  <si>
    <t>0.05115238977973746</t>
  </si>
  <si>
    <t>9.399615287780762</t>
  </si>
  <si>
    <t>425.0675964355469</t>
  </si>
  <si>
    <t>-0.07749130218159905</t>
  </si>
  <si>
    <t>9.18293285369873</t>
  </si>
  <si>
    <t>403.1125793457031</t>
  </si>
  <si>
    <t>0.04511192612674897</t>
  </si>
  <si>
    <t>8.413300514221191</t>
  </si>
  <si>
    <t>416.1177978515625</t>
  </si>
  <si>
    <t>0.039582288348908534</t>
  </si>
  <si>
    <t>8.893017768859863</t>
  </si>
  <si>
    <t>353.8289489746094</t>
  </si>
  <si>
    <t>0.07666318434888275</t>
  </si>
  <si>
    <t>17729</t>
  </si>
  <si>
    <t>8.640366554260254</t>
  </si>
  <si>
    <t>389.5097351074219</t>
  </si>
  <si>
    <t>0.0872934405686312</t>
  </si>
  <si>
    <t>8.829649925231934</t>
  </si>
  <si>
    <t>407.309326171875</t>
  </si>
  <si>
    <t>0.051555542134215315</t>
  </si>
  <si>
    <t>19248</t>
  </si>
  <si>
    <t>9.012441635131836</t>
  </si>
  <si>
    <t>382.8083801269531</t>
  </si>
  <si>
    <t>0.030649900181863643</t>
  </si>
  <si>
    <t>18857</t>
  </si>
  <si>
    <t>9.459084510803223</t>
  </si>
  <si>
    <t>407.243408203125</t>
  </si>
  <si>
    <t>-0.020522961487538183</t>
  </si>
  <si>
    <t>9.338227272033691</t>
  </si>
  <si>
    <t>546.1614990234375</t>
  </si>
  <si>
    <t>-0.10267135335548438</t>
  </si>
  <si>
    <t>10.469328880310059</t>
  </si>
  <si>
    <t>483.6278381347656</t>
  </si>
  <si>
    <t>0.05654772679806719</t>
  </si>
  <si>
    <t>8.11188793182373</t>
  </si>
  <si>
    <t>482.5813293457031</t>
  </si>
  <si>
    <t>0.08425866076908228</t>
  </si>
  <si>
    <t>20265</t>
  </si>
  <si>
    <t>9.488743782043457</t>
  </si>
  <si>
    <t>482.7140808105469</t>
  </si>
  <si>
    <t>0.03387602812382262</t>
  </si>
  <si>
    <t>21702</t>
  </si>
  <si>
    <t>9.19925594329834</t>
  </si>
  <si>
    <t>323.45330810546875</t>
  </si>
  <si>
    <t>0.06850916211774383</t>
  </si>
  <si>
    <t>9.601813316345215</t>
  </si>
  <si>
    <t>462.92547607421875</t>
  </si>
  <si>
    <t>0.029019133198602276</t>
  </si>
  <si>
    <t>8.869650840759277</t>
  </si>
  <si>
    <t>458.76702880859375</t>
  </si>
  <si>
    <t>0.03232622499229798</t>
  </si>
  <si>
    <t>23710</t>
  </si>
  <si>
    <t>9.445568084716797</t>
  </si>
  <si>
    <t>400.26995849609375</t>
  </si>
  <si>
    <t>0.027147119688397225</t>
  </si>
  <si>
    <t>24950</t>
  </si>
  <si>
    <t>9.457609176635742</t>
  </si>
  <si>
    <t>387.8733215332031</t>
  </si>
  <si>
    <t>0.05097692212021343</t>
  </si>
  <si>
    <t>10.29616928100586</t>
  </si>
  <si>
    <t>476.7991638183594</t>
  </si>
  <si>
    <t>-0.007280950928242547</t>
  </si>
  <si>
    <t>9.657719612121582</t>
  </si>
  <si>
    <t>383.155029296875</t>
  </si>
  <si>
    <t>0.007962081631500695</t>
  </si>
  <si>
    <t>10.228379249572754</t>
  </si>
  <si>
    <t>397.6073913574219</t>
  </si>
  <si>
    <t>0.05247015598597038</t>
  </si>
  <si>
    <t>9.49221134185791</t>
  </si>
  <si>
    <t>365.25592041015625</t>
  </si>
  <si>
    <t>0.09947518603214434</t>
  </si>
  <si>
    <t>30379</t>
  </si>
  <si>
    <t>9.742470741271973</t>
  </si>
  <si>
    <t>376.41448974609375</t>
  </si>
  <si>
    <t>0.04425128531460665</t>
  </si>
  <si>
    <t>17.17500114440918</t>
  </si>
  <si>
    <t>351.8000183105469</t>
  </si>
  <si>
    <t>202.29977416992188</t>
  </si>
  <si>
    <t>Kilis</t>
  </si>
  <si>
    <t>521.7999877929688</t>
  </si>
  <si>
    <t>-0.01295499925835486</t>
  </si>
  <si>
    <t>513.2000122070312</t>
  </si>
  <si>
    <t>0.029658822870882062</t>
  </si>
  <si>
    <t>448.60003662109375</t>
  </si>
  <si>
    <t>0.05443727641271323</t>
  </si>
  <si>
    <t>-0.06717630219014303</t>
  </si>
  <si>
    <t>442.3999938964844</t>
  </si>
  <si>
    <t>0.057360637420785565</t>
  </si>
  <si>
    <t>7056</t>
  </si>
  <si>
    <t>500.1999816894531</t>
  </si>
  <si>
    <t>0.05311497890381034</t>
  </si>
  <si>
    <t>537.5</t>
  </si>
  <si>
    <t>0.055543038268536904</t>
  </si>
  <si>
    <t>18.025001525878906</t>
  </si>
  <si>
    <t>418.8999938964844</t>
  </si>
  <si>
    <t>0.006814108803016694</t>
  </si>
  <si>
    <t>-0.04954277753820158</t>
  </si>
  <si>
    <t>7522</t>
  </si>
  <si>
    <t>369.5</t>
  </si>
  <si>
    <t>0.05113937181030259</t>
  </si>
  <si>
    <t>536.9000244140625</t>
  </si>
  <si>
    <t>-0.07750891786161418</t>
  </si>
  <si>
    <t>0.04521972304924837</t>
  </si>
  <si>
    <t>17.191665649414062</t>
  </si>
  <si>
    <t>646.2000732421875</t>
  </si>
  <si>
    <t>0.039442490647997985</t>
  </si>
  <si>
    <t>363.5999450683594</t>
  </si>
  <si>
    <t>0.07670679473087993</t>
  </si>
  <si>
    <t>9718</t>
  </si>
  <si>
    <t>413.0000305175781</t>
  </si>
  <si>
    <t>0.1722876853690547</t>
  </si>
  <si>
    <t>404.5</t>
  </si>
  <si>
    <t>-0.017543399015645278</t>
  </si>
  <si>
    <t>417.89996337890625</t>
  </si>
  <si>
    <t>0.038721140197182535</t>
  </si>
  <si>
    <t>17.775001525878906</t>
  </si>
  <si>
    <t>303.5</t>
  </si>
  <si>
    <t>-0.11169391507906568</t>
  </si>
  <si>
    <t>0.05692682731474541</t>
  </si>
  <si>
    <t>10928</t>
  </si>
  <si>
    <t>18.916669845581055</t>
  </si>
  <si>
    <t>358.699951171875</t>
  </si>
  <si>
    <t>0.15093781342750567</t>
  </si>
  <si>
    <t>623.300048828125</t>
  </si>
  <si>
    <t>-0.034160332064097076</t>
  </si>
  <si>
    <t>0.050587619835248177</t>
  </si>
  <si>
    <t>326.39996337890625</t>
  </si>
  <si>
    <t>0.18891602251923523</t>
  </si>
  <si>
    <t>13026</t>
  </si>
  <si>
    <t>18.058334350585938</t>
  </si>
  <si>
    <t>460.5</t>
  </si>
  <si>
    <t>-0.029724252994610012</t>
  </si>
  <si>
    <t>474.8000183105469</t>
  </si>
  <si>
    <t>0.2118719118662078</t>
  </si>
  <si>
    <t>15770</t>
  </si>
  <si>
    <t>434.8999938964844</t>
  </si>
  <si>
    <t>-0.020709871015471393</t>
  </si>
  <si>
    <t>16272</t>
  </si>
  <si>
    <t>388.2000427246094</t>
  </si>
  <si>
    <t>0.0313364383312571</t>
  </si>
  <si>
    <t>16190</t>
  </si>
  <si>
    <t>18.608333587646484</t>
  </si>
  <si>
    <t>-0.005052071616660214</t>
  </si>
  <si>
    <t>16468</t>
  </si>
  <si>
    <t>636.2000732421875</t>
  </si>
  <si>
    <t>0.017025336218114973</t>
  </si>
  <si>
    <t>18.42500114440918</t>
  </si>
  <si>
    <t>565.0</t>
  </si>
  <si>
    <t>0.05683112632507026</t>
  </si>
  <si>
    <t>18.141664505004883</t>
  </si>
  <si>
    <t>359.5000305175781</t>
  </si>
  <si>
    <t>0.09941666251446968</t>
  </si>
  <si>
    <t>20125</t>
  </si>
  <si>
    <t>18.116668701171875</t>
  </si>
  <si>
    <t>0.04429593055742842</t>
  </si>
  <si>
    <t>11.326979637145996</t>
  </si>
  <si>
    <t>378.04473876953125</t>
  </si>
  <si>
    <t>123.35438537597656</t>
  </si>
  <si>
    <t>Kirikkale</t>
  </si>
  <si>
    <t>10.443646430969238</t>
  </si>
  <si>
    <t>438.8509826660156</t>
  </si>
  <si>
    <t>-0.013036822086956334</t>
  </si>
  <si>
    <t>10.17072582244873</t>
  </si>
  <si>
    <t>418.255615234375</t>
  </si>
  <si>
    <t>0.02975647193613007</t>
  </si>
  <si>
    <t>10.8353271484375</t>
  </si>
  <si>
    <t>366.20831298828125</t>
  </si>
  <si>
    <t>0.05438502920716992</t>
  </si>
  <si>
    <t>11.601978302001953</t>
  </si>
  <si>
    <t>362.4281005859375</t>
  </si>
  <si>
    <t>-0.06709308464151675</t>
  </si>
  <si>
    <t>9522</t>
  </si>
  <si>
    <t>11.187393188476562</t>
  </si>
  <si>
    <t>416.2110595703125</t>
  </si>
  <si>
    <t>0.057269617620992364</t>
  </si>
  <si>
    <t>10042</t>
  </si>
  <si>
    <t>11.32073974609375</t>
  </si>
  <si>
    <t>429.7703857421875</t>
  </si>
  <si>
    <t>0.05317138684018552</t>
  </si>
  <si>
    <t>10.593647003173828</t>
  </si>
  <si>
    <t>492.105712890625</t>
  </si>
  <si>
    <t>0.05549179754270561</t>
  </si>
  <si>
    <t>11.989486694335938</t>
  </si>
  <si>
    <t>455.3575439453125</t>
  </si>
  <si>
    <t>0.00675995438754029</t>
  </si>
  <si>
    <t>11.843646049499512</t>
  </si>
  <si>
    <t>431.05902099609375</t>
  </si>
  <si>
    <t>-0.04948751589929934</t>
  </si>
  <si>
    <t>10705</t>
  </si>
  <si>
    <t>11.908218383789062</t>
  </si>
  <si>
    <t>384.77984619140625</t>
  </si>
  <si>
    <t>0.05117038839818555</t>
  </si>
  <si>
    <t>11.960312843322754</t>
  </si>
  <si>
    <t>452.30859375</t>
  </si>
  <si>
    <t>-0.07746934405075301</t>
  </si>
  <si>
    <t>12.162392616271973</t>
  </si>
  <si>
    <t>403.02105712890625</t>
  </si>
  <si>
    <t>0.045096684708971324</t>
  </si>
  <si>
    <t>10782</t>
  </si>
  <si>
    <t>10.937407493591309</t>
  </si>
  <si>
    <t>432.88714599609375</t>
  </si>
  <si>
    <t>0.039539814329613066</t>
  </si>
  <si>
    <t>11.801980018615723</t>
  </si>
  <si>
    <t>353.6891174316406</t>
  </si>
  <si>
    <t>0.07665527223662671</t>
  </si>
  <si>
    <t>13379</t>
  </si>
  <si>
    <t>11.299884796142578</t>
  </si>
  <si>
    <t>385.7120361328125</t>
  </si>
  <si>
    <t>0.1391529642253797</t>
  </si>
  <si>
    <t>14454</t>
  </si>
  <si>
    <t>11.683218955993652</t>
  </si>
  <si>
    <t>379.1263427734375</t>
  </si>
  <si>
    <t>0.07728487936930684</t>
  </si>
  <si>
    <t>14759</t>
  </si>
  <si>
    <t>12.076980590820312</t>
  </si>
  <si>
    <t>394.334228515625</t>
  </si>
  <si>
    <t>0.020881873338849388</t>
  </si>
  <si>
    <t>12.322807312011719</t>
  </si>
  <si>
    <t>428.5902404785156</t>
  </si>
  <si>
    <t>0.03671845812331931</t>
  </si>
  <si>
    <t>12.329059600830078</t>
  </si>
  <si>
    <t>565.1047973632812</t>
  </si>
  <si>
    <t>-0.059192853869017625</t>
  </si>
  <si>
    <t>13.137405395507812</t>
  </si>
  <si>
    <t>510.848388671875</t>
  </si>
  <si>
    <t>0.07910945142164394</t>
  </si>
  <si>
    <t>10.979060173034668</t>
  </si>
  <si>
    <t>478.8006286621094</t>
  </si>
  <si>
    <t>0.15463531994574353</t>
  </si>
  <si>
    <t>18290</t>
  </si>
  <si>
    <t>12.58739185333252</t>
  </si>
  <si>
    <t>504.2747497558594</t>
  </si>
  <si>
    <t>0.0032310205814454207</t>
  </si>
  <si>
    <t>19581</t>
  </si>
  <si>
    <t>12.216551780700684</t>
  </si>
  <si>
    <t>320.3833312988281</t>
  </si>
  <si>
    <t>0.06820524591841526</t>
  </si>
  <si>
    <t>12.46239185333252</t>
  </si>
  <si>
    <t>482.2767333984375</t>
  </si>
  <si>
    <t>-0.008153264149026285</t>
  </si>
  <si>
    <t>11.972805976867676</t>
  </si>
  <si>
    <t>517.5101318359375</t>
  </si>
  <si>
    <t>0.12536301757877055</t>
  </si>
  <si>
    <t>12.291565895080566</t>
  </si>
  <si>
    <t>435.8160095214844</t>
  </si>
  <si>
    <t>0.003627134916003527</t>
  </si>
  <si>
    <t>12.470726013183594</t>
  </si>
  <si>
    <t>442.08453369140625</t>
  </si>
  <si>
    <t>0.14625781509060332</t>
  </si>
  <si>
    <t>13.064486503601074</t>
  </si>
  <si>
    <t>497.3447570800781</t>
  </si>
  <si>
    <t>-0.013541381536857244</t>
  </si>
  <si>
    <t>13.029060363769531</t>
  </si>
  <si>
    <t>426.3780212402344</t>
  </si>
  <si>
    <t>-0.12995955656754354</t>
  </si>
  <si>
    <t>13.331138610839844</t>
  </si>
  <si>
    <t>382.3320617675781</t>
  </si>
  <si>
    <t>-0.03438878970732162</t>
  </si>
  <si>
    <t>12.31031322479248</t>
  </si>
  <si>
    <t>448.3019104003906</t>
  </si>
  <si>
    <t>0.09947157305170329</t>
  </si>
  <si>
    <t>24717</t>
  </si>
  <si>
    <t>12.672805786132812</t>
  </si>
  <si>
    <t>357.228759765625</t>
  </si>
  <si>
    <t>0.04425500900404167</t>
  </si>
  <si>
    <t>15083</t>
  </si>
  <si>
    <t>13.086569786071777</t>
  </si>
  <si>
    <t>488.77008056640625</t>
  </si>
  <si>
    <t>78.51173400878906</t>
  </si>
  <si>
    <t>Kirklareli</t>
  </si>
  <si>
    <t>11.873270988464355</t>
  </si>
  <si>
    <t>533.2101440429688</t>
  </si>
  <si>
    <t>-0.012945596512700774</t>
  </si>
  <si>
    <t>12.079010963439941</t>
  </si>
  <si>
    <t>495.2030334472656</t>
  </si>
  <si>
    <t>0.02964552439522805</t>
  </si>
  <si>
    <t>16195</t>
  </si>
  <si>
    <t>12.326003074645996</t>
  </si>
  <si>
    <t>516.475341796875</t>
  </si>
  <si>
    <t>0.054434342954650106</t>
  </si>
  <si>
    <t>13.195858001708984</t>
  </si>
  <si>
    <t>707.0204467773438</t>
  </si>
  <si>
    <t>-0.06709813871627013</t>
  </si>
  <si>
    <t>12.465255737304688</t>
  </si>
  <si>
    <t>680.0756225585938</t>
  </si>
  <si>
    <t>0.05723178087323788</t>
  </si>
  <si>
    <t>12.383334159851074</t>
  </si>
  <si>
    <t>660.4751586914062</t>
  </si>
  <si>
    <t>0.05324636221164525</t>
  </si>
  <si>
    <t>11.99849796295166</t>
  </si>
  <si>
    <t>764.9598999023438</t>
  </si>
  <si>
    <t>0.055488349673755266</t>
  </si>
  <si>
    <t>12.913161277770996</t>
  </si>
  <si>
    <t>799.3297729492188</t>
  </si>
  <si>
    <t>0.00680085123050489</t>
  </si>
  <si>
    <t>17130</t>
  </si>
  <si>
    <t>13.38074016571045</t>
  </si>
  <si>
    <t>575.608154296875</t>
  </si>
  <si>
    <t>-0.0495404455601367</t>
  </si>
  <si>
    <t>13.711251258850098</t>
  </si>
  <si>
    <t>503.341064453125</t>
  </si>
  <si>
    <t>0.051205724879197945</t>
  </si>
  <si>
    <t>16685</t>
  </si>
  <si>
    <t>13.28971004486084</t>
  </si>
  <si>
    <t>590.0672607421875</t>
  </si>
  <si>
    <t>-0.07752692501188996</t>
  </si>
  <si>
    <t>17455</t>
  </si>
  <si>
    <t>13.468901634216309</t>
  </si>
  <si>
    <t>752.93798828125</t>
  </si>
  <si>
    <t>0.045116028353662685</t>
  </si>
  <si>
    <t>12.350456237792969</t>
  </si>
  <si>
    <t>599.7261352539062</t>
  </si>
  <si>
    <t>0.03954016502066082</t>
  </si>
  <si>
    <t>19606</t>
  </si>
  <si>
    <t>13.27341079711914</t>
  </si>
  <si>
    <t>525.9552612304688</t>
  </si>
  <si>
    <t>0.07666933626187422</t>
  </si>
  <si>
    <t>21244</t>
  </si>
  <si>
    <t>12.473271369934082</t>
  </si>
  <si>
    <t>695.821533203125</t>
  </si>
  <si>
    <t>0.08023886072061792</t>
  </si>
  <si>
    <t>13.119129180908203</t>
  </si>
  <si>
    <t>600.818603515625</t>
  </si>
  <si>
    <t>0.03333024685647423</t>
  </si>
  <si>
    <t>13.409931182861328</t>
  </si>
  <si>
    <t>628.729736328125</t>
  </si>
  <si>
    <t>0.04539357226036245</t>
  </si>
  <si>
    <t>13.662662506103516</t>
  </si>
  <si>
    <t>508.9903869628906</t>
  </si>
  <si>
    <t>0.0010436598616472281</t>
  </si>
  <si>
    <t>21989</t>
  </si>
  <si>
    <t>13.370221138000488</t>
  </si>
  <si>
    <t>775.088134765625</t>
  </si>
  <si>
    <t>-0.04529965322200269</t>
  </si>
  <si>
    <t>13.904509544372559</t>
  </si>
  <si>
    <t>773.3591918945312</t>
  </si>
  <si>
    <t>0.04369022248246246</t>
  </si>
  <si>
    <t>24182</t>
  </si>
  <si>
    <t>12.408928871154785</t>
  </si>
  <si>
    <t>645.36083984375</t>
  </si>
  <si>
    <t>0.05137600395296005</t>
  </si>
  <si>
    <t>13.78720760345459</t>
  </si>
  <si>
    <t>757.5782470703125</t>
  </si>
  <si>
    <t>0.020060442628862418</t>
  </si>
  <si>
    <t>13.737434387207031</t>
  </si>
  <si>
    <t>614.138671875</t>
  </si>
  <si>
    <t>0.0342244027097518</t>
  </si>
  <si>
    <t>13.533473014831543</t>
  </si>
  <si>
    <t>950.9708862304688</t>
  </si>
  <si>
    <t>0.06644370054752535</t>
  </si>
  <si>
    <t>28872</t>
  </si>
  <si>
    <t>13.328465461730957</t>
  </si>
  <si>
    <t>851.8943481445312</t>
  </si>
  <si>
    <t>0.056535166702291306</t>
  </si>
  <si>
    <t>13.589848518371582</t>
  </si>
  <si>
    <t>610.2554931640625</t>
  </si>
  <si>
    <t>0.024496606385135067</t>
  </si>
  <si>
    <t>30193</t>
  </si>
  <si>
    <t>13.81562328338623</t>
  </si>
  <si>
    <t>657.0845947265625</t>
  </si>
  <si>
    <t>0.020241235708724048</t>
  </si>
  <si>
    <t>13.991031646728516</t>
  </si>
  <si>
    <t>755.1082763671875</t>
  </si>
  <si>
    <t>0.05119558484812359</t>
  </si>
  <si>
    <t>32381</t>
  </si>
  <si>
    <t>14.383749961853027</t>
  </si>
  <si>
    <t>471.2115173339844</t>
  </si>
  <si>
    <t>0.018766136751413143</t>
  </si>
  <si>
    <t>14.519902229309082</t>
  </si>
  <si>
    <t>684.0034790039062</t>
  </si>
  <si>
    <t>0.025550170350198798</t>
  </si>
  <si>
    <t>13.770539283752441</t>
  </si>
  <si>
    <t>698.1696166992188</t>
  </si>
  <si>
    <t>0.09946399978925413</t>
  </si>
  <si>
    <t>38353</t>
  </si>
  <si>
    <t>14.2241849899292</t>
  </si>
  <si>
    <t>546.1539306640625</t>
  </si>
  <si>
    <t>0.044246750438256655</t>
  </si>
  <si>
    <t>10.45127010345459</t>
  </si>
  <si>
    <t>372.78466796875</t>
  </si>
  <si>
    <t>88.97877502441406</t>
  </si>
  <si>
    <t>Kirsehir</t>
  </si>
  <si>
    <t>9.938840866088867</t>
  </si>
  <si>
    <t>428.8033142089844</t>
  </si>
  <si>
    <t>-0.012963685199899544</t>
  </si>
  <si>
    <t>8764</t>
  </si>
  <si>
    <t>9.229802131652832</t>
  </si>
  <si>
    <t>422.4423828125</t>
  </si>
  <si>
    <t>0.029763067739471794</t>
  </si>
  <si>
    <t>9254</t>
  </si>
  <si>
    <t>10.242937088012695</t>
  </si>
  <si>
    <t>362.4982604980469</t>
  </si>
  <si>
    <t>0.0544034687515893</t>
  </si>
  <si>
    <t>8653</t>
  </si>
  <si>
    <t>11.03488540649414</t>
  </si>
  <si>
    <t>362.9710998535156</t>
  </si>
  <si>
    <t>-0.06714980886020605</t>
  </si>
  <si>
    <t>10.517794609069824</t>
  </si>
  <si>
    <t>433.0627136230469</t>
  </si>
  <si>
    <t>0.057267554358473305</t>
  </si>
  <si>
    <t>9664</t>
  </si>
  <si>
    <t>10.91412353515625</t>
  </si>
  <si>
    <t>435.8846740722656</t>
  </si>
  <si>
    <t>0.05323400520938293</t>
  </si>
  <si>
    <t>9.938559532165527</t>
  </si>
  <si>
    <t>479.0931396484375</t>
  </si>
  <si>
    <t>0.055449587077125884</t>
  </si>
  <si>
    <t>11.455649375915527</t>
  </si>
  <si>
    <t>464.27099609375</t>
  </si>
  <si>
    <t>0.006829294835336341</t>
  </si>
  <si>
    <t>11.013981819152832</t>
  </si>
  <si>
    <t>435.4728698730469</t>
  </si>
  <si>
    <t>-0.04952937752449493</t>
  </si>
  <si>
    <t>10.888699531555176</t>
  </si>
  <si>
    <t>347.16943359375</t>
  </si>
  <si>
    <t>0.05118090556296728</t>
  </si>
  <si>
    <t>11.476975440979004</t>
  </si>
  <si>
    <t>442.5760498046875</t>
  </si>
  <si>
    <t>-0.07747369436075857</t>
  </si>
  <si>
    <t>11.222456932067871</t>
  </si>
  <si>
    <t>409.5948181152344</t>
  </si>
  <si>
    <t>0.045117350341296714</t>
  </si>
  <si>
    <t>10.384885787963867</t>
  </si>
  <si>
    <t>421.43206787109375</t>
  </si>
  <si>
    <t>0.039513739890210786</t>
  </si>
  <si>
    <t>11203</t>
  </si>
  <si>
    <t>10.939404487609863</t>
  </si>
  <si>
    <t>318.6745910644531</t>
  </si>
  <si>
    <t>0.07668615256244316</t>
  </si>
  <si>
    <t>10.651834487915039</t>
  </si>
  <si>
    <t>390.90667724609375</t>
  </si>
  <si>
    <t>0.11433556146346646</t>
  </si>
  <si>
    <t>12237</t>
  </si>
  <si>
    <t>10.919066429138184</t>
  </si>
  <si>
    <t>371.3236389160156</t>
  </si>
  <si>
    <t>-0.02605301203652033</t>
  </si>
  <si>
    <t>12858</t>
  </si>
  <si>
    <t>11.086297035217285</t>
  </si>
  <si>
    <t>389.1266784667969</t>
  </si>
  <si>
    <t>0.04950203671596398</t>
  </si>
  <si>
    <t>11.519065856933594</t>
  </si>
  <si>
    <t>406.3184509277344</t>
  </si>
  <si>
    <t>-0.01409797785752076</t>
  </si>
  <si>
    <t>11.381495475769043</t>
  </si>
  <si>
    <t>540.6707153320312</t>
  </si>
  <si>
    <t>0.010748151954059537</t>
  </si>
  <si>
    <t>12.538982391357422</t>
  </si>
  <si>
    <t>483.909912109375</t>
  </si>
  <si>
    <t>0.1420494392424292</t>
  </si>
  <si>
    <t>16109</t>
  </si>
  <si>
    <t>10.05621337890625</t>
  </si>
  <si>
    <t>483.9302062988281</t>
  </si>
  <si>
    <t>0.08671232295736431</t>
  </si>
  <si>
    <t>11.56906509399414</t>
  </si>
  <si>
    <t>492.24884033203125</t>
  </si>
  <si>
    <t>0.027007979807244453</t>
  </si>
  <si>
    <t>11.281777381896973</t>
  </si>
  <si>
    <t>308.43878173828125</t>
  </si>
  <si>
    <t>0.033335429726761845</t>
  </si>
  <si>
    <t>17328</t>
  </si>
  <si>
    <t>11.689969062805176</t>
  </si>
  <si>
    <t>477.8607482910156</t>
  </si>
  <si>
    <t>0.012602158708800104</t>
  </si>
  <si>
    <t>10.843077659606934</t>
  </si>
  <si>
    <t>488.0710144042969</t>
  </si>
  <si>
    <t>0.05030596503303286</t>
  </si>
  <si>
    <t>19585</t>
  </si>
  <si>
    <t>11.443500518798828</t>
  </si>
  <si>
    <t>419.9404296875</t>
  </si>
  <si>
    <t>0.07213431182612773</t>
  </si>
  <si>
    <t>11.464828491210938</t>
  </si>
  <si>
    <t>435.7099609375</t>
  </si>
  <si>
    <t>19763</t>
  </si>
  <si>
    <t>12.39462947845459</t>
  </si>
  <si>
    <t>486.2540283203125</t>
  </si>
  <si>
    <t>-0.031233081928066397</t>
  </si>
  <si>
    <t>19087</t>
  </si>
  <si>
    <t>11.698162078857422</t>
  </si>
  <si>
    <t>405.3895568847656</t>
  </si>
  <si>
    <t>-0.034804027610542576</t>
  </si>
  <si>
    <t>12.294207572937012</t>
  </si>
  <si>
    <t>375.95391845703125</t>
  </si>
  <si>
    <t>0.09174596415375547</t>
  </si>
  <si>
    <t>23108</t>
  </si>
  <si>
    <t>11.410168647766113</t>
  </si>
  <si>
    <t>412.1473693847656</t>
  </si>
  <si>
    <t>0.09942543871750864</t>
  </si>
  <si>
    <t>11.731072425842285</t>
  </si>
  <si>
    <t>327.55413818359375</t>
  </si>
  <si>
    <t>0.044271119934164105</t>
  </si>
  <si>
    <t>21751</t>
  </si>
  <si>
    <t>334.5626220703125</t>
  </si>
  <si>
    <t>Kocaeli</t>
  </si>
  <si>
    <t>21471</t>
  </si>
  <si>
    <t>12.59999942779541</t>
  </si>
  <si>
    <t>-0.012956546064707197</t>
  </si>
  <si>
    <t>22118</t>
  </si>
  <si>
    <t>0.029688569228598638</t>
  </si>
  <si>
    <t>603.5999755859375</t>
  </si>
  <si>
    <t>0.05441933730090298</t>
  </si>
  <si>
    <t>-0.0671137316714372</t>
  </si>
  <si>
    <t>0.05726016342413587</t>
  </si>
  <si>
    <t>942.4999389648438</t>
  </si>
  <si>
    <t>0.05321568652105846</t>
  </si>
  <si>
    <t>0.05546457429041318</t>
  </si>
  <si>
    <t>0.006803536236100527</t>
  </si>
  <si>
    <t>-0.04951662900589682</t>
  </si>
  <si>
    <t>0.05117184427303556</t>
  </si>
  <si>
    <t>847.2999877929688</t>
  </si>
  <si>
    <t>-0.07750426557888979</t>
  </si>
  <si>
    <t>25172</t>
  </si>
  <si>
    <t>0.0451399932220955</t>
  </si>
  <si>
    <t>0.03953083875663488</t>
  </si>
  <si>
    <t>713.0</t>
  </si>
  <si>
    <t>0.07667955002351867</t>
  </si>
  <si>
    <t>0.09703209155134473</t>
  </si>
  <si>
    <t>0.09120201692243057</t>
  </si>
  <si>
    <t>14.358332633972168</t>
  </si>
  <si>
    <t>693.2000122070312</t>
  </si>
  <si>
    <t>0.04418930440655977</t>
  </si>
  <si>
    <t>710.3999633789062</t>
  </si>
  <si>
    <t>-0.012922336520922784</t>
  </si>
  <si>
    <t>30623</t>
  </si>
  <si>
    <t>1004.6998901367188</t>
  </si>
  <si>
    <t>-0.13969237019434821</t>
  </si>
  <si>
    <t>0.04345315102654368</t>
  </si>
  <si>
    <t>0.14830463545271044</t>
  </si>
  <si>
    <t>893.5999755859375</t>
  </si>
  <si>
    <t>0.003095269404362</t>
  </si>
  <si>
    <t>674.0000610351562</t>
  </si>
  <si>
    <t>0.08617794278940671</t>
  </si>
  <si>
    <t>41495</t>
  </si>
  <si>
    <t>0.02279057876748425</t>
  </si>
  <si>
    <t>1022.300048828125</t>
  </si>
  <si>
    <t>0.04156301402929152</t>
  </si>
  <si>
    <t>42705</t>
  </si>
  <si>
    <t>802.5</t>
  </si>
  <si>
    <t>-0.012819942681593588</t>
  </si>
  <si>
    <t>770.199951171875</t>
  </si>
  <si>
    <t>0.1071502724128841</t>
  </si>
  <si>
    <t>965.9000854492188</t>
  </si>
  <si>
    <t>0.06125924675028749</t>
  </si>
  <si>
    <t>651.800048828125</t>
  </si>
  <si>
    <t>-0.09519344278203512</t>
  </si>
  <si>
    <t>759.2999877929688</t>
  </si>
  <si>
    <t>0.033323933073655</t>
  </si>
  <si>
    <t>52474</t>
  </si>
  <si>
    <t>0.09946178997854993</t>
  </si>
  <si>
    <t>54849</t>
  </si>
  <si>
    <t>14.966666221618652</t>
  </si>
  <si>
    <t>642.2999877929688</t>
  </si>
  <si>
    <t>0.04426614618302693</t>
  </si>
  <si>
    <t>10.236783981323242</t>
  </si>
  <si>
    <t>352.5196838378906</t>
  </si>
  <si>
    <t>912.2266235351562</t>
  </si>
  <si>
    <t>Konya</t>
  </si>
  <si>
    <t>9251</t>
  </si>
  <si>
    <t>9.667316436767578</t>
  </si>
  <si>
    <t>459.9555969238281</t>
  </si>
  <si>
    <t>8.96522331237793</t>
  </si>
  <si>
    <t>466.454833984375</t>
  </si>
  <si>
    <t>0.029713063876929624</t>
  </si>
  <si>
    <t>10.06086540222168</t>
  </si>
  <si>
    <t>373.90216064453125</t>
  </si>
  <si>
    <t>0.054420613285085295</t>
  </si>
  <si>
    <t>10.756485939025879</t>
  </si>
  <si>
    <t>422.5439453125</t>
  </si>
  <si>
    <t>-0.06709237735390694</t>
  </si>
  <si>
    <t>10.169716835021973</t>
  </si>
  <si>
    <t>433.7523498535156</t>
  </si>
  <si>
    <t>0.05730600006746833</t>
  </si>
  <si>
    <t>10509</t>
  </si>
  <si>
    <t>10.583001136779785</t>
  </si>
  <si>
    <t>405.3937072753906</t>
  </si>
  <si>
    <t>0.053153079218702715</t>
  </si>
  <si>
    <t>9.605538368225098</t>
  </si>
  <si>
    <t>509.1231994628906</t>
  </si>
  <si>
    <t>0.05552355771612483</t>
  </si>
  <si>
    <t>11.120217323303223</t>
  </si>
  <si>
    <t>484.7646179199219</t>
  </si>
  <si>
    <t>0.0068180043425076775</t>
  </si>
  <si>
    <t>10.752577781677246</t>
  </si>
  <si>
    <t>388.7999267578125</t>
  </si>
  <si>
    <t>-0.049577241826650464</t>
  </si>
  <si>
    <t>10.633111000061035</t>
  </si>
  <si>
    <t>382.2441711425781</t>
  </si>
  <si>
    <t>0.05118524646114331</t>
  </si>
  <si>
    <t>11.096253395080566</t>
  </si>
  <si>
    <t>454.0893249511719</t>
  </si>
  <si>
    <t>-0.07745745996666642</t>
  </si>
  <si>
    <t>10.884071350097656</t>
  </si>
  <si>
    <t>442.5045471191406</t>
  </si>
  <si>
    <t>0.04507220880894991</t>
  </si>
  <si>
    <t>10.149373054504395</t>
  </si>
  <si>
    <t>509.1906433105469</t>
  </si>
  <si>
    <t>0.03958944472088177</t>
  </si>
  <si>
    <t>10.627541542053223</t>
  </si>
  <si>
    <t>323.959716796875</t>
  </si>
  <si>
    <t>0.07665574423251975</t>
  </si>
  <si>
    <t>10.32506275177002</t>
  </si>
  <si>
    <t>381.2333984375</t>
  </si>
  <si>
    <t>0.069512586476014</t>
  </si>
  <si>
    <t>13763</t>
  </si>
  <si>
    <t>10.527003288269043</t>
  </si>
  <si>
    <t>409.4263000488281</t>
  </si>
  <si>
    <t>0.052429708149110965</t>
  </si>
  <si>
    <t>14339</t>
  </si>
  <si>
    <t>10.7087984085083</t>
  </si>
  <si>
    <t>399.34716796875</t>
  </si>
  <si>
    <t>0.040999265735507606</t>
  </si>
  <si>
    <t>11.174487113952637</t>
  </si>
  <si>
    <t>397.9419250488281</t>
  </si>
  <si>
    <t>-0.004823666244158531</t>
  </si>
  <si>
    <t>10.983508110046387</t>
  </si>
  <si>
    <t>528.6390380859375</t>
  </si>
  <si>
    <t>-0.022106610893784406</t>
  </si>
  <si>
    <t>12.15556812286377</t>
  </si>
  <si>
    <t>492.3536071777344</t>
  </si>
  <si>
    <t>0.05735740376773535</t>
  </si>
  <si>
    <t>16738</t>
  </si>
  <si>
    <t>9.76779556274414</t>
  </si>
  <si>
    <t>544.4813232421875</t>
  </si>
  <si>
    <t>0.12427135924798627</t>
  </si>
  <si>
    <t>11.22994327545166</t>
  </si>
  <si>
    <t>485.5963134765625</t>
  </si>
  <si>
    <t>0.05718164746232013</t>
  </si>
  <si>
    <t>10.994918823242188</t>
  </si>
  <si>
    <t>361.5020446777344</t>
  </si>
  <si>
    <t>0.07571476047387904</t>
  </si>
  <si>
    <t>11.28303050994873</t>
  </si>
  <si>
    <t>486.97540283203125</t>
  </si>
  <si>
    <t>0.05619312912232566</t>
  </si>
  <si>
    <t>10.605307579040527</t>
  </si>
  <si>
    <t>482.8768005371094</t>
  </si>
  <si>
    <t>0.04590843332653449</t>
  </si>
  <si>
    <t>11.150229454040527</t>
  </si>
  <si>
    <t>412.1950988769531</t>
  </si>
  <si>
    <t>0.015140795952504504</t>
  </si>
  <si>
    <t>11.139671325683594</t>
  </si>
  <si>
    <t>443.5781555175781</t>
  </si>
  <si>
    <t>0.056129221406498786</t>
  </si>
  <si>
    <t>23178</t>
  </si>
  <si>
    <t>11.90789794921875</t>
  </si>
  <si>
    <t>509.9610595703125</t>
  </si>
  <si>
    <t>0.019253981557454836</t>
  </si>
  <si>
    <t>11.354728698730469</t>
  </si>
  <si>
    <t>419.1943054199219</t>
  </si>
  <si>
    <t>-0.0027650583589498012</t>
  </si>
  <si>
    <t>11.931957244873047</t>
  </si>
  <si>
    <t>410.07891845703125</t>
  </si>
  <si>
    <t>0.05238078799516899</t>
  </si>
  <si>
    <t>11.20800495147705</t>
  </si>
  <si>
    <t>403.7660217285156</t>
  </si>
  <si>
    <t>0.09945569188955083</t>
  </si>
  <si>
    <t>11.459527015686035</t>
  </si>
  <si>
    <t>363.21160888671875</t>
  </si>
  <si>
    <t>0.04427721373065552</t>
  </si>
  <si>
    <t>10.904709815979004</t>
  </si>
  <si>
    <t>568.5130615234375</t>
  </si>
  <si>
    <t>362.0735778808594</t>
  </si>
  <si>
    <t>KÔøΩtahya</t>
  </si>
  <si>
    <t>10.025492668151855</t>
  </si>
  <si>
    <t>635.7798461914062</t>
  </si>
  <si>
    <t>-0.012974557615605065</t>
  </si>
  <si>
    <t>9.724644660949707</t>
  </si>
  <si>
    <t>594.8582153320312</t>
  </si>
  <si>
    <t>0.029699314965307977</t>
  </si>
  <si>
    <t>10.685032844543457</t>
  </si>
  <si>
    <t>579.6836547851562</t>
  </si>
  <si>
    <t>0.054378536468307814</t>
  </si>
  <si>
    <t>11.368663787841797</t>
  </si>
  <si>
    <t>726.8798828125</t>
  </si>
  <si>
    <t>-0.06702953175191695</t>
  </si>
  <si>
    <t>10.694842338562012</t>
  </si>
  <si>
    <t>627.1212158203125</t>
  </si>
  <si>
    <t>0.05717624471410687</t>
  </si>
  <si>
    <t>10.915177345275879</t>
  </si>
  <si>
    <t>703.5780029296875</t>
  </si>
  <si>
    <t>0.053317111511606896</t>
  </si>
  <si>
    <t>10.054147720336914</t>
  </si>
  <si>
    <t>797.1279296875</t>
  </si>
  <si>
    <t>0.055432622424078204</t>
  </si>
  <si>
    <t>11.422916412353516</t>
  </si>
  <si>
    <t>880.72509765625</t>
  </si>
  <si>
    <t>0.006774175749345801</t>
  </si>
  <si>
    <t>11.390753746032715</t>
  </si>
  <si>
    <t>644.0023193359375</t>
  </si>
  <si>
    <t>-0.04954659385754212</t>
  </si>
  <si>
    <t>11128</t>
  </si>
  <si>
    <t>11.311697959899902</t>
  </si>
  <si>
    <t>612.5111083984375</t>
  </si>
  <si>
    <t>0.05125545787909935</t>
  </si>
  <si>
    <t>11.544854164123535</t>
  </si>
  <si>
    <t>819.9481811523438</t>
  </si>
  <si>
    <t>-0.07751475299719246</t>
  </si>
  <si>
    <t>10773</t>
  </si>
  <si>
    <t>11.469158172607422</t>
  </si>
  <si>
    <t>733.121337890625</t>
  </si>
  <si>
    <t>0.045093302288105264</t>
  </si>
  <si>
    <t>10.64010238647461</t>
  </si>
  <si>
    <t>829.636474609375</t>
  </si>
  <si>
    <t>0.039584805122650835</t>
  </si>
  <si>
    <t>11.186294555664062</t>
  </si>
  <si>
    <t>491.1159973144531</t>
  </si>
  <si>
    <t>0.07666028478121056</t>
  </si>
  <si>
    <t>13470</t>
  </si>
  <si>
    <t>10.670723915100098</t>
  </si>
  <si>
    <t>720.4703369140625</t>
  </si>
  <si>
    <t>0.10717689660635621</t>
  </si>
  <si>
    <t>11.021592140197754</t>
  </si>
  <si>
    <t>639.30615234375</t>
  </si>
  <si>
    <t>0.05016793980998635</t>
  </si>
  <si>
    <t>11.301143646240234</t>
  </si>
  <si>
    <t>600.1127319335938</t>
  </si>
  <si>
    <t>0.06993855142362371</t>
  </si>
  <si>
    <t>11.6845121383667</t>
  </si>
  <si>
    <t>0.059799381025953835</t>
  </si>
  <si>
    <t>11.42223834991455</t>
  </si>
  <si>
    <t>880.64794921875</t>
  </si>
  <si>
    <t>-0.06322878490140837</t>
  </si>
  <si>
    <t>16063</t>
  </si>
  <si>
    <t>12.384778022766113</t>
  </si>
  <si>
    <t>804.1054077148438</t>
  </si>
  <si>
    <t>0.059376412795201006</t>
  </si>
  <si>
    <t>10.37796401977539</t>
  </si>
  <si>
    <t>799.5776977539062</t>
  </si>
  <si>
    <t>0.0851679723492964</t>
  </si>
  <si>
    <t>11.866073608398438</t>
  </si>
  <si>
    <t>830.5884399414062</t>
  </si>
  <si>
    <t>0.030905051709552822</t>
  </si>
  <si>
    <t>18836</t>
  </si>
  <si>
    <t>11.663814544677734</t>
  </si>
  <si>
    <t>627.8173217773438</t>
  </si>
  <si>
    <t>0.04317841774683018</t>
  </si>
  <si>
    <t>20116</t>
  </si>
  <si>
    <t>11.661380767822266</t>
  </si>
  <si>
    <t>859.2660522460938</t>
  </si>
  <si>
    <t>0.06574558592840951</t>
  </si>
  <si>
    <t>20575</t>
  </si>
  <si>
    <t>11.14181137084961</t>
  </si>
  <si>
    <t>835.5558471679688</t>
  </si>
  <si>
    <t>0.022561228253415777</t>
  </si>
  <si>
    <t>21147</t>
  </si>
  <si>
    <t>11.667736053466797</t>
  </si>
  <si>
    <t>660.2919921875</t>
  </si>
  <si>
    <t>0.02742130489671446</t>
  </si>
  <si>
    <t>11.71413516998291</t>
  </si>
  <si>
    <t>644.2285766601562</t>
  </si>
  <si>
    <t>0.08634123871897259</t>
  </si>
  <si>
    <t>23427</t>
  </si>
  <si>
    <t>12.302306175231934</t>
  </si>
  <si>
    <t>853.8198852539062</t>
  </si>
  <si>
    <t>0.016049913169826624</t>
  </si>
  <si>
    <t>11.981429100036621</t>
  </si>
  <si>
    <t>567.772705078125</t>
  </si>
  <si>
    <t>0.0037493120483631515</t>
  </si>
  <si>
    <t>12.475467681884766</t>
  </si>
  <si>
    <t>693.6234130859375</t>
  </si>
  <si>
    <t>0.006907831592434022</t>
  </si>
  <si>
    <t>11.87171459197998</t>
  </si>
  <si>
    <t>648.0150146484375</t>
  </si>
  <si>
    <t>0.09941755969468247</t>
  </si>
  <si>
    <t>27337</t>
  </si>
  <si>
    <t>12.023177146911621</t>
  </si>
  <si>
    <t>568.14697265625</t>
  </si>
  <si>
    <t>0.044277189256664684</t>
  </si>
  <si>
    <t>12.527134895324707</t>
  </si>
  <si>
    <t>352.8104248046875</t>
  </si>
  <si>
    <t>322.9555969238281</t>
  </si>
  <si>
    <t>Malatya</t>
  </si>
  <si>
    <t>12.023472785949707</t>
  </si>
  <si>
    <t>503.3271179199219</t>
  </si>
  <si>
    <t>-0.01289127561114789</t>
  </si>
  <si>
    <t>10.724349021911621</t>
  </si>
  <si>
    <t>589.583740234375</t>
  </si>
  <si>
    <t>0.029693946508254854</t>
  </si>
  <si>
    <t>11.787886619567871</t>
  </si>
  <si>
    <t>629.9873046875</t>
  </si>
  <si>
    <t>0.05438481090571479</t>
  </si>
  <si>
    <t>12.528526306152344</t>
  </si>
  <si>
    <t>534.9453735351562</t>
  </si>
  <si>
    <t>-0.06705992118613757</t>
  </si>
  <si>
    <t>12.408736228942871</t>
  </si>
  <si>
    <t>519.5498046875</t>
  </si>
  <si>
    <t>0.05719532224436641</t>
  </si>
  <si>
    <t>12.852863311767578</t>
  </si>
  <si>
    <t>554.7904052734375</t>
  </si>
  <si>
    <t>0.05326775244496673</t>
  </si>
  <si>
    <t>11.653728485107422</t>
  </si>
  <si>
    <t>550.347900390625</t>
  </si>
  <si>
    <t>0.055425139171601856</t>
  </si>
  <si>
    <t>13.381896018981934</t>
  </si>
  <si>
    <t>443.80181884765625</t>
  </si>
  <si>
    <t>0.006842810928501919</t>
  </si>
  <si>
    <t>12.997782707214355</t>
  </si>
  <si>
    <t>433.54754638671875</t>
  </si>
  <si>
    <t>-0.04961778436139319</t>
  </si>
  <si>
    <t>12.802672386169434</t>
  </si>
  <si>
    <t>406.9466552734375</t>
  </si>
  <si>
    <t>13.055213928222656</t>
  </si>
  <si>
    <t>606.0353393554688</t>
  </si>
  <si>
    <t>-0.07759963785275836</t>
  </si>
  <si>
    <t>12.58790111541748</t>
  </si>
  <si>
    <t>452.1578369140625</t>
  </si>
  <si>
    <t>0.045159456279094456</t>
  </si>
  <si>
    <t>12.499076843261719</t>
  </si>
  <si>
    <t>597.97314453125</t>
  </si>
  <si>
    <t>0.03955764934252848</t>
  </si>
  <si>
    <t>12.447471618652344</t>
  </si>
  <si>
    <t>445.4615783691406</t>
  </si>
  <si>
    <t>0.07666138368750097</t>
  </si>
  <si>
    <t>11429</t>
  </si>
  <si>
    <t>12.531098365783691</t>
  </si>
  <si>
    <t>464.6296691894531</t>
  </si>
  <si>
    <t>0.15960490647225534</t>
  </si>
  <si>
    <t>12.517654418945312</t>
  </si>
  <si>
    <t>505.0439758300781</t>
  </si>
  <si>
    <t>-0.052449840636622724</t>
  </si>
  <si>
    <t>12.489481925964355</t>
  </si>
  <si>
    <t>404.8027038574219</t>
  </si>
  <si>
    <t>0.0396816488609133</t>
  </si>
  <si>
    <t>13.084999084472656</t>
  </si>
  <si>
    <t>299.94989013671875</t>
  </si>
  <si>
    <t>-0.016981371506707532</t>
  </si>
  <si>
    <t>12.947875022888184</t>
  </si>
  <si>
    <t>595.0924072265625</t>
  </si>
  <si>
    <t>14.132415771484375</t>
  </si>
  <si>
    <t>347.0039978027344</t>
  </si>
  <si>
    <t>0.07718013068300955</t>
  </si>
  <si>
    <t>12.162247657775879</t>
  </si>
  <si>
    <t>631.5241088867188</t>
  </si>
  <si>
    <t>0.12326364446501792</t>
  </si>
  <si>
    <t>13.098052024841309</t>
  </si>
  <si>
    <t>628.6660766601562</t>
  </si>
  <si>
    <t>0.020812249929882398</t>
  </si>
  <si>
    <t>14465</t>
  </si>
  <si>
    <t>12.654590606689453</t>
  </si>
  <si>
    <t>340.2076721191406</t>
  </si>
  <si>
    <t>0.06926449990095307</t>
  </si>
  <si>
    <t>13.50387954711914</t>
  </si>
  <si>
    <t>498.1888427734375</t>
  </si>
  <si>
    <t>0.023030368347175312</t>
  </si>
  <si>
    <t>12.929190635681152</t>
  </si>
  <si>
    <t>517.1172485351562</t>
  </si>
  <si>
    <t>0.08026094957996754</t>
  </si>
  <si>
    <t>16003</t>
  </si>
  <si>
    <t>12.673567771911621</t>
  </si>
  <si>
    <t>431.019775390625</t>
  </si>
  <si>
    <t>-0.0022470516913877248</t>
  </si>
  <si>
    <t>16877</t>
  </si>
  <si>
    <t>13.264864921569824</t>
  </si>
  <si>
    <t>400.1426696777344</t>
  </si>
  <si>
    <t>0.053175543590493035</t>
  </si>
  <si>
    <t>14.087788581848145</t>
  </si>
  <si>
    <t>714.2986450195312</t>
  </si>
  <si>
    <t>0.003312632428857043</t>
  </si>
  <si>
    <t>17203</t>
  </si>
  <si>
    <t>13.35705280303955</t>
  </si>
  <si>
    <t>628.9934692382812</t>
  </si>
  <si>
    <t>0.015819406531697666</t>
  </si>
  <si>
    <t>13.705918312072754</t>
  </si>
  <si>
    <t>540.0707397460938</t>
  </si>
  <si>
    <t>0.03501314274016565</t>
  </si>
  <si>
    <t>13.64193344116211</t>
  </si>
  <si>
    <t>267.4607238769531</t>
  </si>
  <si>
    <t>0.09945514736988592</t>
  </si>
  <si>
    <t>13.661482810974121</t>
  </si>
  <si>
    <t>428.91015625</t>
  </si>
  <si>
    <t>0.0442330106710731</t>
  </si>
  <si>
    <t>15.227542877197266</t>
  </si>
  <si>
    <t>547.9645385742188</t>
  </si>
  <si>
    <t>765.365478515625</t>
  </si>
  <si>
    <t>Manisa</t>
  </si>
  <si>
    <t>14.229647636413574</t>
  </si>
  <si>
    <t>513.9705200195312</t>
  </si>
  <si>
    <t>-0.01297483819084988</t>
  </si>
  <si>
    <t>14.155827522277832</t>
  </si>
  <si>
    <t>505.26654052734375</t>
  </si>
  <si>
    <t>0.02967882296639246</t>
  </si>
  <si>
    <t>14.831831932067871</t>
  </si>
  <si>
    <t>594.8887939453125</t>
  </si>
  <si>
    <t>0.054440803662879844</t>
  </si>
  <si>
    <t>11683</t>
  </si>
  <si>
    <t>15.598103523254395</t>
  </si>
  <si>
    <t>758.179931640625</t>
  </si>
  <si>
    <t>-0.06711373533636689</t>
  </si>
  <si>
    <t>14.864457130432129</t>
  </si>
  <si>
    <t>574.792724609375</t>
  </si>
  <si>
    <t>0.057301061087812855</t>
  </si>
  <si>
    <t>14.966309547424316</t>
  </si>
  <si>
    <t>727.74658203125</t>
  </si>
  <si>
    <t>0.05319901049588793</t>
  </si>
  <si>
    <t>13792</t>
  </si>
  <si>
    <t>14.317741394042969</t>
  </si>
  <si>
    <t>816.0106201171875</t>
  </si>
  <si>
    <t>0.05545384860262459</t>
  </si>
  <si>
    <t>15.471539497375488</t>
  </si>
  <si>
    <t>857.1383666992188</t>
  </si>
  <si>
    <t>0.006792424409745479</t>
  </si>
  <si>
    <t>15.68416976928711</t>
  </si>
  <si>
    <t>597.7778930664062</t>
  </si>
  <si>
    <t>-0.04952859027482859</t>
  </si>
  <si>
    <t>13909</t>
  </si>
  <si>
    <t>15.679600715637207</t>
  </si>
  <si>
    <t>573.3078002929688</t>
  </si>
  <si>
    <t>0.05118356456874018</t>
  </si>
  <si>
    <t>12872</t>
  </si>
  <si>
    <t>15.711668968200684</t>
  </si>
  <si>
    <t>802.9075317382812</t>
  </si>
  <si>
    <t>-0.07748170293491086</t>
  </si>
  <si>
    <t>15.697669982910156</t>
  </si>
  <si>
    <t>776.2491455078125</t>
  </si>
  <si>
    <t>0.04511358043300717</t>
  </si>
  <si>
    <t>14009</t>
  </si>
  <si>
    <t>14.825003623962402</t>
  </si>
  <si>
    <t>859.5995483398438</t>
  </si>
  <si>
    <t>0.0395319900908877</t>
  </si>
  <si>
    <t>15.424586296081543</t>
  </si>
  <si>
    <t>494.92376708984375</t>
  </si>
  <si>
    <t>0.07671513721986045</t>
  </si>
  <si>
    <t>14.813716888427734</t>
  </si>
  <si>
    <t>714.5109252929688</t>
  </si>
  <si>
    <t>0.1456143202286455</t>
  </si>
  <si>
    <t>18489</t>
  </si>
  <si>
    <t>15.29269790649414</t>
  </si>
  <si>
    <t>598.181396484375</t>
  </si>
  <si>
    <t>0.05514652298573175</t>
  </si>
  <si>
    <t>18301</t>
  </si>
  <si>
    <t>15.511431694030762</t>
  </si>
  <si>
    <t>616.7609252929688</t>
  </si>
  <si>
    <t>-0.01022025748507005</t>
  </si>
  <si>
    <t>15.892410278320312</t>
  </si>
  <si>
    <t>585.6712036132812</t>
  </si>
  <si>
    <t>0.03527030286770483</t>
  </si>
  <si>
    <t>15.607802391052246</t>
  </si>
  <si>
    <t>901.5469970703125</t>
  </si>
  <si>
    <t>-0.09737476343649476</t>
  </si>
  <si>
    <t>18551</t>
  </si>
  <si>
    <t>16.415298461914062</t>
  </si>
  <si>
    <t>773.9026489257812</t>
  </si>
  <si>
    <t>0.07567245336188044</t>
  </si>
  <si>
    <t>14.612900733947754</t>
  </si>
  <si>
    <t>709.5363159179688</t>
  </si>
  <si>
    <t>0.08713714846302878</t>
  </si>
  <si>
    <t>16.0582332611084</t>
  </si>
  <si>
    <t>874.1603393554688</t>
  </si>
  <si>
    <t>0.054140029104431164</t>
  </si>
  <si>
    <t>15.905194282531738</t>
  </si>
  <si>
    <t>650.7650756835938</t>
  </si>
  <si>
    <t>0.04197830411342984</t>
  </si>
  <si>
    <t>15.748732566833496</t>
  </si>
  <si>
    <t>845.4044189453125</t>
  </si>
  <si>
    <t>0.03825879850644931</t>
  </si>
  <si>
    <t>15.242457389831543</t>
  </si>
  <si>
    <t>788.236328125</t>
  </si>
  <si>
    <t>0.06427931947722954</t>
  </si>
  <si>
    <t>15.824414253234863</t>
  </si>
  <si>
    <t>663.2488403320312</t>
  </si>
  <si>
    <t>0.04102936122309053</t>
  </si>
  <si>
    <t>27183</t>
  </si>
  <si>
    <t>15.948909759521484</t>
  </si>
  <si>
    <t>625.7399291992188</t>
  </si>
  <si>
    <t>0.05524512106413759</t>
  </si>
  <si>
    <t>16.43021011352539</t>
  </si>
  <si>
    <t>870.6856689453125</t>
  </si>
  <si>
    <t>0.0529106444919929</t>
  </si>
  <si>
    <t>16.25019645690918</t>
  </si>
  <si>
    <t>561.7398071289062</t>
  </si>
  <si>
    <t>-0.02244113650484003</t>
  </si>
  <si>
    <t>16.615737915039062</t>
  </si>
  <si>
    <t>692.1124877929688</t>
  </si>
  <si>
    <t>0.06171552796404711</t>
  </si>
  <si>
    <t>32924</t>
  </si>
  <si>
    <t>16.213037490844727</t>
  </si>
  <si>
    <t>646.7263793945312</t>
  </si>
  <si>
    <t>0.09942506125116424</t>
  </si>
  <si>
    <t>16.311235427856445</t>
  </si>
  <si>
    <t>561.593017578125</t>
  </si>
  <si>
    <t>0.04426158322056928</t>
  </si>
  <si>
    <t>17.580053329467773</t>
  </si>
  <si>
    <t>366.55072021484375</t>
  </si>
  <si>
    <t>295.9422912597656</t>
  </si>
  <si>
    <t>Mardin</t>
  </si>
  <si>
    <t>17.04207420349121</t>
  </si>
  <si>
    <t>586.0631103515625</t>
  </si>
  <si>
    <t>-0.013064434621734122</t>
  </si>
  <si>
    <t>15.706376075744629</t>
  </si>
  <si>
    <t>610.3681030273438</t>
  </si>
  <si>
    <t>0.02977791559547427</t>
  </si>
  <si>
    <t>16.819692611694336</t>
  </si>
  <si>
    <t>738.865966796875</t>
  </si>
  <si>
    <t>0.05431786417062412</t>
  </si>
  <si>
    <t>17.572776794433594</t>
  </si>
  <si>
    <t>654.0848999023438</t>
  </si>
  <si>
    <t>-0.0669714072332166</t>
  </si>
  <si>
    <t>5488</t>
  </si>
  <si>
    <t>17.4823055267334</t>
  </si>
  <si>
    <t>525.2662353515625</t>
  </si>
  <si>
    <t>0.057179851216014654</t>
  </si>
  <si>
    <t>17.98573875427246</t>
  </si>
  <si>
    <t>644.7377319335938</t>
  </si>
  <si>
    <t>0.05322291834565185</t>
  </si>
  <si>
    <t>16.734968185424805</t>
  </si>
  <si>
    <t>580.1749877929688</t>
  </si>
  <si>
    <t>0.05544843695947499</t>
  </si>
  <si>
    <t>18.514972686767578</t>
  </si>
  <si>
    <t>407.9658203125</t>
  </si>
  <si>
    <t>0.0068415318167165395</t>
  </si>
  <si>
    <t>18.134374618530273</t>
  </si>
  <si>
    <t>450.2940673828125</t>
  </si>
  <si>
    <t>-0.04958593525672761</t>
  </si>
  <si>
    <t>17.86663246154785</t>
  </si>
  <si>
    <t>447.25616455078125</t>
  </si>
  <si>
    <t>0.05120799562859624</t>
  </si>
  <si>
    <t>18.102937698364258</t>
  </si>
  <si>
    <t>658.8168334960938</t>
  </si>
  <si>
    <t>-0.07747981424937755</t>
  </si>
  <si>
    <t>17.684532165527344</t>
  </si>
  <si>
    <t>531.4133911132812</t>
  </si>
  <si>
    <t>0.04519769612599944</t>
  </si>
  <si>
    <t>17.53754425048828</t>
  </si>
  <si>
    <t>731.4547119140625</t>
  </si>
  <si>
    <t>0.03954900516875526</t>
  </si>
  <si>
    <t>17.496566772460938</t>
  </si>
  <si>
    <t>501.7229309082031</t>
  </si>
  <si>
    <t>0.07663322602091682</t>
  </si>
  <si>
    <t>7162</t>
  </si>
  <si>
    <t>17.645835876464844</t>
  </si>
  <si>
    <t>487.2214050292969</t>
  </si>
  <si>
    <t>0.06519032059265051</t>
  </si>
  <si>
    <t>17.670368194580078</t>
  </si>
  <si>
    <t>524.9148559570312</t>
  </si>
  <si>
    <t>0.07812907839803529</t>
  </si>
  <si>
    <t>17.48646354675293</t>
  </si>
  <si>
    <t>439.5655212402344</t>
  </si>
  <si>
    <t>0.03937466665466083</t>
  </si>
  <si>
    <t>18.07297134399414</t>
  </si>
  <si>
    <t>305.43682861328125</t>
  </si>
  <si>
    <t>-0.029097083896420628</t>
  </si>
  <si>
    <t>17.991613388061523</t>
  </si>
  <si>
    <t>660.7192993164062</t>
  </si>
  <si>
    <t>0.0015325673497770254</t>
  </si>
  <si>
    <t>9660</t>
  </si>
  <si>
    <t>19.285396575927734</t>
  </si>
  <si>
    <t>348.9969787597656</t>
  </si>
  <si>
    <t>0.20926514814213348</t>
  </si>
  <si>
    <t>17.235692977905273</t>
  </si>
  <si>
    <t>593.69287109375</t>
  </si>
  <si>
    <t>0.12726177961092588</t>
  </si>
  <si>
    <t>18.19584846496582</t>
  </si>
  <si>
    <t>690.0778198242188</t>
  </si>
  <si>
    <t>0.029901217546873582</t>
  </si>
  <si>
    <t>17.793031692504883</t>
  </si>
  <si>
    <t>418.35345458984375</t>
  </si>
  <si>
    <t>0.1044046449462055</t>
  </si>
  <si>
    <t>18.710134506225586</t>
  </si>
  <si>
    <t>482.7410888671875</t>
  </si>
  <si>
    <t>0.044576493187511446</t>
  </si>
  <si>
    <t>13750</t>
  </si>
  <si>
    <t>18.29314422607422</t>
  </si>
  <si>
    <t>580.7939453125</t>
  </si>
  <si>
    <t>0.046901040596637245</t>
  </si>
  <si>
    <t>17.94040870666504</t>
  </si>
  <si>
    <t>475.4598693847656</t>
  </si>
  <si>
    <t>0.003702229193322637</t>
  </si>
  <si>
    <t>18.669761657714844</t>
  </si>
  <si>
    <t>445.2733459472656</t>
  </si>
  <si>
    <t>0.12898335128748073</t>
  </si>
  <si>
    <t>19.452470779418945</t>
  </si>
  <si>
    <t>745.552978515625</t>
  </si>
  <si>
    <t>0.03073112771123121</t>
  </si>
  <si>
    <t>18.708494186401367</t>
  </si>
  <si>
    <t>680.0364379882812</t>
  </si>
  <si>
    <t>0.00793581723134551</t>
  </si>
  <si>
    <t>17420</t>
  </si>
  <si>
    <t>18.89198875427246</t>
  </si>
  <si>
    <t>625.0723266601562</t>
  </si>
  <si>
    <t>0.06522762188839515</t>
  </si>
  <si>
    <t>18.916501998901367</t>
  </si>
  <si>
    <t>309.2897644042969</t>
  </si>
  <si>
    <t>0.09947641851471722</t>
  </si>
  <si>
    <t>18.8730525970459</t>
  </si>
  <si>
    <t>391.3388977050781</t>
  </si>
  <si>
    <t>0.044270982232010425</t>
  </si>
  <si>
    <t>15371</t>
  </si>
  <si>
    <t>16.061674118041992</t>
  </si>
  <si>
    <t>663.6228637695312</t>
  </si>
  <si>
    <t>331.8171691894531</t>
  </si>
  <si>
    <t>Mugla</t>
  </si>
  <si>
    <t>15.224801063537598</t>
  </si>
  <si>
    <t>625.1631469726562</t>
  </si>
  <si>
    <t>-0.012965084699690266</t>
  </si>
  <si>
    <t>14.964848518371582</t>
  </si>
  <si>
    <t>630.6710205078125</t>
  </si>
  <si>
    <t>0.029674611890280644</t>
  </si>
  <si>
    <t>16504</t>
  </si>
  <si>
    <t>15.802897453308105</t>
  </si>
  <si>
    <t>774.5866088867188</t>
  </si>
  <si>
    <t>0.054410631335565895</t>
  </si>
  <si>
    <t>16.427705764770508</t>
  </si>
  <si>
    <t>973.875732421875</t>
  </si>
  <si>
    <t>-0.06709470185025701</t>
  </si>
  <si>
    <t>15.801457405090332</t>
  </si>
  <si>
    <t>803.5726318359375</t>
  </si>
  <si>
    <t>0.05723040704382143</t>
  </si>
  <si>
    <t>15.97036361694336</t>
  </si>
  <si>
    <t>972.7638549804688</t>
  </si>
  <si>
    <t>0.05326173879107721</t>
  </si>
  <si>
    <t>15.25671100616455</t>
  </si>
  <si>
    <t>1029.0947265625</t>
  </si>
  <si>
    <t>0.0554647858299564</t>
  </si>
  <si>
    <t>18343</t>
  </si>
  <si>
    <t>16.43337059020996</t>
  </si>
  <si>
    <t>1145.684326171875</t>
  </si>
  <si>
    <t>0.006783024748665767</t>
  </si>
  <si>
    <t>17457</t>
  </si>
  <si>
    <t>16.533050537109375</t>
  </si>
  <si>
    <t>736.2753295898438</t>
  </si>
  <si>
    <t>-0.049507315989572476</t>
  </si>
  <si>
    <t>18374</t>
  </si>
  <si>
    <t>16.46979522705078</t>
  </si>
  <si>
    <t>768.6469116210938</t>
  </si>
  <si>
    <t>0.051195907506633276</t>
  </si>
  <si>
    <t>17003</t>
  </si>
  <si>
    <t>16.623458862304688</t>
  </si>
  <si>
    <t>1046.1571044921875</t>
  </si>
  <si>
    <t>-0.0775468227739271</t>
  </si>
  <si>
    <t>16.59512710571289</t>
  </si>
  <si>
    <t>994.7296752929688</t>
  </si>
  <si>
    <t>0.04513427357310107</t>
  </si>
  <si>
    <t>15.813735008239746</t>
  </si>
  <si>
    <t>1242.2303466796875</t>
  </si>
  <si>
    <t>0.039570931178388946</t>
  </si>
  <si>
    <t>16.291038513183594</t>
  </si>
  <si>
    <t>677.7767333984375</t>
  </si>
  <si>
    <t>0.07663676939356989</t>
  </si>
  <si>
    <t>15.756824493408203</t>
  </si>
  <si>
    <t>910.9423217773438</t>
  </si>
  <si>
    <t>0.08612259375040487</t>
  </si>
  <si>
    <t>16.152162551879883</t>
  </si>
  <si>
    <t>814.6887817382812</t>
  </si>
  <si>
    <t>0.048971641063877414</t>
  </si>
  <si>
    <t>16.400428771972656</t>
  </si>
  <si>
    <t>792.0880126953125</t>
  </si>
  <si>
    <t>0.014412473818524063</t>
  </si>
  <si>
    <t>16.786418914794922</t>
  </si>
  <si>
    <t>799.2737426757812</t>
  </si>
  <si>
    <t>-0.03486507181017551</t>
  </si>
  <si>
    <t>16.547319412231445</t>
  </si>
  <si>
    <t>1217.5535888671875</t>
  </si>
  <si>
    <t>-0.02489792665465984</t>
  </si>
  <si>
    <t>17.365604400634766</t>
  </si>
  <si>
    <t>1009.3095092773438</t>
  </si>
  <si>
    <t>0.06363447058649463</t>
  </si>
  <si>
    <t>15.594029426574707</t>
  </si>
  <si>
    <t>951.6126098632812</t>
  </si>
  <si>
    <t>0.05553039825054995</t>
  </si>
  <si>
    <t>17.038793563842773</t>
  </si>
  <si>
    <t>1072.9547119140625</t>
  </si>
  <si>
    <t>0.01898842151208413</t>
  </si>
  <si>
    <t>16.86881446838379</t>
  </si>
  <si>
    <t>893.618896484375</t>
  </si>
  <si>
    <t>0.037465766946647605</t>
  </si>
  <si>
    <t>16.814380645751953</t>
  </si>
  <si>
    <t>1132.52197265625</t>
  </si>
  <si>
    <t>0.049754801518695047</t>
  </si>
  <si>
    <t>16.303211212158203</t>
  </si>
  <si>
    <t>988.9214477539062</t>
  </si>
  <si>
    <t>0.02328330854517624</t>
  </si>
  <si>
    <t>16.82988929748535</t>
  </si>
  <si>
    <t>820.6145629882812</t>
  </si>
  <si>
    <t>-0.028042433064394245</t>
  </si>
  <si>
    <t>16.829708099365234</t>
  </si>
  <si>
    <t>788.3905639648438</t>
  </si>
  <si>
    <t>0.060549068577808285</t>
  </si>
  <si>
    <t>17.36614227294922</t>
  </si>
  <si>
    <t>1121.8524169921875</t>
  </si>
  <si>
    <t>0.07753142687813686</t>
  </si>
  <si>
    <t>17.105939865112305</t>
  </si>
  <si>
    <t>745.389892578125</t>
  </si>
  <si>
    <t>0.01921583683500039</t>
  </si>
  <si>
    <t>17.54204750061035</t>
  </si>
  <si>
    <t>871.7545166015625</t>
  </si>
  <si>
    <t>-0.11062454058384397</t>
  </si>
  <si>
    <t>17.111774444580078</t>
  </si>
  <si>
    <t>836.4494018554688</t>
  </si>
  <si>
    <t>0.09943115859266172</t>
  </si>
  <si>
    <t>17.17441749572754</t>
  </si>
  <si>
    <t>810.3931884765625</t>
  </si>
  <si>
    <t>0.044283559325767996</t>
  </si>
  <si>
    <t>7.5424933433532715</t>
  </si>
  <si>
    <t>563.1687622070312</t>
  </si>
  <si>
    <t>146.0006866455078</t>
  </si>
  <si>
    <t>Mus</t>
  </si>
  <si>
    <t>7.209011077880859</t>
  </si>
  <si>
    <t>751.4566040039062</t>
  </si>
  <si>
    <t>-0.013077109434306067</t>
  </si>
  <si>
    <t>5.888492584228516</t>
  </si>
  <si>
    <t>764.1459350585938</t>
  </si>
  <si>
    <t>0.029750477881847814</t>
  </si>
  <si>
    <t>6.814504623413086</t>
  </si>
  <si>
    <t>840.4978637695312</t>
  </si>
  <si>
    <t>0.05448249135010386</t>
  </si>
  <si>
    <t>7.782952785491943</t>
  </si>
  <si>
    <t>820.8880615234375</t>
  </si>
  <si>
    <t>-0.06715165957668567</t>
  </si>
  <si>
    <t>7.689966201782227</t>
  </si>
  <si>
    <t>734.15283203125</t>
  </si>
  <si>
    <t>0.05713726973228184</t>
  </si>
  <si>
    <t>8.249756813049316</t>
  </si>
  <si>
    <t>696.1581420898438</t>
  </si>
  <si>
    <t>0.05336698751500002</t>
  </si>
  <si>
    <t>6.938934326171875</t>
  </si>
  <si>
    <t>656.5043334960938</t>
  </si>
  <si>
    <t>0.05534878441478419</t>
  </si>
  <si>
    <t>6246</t>
  </si>
  <si>
    <t>8.712706565856934</t>
  </si>
  <si>
    <t>691.0831298828125</t>
  </si>
  <si>
    <t>0.006908212869905839</t>
  </si>
  <si>
    <t>8.302057266235352</t>
  </si>
  <si>
    <t>622.80517578125</t>
  </si>
  <si>
    <t>-0.049558951445428434</t>
  </si>
  <si>
    <t>8.051384925842285</t>
  </si>
  <si>
    <t>523.2035522460938</t>
  </si>
  <si>
    <t>0.05115869582755117</t>
  </si>
  <si>
    <t>8.559832572937012</t>
  </si>
  <si>
    <t>782.6531372070312</t>
  </si>
  <si>
    <t>-0.07740871165810503</t>
  </si>
  <si>
    <t>8.02574634552002</t>
  </si>
  <si>
    <t>676.44482421875</t>
  </si>
  <si>
    <t>0.045082336413905466</t>
  </si>
  <si>
    <t>7.907614231109619</t>
  </si>
  <si>
    <t>910.1715698242188</t>
  </si>
  <si>
    <t>0.03949372296110809</t>
  </si>
  <si>
    <t>7.728679656982422</t>
  </si>
  <si>
    <t>706.4303588867188</t>
  </si>
  <si>
    <t>0.07665534040300592</t>
  </si>
  <si>
    <t>7.9712347984313965</t>
  </si>
  <si>
    <t>722.9429931640625</t>
  </si>
  <si>
    <t>0.0795111266599502</t>
  </si>
  <si>
    <t>8.069758415222168</t>
  </si>
  <si>
    <t>718.663330078125</t>
  </si>
  <si>
    <t>0.029297794777621178</t>
  </si>
  <si>
    <t>7.628085613250732</t>
  </si>
  <si>
    <t>616.0048217773438</t>
  </si>
  <si>
    <t>0.03357629553360475</t>
  </si>
  <si>
    <t>7832</t>
  </si>
  <si>
    <t>8.354028701782227</t>
  </si>
  <si>
    <t>439.3065490722656</t>
  </si>
  <si>
    <t>-0.0015310031058906048</t>
  </si>
  <si>
    <t>8.560084342956543</t>
  </si>
  <si>
    <t>783.903076171875</t>
  </si>
  <si>
    <t>0.002423006987909204</t>
  </si>
  <si>
    <t>9.735310554504395</t>
  </si>
  <si>
    <t>567.64892578125</t>
  </si>
  <si>
    <t>0.18600854844762438</t>
  </si>
  <si>
    <t>7.529813766479492</t>
  </si>
  <si>
    <t>769.4747924804688</t>
  </si>
  <si>
    <t>0.06588596318347051</t>
  </si>
  <si>
    <t>8.446824073791504</t>
  </si>
  <si>
    <t>798.8989868164062</t>
  </si>
  <si>
    <t>0.053118360613815696</t>
  </si>
  <si>
    <t>8.12912654876709</t>
  </si>
  <si>
    <t>542.3905639648438</t>
  </si>
  <si>
    <t>0.08405737342330966</t>
  </si>
  <si>
    <t>9.022631645202637</t>
  </si>
  <si>
    <t>615.90087890625</t>
  </si>
  <si>
    <t>0.038689381157917424</t>
  </si>
  <si>
    <t>8.579757690429688</t>
  </si>
  <si>
    <t>714.5484619140625</t>
  </si>
  <si>
    <t>-0.039984997836670644</t>
  </si>
  <si>
    <t>8.266379356384277</t>
  </si>
  <si>
    <t>0.029130754176122764</t>
  </si>
  <si>
    <t>8.821881294250488</t>
  </si>
  <si>
    <t>553.7901611328125</t>
  </si>
  <si>
    <t>0.033596490598128526</t>
  </si>
  <si>
    <t>9.764906883239746</t>
  </si>
  <si>
    <t>889.84912109375</t>
  </si>
  <si>
    <t>0.052035773775257255</t>
  </si>
  <si>
    <t>8.895174980163574</t>
  </si>
  <si>
    <t>677.677978515625</t>
  </si>
  <si>
    <t>0.010120457460578436</t>
  </si>
  <si>
    <t>9.043850898742676</t>
  </si>
  <si>
    <t>738.0406494140625</t>
  </si>
  <si>
    <t>0.060961109915782075</t>
  </si>
  <si>
    <t>9.10418701171875</t>
  </si>
  <si>
    <t>444.2712707519531</t>
  </si>
  <si>
    <t>0.09945782071933351</t>
  </si>
  <si>
    <t>16087</t>
  </si>
  <si>
    <t>9.138076782226562</t>
  </si>
  <si>
    <t>486.5041809082031</t>
  </si>
  <si>
    <t>0.04429354455738199</t>
  </si>
  <si>
    <t>10.442988395690918</t>
  </si>
  <si>
    <t>362.998046875</t>
  </si>
  <si>
    <t>165.18849182128906</t>
  </si>
  <si>
    <t>Nevsehir</t>
  </si>
  <si>
    <t>9.937963485717773</t>
  </si>
  <si>
    <t>423.8562316894531</t>
  </si>
  <si>
    <t>-0.012899621850641196</t>
  </si>
  <si>
    <t>9.236371994018555</t>
  </si>
  <si>
    <t>411.9811096191406</t>
  </si>
  <si>
    <t>0.029653335497984656</t>
  </si>
  <si>
    <t>11059</t>
  </si>
  <si>
    <t>10.246170997619629</t>
  </si>
  <si>
    <t>341.45361328125</t>
  </si>
  <si>
    <t>0.05444405930221485</t>
  </si>
  <si>
    <t>10.988884925842285</t>
  </si>
  <si>
    <t>339.44342041015625</t>
  </si>
  <si>
    <t>-0.06712799989038487</t>
  </si>
  <si>
    <t>10.50965404510498</t>
  </si>
  <si>
    <t>404.1404113769531</t>
  </si>
  <si>
    <t>0.05731420009078292</t>
  </si>
  <si>
    <t>10.892193794250488</t>
  </si>
  <si>
    <t>416.8581237792969</t>
  </si>
  <si>
    <t>0.053168076839329004</t>
  </si>
  <si>
    <t>12208</t>
  </si>
  <si>
    <t>9.936373710632324</t>
  </si>
  <si>
    <t>443.67474365234375</t>
  </si>
  <si>
    <t>0.0554926214091509</t>
  </si>
  <si>
    <t>11.4437837600708</t>
  </si>
  <si>
    <t>429.87066650390625</t>
  </si>
  <si>
    <t>0.006775812690742455</t>
  </si>
  <si>
    <t>11697</t>
  </si>
  <si>
    <t>10.978835105895996</t>
  </si>
  <si>
    <t>387.6082763671875</t>
  </si>
  <si>
    <t>-0.04953488856427413</t>
  </si>
  <si>
    <t>10.881346702575684</t>
  </si>
  <si>
    <t>331.0177001953125</t>
  </si>
  <si>
    <t>0.05124199786800787</t>
  </si>
  <si>
    <t>11.415602684020996</t>
  </si>
  <si>
    <t>397.3297119140625</t>
  </si>
  <si>
    <t>-0.07757526482059873</t>
  </si>
  <si>
    <t>11.192192077636719</t>
  </si>
  <si>
    <t>384.4736328125</t>
  </si>
  <si>
    <t>0.04513463378459193</t>
  </si>
  <si>
    <t>12400</t>
  </si>
  <si>
    <t>10.340475082397461</t>
  </si>
  <si>
    <t>394.1753234863281</t>
  </si>
  <si>
    <t>0.03956270711042009</t>
  </si>
  <si>
    <t>10.886371612548828</t>
  </si>
  <si>
    <t>312.8709411621094</t>
  </si>
  <si>
    <t>0.07666231073808838</t>
  </si>
  <si>
    <t>10.611371040344238</t>
  </si>
  <si>
    <t>353.625</t>
  </si>
  <si>
    <t>-0.028025768198883583</t>
  </si>
  <si>
    <t>10.804883003234863</t>
  </si>
  <si>
    <t>360.2980041503906</t>
  </si>
  <si>
    <t>0.018343551982386685</t>
  </si>
  <si>
    <t>10.956599235534668</t>
  </si>
  <si>
    <t>408.3565673828125</t>
  </si>
  <si>
    <t>0.058586192965188744</t>
  </si>
  <si>
    <t>11.432269096374512</t>
  </si>
  <si>
    <t>387.82598876953125</t>
  </si>
  <si>
    <t>-0.010439105238031487</t>
  </si>
  <si>
    <t>11.293116569519043</t>
  </si>
  <si>
    <t>540.19140625</t>
  </si>
  <si>
    <t>-0.0255518905980896</t>
  </si>
  <si>
    <t>15056</t>
  </si>
  <si>
    <t>12.492989540100098</t>
  </si>
  <si>
    <t>472.70904541015625</t>
  </si>
  <si>
    <t>0.10450481858137373</t>
  </si>
  <si>
    <t>9.993910789489746</t>
  </si>
  <si>
    <t>464.57684326171875</t>
  </si>
  <si>
    <t>0.08824489679799719</t>
  </si>
  <si>
    <t>11.465601921081543</t>
  </si>
  <si>
    <t>487.1909484863281</t>
  </si>
  <si>
    <t>-0.030374580322160227</t>
  </si>
  <si>
    <t>11.156597137451172</t>
  </si>
  <si>
    <t>298.53875732421875</t>
  </si>
  <si>
    <t>0.07984499201212358</t>
  </si>
  <si>
    <t>18249</t>
  </si>
  <si>
    <t>11.595626831054688</t>
  </si>
  <si>
    <t>462.2318115234375</t>
  </si>
  <si>
    <t>0.05461839267569424</t>
  </si>
  <si>
    <t>10.813088417053223</t>
  </si>
  <si>
    <t>449.2296142578125</t>
  </si>
  <si>
    <t>0.05646102445372314</t>
  </si>
  <si>
    <t>18294</t>
  </si>
  <si>
    <t>11.401321411132812</t>
  </si>
  <si>
    <t>396.9024658203125</t>
  </si>
  <si>
    <t>-0.05399817122622963</t>
  </si>
  <si>
    <t>11.374857902526855</t>
  </si>
  <si>
    <t>408.07293701171875</t>
  </si>
  <si>
    <t>0.008437031241456339</t>
  </si>
  <si>
    <t>12.253291130065918</t>
  </si>
  <si>
    <t>464.48187255859375</t>
  </si>
  <si>
    <t>0.06143734366649589</t>
  </si>
  <si>
    <t>11.607266426086426</t>
  </si>
  <si>
    <t>378.82073974609375</t>
  </si>
  <si>
    <t>0.056195115431963316</t>
  </si>
  <si>
    <t>19612</t>
  </si>
  <si>
    <t>12.1939115524292</t>
  </si>
  <si>
    <t>389.5284423828125</t>
  </si>
  <si>
    <t>-0.056501003785101034</t>
  </si>
  <si>
    <t>21663</t>
  </si>
  <si>
    <t>11.366394996643066</t>
  </si>
  <si>
    <t>395.9122619628906</t>
  </si>
  <si>
    <t>0.09946411234816743</t>
  </si>
  <si>
    <t>11.692192077636719</t>
  </si>
  <si>
    <t>339.70733642578125</t>
  </si>
  <si>
    <t>0.0442891800372589</t>
  </si>
  <si>
    <t>9.215348243713379</t>
  </si>
  <si>
    <t>283.6788635253906</t>
  </si>
  <si>
    <t>113.88064575195312</t>
  </si>
  <si>
    <t>Nigde</t>
  </si>
  <si>
    <t>8.682766914367676</t>
  </si>
  <si>
    <t>425.78411865234375</t>
  </si>
  <si>
    <t>-0.012929071198856334</t>
  </si>
  <si>
    <t>9262</t>
  </si>
  <si>
    <t>7.875250339508057</t>
  </si>
  <si>
    <t>433.4787902832031</t>
  </si>
  <si>
    <t>0.029695931055924163</t>
  </si>
  <si>
    <t>9.012654304504395</t>
  </si>
  <si>
    <t>354.7872009277344</t>
  </si>
  <si>
    <t>0.054419475988165544</t>
  </si>
  <si>
    <t>9.762654304504395</t>
  </si>
  <si>
    <t>354.03143310546875</t>
  </si>
  <si>
    <t>-0.06713220220389715</t>
  </si>
  <si>
    <t>9.190412521362305</t>
  </si>
  <si>
    <t>410.6216125488281</t>
  </si>
  <si>
    <t>0.057267757232983385</t>
  </si>
  <si>
    <t>9.617103576660156</t>
  </si>
  <si>
    <t>403.46759033203125</t>
  </si>
  <si>
    <t>0.053284289149640784</t>
  </si>
  <si>
    <t>8.582831382751465</t>
  </si>
  <si>
    <t>451.18084716796875</t>
  </si>
  <si>
    <t>0.05541636693030583</t>
  </si>
  <si>
    <t>10.1558256149292</t>
  </si>
  <si>
    <t>423.7164306640625</t>
  </si>
  <si>
    <t>0.006831005977359084</t>
  </si>
  <si>
    <t>9.697492599487305</t>
  </si>
  <si>
    <t>367.99603271484375</t>
  </si>
  <si>
    <t>-0.04950338993561054</t>
  </si>
  <si>
    <t>9.58402156829834</t>
  </si>
  <si>
    <t>361.2629699707031</t>
  </si>
  <si>
    <t>0.05115795415165714</t>
  </si>
  <si>
    <t>10076</t>
  </si>
  <si>
    <t>10.02305793762207</t>
  </si>
  <si>
    <t>385.6944580078125</t>
  </si>
  <si>
    <t>-0.07750490685880074</t>
  </si>
  <si>
    <t>9.80858325958252</t>
  </si>
  <si>
    <t>401.4787292480469</t>
  </si>
  <si>
    <t>0.04511605678268893</t>
  </si>
  <si>
    <t>9.090849876403809</t>
  </si>
  <si>
    <t>396.6734619140625</t>
  </si>
  <si>
    <t>0.039527161708804215</t>
  </si>
  <si>
    <t>9.546302795410156</t>
  </si>
  <si>
    <t>284.48712158203125</t>
  </si>
  <si>
    <t>0.07668405247400223</t>
  </si>
  <si>
    <t>12371</t>
  </si>
  <si>
    <t>9.284772872924805</t>
  </si>
  <si>
    <t>321.1239013671875</t>
  </si>
  <si>
    <t>0.04387139442483523</t>
  </si>
  <si>
    <t>12058</t>
  </si>
  <si>
    <t>363.24127197265625</t>
  </si>
  <si>
    <t>-0.025626683813479545</t>
  </si>
  <si>
    <t>9.563220977783203</t>
  </si>
  <si>
    <t>396.65771484375</t>
  </si>
  <si>
    <t>0.07298775629132237</t>
  </si>
  <si>
    <t>10.08771800994873</t>
  </si>
  <si>
    <t>338.14044189453125</t>
  </si>
  <si>
    <t>-0.02482175515141094</t>
  </si>
  <si>
    <t>9.913972854614258</t>
  </si>
  <si>
    <t>502.07196044921875</t>
  </si>
  <si>
    <t>-0.030655586212715136</t>
  </si>
  <si>
    <t>11.124497413635254</t>
  </si>
  <si>
    <t>424.3433837890625</t>
  </si>
  <si>
    <t>0.11423633757560836</t>
  </si>
  <si>
    <t>8.69674015045166</t>
  </si>
  <si>
    <t>488.2562255859375</t>
  </si>
  <si>
    <t>0.08817382989588829</t>
  </si>
  <si>
    <t>486.32763671875</t>
  </si>
  <si>
    <t>0.020554083277435353</t>
  </si>
  <si>
    <t>15536</t>
  </si>
  <si>
    <t>9.863656997680664</t>
  </si>
  <si>
    <t>313.90728759765625</t>
  </si>
  <si>
    <t>0.012956905805626917</t>
  </si>
  <si>
    <t>16832</t>
  </si>
  <si>
    <t>10.178445816040039</t>
  </si>
  <si>
    <t>433.72247314453125</t>
  </si>
  <si>
    <t>0.08012192500632942</t>
  </si>
  <si>
    <t>9.500938415527344</t>
  </si>
  <si>
    <t>409.0216064453125</t>
  </si>
  <si>
    <t>0.1070582182316393</t>
  </si>
  <si>
    <t>17921</t>
  </si>
  <si>
    <t>10.111464500427246</t>
  </si>
  <si>
    <t>397.13519287109375</t>
  </si>
  <si>
    <t>-0.0443668452256869</t>
  </si>
  <si>
    <t>10.121991157531738</t>
  </si>
  <si>
    <t>397.638916015625</t>
  </si>
  <si>
    <t>0.06737334749630186</t>
  </si>
  <si>
    <t>19327</t>
  </si>
  <si>
    <t>10.825251579284668</t>
  </si>
  <si>
    <t>489.87646484375</t>
  </si>
  <si>
    <t>0.008156524945777122</t>
  </si>
  <si>
    <t>20280</t>
  </si>
  <si>
    <t>10.274247169494629</t>
  </si>
  <si>
    <t>402.070556640625</t>
  </si>
  <si>
    <t>0.048132096719651685</t>
  </si>
  <si>
    <t>20268</t>
  </si>
  <si>
    <t>10.835525512695312</t>
  </si>
  <si>
    <t>386.88775634765625</t>
  </si>
  <si>
    <t>-0.0005918911093196755</t>
  </si>
  <si>
    <t>10.218981742858887</t>
  </si>
  <si>
    <t>364.4667663574219</t>
  </si>
  <si>
    <t>0.09943714563208239</t>
  </si>
  <si>
    <t>10.416853904724121</t>
  </si>
  <si>
    <t>328.5863342285156</t>
  </si>
  <si>
    <t>0.04429832324752958</t>
  </si>
  <si>
    <t>9.914426803588867</t>
  </si>
  <si>
    <t>704.5349731445312</t>
  </si>
  <si>
    <t>303.47991943359375</t>
  </si>
  <si>
    <t>Ordu</t>
  </si>
  <si>
    <t>9.184807777404785</t>
  </si>
  <si>
    <t>799.5537109375</t>
  </si>
  <si>
    <t>-0.012969568013788901</t>
  </si>
  <si>
    <t>6787</t>
  </si>
  <si>
    <t>8.663519859313965</t>
  </si>
  <si>
    <t>737.5155639648438</t>
  </si>
  <si>
    <t>0.02975920540622745</t>
  </si>
  <si>
    <t>7166</t>
  </si>
  <si>
    <t>9.333900451660156</t>
  </si>
  <si>
    <t>606.2706298828125</t>
  </si>
  <si>
    <t>0.05433860116114175</t>
  </si>
  <si>
    <t>10.138520240783691</t>
  </si>
  <si>
    <t>657.1696166992188</t>
  </si>
  <si>
    <t>-0.06709084989172887</t>
  </si>
  <si>
    <t>7096</t>
  </si>
  <si>
    <t>9.984807014465332</t>
  </si>
  <si>
    <t>782.1104125976562</t>
  </si>
  <si>
    <t>0.05727447601624469</t>
  </si>
  <si>
    <t>7484</t>
  </si>
  <si>
    <t>10.082001686096191</t>
  </si>
  <si>
    <t>813.8897094726562</t>
  </si>
  <si>
    <t>0.05323616340456461</t>
  </si>
  <si>
    <t>9.337613105773926</t>
  </si>
  <si>
    <t>746.988037109375</t>
  </si>
  <si>
    <t>0.05548678762741588</t>
  </si>
  <si>
    <t>10.69594669342041</t>
  </si>
  <si>
    <t>741.158447265625</t>
  </si>
  <si>
    <t>0.006802747322753433</t>
  </si>
  <si>
    <t>10.462528228759766</t>
  </si>
  <si>
    <t>748.8612060546875</t>
  </si>
  <si>
    <t>-0.049543743707731736</t>
  </si>
  <si>
    <t>10.545039176940918</t>
  </si>
  <si>
    <t>602.6251220703125</t>
  </si>
  <si>
    <t>0.05117455382893432</t>
  </si>
  <si>
    <t>10.638435363769531</t>
  </si>
  <si>
    <t>709.948974609375</t>
  </si>
  <si>
    <t>-0.07750769340618646</t>
  </si>
  <si>
    <t>10.80527114868164</t>
  </si>
  <si>
    <t>638.4404296875</t>
  </si>
  <si>
    <t>0.045152304489239015</t>
  </si>
  <si>
    <t>9.642231941223145</t>
  </si>
  <si>
    <t>731.5087280273438</t>
  </si>
  <si>
    <t>0.039474634623209326</t>
  </si>
  <si>
    <t>10.3626127243042</t>
  </si>
  <si>
    <t>728.9369506835938</t>
  </si>
  <si>
    <t>0.07675359377515178</t>
  </si>
  <si>
    <t>10.0560941696167</t>
  </si>
  <si>
    <t>793.7739868164062</t>
  </si>
  <si>
    <t>0.17197157639736993</t>
  </si>
  <si>
    <t>10.392318725585938</t>
  </si>
  <si>
    <t>719.6434936523438</t>
  </si>
  <si>
    <t>0.037244173172370054</t>
  </si>
  <si>
    <t>10.71170711517334</t>
  </si>
  <si>
    <t>715.0132446289062</t>
  </si>
  <si>
    <t>0.023197750187357258</t>
  </si>
  <si>
    <t>10.975566864013672</t>
  </si>
  <si>
    <t>692.9451293945312</t>
  </si>
  <si>
    <t>-0.013335370285389558</t>
  </si>
  <si>
    <t>11.054279327392578</t>
  </si>
  <si>
    <t>858.0734252929688</t>
  </si>
  <si>
    <t>-0.0945050230560458</t>
  </si>
  <si>
    <t>11.870861053466797</t>
  </si>
  <si>
    <t>743.05126953125</t>
  </si>
  <si>
    <t>0.10537069165163793</t>
  </si>
  <si>
    <t>9.679364204406738</t>
  </si>
  <si>
    <t>774.7638549804688</t>
  </si>
  <si>
    <t>0.08611803916837424</t>
  </si>
  <si>
    <t>11.24875259399414</t>
  </si>
  <si>
    <t>829.3448486328125</t>
  </si>
  <si>
    <t>0.0387325936803915</t>
  </si>
  <si>
    <t>10.830272674560547</t>
  </si>
  <si>
    <t>540.3197021484375</t>
  </si>
  <si>
    <t>0.06304196899464465</t>
  </si>
  <si>
    <t>11.219048500061035</t>
  </si>
  <si>
    <t>828.6893310546875</t>
  </si>
  <si>
    <t>0.04981603498524123</t>
  </si>
  <si>
    <t>17529</t>
  </si>
  <si>
    <t>10.694046974182129</t>
  </si>
  <si>
    <t>806.2703857421875</t>
  </si>
  <si>
    <t>0.23564362437982922</t>
  </si>
  <si>
    <t>11.013520240783691</t>
  </si>
  <si>
    <t>819.14013671875</t>
  </si>
  <si>
    <t>-0.13678844530243772</t>
  </si>
  <si>
    <t>16478</t>
  </si>
  <si>
    <t>11.084807395935059</t>
  </si>
  <si>
    <t>704.5662841796875</t>
  </si>
  <si>
    <t>0.07495795095542768</t>
  </si>
  <si>
    <t>11.985713958740234</t>
  </si>
  <si>
    <t>741.9022827148438</t>
  </si>
  <si>
    <t>-0.024138997202410195</t>
  </si>
  <si>
    <t>11.543140411376953</t>
  </si>
  <si>
    <t>664.072021484375</t>
  </si>
  <si>
    <t>0.061132821575467844</t>
  </si>
  <si>
    <t>11.919047355651855</t>
  </si>
  <si>
    <t>597.4247436523438</t>
  </si>
  <si>
    <t>0.021407899256635332</t>
  </si>
  <si>
    <t>10.888520240783691</t>
  </si>
  <si>
    <t>833.1417846679688</t>
  </si>
  <si>
    <t>0.09946993902168266</t>
  </si>
  <si>
    <t>11.251473426818848</t>
  </si>
  <si>
    <t>659.2047729492188</t>
  </si>
  <si>
    <t>0.04424895161023379</t>
  </si>
  <si>
    <t>18.00833511352539</t>
  </si>
  <si>
    <t>657.300048828125</t>
  </si>
  <si>
    <t>144.73538208007812</t>
  </si>
  <si>
    <t>Osmaniye</t>
  </si>
  <si>
    <t>-0.012855712966844735</t>
  </si>
  <si>
    <t>0.029638880812797197</t>
  </si>
  <si>
    <t>683.2999267578125</t>
  </si>
  <si>
    <t>0.054389454098673795</t>
  </si>
  <si>
    <t>791.2000732421875</t>
  </si>
  <si>
    <t>-0.06702984992653604</t>
  </si>
  <si>
    <t>0.05716724756711855</t>
  </si>
  <si>
    <t>826.1000366210938</t>
  </si>
  <si>
    <t>0.053221154048399555</t>
  </si>
  <si>
    <t>7424</t>
  </si>
  <si>
    <t>972.7000122070312</t>
  </si>
  <si>
    <t>0.055527518307014745</t>
  </si>
  <si>
    <t>18.891666412353516</t>
  </si>
  <si>
    <t>792.7999877929688</t>
  </si>
  <si>
    <t>0.00671233557939388</t>
  </si>
  <si>
    <t>756.6000366210938</t>
  </si>
  <si>
    <t>-0.04950623531191489</t>
  </si>
  <si>
    <t>18.25833511352539</t>
  </si>
  <si>
    <t>0.05124408749717091</t>
  </si>
  <si>
    <t>-0.07759701198841462</t>
  </si>
  <si>
    <t>0.04515439748054462</t>
  </si>
  <si>
    <t>7541</t>
  </si>
  <si>
    <t>974.5999145507812</t>
  </si>
  <si>
    <t>0.03962923047983047</t>
  </si>
  <si>
    <t>604.9999389648438</t>
  </si>
  <si>
    <t>0.07668105086027843</t>
  </si>
  <si>
    <t>8904</t>
  </si>
  <si>
    <t>0.08946476389245639</t>
  </si>
  <si>
    <t>0.026269174698438036</t>
  </si>
  <si>
    <t>18.075000762939453</t>
  </si>
  <si>
    <t>0.0879134970327673</t>
  </si>
  <si>
    <t>759.0</t>
  </si>
  <si>
    <t>0.028348977304444745</t>
  </si>
  <si>
    <t>-0.0647722843365166</t>
  </si>
  <si>
    <t>0.21143773203031202</t>
  </si>
  <si>
    <t>13135</t>
  </si>
  <si>
    <t>940.300048828125</t>
  </si>
  <si>
    <t>0.0995827124348132</t>
  </si>
  <si>
    <t>18.85833168029785</t>
  </si>
  <si>
    <t>0.02488756698558703</t>
  </si>
  <si>
    <t>18.71666717529297</t>
  </si>
  <si>
    <t>0.034953030956362596</t>
  </si>
  <si>
    <t>18.950000762939453</t>
  </si>
  <si>
    <t>844.0</t>
  </si>
  <si>
    <t>0.015794295317760998</t>
  </si>
  <si>
    <t>18.641664505004883</t>
  </si>
  <si>
    <t>945.7999877929688</t>
  </si>
  <si>
    <t>0.030654007455400034</t>
  </si>
  <si>
    <t>0.09594474890966076</t>
  </si>
  <si>
    <t>0.08822340417552965</t>
  </si>
  <si>
    <t>1070.5999755859375</t>
  </si>
  <si>
    <t>0.034089439729115156</t>
  </si>
  <si>
    <t>16887</t>
  </si>
  <si>
    <t>927.7001342773438</t>
  </si>
  <si>
    <t>-0.07328282151691923</t>
  </si>
  <si>
    <t>865.5</t>
  </si>
  <si>
    <t>0.05079870890376981</t>
  </si>
  <si>
    <t>19625</t>
  </si>
  <si>
    <t>0.09946145961470165</t>
  </si>
  <si>
    <t>707.4000854492188</t>
  </si>
  <si>
    <t>0.044254567831528036</t>
  </si>
  <si>
    <t>7.4925384521484375</t>
  </si>
  <si>
    <t>942.1678466796875</t>
  </si>
  <si>
    <t>133.66909790039062</t>
  </si>
  <si>
    <t>Rize</t>
  </si>
  <si>
    <t>6.788299083709717</t>
  </si>
  <si>
    <t>889.3164672851562</t>
  </si>
  <si>
    <t>-0.012968887717613953</t>
  </si>
  <si>
    <t>5.782987117767334</t>
  </si>
  <si>
    <t>1165.9295654296875</t>
  </si>
  <si>
    <t>0.029727763351505843</t>
  </si>
  <si>
    <t>6.578117370605469</t>
  </si>
  <si>
    <t>808.7999267578125</t>
  </si>
  <si>
    <t>0.05441027527565545</t>
  </si>
  <si>
    <t>7.581370830535889</t>
  </si>
  <si>
    <t>920.4097290039062</t>
  </si>
  <si>
    <t>-0.06706925698171773</t>
  </si>
  <si>
    <t>7.47324800491333</t>
  </si>
  <si>
    <t>982.7572021484375</t>
  </si>
  <si>
    <t>0.057194575440981055</t>
  </si>
  <si>
    <t>7.955972671508789</t>
  </si>
  <si>
    <t>991.5269775390625</t>
  </si>
  <si>
    <t>0.05326728226342503</t>
  </si>
  <si>
    <t>12695</t>
  </si>
  <si>
    <t>6.664306163787842</t>
  </si>
  <si>
    <t>940.2252197265625</t>
  </si>
  <si>
    <t>0.055468579064749335</t>
  </si>
  <si>
    <t>8.29887866973877</t>
  </si>
  <si>
    <t>813.3683471679688</t>
  </si>
  <si>
    <t>0.006751477992935406</t>
  </si>
  <si>
    <t>7.976501941680908</t>
  </si>
  <si>
    <t>1031.1171875</t>
  </si>
  <si>
    <t>-0.04947892333445836</t>
  </si>
  <si>
    <t>7.799675464630127</t>
  </si>
  <si>
    <t>780.1734619140625</t>
  </si>
  <si>
    <t>0.0511987486489236</t>
  </si>
  <si>
    <t>11848</t>
  </si>
  <si>
    <t>8.515501976013184</t>
  </si>
  <si>
    <t>1015.9384765625</t>
  </si>
  <si>
    <t>-0.0775204414985442</t>
  </si>
  <si>
    <t>8.199023246765137</t>
  </si>
  <si>
    <t>1113.5850830078125</t>
  </si>
  <si>
    <t>0.0451340885216549</t>
  </si>
  <si>
    <t>7.631371974945068</t>
  </si>
  <si>
    <t>1001.1231079101562</t>
  </si>
  <si>
    <t>0.03954647384615484</t>
  </si>
  <si>
    <t>7.810211658477783</t>
  </si>
  <si>
    <t>951.8411865234375</t>
  </si>
  <si>
    <t>0.07663068341316759</t>
  </si>
  <si>
    <t>7.898227214813232</t>
  </si>
  <si>
    <t>1116.463134765625</t>
  </si>
  <si>
    <t>0.07797411142374955</t>
  </si>
  <si>
    <t>8.050450325012207</t>
  </si>
  <si>
    <t>949.3367309570312</t>
  </si>
  <si>
    <t>0.04736225059577137</t>
  </si>
  <si>
    <t>7.91709566116333</t>
  </si>
  <si>
    <t>1005.0128173828125</t>
  </si>
  <si>
    <t>0.04133640499313529</t>
  </si>
  <si>
    <t>8.493124961853027</t>
  </si>
  <si>
    <t>786.7269287109375</t>
  </si>
  <si>
    <t>-0.018656570583740262</t>
  </si>
  <si>
    <t>15691</t>
  </si>
  <si>
    <t>8.698813438415527</t>
  </si>
  <si>
    <t>1222.6939697265625</t>
  </si>
  <si>
    <t>-0.02839921959846059</t>
  </si>
  <si>
    <t>16747</t>
  </si>
  <si>
    <t>9.700871467590332</t>
  </si>
  <si>
    <t>866.981689453125</t>
  </si>
  <si>
    <t>0.0651318381754109</t>
  </si>
  <si>
    <t>18047</t>
  </si>
  <si>
    <t>7.50513219833374</t>
  </si>
  <si>
    <t>1059.53759765625</t>
  </si>
  <si>
    <t>0.07476032822681944</t>
  </si>
  <si>
    <t>8.687016487121582</t>
  </si>
  <si>
    <t>968.3192138671875</t>
  </si>
  <si>
    <t>0.041302845258607945</t>
  </si>
  <si>
    <t>8.152276992797852</t>
  </si>
  <si>
    <t>886.0626220703125</t>
  </si>
  <si>
    <t>0.04669159134067691</t>
  </si>
  <si>
    <t>8.921401023864746</t>
  </si>
  <si>
    <t>946.8538208007812</t>
  </si>
  <si>
    <t>0.04708034243767045</t>
  </si>
  <si>
    <t>21721</t>
  </si>
  <si>
    <t>8.255574226379395</t>
  </si>
  <si>
    <t>1079.3770751953125</t>
  </si>
  <si>
    <t>0.05022528950543936</t>
  </si>
  <si>
    <t>22161</t>
  </si>
  <si>
    <t>8.088088989257812</t>
  </si>
  <si>
    <t>1125.370361328125</t>
  </si>
  <si>
    <t>0.02005445269315409</t>
  </si>
  <si>
    <t>23062</t>
  </si>
  <si>
    <t>8.505575180053711</t>
  </si>
  <si>
    <t>877.4915161132812</t>
  </si>
  <si>
    <t>0.039852254134213894</t>
  </si>
  <si>
    <t>9.584835052490234</t>
  </si>
  <si>
    <t>995.5028686523438</t>
  </si>
  <si>
    <t>-0.009935588094787562</t>
  </si>
  <si>
    <t>8.708009719848633</t>
  </si>
  <si>
    <t>755.1089477539062</t>
  </si>
  <si>
    <t>0.009024584409457859</t>
  </si>
  <si>
    <t>9.081560134887695</t>
  </si>
  <si>
    <t>917.8518676757812</t>
  </si>
  <si>
    <t>0.018277327337838045</t>
  </si>
  <si>
    <t>8.573668479919434</t>
  </si>
  <si>
    <t>983.3678588867188</t>
  </si>
  <si>
    <t>0.0994237254914907</t>
  </si>
  <si>
    <t>27092</t>
  </si>
  <si>
    <t>8.778328895568848</t>
  </si>
  <si>
    <t>801.4462890625</t>
  </si>
  <si>
    <t>0.04426219085973493</t>
  </si>
  <si>
    <t>13.387347221374512</t>
  </si>
  <si>
    <t>768.927490234375</t>
  </si>
  <si>
    <t>410.80059814453125</t>
  </si>
  <si>
    <t>Sakarya</t>
  </si>
  <si>
    <t>12.296088218688965</t>
  </si>
  <si>
    <t>848.0831298828125</t>
  </si>
  <si>
    <t>-0.012955579980427956</t>
  </si>
  <si>
    <t>12.237780570983887</t>
  </si>
  <si>
    <t>824.3500366210938</t>
  </si>
  <si>
    <t>0.029703938952518882</t>
  </si>
  <si>
    <t>12.83543872833252</t>
  </si>
  <si>
    <t>577.0833740234375</t>
  </si>
  <si>
    <t>0.054444817514072597</t>
  </si>
  <si>
    <t>13.671782493591309</t>
  </si>
  <si>
    <t>800.6718139648438</t>
  </si>
  <si>
    <t>-0.0671021873081159</t>
  </si>
  <si>
    <t>12.929508209228516</t>
  </si>
  <si>
    <t>790.3875122070312</t>
  </si>
  <si>
    <t>0.05720377539422472</t>
  </si>
  <si>
    <t>13677</t>
  </si>
  <si>
    <t>13.030869483947754</t>
  </si>
  <si>
    <t>882.803466796875</t>
  </si>
  <si>
    <t>0.053230805466039754</t>
  </si>
  <si>
    <t>12.469032287597656</t>
  </si>
  <si>
    <t>954.4569702148438</t>
  </si>
  <si>
    <t>0.05546313642689071</t>
  </si>
  <si>
    <t>14556</t>
  </si>
  <si>
    <t>13.63095760345459</t>
  </si>
  <si>
    <t>890.8800659179688</t>
  </si>
  <si>
    <t>0.006824553423609103</t>
  </si>
  <si>
    <t>13853</t>
  </si>
  <si>
    <t>13.780808448791504</t>
  </si>
  <si>
    <t>850.347412109375</t>
  </si>
  <si>
    <t>-0.04950146407417222</t>
  </si>
  <si>
    <t>13.929360389709473</t>
  </si>
  <si>
    <t>821.5545043945312</t>
  </si>
  <si>
    <t>0.051148910904769807</t>
  </si>
  <si>
    <t>13493</t>
  </si>
  <si>
    <t>13.817645072937012</t>
  </si>
  <si>
    <t>878.9615478515625</t>
  </si>
  <si>
    <t>-0.07747969413186162</t>
  </si>
  <si>
    <t>13.919380187988281</t>
  </si>
  <si>
    <t>830.35205078125</t>
  </si>
  <si>
    <t>0.04513787336437325</t>
  </si>
  <si>
    <t>12.8319091796875</t>
  </si>
  <si>
    <t>790.5086059570312</t>
  </si>
  <si>
    <t>0.03951765883756053</t>
  </si>
  <si>
    <t>13.744898796081543</t>
  </si>
  <si>
    <t>676.5298461914062</t>
  </si>
  <si>
    <t>0.07665834333972654</t>
  </si>
  <si>
    <t>13.05416202545166</t>
  </si>
  <si>
    <t>799.842041015625</t>
  </si>
  <si>
    <t>0.07658721372321686</t>
  </si>
  <si>
    <t>13.588447570800781</t>
  </si>
  <si>
    <t>719.2055053710938</t>
  </si>
  <si>
    <t>0.08195978891050615</t>
  </si>
  <si>
    <t>13.925398826599121</t>
  </si>
  <si>
    <t>680.2333374023438</t>
  </si>
  <si>
    <t>0.02938268227883256</t>
  </si>
  <si>
    <t>14.191458702087402</t>
  </si>
  <si>
    <t>746.4495849609375</t>
  </si>
  <si>
    <t>-0.003980104756626801</t>
  </si>
  <si>
    <t>17460</t>
  </si>
  <si>
    <t>13.935524940490723</t>
  </si>
  <si>
    <t>863.7041625976562</t>
  </si>
  <si>
    <t>-0.0875219377347829</t>
  </si>
  <si>
    <t>14.689376831054688</t>
  </si>
  <si>
    <t>917.5010375976562</t>
  </si>
  <si>
    <t>0.04884470912812766</t>
  </si>
  <si>
    <t>12.788968086242676</t>
  </si>
  <si>
    <t>776.4215698242188</t>
  </si>
  <si>
    <t>0.07383911462126669</t>
  </si>
  <si>
    <t>14.202279090881348</t>
  </si>
  <si>
    <t>801.9010620117188</t>
  </si>
  <si>
    <t>0.047199104668841585</t>
  </si>
  <si>
    <t>14.086219787597656</t>
  </si>
  <si>
    <t>637.6076049804688</t>
  </si>
  <si>
    <t>0.03345524645512121</t>
  </si>
  <si>
    <t>14.118254661560059</t>
  </si>
  <si>
    <t>1098.5836181640625</t>
  </si>
  <si>
    <t>0.08580331321282664</t>
  </si>
  <si>
    <t>13.712260246276855</t>
  </si>
  <si>
    <t>995.4659423828125</t>
  </si>
  <si>
    <t>0.09056514750846034</t>
  </si>
  <si>
    <t>14.09987735748291</t>
  </si>
  <si>
    <t>802.035888671875</t>
  </si>
  <si>
    <t>0.00578171780145631</t>
  </si>
  <si>
    <t>14.213969230651855</t>
  </si>
  <si>
    <t>795.9955444335938</t>
  </si>
  <si>
    <t>0.07274090271727296</t>
  </si>
  <si>
    <t>14.603381156921387</t>
  </si>
  <si>
    <t>935.8887939453125</t>
  </si>
  <si>
    <t>0.021180171419239002</t>
  </si>
  <si>
    <t>14.715615272521973</t>
  </si>
  <si>
    <t>744.956787109375</t>
  </si>
  <si>
    <t>0.00024819614714211014</t>
  </si>
  <si>
    <t>14.980548858642578</t>
  </si>
  <si>
    <t>765.0865478515625</t>
  </si>
  <si>
    <t>0.007347000657874858</t>
  </si>
  <si>
    <t>14.077713012695312</t>
  </si>
  <si>
    <t>889.4987182617188</t>
  </si>
  <si>
    <t>0.09944475886744364</t>
  </si>
  <si>
    <t>14.528233528137207</t>
  </si>
  <si>
    <t>693.2924194335938</t>
  </si>
  <si>
    <t>0.04427997363805147</t>
  </si>
  <si>
    <t>12.64976978302002</t>
  </si>
  <si>
    <t>638.5863647460938</t>
  </si>
  <si>
    <t>527.845703125</t>
  </si>
  <si>
    <t>Samsun</t>
  </si>
  <si>
    <t>12.01807689666748</t>
  </si>
  <si>
    <t>712.826171875</t>
  </si>
  <si>
    <t>-0.012950311626260813</t>
  </si>
  <si>
    <t>11.388565063476562</t>
  </si>
  <si>
    <t>666.1781616210938</t>
  </si>
  <si>
    <t>0.02973861862951921</t>
  </si>
  <si>
    <t>12.196663856506348</t>
  </si>
  <si>
    <t>590.119873046875</t>
  </si>
  <si>
    <t>0.0544293263898421</t>
  </si>
  <si>
    <t>13.061335563659668</t>
  </si>
  <si>
    <t>618.4901123046875</t>
  </si>
  <si>
    <t>-0.0670502567474589</t>
  </si>
  <si>
    <t>12.68496322631836</t>
  </si>
  <si>
    <t>688.5218505859375</t>
  </si>
  <si>
    <t>0.05722709880389942</t>
  </si>
  <si>
    <t>13.035404205322266</t>
  </si>
  <si>
    <t>805.2564086914062</t>
  </si>
  <si>
    <t>0.05322328512459329</t>
  </si>
  <si>
    <t>10502</t>
  </si>
  <si>
    <t>12.046097755432129</t>
  </si>
  <si>
    <t>756.4100952148438</t>
  </si>
  <si>
    <t>0.05540119002454347</t>
  </si>
  <si>
    <t>13.499419212341309</t>
  </si>
  <si>
    <t>686.489990234375</t>
  </si>
  <si>
    <t>0.006832442597591637</t>
  </si>
  <si>
    <t>13.196057319641113</t>
  </si>
  <si>
    <t>756.5274047851562</t>
  </si>
  <si>
    <t>-0.04953282686206251</t>
  </si>
  <si>
    <t>13.079411506652832</t>
  </si>
  <si>
    <t>644.7208862304688</t>
  </si>
  <si>
    <t>0.051233668243456876</t>
  </si>
  <si>
    <t>13.510485649108887</t>
  </si>
  <si>
    <t>720.1036376953125</t>
  </si>
  <si>
    <t>-0.07751255270729729</t>
  </si>
  <si>
    <t>13.413161277770996</t>
  </si>
  <si>
    <t>642.2513427734375</t>
  </si>
  <si>
    <t>0.04508142687415351</t>
  </si>
  <si>
    <t>12.480242729187012</t>
  </si>
  <si>
    <t>733.4032592773438</t>
  </si>
  <si>
    <t>0.03958073295825848</t>
  </si>
  <si>
    <t>13.004520416259766</t>
  </si>
  <si>
    <t>690.7015380859375</t>
  </si>
  <si>
    <t>0.0766624227647128</t>
  </si>
  <si>
    <t>12.835627555847168</t>
  </si>
  <si>
    <t>727.9242553710938</t>
  </si>
  <si>
    <t>0.10177709296337945</t>
  </si>
  <si>
    <t>13.16713809967041</t>
  </si>
  <si>
    <t>669.5509033203125</t>
  </si>
  <si>
    <t>0.07760270984514861</t>
  </si>
  <si>
    <t>13951</t>
  </si>
  <si>
    <t>13.254100799560547</t>
  </si>
  <si>
    <t>676.4539794921875</t>
  </si>
  <si>
    <t>0.0122603583929628</t>
  </si>
  <si>
    <t>14503</t>
  </si>
  <si>
    <t>13.64665699005127</t>
  </si>
  <si>
    <t>707.5213623046875</t>
  </si>
  <si>
    <t>0.03880433429214136</t>
  </si>
  <si>
    <t>13.708385467529297</t>
  </si>
  <si>
    <t>822.3406372070312</t>
  </si>
  <si>
    <t>-0.07634342868484012</t>
  </si>
  <si>
    <t>14.707978248596191</t>
  </si>
  <si>
    <t>712.5589599609375</t>
  </si>
  <si>
    <t>0.08581371631807322</t>
  </si>
  <si>
    <t>15763</t>
  </si>
  <si>
    <t>12.331469535827637</t>
  </si>
  <si>
    <t>806.0549926757812</t>
  </si>
  <si>
    <t>0.07383960943306</t>
  </si>
  <si>
    <t>13.797961235046387</t>
  </si>
  <si>
    <t>819.4288940429688</t>
  </si>
  <si>
    <t>0.05528518928317361</t>
  </si>
  <si>
    <t>13.468241691589355</t>
  </si>
  <si>
    <t>512.3909912109375</t>
  </si>
  <si>
    <t>0.024606227660536106</t>
  </si>
  <si>
    <t>13.998015403747559</t>
  </si>
  <si>
    <t>788.3432006835938</t>
  </si>
  <si>
    <t>0.04836056895866925</t>
  </si>
  <si>
    <t>19449</t>
  </si>
  <si>
    <t>13.263057708740234</t>
  </si>
  <si>
    <t>793.872314453125</t>
  </si>
  <si>
    <t>0.08187824731418303</t>
  </si>
  <si>
    <t>19522</t>
  </si>
  <si>
    <t>13.566758155822754</t>
  </si>
  <si>
    <t>828.7743530273438</t>
  </si>
  <si>
    <t>0.003746379891806484</t>
  </si>
  <si>
    <t>20171</t>
  </si>
  <si>
    <t>13.692217826843262</t>
  </si>
  <si>
    <t>677.0653686523438</t>
  </si>
  <si>
    <t>0.03270389456642242</t>
  </si>
  <si>
    <t>14.627520561218262</t>
  </si>
  <si>
    <t>737.1141357421875</t>
  </si>
  <si>
    <t>-0.04429628590497714</t>
  </si>
  <si>
    <t>13.98395824432373</t>
  </si>
  <si>
    <t>648.7716674804688</t>
  </si>
  <si>
    <t>0.019094148853536552</t>
  </si>
  <si>
    <t>20394</t>
  </si>
  <si>
    <t>14.517528533935547</t>
  </si>
  <si>
    <t>554.13232421875</t>
  </si>
  <si>
    <t>0.03619694767427717</t>
  </si>
  <si>
    <t>13.60251235961914</t>
  </si>
  <si>
    <t>830.7462158203125</t>
  </si>
  <si>
    <t>0.09947384984382346</t>
  </si>
  <si>
    <t>23546</t>
  </si>
  <si>
    <t>13.951053619384766</t>
  </si>
  <si>
    <t>629.6690063476562</t>
  </si>
  <si>
    <t>0.04424136487014785</t>
  </si>
  <si>
    <t>17.33547019958496</t>
  </si>
  <si>
    <t>341.9464416503906</t>
  </si>
  <si>
    <t>606.145263671875</t>
  </si>
  <si>
    <t>Sanliurfa</t>
  </si>
  <si>
    <t>16.828123092651367</t>
  </si>
  <si>
    <t>519.2111206054688</t>
  </si>
  <si>
    <t>-0.012914514404023691</t>
  </si>
  <si>
    <t>15.492671966552734</t>
  </si>
  <si>
    <t>537.3187866210938</t>
  </si>
  <si>
    <t>0.029710226895449665</t>
  </si>
  <si>
    <t>16.636259078979492</t>
  </si>
  <si>
    <t>622.2953491210938</t>
  </si>
  <si>
    <t>0.054350527455328645</t>
  </si>
  <si>
    <t>17.39586067199707</t>
  </si>
  <si>
    <t>591.2295532226562</t>
  </si>
  <si>
    <t>-0.06704857329459024</t>
  </si>
  <si>
    <t>17.232633590698242</t>
  </si>
  <si>
    <t>490.02886962890625</t>
  </si>
  <si>
    <t>0.05728146338647733</t>
  </si>
  <si>
    <t>17.739370346069336</t>
  </si>
  <si>
    <t>595.1180419921875</t>
  </si>
  <si>
    <t>16.493196487426758</t>
  </si>
  <si>
    <t>562.1197509765625</t>
  </si>
  <si>
    <t>0.05549562098351224</t>
  </si>
  <si>
    <t>18.227333068847656</t>
  </si>
  <si>
    <t>401.3689880371094</t>
  </si>
  <si>
    <t>0.006904515346544571</t>
  </si>
  <si>
    <t>17.855175018310547</t>
  </si>
  <si>
    <t>400.16534423828125</t>
  </si>
  <si>
    <t>-0.049514336869656006</t>
  </si>
  <si>
    <t>6987</t>
  </si>
  <si>
    <t>17.617725372314453</t>
  </si>
  <si>
    <t>422.84521484375</t>
  </si>
  <si>
    <t>0.051089929833290526</t>
  </si>
  <si>
    <t>17.913070678710938</t>
  </si>
  <si>
    <t>624.8519287109375</t>
  </si>
  <si>
    <t>-0.07749360026707208</t>
  </si>
  <si>
    <t>6765</t>
  </si>
  <si>
    <t>17.469715118408203</t>
  </si>
  <si>
    <t>480.05242919921875</t>
  </si>
  <si>
    <t>0.04520458231950997</t>
  </si>
  <si>
    <t>17.31439208984375</t>
  </si>
  <si>
    <t>644.6240844726562</t>
  </si>
  <si>
    <t>0.03941968136166096</t>
  </si>
  <si>
    <t>17.25249671936035</t>
  </si>
  <si>
    <t>432.8684387207031</t>
  </si>
  <si>
    <t>0.07670311178102196</t>
  </si>
  <si>
    <t>17.374534606933594</t>
  </si>
  <si>
    <t>436.5753173828125</t>
  </si>
  <si>
    <t>0.022771135482647864</t>
  </si>
  <si>
    <t>17.425321578979492</t>
  </si>
  <si>
    <t>459.6101379394531</t>
  </si>
  <si>
    <t>0.01367171362170616</t>
  </si>
  <si>
    <t>7918</t>
  </si>
  <si>
    <t>17.294301986694336</t>
  </si>
  <si>
    <t>405.90240478515625</t>
  </si>
  <si>
    <t>0.00481074481415078</t>
  </si>
  <si>
    <t>17.82683563232422</t>
  </si>
  <si>
    <t>276.13555908203125</t>
  </si>
  <si>
    <t>-0.04468141533686243</t>
  </si>
  <si>
    <t>17.754581451416016</t>
  </si>
  <si>
    <t>586.769287109375</t>
  </si>
  <si>
    <t>-0.04774079419005339</t>
  </si>
  <si>
    <t>19.026058197021484</t>
  </si>
  <si>
    <t>311.1435241699219</t>
  </si>
  <si>
    <t>0.1548430567849195</t>
  </si>
  <si>
    <t>17.006162643432617</t>
  </si>
  <si>
    <t>556.421875</t>
  </si>
  <si>
    <t>0.05336755358387002</t>
  </si>
  <si>
    <t>17.954687118530273</t>
  </si>
  <si>
    <t>624.0513916015625</t>
  </si>
  <si>
    <t>-0.004283627337009932</t>
  </si>
  <si>
    <t>17.57792091369629</t>
  </si>
  <si>
    <t>351.6283874511719</t>
  </si>
  <si>
    <t>0.06695736247248263</t>
  </si>
  <si>
    <t>18.41049575805664</t>
  </si>
  <si>
    <t>446.33856201171875</t>
  </si>
  <si>
    <t>0.006424117717383382</t>
  </si>
  <si>
    <t>17.946550369262695</t>
  </si>
  <si>
    <t>527.7810668945312</t>
  </si>
  <si>
    <t>0.07208138565672328</t>
  </si>
  <si>
    <t>17.730539321899414</t>
  </si>
  <si>
    <t>419.880126953125</t>
  </si>
  <si>
    <t>-0.008731109568710593</t>
  </si>
  <si>
    <t>18.365854263305664</t>
  </si>
  <si>
    <t>394.5195007324219</t>
  </si>
  <si>
    <t>0.05202708756468155</t>
  </si>
  <si>
    <t>19.140012741088867</t>
  </si>
  <si>
    <t>667.8184814453125</t>
  </si>
  <si>
    <t>-0.050845403527619126</t>
  </si>
  <si>
    <t>9871</t>
  </si>
  <si>
    <t>18.421722412109375</t>
  </si>
  <si>
    <t>624.3687133789062</t>
  </si>
  <si>
    <t>-0.028955697067992503</t>
  </si>
  <si>
    <t>18.680212020874023</t>
  </si>
  <si>
    <t>547.6557006835938</t>
  </si>
  <si>
    <t>0.01926416551544463</t>
  </si>
  <si>
    <t>18.61882209777832</t>
  </si>
  <si>
    <t>279.96209716796875</t>
  </si>
  <si>
    <t>0.0994302164649632</t>
  </si>
  <si>
    <t>18.61507797241211</t>
  </si>
  <si>
    <t>376.66632080078125</t>
  </si>
  <si>
    <t>0.04426007215418082</t>
  </si>
  <si>
    <t>12.26579761505127</t>
  </si>
  <si>
    <t>595.1101684570312</t>
  </si>
  <si>
    <t>46.524169921875</t>
  </si>
  <si>
    <t>Siirt</t>
  </si>
  <si>
    <t>11.719941139221191</t>
  </si>
  <si>
    <t>889.3195190429688</t>
  </si>
  <si>
    <t>-0.013053122244578219</t>
  </si>
  <si>
    <t>10.386608123779297</t>
  </si>
  <si>
    <t>903.2897338867188</t>
  </si>
  <si>
    <t>0.029665096641700472</t>
  </si>
  <si>
    <t>11.44908618927002</t>
  </si>
  <si>
    <t>1054.524658203125</t>
  </si>
  <si>
    <t>0.054468054636164</t>
  </si>
  <si>
    <t>5574</t>
  </si>
  <si>
    <t>12.22827434539795</t>
  </si>
  <si>
    <t>979.2095947265625</t>
  </si>
  <si>
    <t>-0.06712532317803266</t>
  </si>
  <si>
    <t>12.21579647064209</t>
  </si>
  <si>
    <t>693.9696044921875</t>
  </si>
  <si>
    <t>0.057347767198795196</t>
  </si>
  <si>
    <t>12.70327377319336</t>
  </si>
  <si>
    <t>839.673583984375</t>
  </si>
  <si>
    <t>0.053273375760864994</t>
  </si>
  <si>
    <t>11.44913101196289</t>
  </si>
  <si>
    <t>0.055452637454564524</t>
  </si>
  <si>
    <t>13.253318786621094</t>
  </si>
  <si>
    <t>638.6032104492188</t>
  </si>
  <si>
    <t>0.006663662398304737</t>
  </si>
  <si>
    <t>12.861652374267578</t>
  </si>
  <si>
    <t>660.6964111328125</t>
  </si>
  <si>
    <t>-0.04950740245540253</t>
  </si>
  <si>
    <t>12.574130058288574</t>
  </si>
  <si>
    <t>588.6863403320312</t>
  </si>
  <si>
    <t>0.051166402911315245</t>
  </si>
  <si>
    <t>12.770075798034668</t>
  </si>
  <si>
    <t>938.5042724609375</t>
  </si>
  <si>
    <t>-0.07752177698093732</t>
  </si>
  <si>
    <t>12.420390129089355</t>
  </si>
  <si>
    <t>817.7755126953125</t>
  </si>
  <si>
    <t>0.04520903543402177</t>
  </si>
  <si>
    <t>12.236607551574707</t>
  </si>
  <si>
    <t>1083.9708251953125</t>
  </si>
  <si>
    <t>0.03951997995186396</t>
  </si>
  <si>
    <t>12.194941520690918</t>
  </si>
  <si>
    <t>835.3236083984375</t>
  </si>
  <si>
    <t>0.07672274335698859</t>
  </si>
  <si>
    <t>12.332463264465332</t>
  </si>
  <si>
    <t>745.9657592773438</t>
  </si>
  <si>
    <t>0.10100018491902674</t>
  </si>
  <si>
    <t>12.344897270202637</t>
  </si>
  <si>
    <t>816.797607421875</t>
  </si>
  <si>
    <t>0.07455519535238153</t>
  </si>
  <si>
    <t>12.140751838684082</t>
  </si>
  <si>
    <t>653.6080322265625</t>
  </si>
  <si>
    <t>0.020481673285480895</t>
  </si>
  <si>
    <t>8765</t>
  </si>
  <si>
    <t>12.761608123779297</t>
  </si>
  <si>
    <t>455.495849609375</t>
  </si>
  <si>
    <t>12.6741304397583</t>
  </si>
  <si>
    <t>834.4769287109375</t>
  </si>
  <si>
    <t>0.0696239710277311</t>
  </si>
  <si>
    <t>11156</t>
  </si>
  <si>
    <t>13.986652374267578</t>
  </si>
  <si>
    <t>526.1746826171875</t>
  </si>
  <si>
    <t>0.17158698036431375</t>
  </si>
  <si>
    <t>11.919941902160645</t>
  </si>
  <si>
    <t>869.6710815429688</t>
  </si>
  <si>
    <t>0.019704196563214538</t>
  </si>
  <si>
    <t>11461</t>
  </si>
  <si>
    <t>12.836607933044434</t>
  </si>
  <si>
    <t>960.1370849609375</t>
  </si>
  <si>
    <t>0.007268301186105219</t>
  </si>
  <si>
    <t>12.36989688873291</t>
  </si>
  <si>
    <t>616.2337036132812</t>
  </si>
  <si>
    <t>0.07502992975914502</t>
  </si>
  <si>
    <t>12754</t>
  </si>
  <si>
    <t>13.436741828918457</t>
  </si>
  <si>
    <t>656.1685180664062</t>
  </si>
  <si>
    <t>0.03186505061937339</t>
  </si>
  <si>
    <t>13.061697959899902</t>
  </si>
  <si>
    <t>807.529541015625</t>
  </si>
  <si>
    <t>-0.035920535129791986</t>
  </si>
  <si>
    <t>12745</t>
  </si>
  <si>
    <t>12.511563301086426</t>
  </si>
  <si>
    <t>758.6475830078125</t>
  </si>
  <si>
    <t>0.035214625064790894</t>
  </si>
  <si>
    <t>13.411696434020996</t>
  </si>
  <si>
    <t>632.9105834960938</t>
  </si>
  <si>
    <t>0.04705127717959634</t>
  </si>
  <si>
    <t>14.153319358825684</t>
  </si>
  <si>
    <t>1024.1417236328125</t>
  </si>
  <si>
    <t>0.0011969777743949805</t>
  </si>
  <si>
    <t>15084</t>
  </si>
  <si>
    <t>13.41579532623291</t>
  </si>
  <si>
    <t>885.8846435546875</t>
  </si>
  <si>
    <t>0.12024728661404005</t>
  </si>
  <si>
    <t>13.557418823242188</t>
  </si>
  <si>
    <t>893.31396484375</t>
  </si>
  <si>
    <t>-0.003852545449142042</t>
  </si>
  <si>
    <t>13.628364562988281</t>
  </si>
  <si>
    <t>484.6451110839844</t>
  </si>
  <si>
    <t>0.09950017222928764</t>
  </si>
  <si>
    <t>13.54084300994873</t>
  </si>
  <si>
    <t>547.231201171875</t>
  </si>
  <si>
    <t>0.044252661667934845</t>
  </si>
  <si>
    <t>11.176273345947266</t>
  </si>
  <si>
    <t>597.4298095703125</t>
  </si>
  <si>
    <t>126.8843994140625</t>
  </si>
  <si>
    <t>Sinop</t>
  </si>
  <si>
    <t>10.59496784210205</t>
  </si>
  <si>
    <t>667.3184814453125</t>
  </si>
  <si>
    <t>-0.012916632681582385</t>
  </si>
  <si>
    <t>10.006110191345215</t>
  </si>
  <si>
    <t>623.319091796875</t>
  </si>
  <si>
    <t>0.02968300867279261</t>
  </si>
  <si>
    <t>10.821167945861816</t>
  </si>
  <si>
    <t>543.6423950195312</t>
  </si>
  <si>
    <t>0.05438346680594286</t>
  </si>
  <si>
    <t>11.652764320373535</t>
  </si>
  <si>
    <t>573.3597412109375</t>
  </si>
  <si>
    <t>-0.06708397014982914</t>
  </si>
  <si>
    <t>11.232014656066895</t>
  </si>
  <si>
    <t>655.7899780273438</t>
  </si>
  <si>
    <t>0.05726548414297561</t>
  </si>
  <si>
    <t>11.52685832977295</t>
  </si>
  <si>
    <t>744.4135131835938</t>
  </si>
  <si>
    <t>0.05325515830842775</t>
  </si>
  <si>
    <t>10.632789611816406</t>
  </si>
  <si>
    <t>739.759765625</t>
  </si>
  <si>
    <t>0.05547165549988975</t>
  </si>
  <si>
    <t>12.086688041687012</t>
  </si>
  <si>
    <t>643.3521728515625</t>
  </si>
  <si>
    <t>0.006765172451540735</t>
  </si>
  <si>
    <t>11151</t>
  </si>
  <si>
    <t>11.731293678283691</t>
  </si>
  <si>
    <t>721.4965209960938</t>
  </si>
  <si>
    <t>-0.04951159870279476</t>
  </si>
  <si>
    <t>11736</t>
  </si>
  <si>
    <t>11.706001281738281</t>
  </si>
  <si>
    <t>632.2345581054688</t>
  </si>
  <si>
    <t>0.051131860857456246</t>
  </si>
  <si>
    <t>12.070206642150879</t>
  </si>
  <si>
    <t>694.5692749023438</t>
  </si>
  <si>
    <t>-0.07748264954278206</t>
  </si>
  <si>
    <t>11.989441871643066</t>
  </si>
  <si>
    <t>612.6244506835938</t>
  </si>
  <si>
    <t>0.045096062837036044</t>
  </si>
  <si>
    <t>11821</t>
  </si>
  <si>
    <t>11.01673412322998</t>
  </si>
  <si>
    <t>648.5674438476562</t>
  </si>
  <si>
    <t>0.03960315663330505</t>
  </si>
  <si>
    <t>11.630814552307129</t>
  </si>
  <si>
    <t>619.3070678710938</t>
  </si>
  <si>
    <t>0.07667274923231382</t>
  </si>
  <si>
    <t>11.362060546875</t>
  </si>
  <si>
    <t>667.0333862304688</t>
  </si>
  <si>
    <t>0.03434805544117303</t>
  </si>
  <si>
    <t>11.639092445373535</t>
  </si>
  <si>
    <t>617.8387451171875</t>
  </si>
  <si>
    <t>0.08868811920835462</t>
  </si>
  <si>
    <t>11.875496864318848</t>
  </si>
  <si>
    <t>557.8707885742188</t>
  </si>
  <si>
    <t>0.05807019609104813</t>
  </si>
  <si>
    <t>12.213851928710938</t>
  </si>
  <si>
    <t>665.282470703125</t>
  </si>
  <si>
    <t>-0.009590194363431337</t>
  </si>
  <si>
    <t>12.173094749450684</t>
  </si>
  <si>
    <t>775.8267822265625</t>
  </si>
  <si>
    <t>-0.09535638244250322</t>
  </si>
  <si>
    <t>13.218952178955078</t>
  </si>
  <si>
    <t>756.560546875</t>
  </si>
  <si>
    <t>0.13925988915644538</t>
  </si>
  <si>
    <t>17114</t>
  </si>
  <si>
    <t>10.8488130569458</t>
  </si>
  <si>
    <t>755.0555419921875</t>
  </si>
  <si>
    <t>0.0779267989042225</t>
  </si>
  <si>
    <t>12.358405113220215</t>
  </si>
  <si>
    <t>719.1858520507812</t>
  </si>
  <si>
    <t>-0.013234319560078589</t>
  </si>
  <si>
    <t>12.043103218078613</t>
  </si>
  <si>
    <t>473.9538269042969</t>
  </si>
  <si>
    <t>0.04401660211464531</t>
  </si>
  <si>
    <t>12.465348243713379</t>
  </si>
  <si>
    <t>809.309326171875</t>
  </si>
  <si>
    <t>0.02606119979661159</t>
  </si>
  <si>
    <t>18947</t>
  </si>
  <si>
    <t>11.756218910217285</t>
  </si>
  <si>
    <t>768.605712890625</t>
  </si>
  <si>
    <t>0.04490528330318355</t>
  </si>
  <si>
    <t>12.224642753601074</t>
  </si>
  <si>
    <t>708.1576538085938</t>
  </si>
  <si>
    <t>0.015813503682274188</t>
  </si>
  <si>
    <t>12.268046379089355</t>
  </si>
  <si>
    <t>637.8123779296875</t>
  </si>
  <si>
    <t>-0.020415834127186727</t>
  </si>
  <si>
    <t>17620</t>
  </si>
  <si>
    <t>13.157998085021973</t>
  </si>
  <si>
    <t>731.9612426757812</t>
  </si>
  <si>
    <t>-0.06800865669727862</t>
  </si>
  <si>
    <t>12.57889461517334</t>
  </si>
  <si>
    <t>623.3612670898438</t>
  </si>
  <si>
    <t>0.013976782981838909</t>
  </si>
  <si>
    <t>18528</t>
  </si>
  <si>
    <t>13.078544616699219</t>
  </si>
  <si>
    <t>532.7108154296875</t>
  </si>
  <si>
    <t>0.036271697900712496</t>
  </si>
  <si>
    <t>20465</t>
  </si>
  <si>
    <t>12.143287658691406</t>
  </si>
  <si>
    <t>744.0491943359375</t>
  </si>
  <si>
    <t>0.09943300855378112</t>
  </si>
  <si>
    <t>21391</t>
  </si>
  <si>
    <t>12.483085632324219</t>
  </si>
  <si>
    <t>559.5195922851562</t>
  </si>
  <si>
    <t>0.04425416287530304</t>
  </si>
  <si>
    <t>18.558332443237305</t>
  </si>
  <si>
    <t>448.0999755859375</t>
  </si>
  <si>
    <t>74.19023895263672</t>
  </si>
  <si>
    <t>Sirnak</t>
  </si>
  <si>
    <t>5996</t>
  </si>
  <si>
    <t>703.1000366210938</t>
  </si>
  <si>
    <t>-0.0129247863832056</t>
  </si>
  <si>
    <t>0.02957823248212499</t>
  </si>
  <si>
    <t>0.054510264644651585</t>
  </si>
  <si>
    <t>-0.06705625405280813</t>
  </si>
  <si>
    <t>553.6000366210938</t>
  </si>
  <si>
    <t>0.05719484902176397</t>
  </si>
  <si>
    <t>19.00833511352539</t>
  </si>
  <si>
    <t>0.053219279923098384</t>
  </si>
  <si>
    <t>632.0999755859375</t>
  </si>
  <si>
    <t>0.0554031752279851</t>
  </si>
  <si>
    <t>523.5</t>
  </si>
  <si>
    <t>0.006783441253512379</t>
  </si>
  <si>
    <t>19.150001525878906</t>
  </si>
  <si>
    <t>-0.04949405422602915</t>
  </si>
  <si>
    <t>0.05114831432205591</t>
  </si>
  <si>
    <t>19.058334350585938</t>
  </si>
  <si>
    <t>-0.07744049489869198</t>
  </si>
  <si>
    <t>0.045105114255754586</t>
  </si>
  <si>
    <t>7313</t>
  </si>
  <si>
    <t>18.491666793823242</t>
  </si>
  <si>
    <t>641.2999267578125</t>
  </si>
  <si>
    <t>0.07657606141879292</t>
  </si>
  <si>
    <t>0.03656214258044521</t>
  </si>
  <si>
    <t>18.63333511352539</t>
  </si>
  <si>
    <t>0.054998717802760666</t>
  </si>
  <si>
    <t>18.475000381469727</t>
  </si>
  <si>
    <t>499.9999694824219</t>
  </si>
  <si>
    <t>0.046961224554470604</t>
  </si>
  <si>
    <t>329.1999816894531</t>
  </si>
  <si>
    <t>-0.027729862626582502</t>
  </si>
  <si>
    <t>-0.018769147914573736</t>
  </si>
  <si>
    <t>390.20001220703125</t>
  </si>
  <si>
    <t>0.04660928236130424</t>
  </si>
  <si>
    <t>18.224998474121094</t>
  </si>
  <si>
    <t>675.7000122070312</t>
  </si>
  <si>
    <t>0.07588639391943985</t>
  </si>
  <si>
    <t>0.07840604609706858</t>
  </si>
  <si>
    <t>476.8999938964844</t>
  </si>
  <si>
    <t>0.1292460945603171</t>
  </si>
  <si>
    <t>12717</t>
  </si>
  <si>
    <t>19.7166690826416</t>
  </si>
  <si>
    <t>0.05453914199635257</t>
  </si>
  <si>
    <t>19.325000762939453</t>
  </si>
  <si>
    <t>0.010248476165797271</t>
  </si>
  <si>
    <t>12524</t>
  </si>
  <si>
    <t>18.841665267944336</t>
  </si>
  <si>
    <t>553.7000122070312</t>
  </si>
  <si>
    <t>-0.025541353740246464</t>
  </si>
  <si>
    <t>0.18040339763805058</t>
  </si>
  <si>
    <t>20.41666603088379</t>
  </si>
  <si>
    <t>0.0010660981819974324</t>
  </si>
  <si>
    <t>15401</t>
  </si>
  <si>
    <t>19.683332443237305</t>
  </si>
  <si>
    <t>725.2000732421875</t>
  </si>
  <si>
    <t>0.02531614309212138</t>
  </si>
  <si>
    <t>19.85833168029785</t>
  </si>
  <si>
    <t>696.5000610351562</t>
  </si>
  <si>
    <t>0.06120119428102555</t>
  </si>
  <si>
    <t>18085</t>
  </si>
  <si>
    <t>365.3000183105469</t>
  </si>
  <si>
    <t>0.09944922874670681</t>
  </si>
  <si>
    <t>19.825002670288086</t>
  </si>
  <si>
    <t>0.04429067448054447</t>
  </si>
  <si>
    <t>8.188348770141602</t>
  </si>
  <si>
    <t>407.60296630859375</t>
  </si>
  <si>
    <t>391.1432189941406</t>
  </si>
  <si>
    <t>Sivas</t>
  </si>
  <si>
    <t>7.394983768463135</t>
  </si>
  <si>
    <t>514.9072875976562</t>
  </si>
  <si>
    <t>-0.012922645040239544</t>
  </si>
  <si>
    <t>8237</t>
  </si>
  <si>
    <t>6.731813430786133</t>
  </si>
  <si>
    <t>504.5850830078125</t>
  </si>
  <si>
    <t>0.02969478332095754</t>
  </si>
  <si>
    <t>7.60328483581543</t>
  </si>
  <si>
    <t>434.361083984375</t>
  </si>
  <si>
    <t>0.05445691421633647</t>
  </si>
  <si>
    <t>8.433058738708496</t>
  </si>
  <si>
    <t>377.1320495605469</t>
  </si>
  <si>
    <t>-0.06716325499080966</t>
  </si>
  <si>
    <t>8.093442916870117</t>
  </si>
  <si>
    <t>502.1308898925781</t>
  </si>
  <si>
    <t>0.05722672031747855</t>
  </si>
  <si>
    <t>8.378055572509766</t>
  </si>
  <si>
    <t>485.126220703125</t>
  </si>
  <si>
    <t>0.053247955017960535</t>
  </si>
  <si>
    <t>7.454688549041748</t>
  </si>
  <si>
    <t>496.9538269042969</t>
  </si>
  <si>
    <t>0.055462725195409845</t>
  </si>
  <si>
    <t>8.936686515808105</t>
  </si>
  <si>
    <t>522.986572265625</t>
  </si>
  <si>
    <t>0.006850763766982126</t>
  </si>
  <si>
    <t>8.646194458007812</t>
  </si>
  <si>
    <t>490.1357116699219</t>
  </si>
  <si>
    <t>-0.049514539427473636</t>
  </si>
  <si>
    <t>8.615157127380371</t>
  </si>
  <si>
    <t>383.0985107421875</t>
  </si>
  <si>
    <t>0.051168286574398536</t>
  </si>
  <si>
    <t>8.91362476348877</t>
  </si>
  <si>
    <t>459.5439147949219</t>
  </si>
  <si>
    <t>-0.07748994272731125</t>
  </si>
  <si>
    <t>8.934431076049805</t>
  </si>
  <si>
    <t>423.9010314941406</t>
  </si>
  <si>
    <t>0.045058071598431226</t>
  </si>
  <si>
    <t>9752</t>
  </si>
  <si>
    <t>7.977554798126221</t>
  </si>
  <si>
    <t>466.6546325683594</t>
  </si>
  <si>
    <t>0.03953249267845749</t>
  </si>
  <si>
    <t>8.550765037536621</t>
  </si>
  <si>
    <t>398.5823059082031</t>
  </si>
  <si>
    <t>0.07675593396691305</t>
  </si>
  <si>
    <t>8.292777061462402</t>
  </si>
  <si>
    <t>461.0675964355469</t>
  </si>
  <si>
    <t>0.06676183122678303</t>
  </si>
  <si>
    <t>8.612677574157715</t>
  </si>
  <si>
    <t>458.8812561035156</t>
  </si>
  <si>
    <t>0.050155577165295284</t>
  </si>
  <si>
    <t>8.825969696044922</t>
  </si>
  <si>
    <t>424.08843994140625</t>
  </si>
  <si>
    <t>0.026348030755508844</t>
  </si>
  <si>
    <t>9.141862869262695</t>
  </si>
  <si>
    <t>403.6012878417969</t>
  </si>
  <si>
    <t>0.017133485943610083</t>
  </si>
  <si>
    <t>9.21762466430664</t>
  </si>
  <si>
    <t>580.2516479492188</t>
  </si>
  <si>
    <t>0.010381133746690807</t>
  </si>
  <si>
    <t>13895</t>
  </si>
  <si>
    <t>10.09070110321045</t>
  </si>
  <si>
    <t>475.9817810058594</t>
  </si>
  <si>
    <t>0.10652067821069444</t>
  </si>
  <si>
    <t>7.93371057510376</t>
  </si>
  <si>
    <t>509.763916015625</t>
  </si>
  <si>
    <t>0.0928536991953024</t>
  </si>
  <si>
    <t>9.35511302947998</t>
  </si>
  <si>
    <t>548.00634765625</t>
  </si>
  <si>
    <t>0.05648410129423809</t>
  </si>
  <si>
    <t>17297</t>
  </si>
  <si>
    <t>8.935871124267578</t>
  </si>
  <si>
    <t>343.0518798828125</t>
  </si>
  <si>
    <t>0.06966621237777915</t>
  </si>
  <si>
    <t>18036</t>
  </si>
  <si>
    <t>9.398594856262207</t>
  </si>
  <si>
    <t>501.1162109375</t>
  </si>
  <si>
    <t>0.041836684497051024</t>
  </si>
  <si>
    <t>19051</t>
  </si>
  <si>
    <t>8.78682804107666</t>
  </si>
  <si>
    <t>499.302001953125</t>
  </si>
  <si>
    <t>0.05474983307446024</t>
  </si>
  <si>
    <t>9.029366493225098</t>
  </si>
  <si>
    <t>452.9158935546875</t>
  </si>
  <si>
    <t>0.03740005270659097</t>
  </si>
  <si>
    <t>9.24748706817627</t>
  </si>
  <si>
    <t>424.02069091796875</t>
  </si>
  <si>
    <t>0.01913119245839745</t>
  </si>
  <si>
    <t>10.041714668273926</t>
  </si>
  <si>
    <t>533.1488647460938</t>
  </si>
  <si>
    <t>-0.01600114143765019</t>
  </si>
  <si>
    <t>9.573646545410156</t>
  </si>
  <si>
    <t>419.54290771484375</t>
  </si>
  <si>
    <t>-0.0019677596601468395</t>
  </si>
  <si>
    <t>20403</t>
  </si>
  <si>
    <t>9.994608879089355</t>
  </si>
  <si>
    <t>409.5032043457031</t>
  </si>
  <si>
    <t>0.03000001116112294</t>
  </si>
  <si>
    <t>9.120837211608887</t>
  </si>
  <si>
    <t>397.6689147949219</t>
  </si>
  <si>
    <t>0.09943208171245921</t>
  </si>
  <si>
    <t>9.420598983764648</t>
  </si>
  <si>
    <t>404.642578125</t>
  </si>
  <si>
    <t>0.04426653450825313</t>
  </si>
  <si>
    <t>13.949286460876465</t>
  </si>
  <si>
    <t>539.8805541992188</t>
  </si>
  <si>
    <t>286.19342041015625</t>
  </si>
  <si>
    <t>Tekirdag</t>
  </si>
  <si>
    <t>20263</t>
  </si>
  <si>
    <t>12.690794944763184</t>
  </si>
  <si>
    <t>611.6918334960938</t>
  </si>
  <si>
    <t>-0.01299324499008847</t>
  </si>
  <si>
    <t>12.962544441223145</t>
  </si>
  <si>
    <t>524.787109375</t>
  </si>
  <si>
    <t>0.029707802514668202</t>
  </si>
  <si>
    <t>22042</t>
  </si>
  <si>
    <t>13.209091186523438</t>
  </si>
  <si>
    <t>508.1580810546875</t>
  </si>
  <si>
    <t>0.05444535887149016</t>
  </si>
  <si>
    <t>20611</t>
  </si>
  <si>
    <t>14.078678131103516</t>
  </si>
  <si>
    <t>714.1249389648438</t>
  </si>
  <si>
    <t>-0.06712481040819007</t>
  </si>
  <si>
    <t>21825</t>
  </si>
  <si>
    <t>13.280356407165527</t>
  </si>
  <si>
    <t>600.98681640625</t>
  </si>
  <si>
    <t>0.057231187864505983</t>
  </si>
  <si>
    <t>13.182103157043457</t>
  </si>
  <si>
    <t>653.2623901367188</t>
  </si>
  <si>
    <t>0.05326386013797091</t>
  </si>
  <si>
    <t>12.844756126403809</t>
  </si>
  <si>
    <t>743.3590087890625</t>
  </si>
  <si>
    <t>0.055472394594820784</t>
  </si>
  <si>
    <t>13.736979484558105</t>
  </si>
  <si>
    <t>824.91455078125</t>
  </si>
  <si>
    <t>0.0067583046151433734</t>
  </si>
  <si>
    <t>14.240923881530762</t>
  </si>
  <si>
    <t>591.6729736328125</t>
  </si>
  <si>
    <t>-0.04949662257596188</t>
  </si>
  <si>
    <t>14.573277473449707</t>
  </si>
  <si>
    <t>548.2659912109375</t>
  </si>
  <si>
    <t>0.05116889787135115</t>
  </si>
  <si>
    <t>14.104835510253906</t>
  </si>
  <si>
    <t>666.3501586914062</t>
  </si>
  <si>
    <t>-0.07750565106051077</t>
  </si>
  <si>
    <t>14.318939208984375</t>
  </si>
  <si>
    <t>758.9298706054688</t>
  </si>
  <si>
    <t>0.0451178448451337</t>
  </si>
  <si>
    <t>13.172837257385254</t>
  </si>
  <si>
    <t>658.4989624023438</t>
  </si>
  <si>
    <t>0.03957521660530894</t>
  </si>
  <si>
    <t>26684</t>
  </si>
  <si>
    <t>14.142733573913574</t>
  </si>
  <si>
    <t>498.65362548828125</t>
  </si>
  <si>
    <t>0.07665378808834511</t>
  </si>
  <si>
    <t>27597</t>
  </si>
  <si>
    <t>13.306546211242676</t>
  </si>
  <si>
    <t>713.2197265625</t>
  </si>
  <si>
    <t>0.03364293631586257</t>
  </si>
  <si>
    <t>28148</t>
  </si>
  <si>
    <t>13.981578826904297</t>
  </si>
  <si>
    <t>605.2493286132812</t>
  </si>
  <si>
    <t>0.019769232941172277</t>
  </si>
  <si>
    <t>29273</t>
  </si>
  <si>
    <t>14.282425880432129</t>
  </si>
  <si>
    <t>614.448486328125</t>
  </si>
  <si>
    <t>0.03918928536852029</t>
  </si>
  <si>
    <t>14.532196998596191</t>
  </si>
  <si>
    <t>538.9207153320312</t>
  </si>
  <si>
    <t>-0.03908271153940035</t>
  </si>
  <si>
    <t>25150</t>
  </si>
  <si>
    <t>14.236128807067871</t>
  </si>
  <si>
    <t>772.8086547851562</t>
  </si>
  <si>
    <t>-0.11272498138767517</t>
  </si>
  <si>
    <t>14.709433555603027</t>
  </si>
  <si>
    <t>776.4525756835938</t>
  </si>
  <si>
    <t>0.07533981749437046</t>
  </si>
  <si>
    <t>13.250494956970215</t>
  </si>
  <si>
    <t>641.6525268554688</t>
  </si>
  <si>
    <t>0.1093976390730802</t>
  </si>
  <si>
    <t>14.64643383026123</t>
  </si>
  <si>
    <t>767.7317504882812</t>
  </si>
  <si>
    <t>0.004254974672273093</t>
  </si>
  <si>
    <t>14.575739860534668</t>
  </si>
  <si>
    <t>640.3081665039062</t>
  </si>
  <si>
    <t>0.06270186744810502</t>
  </si>
  <si>
    <t>14.364879608154297</t>
  </si>
  <si>
    <t>910.931640625</t>
  </si>
  <si>
    <t>0.04364229960931354</t>
  </si>
  <si>
    <t>14.1890287399292</t>
  </si>
  <si>
    <t>833.645751953125</t>
  </si>
  <si>
    <t>0.03543924012368471</t>
  </si>
  <si>
    <t>14.461993217468262</t>
  </si>
  <si>
    <t>649.647216796875</t>
  </si>
  <si>
    <t>0.0340053261633404</t>
  </si>
  <si>
    <t>39487</t>
  </si>
  <si>
    <t>14.667682647705078</t>
  </si>
  <si>
    <t>626.8193359375</t>
  </si>
  <si>
    <t>0.08633244268323637</t>
  </si>
  <si>
    <t>14.817424774169922</t>
  </si>
  <si>
    <t>770.7577514648438</t>
  </si>
  <si>
    <t>0.0293470842525565</t>
  </si>
  <si>
    <t>15.268609046936035</t>
  </si>
  <si>
    <t>502.2633056640625</t>
  </si>
  <si>
    <t>-0.014341335869625382</t>
  </si>
  <si>
    <t>41608</t>
  </si>
  <si>
    <t>15.374385833740234</t>
  </si>
  <si>
    <t>667.045166015625</t>
  </si>
  <si>
    <t>0.03731520427468915</t>
  </si>
  <si>
    <t>45959</t>
  </si>
  <si>
    <t>14.63814926147461</t>
  </si>
  <si>
    <t>672.1224975585938</t>
  </si>
  <si>
    <t>0.09945723822259467</t>
  </si>
  <si>
    <t>48039</t>
  </si>
  <si>
    <t>15.089323997497559</t>
  </si>
  <si>
    <t>502.8634338378906</t>
  </si>
  <si>
    <t>0.044263486315083256</t>
  </si>
  <si>
    <t>10.21519947052002</t>
  </si>
  <si>
    <t>472.99530029296875</t>
  </si>
  <si>
    <t>283.9740905761719</t>
  </si>
  <si>
    <t>Tokat</t>
  </si>
  <si>
    <t>9.430954933166504</t>
  </si>
  <si>
    <t>567.9557495117188</t>
  </si>
  <si>
    <t>8.96965217590332</t>
  </si>
  <si>
    <t>528.789794921875</t>
  </si>
  <si>
    <t>0.02963819297442072</t>
  </si>
  <si>
    <t>9.678345680236816</t>
  </si>
  <si>
    <t>454.9778137207031</t>
  </si>
  <si>
    <t>0.05448496338027908</t>
  </si>
  <si>
    <t>10.45378589630127</t>
  </si>
  <si>
    <t>413.6965637207031</t>
  </si>
  <si>
    <t>-0.06718218796237174</t>
  </si>
  <si>
    <t>10.242067337036133</t>
  </si>
  <si>
    <t>525.4884033203125</t>
  </si>
  <si>
    <t>0.05733387902252396</t>
  </si>
  <si>
    <t>10.321194648742676</t>
  </si>
  <si>
    <t>529.1085205078125</t>
  </si>
  <si>
    <t>0.05319630897034422</t>
  </si>
  <si>
    <t>9.620430946350098</t>
  </si>
  <si>
    <t>540.2100219726562</t>
  </si>
  <si>
    <t>0.05550731076412241</t>
  </si>
  <si>
    <t>10.9785795211792</t>
  </si>
  <si>
    <t>547.0771484375</t>
  </si>
  <si>
    <t>0.006787082167910796</t>
  </si>
  <si>
    <t>10.729660987854004</t>
  </si>
  <si>
    <t>544.5890502929688</t>
  </si>
  <si>
    <t>-0.049521195893118986</t>
  </si>
  <si>
    <t>10.847071647644043</t>
  </si>
  <si>
    <t>423.1351013183594</t>
  </si>
  <si>
    <t>0.05121079320551658</t>
  </si>
  <si>
    <t>10.892902374267578</t>
  </si>
  <si>
    <t>505.9772644042969</t>
  </si>
  <si>
    <t>-0.07757379364430683</t>
  </si>
  <si>
    <t>8028</t>
  </si>
  <si>
    <t>11.119769096374512</t>
  </si>
  <si>
    <t>459.8369445800781</t>
  </si>
  <si>
    <t>0.045097439109330395</t>
  </si>
  <si>
    <t>9.940202713012695</t>
  </si>
  <si>
    <t>492.5549621582031</t>
  </si>
  <si>
    <t>0.03956560020619193</t>
  </si>
  <si>
    <t>10.682515144348145</t>
  </si>
  <si>
    <t>447.8164367675781</t>
  </si>
  <si>
    <t>0.07672154885860927</t>
  </si>
  <si>
    <t>10.325688362121582</t>
  </si>
  <si>
    <t>510.651123046875</t>
  </si>
  <si>
    <t>0.07135571686006692</t>
  </si>
  <si>
    <t>10.71644115447998</t>
  </si>
  <si>
    <t>496.15618896484375</t>
  </si>
  <si>
    <t>0.025384919826199948</t>
  </si>
  <si>
    <t>11.026047706604004</t>
  </si>
  <si>
    <t>467.3329772949219</t>
  </si>
  <si>
    <t>0.0326794106281767</t>
  </si>
  <si>
    <t>11.262234687805176</t>
  </si>
  <si>
    <t>470.96636962890625</t>
  </si>
  <si>
    <t>0.06487946067281136</t>
  </si>
  <si>
    <t>10717</t>
  </si>
  <si>
    <t>11.343667030334473</t>
  </si>
  <si>
    <t>638.4056396484375</t>
  </si>
  <si>
    <t>-0.0216908222552874</t>
  </si>
  <si>
    <t>12.100253105163574</t>
  </si>
  <si>
    <t>551.3126220703125</t>
  </si>
  <si>
    <t>0.08347491428085085</t>
  </si>
  <si>
    <t>9.998821258544922</t>
  </si>
  <si>
    <t>570.9817504882812</t>
  </si>
  <si>
    <t>0.05193257498270043</t>
  </si>
  <si>
    <t>11.566475868225098</t>
  </si>
  <si>
    <t>592.6433715820312</t>
  </si>
  <si>
    <t>0.0044720975456407075</t>
  </si>
  <si>
    <t>11.182376861572266</t>
  </si>
  <si>
    <t>372.5491638183594</t>
  </si>
  <si>
    <t>0.036561756203099094</t>
  </si>
  <si>
    <t>11.458259582519531</t>
  </si>
  <si>
    <t>562.802001953125</t>
  </si>
  <si>
    <t>0.042644345544173845</t>
  </si>
  <si>
    <t>10.94045352935791</t>
  </si>
  <si>
    <t>571.3868408203125</t>
  </si>
  <si>
    <t>0.07714423859852282</t>
  </si>
  <si>
    <t>14615</t>
  </si>
  <si>
    <t>11.281242370605469</t>
  </si>
  <si>
    <t>531.1763916015625</t>
  </si>
  <si>
    <t>0.013987205677361558</t>
  </si>
  <si>
    <t>11.363811492919922</t>
  </si>
  <si>
    <t>479.71942138671875</t>
  </si>
  <si>
    <t>0.03132096401660078</t>
  </si>
  <si>
    <t>14736</t>
  </si>
  <si>
    <t>12.20801067352295</t>
  </si>
  <si>
    <t>562.5047607421875</t>
  </si>
  <si>
    <t>-0.02307588306685915</t>
  </si>
  <si>
    <t>15195</t>
  </si>
  <si>
    <t>11.834092140197754</t>
  </si>
  <si>
    <t>452.64154052734375</t>
  </si>
  <si>
    <t>0.03067294685580535</t>
  </si>
  <si>
    <t>15893</t>
  </si>
  <si>
    <t>12.185482025146484</t>
  </si>
  <si>
    <t>437.62774658203125</t>
  </si>
  <si>
    <t>0.04491233434592701</t>
  </si>
  <si>
    <t>17555</t>
  </si>
  <si>
    <t>11.220564842224121</t>
  </si>
  <si>
    <t>496.6372985839844</t>
  </si>
  <si>
    <t>0.09946004890571203</t>
  </si>
  <si>
    <t>11.533068656921387</t>
  </si>
  <si>
    <t>435.58782958984375</t>
  </si>
  <si>
    <t>0.04423626748242171</t>
  </si>
  <si>
    <t>8.855988502502441</t>
  </si>
  <si>
    <t>737.2047119140625</t>
  </si>
  <si>
    <t>422.8138732910156</t>
  </si>
  <si>
    <t>Trabzon</t>
  </si>
  <si>
    <t>8.123430252075195</t>
  </si>
  <si>
    <t>708.4754638671875</t>
  </si>
  <si>
    <t>-0.012899410069053374</t>
  </si>
  <si>
    <t>9918</t>
  </si>
  <si>
    <t>7.235300540924072</t>
  </si>
  <si>
    <t>826.0557250976562</t>
  </si>
  <si>
    <t>8.042012214660645</t>
  </si>
  <si>
    <t>606.9805297851562</t>
  </si>
  <si>
    <t>0.05444922872406721</t>
  </si>
  <si>
    <t>9.001665115356445</t>
  </si>
  <si>
    <t>699.0496215820312</t>
  </si>
  <si>
    <t>-0.06713267205235063</t>
  </si>
  <si>
    <t>8.817854881286621</t>
  </si>
  <si>
    <t>754.7130126953125</t>
  </si>
  <si>
    <t>0.05724917750277747</t>
  </si>
  <si>
    <t>9.269115447998047</t>
  </si>
  <si>
    <t>777.3213500976562</t>
  </si>
  <si>
    <t>0.05323451411165259</t>
  </si>
  <si>
    <t>8.030804634094238</t>
  </si>
  <si>
    <t>724.163818359375</t>
  </si>
  <si>
    <t>0.05548582834009608</t>
  </si>
  <si>
    <t>11640</t>
  </si>
  <si>
    <t>9.585539817810059</t>
  </si>
  <si>
    <t>692.0851440429688</t>
  </si>
  <si>
    <t>0.006810077610108323</t>
  </si>
  <si>
    <t>9.294890403747559</t>
  </si>
  <si>
    <t>794.2660522460938</t>
  </si>
  <si>
    <t>-0.04957655576849618</t>
  </si>
  <si>
    <t>9.140276908874512</t>
  </si>
  <si>
    <t>613.8643798828125</t>
  </si>
  <si>
    <t>0.05120752741635748</t>
  </si>
  <si>
    <t>9.846638679504395</t>
  </si>
  <si>
    <t>826.4317626953125</t>
  </si>
  <si>
    <t>-0.07755131738195153</t>
  </si>
  <si>
    <t>9.658027648925781</t>
  </si>
  <si>
    <t>751.6320190429688</t>
  </si>
  <si>
    <t>0.0451245244042866</t>
  </si>
  <si>
    <t>11743</t>
  </si>
  <si>
    <t>8.903048515319824</t>
  </si>
  <si>
    <t>714.7840576171875</t>
  </si>
  <si>
    <t>0.03960569740945452</t>
  </si>
  <si>
    <t>9.243697166442871</t>
  </si>
  <si>
    <t>769.2438354492188</t>
  </si>
  <si>
    <t>0.07661088947903139</t>
  </si>
  <si>
    <t>9.21312427520752</t>
  </si>
  <si>
    <t>853.1414184570312</t>
  </si>
  <si>
    <t>0.09266790476301878</t>
  </si>
  <si>
    <t>14939</t>
  </si>
  <si>
    <t>9.413607597351074</t>
  </si>
  <si>
    <t>717.640625</t>
  </si>
  <si>
    <t>0.07143913043518602</t>
  </si>
  <si>
    <t>9.466656684875488</t>
  </si>
  <si>
    <t>730.5368041992188</t>
  </si>
  <si>
    <t>0.033504302066033276</t>
  </si>
  <si>
    <t>15444</t>
  </si>
  <si>
    <t>9.93362808227539</t>
  </si>
  <si>
    <t>596.119873046875</t>
  </si>
  <si>
    <t>-0.0002589667242229865</t>
  </si>
  <si>
    <t>10.115583419799805</t>
  </si>
  <si>
    <t>863.8873901367188</t>
  </si>
  <si>
    <t>-0.05962958478448854</t>
  </si>
  <si>
    <t>11.037819862365723</t>
  </si>
  <si>
    <t>648.7599487304688</t>
  </si>
  <si>
    <t>0.08387358411934542</t>
  </si>
  <si>
    <t>17095</t>
  </si>
  <si>
    <t>8.83398723602295</t>
  </si>
  <si>
    <t>804.8184204101562</t>
  </si>
  <si>
    <t>0.07732144535441776</t>
  </si>
  <si>
    <t>10.162162780761719</t>
  </si>
  <si>
    <t>755.7322998046875</t>
  </si>
  <si>
    <t>0.05264073365341204</t>
  </si>
  <si>
    <t>9.568398475646973</t>
  </si>
  <si>
    <t>607.4698486328125</t>
  </si>
  <si>
    <t>0.025099958628340246</t>
  </si>
  <si>
    <t>19774</t>
  </si>
  <si>
    <t>10.277031898498535</t>
  </si>
  <si>
    <t>729.171142578125</t>
  </si>
  <si>
    <t>0.0678412281019245</t>
  </si>
  <si>
    <t>9.528765678405762</t>
  </si>
  <si>
    <t>811.3973388671875</t>
  </si>
  <si>
    <t>0.06428879338693605</t>
  </si>
  <si>
    <t>9.498488426208496</t>
  </si>
  <si>
    <t>875.9168090820312</t>
  </si>
  <si>
    <t>0.020558313451918053</t>
  </si>
  <si>
    <t>21698</t>
  </si>
  <si>
    <t>9.857421875</t>
  </si>
  <si>
    <t>689.3076782226562</t>
  </si>
  <si>
    <t>0.008005040086462856</t>
  </si>
  <si>
    <t>10.89279556274414</t>
  </si>
  <si>
    <t>758.2453002929688</t>
  </si>
  <si>
    <t>-0.031650581999095095</t>
  </si>
  <si>
    <t>10.071869850158691</t>
  </si>
  <si>
    <t>616.751953125</t>
  </si>
  <si>
    <t>0.003276900802314131</t>
  </si>
  <si>
    <t>10.519893646240234</t>
  </si>
  <si>
    <t>682.9060668945312</t>
  </si>
  <si>
    <t>-0.0035623568202378664</t>
  </si>
  <si>
    <t>9.838837623596191</t>
  </si>
  <si>
    <t>751.4094848632812</t>
  </si>
  <si>
    <t>0.0994284141820696</t>
  </si>
  <si>
    <t>10.107483863830566</t>
  </si>
  <si>
    <t>641.4226684570312</t>
  </si>
  <si>
    <t>0.044240089651534475</t>
  </si>
  <si>
    <t>9.104228019714355</t>
  </si>
  <si>
    <t>511.82965087890625</t>
  </si>
  <si>
    <t>29.512025833129883</t>
  </si>
  <si>
    <t>Tunceli</t>
  </si>
  <si>
    <t>8.313429832458496</t>
  </si>
  <si>
    <t>714.2775268554688</t>
  </si>
  <si>
    <t>-0.012968481463660808</t>
  </si>
  <si>
    <t>7.226616382598877</t>
  </si>
  <si>
    <t>775.43896484375</t>
  </si>
  <si>
    <t>0.029738316813507026</t>
  </si>
  <si>
    <t>8.339923858642578</t>
  </si>
  <si>
    <t>750.7708740234375</t>
  </si>
  <si>
    <t>0.054451522344797</t>
  </si>
  <si>
    <t>11222</t>
  </si>
  <si>
    <t>9.246392250061035</t>
  </si>
  <si>
    <t>741.4392700195312</t>
  </si>
  <si>
    <t>-0.06711384232052353</t>
  </si>
  <si>
    <t>11883</t>
  </si>
  <si>
    <t>8.953606605529785</t>
  </si>
  <si>
    <t>664.1060791015625</t>
  </si>
  <si>
    <t>0.057232669979109474</t>
  </si>
  <si>
    <t>9.559700965881348</t>
  </si>
  <si>
    <t>695.1641845703125</t>
  </si>
  <si>
    <t>0.053256358321494446</t>
  </si>
  <si>
    <t>8.203356742858887</t>
  </si>
  <si>
    <t>672.60595703125</t>
  </si>
  <si>
    <t>0.05540594607274052</t>
  </si>
  <si>
    <t>9.872138023376465</t>
  </si>
  <si>
    <t>730.7938232421875</t>
  </si>
  <si>
    <t>0.006845992507988896</t>
  </si>
  <si>
    <t>12693</t>
  </si>
  <si>
    <t>9.575743675231934</t>
  </si>
  <si>
    <t>623.0878295898438</t>
  </si>
  <si>
    <t>-0.049566443804073046</t>
  </si>
  <si>
    <t>9.242037773132324</t>
  </si>
  <si>
    <t>540.5339965820312</t>
  </si>
  <si>
    <t>0.0512145077024595</t>
  </si>
  <si>
    <t>10.062190055847168</t>
  </si>
  <si>
    <t>773.341796875</t>
  </si>
  <si>
    <t>-0.07755702708371004</t>
  </si>
  <si>
    <t>9.651494026184082</t>
  </si>
  <si>
    <t>629.77001953125</t>
  </si>
  <si>
    <t>0.04515136199961134</t>
  </si>
  <si>
    <t>9.174378395080566</t>
  </si>
  <si>
    <t>775.5061645507812</t>
  </si>
  <si>
    <t>0.039565600206190155</t>
  </si>
  <si>
    <t>9.342413902282715</t>
  </si>
  <si>
    <t>684.6103515625</t>
  </si>
  <si>
    <t>0.07665271862834544</t>
  </si>
  <si>
    <t>15203</t>
  </si>
  <si>
    <t>9.366915702819824</t>
  </si>
  <si>
    <t>706.2864990234375</t>
  </si>
  <si>
    <t>0.045414954939762</t>
  </si>
  <si>
    <t>9.645524024963379</t>
  </si>
  <si>
    <t>681.7386474609375</t>
  </si>
  <si>
    <t>0.011119947131762231</t>
  </si>
  <si>
    <t>16484</t>
  </si>
  <si>
    <t>9.459951400756836</t>
  </si>
  <si>
    <t>593.398193359375</t>
  </si>
  <si>
    <t>0.06977748954610874</t>
  </si>
  <si>
    <t>9.962563514709473</t>
  </si>
  <si>
    <t>456.4295349121094</t>
  </si>
  <si>
    <t>-0.03180349390746251</t>
  </si>
  <si>
    <t>10.158584594726562</t>
  </si>
  <si>
    <t>793.0115966796875</t>
  </si>
  <si>
    <t>0.002689266450810024</t>
  </si>
  <si>
    <t>11.237438201904297</t>
  </si>
  <si>
    <t>515.1546020507812</t>
  </si>
  <si>
    <t>0.1437377028226674</t>
  </si>
  <si>
    <t>21127</t>
  </si>
  <si>
    <t>9.033831596374512</t>
  </si>
  <si>
    <t>800.7583618164062</t>
  </si>
  <si>
    <t>0.13353815447551298</t>
  </si>
  <si>
    <t>19354</t>
  </si>
  <si>
    <t>10.182713508605957</t>
  </si>
  <si>
    <t>787.6477661132812</t>
  </si>
  <si>
    <t>-0.0876527268593481</t>
  </si>
  <si>
    <t>9.80932903289795</t>
  </si>
  <si>
    <t>493.66546630859375</t>
  </si>
  <si>
    <t>0.09637117789922911</t>
  </si>
  <si>
    <t>10.4307222366333</t>
  </si>
  <si>
    <t>634.4671020507812</t>
  </si>
  <si>
    <t>-0.030490166757788373</t>
  </si>
  <si>
    <t>9.69875431060791</t>
  </si>
  <si>
    <t>703.8013916015625</t>
  </si>
  <si>
    <t>0.014741809789649452</t>
  </si>
  <si>
    <t>9.470770835876465</t>
  </si>
  <si>
    <t>665.7669677734375</t>
  </si>
  <si>
    <t>0.11352103604640007</t>
  </si>
  <si>
    <t>10.070272445678711</t>
  </si>
  <si>
    <t>539.5013427734375</t>
  </si>
  <si>
    <t>0.07557795322363248</t>
  </si>
  <si>
    <t>10.962935447692871</t>
  </si>
  <si>
    <t>865.4378051757812</t>
  </si>
  <si>
    <t>-0.021495055251733675</t>
  </si>
  <si>
    <t>10.168034553527832</t>
  </si>
  <si>
    <t>708.2898559570312</t>
  </si>
  <si>
    <t>0.08497022025357559</t>
  </si>
  <si>
    <t>10.675248146057129</t>
  </si>
  <si>
    <t>687.2120361328125</t>
  </si>
  <si>
    <t>0.0839797933783295</t>
  </si>
  <si>
    <t>10.127734184265137</t>
  </si>
  <si>
    <t>459.5413818359375</t>
  </si>
  <si>
    <t>0.0994704630330876</t>
  </si>
  <si>
    <t>33913</t>
  </si>
  <si>
    <t>10.323506355285645</t>
  </si>
  <si>
    <t>554.2670288085938</t>
  </si>
  <si>
    <t>0.04425207362925221</t>
  </si>
  <si>
    <t>2518</t>
  </si>
  <si>
    <t>12.097994804382324</t>
  </si>
  <si>
    <t>460.3714599609375</t>
  </si>
  <si>
    <t>87.13059997558594</t>
  </si>
  <si>
    <t>Usak</t>
  </si>
  <si>
    <t>9844</t>
  </si>
  <si>
    <t>11.094042778015137</t>
  </si>
  <si>
    <t>535.8934326171875</t>
  </si>
  <si>
    <t>-0.012919033132501312</t>
  </si>
  <si>
    <t>10.941818237304688</t>
  </si>
  <si>
    <t>487.2369689941406</t>
  </si>
  <si>
    <t>0.029724480101048556</t>
  </si>
  <si>
    <t>11.77780818939209</t>
  </si>
  <si>
    <t>497.78973388671875</t>
  </si>
  <si>
    <t>0.05440451302824734</t>
  </si>
  <si>
    <t>12.509346961975098</t>
  </si>
  <si>
    <t>617.5787353515625</t>
  </si>
  <si>
    <t>-0.06710687693244033</t>
  </si>
  <si>
    <t>11.818611145019531</t>
  </si>
  <si>
    <t>529.3868408203125</t>
  </si>
  <si>
    <t>0.05725273121799468</t>
  </si>
  <si>
    <t>11.978240013122559</t>
  </si>
  <si>
    <t>583.5988159179688</t>
  </si>
  <si>
    <t>0.05325778810239079</t>
  </si>
  <si>
    <t>11.21466064453125</t>
  </si>
  <si>
    <t>661.1192016601562</t>
  </si>
  <si>
    <t>0.05539824393190074</t>
  </si>
  <si>
    <t>12.514228820800781</t>
  </si>
  <si>
    <t>759.9680786132812</t>
  </si>
  <si>
    <t>0.006829418222350725</t>
  </si>
  <si>
    <t>12.565524101257324</t>
  </si>
  <si>
    <t>537.2408447265625</t>
  </si>
  <si>
    <t>-0.049521462508689496</t>
  </si>
  <si>
    <t>11921</t>
  </si>
  <si>
    <t>12.512866973876953</t>
  </si>
  <si>
    <t>517.5509033203125</t>
  </si>
  <si>
    <t>0.05120058304425079</t>
  </si>
  <si>
    <t>12.707622528076172</t>
  </si>
  <si>
    <t>697.7127075195312</t>
  </si>
  <si>
    <t>-0.07750141024486368</t>
  </si>
  <si>
    <t>12.672562599182129</t>
  </si>
  <si>
    <t>618.3145141601562</t>
  </si>
  <si>
    <t>0.04510577194726828</t>
  </si>
  <si>
    <t>11.751513481140137</t>
  </si>
  <si>
    <t>705.4979858398438</t>
  </si>
  <si>
    <t>0.03958390061031203</t>
  </si>
  <si>
    <t>12.35367202758789</t>
  </si>
  <si>
    <t>411.97845458984375</t>
  </si>
  <si>
    <t>0.07660933256932445</t>
  </si>
  <si>
    <t>13239</t>
  </si>
  <si>
    <t>11.789661407470703</t>
  </si>
  <si>
    <t>609.1238403320312</t>
  </si>
  <si>
    <t>0.021067873337614174</t>
  </si>
  <si>
    <t>12.20719051361084</t>
  </si>
  <si>
    <t>567.7702026367188</t>
  </si>
  <si>
    <t>0.04864987614710259</t>
  </si>
  <si>
    <t>14191</t>
  </si>
  <si>
    <t>12.440522193908691</t>
  </si>
  <si>
    <t>498.7052917480469</t>
  </si>
  <si>
    <t>0.02079106574977807</t>
  </si>
  <si>
    <t>15103</t>
  </si>
  <si>
    <t>12.80718994140625</t>
  </si>
  <si>
    <t>501.99383544921875</t>
  </si>
  <si>
    <t>0.06228543873180392</t>
  </si>
  <si>
    <t>12.548857688903809</t>
  </si>
  <si>
    <t>748.4611206054688</t>
  </si>
  <si>
    <t>-0.046693443081954555</t>
  </si>
  <si>
    <t>13.478240013122559</t>
  </si>
  <si>
    <t>669.6884765625</t>
  </si>
  <si>
    <t>0.13497858969153853</t>
  </si>
  <si>
    <t>18671</t>
  </si>
  <si>
    <t>686.1201782226562</t>
  </si>
  <si>
    <t>0.12379297178941151</t>
  </si>
  <si>
    <t>13.010710716247559</t>
  </si>
  <si>
    <t>691.1549072265625</t>
  </si>
  <si>
    <t>0.04056702120000999</t>
  </si>
  <si>
    <t>20601</t>
  </si>
  <si>
    <t>12.831759452819824</t>
  </si>
  <si>
    <t>541.4464111328125</t>
  </si>
  <si>
    <t>0.05780107912343979</t>
  </si>
  <si>
    <t>12.786141395568848</t>
  </si>
  <si>
    <t>725.7120971679688</t>
  </si>
  <si>
    <t>0.048464190667496965</t>
  </si>
  <si>
    <t>12.278306007385254</t>
  </si>
  <si>
    <t>715.9923095703125</t>
  </si>
  <si>
    <t>-0.0036136245021456403</t>
  </si>
  <si>
    <t>12.79842472076416</t>
  </si>
  <si>
    <t>559.2647094726562</t>
  </si>
  <si>
    <t>0.0732722011063256</t>
  </si>
  <si>
    <t>24930</t>
  </si>
  <si>
    <t>12.898857116699219</t>
  </si>
  <si>
    <t>542.0211791992188</t>
  </si>
  <si>
    <t>0.07260951195714149</t>
  </si>
  <si>
    <t>13.390522956848145</t>
  </si>
  <si>
    <t>717.5042724609375</t>
  </si>
  <si>
    <t>-0.04357514585406008</t>
  </si>
  <si>
    <t>13.177376747131348</t>
  </si>
  <si>
    <t>484.0802001953125</t>
  </si>
  <si>
    <t>0.03475173694581457</t>
  </si>
  <si>
    <t>25652</t>
  </si>
  <si>
    <t>13.603240013122559</t>
  </si>
  <si>
    <t>583.5546875</t>
  </si>
  <si>
    <t>0.037373052659393835</t>
  </si>
  <si>
    <t>13.002375602722168</t>
  </si>
  <si>
    <t>532.8107299804688</t>
  </si>
  <si>
    <t>0.09944095567054312</t>
  </si>
  <si>
    <t>13.193611145019531</t>
  </si>
  <si>
    <t>507.2237548828125</t>
  </si>
  <si>
    <t>0.04425225887398199</t>
  </si>
  <si>
    <t>6.6361775398254395</t>
  </si>
  <si>
    <t>413.4603271484375</t>
  </si>
  <si>
    <t>573.612548828125</t>
  </si>
  <si>
    <t>Van</t>
  </si>
  <si>
    <t>6.28496789932251</t>
  </si>
  <si>
    <t>557.2115478515625</t>
  </si>
  <si>
    <t>-0.013041638035536707</t>
  </si>
  <si>
    <t>4.925837993621826</t>
  </si>
  <si>
    <t>551.8829345703125</t>
  </si>
  <si>
    <t>0.029563353913260926</t>
  </si>
  <si>
    <t>5.955728530883789</t>
  </si>
  <si>
    <t>682.6417236328125</t>
  </si>
  <si>
    <t>0.05447439227574513</t>
  </si>
  <si>
    <t>6.848876953125</t>
  </si>
  <si>
    <t>629.021484375</t>
  </si>
  <si>
    <t>-0.06707045942195045</t>
  </si>
  <si>
    <t>6.790149211883545</t>
  </si>
  <si>
    <t>462.8372497558594</t>
  </si>
  <si>
    <t>0.05732484899143664</t>
  </si>
  <si>
    <t>7.370568752288818</t>
  </si>
  <si>
    <t>453.7459716796875</t>
  </si>
  <si>
    <t>0.0531848665866832</t>
  </si>
  <si>
    <t>5122</t>
  </si>
  <si>
    <t>6.092472553253174</t>
  </si>
  <si>
    <t>443.786376953125</t>
  </si>
  <si>
    <t>0.05539136538300049</t>
  </si>
  <si>
    <t>5157</t>
  </si>
  <si>
    <t>7.8417510986328125</t>
  </si>
  <si>
    <t>406.4811706542969</t>
  </si>
  <si>
    <t>0.006810027291487941</t>
  </si>
  <si>
    <t>7.490809917449951</t>
  </si>
  <si>
    <t>449.4076232910156</t>
  </si>
  <si>
    <t>-0.049488488220157834</t>
  </si>
  <si>
    <t>7.175046920776367</t>
  </si>
  <si>
    <t>365.0865783691406</t>
  </si>
  <si>
    <t>0.05123216782498474</t>
  </si>
  <si>
    <t>4781</t>
  </si>
  <si>
    <t>7.660580158233643</t>
  </si>
  <si>
    <t>496.9745178222656</t>
  </si>
  <si>
    <t>-0.07744896502968324</t>
  </si>
  <si>
    <t>7.0008625984191895</t>
  </si>
  <si>
    <t>529.2052001953125</t>
  </si>
  <si>
    <t>0.04498816279280149</t>
  </si>
  <si>
    <t>7.072909832000732</t>
  </si>
  <si>
    <t>654.311767578125</t>
  </si>
  <si>
    <t>0.039597489871399105</t>
  </si>
  <si>
    <t>6.708435535430908</t>
  </si>
  <si>
    <t>523.8544921875</t>
  </si>
  <si>
    <t>0.07674034637388516</t>
  </si>
  <si>
    <t>7.105374813079834</t>
  </si>
  <si>
    <t>495.40594482421875</t>
  </si>
  <si>
    <t>0.08542295579835191</t>
  </si>
  <si>
    <t>7.196170330047607</t>
  </si>
  <si>
    <t>537.0760498046875</t>
  </si>
  <si>
    <t>0.052681446327277115</t>
  </si>
  <si>
    <t>6.597255229949951</t>
  </si>
  <si>
    <t>514.7289428710938</t>
  </si>
  <si>
    <t>0.03638425532859024</t>
  </si>
  <si>
    <t>7.390558242797852</t>
  </si>
  <si>
    <t>358.63336181640625</t>
  </si>
  <si>
    <t>7.556201457977295</t>
  </si>
  <si>
    <t>538.3712158203125</t>
  </si>
  <si>
    <t>-0.02054142607891052</t>
  </si>
  <si>
    <t>8.666251182556152</t>
  </si>
  <si>
    <t>455.642333984375</t>
  </si>
  <si>
    <t>0.09983635834932336</t>
  </si>
  <si>
    <t>6.584566593170166</t>
  </si>
  <si>
    <t>586.010986328125</t>
  </si>
  <si>
    <t>0.07231102647702059</t>
  </si>
  <si>
    <t>7.470400333404541</t>
  </si>
  <si>
    <t>578.7691650390625</t>
  </si>
  <si>
    <t>0.25311137395760674</t>
  </si>
  <si>
    <t>8759</t>
  </si>
  <si>
    <t>7.179630279541016</t>
  </si>
  <si>
    <t>447.6125183105469</t>
  </si>
  <si>
    <t>-0.13509997566035814</t>
  </si>
  <si>
    <t>8697</t>
  </si>
  <si>
    <t>8.065727233886719</t>
  </si>
  <si>
    <t>454.5049743652344</t>
  </si>
  <si>
    <t>-0.007103604573323707</t>
  </si>
  <si>
    <t>7.669740200042725</t>
  </si>
  <si>
    <t>590.218017578125</t>
  </si>
  <si>
    <t>0.05252284747930247</t>
  </si>
  <si>
    <t>7.173926830291748</t>
  </si>
  <si>
    <t>555.13671875</t>
  </si>
  <si>
    <t>0.09663831971192671</t>
  </si>
  <si>
    <t>10739</t>
  </si>
  <si>
    <t>7.851538181304932</t>
  </si>
  <si>
    <t>413.24212646484375</t>
  </si>
  <si>
    <t>0.061742669077220924</t>
  </si>
  <si>
    <t>8.692038536071777</t>
  </si>
  <si>
    <t>648.0136108398438</t>
  </si>
  <si>
    <t>-0.031691627289674784</t>
  </si>
  <si>
    <t>7.863674163818359</t>
  </si>
  <si>
    <t>474.34423828125</t>
  </si>
  <si>
    <t>0.012607616854575454</t>
  </si>
  <si>
    <t>7.854886531829834</t>
  </si>
  <si>
    <t>564.3662719726562</t>
  </si>
  <si>
    <t>0.02140926842367996</t>
  </si>
  <si>
    <t>8.317744255065918</t>
  </si>
  <si>
    <t>358.1358642578125</t>
  </si>
  <si>
    <t>0.09949047783802989</t>
  </si>
  <si>
    <t>8.268454551696777</t>
  </si>
  <si>
    <t>356.1526794433594</t>
  </si>
  <si>
    <t>0.04425428082811145</t>
  </si>
  <si>
    <t>9.27778148651123</t>
  </si>
  <si>
    <t>403.5269470214844</t>
  </si>
  <si>
    <t>320.06927490234375</t>
  </si>
  <si>
    <t>Yozgat</t>
  </si>
  <si>
    <t>8.671339988708496</t>
  </si>
  <si>
    <t>498.07781982421875</t>
  </si>
  <si>
    <t>-0.012988990132406286</t>
  </si>
  <si>
    <t>8.077714920043945</t>
  </si>
  <si>
    <t>463.0762023925781</t>
  </si>
  <si>
    <t>0.029734327298196916</t>
  </si>
  <si>
    <t>8.942033767700195</t>
  </si>
  <si>
    <t>396.50469970703125</t>
  </si>
  <si>
    <t>0.054386924588321506</t>
  </si>
  <si>
    <t>9.728875160217285</t>
  </si>
  <si>
    <t>370.25335693359375</t>
  </si>
  <si>
    <t>-0.06702210389228469</t>
  </si>
  <si>
    <t>9.31952953338623</t>
  </si>
  <si>
    <t>455.37255859375</t>
  </si>
  <si>
    <t>0.057257154141641564</t>
  </si>
  <si>
    <t>9.608705520629883</t>
  </si>
  <si>
    <t>474.4469909667969</t>
  </si>
  <si>
    <t>0.053176606993533326</t>
  </si>
  <si>
    <t>8.72873592376709</t>
  </si>
  <si>
    <t>487.57159423828125</t>
  </si>
  <si>
    <t>0.05548381627092169</t>
  </si>
  <si>
    <t>10.185338020324707</t>
  </si>
  <si>
    <t>481.4743347167969</t>
  </si>
  <si>
    <t>0.006810206963640653</t>
  </si>
  <si>
    <t>9.820603370666504</t>
  </si>
  <si>
    <t>470.6149597167969</t>
  </si>
  <si>
    <t>-0.04952090388888131</t>
  </si>
  <si>
    <t>9.784669876098633</t>
  </si>
  <si>
    <t>380.3828125</t>
  </si>
  <si>
    <t>0.05113009963843318</t>
  </si>
  <si>
    <t>10.173888206481934</t>
  </si>
  <si>
    <t>459.3306884765625</t>
  </si>
  <si>
    <t>-0.07746191307732353</t>
  </si>
  <si>
    <t>10.084467887878418</t>
  </si>
  <si>
    <t>414.7695007324219</t>
  </si>
  <si>
    <t>0.045131385244609135</t>
  </si>
  <si>
    <t>9.104310035705566</t>
  </si>
  <si>
    <t>434.5195617675781</t>
  </si>
  <si>
    <t>0.039540034370327604</t>
  </si>
  <si>
    <t>9.752598762512207</t>
  </si>
  <si>
    <t>380.4554443359375</t>
  </si>
  <si>
    <t>0.07668649861727062</t>
  </si>
  <si>
    <t>9.417754173278809</t>
  </si>
  <si>
    <t>437.5848083496094</t>
  </si>
  <si>
    <t>0.06895766827641481</t>
  </si>
  <si>
    <t>9.687297821044922</t>
  </si>
  <si>
    <t>419.01812744140625</t>
  </si>
  <si>
    <t>-0.00781756492360941</t>
  </si>
  <si>
    <t>10820</t>
  </si>
  <si>
    <t>9.917217254638672</t>
  </si>
  <si>
    <t>402.3548889160156</t>
  </si>
  <si>
    <t>0.07223286506416748</t>
  </si>
  <si>
    <t>10.306614875793457</t>
  </si>
  <si>
    <t>436.8116455078125</t>
  </si>
  <si>
    <t>-0.01396020810467391</t>
  </si>
  <si>
    <t>10.236793518066406</t>
  </si>
  <si>
    <t>584.518310546875</t>
  </si>
  <si>
    <t>-0.0010314596066614001</t>
  </si>
  <si>
    <t>11.27437973022461</t>
  </si>
  <si>
    <t>519.6915283203125</t>
  </si>
  <si>
    <t>0.15137250881363506</t>
  </si>
  <si>
    <t>13567</t>
  </si>
  <si>
    <t>8.918496131896973</t>
  </si>
  <si>
    <t>502.5803527832031</t>
  </si>
  <si>
    <t>0.08986325898253611</t>
  </si>
  <si>
    <t>10.427630424499512</t>
  </si>
  <si>
    <t>514.37109375</t>
  </si>
  <si>
    <t>-0.0012538261774608372</t>
  </si>
  <si>
    <t>10.094528198242188</t>
  </si>
  <si>
    <t>324.9960021972656</t>
  </si>
  <si>
    <t>0.0297379142049099</t>
  </si>
  <si>
    <t>10.486405372619629</t>
  </si>
  <si>
    <t>514.2939453125</t>
  </si>
  <si>
    <t>0.10883609359168744</t>
  </si>
  <si>
    <t>516.3128662109375</t>
  </si>
  <si>
    <t>0.05906627032738854</t>
  </si>
  <si>
    <t>17342</t>
  </si>
  <si>
    <t>10.292624473571777</t>
  </si>
  <si>
    <t>445.8568115234375</t>
  </si>
  <si>
    <t>0.049104479505272636</t>
  </si>
  <si>
    <t>10.322020530700684</t>
  </si>
  <si>
    <t>431.2635803222656</t>
  </si>
  <si>
    <t>-0.02558102464121248</t>
  </si>
  <si>
    <t>16894</t>
  </si>
  <si>
    <t>11.16732120513916</t>
  </si>
  <si>
    <t>508.6090393066406</t>
  </si>
  <si>
    <t>-0.0005917510084518796</t>
  </si>
  <si>
    <t>10.644033432006836</t>
  </si>
  <si>
    <t>409.6504821777344</t>
  </si>
  <si>
    <t>-0.041638692711794434</t>
  </si>
  <si>
    <t>11.136467933654785</t>
  </si>
  <si>
    <t>405.6352233886719</t>
  </si>
  <si>
    <t>0.07229913483084616</t>
  </si>
  <si>
    <t>10.22575855255127</t>
  </si>
  <si>
    <t>429.013671875</t>
  </si>
  <si>
    <t>10.560205459594727</t>
  </si>
  <si>
    <t>381.17999267578125</t>
  </si>
  <si>
    <t>7980</t>
  </si>
  <si>
    <t>892.7000122070312</t>
  </si>
  <si>
    <t>185.49415588378906</t>
  </si>
  <si>
    <t>Zonguldak</t>
  </si>
  <si>
    <t>7877</t>
  </si>
  <si>
    <t>1014.0</t>
  </si>
  <si>
    <t>-0.012991290740529848</t>
  </si>
  <si>
    <t>1061.0999755859375</t>
  </si>
  <si>
    <t>0.029643844063066638</t>
  </si>
  <si>
    <t>0.05444336836119312</t>
  </si>
  <si>
    <t>980.3999633789062</t>
  </si>
  <si>
    <t>-0.06709391534187681</t>
  </si>
  <si>
    <t>1060.699951171875</t>
  </si>
  <si>
    <t>0.05724161889886581</t>
  </si>
  <si>
    <t>8948</t>
  </si>
  <si>
    <t>1144.7000732421875</t>
  </si>
  <si>
    <t>0.053248006925446845</t>
  </si>
  <si>
    <t>0.05543090059379985</t>
  </si>
  <si>
    <t>1057.5999755859375</t>
  </si>
  <si>
    <t>0.006848980990225684</t>
  </si>
  <si>
    <t>12.674999237060547</t>
  </si>
  <si>
    <t>1248.0</t>
  </si>
  <si>
    <t>-0.049509734139265404</t>
  </si>
  <si>
    <t>1046.9998779296875</t>
  </si>
  <si>
    <t>0.05118846709042657</t>
  </si>
  <si>
    <t>1199.7000732421875</t>
  </si>
  <si>
    <t>-0.0775734521249749</t>
  </si>
  <si>
    <t>1054.5</t>
  </si>
  <si>
    <t>0.04518540761310774</t>
  </si>
  <si>
    <t>1015.5000610351562</t>
  </si>
  <si>
    <t>0.039491385776397436</t>
  </si>
  <si>
    <t>884.89990234375</t>
  </si>
  <si>
    <t>0.07671427702208966</t>
  </si>
  <si>
    <t>12.225001335144043</t>
  </si>
  <si>
    <t>1052.9000244140625</t>
  </si>
  <si>
    <t>0.09834667695484</t>
  </si>
  <si>
    <t>880.300048828125</t>
  </si>
  <si>
    <t>0.09001400017736572</t>
  </si>
  <si>
    <t>846.7999877929688</t>
  </si>
  <si>
    <t>0.05446640693682703</t>
  </si>
  <si>
    <t>13006</t>
  </si>
  <si>
    <t>-0.016622571071762238</t>
  </si>
  <si>
    <t>1202.5001220703125</t>
  </si>
  <si>
    <t>-0.08526545676067165</t>
  </si>
  <si>
    <t>1180.9000244140625</t>
  </si>
  <si>
    <t>0.19144833140530615</t>
  </si>
  <si>
    <t>0.1450717503889365</t>
  </si>
  <si>
    <t>15550</t>
  </si>
  <si>
    <t>977.0999145507812</t>
  </si>
  <si>
    <t>-0.07260477585528946</t>
  </si>
  <si>
    <t>0.09997627167655487</t>
  </si>
  <si>
    <t>13.266666412353516</t>
  </si>
  <si>
    <t>1386.5999755859375</t>
  </si>
  <si>
    <t>0.09544242170139583</t>
  </si>
  <si>
    <t>1281.10009765625</t>
  </si>
  <si>
    <t>0.029960299595874318</t>
  </si>
  <si>
    <t>0.012700688435456797</t>
  </si>
  <si>
    <t>22199</t>
  </si>
  <si>
    <t>0.11790692278410653</t>
  </si>
  <si>
    <t>1221.10009765625</t>
  </si>
  <si>
    <t>0.03566434078880043</t>
  </si>
  <si>
    <t>985.1000366210938</t>
  </si>
  <si>
    <t>-0.10552957532421381</t>
  </si>
  <si>
    <t>22544</t>
  </si>
  <si>
    <t>891.2999877929688</t>
  </si>
  <si>
    <t>0.0852869468731079</t>
  </si>
  <si>
    <t>24901</t>
  </si>
  <si>
    <t>1153.0999755859375</t>
  </si>
  <si>
    <t>0.09943900815049034</t>
  </si>
  <si>
    <t>0.044264918325922054</t>
  </si>
  <si>
    <t>14.51400375366211</t>
  </si>
  <si>
    <t>554.03369140625</t>
  </si>
  <si>
    <t>319.51080322265625</t>
  </si>
  <si>
    <t>ÔøΩanakkale</t>
  </si>
  <si>
    <t>13.2821683883667</t>
  </si>
  <si>
    <t>588.8145751953125</t>
  </si>
  <si>
    <t>-0.012972739981227832</t>
  </si>
  <si>
    <t>13.54357624053955</t>
  </si>
  <si>
    <t>544.6587524414062</t>
  </si>
  <si>
    <t>0.02968706367302154</t>
  </si>
  <si>
    <t>13.862534523010254</t>
  </si>
  <si>
    <t>579.3330078125</t>
  </si>
  <si>
    <t>0.054442160347068835</t>
  </si>
  <si>
    <t>14.664345741271973</t>
  </si>
  <si>
    <t>799.1224365234375</t>
  </si>
  <si>
    <t>-0.06712253253211742</t>
  </si>
  <si>
    <t>13941</t>
  </si>
  <si>
    <t>13.919474601745605</t>
  </si>
  <si>
    <t>665.5673828125</t>
  </si>
  <si>
    <t>0.05727234582267826</t>
  </si>
  <si>
    <t>13.806720733642578</t>
  </si>
  <si>
    <t>787.226318359375</t>
  </si>
  <si>
    <t>13.509346008300781</t>
  </si>
  <si>
    <t>814.72705078125</t>
  </si>
  <si>
    <t>0.05543013833795385</t>
  </si>
  <si>
    <t>14.414078712463379</t>
  </si>
  <si>
    <t>950.4500732421875</t>
  </si>
  <si>
    <t>0.006797512386444993</t>
  </si>
  <si>
    <t>14.869072914123535</t>
  </si>
  <si>
    <t>612.137451171875</t>
  </si>
  <si>
    <t>-0.049522201711852176</t>
  </si>
  <si>
    <t>15.083483695983887</t>
  </si>
  <si>
    <t>593.6605224609375</t>
  </si>
  <si>
    <t>0.051182483063863415</t>
  </si>
  <si>
    <t>14.733979225158691</t>
  </si>
  <si>
    <t>729.9314575195312</t>
  </si>
  <si>
    <t>-0.07751501321938115</t>
  </si>
  <si>
    <t>14.952648162841797</t>
  </si>
  <si>
    <t>848.6406860351562</t>
  </si>
  <si>
    <t>0.045158963463332924</t>
  </si>
  <si>
    <t>15786</t>
  </si>
  <si>
    <t>13.83917236328125</t>
  </si>
  <si>
    <t>750.3829345703125</t>
  </si>
  <si>
    <t>14.743657112121582</t>
  </si>
  <si>
    <t>524.2410888671875</t>
  </si>
  <si>
    <t>0.0766747643514556</t>
  </si>
  <si>
    <t>13.955578804016113</t>
  </si>
  <si>
    <t>802.33349609375</t>
  </si>
  <si>
    <t>0.0822427302004538</t>
  </si>
  <si>
    <t>14.599327087402344</t>
  </si>
  <si>
    <t>671.9144897460938</t>
  </si>
  <si>
    <t>0.02117386488069961</t>
  </si>
  <si>
    <t>19883</t>
  </si>
  <si>
    <t>14.90163516998291</t>
  </si>
  <si>
    <t>660.4179077148438</t>
  </si>
  <si>
    <t>0.05065026455712385</t>
  </si>
  <si>
    <t>15.16884994506836</t>
  </si>
  <si>
    <t>587.6587524414062</t>
  </si>
  <si>
    <t>-0.006914156086684997</t>
  </si>
  <si>
    <t>14.866593360900879</t>
  </si>
  <si>
    <t>948.2413940429688</t>
  </si>
  <si>
    <t>-0.04781828776419772</t>
  </si>
  <si>
    <t>21554</t>
  </si>
  <si>
    <t>15.413002014160156</t>
  </si>
  <si>
    <t>821.1564331054688</t>
  </si>
  <si>
    <t>0.13542876274958005</t>
  </si>
  <si>
    <t>13.880282402038574</t>
  </si>
  <si>
    <t>739.08740234375</t>
  </si>
  <si>
    <t>0.08067776197774812</t>
  </si>
  <si>
    <t>23607</t>
  </si>
  <si>
    <t>15.27547836303711</t>
  </si>
  <si>
    <t>889.0818481445312</t>
  </si>
  <si>
    <t>0.010304102068566579</t>
  </si>
  <si>
    <t>24628</t>
  </si>
  <si>
    <t>15.171318054199219</t>
  </si>
  <si>
    <t>705.8583374023438</t>
  </si>
  <si>
    <t>0.04234072882800888</t>
  </si>
  <si>
    <t>25703</t>
  </si>
  <si>
    <t>14.954277992248535</t>
  </si>
  <si>
    <t>951.6133422851562</t>
  </si>
  <si>
    <t>0.042723709557126455</t>
  </si>
  <si>
    <t>14.756455421447754</t>
  </si>
  <si>
    <t>855.1171875</t>
  </si>
  <si>
    <t>0.014292579517341863</t>
  </si>
  <si>
    <t>27767</t>
  </si>
  <si>
    <t>15.049507141113281</t>
  </si>
  <si>
    <t>678.6114501953125</t>
  </si>
  <si>
    <t>0.06294796911111789</t>
  </si>
  <si>
    <t>15.272594451904297</t>
  </si>
  <si>
    <t>711.1257934570312</t>
  </si>
  <si>
    <t>0.041514663418388054</t>
  </si>
  <si>
    <t>15.483996391296387</t>
  </si>
  <si>
    <t>885.869873046875</t>
  </si>
  <si>
    <t>0.034299942917265014</t>
  </si>
  <si>
    <t>15.83103084564209</t>
  </si>
  <si>
    <t>514.1331787109375</t>
  </si>
  <si>
    <t>0.01247445013028603</t>
  </si>
  <si>
    <t>15.888604164123535</t>
  </si>
  <si>
    <t>770.5947265625</t>
  </si>
  <si>
    <t>0.1170427536557721</t>
  </si>
  <si>
    <t>15.29573917388916</t>
  </si>
  <si>
    <t>692.9343872070312</t>
  </si>
  <si>
    <t>0.09944500089248898</t>
  </si>
  <si>
    <t>39366</t>
  </si>
  <si>
    <t>15.61749267578125</t>
  </si>
  <si>
    <t>564.3511962890625</t>
  </si>
  <si>
    <t>0.0442774233420451</t>
  </si>
  <si>
    <t>8.661842346191406</t>
  </si>
  <si>
    <t>545.5281982421875</t>
  </si>
  <si>
    <t>96.32044982910156</t>
  </si>
  <si>
    <t>ÔøΩankiri</t>
  </si>
  <si>
    <t>9948</t>
  </si>
  <si>
    <t>7.907228946685791</t>
  </si>
  <si>
    <t>584.3741455078125</t>
  </si>
  <si>
    <t>-0.012983304317247146</t>
  </si>
  <si>
    <t>7.5115838050842285</t>
  </si>
  <si>
    <t>537.6209716796875</t>
  </si>
  <si>
    <t>8.287886619567871</t>
  </si>
  <si>
    <t>490.64910888671875</t>
  </si>
  <si>
    <t>0.05440612599507766</t>
  </si>
  <si>
    <t>9.075653076171875</t>
  </si>
  <si>
    <t>467.5202941894531</t>
  </si>
  <si>
    <t>-0.06707384584188958</t>
  </si>
  <si>
    <t>8.610222816467285</t>
  </si>
  <si>
    <t>564.3316040039062</t>
  </si>
  <si>
    <t>0.057229784177918575</t>
  </si>
  <si>
    <t>11301</t>
  </si>
  <si>
    <t>8.826980590820312</t>
  </si>
  <si>
    <t>611.2196655273438</t>
  </si>
  <si>
    <t>0.053246588452473986</t>
  </si>
  <si>
    <t>8.007927894592285</t>
  </si>
  <si>
    <t>648.1910400390625</t>
  </si>
  <si>
    <t>0.0555052769321005</t>
  </si>
  <si>
    <t>9.41999340057373</t>
  </si>
  <si>
    <t>621.1904296875</t>
  </si>
  <si>
    <t>0.00675762801836477</t>
  </si>
  <si>
    <t>11446</t>
  </si>
  <si>
    <t>9.197591781616211</t>
  </si>
  <si>
    <t>637.0989990234375</t>
  </si>
  <si>
    <t>-0.04951379834156988</t>
  </si>
  <si>
    <t>9.19385051727295</t>
  </si>
  <si>
    <t>521.9318237304688</t>
  </si>
  <si>
    <t>0.05117534229780496</t>
  </si>
  <si>
    <t>11148</t>
  </si>
  <si>
    <t>9.405204772949219</t>
  </si>
  <si>
    <t>663.80517578125</t>
  </si>
  <si>
    <t>-0.07755555666501301</t>
  </si>
  <si>
    <t>9.479472160339355</t>
  </si>
  <si>
    <t>538.0722045898438</t>
  </si>
  <si>
    <t>0.04516132808921114</t>
  </si>
  <si>
    <t>8.39823055267334</t>
  </si>
  <si>
    <t>541.1543579101562</t>
  </si>
  <si>
    <t>0.039589991811192604</t>
  </si>
  <si>
    <t>13100</t>
  </si>
  <si>
    <t>9.1321439743042</t>
  </si>
  <si>
    <t>448.10498046875</t>
  </si>
  <si>
    <t>0.07660080068700026</t>
  </si>
  <si>
    <t>8.71840763092041</t>
  </si>
  <si>
    <t>588.5425415039062</t>
  </si>
  <si>
    <t>0.05415560627541538</t>
  </si>
  <si>
    <t>13445</t>
  </si>
  <si>
    <t>9.10580825805664</t>
  </si>
  <si>
    <t>504.7113952636719</t>
  </si>
  <si>
    <t>-0.02816054676169344</t>
  </si>
  <si>
    <t>9.365097999572754</t>
  </si>
  <si>
    <t>460.24761962890625</t>
  </si>
  <si>
    <t>0.03809011460280587</t>
  </si>
  <si>
    <t>9.645575523376465</t>
  </si>
  <si>
    <t>559.512451171875</t>
  </si>
  <si>
    <t>0.025797395119074196</t>
  </si>
  <si>
    <t>13718</t>
  </si>
  <si>
    <t>9.619389533996582</t>
  </si>
  <si>
    <t>747.6131591796875</t>
  </si>
  <si>
    <t>-0.0437859603655788</t>
  </si>
  <si>
    <t>10.515959739685059</t>
  </si>
  <si>
    <t>717.0687866210938</t>
  </si>
  <si>
    <t>0.07280539338498215</t>
  </si>
  <si>
    <t>8.312140464782715</t>
  </si>
  <si>
    <t>637.0633544921875</t>
  </si>
  <si>
    <t>0.07070844752849226</t>
  </si>
  <si>
    <t>16935</t>
  </si>
  <si>
    <t>9.873040199279785</t>
  </si>
  <si>
    <t>621.3768310546875</t>
  </si>
  <si>
    <t>0.06715980627913076</t>
  </si>
  <si>
    <t>17511</t>
  </si>
  <si>
    <t>9.562276840209961</t>
  </si>
  <si>
    <t>400.6435241699219</t>
  </si>
  <si>
    <t>0.03344676862002949</t>
  </si>
  <si>
    <t>9.827431678771973</t>
  </si>
  <si>
    <t>750.8687744140625</t>
  </si>
  <si>
    <t>0.06108473087375543</t>
  </si>
  <si>
    <t>9.230177879333496</t>
  </si>
  <si>
    <t>754.3338012695312</t>
  </si>
  <si>
    <t>0.09563246588972696</t>
  </si>
  <si>
    <t>9.597722053527832</t>
  </si>
  <si>
    <t>626.5718994140625</t>
  </si>
  <si>
    <t>0.05198878531624551</t>
  </si>
  <si>
    <t>9.755154609680176</t>
  </si>
  <si>
    <t>575.6063232421875</t>
  </si>
  <si>
    <t>-0.012218021790390665</t>
  </si>
  <si>
    <t>10.45753288269043</t>
  </si>
  <si>
    <t>716.1321411132812</t>
  </si>
  <si>
    <t>-0.035726613496713355</t>
  </si>
  <si>
    <t>10.156797409057617</t>
  </si>
  <si>
    <t>578.0088500976562</t>
  </si>
  <si>
    <t>0.03206016208284623</t>
  </si>
  <si>
    <t>10.57880973815918</t>
  </si>
  <si>
    <t>518.5604858398438</t>
  </si>
  <si>
    <t>0.16158371483084188</t>
  </si>
  <si>
    <t>27569</t>
  </si>
  <si>
    <t>9.602564811706543</t>
  </si>
  <si>
    <t>582.4096069335938</t>
  </si>
  <si>
    <t>0.09945747447241615</t>
  </si>
  <si>
    <t>9.950150489807129</t>
  </si>
  <si>
    <t>480.3153076171875</t>
  </si>
  <si>
    <t>0.04427353770578435</t>
  </si>
  <si>
    <t>10.616961479187012</t>
  </si>
  <si>
    <t>434.6279296875</t>
  </si>
  <si>
    <t>228.74998474121094</t>
  </si>
  <si>
    <t>ÔøΩorum</t>
  </si>
  <si>
    <t>9.88483715057373</t>
  </si>
  <si>
    <t>529.5908203125</t>
  </si>
  <si>
    <t>-0.012921594095150368</t>
  </si>
  <si>
    <t>8712</t>
  </si>
  <si>
    <t>9.474751472473145</t>
  </si>
  <si>
    <t>470.3250732421875</t>
  </si>
  <si>
    <t>0.0295886465803612</t>
  </si>
  <si>
    <t>10.203774452209473</t>
  </si>
  <si>
    <t>425.4031677246094</t>
  </si>
  <si>
    <t>0.05450209842433651</t>
  </si>
  <si>
    <t>11.014704704284668</t>
  </si>
  <si>
    <t>389.6880798339844</t>
  </si>
  <si>
    <t>-0.0670925044157844</t>
  </si>
  <si>
    <t>10.623225212097168</t>
  </si>
  <si>
    <t>488.1680603027344</t>
  </si>
  <si>
    <t>0.057261731632655355</t>
  </si>
  <si>
    <t>10.81755542755127</t>
  </si>
  <si>
    <t>527.2573852539062</t>
  </si>
  <si>
    <t>0.05322337350581563</t>
  </si>
  <si>
    <t>10.012192726135254</t>
  </si>
  <si>
    <t>534.6369018554688</t>
  </si>
  <si>
    <t>11.409520149230957</t>
  </si>
  <si>
    <t>506.08648681640625</t>
  </si>
  <si>
    <t>0.006771038086434089</t>
  </si>
  <si>
    <t>11.153042793273926</t>
  </si>
  <si>
    <t>538.0941162109375</t>
  </si>
  <si>
    <t>-0.04951903608901276</t>
  </si>
  <si>
    <t>11.174668312072754</t>
  </si>
  <si>
    <t>439.03875732421875</t>
  </si>
  <si>
    <t>0.051180247200505846</t>
  </si>
  <si>
    <t>11.36215591430664</t>
  </si>
  <si>
    <t>518.94140625</t>
  </si>
  <si>
    <t>-0.07752358949496241</t>
  </si>
  <si>
    <t>11.477710723876953</t>
  </si>
  <si>
    <t>449.4399108886719</t>
  </si>
  <si>
    <t>0.045176290627548354</t>
  </si>
  <si>
    <t>10.365763664245605</t>
  </si>
  <si>
    <t>450.6805419921875</t>
  </si>
  <si>
    <t>11.089350700378418</t>
  </si>
  <si>
    <t>433.65753173828125</t>
  </si>
  <si>
    <t>0.07657681039186315</t>
  </si>
  <si>
    <t>11705</t>
  </si>
  <si>
    <t>10.720019340515137</t>
  </si>
  <si>
    <t>504.5101623535156</t>
  </si>
  <si>
    <t>0.049743202531912445</t>
  </si>
  <si>
    <t>11.098808288574219</t>
  </si>
  <si>
    <t>451.3089904785156</t>
  </si>
  <si>
    <t>0.0015366231468156855</t>
  </si>
  <si>
    <t>11.357680320739746</t>
  </si>
  <si>
    <t>407.0873107910156</t>
  </si>
  <si>
    <t>0.041521229653758596</t>
  </si>
  <si>
    <t>13045</t>
  </si>
  <si>
    <t>11.625187873840332</t>
  </si>
  <si>
    <t>483.132568359375</t>
  </si>
  <si>
    <t>0.06533096484524314</t>
  </si>
  <si>
    <t>11.627616882324219</t>
  </si>
  <si>
    <t>633.2012329101562</t>
  </si>
  <si>
    <t>-0.052322651332241676</t>
  </si>
  <si>
    <t>13789</t>
  </si>
  <si>
    <t>12.496634483337402</t>
  </si>
  <si>
    <t>583.9218139648438</t>
  </si>
  <si>
    <t>0.10778890560315446</t>
  </si>
  <si>
    <t>14840</t>
  </si>
  <si>
    <t>10.32387638092041</t>
  </si>
  <si>
    <t>547.4830322265625</t>
  </si>
  <si>
    <t>0.07345506487962972</t>
  </si>
  <si>
    <t>14838</t>
  </si>
  <si>
    <t>11.868157386779785</t>
  </si>
  <si>
    <t>533.9766845703125</t>
  </si>
  <si>
    <t>-0.00013477997189959012</t>
  </si>
  <si>
    <t>15563</t>
  </si>
  <si>
    <t>11.520052909851074</t>
  </si>
  <si>
    <t>334.59954833984375</t>
  </si>
  <si>
    <t>0.04770484445553791</t>
  </si>
  <si>
    <t>16012</t>
  </si>
  <si>
    <t>11.832791328430176</t>
  </si>
  <si>
    <t>626.0292358398438</t>
  </si>
  <si>
    <t>0.028442138907454506</t>
  </si>
  <si>
    <t>16846</t>
  </si>
  <si>
    <t>11.249603271484375</t>
  </si>
  <si>
    <t>600.11474609375</t>
  </si>
  <si>
    <t>0.05077479876284485</t>
  </si>
  <si>
    <t>17875</t>
  </si>
  <si>
    <t>11.604827880859375</t>
  </si>
  <si>
    <t>500.5986328125</t>
  </si>
  <si>
    <t>0.05928984868689824</t>
  </si>
  <si>
    <t>11.739585876464844</t>
  </si>
  <si>
    <t>475.3363342285156</t>
  </si>
  <si>
    <t>0.025245078066806315</t>
  </si>
  <si>
    <t>17659</t>
  </si>
  <si>
    <t>12.472957611083984</t>
  </si>
  <si>
    <t>579.3648071289062</t>
  </si>
  <si>
    <t>-0.03740259821588943</t>
  </si>
  <si>
    <t>17867</t>
  </si>
  <si>
    <t>12.150704383850098</t>
  </si>
  <si>
    <t>475.3218688964844</t>
  </si>
  <si>
    <t>0.011709867520043105</t>
  </si>
  <si>
    <t>12.53391170501709</t>
  </si>
  <si>
    <t>425.44732666015625</t>
  </si>
  <si>
    <t>0.052761405192974564</t>
  </si>
  <si>
    <t>11.561964988708496</t>
  </si>
  <si>
    <t>504.4704895019531</t>
  </si>
  <si>
    <t>0.09942843476682128</t>
  </si>
  <si>
    <t>21746</t>
  </si>
  <si>
    <t>11.900768280029297</t>
  </si>
  <si>
    <t>427.9360046386719</t>
  </si>
  <si>
    <t>0.04428455666473141</t>
  </si>
  <si>
    <t>TZA</t>
  </si>
  <si>
    <t>20.2052059173584</t>
  </si>
  <si>
    <t>1013.6296997070312</t>
  </si>
  <si>
    <t>723.3931274414062</t>
  </si>
  <si>
    <t>Arusha</t>
  </si>
  <si>
    <t>Tanzania, United Republic of</t>
  </si>
  <si>
    <t>20.182836532592773</t>
  </si>
  <si>
    <t>706.3392944335938</t>
  </si>
  <si>
    <t>-0.01043487729257997</t>
  </si>
  <si>
    <t>20.120834350585938</t>
  </si>
  <si>
    <t>944.0055541992188</t>
  </si>
  <si>
    <t>-0.02478002899848697</t>
  </si>
  <si>
    <t>20.140621185302734</t>
  </si>
  <si>
    <t>543.24169921875</t>
  </si>
  <si>
    <t>-0.024884643315877142</t>
  </si>
  <si>
    <t>20.199813842773438</t>
  </si>
  <si>
    <t>726.4840698242188</t>
  </si>
  <si>
    <t>-0.027676061275442088</t>
  </si>
  <si>
    <t>20.39957618713379</t>
  </si>
  <si>
    <t>704.76123046875</t>
  </si>
  <si>
    <t>-0.027354003082042055</t>
  </si>
  <si>
    <t>20.218564987182617</t>
  </si>
  <si>
    <t>606.945556640625</t>
  </si>
  <si>
    <t>20.251291275024414</t>
  </si>
  <si>
    <t>1103.0086669921875</t>
  </si>
  <si>
    <t>-0.018607810647703893</t>
  </si>
  <si>
    <t>20.573862075805664</t>
  </si>
  <si>
    <t>771.99853515625</t>
  </si>
  <si>
    <t>-0.023611808139189172</t>
  </si>
  <si>
    <t>20.229459762573242</t>
  </si>
  <si>
    <t>689.5099487304688</t>
  </si>
  <si>
    <t>-0.01349389791477229</t>
  </si>
  <si>
    <t>1660</t>
  </si>
  <si>
    <t>20.32455825805664</t>
  </si>
  <si>
    <t>779.0817260742188</t>
  </si>
  <si>
    <t>-0.0196845007825468</t>
  </si>
  <si>
    <t>20.455610275268555</t>
  </si>
  <si>
    <t>673.7782592773438</t>
  </si>
  <si>
    <t>0.03142861697353094</t>
  </si>
  <si>
    <t>20.53843879699707</t>
  </si>
  <si>
    <t>893.9064331054688</t>
  </si>
  <si>
    <t>0.041732263112324475</t>
  </si>
  <si>
    <t>20.80643081665039</t>
  </si>
  <si>
    <t>627.0404663085938</t>
  </si>
  <si>
    <t>-0.1068547258723278</t>
  </si>
  <si>
    <t>20.181276321411133</t>
  </si>
  <si>
    <t>614.317138671875</t>
  </si>
  <si>
    <t>0.1306456128267497</t>
  </si>
  <si>
    <t>20.38814926147461</t>
  </si>
  <si>
    <t>479.7676696777344</t>
  </si>
  <si>
    <t>0.09883296992197188</t>
  </si>
  <si>
    <t>20.18062973022461</t>
  </si>
  <si>
    <t>1179.7264404296875</t>
  </si>
  <si>
    <t>0.010837544497007023</t>
  </si>
  <si>
    <t>20.199399948120117</t>
  </si>
  <si>
    <t>613.9371948242188</t>
  </si>
  <si>
    <t>0.0589804776267453</t>
  </si>
  <si>
    <t>20.081642150878906</t>
  </si>
  <si>
    <t>821.8905639648438</t>
  </si>
  <si>
    <t>0.04559580115136175</t>
  </si>
  <si>
    <t>20.56422996520996</t>
  </si>
  <si>
    <t>747.7327880859375</t>
  </si>
  <si>
    <t>0.011844841269952333</t>
  </si>
  <si>
    <t>20.577035903930664</t>
  </si>
  <si>
    <t>638.2079467773438</t>
  </si>
  <si>
    <t>0.05307974831683371</t>
  </si>
  <si>
    <t>20.264333724975586</t>
  </si>
  <si>
    <t>668.352294921875</t>
  </si>
  <si>
    <t>-0.0024844733276623288</t>
  </si>
  <si>
    <t>20.293310165405273</t>
  </si>
  <si>
    <t>744.5812377929688</t>
  </si>
  <si>
    <t>0.06926922909545397</t>
  </si>
  <si>
    <t>20.40371322631836</t>
  </si>
  <si>
    <t>829.44384765625</t>
  </si>
  <si>
    <t>0.030853713796124005</t>
  </si>
  <si>
    <t>20.30802345275879</t>
  </si>
  <si>
    <t>745.0848999023438</t>
  </si>
  <si>
    <t>0.03465145797254188</t>
  </si>
  <si>
    <t>20.614038467407227</t>
  </si>
  <si>
    <t>1048.3228759765625</t>
  </si>
  <si>
    <t>20.795766830444336</t>
  </si>
  <si>
    <t>897.332275390625</t>
  </si>
  <si>
    <t>0.03314039250230483</t>
  </si>
  <si>
    <t>20.627031326293945</t>
  </si>
  <si>
    <t>896.1256103515625</t>
  </si>
  <si>
    <t>0.03614229205724495</t>
  </si>
  <si>
    <t>20.414648056030273</t>
  </si>
  <si>
    <t>941.9276733398438</t>
  </si>
  <si>
    <t>0.023388971286594007</t>
  </si>
  <si>
    <t>20.694766998291016</t>
  </si>
  <si>
    <t>1316.4495849609375</t>
  </si>
  <si>
    <t>0.03313066897685957</t>
  </si>
  <si>
    <t>20.569334030151367</t>
  </si>
  <si>
    <t>1127.6905517578125</t>
  </si>
  <si>
    <t>-0.011245098415502142</t>
  </si>
  <si>
    <t>20.52867317199707</t>
  </si>
  <si>
    <t>950.6165771484375</t>
  </si>
  <si>
    <t>0.010925558550185954</t>
  </si>
  <si>
    <t>20.451139450073242</t>
  </si>
  <si>
    <t>884.9597778320312</t>
  </si>
  <si>
    <t>0.013648839085856679</t>
  </si>
  <si>
    <t>1150.5999755859375</t>
  </si>
  <si>
    <t>1247.623291015625</t>
  </si>
  <si>
    <t>D'Salaam</t>
  </si>
  <si>
    <t>886.2000732421875</t>
  </si>
  <si>
    <t>-0.02404487425400248</t>
  </si>
  <si>
    <t>1148.5999755859375</t>
  </si>
  <si>
    <t>-0.038336148743546516</t>
  </si>
  <si>
    <t>-0.03866914115915421</t>
  </si>
  <si>
    <t>1494.0</t>
  </si>
  <si>
    <t>-0.042216833841749235</t>
  </si>
  <si>
    <t>1185.8001708984375</t>
  </si>
  <si>
    <t>-0.03422821141089827</t>
  </si>
  <si>
    <t>904.9999389648438</t>
  </si>
  <si>
    <t>-0.014026203974514928</t>
  </si>
  <si>
    <t>3722</t>
  </si>
  <si>
    <t>1362.5</t>
  </si>
  <si>
    <t>-0.026774296494217253</t>
  </si>
  <si>
    <t>994.4000244140625</t>
  </si>
  <si>
    <t>-0.031939387483147286</t>
  </si>
  <si>
    <t>981.5001220703125</t>
  </si>
  <si>
    <t>-0.022441334472679486</t>
  </si>
  <si>
    <t>953.2000122070312</t>
  </si>
  <si>
    <t>-0.029363076716183656</t>
  </si>
  <si>
    <t>26.333330154418945</t>
  </si>
  <si>
    <t>961.800048828125</t>
  </si>
  <si>
    <t>1038.5001220703125</t>
  </si>
  <si>
    <t>-0.0102775827582402</t>
  </si>
  <si>
    <t>-0.021179016824893537</t>
  </si>
  <si>
    <t>970.2999877929688</t>
  </si>
  <si>
    <t>-0.042179563172830115</t>
  </si>
  <si>
    <t>814.300048828125</t>
  </si>
  <si>
    <t>0.01900072736732561</t>
  </si>
  <si>
    <t>1377.0001220703125</t>
  </si>
  <si>
    <t>0.09556259528153888</t>
  </si>
  <si>
    <t>3697</t>
  </si>
  <si>
    <t>925.5999755859375</t>
  </si>
  <si>
    <t>0.03607716051354615</t>
  </si>
  <si>
    <t>3903</t>
  </si>
  <si>
    <t>0.05422380824398232</t>
  </si>
  <si>
    <t>26.4666690826416</t>
  </si>
  <si>
    <t>0.09849611787349488</t>
  </si>
  <si>
    <t>26.549997329711914</t>
  </si>
  <si>
    <t>0.014750209809204051</t>
  </si>
  <si>
    <t>4556</t>
  </si>
  <si>
    <t>1124.10009765625</t>
  </si>
  <si>
    <t>0.041453229703758865</t>
  </si>
  <si>
    <t>812.0999755859375</t>
  </si>
  <si>
    <t>-0.24556153597637298</t>
  </si>
  <si>
    <t>0.027125936643756177</t>
  </si>
  <si>
    <t>1075.5999755859375</t>
  </si>
  <si>
    <t>0.00027303754435870076</t>
  </si>
  <si>
    <t>1102.0001220703125</t>
  </si>
  <si>
    <t>-0.018460367187303817</t>
  </si>
  <si>
    <t>1165.9000244140625</t>
  </si>
  <si>
    <t>-0.007256520817826129</t>
  </si>
  <si>
    <t>26.674997329711914</t>
  </si>
  <si>
    <t>1114.0</t>
  </si>
  <si>
    <t>0.1710538319476118</t>
  </si>
  <si>
    <t>0.024254920373154576</t>
  </si>
  <si>
    <t>26.675003051757812</t>
  </si>
  <si>
    <t>1383.400146484375</t>
  </si>
  <si>
    <t>1157.800048828125</t>
  </si>
  <si>
    <t>-0.011115006117202952</t>
  </si>
  <si>
    <t>1147.9000244140625</t>
  </si>
  <si>
    <t>0.010889399799268062</t>
  </si>
  <si>
    <t>26.41666603088379</t>
  </si>
  <si>
    <t>1026.300048828125</t>
  </si>
  <si>
    <t>0.01366968064304075</t>
  </si>
  <si>
    <t>21.679372787475586</t>
  </si>
  <si>
    <t>805.363037109375</t>
  </si>
  <si>
    <t>512.2133178710938</t>
  </si>
  <si>
    <t>Dodoma</t>
  </si>
  <si>
    <t>21.61888313293457</t>
  </si>
  <si>
    <t>520.6015625</t>
  </si>
  <si>
    <t>-0.00918490957707263</t>
  </si>
  <si>
    <t>21.662099838256836</t>
  </si>
  <si>
    <t>643.3983764648438</t>
  </si>
  <si>
    <t>-0.023338282128486654</t>
  </si>
  <si>
    <t>21.587196350097656</t>
  </si>
  <si>
    <t>498.0256042480469</t>
  </si>
  <si>
    <t>-0.022687540266795203</t>
  </si>
  <si>
    <t>21.694734573364258</t>
  </si>
  <si>
    <t>619.0025634765625</t>
  </si>
  <si>
    <t>-0.026929411878631626</t>
  </si>
  <si>
    <t>21.897804260253906</t>
  </si>
  <si>
    <t>548.8505249023438</t>
  </si>
  <si>
    <t>0.0074165976550499835</t>
  </si>
  <si>
    <t>836</t>
  </si>
  <si>
    <t>21.688072204589844</t>
  </si>
  <si>
    <t>595.849853515625</t>
  </si>
  <si>
    <t>0.02912827292302378</t>
  </si>
  <si>
    <t>21.814857482910156</t>
  </si>
  <si>
    <t>864.2147827148438</t>
  </si>
  <si>
    <t>0.01895791374461364</t>
  </si>
  <si>
    <t>22.09623908996582</t>
  </si>
  <si>
    <t>594.6329956054688</t>
  </si>
  <si>
    <t>21.66314697265625</t>
  </si>
  <si>
    <t>524.4411010742188</t>
  </si>
  <si>
    <t>0.026272213505524</t>
  </si>
  <si>
    <t>21.686826705932617</t>
  </si>
  <si>
    <t>726.3719482421875</t>
  </si>
  <si>
    <t>0.021194323733400466</t>
  </si>
  <si>
    <t>21.903579711914062</t>
  </si>
  <si>
    <t>585.9041137695312</t>
  </si>
  <si>
    <t>0.05371860700842124</t>
  </si>
  <si>
    <t>21.93512725830078</t>
  </si>
  <si>
    <t>622.6342163085938</t>
  </si>
  <si>
    <t>0.07163929687715687</t>
  </si>
  <si>
    <t>22.214744567871094</t>
  </si>
  <si>
    <t>454.10198974609375</t>
  </si>
  <si>
    <t>-0.005859391763892496</t>
  </si>
  <si>
    <t>21.640501022338867</t>
  </si>
  <si>
    <t>650.5289306640625</t>
  </si>
  <si>
    <t>-0.018784536519855344</t>
  </si>
  <si>
    <t>22.113571166992188</t>
  </si>
  <si>
    <t>378.0811462402344</t>
  </si>
  <si>
    <t>0.014859114403749984</t>
  </si>
  <si>
    <t>21.614320755004883</t>
  </si>
  <si>
    <t>853.5856323242188</t>
  </si>
  <si>
    <t>0.019474812180967582</t>
  </si>
  <si>
    <t>21.668066024780273</t>
  </si>
  <si>
    <t>518.0923461914062</t>
  </si>
  <si>
    <t>0.018156256036679252</t>
  </si>
  <si>
    <t>21.52516746520996</t>
  </si>
  <si>
    <t>648.7376098632812</t>
  </si>
  <si>
    <t>0.041730672456472995</t>
  </si>
  <si>
    <t>21.87554931640625</t>
  </si>
  <si>
    <t>639.901123046875</t>
  </si>
  <si>
    <t>0.01710982756646029</t>
  </si>
  <si>
    <t>22.017532348632812</t>
  </si>
  <si>
    <t>485.2852478027344</t>
  </si>
  <si>
    <t>0.0838814839807025</t>
  </si>
  <si>
    <t>21.721656799316406</t>
  </si>
  <si>
    <t>599.8787231445312</t>
  </si>
  <si>
    <t>0.02192536062896533</t>
  </si>
  <si>
    <t>21.766122817993164</t>
  </si>
  <si>
    <t>603.3184814453125</t>
  </si>
  <si>
    <t>0.09348302782514128</t>
  </si>
  <si>
    <t>21.847410202026367</t>
  </si>
  <si>
    <t>557.1786499023438</t>
  </si>
  <si>
    <t>0.020275857531516728</t>
  </si>
  <si>
    <t>21.777597427368164</t>
  </si>
  <si>
    <t>493.97662353515625</t>
  </si>
  <si>
    <t>0.04279853450116544</t>
  </si>
  <si>
    <t>22.0709228515625</t>
  </si>
  <si>
    <t>739.0639038085938</t>
  </si>
  <si>
    <t>-0.030685810703444005</t>
  </si>
  <si>
    <t>22.152915954589844</t>
  </si>
  <si>
    <t>591.9983520507812</t>
  </si>
  <si>
    <t>0.04703494870497327</t>
  </si>
  <si>
    <t>22.066007614135742</t>
  </si>
  <si>
    <t>713.9999389648438</t>
  </si>
  <si>
    <t>0.004718579701994408</t>
  </si>
  <si>
    <t>21.7711238861084</t>
  </si>
  <si>
    <t>638.4640502929688</t>
  </si>
  <si>
    <t>0.02063301149541985</t>
  </si>
  <si>
    <t>21.981489181518555</t>
  </si>
  <si>
    <t>883.6566162109375</t>
  </si>
  <si>
    <t>0.07852133205679834</t>
  </si>
  <si>
    <t>21.970186233520508</t>
  </si>
  <si>
    <t>868.8041381835938</t>
  </si>
  <si>
    <t>-0.011022769290749856</t>
  </si>
  <si>
    <t>21.91978645324707</t>
  </si>
  <si>
    <t>596.1300659179688</t>
  </si>
  <si>
    <t>0.011022769290749856</t>
  </si>
  <si>
    <t>21.805259704589844</t>
  </si>
  <si>
    <t>643.8368530273438</t>
  </si>
  <si>
    <t>20.39058494567871</t>
  </si>
  <si>
    <t>982.2648315429688</t>
  </si>
  <si>
    <t>496.86431884765625</t>
  </si>
  <si>
    <t>Iringa</t>
  </si>
  <si>
    <t>20.24909210205078</t>
  </si>
  <si>
    <t>885.9169311523438</t>
  </si>
  <si>
    <t>20.4512996673584</t>
  </si>
  <si>
    <t>924.9431762695312</t>
  </si>
  <si>
    <t>-0.01604702559751825</t>
  </si>
  <si>
    <t>20.311241149902344</t>
  </si>
  <si>
    <t>830.8165283203125</t>
  </si>
  <si>
    <t>-0.01630873804192401</t>
  </si>
  <si>
    <t>20.37232780456543</t>
  </si>
  <si>
    <t>904.962646484375</t>
  </si>
  <si>
    <t>-0.018861366385377387</t>
  </si>
  <si>
    <t>20.62080192565918</t>
  </si>
  <si>
    <t>876.0419311523438</t>
  </si>
  <si>
    <t>0.0030418274404846457</t>
  </si>
  <si>
    <t>20.364900588989258</t>
  </si>
  <si>
    <t>944.3712158203125</t>
  </si>
  <si>
    <t>0.0240071544644751</t>
  </si>
  <si>
    <t>20.430166244506836</t>
  </si>
  <si>
    <t>1198.7608642578125</t>
  </si>
  <si>
    <t>0.013254980516193449</t>
  </si>
  <si>
    <t>20.69743537902832</t>
  </si>
  <si>
    <t>875.272216796875</t>
  </si>
  <si>
    <t>0.009464941427300921</t>
  </si>
  <si>
    <t>20.306453704833984</t>
  </si>
  <si>
    <t>893.8834228515625</t>
  </si>
  <si>
    <t>0.02079673374742974</t>
  </si>
  <si>
    <t>20.302568435668945</t>
  </si>
  <si>
    <t>1051.4857177734375</t>
  </si>
  <si>
    <t>0.016191835621911288</t>
  </si>
  <si>
    <t>20.516523361206055</t>
  </si>
  <si>
    <t>883.5208740234375</t>
  </si>
  <si>
    <t>0.06423295769804138</t>
  </si>
  <si>
    <t>20.646617889404297</t>
  </si>
  <si>
    <t>946.0677490234375</t>
  </si>
  <si>
    <t>0.2010278383230899</t>
  </si>
  <si>
    <t>20.87581443786621</t>
  </si>
  <si>
    <t>758.82470703125</t>
  </si>
  <si>
    <t>0.0347403356666085</t>
  </si>
  <si>
    <t>20.37662696838379</t>
  </si>
  <si>
    <t>1106.07666015625</t>
  </si>
  <si>
    <t>0.0214951981268916</t>
  </si>
  <si>
    <t>20.976045608520508</t>
  </si>
  <si>
    <t>676.4529418945312</t>
  </si>
  <si>
    <t>0.06754034028083389</t>
  </si>
  <si>
    <t>20.30964469909668</t>
  </si>
  <si>
    <t>1174.6048583984375</t>
  </si>
  <si>
    <t>0.002835540652243118</t>
  </si>
  <si>
    <t>20.409942626953125</t>
  </si>
  <si>
    <t>842.86865234375</t>
  </si>
  <si>
    <t>0.047013265626127954</t>
  </si>
  <si>
    <t>20.283872604370117</t>
  </si>
  <si>
    <t>912.0035400390625</t>
  </si>
  <si>
    <t>0.04705198495690066</t>
  </si>
  <si>
    <t>20.497400283813477</t>
  </si>
  <si>
    <t>951.4038696289062</t>
  </si>
  <si>
    <t>-0.0025806465934916645</t>
  </si>
  <si>
    <t>20.765419006347656</t>
  </si>
  <si>
    <t>741.7935791015625</t>
  </si>
  <si>
    <t>0.0577324666685719</t>
  </si>
  <si>
    <t>20.3864803314209</t>
  </si>
  <si>
    <t>1028.2559814453125</t>
  </si>
  <si>
    <t>0.06110274757261447</t>
  </si>
  <si>
    <t>20.482637405395508</t>
  </si>
  <si>
    <t>831.8260498046875</t>
  </si>
  <si>
    <t>0.11510258220390401</t>
  </si>
  <si>
    <t>20.488496780395508</t>
  </si>
  <si>
    <t>873.9903564453125</t>
  </si>
  <si>
    <t>0.04041291290276838</t>
  </si>
  <si>
    <t>20.471797943115234</t>
  </si>
  <si>
    <t>820.1558837890625</t>
  </si>
  <si>
    <t>0.052912277725504</t>
  </si>
  <si>
    <t>20.73222541809082</t>
  </si>
  <si>
    <t>905.515380859375</t>
  </si>
  <si>
    <t>0.04877538012732607</t>
  </si>
  <si>
    <t>20.745222091674805</t>
  </si>
  <si>
    <t>897.1791381835938</t>
  </si>
  <si>
    <t>-0.024847858229943398</t>
  </si>
  <si>
    <t>3270</t>
  </si>
  <si>
    <t>20.7983455657959</t>
  </si>
  <si>
    <t>1159.680908203125</t>
  </si>
  <si>
    <t>-0.008829407337282547</t>
  </si>
  <si>
    <t>20.531843185424805</t>
  </si>
  <si>
    <t>947.0900268554688</t>
  </si>
  <si>
    <t>0.02536367849185517</t>
  </si>
  <si>
    <t>20.81268882751465</t>
  </si>
  <si>
    <t>1242.7528076171875</t>
  </si>
  <si>
    <t>0.12115638938611362</t>
  </si>
  <si>
    <t>20.75217628479004</t>
  </si>
  <si>
    <t>1221.4361572265625</t>
  </si>
  <si>
    <t>-0.011155494171784852</t>
  </si>
  <si>
    <t>20.650753021240234</t>
  </si>
  <si>
    <t>836.622314453125</t>
  </si>
  <si>
    <t>0.01089132827406658</t>
  </si>
  <si>
    <t>20.48924446105957</t>
  </si>
  <si>
    <t>1089.9400634765625</t>
  </si>
  <si>
    <t>0.013644924375402212</t>
  </si>
  <si>
    <t>22.200698852539062</t>
  </si>
  <si>
    <t>1580.7066650390625</t>
  </si>
  <si>
    <t>4813.76953125</t>
  </si>
  <si>
    <t>Kagera</t>
  </si>
  <si>
    <t>22.085119247436523</t>
  </si>
  <si>
    <t>1750.478515625</t>
  </si>
  <si>
    <t>0.006721100673077629</t>
  </si>
  <si>
    <t>22.007095336914062</t>
  </si>
  <si>
    <t>1431.9459228515625</t>
  </si>
  <si>
    <t>-0.006721100673077629</t>
  </si>
  <si>
    <t>22.097566604614258</t>
  </si>
  <si>
    <t>1430.89892578125</t>
  </si>
  <si>
    <t>-0.006766579708873621</t>
  </si>
  <si>
    <t>22.067171096801758</t>
  </si>
  <si>
    <t>1781.7242431640625</t>
  </si>
  <si>
    <t>-0.010726577738643606</t>
  </si>
  <si>
    <t>22.35630989074707</t>
  </si>
  <si>
    <t>1811.548095703125</t>
  </si>
  <si>
    <t>-0.02582069962174227</t>
  </si>
  <si>
    <t>21.998666763305664</t>
  </si>
  <si>
    <t>1712.935546875</t>
  </si>
  <si>
    <t>-0.0050428750338618045</t>
  </si>
  <si>
    <t>22.061487197875977</t>
  </si>
  <si>
    <t>1955.6329345703125</t>
  </si>
  <si>
    <t>-0.017338527162273465</t>
  </si>
  <si>
    <t>22.307615280151367</t>
  </si>
  <si>
    <t>1576.3973388671875</t>
  </si>
  <si>
    <t>-0.020790769669074116</t>
  </si>
  <si>
    <t>22.042043685913086</t>
  </si>
  <si>
    <t>1664.162109375</t>
  </si>
  <si>
    <t>-0.011621895205985666</t>
  </si>
  <si>
    <t>22.376585006713867</t>
  </si>
  <si>
    <t>1505.1051025390625</t>
  </si>
  <si>
    <t>-0.017149402072954345</t>
  </si>
  <si>
    <t>22.660776138305664</t>
  </si>
  <si>
    <t>1604.7230224609375</t>
  </si>
  <si>
    <t>22.757850646972656</t>
  </si>
  <si>
    <t>1728.7552490234375</t>
  </si>
  <si>
    <t>22.900598526000977</t>
  </si>
  <si>
    <t>1382.37451171875</t>
  </si>
  <si>
    <t>0.26858190107836144</t>
  </si>
  <si>
    <t>22.5262393951416</t>
  </si>
  <si>
    <t>1277.5594482421875</t>
  </si>
  <si>
    <t>-0.0631070393096893</t>
  </si>
  <si>
    <t>22.802762985229492</t>
  </si>
  <si>
    <t>1330.3636474609375</t>
  </si>
  <si>
    <t>-0.028573372444056666</t>
  </si>
  <si>
    <t>22.34449577331543</t>
  </si>
  <si>
    <t>1926.122802734375</t>
  </si>
  <si>
    <t>0.09415668210700989</t>
  </si>
  <si>
    <t>22.558012008666992</t>
  </si>
  <si>
    <t>1742.8848876953125</t>
  </si>
  <si>
    <t>-0.01077507316795856</t>
  </si>
  <si>
    <t>22.3571834564209</t>
  </si>
  <si>
    <t>1439.6611328125</t>
  </si>
  <si>
    <t>0.023065272930995917</t>
  </si>
  <si>
    <t>22.847475051879883</t>
  </si>
  <si>
    <t>1635.29541015625</t>
  </si>
  <si>
    <t>-0.0032626456348161526</t>
  </si>
  <si>
    <t>1235</t>
  </si>
  <si>
    <t>22.784696578979492</t>
  </si>
  <si>
    <t>1755.37646484375</t>
  </si>
  <si>
    <t>0.008946785989806472</t>
  </si>
  <si>
    <t>22.291528701782227</t>
  </si>
  <si>
    <t>0.05052376760852173</t>
  </si>
  <si>
    <t>22.188064575195312</t>
  </si>
  <si>
    <t>1744.1707763671875</t>
  </si>
  <si>
    <t>-0.013953714773865755</t>
  </si>
  <si>
    <t>22.28447914123535</t>
  </si>
  <si>
    <t>1705.8294677734375</t>
  </si>
  <si>
    <t>0.03226086221822211</t>
  </si>
  <si>
    <t>22.174509048461914</t>
  </si>
  <si>
    <t>1419.5380859375</t>
  </si>
  <si>
    <t>0.030519674288451704</t>
  </si>
  <si>
    <t>22.41829490661621</t>
  </si>
  <si>
    <t>1980.157958984375</t>
  </si>
  <si>
    <t>-0.06512520346592776</t>
  </si>
  <si>
    <t>22.583311080932617</t>
  </si>
  <si>
    <t>1734.512451171875</t>
  </si>
  <si>
    <t>0.12212068451529134</t>
  </si>
  <si>
    <t>22.395559310913086</t>
  </si>
  <si>
    <t>1555.2823486328125</t>
  </si>
  <si>
    <t>-0.02880423935031029</t>
  </si>
  <si>
    <t>22.167757034301758</t>
  </si>
  <si>
    <t>1660.85986328125</t>
  </si>
  <si>
    <t>-0.03776774214226197</t>
  </si>
  <si>
    <t>22.29487419128418</t>
  </si>
  <si>
    <t>2002.710693359375</t>
  </si>
  <si>
    <t>-0.187516373671059</t>
  </si>
  <si>
    <t>22.28510284423828</t>
  </si>
  <si>
    <t>1843.2606201171875</t>
  </si>
  <si>
    <t>-0.011675031580502981</t>
  </si>
  <si>
    <t>1865.669921875</t>
  </si>
  <si>
    <t>0.010781775603287969</t>
  </si>
  <si>
    <t>22.313180923461914</t>
  </si>
  <si>
    <t>1701.7841796875</t>
  </si>
  <si>
    <t>0.014197221603578392</t>
  </si>
  <si>
    <t>22.59895896911621</t>
  </si>
  <si>
    <t>1162.38720703125</t>
  </si>
  <si>
    <t>537.218017578125</t>
  </si>
  <si>
    <t>Kigoma</t>
  </si>
  <si>
    <t>22.587974548339844</t>
  </si>
  <si>
    <t>1076.9810791015625</t>
  </si>
  <si>
    <t>0.0031446566794715025</t>
  </si>
  <si>
    <t>22.598310470581055</t>
  </si>
  <si>
    <t>1034.0096435546875</t>
  </si>
  <si>
    <t>-0.012638398871722245</t>
  </si>
  <si>
    <t>22.55250358581543</t>
  </si>
  <si>
    <t>949.1063232421875</t>
  </si>
  <si>
    <t>-0.01119116396126163</t>
  </si>
  <si>
    <t>613</t>
  </si>
  <si>
    <t>22.6650390625</t>
  </si>
  <si>
    <t>1086.2523193359375</t>
  </si>
  <si>
    <t>-0.014575156802967726</t>
  </si>
  <si>
    <t>22.960548400878906</t>
  </si>
  <si>
    <t>1035.26220703125</t>
  </si>
  <si>
    <t>0.05552576041606283</t>
  </si>
  <si>
    <t>22.716123580932617</t>
  </si>
  <si>
    <t>1056.8072509765625</t>
  </si>
  <si>
    <t>743</t>
  </si>
  <si>
    <t>22.842592239379883</t>
  </si>
  <si>
    <t>1243.83203125</t>
  </si>
  <si>
    <t>0.06247694195538678</t>
  </si>
  <si>
    <t>22.95490264892578</t>
  </si>
  <si>
    <t>1078.654541015625</t>
  </si>
  <si>
    <t>0.05498767306464902</t>
  </si>
  <si>
    <t>22.824302673339844</t>
  </si>
  <si>
    <t>975.4141845703125</t>
  </si>
  <si>
    <t>0.06533438269967462</t>
  </si>
  <si>
    <t>22.859914779663086</t>
  </si>
  <si>
    <t>1089.194580078125</t>
  </si>
  <si>
    <t>0.05907913503182183</t>
  </si>
  <si>
    <t>22.881576538085938</t>
  </si>
  <si>
    <t>1170.674560546875</t>
  </si>
  <si>
    <t>0.07056643593438228</t>
  </si>
  <si>
    <t>23.100828170776367</t>
  </si>
  <si>
    <t>1119.359375</t>
  </si>
  <si>
    <t>-0.270362623251601</t>
  </si>
  <si>
    <t>23.3370361328125</t>
  </si>
  <si>
    <t>1090.97314453125</t>
  </si>
  <si>
    <t>0.41639417864035444</t>
  </si>
  <si>
    <t>22.662384033203125</t>
  </si>
  <si>
    <t>1086.99365234375</t>
  </si>
  <si>
    <t>-0.0664727577174018</t>
  </si>
  <si>
    <t>23.14146614074707</t>
  </si>
  <si>
    <t>856.0770874023438</t>
  </si>
  <si>
    <t>-0.013645435896913582</t>
  </si>
  <si>
    <t>22.556730270385742</t>
  </si>
  <si>
    <t>1273.2896728515625</t>
  </si>
  <si>
    <t>0.029015575173572117</t>
  </si>
  <si>
    <t>22.70146369934082</t>
  </si>
  <si>
    <t>1167.738525390625</t>
  </si>
  <si>
    <t>0.2114452685159227</t>
  </si>
  <si>
    <t>22.520471572875977</t>
  </si>
  <si>
    <t>1018.436279296875</t>
  </si>
  <si>
    <t>0.014554067699645401</t>
  </si>
  <si>
    <t>22.804773330688477</t>
  </si>
  <si>
    <t>1094.1014404296875</t>
  </si>
  <si>
    <t>23.047021865844727</t>
  </si>
  <si>
    <t>1037.50146484375</t>
  </si>
  <si>
    <t>-0.03986459856392788</t>
  </si>
  <si>
    <t>22.58637809753418</t>
  </si>
  <si>
    <t>1151.782958984375</t>
  </si>
  <si>
    <t>0.07450661676733272</t>
  </si>
  <si>
    <t>22.804780960083008</t>
  </si>
  <si>
    <t>953.7210083007812</t>
  </si>
  <si>
    <t>-0.07770150766385253</t>
  </si>
  <si>
    <t>22.820175170898438</t>
  </si>
  <si>
    <t>1111.364013671875</t>
  </si>
  <si>
    <t>0.03768106696768836</t>
  </si>
  <si>
    <t>22.642148971557617</t>
  </si>
  <si>
    <t>1093.5791015625</t>
  </si>
  <si>
    <t>0.03333642026759254</t>
  </si>
  <si>
    <t>22.89594841003418</t>
  </si>
  <si>
    <t>1153.51611328125</t>
  </si>
  <si>
    <t>0.020649701290543554</t>
  </si>
  <si>
    <t>23.022048950195312</t>
  </si>
  <si>
    <t>1118.0166015625</t>
  </si>
  <si>
    <t>0.03655010927492963</t>
  </si>
  <si>
    <t>23.156049728393555</t>
  </si>
  <si>
    <t>1035.260498046875</t>
  </si>
  <si>
    <t>-0.04387614936700324</t>
  </si>
  <si>
    <t>22.75019645690918</t>
  </si>
  <si>
    <t>1138.1756591796875</t>
  </si>
  <si>
    <t>0.01604702559751825</t>
  </si>
  <si>
    <t>22.949621200561523</t>
  </si>
  <si>
    <t>1152.7515869140625</t>
  </si>
  <si>
    <t>0.025010235363065014</t>
  </si>
  <si>
    <t>22.71185874938965</t>
  </si>
  <si>
    <t>1273.1571044921875</t>
  </si>
  <si>
    <t>-0.011355693353674035</t>
  </si>
  <si>
    <t>22.81998634338379</t>
  </si>
  <si>
    <t>1034.8782958984375</t>
  </si>
  <si>
    <t>0.010649727916658414</t>
  </si>
  <si>
    <t>22.732999801635742</t>
  </si>
  <si>
    <t>1083.12109375</t>
  </si>
  <si>
    <t>0.01402547535450438</t>
  </si>
  <si>
    <t>20.137920379638672</t>
  </si>
  <si>
    <t>1357.86083984375</t>
  </si>
  <si>
    <t>442.1329345703125</t>
  </si>
  <si>
    <t>Kilimanjaro</t>
  </si>
  <si>
    <t>20.168806076049805</t>
  </si>
  <si>
    <t>1031.0579833984375</t>
  </si>
  <si>
    <t>-0.00899066129619186</t>
  </si>
  <si>
    <t>20.066469192504883</t>
  </si>
  <si>
    <t>1284.4407958984375</t>
  </si>
  <si>
    <t>-0.022416878914542693</t>
  </si>
  <si>
    <t>20.082719802856445</t>
  </si>
  <si>
    <t>746.26953125</t>
  </si>
  <si>
    <t>-0.022930941063917132</t>
  </si>
  <si>
    <t>20.188142776489258</t>
  </si>
  <si>
    <t>985.9989013671875</t>
  </si>
  <si>
    <t>-0.026111144003685638</t>
  </si>
  <si>
    <t>20.30858612060547</t>
  </si>
  <si>
    <t>889.3445434570312</t>
  </si>
  <si>
    <t>-0.04049136135473663</t>
  </si>
  <si>
    <t>20.152576446533203</t>
  </si>
  <si>
    <t>633.8008422851562</t>
  </si>
  <si>
    <t>-0.022285044789435382</t>
  </si>
  <si>
    <t>20.1677188873291</t>
  </si>
  <si>
    <t>1261.7318115234375</t>
  </si>
  <si>
    <t>-0.0343873423094756</t>
  </si>
  <si>
    <t>20.514497756958008</t>
  </si>
  <si>
    <t>1008.0613403320312</t>
  </si>
  <si>
    <t>-0.04066003808618124</t>
  </si>
  <si>
    <t>20.21355628967285</t>
  </si>
  <si>
    <t>831.5133666992188</t>
  </si>
  <si>
    <t>-0.03292478469646731</t>
  </si>
  <si>
    <t>20.277862548828125</t>
  </si>
  <si>
    <t>986.0216674804688</t>
  </si>
  <si>
    <t>-0.03947179069571405</t>
  </si>
  <si>
    <t>939</t>
  </si>
  <si>
    <t>20.39277458190918</t>
  </si>
  <si>
    <t>768.437744140625</t>
  </si>
  <si>
    <t>0.021529356852576065</t>
  </si>
  <si>
    <t>20.51865577697754</t>
  </si>
  <si>
    <t>1156.182861328125</t>
  </si>
  <si>
    <t>0.44479504224290434</t>
  </si>
  <si>
    <t>20.791854858398438</t>
  </si>
  <si>
    <t>700.0169067382812</t>
  </si>
  <si>
    <t>0.11770718901825017</t>
  </si>
  <si>
    <t>20.107860565185547</t>
  </si>
  <si>
    <t>710.66357421875</t>
  </si>
  <si>
    <t>20.20354461669922</t>
  </si>
  <si>
    <t>684.9654541015625</t>
  </si>
  <si>
    <t>0.0903709416383025</t>
  </si>
  <si>
    <t>20.15346908569336</t>
  </si>
  <si>
    <t>1499.7279052734375</t>
  </si>
  <si>
    <t>0.0019398648178263755</t>
  </si>
  <si>
    <t>20.15769386291504</t>
  </si>
  <si>
    <t>787.5582275390625</t>
  </si>
  <si>
    <t>0.014907705754784395</t>
  </si>
  <si>
    <t>20.068391799926758</t>
  </si>
  <si>
    <t>909.2094116210938</t>
  </si>
  <si>
    <t>0.05072033791656683</t>
  </si>
  <si>
    <t>20.597261428833008</t>
  </si>
  <si>
    <t>870.913818359375</t>
  </si>
  <si>
    <t>-0.006372347462257899</t>
  </si>
  <si>
    <t>20.558645248413086</t>
  </si>
  <si>
    <t>729.1766357421875</t>
  </si>
  <si>
    <t>0.008185584586438921</t>
  </si>
  <si>
    <t>20.302349090576172</t>
  </si>
  <si>
    <t>867.5821533203125</t>
  </si>
  <si>
    <t>0.08463082833948299</t>
  </si>
  <si>
    <t>20.274045944213867</t>
  </si>
  <si>
    <t>890.4960327148438</t>
  </si>
  <si>
    <t>0.05662652968565052</t>
  </si>
  <si>
    <t>20.393091201782227</t>
  </si>
  <si>
    <t>1000.7445068359375</t>
  </si>
  <si>
    <t>0.04460562582090066</t>
  </si>
  <si>
    <t>20.301414489746094</t>
  </si>
  <si>
    <t>982.659912109375</t>
  </si>
  <si>
    <t>0.044500815441662844</t>
  </si>
  <si>
    <t>20.6214599609375</t>
  </si>
  <si>
    <t>1294.6978759765625</t>
  </si>
  <si>
    <t>0.020296228124168536</t>
  </si>
  <si>
    <t>20.820234298706055</t>
  </si>
  <si>
    <t>1138.4117431640625</t>
  </si>
  <si>
    <t>0.020928562960499164</t>
  </si>
  <si>
    <t>20.659353256225586</t>
  </si>
  <si>
    <t>1226.6661376953125</t>
  </si>
  <si>
    <t>0.02992402805735228</t>
  </si>
  <si>
    <t>20.45680046081543</t>
  </si>
  <si>
    <t>1178.7122802734375</t>
  </si>
  <si>
    <t>0.02742613666044491</t>
  </si>
  <si>
    <t>20.82685661315918</t>
  </si>
  <si>
    <t>1751.7515869140625</t>
  </si>
  <si>
    <t>0.05238461523828519</t>
  </si>
  <si>
    <t>20.65107536315918</t>
  </si>
  <si>
    <t>1319.6407470703125</t>
  </si>
  <si>
    <t>-0.011197628665591708</t>
  </si>
  <si>
    <t>20.569026947021484</t>
  </si>
  <si>
    <t>1393.809326171875</t>
  </si>
  <si>
    <t>0.010578816764656551</t>
  </si>
  <si>
    <t>20.481258392333984</t>
  </si>
  <si>
    <t>1253.0360107421875</t>
  </si>
  <si>
    <t>0.013831479148462833</t>
  </si>
  <si>
    <t>25.2808837890625</t>
  </si>
  <si>
    <t>953.9931030273438</t>
  </si>
  <si>
    <t>284.53497314453125</t>
  </si>
  <si>
    <t>Lindi</t>
  </si>
  <si>
    <t>25.16996192932129</t>
  </si>
  <si>
    <t>962.891845703125</t>
  </si>
  <si>
    <t>0.003724399090982544</t>
  </si>
  <si>
    <t>25.360937118530273</t>
  </si>
  <si>
    <t>1122.6956787109375</t>
  </si>
  <si>
    <t>25.25469207763672</t>
  </si>
  <si>
    <t>905.98681640625</t>
  </si>
  <si>
    <t>-0.010062977998620326</t>
  </si>
  <si>
    <t>25.32744598388672</t>
  </si>
  <si>
    <t>923.4619140625</t>
  </si>
  <si>
    <t>-0.014004048084016674</t>
  </si>
  <si>
    <t>827</t>
  </si>
  <si>
    <t>25.489465713500977</t>
  </si>
  <si>
    <t>860.8224487304688</t>
  </si>
  <si>
    <t>0.058510775340053556</t>
  </si>
  <si>
    <t>25.22551727294922</t>
  </si>
  <si>
    <t>810.1765747070312</t>
  </si>
  <si>
    <t>0.07678188585280754</t>
  </si>
  <si>
    <t>25.3873291015625</t>
  </si>
  <si>
    <t>1195.96923828125</t>
  </si>
  <si>
    <t>0.06292748166889162</t>
  </si>
  <si>
    <t>25.73272132873535</t>
  </si>
  <si>
    <t>826.9613037109375</t>
  </si>
  <si>
    <t>0.05721683017317236</t>
  </si>
  <si>
    <t>25.23154640197754</t>
  </si>
  <si>
    <t>853.081787109375</t>
  </si>
  <si>
    <t>0.06627484800316719</t>
  </si>
  <si>
    <t>25.1463565826416</t>
  </si>
  <si>
    <t>935.0327758789062</t>
  </si>
  <si>
    <t>25.40757179260254</t>
  </si>
  <si>
    <t>872.1497802734375</t>
  </si>
  <si>
    <t>-0.003508775529679653</t>
  </si>
  <si>
    <t>1294</t>
  </si>
  <si>
    <t>25.53680419921875</t>
  </si>
  <si>
    <t>1027.45654296875</t>
  </si>
  <si>
    <t>0.1284658603745692</t>
  </si>
  <si>
    <t>25.631765365600586</t>
  </si>
  <si>
    <t>663.1241455078125</t>
  </si>
  <si>
    <t>0.1792255790888273</t>
  </si>
  <si>
    <t>25.262956619262695</t>
  </si>
  <si>
    <t>1136.3809814453125</t>
  </si>
  <si>
    <t>-0.04966263768704238</t>
  </si>
  <si>
    <t>25.64533805847168</t>
  </si>
  <si>
    <t>706.9151611328125</t>
  </si>
  <si>
    <t>25.35936164855957</t>
  </si>
  <si>
    <t>1033.2198486328125</t>
  </si>
  <si>
    <t>0.023721884970586693</t>
  </si>
  <si>
    <t>25.475500106811523</t>
  </si>
  <si>
    <t>793.1361694335938</t>
  </si>
  <si>
    <t>0.019237740882441123</t>
  </si>
  <si>
    <t>1559</t>
  </si>
  <si>
    <t>25.30622100830078</t>
  </si>
  <si>
    <t>819.903076171875</t>
  </si>
  <si>
    <t>0.024019330636145142</t>
  </si>
  <si>
    <t>25.50295066833496</t>
  </si>
  <si>
    <t>827.3970336914062</t>
  </si>
  <si>
    <t>-0.005144705881237499</t>
  </si>
  <si>
    <t>25.698556900024414</t>
  </si>
  <si>
    <t>883.9154052734375</t>
  </si>
  <si>
    <t>0.08582864474058027</t>
  </si>
  <si>
    <t>25.360008239746094</t>
  </si>
  <si>
    <t>1047.6605224609375</t>
  </si>
  <si>
    <t>0.03717036501500903</t>
  </si>
  <si>
    <t>25.425704956054688</t>
  </si>
  <si>
    <t>810.636962890625</t>
  </si>
  <si>
    <t>0.13424379558975286</t>
  </si>
  <si>
    <t>25.468717575073242</t>
  </si>
  <si>
    <t>845.97802734375</t>
  </si>
  <si>
    <t>25.49065399169922</t>
  </si>
  <si>
    <t>1062.0078125</t>
  </si>
  <si>
    <t>25.732154846191406</t>
  </si>
  <si>
    <t>1002.7570190429688</t>
  </si>
  <si>
    <t>0.02872728963690996</t>
  </si>
  <si>
    <t>25.709123611450195</t>
  </si>
  <si>
    <t>908.489990234375</t>
  </si>
  <si>
    <t>0.10332304318968255</t>
  </si>
  <si>
    <t>25.72566795349121</t>
  </si>
  <si>
    <t>1198.8328857421875</t>
  </si>
  <si>
    <t>0.007553206253446021</t>
  </si>
  <si>
    <t>2599</t>
  </si>
  <si>
    <t>25.555679321289062</t>
  </si>
  <si>
    <t>842.8973388671875</t>
  </si>
  <si>
    <t>0.028885692932030693</t>
  </si>
  <si>
    <t>25.835542678833008</t>
  </si>
  <si>
    <t>1202.4442138671875</t>
  </si>
  <si>
    <t>0.0377545783765143</t>
  </si>
  <si>
    <t>25.806198120117188</t>
  </si>
  <si>
    <t>1045.5277099609375</t>
  </si>
  <si>
    <t>-0.011177463613480931</t>
  </si>
  <si>
    <t>25.625364303588867</t>
  </si>
  <si>
    <t>1038.4959716796875</t>
  </si>
  <si>
    <t>0.010806887363177253</t>
  </si>
  <si>
    <t>25.452821731567383</t>
  </si>
  <si>
    <t>825.4513549804688</t>
  </si>
  <si>
    <t>22.40757942199707</t>
  </si>
  <si>
    <t>1230.426025390625</t>
  </si>
  <si>
    <t>569.3770141601562</t>
  </si>
  <si>
    <t>Mara</t>
  </si>
  <si>
    <t>22.32102394104004</t>
  </si>
  <si>
    <t>1030.1048583984375</t>
  </si>
  <si>
    <t>-0.013285836711649956</t>
  </si>
  <si>
    <t>22.241891860961914</t>
  </si>
  <si>
    <t>1211.1885986328125</t>
  </si>
  <si>
    <t>-0.028170876966695957</t>
  </si>
  <si>
    <t>22.326095581054688</t>
  </si>
  <si>
    <t>1103.428466796875</t>
  </si>
  <si>
    <t>-0.027898805138056204</t>
  </si>
  <si>
    <t>22.336862564086914</t>
  </si>
  <si>
    <t>1116.4127197265625</t>
  </si>
  <si>
    <t>-0.032064659629501335</t>
  </si>
  <si>
    <t>22.641868591308594</t>
  </si>
  <si>
    <t>1104.27490234375</t>
  </si>
  <si>
    <t>0.04288727608765264</t>
  </si>
  <si>
    <t>22.37689208984375</t>
  </si>
  <si>
    <t>1036.7169189453125</t>
  </si>
  <si>
    <t>0.06258559280887432</t>
  </si>
  <si>
    <t>22.399513244628906</t>
  </si>
  <si>
    <t>1432.143798828125</t>
  </si>
  <si>
    <t>0.050281660512705884</t>
  </si>
  <si>
    <t>22.622060775756836</t>
  </si>
  <si>
    <t>1015.87255859375</t>
  </si>
  <si>
    <t>0.04512043528046927</t>
  </si>
  <si>
    <t>22.529817581176758</t>
  </si>
  <si>
    <t>1035.0648193359375</t>
  </si>
  <si>
    <t>0.05628998130599516</t>
  </si>
  <si>
    <t>22.676780700683594</t>
  </si>
  <si>
    <t>951.55908203125</t>
  </si>
  <si>
    <t>0.04916244189290975</t>
  </si>
  <si>
    <t>22.81813621520996</t>
  </si>
  <si>
    <t>1070.655517578125</t>
  </si>
  <si>
    <t>-0.07023433657501599</t>
  </si>
  <si>
    <t>23.074264526367188</t>
  </si>
  <si>
    <t>1239.39697265625</t>
  </si>
  <si>
    <t>0.07353739490427369</t>
  </si>
  <si>
    <t>23.2183837890625</t>
  </si>
  <si>
    <t>984.0953979492188</t>
  </si>
  <si>
    <t>0.343396740552655</t>
  </si>
  <si>
    <t>22.649431228637695</t>
  </si>
  <si>
    <t>906.8145141601562</t>
  </si>
  <si>
    <t>-0.035112205576576905</t>
  </si>
  <si>
    <t>22.875001907348633</t>
  </si>
  <si>
    <t>921.4692993164062</t>
  </si>
  <si>
    <t>0.006640531495265556</t>
  </si>
  <si>
    <t>22.575340270996094</t>
  </si>
  <si>
    <t>1379.4788818359375</t>
  </si>
  <si>
    <t>-0.0012040940648052612</t>
  </si>
  <si>
    <t>22.710777282714844</t>
  </si>
  <si>
    <t>1094.392822265625</t>
  </si>
  <si>
    <t>-0.02810203252069421</t>
  </si>
  <si>
    <t>22.54081916809082</t>
  </si>
  <si>
    <t>1073.3367919921875</t>
  </si>
  <si>
    <t>0.02689648686534607</t>
  </si>
  <si>
    <t>23.121217727661133</t>
  </si>
  <si>
    <t>1102.68701171875</t>
  </si>
  <si>
    <t>-0.022568813959564338</t>
  </si>
  <si>
    <t>23.002639770507812</t>
  </si>
  <si>
    <t>1153.215087890625</t>
  </si>
  <si>
    <t>-0.004947443610467062</t>
  </si>
  <si>
    <t>22.60133171081543</t>
  </si>
  <si>
    <t>1083.095703125</t>
  </si>
  <si>
    <t>0.06539060686246678</t>
  </si>
  <si>
    <t>22.5294246673584</t>
  </si>
  <si>
    <t>1324.2423095703125</t>
  </si>
  <si>
    <t>0.12126130003270852</t>
  </si>
  <si>
    <t>22.565383911132812</t>
  </si>
  <si>
    <t>1227.170654296875</t>
  </si>
  <si>
    <t>22.51238250732422</t>
  </si>
  <si>
    <t>1055.4764404296875</t>
  </si>
  <si>
    <t>0.03317377368199814</t>
  </si>
  <si>
    <t>22.722753524780273</t>
  </si>
  <si>
    <t>1371.5587158203125</t>
  </si>
  <si>
    <t>0.013346241952894466</t>
  </si>
  <si>
    <t>22.991044998168945</t>
  </si>
  <si>
    <t>1220.426513671875</t>
  </si>
  <si>
    <t>0.035809452696710764</t>
  </si>
  <si>
    <t>22.884559631347656</t>
  </si>
  <si>
    <t>1254.1265869140625</t>
  </si>
  <si>
    <t>-0.035809452696710764</t>
  </si>
  <si>
    <t>22.692916870117188</t>
  </si>
  <si>
    <t>1269.9573974609375</t>
  </si>
  <si>
    <t>0.010362787035546717</t>
  </si>
  <si>
    <t>23.04468536376953</t>
  </si>
  <si>
    <t>1776.1075439453125</t>
  </si>
  <si>
    <t>0.019030511661085825</t>
  </si>
  <si>
    <t>22.842857360839844</t>
  </si>
  <si>
    <t>1329.571533203125</t>
  </si>
  <si>
    <t>-0.01109581425505457</t>
  </si>
  <si>
    <t>22.773117065429688</t>
  </si>
  <si>
    <t>1507.4473876953125</t>
  </si>
  <si>
    <t>0.010635938413424917</t>
  </si>
  <si>
    <t>22.70337677001953</t>
  </si>
  <si>
    <t>1281.543701171875</t>
  </si>
  <si>
    <t>0.013705102591649698</t>
  </si>
  <si>
    <t>20.857168197631836</t>
  </si>
  <si>
    <t>1042.905029296875</t>
  </si>
  <si>
    <t>620.886962890625</t>
  </si>
  <si>
    <t>Mbeya</t>
  </si>
  <si>
    <t>20.558246612548828</t>
  </si>
  <si>
    <t>1148.3006591796875</t>
  </si>
  <si>
    <t>20.84958839416504</t>
  </si>
  <si>
    <t>-0.013592442277901462</t>
  </si>
  <si>
    <t>20.630706787109375</t>
  </si>
  <si>
    <t>887.472412109375</t>
  </si>
  <si>
    <t>-0.013779745598017534</t>
  </si>
  <si>
    <t>20.807828903198242</t>
  </si>
  <si>
    <t>1075.28173828125</t>
  </si>
  <si>
    <t>-0.016991913068736153</t>
  </si>
  <si>
    <t>21.136972427368164</t>
  </si>
  <si>
    <t>911.6453857421875</t>
  </si>
  <si>
    <t>0.015007785433690302</t>
  </si>
  <si>
    <t>20.728496551513672</t>
  </si>
  <si>
    <t>1109.52685546875</t>
  </si>
  <si>
    <t>0.037041271680348764</t>
  </si>
  <si>
    <t>20.86686897277832</t>
  </si>
  <si>
    <t>1267.8984375</t>
  </si>
  <si>
    <t>0.025509177231835878</t>
  </si>
  <si>
    <t>998.7880859375</t>
  </si>
  <si>
    <t>20.59349250793457</t>
  </si>
  <si>
    <t>1032.7208251953125</t>
  </si>
  <si>
    <t>0.033201793520045264</t>
  </si>
  <si>
    <t>20.608667373657227</t>
  </si>
  <si>
    <t>1170.455810546875</t>
  </si>
  <si>
    <t>0.027852104971794134</t>
  </si>
  <si>
    <t>20.86676597595215</t>
  </si>
  <si>
    <t>1037.1790771484375</t>
  </si>
  <si>
    <t>0.06641444289900722</t>
  </si>
  <si>
    <t>21.013893127441406</t>
  </si>
  <si>
    <t>1066.0491943359375</t>
  </si>
  <si>
    <t>0.11160603199555741</t>
  </si>
  <si>
    <t>21.255708694458008</t>
  </si>
  <si>
    <t>1066.0526123046875</t>
  </si>
  <si>
    <t>0.06534638438333928</t>
  </si>
  <si>
    <t>20.791492462158203</t>
  </si>
  <si>
    <t>1330.132568359375</t>
  </si>
  <si>
    <t>0.17658508079650304</t>
  </si>
  <si>
    <t>21.53092384338379</t>
  </si>
  <si>
    <t>919.1217041015625</t>
  </si>
  <si>
    <t>0.09618146089882984</t>
  </si>
  <si>
    <t>20.593063354492188</t>
  </si>
  <si>
    <t>-0.01289009855867107</t>
  </si>
  <si>
    <t>20.752599716186523</t>
  </si>
  <si>
    <t>1076.75341796875</t>
  </si>
  <si>
    <t>0.04564686953984509</t>
  </si>
  <si>
    <t>20.598556518554688</t>
  </si>
  <si>
    <t>1100.395263671875</t>
  </si>
  <si>
    <t>0.02883170633156773</t>
  </si>
  <si>
    <t>20.77857780456543</t>
  </si>
  <si>
    <t>1112.5169677734375</t>
  </si>
  <si>
    <t>0.039665256392431125</t>
  </si>
  <si>
    <t>21.099536895751953</t>
  </si>
  <si>
    <t>978.3346557617188</t>
  </si>
  <si>
    <t>0.037260102953895036</t>
  </si>
  <si>
    <t>20.614648818969727</t>
  </si>
  <si>
    <t>1207.5477294921875</t>
  </si>
  <si>
    <t>0.03376773362342611</t>
  </si>
  <si>
    <t>20.804662704467773</t>
  </si>
  <si>
    <t>1018.2297973632812</t>
  </si>
  <si>
    <t>0.06953893481512452</t>
  </si>
  <si>
    <t>20.784582138061523</t>
  </si>
  <si>
    <t>1109.767578125</t>
  </si>
  <si>
    <t>0.050206622113511123</t>
  </si>
  <si>
    <t>20.723121643066406</t>
  </si>
  <si>
    <t>1157.76025390625</t>
  </si>
  <si>
    <t>0.03495939543013371</t>
  </si>
  <si>
    <t>21.063053131103516</t>
  </si>
  <si>
    <t>1036.5904541015625</t>
  </si>
  <si>
    <t>0.19899013577648894</t>
  </si>
  <si>
    <t>21.011585235595703</t>
  </si>
  <si>
    <t>1035.7777099609375</t>
  </si>
  <si>
    <t>0.03656225349327613</t>
  </si>
  <si>
    <t>21.06329345703125</t>
  </si>
  <si>
    <t>1298.6632080078125</t>
  </si>
  <si>
    <t>20.8104305267334</t>
  </si>
  <si>
    <t>1144.26123046875</t>
  </si>
  <si>
    <t>21.020692825317383</t>
  </si>
  <si>
    <t>1301.569580078125</t>
  </si>
  <si>
    <t>0.027344903223822214</t>
  </si>
  <si>
    <t>20.925424575805664</t>
  </si>
  <si>
    <t>1273.3380126953125</t>
  </si>
  <si>
    <t>-0.01118579895771532</t>
  </si>
  <si>
    <t>20.9468936920166</t>
  </si>
  <si>
    <t>1057.2388916015625</t>
  </si>
  <si>
    <t>0.01062947070970921</t>
  </si>
  <si>
    <t>20.781259536743164</t>
  </si>
  <si>
    <t>1267.504638671875</t>
  </si>
  <si>
    <t>0.01381619103634435</t>
  </si>
  <si>
    <t>1331</t>
  </si>
  <si>
    <t>24.549942016601562</t>
  </si>
  <si>
    <t>1223.5069580078125</t>
  </si>
  <si>
    <t>508.6158447265625</t>
  </si>
  <si>
    <t>Morogoro</t>
  </si>
  <si>
    <t>24.485986709594727</t>
  </si>
  <si>
    <t>1010.4453735351562</t>
  </si>
  <si>
    <t>-0.01285461935055654</t>
  </si>
  <si>
    <t>24.572969436645508</t>
  </si>
  <si>
    <t>1121.12109375</t>
  </si>
  <si>
    <t>-0.026997397465712503</t>
  </si>
  <si>
    <t>24.490982055664062</t>
  </si>
  <si>
    <t>987.2908325195312</t>
  </si>
  <si>
    <t>-0.026942992680035083</t>
  </si>
  <si>
    <t>24.563735961914062</t>
  </si>
  <si>
    <t>1164.03515625</t>
  </si>
  <si>
    <t>-0.030169430404047404</t>
  </si>
  <si>
    <t>24.749351501464844</t>
  </si>
  <si>
    <t>1103.18896484375</t>
  </si>
  <si>
    <t>-0.01922332492552936</t>
  </si>
  <si>
    <t>24.62166404724121</t>
  </si>
  <si>
    <t>1010.6226196289062</t>
  </si>
  <si>
    <t>0.0016863410404370782</t>
  </si>
  <si>
    <t>24.637971878051758</t>
  </si>
  <si>
    <t>1442.5067138671875</t>
  </si>
  <si>
    <t>-0.010160968031408757</t>
  </si>
  <si>
    <t>24.96643829345703</t>
  </si>
  <si>
    <t>1057.6949462890625</t>
  </si>
  <si>
    <t>-0.013710583238507823</t>
  </si>
  <si>
    <t>24.632652282714844</t>
  </si>
  <si>
    <t>1052.9727783203125</t>
  </si>
  <si>
    <t>-0.003457220383857873</t>
  </si>
  <si>
    <t>24.599454879760742</t>
  </si>
  <si>
    <t>1126.73193359375</t>
  </si>
  <si>
    <t>-0.008695706967553285</t>
  </si>
  <si>
    <t>1268</t>
  </si>
  <si>
    <t>24.807889938354492</t>
  </si>
  <si>
    <t>909.7655029296875</t>
  </si>
  <si>
    <t>0.10203621900883064</t>
  </si>
  <si>
    <t>24.918289184570312</t>
  </si>
  <si>
    <t>1111.982177734375</t>
  </si>
  <si>
    <t>0.06340420296302796</t>
  </si>
  <si>
    <t>25.133108139038086</t>
  </si>
  <si>
    <t>793.8552856445312</t>
  </si>
  <si>
    <t>-0.023971185242884552</t>
  </si>
  <si>
    <t>24.573591232299805</t>
  </si>
  <si>
    <t>1204.0775146484375</t>
  </si>
  <si>
    <t>0.24667052243858834</t>
  </si>
  <si>
    <t>25.037038803100586</t>
  </si>
  <si>
    <t>734.2384643554688</t>
  </si>
  <si>
    <t>0.028615091085201882</t>
  </si>
  <si>
    <t>24.594045639038086</t>
  </si>
  <si>
    <t>1352.65625</t>
  </si>
  <si>
    <t>0.03618257893485133</t>
  </si>
  <si>
    <t>24.66119384765625</t>
  </si>
  <si>
    <t>869.5953369140625</t>
  </si>
  <si>
    <t>0.038130981098133176</t>
  </si>
  <si>
    <t>24.527467727661133</t>
  </si>
  <si>
    <t>940.607666015625</t>
  </si>
  <si>
    <t>-0.03204183967116503</t>
  </si>
  <si>
    <t>24.839052200317383</t>
  </si>
  <si>
    <t>902.5726318359375</t>
  </si>
  <si>
    <t>-0.00775627157135883</t>
  </si>
  <si>
    <t>24.989564895629883</t>
  </si>
  <si>
    <t>815.0443725585938</t>
  </si>
  <si>
    <t>0.03872859242399773</t>
  </si>
  <si>
    <t>24.745849609375</t>
  </si>
  <si>
    <t>1110.1304931640625</t>
  </si>
  <si>
    <t>0.06222847139840937</t>
  </si>
  <si>
    <t>24.7528133392334</t>
  </si>
  <si>
    <t>866.8473510742188</t>
  </si>
  <si>
    <t>0.016949558313773316</t>
  </si>
  <si>
    <t>24.76936149597168</t>
  </si>
  <si>
    <t>899.004638671875</t>
  </si>
  <si>
    <t>0.030187297065156216</t>
  </si>
  <si>
    <t>24.75927734375</t>
  </si>
  <si>
    <t>944.0801391601562</t>
  </si>
  <si>
    <t>0.03949737659397279</t>
  </si>
  <si>
    <t>24.99534797668457</t>
  </si>
  <si>
    <t>1120.585693359375</t>
  </si>
  <si>
    <t>0.024591403137321777</t>
  </si>
  <si>
    <t>25.063623428344727</t>
  </si>
  <si>
    <t>999.810791015625</t>
  </si>
  <si>
    <t>0.016507178302134662</t>
  </si>
  <si>
    <t>25.11377716064453</t>
  </si>
  <si>
    <t>1226.6927490234375</t>
  </si>
  <si>
    <t>0.030503454293414833</t>
  </si>
  <si>
    <t>24.834022521972656</t>
  </si>
  <si>
    <t>1054.7774658203125</t>
  </si>
  <si>
    <t>0.024169079779084335</t>
  </si>
  <si>
    <t>25.137529373168945</t>
  </si>
  <si>
    <t>1632.4871826171875</t>
  </si>
  <si>
    <t>0.03377586300634938</t>
  </si>
  <si>
    <t>25.1193790435791</t>
  </si>
  <si>
    <t>1554.0977783203125</t>
  </si>
  <si>
    <t>-0.01140541895221947</t>
  </si>
  <si>
    <t>24.945390701293945</t>
  </si>
  <si>
    <t>955.068603515625</t>
  </si>
  <si>
    <t>0.011000314632318542</t>
  </si>
  <si>
    <t>24.80695915222168</t>
  </si>
  <si>
    <t>976.0560302734375</t>
  </si>
  <si>
    <t>0.01368230600157716</t>
  </si>
  <si>
    <t>2537</t>
  </si>
  <si>
    <t>25.34529685974121</t>
  </si>
  <si>
    <t>962.0520629882812</t>
  </si>
  <si>
    <t>393.25823974609375</t>
  </si>
  <si>
    <t>Mtwara</t>
  </si>
  <si>
    <t>25.164487838745117</t>
  </si>
  <si>
    <t>1181.0716552734375</t>
  </si>
  <si>
    <t>0.013201511858536463</t>
  </si>
  <si>
    <t>1219</t>
  </si>
  <si>
    <t>25.358665466308594</t>
  </si>
  <si>
    <t>1222.30517578125</t>
  </si>
  <si>
    <t>-0.0008200082460314562</t>
  </si>
  <si>
    <t>25.26357078552246</t>
  </si>
  <si>
    <t>918.6414184570312</t>
  </si>
  <si>
    <t>-0.0008206812114286421</t>
  </si>
  <si>
    <t>25.338470458984375</t>
  </si>
  <si>
    <t>954.9984130859375</t>
  </si>
  <si>
    <t>-0.004938281640582964</t>
  </si>
  <si>
    <t>25.59222984313965</t>
  </si>
  <si>
    <t>859.53857421875</t>
  </si>
  <si>
    <t>0.030871663667086935</t>
  </si>
  <si>
    <t>25.32867431640625</t>
  </si>
  <si>
    <t>789.10546875</t>
  </si>
  <si>
    <t>0.052212871446934095</t>
  </si>
  <si>
    <t>1371</t>
  </si>
  <si>
    <t>25.4196720123291</t>
  </si>
  <si>
    <t>1214.807861328125</t>
  </si>
  <si>
    <t>0.0401839778190336</t>
  </si>
  <si>
    <t>25.74422264099121</t>
  </si>
  <si>
    <t>792.9935302734375</t>
  </si>
  <si>
    <t>0.03582044853478639</t>
  </si>
  <si>
    <t>25.25733757019043</t>
  </si>
  <si>
    <t>925.3914794921875</t>
  </si>
  <si>
    <t>0.04674390458690869</t>
  </si>
  <si>
    <t>25.10406494140625</t>
  </si>
  <si>
    <t>1030.788818359375</t>
  </si>
  <si>
    <t>0.04079513049252981</t>
  </si>
  <si>
    <t>25.335390090942383</t>
  </si>
  <si>
    <t>968.4797973632812</t>
  </si>
  <si>
    <t>0.049680130624269125</t>
  </si>
  <si>
    <t>25.46953010559082</t>
  </si>
  <si>
    <t>1087.6163330078125</t>
  </si>
  <si>
    <t>0.04087107307048399</t>
  </si>
  <si>
    <t>25.520143508911133</t>
  </si>
  <si>
    <t>629.8250732421875</t>
  </si>
  <si>
    <t>-0.2095438681426378</t>
  </si>
  <si>
    <t>25.234764099121094</t>
  </si>
  <si>
    <t>1234.1832275390625</t>
  </si>
  <si>
    <t>-0.05293818889227797</t>
  </si>
  <si>
    <t>25.655851364135742</t>
  </si>
  <si>
    <t>738.058349609375</t>
  </si>
  <si>
    <t>-0.015432405038811936</t>
  </si>
  <si>
    <t>25.39356231689453</t>
  </si>
  <si>
    <t>1116.42529296875</t>
  </si>
  <si>
    <t>0.02987583362275803</t>
  </si>
  <si>
    <t>1328</t>
  </si>
  <si>
    <t>25.516578674316406</t>
  </si>
  <si>
    <t>837.2718505859375</t>
  </si>
  <si>
    <t>0.0022615916160564353</t>
  </si>
  <si>
    <t>25.295576095581055</t>
  </si>
  <si>
    <t>870.0166015625</t>
  </si>
  <si>
    <t>0.0506530292205829</t>
  </si>
  <si>
    <t>25.493295669555664</t>
  </si>
  <si>
    <t>858.5096435546875</t>
  </si>
  <si>
    <t>-0.00574301650261777</t>
  </si>
  <si>
    <t>25.60441017150879</t>
  </si>
  <si>
    <t>998.8724365234375</t>
  </si>
  <si>
    <t>0.2361614019832139</t>
  </si>
  <si>
    <t>25.329139709472656</t>
  </si>
  <si>
    <t>1189.485595703125</t>
  </si>
  <si>
    <t>-0.051921839326757535</t>
  </si>
  <si>
    <t>25.483299255371094</t>
  </si>
  <si>
    <t>911.7193603515625</t>
  </si>
  <si>
    <t>0.13532618820054587</t>
  </si>
  <si>
    <t>25.478065490722656</t>
  </si>
  <si>
    <t>926.9514770507812</t>
  </si>
  <si>
    <t>0.0026116494342982577</t>
  </si>
  <si>
    <t>25.518800735473633</t>
  </si>
  <si>
    <t>1146.81494140625</t>
  </si>
  <si>
    <t>0.05283097435797668</t>
  </si>
  <si>
    <t>25.72974395751953</t>
  </si>
  <si>
    <t>1170.9158935546875</t>
  </si>
  <si>
    <t>0.052529541299849214</t>
  </si>
  <si>
    <t>25.698183059692383</t>
  </si>
  <si>
    <t>1043.47265625</t>
  </si>
  <si>
    <t>0.08630690355436599</t>
  </si>
  <si>
    <t>25.722333908081055</t>
  </si>
  <si>
    <t>1352.270263671875</t>
  </si>
  <si>
    <t>0.02928280520048787</t>
  </si>
  <si>
    <t>25.61138343811035</t>
  </si>
  <si>
    <t>892.2606811523438</t>
  </si>
  <si>
    <t>0.030885716265965257</t>
  </si>
  <si>
    <t>25.849470138549805</t>
  </si>
  <si>
    <t>1211.5601806640625</t>
  </si>
  <si>
    <t>0.04014049714685086</t>
  </si>
  <si>
    <t>25.944318771362305</t>
  </si>
  <si>
    <t>993.9263916015625</t>
  </si>
  <si>
    <t>-0.0113615325968075</t>
  </si>
  <si>
    <t>25.66981315612793</t>
  </si>
  <si>
    <t>1176.2479248046875</t>
  </si>
  <si>
    <t>0.01097189690124889</t>
  </si>
  <si>
    <t>25.496660232543945</t>
  </si>
  <si>
    <t>895.2615356445312</t>
  </si>
  <si>
    <t>0.013547720273069608</t>
  </si>
  <si>
    <t>22.7899227142334</t>
  </si>
  <si>
    <t>1308.9080810546875</t>
  </si>
  <si>
    <t>2428.85693359375</t>
  </si>
  <si>
    <t>Mwanza</t>
  </si>
  <si>
    <t>22.718603134155273</t>
  </si>
  <si>
    <t>1054.6446533203125</t>
  </si>
  <si>
    <t>-0.005665737535677451</t>
  </si>
  <si>
    <t>22.64002227783203</t>
  </si>
  <si>
    <t>1109.6864013671875</t>
  </si>
  <si>
    <t>-0.01912104144677862</t>
  </si>
  <si>
    <t>22.67235565185547</t>
  </si>
  <si>
    <t>911.3242797851562</t>
  </si>
  <si>
    <t>-0.019493794681000765</t>
  </si>
  <si>
    <t>22.703508377075195</t>
  </si>
  <si>
    <t>1190.5443115234375</t>
  </si>
  <si>
    <t>-0.022897964093254508</t>
  </si>
  <si>
    <t>22.94019889831543</t>
  </si>
  <si>
    <t>1209.677001953125</t>
  </si>
  <si>
    <t>0.06245932182506486</t>
  </si>
  <si>
    <t>22.635034561157227</t>
  </si>
  <si>
    <t>1105.6531982421875</t>
  </si>
  <si>
    <t>0.07996993011810272</t>
  </si>
  <si>
    <t>22.698328018188477</t>
  </si>
  <si>
    <t>1413.650634765625</t>
  </si>
  <si>
    <t>0.06671954708393102</t>
  </si>
  <si>
    <t>22.99462127685547</t>
  </si>
  <si>
    <t>1063.9249267578125</t>
  </si>
  <si>
    <t>0.0594705535983282</t>
  </si>
  <si>
    <t>22.640060424804688</t>
  </si>
  <si>
    <t>988.074462890625</t>
  </si>
  <si>
    <t>0.06914682422376561</t>
  </si>
  <si>
    <t>22.91089630126953</t>
  </si>
  <si>
    <t>1164.1024169921875</t>
  </si>
  <si>
    <t>0.061975973373433746</t>
  </si>
  <si>
    <t>23.198034286499023</t>
  </si>
  <si>
    <t>1187.822509765625</t>
  </si>
  <si>
    <t>0.14143391378382564</t>
  </si>
  <si>
    <t>23.26778221130371</t>
  </si>
  <si>
    <t>1296.932861328125</t>
  </si>
  <si>
    <t>-0.030954852467988125</t>
  </si>
  <si>
    <t>23.473114013671875</t>
  </si>
  <si>
    <t>1122.0177001953125</t>
  </si>
  <si>
    <t>-0.10240907804444621</t>
  </si>
  <si>
    <t>22.99599266052246</t>
  </si>
  <si>
    <t>1146.054443359375</t>
  </si>
  <si>
    <t>0.03746741237410234</t>
  </si>
  <si>
    <t>23.285490036010742</t>
  </si>
  <si>
    <t>994.0053100585938</t>
  </si>
  <si>
    <t>0.028618805305652195</t>
  </si>
  <si>
    <t>22.879018783569336</t>
  </si>
  <si>
    <t>1391.1112060546875</t>
  </si>
  <si>
    <t>0.09616475897611743</t>
  </si>
  <si>
    <t>23.108057022094727</t>
  </si>
  <si>
    <t>1114.36181640625</t>
  </si>
  <si>
    <t>0.03028835006480879</t>
  </si>
  <si>
    <t>22.872838973999023</t>
  </si>
  <si>
    <t>1142.5399169921875</t>
  </si>
  <si>
    <t>23.373804092407227</t>
  </si>
  <si>
    <t>1161.536865234375</t>
  </si>
  <si>
    <t>0.07814868973178424</t>
  </si>
  <si>
    <t>23.33134651184082</t>
  </si>
  <si>
    <t>1135.942626953125</t>
  </si>
  <si>
    <t>0.02972204168055459</t>
  </si>
  <si>
    <t>22.8676700592041</t>
  </si>
  <si>
    <t>1093.2481689453125</t>
  </si>
  <si>
    <t>0.030728014367784162</t>
  </si>
  <si>
    <t>22.789413452148438</t>
  </si>
  <si>
    <t>1161.392578125</t>
  </si>
  <si>
    <t>-0.005134200309607984</t>
  </si>
  <si>
    <t>22.916460037231445</t>
  </si>
  <si>
    <t>1182.076171875</t>
  </si>
  <si>
    <t>0.059936229460693546</t>
  </si>
  <si>
    <t>22.79100799560547</t>
  </si>
  <si>
    <t>1147.529296875</t>
  </si>
  <si>
    <t>0.032946196100538394</t>
  </si>
  <si>
    <t>23.074920654296875</t>
  </si>
  <si>
    <t>1219.2733154296875</t>
  </si>
  <si>
    <t>0.015655069034865576</t>
  </si>
  <si>
    <t>23.215482711791992</t>
  </si>
  <si>
    <t>1201.331298828125</t>
  </si>
  <si>
    <t>0.06540401550687402</t>
  </si>
  <si>
    <t>22.998159408569336</t>
  </si>
  <si>
    <t>1113.9925537109375</t>
  </si>
  <si>
    <t>-0.02186531156304916</t>
  </si>
  <si>
    <t>22.76780891418457</t>
  </si>
  <si>
    <t>1202.134033203125</t>
  </si>
  <si>
    <t>0.006809559659894937</t>
  </si>
  <si>
    <t>22.898170471191406</t>
  </si>
  <si>
    <t>1284.06787109375</t>
  </si>
  <si>
    <t>0.018980403722518524</t>
  </si>
  <si>
    <t>22.861623764038086</t>
  </si>
  <si>
    <t>1310.052490234375</t>
  </si>
  <si>
    <t>-0.011424193580380049</t>
  </si>
  <si>
    <t>23.048072814941406</t>
  </si>
  <si>
    <t>1136.8489990234375</t>
  </si>
  <si>
    <t>0.011032420803577025</t>
  </si>
  <si>
    <t>22.92600440979004</t>
  </si>
  <si>
    <t>1135.5074462890625</t>
  </si>
  <si>
    <t>0.013621537721348886</t>
  </si>
  <si>
    <t>26.258615493774414</t>
  </si>
  <si>
    <t>1515.2650146484375</t>
  </si>
  <si>
    <t>1049.726806640625</t>
  </si>
  <si>
    <t>Non-Mainland Tanzania</t>
  </si>
  <si>
    <t>26.2419490814209</t>
  </si>
  <si>
    <t>1291.00927734375</t>
  </si>
  <si>
    <t>-0.014110891398397385</t>
  </si>
  <si>
    <t>26.1806697845459</t>
  </si>
  <si>
    <t>1704.609130859375</t>
  </si>
  <si>
    <t>-0.028833560431343663</t>
  </si>
  <si>
    <t>26.169387817382812</t>
  </si>
  <si>
    <t>1273.1197509765625</t>
  </si>
  <si>
    <t>-0.028104894320108542</t>
  </si>
  <si>
    <t>26.25682258605957</t>
  </si>
  <si>
    <t>2005.8985595703125</t>
  </si>
  <si>
    <t>-0.03136565927821966</t>
  </si>
  <si>
    <t>26.356124877929688</t>
  </si>
  <si>
    <t>1566.909423828125</t>
  </si>
  <si>
    <t>-0.028170876966696845</t>
  </si>
  <si>
    <t>26.22185707092285</t>
  </si>
  <si>
    <t>1186.123779296875</t>
  </si>
  <si>
    <t>-0.00759176990821242</t>
  </si>
  <si>
    <t>26.247955322265625</t>
  </si>
  <si>
    <t>1958.964111328125</t>
  </si>
  <si>
    <t>-0.019667158064422097</t>
  </si>
  <si>
    <t>26.66963005065918</t>
  </si>
  <si>
    <t>1331.424072265625</t>
  </si>
  <si>
    <t>-0.02359218201681923</t>
  </si>
  <si>
    <t>26.17722511291504</t>
  </si>
  <si>
    <t>1466.33349609375</t>
  </si>
  <si>
    <t>-0.014247792221901534</t>
  </si>
  <si>
    <t>26.267784118652344</t>
  </si>
  <si>
    <t>1311.5604248046875</t>
  </si>
  <si>
    <t>-0.019928195717680453</t>
  </si>
  <si>
    <t>26.506799697875977</t>
  </si>
  <si>
    <t>1211.7615966796875</t>
  </si>
  <si>
    <t>0.07658822928317122</t>
  </si>
  <si>
    <t>26.52995491027832</t>
  </si>
  <si>
    <t>1582.872314453125</t>
  </si>
  <si>
    <t>0.12491385964223323</t>
  </si>
  <si>
    <t>26.800453186035156</t>
  </si>
  <si>
    <t>969.4653930664062</t>
  </si>
  <si>
    <t>0.014110891398397385</t>
  </si>
  <si>
    <t>26.236539840698242</t>
  </si>
  <si>
    <t>1203.4593505859375</t>
  </si>
  <si>
    <t>0.27263581478932064</t>
  </si>
  <si>
    <t>26.364891052246094</t>
  </si>
  <si>
    <t>1042.87890625</t>
  </si>
  <si>
    <t>0.13233753033868556</t>
  </si>
  <si>
    <t>26.287885665893555</t>
  </si>
  <si>
    <t>2058.66162109375</t>
  </si>
  <si>
    <t>0.006374132883224526</t>
  </si>
  <si>
    <t>26.36805534362793</t>
  </si>
  <si>
    <t>1269.504638671875</t>
  </si>
  <si>
    <t>0.014074486153226928</t>
  </si>
  <si>
    <t>26.202970504760742</t>
  </si>
  <si>
    <t>1122.5576171875</t>
  </si>
  <si>
    <t>-0.09550296947139536</t>
  </si>
  <si>
    <t>26.5527286529541</t>
  </si>
  <si>
    <t>1070.8448486328125</t>
  </si>
  <si>
    <t>-0.007985136919313796</t>
  </si>
  <si>
    <t>26.6308650970459</t>
  </si>
  <si>
    <t>1083.4542236328125</t>
  </si>
  <si>
    <t>0.02376663225671649</t>
  </si>
  <si>
    <t>26.404794692993164</t>
  </si>
  <si>
    <t>1520.5501708984375</t>
  </si>
  <si>
    <t>0.07198074849698344</t>
  </si>
  <si>
    <t>26.359695434570312</t>
  </si>
  <si>
    <t>1109.0628662109375</t>
  </si>
  <si>
    <t>0.023993473450985014</t>
  </si>
  <si>
    <t>26.49913215637207</t>
  </si>
  <si>
    <t>1319.718017578125</t>
  </si>
  <si>
    <t>0.034944156386021774</t>
  </si>
  <si>
    <t>26.444175720214844</t>
  </si>
  <si>
    <t>1447.009765625</t>
  </si>
  <si>
    <t>0.03729931364273309</t>
  </si>
  <si>
    <t>26.736303329467773</t>
  </si>
  <si>
    <t>1594.361083984375</t>
  </si>
  <si>
    <t>0.015320938774299186</t>
  </si>
  <si>
    <t>26.800504684448242</t>
  </si>
  <si>
    <t>1460.921630859375</t>
  </si>
  <si>
    <t>0.04043964515255638</t>
  </si>
  <si>
    <t>26.70109748840332</t>
  </si>
  <si>
    <t>1695.245361328125</t>
  </si>
  <si>
    <t>0.04884976070093128</t>
  </si>
  <si>
    <t>26.46888542175293</t>
  </si>
  <si>
    <t>1329.490966796875</t>
  </si>
  <si>
    <t>0.02704456419648693</t>
  </si>
  <si>
    <t>26.71466064453125</t>
  </si>
  <si>
    <t>2494.48974609375</t>
  </si>
  <si>
    <t>0.03570451417309961</t>
  </si>
  <si>
    <t>26.761491775512695</t>
  </si>
  <si>
    <t>1908.972412109375</t>
  </si>
  <si>
    <t>-0.011257154524634494</t>
  </si>
  <si>
    <t>26.636756896972656</t>
  </si>
  <si>
    <t>1716.5853271484375</t>
  </si>
  <si>
    <t>0.010883950564340772</t>
  </si>
  <si>
    <t>26.51827049255371</t>
  </si>
  <si>
    <t>1322.2005615234375</t>
  </si>
  <si>
    <t>0.01371661913397837</t>
  </si>
  <si>
    <t>26.15077018737793</t>
  </si>
  <si>
    <t>1239.972900390625</t>
  </si>
  <si>
    <t>294.1412048339844</t>
  </si>
  <si>
    <t>Pwani</t>
  </si>
  <si>
    <t>26.0883846282959</t>
  </si>
  <si>
    <t>904.6197509765625</t>
  </si>
  <si>
    <t>-0.0020639842208511894</t>
  </si>
  <si>
    <t>26.13507652282715</t>
  </si>
  <si>
    <t>1258.3994140625</t>
  </si>
  <si>
    <t>-0.014568415828290604</t>
  </si>
  <si>
    <t>26.06719207763672</t>
  </si>
  <si>
    <t>1024.1490478515625</t>
  </si>
  <si>
    <t>-0.01691372244206235</t>
  </si>
  <si>
    <t>26.172754287719727</t>
  </si>
  <si>
    <t>1516.262451171875</t>
  </si>
  <si>
    <t>-0.019376278963138205</t>
  </si>
  <si>
    <t>26.29294776916504</t>
  </si>
  <si>
    <t>1297.5687255859375</t>
  </si>
  <si>
    <t>0.1895418047674413</t>
  </si>
  <si>
    <t>667</t>
  </si>
  <si>
    <t>26.1334228515625</t>
  </si>
  <si>
    <t>984.8348388671875</t>
  </si>
  <si>
    <t>0.1820217516650411</t>
  </si>
  <si>
    <t>26.225664138793945</t>
  </si>
  <si>
    <t>1499.169189453125</t>
  </si>
  <si>
    <t>0.14878182767410397</t>
  </si>
  <si>
    <t>26.600908279418945</t>
  </si>
  <si>
    <t>1003.7281494140625</t>
  </si>
  <si>
    <t>0.12948575234645254</t>
  </si>
  <si>
    <t>26.12038230895996</t>
  </si>
  <si>
    <t>1089.443603515625</t>
  </si>
  <si>
    <t>0.12769715337904053</t>
  </si>
  <si>
    <t>1121</t>
  </si>
  <si>
    <t>26.125947952270508</t>
  </si>
  <si>
    <t>1014.7615356445312</t>
  </si>
  <si>
    <t>0.11322164375693955</t>
  </si>
  <si>
    <t>26.386686325073242</t>
  </si>
  <si>
    <t>943.1663818359375</t>
  </si>
  <si>
    <t>26.466875076293945</t>
  </si>
  <si>
    <t>1183.01953125</t>
  </si>
  <si>
    <t>0.008039346559416849</t>
  </si>
  <si>
    <t>1350</t>
  </si>
  <si>
    <t>26.666845321655273</t>
  </si>
  <si>
    <t>773.2720336914062</t>
  </si>
  <si>
    <t>0.18321084097883933</t>
  </si>
  <si>
    <t>26.129758834838867</t>
  </si>
  <si>
    <t>1139.5380859375</t>
  </si>
  <si>
    <t>-0.06108769197983843</t>
  </si>
  <si>
    <t>26.363920211791992</t>
  </si>
  <si>
    <t>851.6961669921875</t>
  </si>
  <si>
    <t>-0.020684906153512372</t>
  </si>
  <si>
    <t>26.18543815612793</t>
  </si>
  <si>
    <t>1380.9322509765625</t>
  </si>
  <si>
    <t>0.04017870083451314</t>
  </si>
  <si>
    <t>26.28592872619629</t>
  </si>
  <si>
    <t>938.8513793945312</t>
  </si>
  <si>
    <t>26.126615524291992</t>
  </si>
  <si>
    <t>933.9436645507812</t>
  </si>
  <si>
    <t>0.025778531328076504</t>
  </si>
  <si>
    <t>26.416627883911133</t>
  </si>
  <si>
    <t>854.5404052734375</t>
  </si>
  <si>
    <t>-0.008267615676268214</t>
  </si>
  <si>
    <t>26.56363868713379</t>
  </si>
  <si>
    <t>916.0462036132812</t>
  </si>
  <si>
    <t>0.0811451476587024</t>
  </si>
  <si>
    <t>26.32415771484375</t>
  </si>
  <si>
    <t>1212.707763671875</t>
  </si>
  <si>
    <t>0.03554714660498437</t>
  </si>
  <si>
    <t>26.275880813598633</t>
  </si>
  <si>
    <t>888.4053955078125</t>
  </si>
  <si>
    <t>0.03691915664783618</t>
  </si>
  <si>
    <t>26.373430252075195</t>
  </si>
  <si>
    <t>981.2578735351562</t>
  </si>
  <si>
    <t>0.021767824923796475</t>
  </si>
  <si>
    <t>26.3560848236084</t>
  </si>
  <si>
    <t>1159.885986328125</t>
  </si>
  <si>
    <t>0.038514076834449185</t>
  </si>
  <si>
    <t>26.618040084838867</t>
  </si>
  <si>
    <t>1148.9580078125</t>
  </si>
  <si>
    <t>0.01631949182860115</t>
  </si>
  <si>
    <t>26.634973526000977</t>
  </si>
  <si>
    <t>1131.9918212890625</t>
  </si>
  <si>
    <t>0.03360174654676751</t>
  </si>
  <si>
    <t>26.67107391357422</t>
  </si>
  <si>
    <t>1234.957275390625</t>
  </si>
  <si>
    <t>0.11591333394153569</t>
  </si>
  <si>
    <t>26.402692794799805</t>
  </si>
  <si>
    <t>1045.37109375</t>
  </si>
  <si>
    <t>26.654878616333008</t>
  </si>
  <si>
    <t>1551.0433349609375</t>
  </si>
  <si>
    <t>0.035559302036486606</t>
  </si>
  <si>
    <t>26.691925048828125</t>
  </si>
  <si>
    <t>1393.7425537109375</t>
  </si>
  <si>
    <t>-0.011222367107788678</t>
  </si>
  <si>
    <t>26.49791717529297</t>
  </si>
  <si>
    <t>1145.2919921875</t>
  </si>
  <si>
    <t>0.011222367107788678</t>
  </si>
  <si>
    <t>26.370132446289062</t>
  </si>
  <si>
    <t>870.2708129882812</t>
  </si>
  <si>
    <t>0.013494180666106637</t>
  </si>
  <si>
    <t>2541</t>
  </si>
  <si>
    <t>22.068145751953125</t>
  </si>
  <si>
    <t>933.8726196289062</t>
  </si>
  <si>
    <t>448.8900146484375</t>
  </si>
  <si>
    <t>Rukwa</t>
  </si>
  <si>
    <t>21.811105728149414</t>
  </si>
  <si>
    <t>1003.8192749023438</t>
  </si>
  <si>
    <t>0.013382194840698247</t>
  </si>
  <si>
    <t>22.009004592895508</t>
  </si>
  <si>
    <t>1023.3834838867188</t>
  </si>
  <si>
    <t>-0.0012091899901394143</t>
  </si>
  <si>
    <t>21.80156898498535</t>
  </si>
  <si>
    <t>854.0818481445312</t>
  </si>
  <si>
    <t>-0.0018165309263977747</t>
  </si>
  <si>
    <t>22.0734806060791</t>
  </si>
  <si>
    <t>1010.4574584960938</t>
  </si>
  <si>
    <t>22.281579971313477</t>
  </si>
  <si>
    <t>882.4258422851562</t>
  </si>
  <si>
    <t>-0.027788141797360666</t>
  </si>
  <si>
    <t>21.929040908813477</t>
  </si>
  <si>
    <t>984.15869140625</t>
  </si>
  <si>
    <t>-0.006911746020219489</t>
  </si>
  <si>
    <t>22.065828323364258</t>
  </si>
  <si>
    <t>1181.587890625</t>
  </si>
  <si>
    <t>-0.01973957758145861</t>
  </si>
  <si>
    <t>22.202545166015625</t>
  </si>
  <si>
    <t>961.5673828125</t>
  </si>
  <si>
    <t>-0.023423322017561254</t>
  </si>
  <si>
    <t>21.79694175720215</t>
  </si>
  <si>
    <t>914.875</t>
  </si>
  <si>
    <t>-0.01392133851860855</t>
  </si>
  <si>
    <t>21.86583709716797</t>
  </si>
  <si>
    <t>1070.56787109375</t>
  </si>
  <si>
    <t>-0.019548987903287518</t>
  </si>
  <si>
    <t>22.04555320739746</t>
  </si>
  <si>
    <t>1003.9902954101562</t>
  </si>
  <si>
    <t>-0.07489374447734409</t>
  </si>
  <si>
    <t>22.2453670501709</t>
  </si>
  <si>
    <t>1018.1345825195312</t>
  </si>
  <si>
    <t>0.03602695098799469</t>
  </si>
  <si>
    <t>1604</t>
  </si>
  <si>
    <t>22.471208572387695</t>
  </si>
  <si>
    <t>938.830810546875</t>
  </si>
  <si>
    <t>0.12678540574193242</t>
  </si>
  <si>
    <t>21.931703567504883</t>
  </si>
  <si>
    <t>1136.3260498046875</t>
  </si>
  <si>
    <t>0.004975134640113232</t>
  </si>
  <si>
    <t>22.537874221801758</t>
  </si>
  <si>
    <t>845.649658203125</t>
  </si>
  <si>
    <t>0.02632536474459002</t>
  </si>
  <si>
    <t>21.756616592407227</t>
  </si>
  <si>
    <t>1172.4271240234375</t>
  </si>
  <si>
    <t>0.018557850750637428</t>
  </si>
  <si>
    <t>21.91143798828125</t>
  </si>
  <si>
    <t>1030.178466796875</t>
  </si>
  <si>
    <t>0.03782819372405122</t>
  </si>
  <si>
    <t>21.7618465423584</t>
  </si>
  <si>
    <t>1052.151611328125</t>
  </si>
  <si>
    <t>0.03809984623226992</t>
  </si>
  <si>
    <t>21.93257713317871</t>
  </si>
  <si>
    <t>1018.0509033203125</t>
  </si>
  <si>
    <t>-0.0022014318191709847</t>
  </si>
  <si>
    <t>22.281599044799805</t>
  </si>
  <si>
    <t>893.3215942382812</t>
  </si>
  <si>
    <t>0.005494519317641</t>
  </si>
  <si>
    <t>21.83588409423828</t>
  </si>
  <si>
    <t>1084.391845703125</t>
  </si>
  <si>
    <t>0.05490320915389901</t>
  </si>
  <si>
    <t>22.03611946105957</t>
  </si>
  <si>
    <t>888.7430419921875</t>
  </si>
  <si>
    <t>22.03242301940918</t>
  </si>
  <si>
    <t>1049.7529296875</t>
  </si>
  <si>
    <t>0.026129167055168878</t>
  </si>
  <si>
    <t>21.945798873901367</t>
  </si>
  <si>
    <t>1050.002197265625</t>
  </si>
  <si>
    <t>0.031140240735723523</t>
  </si>
  <si>
    <t>22.2255916595459</t>
  </si>
  <si>
    <t>1062.0711669921875</t>
  </si>
  <si>
    <t>0.03157179587581371</t>
  </si>
  <si>
    <t>22.251741409301758</t>
  </si>
  <si>
    <t>1007.9641723632812</t>
  </si>
  <si>
    <t>0.056421802978462665</t>
  </si>
  <si>
    <t>22.295616149902344</t>
  </si>
  <si>
    <t>994.2200317382812</t>
  </si>
  <si>
    <t>-0.005631377238506374</t>
  </si>
  <si>
    <t>21.9948673248291</t>
  </si>
  <si>
    <t>1080.8037109375</t>
  </si>
  <si>
    <t>0.008219816992609097</t>
  </si>
  <si>
    <t>22.212438583374023</t>
  </si>
  <si>
    <t>1106.6025390625</t>
  </si>
  <si>
    <t>0.029295238651118716</t>
  </si>
  <si>
    <t>22.064796447753906</t>
  </si>
  <si>
    <t>1077.1702880859375</t>
  </si>
  <si>
    <t>-0.010938266399567631</t>
  </si>
  <si>
    <t>22.080202102661133</t>
  </si>
  <si>
    <t>960.7637329101562</t>
  </si>
  <si>
    <t>0.010938266399567631</t>
  </si>
  <si>
    <t>21.92055320739746</t>
  </si>
  <si>
    <t>988.8807373046875</t>
  </si>
  <si>
    <t>0.013300279187481223</t>
  </si>
  <si>
    <t>22.493364334106445</t>
  </si>
  <si>
    <t>1101.4927978515625</t>
  </si>
  <si>
    <t>307.2127380371094</t>
  </si>
  <si>
    <t>Ruvuma</t>
  </si>
  <si>
    <t>22.27876853942871</t>
  </si>
  <si>
    <t>1296.8321533203125</t>
  </si>
  <si>
    <t>0.010180559932117639</t>
  </si>
  <si>
    <t>22.60512351989746</t>
  </si>
  <si>
    <t>1016.2650146484375</t>
  </si>
  <si>
    <t>-0.0036900410874540768</t>
  </si>
  <si>
    <t>22.421831130981445</t>
  </si>
  <si>
    <t>993.6732177734375</t>
  </si>
  <si>
    <t>22.46419334411621</t>
  </si>
  <si>
    <t>1082.8443603515625</t>
  </si>
  <si>
    <t>-0.00838384044389695</t>
  </si>
  <si>
    <t>22.846580505371094</t>
  </si>
  <si>
    <t>952.1198120117188</t>
  </si>
  <si>
    <t>0.03763638328133467</t>
  </si>
  <si>
    <t>22.407468795776367</t>
  </si>
  <si>
    <t>1161.946044921875</t>
  </si>
  <si>
    <t>0.057758834152192406</t>
  </si>
  <si>
    <t>1231</t>
  </si>
  <si>
    <t>22.476303100585938</t>
  </si>
  <si>
    <t>1303.6317138671875</t>
  </si>
  <si>
    <t>0.04570799772588163</t>
  </si>
  <si>
    <t>22.79448127746582</t>
  </si>
  <si>
    <t>921.853271484375</t>
  </si>
  <si>
    <t>0.0413742384311826</t>
  </si>
  <si>
    <t>22.27366065979004</t>
  </si>
  <si>
    <t>1104.5557861328125</t>
  </si>
  <si>
    <t>0.05164397334456261</t>
  </si>
  <si>
    <t>22.249732971191406</t>
  </si>
  <si>
    <t>1152.8919677734375</t>
  </si>
  <si>
    <t>0.045577508496318586</t>
  </si>
  <si>
    <t>22.54364776611328</t>
  </si>
  <si>
    <t>1065.423095703125</t>
  </si>
  <si>
    <t>-0.10269238255178248</t>
  </si>
  <si>
    <t>22.65244483947754</t>
  </si>
  <si>
    <t>1132.45751953125</t>
  </si>
  <si>
    <t>22.76578712463379</t>
  </si>
  <si>
    <t>995.9309692382812</t>
  </si>
  <si>
    <t>0.2350047465716738</t>
  </si>
  <si>
    <t>22.456987380981445</t>
  </si>
  <si>
    <t>1214.6531982421875</t>
  </si>
  <si>
    <t>0.045013087311927436</t>
  </si>
  <si>
    <t>23.14678955078125</t>
  </si>
  <si>
    <t>973.6203002929688</t>
  </si>
  <si>
    <t>0.10439386502673109</t>
  </si>
  <si>
    <t>22.404672622680664</t>
  </si>
  <si>
    <t>1311.4259033203125</t>
  </si>
  <si>
    <t>-0.01756142692994711</t>
  </si>
  <si>
    <t>22.55634307861328</t>
  </si>
  <si>
    <t>1001.6973266601562</t>
  </si>
  <si>
    <t>0.06016133711970717</t>
  </si>
  <si>
    <t>22.405839920043945</t>
  </si>
  <si>
    <t>1063.3604736328125</t>
  </si>
  <si>
    <t>0.04396810611869917</t>
  </si>
  <si>
    <t>22.538848876953125</t>
  </si>
  <si>
    <t>1153.8385009765625</t>
  </si>
  <si>
    <t>-0.01249458467941178</t>
  </si>
  <si>
    <t>22.824403762817383</t>
  </si>
  <si>
    <t>956.8764038085938</t>
  </si>
  <si>
    <t>-0.023626723734582633</t>
  </si>
  <si>
    <t>22.302507400512695</t>
  </si>
  <si>
    <t>1156.9197998046875</t>
  </si>
  <si>
    <t>0.09468302393553962</t>
  </si>
  <si>
    <t>22.467729568481445</t>
  </si>
  <si>
    <t>915.5579223632812</t>
  </si>
  <si>
    <t>0.06163279796379495</t>
  </si>
  <si>
    <t>2647</t>
  </si>
  <si>
    <t>22.484481811523438</t>
  </si>
  <si>
    <t>1126.631591796875</t>
  </si>
  <si>
    <t>0.04008243680498236</t>
  </si>
  <si>
    <t>22.514177322387695</t>
  </si>
  <si>
    <t>1098.6685791015625</t>
  </si>
  <si>
    <t>0.04144137199018427</t>
  </si>
  <si>
    <t>22.76441192626953</t>
  </si>
  <si>
    <t>922.8535766601562</t>
  </si>
  <si>
    <t>0.03979210590377846</t>
  </si>
  <si>
    <t>22.757070541381836</t>
  </si>
  <si>
    <t>1004.6962890625</t>
  </si>
  <si>
    <t>0.03960913809504607</t>
  </si>
  <si>
    <t>22.723108291625977</t>
  </si>
  <si>
    <t>1353.485595703125</t>
  </si>
  <si>
    <t>0.01231091908331372</t>
  </si>
  <si>
    <t>22.58403968811035</t>
  </si>
  <si>
    <t>1102.745361328125</t>
  </si>
  <si>
    <t>0.026755266409209</t>
  </si>
  <si>
    <t>22.80573844909668</t>
  </si>
  <si>
    <t>1363.3380126953125</t>
  </si>
  <si>
    <t>0.03542432384369576</t>
  </si>
  <si>
    <t>22.804893493652344</t>
  </si>
  <si>
    <t>1194.8026123046875</t>
  </si>
  <si>
    <t>-0.011250118654595909</t>
  </si>
  <si>
    <t>22.67272186279297</t>
  </si>
  <si>
    <t>981.5889282226562</t>
  </si>
  <si>
    <t>0.010939318341293358</t>
  </si>
  <si>
    <t>22.509666442871094</t>
  </si>
  <si>
    <t>1211.19287109375</t>
  </si>
  <si>
    <t>0.0135846485502924</t>
  </si>
  <si>
    <t>22.773874282836914</t>
  </si>
  <si>
    <t>1014.9855346679688</t>
  </si>
  <si>
    <t>827.97509765625</t>
  </si>
  <si>
    <t>Shinyanga</t>
  </si>
  <si>
    <t>1141</t>
  </si>
  <si>
    <t>22.699859619140625</t>
  </si>
  <si>
    <t>833.8666381835938</t>
  </si>
  <si>
    <t>-0.0052447672672952805</t>
  </si>
  <si>
    <t>22.669273376464844</t>
  </si>
  <si>
    <t>908.0825805664062</t>
  </si>
  <si>
    <t>-0.01946964155015074</t>
  </si>
  <si>
    <t>22.65715789794922</t>
  </si>
  <si>
    <t>683.7779541015625</t>
  </si>
  <si>
    <t>-0.01894508624244917</t>
  </si>
  <si>
    <t>22.7435359954834</t>
  </si>
  <si>
    <t>831.2528076171875</t>
  </si>
  <si>
    <t>-0.022100347000665543</t>
  </si>
  <si>
    <t>22.963476181030273</t>
  </si>
  <si>
    <t>852.1572875976562</t>
  </si>
  <si>
    <t>0.03297001923756948</t>
  </si>
  <si>
    <t>22.678571701049805</t>
  </si>
  <si>
    <t>826.48681640625</t>
  </si>
  <si>
    <t>0.05349806929133738</t>
  </si>
  <si>
    <t>1221</t>
  </si>
  <si>
    <t>22.82464599609375</t>
  </si>
  <si>
    <t>1132.0098876953125</t>
  </si>
  <si>
    <t>0.04181211051298739</t>
  </si>
  <si>
    <t>23.12549591064453</t>
  </si>
  <si>
    <t>767.607177734375</t>
  </si>
  <si>
    <t>0.03777066088646652</t>
  </si>
  <si>
    <t>22.67713165283203</t>
  </si>
  <si>
    <t>756.073486328125</t>
  </si>
  <si>
    <t>0.04773808621862852</t>
  </si>
  <si>
    <t>22.872880935668945</t>
  </si>
  <si>
    <t>877.9688720703125</t>
  </si>
  <si>
    <t>0.042684919850950465</t>
  </si>
  <si>
    <t>23.072166442871094</t>
  </si>
  <si>
    <t>837.2250366210938</t>
  </si>
  <si>
    <t>0.022088536093292532</t>
  </si>
  <si>
    <t>23.13614845275879</t>
  </si>
  <si>
    <t>993.4512329101562</t>
  </si>
  <si>
    <t>-0.0228092568452114</t>
  </si>
  <si>
    <t>23.422340393066406</t>
  </si>
  <si>
    <t>751.4724731445312</t>
  </si>
  <si>
    <t>-0.10479991018925361</t>
  </si>
  <si>
    <t>22.8392391204834</t>
  </si>
  <si>
    <t>835.565185546875</t>
  </si>
  <si>
    <t>-0.06790687783902172</t>
  </si>
  <si>
    <t>23.223108291625977</t>
  </si>
  <si>
    <t>624.9845581054688</t>
  </si>
  <si>
    <t>-0.036653317648035255</t>
  </si>
  <si>
    <t>22.733428955078125</t>
  </si>
  <si>
    <t>1164.5355224609375</t>
  </si>
  <si>
    <t>0.030636969461889763</t>
  </si>
  <si>
    <t>22.906095504760742</t>
  </si>
  <si>
    <t>813.7341918945312</t>
  </si>
  <si>
    <t>0.034734537979573155</t>
  </si>
  <si>
    <t>22.695104598999023</t>
  </si>
  <si>
    <t>884.2991943359375</t>
  </si>
  <si>
    <t>0.02872581593765222</t>
  </si>
  <si>
    <t>23.13545799255371</t>
  </si>
  <si>
    <t>875.4220581054688</t>
  </si>
  <si>
    <t>-0.005679528451601357</t>
  </si>
  <si>
    <t>23.18413543701172</t>
  </si>
  <si>
    <t>791.1375732421875</t>
  </si>
  <si>
    <t>0.04144019233069951</t>
  </si>
  <si>
    <t>22.745351791381836</t>
  </si>
  <si>
    <t>774.5380249023438</t>
  </si>
  <si>
    <t>0.026195642715131306</t>
  </si>
  <si>
    <t>22.781641006469727</t>
  </si>
  <si>
    <t>796.02294921875</t>
  </si>
  <si>
    <t>0.23117207281469732</t>
  </si>
  <si>
    <t>22.946823120117188</t>
  </si>
  <si>
    <t>956.444580078125</t>
  </si>
  <si>
    <t>0.027382663236125815</t>
  </si>
  <si>
    <t>22.778234481811523</t>
  </si>
  <si>
    <t>811.943115234375</t>
  </si>
  <si>
    <t>0.041972242889427136</t>
  </si>
  <si>
    <t>23.106348037719727</t>
  </si>
  <si>
    <t>997.495361328125</t>
  </si>
  <si>
    <t>0.06591004638289899</t>
  </si>
  <si>
    <t>23.186599731445312</t>
  </si>
  <si>
    <t>882.8939208984375</t>
  </si>
  <si>
    <t>-0.03105174533069377</t>
  </si>
  <si>
    <t>23.022497177124023</t>
  </si>
  <si>
    <t>790.4529418945312</t>
  </si>
  <si>
    <t>-0.04277241810819632</t>
  </si>
  <si>
    <t>22.8073787689209</t>
  </si>
  <si>
    <t>919.3131103515625</t>
  </si>
  <si>
    <t>0.05305111287765918</t>
  </si>
  <si>
    <t>22.909217834472656</t>
  </si>
  <si>
    <t>983.9337768554688</t>
  </si>
  <si>
    <t>-0.02176364463635938</t>
  </si>
  <si>
    <t>22.809904098510742</t>
  </si>
  <si>
    <t>1019.5493774414062</t>
  </si>
  <si>
    <t>-0.011062059705858829</t>
  </si>
  <si>
    <t>23.003812789916992</t>
  </si>
  <si>
    <t>882.3158569335938</t>
  </si>
  <si>
    <t>0.010511853364605805</t>
  </si>
  <si>
    <t>22.911272048950195</t>
  </si>
  <si>
    <t>805.0148315429688</t>
  </si>
  <si>
    <t>0.013665148419081063</t>
  </si>
  <si>
    <t>2544</t>
  </si>
  <si>
    <t>21.73834991455078</t>
  </si>
  <si>
    <t>799.5828857421875</t>
  </si>
  <si>
    <t>409.0036315917969</t>
  </si>
  <si>
    <t>Singida</t>
  </si>
  <si>
    <t>21.630247116088867</t>
  </si>
  <si>
    <t>562.6101684570312</t>
  </si>
  <si>
    <t>-0.0065952423727342335</t>
  </si>
  <si>
    <t>21.653879165649414</t>
  </si>
  <si>
    <t>804.5117797851562</t>
  </si>
  <si>
    <t>-0.02089503517084168</t>
  </si>
  <si>
    <t>21.608877182006836</t>
  </si>
  <si>
    <t>526.178466796875</t>
  </si>
  <si>
    <t>-0.020478531343540496</t>
  </si>
  <si>
    <t>21.67768096923828</t>
  </si>
  <si>
    <t>630.9630126953125</t>
  </si>
  <si>
    <t>-0.023551023072403865</t>
  </si>
  <si>
    <t>21.92779541015625</t>
  </si>
  <si>
    <t>575.0772705078125</t>
  </si>
  <si>
    <t>-0.0026513493216206996</t>
  </si>
  <si>
    <t>21.675979614257812</t>
  </si>
  <si>
    <t>686.3369750976562</t>
  </si>
  <si>
    <t>0.01928192954945107</t>
  </si>
  <si>
    <t>21.85039520263672</t>
  </si>
  <si>
    <t>937.212646484375</t>
  </si>
  <si>
    <t>0.008643096156019325</t>
  </si>
  <si>
    <t>22.135236740112305</t>
  </si>
  <si>
    <t>594.6529541015625</t>
  </si>
  <si>
    <t>0.005150225976316314</t>
  </si>
  <si>
    <t>21.605379104614258</t>
  </si>
  <si>
    <t>519.8945922851562</t>
  </si>
  <si>
    <t>0.016136231221495656</t>
  </si>
  <si>
    <t>21.717788696289062</t>
  </si>
  <si>
    <t>798.3770141601562</t>
  </si>
  <si>
    <t>0.010892441166423517</t>
  </si>
  <si>
    <t>21.900718688964844</t>
  </si>
  <si>
    <t>624.6121215820312</t>
  </si>
  <si>
    <t>-0.05921935965997083</t>
  </si>
  <si>
    <t>21.892562866210938</t>
  </si>
  <si>
    <t>695.9697265625</t>
  </si>
  <si>
    <t>0.047484103441550296</t>
  </si>
  <si>
    <t>22.229400634765625</t>
  </si>
  <si>
    <t>489.09246826171875</t>
  </si>
  <si>
    <t>-0.0671275922073038</t>
  </si>
  <si>
    <t>21.65033531188965</t>
  </si>
  <si>
    <t>628.9921264648438</t>
  </si>
  <si>
    <t>-0.05848534272549877</t>
  </si>
  <si>
    <t>22.12032127380371</t>
  </si>
  <si>
    <t>384.72735595703125</t>
  </si>
  <si>
    <t>-0.08267523282674283</t>
  </si>
  <si>
    <t>21.54840660095215</t>
  </si>
  <si>
    <t>924.67041015625</t>
  </si>
  <si>
    <t>0.04169388845354849</t>
  </si>
  <si>
    <t>21.627403259277344</t>
  </si>
  <si>
    <t>570.3790893554688</t>
  </si>
  <si>
    <t>-0.006996530289836045</t>
  </si>
  <si>
    <t>21.465787887573242</t>
  </si>
  <si>
    <t>704.2125244140625</t>
  </si>
  <si>
    <t>0.024766000801811572</t>
  </si>
  <si>
    <t>21.80769920349121</t>
  </si>
  <si>
    <t>698.8272094726562</t>
  </si>
  <si>
    <t>-0.01280175041004128</t>
  </si>
  <si>
    <t>21.97098731994629</t>
  </si>
  <si>
    <t>539.1818237304688</t>
  </si>
  <si>
    <t>0.18578433542104023</t>
  </si>
  <si>
    <t>21.5629825592041</t>
  </si>
  <si>
    <t>591.165771484375</t>
  </si>
  <si>
    <t>-0.034327355386606584</t>
  </si>
  <si>
    <t>21.709794998168945</t>
  </si>
  <si>
    <t>630.370849609375</t>
  </si>
  <si>
    <t>0.09111990440952233</t>
  </si>
  <si>
    <t>1284</t>
  </si>
  <si>
    <t>21.878286361694336</t>
  </si>
  <si>
    <t>661.0222778320312</t>
  </si>
  <si>
    <t>-0.0015564205476579218</t>
  </si>
  <si>
    <t>21.74280548095703</t>
  </si>
  <si>
    <t>578.72509765625</t>
  </si>
  <si>
    <t>0.042689408695050446</t>
  </si>
  <si>
    <t>22.07331657409668</t>
  </si>
  <si>
    <t>765.5972900390625</t>
  </si>
  <si>
    <t>-0.01276772883000099</t>
  </si>
  <si>
    <t>22.12236785888672</t>
  </si>
  <si>
    <t>633.447509765625</t>
  </si>
  <si>
    <t>0.0636878192572583</t>
  </si>
  <si>
    <t>21.9758243560791</t>
  </si>
  <si>
    <t>646.0433959960938</t>
  </si>
  <si>
    <t>0.037582711149042325</t>
  </si>
  <si>
    <t>21.721586227416992</t>
  </si>
  <si>
    <t>673.98681640625</t>
  </si>
  <si>
    <t>0.02229068989837213</t>
  </si>
  <si>
    <t>21.78449821472168</t>
  </si>
  <si>
    <t>823.4526977539062</t>
  </si>
  <si>
    <t>0.030913346165093003</t>
  </si>
  <si>
    <t>21.767494201660156</t>
  </si>
  <si>
    <t>811.2719116210938</t>
  </si>
  <si>
    <t>-0.011071425366089294</t>
  </si>
  <si>
    <t>21.85584259033203</t>
  </si>
  <si>
    <t>618.0413818359375</t>
  </si>
  <si>
    <t>0.011071425366089294</t>
  </si>
  <si>
    <t>21.76766014099121</t>
  </si>
  <si>
    <t>663.1869506835938</t>
  </si>
  <si>
    <t>23.197242736816406</t>
  </si>
  <si>
    <t>1039.3917236328125</t>
  </si>
  <si>
    <t>470.9210205078125</t>
  </si>
  <si>
    <t>Tabora</t>
  </si>
  <si>
    <t>23.128257751464844</t>
  </si>
  <si>
    <t>885.8385620117188</t>
  </si>
  <si>
    <t>-0.0061224681043841045</t>
  </si>
  <si>
    <t>23.12849998474121</t>
  </si>
  <si>
    <t>1073.682373046875</t>
  </si>
  <si>
    <t>-0.020683260589827945</t>
  </si>
  <si>
    <t>23.062103271484375</t>
  </si>
  <si>
    <t>763.3651123046875</t>
  </si>
  <si>
    <t>-0.020053442446729797</t>
  </si>
  <si>
    <t>23.202722549438477</t>
  </si>
  <si>
    <t>860.5164184570312</t>
  </si>
  <si>
    <t>-0.023733584332094715</t>
  </si>
  <si>
    <t>23.38921356201172</t>
  </si>
  <si>
    <t>853.2597045898438</t>
  </si>
  <si>
    <t>0.03116856281961322</t>
  </si>
  <si>
    <t>23.15227508544922</t>
  </si>
  <si>
    <t>900.9439086914062</t>
  </si>
  <si>
    <t>0.05256233009085509</t>
  </si>
  <si>
    <t>23.326322555541992</t>
  </si>
  <si>
    <t>1120.5494384765625</t>
  </si>
  <si>
    <t>23.57464027404785</t>
  </si>
  <si>
    <t>862.6703491210938</t>
  </si>
  <si>
    <t>0.036883613430554796</t>
  </si>
  <si>
    <t>23.17249870300293</t>
  </si>
  <si>
    <t>809.8068237304688</t>
  </si>
  <si>
    <t>0.047152886993273135</t>
  </si>
  <si>
    <t>23.28171730041504</t>
  </si>
  <si>
    <t>996.2176513671875</t>
  </si>
  <si>
    <t>0.04163654311061471</t>
  </si>
  <si>
    <t>23.374732971191406</t>
  </si>
  <si>
    <t>838.8241577148438</t>
  </si>
  <si>
    <t>-0.03809984623226992</t>
  </si>
  <si>
    <t>23.4974422454834</t>
  </si>
  <si>
    <t>937.4295654296875</t>
  </si>
  <si>
    <t>-0.13290115374313416</t>
  </si>
  <si>
    <t>23.842208862304688</t>
  </si>
  <si>
    <t>770.3108520507812</t>
  </si>
  <si>
    <t>0.11058876002235696</t>
  </si>
  <si>
    <t>23.164695739746094</t>
  </si>
  <si>
    <t>940.0550537109375</t>
  </si>
  <si>
    <t>0.09711360680347525</t>
  </si>
  <si>
    <t>23.581560134887695</t>
  </si>
  <si>
    <t>678.2080078125</t>
  </si>
  <si>
    <t>0.11805599867158989</t>
  </si>
  <si>
    <t>23.085458755493164</t>
  </si>
  <si>
    <t>1182.8035888671875</t>
  </si>
  <si>
    <t>-0.04388952817042924</t>
  </si>
  <si>
    <t>23.17925262451172</t>
  </si>
  <si>
    <t>869.189453125</t>
  </si>
  <si>
    <t>0.022557347424074337</t>
  </si>
  <si>
    <t>23.029190063476562</t>
  </si>
  <si>
    <t>966.128173828125</t>
  </si>
  <si>
    <t>0.02858384414167503</t>
  </si>
  <si>
    <t>23.36191749572754</t>
  </si>
  <si>
    <t>997.7721557617188</t>
  </si>
  <si>
    <t>-0.015289704481081579</t>
  </si>
  <si>
    <t>23.526578903198242</t>
  </si>
  <si>
    <t>804.8991088867188</t>
  </si>
  <si>
    <t>-0.026014101660154054</t>
  </si>
  <si>
    <t>23.135604858398438</t>
  </si>
  <si>
    <t>872.857177734375</t>
  </si>
  <si>
    <t>0.07260081286315057</t>
  </si>
  <si>
    <t>23.273292541503906</t>
  </si>
  <si>
    <t>848.4929809570312</t>
  </si>
  <si>
    <t>0.10367842947484185</t>
  </si>
  <si>
    <t>23.380929946899414</t>
  </si>
  <si>
    <t>1020.438720703125</t>
  </si>
  <si>
    <t>0.02739897418811399</t>
  </si>
  <si>
    <t>23.23217010498047</t>
  </si>
  <si>
    <t>815.1187133789062</t>
  </si>
  <si>
    <t>0.032631293970408315</t>
  </si>
  <si>
    <t>23.54753303527832</t>
  </si>
  <si>
    <t>1055.310546875</t>
  </si>
  <si>
    <t>-0.024677749442802543</t>
  </si>
  <si>
    <t>23.629335403442383</t>
  </si>
  <si>
    <t>878.4562377929688</t>
  </si>
  <si>
    <t>0.030014257808488765</t>
  </si>
  <si>
    <t>23.576446533203125</t>
  </si>
  <si>
    <t>872.5090942382812</t>
  </si>
  <si>
    <t>-0.029405058886206703</t>
  </si>
  <si>
    <t>23.29474449157715</t>
  </si>
  <si>
    <t>945.7653198242188</t>
  </si>
  <si>
    <t>23.479345321655273</t>
  </si>
  <si>
    <t>1033.1563720703125</t>
  </si>
  <si>
    <t>0.02375408600810669</t>
  </si>
  <si>
    <t>23.31282615661621</t>
  </si>
  <si>
    <t>1055.3111572265625</t>
  </si>
  <si>
    <t>-0.011806512586988838</t>
  </si>
  <si>
    <t>23.393888473510742</t>
  </si>
  <si>
    <t>945.5260009765625</t>
  </si>
  <si>
    <t>0.011219485860416434</t>
  </si>
  <si>
    <t>23.31288719177246</t>
  </si>
  <si>
    <t>903.3088989257812</t>
  </si>
  <si>
    <t>0.013415190980684777</t>
  </si>
  <si>
    <t>23.721860885620117</t>
  </si>
  <si>
    <t>1076.1240234375</t>
  </si>
  <si>
    <t>434.480712890625</t>
  </si>
  <si>
    <t>Tanga</t>
  </si>
  <si>
    <t>23.66866111755371</t>
  </si>
  <si>
    <t>900.7360229492188</t>
  </si>
  <si>
    <t>23.61211395263672</t>
  </si>
  <si>
    <t>1083.690673828125</t>
  </si>
  <si>
    <t>23.607194900512695</t>
  </si>
  <si>
    <t>782.74658203125</t>
  </si>
  <si>
    <t>23.6811580657959</t>
  </si>
  <si>
    <t>1237.003173828125</t>
  </si>
  <si>
    <t>23.800573348999023</t>
  </si>
  <si>
    <t>1111.544189453125</t>
  </si>
  <si>
    <t>23.61217498779297</t>
  </si>
  <si>
    <t>867.6078491210938</t>
  </si>
  <si>
    <t>23.700340270996094</t>
  </si>
  <si>
    <t>1490.9805908203125</t>
  </si>
  <si>
    <t>24.107789993286133</t>
  </si>
  <si>
    <t>996.8209228515625</t>
  </si>
  <si>
    <t>23.524587631225586</t>
  </si>
  <si>
    <t>973.8156127929688</t>
  </si>
  <si>
    <t>23.650270462036133</t>
  </si>
  <si>
    <t>945.6039428710938</t>
  </si>
  <si>
    <t>23.886749267578125</t>
  </si>
  <si>
    <t>789.9022216796875</t>
  </si>
  <si>
    <t>23.83643913269043</t>
  </si>
  <si>
    <t>1197.158203125</t>
  </si>
  <si>
    <t>24.138391494750977</t>
  </si>
  <si>
    <t>677.24853515625</t>
  </si>
  <si>
    <t>23.59234046936035</t>
  </si>
  <si>
    <t>803.0374145507812</t>
  </si>
  <si>
    <t>23.77146339416504</t>
  </si>
  <si>
    <t>680.3674926757812</t>
  </si>
  <si>
    <t>23.60798454284668</t>
  </si>
  <si>
    <t>1424.059814453125</t>
  </si>
  <si>
    <t>23.663915634155273</t>
  </si>
  <si>
    <t>857.930419921875</t>
  </si>
  <si>
    <t>23.502365112304688</t>
  </si>
  <si>
    <t>818.3040771484375</t>
  </si>
  <si>
    <t>23.832365036010742</t>
  </si>
  <si>
    <t>776.5955810546875</t>
  </si>
  <si>
    <t>23.95305633544922</t>
  </si>
  <si>
    <t>712.47802734375</t>
  </si>
  <si>
    <t>23.644533157348633</t>
  </si>
  <si>
    <t>980.3412475585938</t>
  </si>
  <si>
    <t>23.68798065185547</t>
  </si>
  <si>
    <t>757.84765625</t>
  </si>
  <si>
    <t>23.89162254333496</t>
  </si>
  <si>
    <t>845.212158203125</t>
  </si>
  <si>
    <t>23.793914794921875</t>
  </si>
  <si>
    <t>986.2601928710938</t>
  </si>
  <si>
    <t>24.09093475341797</t>
  </si>
  <si>
    <t>1144.146240234375</t>
  </si>
  <si>
    <t>24.144128799438477</t>
  </si>
  <si>
    <t>920.05517578125</t>
  </si>
  <si>
    <t>23.969938278198242</t>
  </si>
  <si>
    <t>1238.7545166015625</t>
  </si>
  <si>
    <t>23.7740421295166</t>
  </si>
  <si>
    <t>940.8612670898438</t>
  </si>
  <si>
    <t>23.871835708618164</t>
  </si>
  <si>
    <t>1945.748779296875</t>
  </si>
  <si>
    <t>24.00102996826172</t>
  </si>
  <si>
    <t>1428.26904296875</t>
  </si>
  <si>
    <t>23.937543869018555</t>
  </si>
  <si>
    <t>1147.27001953125</t>
  </si>
  <si>
    <t>23.832571029663086</t>
  </si>
  <si>
    <t>875.6769409179688</t>
  </si>
  <si>
    <t>UKR</t>
  </si>
  <si>
    <t>9.323607444763184</t>
  </si>
  <si>
    <t>543.5402221679688</t>
  </si>
  <si>
    <t>695.8104248046875</t>
  </si>
  <si>
    <t>Cherkasy</t>
  </si>
  <si>
    <t>Ukraine</t>
  </si>
  <si>
    <t>8.40589714050293</t>
  </si>
  <si>
    <t>552.6761474609375</t>
  </si>
  <si>
    <t>-0.11535706339996565</t>
  </si>
  <si>
    <t>12604</t>
  </si>
  <si>
    <t>8.703051567077637</t>
  </si>
  <si>
    <t>457.07672119140625</t>
  </si>
  <si>
    <t>-0.12994475569421482</t>
  </si>
  <si>
    <t>7.932504653930664</t>
  </si>
  <si>
    <t>519.6961059570312</t>
  </si>
  <si>
    <t>-0.17703564707064956</t>
  </si>
  <si>
    <t>8.506057739257812</t>
  </si>
  <si>
    <t>511.5108642578125</t>
  </si>
  <si>
    <t>-0.27903816127080994</t>
  </si>
  <si>
    <t>8.22630786895752</t>
  </si>
  <si>
    <t>599.9634399414062</t>
  </si>
  <si>
    <t>-0.14670890103891843</t>
  </si>
  <si>
    <t>7.72880744934082</t>
  </si>
  <si>
    <t>548.4874877929688</t>
  </si>
  <si>
    <t>-0.12228722053249363</t>
  </si>
  <si>
    <t>8.036845207214355</t>
  </si>
  <si>
    <t>693.6561889648438</t>
  </si>
  <si>
    <t>-0.0479877339091459</t>
  </si>
  <si>
    <t>8.286931037902832</t>
  </si>
  <si>
    <t>566.4317626953125</t>
  </si>
  <si>
    <t>-0.037654391489862604</t>
  </si>
  <si>
    <t>9.188837051391602</t>
  </si>
  <si>
    <t>495.3778381347656</t>
  </si>
  <si>
    <t>-0.02073827815956264</t>
  </si>
  <si>
    <t>9.72563648223877</t>
  </si>
  <si>
    <t>498.3977355957031</t>
  </si>
  <si>
    <t>0.0380777076258596</t>
  </si>
  <si>
    <t>8.57085132598877</t>
  </si>
  <si>
    <t>585.84619140625</t>
  </si>
  <si>
    <t>0.06436309792863071</t>
  </si>
  <si>
    <t>9.157215118408203</t>
  </si>
  <si>
    <t>589.0432739257812</t>
  </si>
  <si>
    <t>0.029973892369955735</t>
  </si>
  <si>
    <t>8.111167907714844</t>
  </si>
  <si>
    <t>554.4395751953125</t>
  </si>
  <si>
    <t>0.06623301444110474</t>
  </si>
  <si>
    <t>9.033652305603027</t>
  </si>
  <si>
    <t>588.7168579101562</t>
  </si>
  <si>
    <t>0.08515475961094054</t>
  </si>
  <si>
    <t>8.133331298828125</t>
  </si>
  <si>
    <t>564.7872314453125</t>
  </si>
  <si>
    <t>0.10352043714129877</t>
  </si>
  <si>
    <t>9.21448040008545</t>
  </si>
  <si>
    <t>558.1904907226562</t>
  </si>
  <si>
    <t>0.07032795216094456</t>
  </si>
  <si>
    <t>9.51706600189209</t>
  </si>
  <si>
    <t>463.1457824707031</t>
  </si>
  <si>
    <t>0.029201643186087978</t>
  </si>
  <si>
    <t>9.599872589111328</t>
  </si>
  <si>
    <t>528.4512939453125</t>
  </si>
  <si>
    <t>0.09255774420151397</t>
  </si>
  <si>
    <t>8.949606895446777</t>
  </si>
  <si>
    <t>556.8047485351562</t>
  </si>
  <si>
    <t>-0.13815033848081804</t>
  </si>
  <si>
    <t>9.442699432373047</t>
  </si>
  <si>
    <t>602.8404541015625</t>
  </si>
  <si>
    <t>0.07798498235765372</t>
  </si>
  <si>
    <t>9606</t>
  </si>
  <si>
    <t>8.829943656921387</t>
  </si>
  <si>
    <t>490.8918762207031</t>
  </si>
  <si>
    <t>0.040579120275875624</t>
  </si>
  <si>
    <t>9.117623329162598</t>
  </si>
  <si>
    <t>532.7460327148438</t>
  </si>
  <si>
    <t>0.041496345483032826</t>
  </si>
  <si>
    <t>9.477880477905273</t>
  </si>
  <si>
    <t>544.5081787109375</t>
  </si>
  <si>
    <t>0.024076150599608326</t>
  </si>
  <si>
    <t>9.652914047241211</t>
  </si>
  <si>
    <t>508.7585144042969</t>
  </si>
  <si>
    <t>0.027881059969203648</t>
  </si>
  <si>
    <t>9.807249069213867</t>
  </si>
  <si>
    <t>530.879150390625</t>
  </si>
  <si>
    <t>-0.044990621883400195</t>
  </si>
  <si>
    <t>9.507047653198242</t>
  </si>
  <si>
    <t>585.7340087890625</t>
  </si>
  <si>
    <t>0.005834379961749292</t>
  </si>
  <si>
    <t>9.785823822021484</t>
  </si>
  <si>
    <t>500.2767028808594</t>
  </si>
  <si>
    <t>0.022906601250314296</t>
  </si>
  <si>
    <t>9.36165714263916</t>
  </si>
  <si>
    <t>563.4478149414062</t>
  </si>
  <si>
    <t>0.11201654576334441</t>
  </si>
  <si>
    <t>10.801289558410645</t>
  </si>
  <si>
    <t>389.63104248046875</t>
  </si>
  <si>
    <t>0.03571203662544953</t>
  </si>
  <si>
    <t>10.531413078308105</t>
  </si>
  <si>
    <t>500.0081481933594</t>
  </si>
  <si>
    <t>-0.033130723885994584</t>
  </si>
  <si>
    <t>9.070738792419434</t>
  </si>
  <si>
    <t>597.5950927734375</t>
  </si>
  <si>
    <t>0.0418217523941653</t>
  </si>
  <si>
    <t>9.891295433044434</t>
  </si>
  <si>
    <t>525.2860107421875</t>
  </si>
  <si>
    <t>-0.18873734703992895</t>
  </si>
  <si>
    <t>8.435770988464355</t>
  </si>
  <si>
    <t>622.3558959960938</t>
  </si>
  <si>
    <t>633.7523193359375</t>
  </si>
  <si>
    <t>Chernihiv</t>
  </si>
  <si>
    <t>10650</t>
  </si>
  <si>
    <t>7.773942947387695</t>
  </si>
  <si>
    <t>557.0109252929688</t>
  </si>
  <si>
    <t>-0.0924036980181242</t>
  </si>
  <si>
    <t>7.951127529144287</t>
  </si>
  <si>
    <t>499.3859558105469</t>
  </si>
  <si>
    <t>-0.10640435708872431</t>
  </si>
  <si>
    <t>7.138906002044678</t>
  </si>
  <si>
    <t>593.6301879882812</t>
  </si>
  <si>
    <t>-0.1529503561176604</t>
  </si>
  <si>
    <t>7.301807880401611</t>
  </si>
  <si>
    <t>524.6851806640625</t>
  </si>
  <si>
    <t>-0.25429178690124843</t>
  </si>
  <si>
    <t>7.436874866485596</t>
  </si>
  <si>
    <t>575.4222412109375</t>
  </si>
  <si>
    <t>-0.12149755306079868</t>
  </si>
  <si>
    <t>6.790620803833008</t>
  </si>
  <si>
    <t>567.5635375976562</t>
  </si>
  <si>
    <t>-0.0962853139625306</t>
  </si>
  <si>
    <t>7.320170879364014</t>
  </si>
  <si>
    <t>648.5887451171875</t>
  </si>
  <si>
    <t>-0.02129837952235647</t>
  </si>
  <si>
    <t>7.256929397583008</t>
  </si>
  <si>
    <t>675.6636962890625</t>
  </si>
  <si>
    <t>-0.010217458416141412</t>
  </si>
  <si>
    <t>8.384156227111816</t>
  </si>
  <si>
    <t>580.7159423828125</t>
  </si>
  <si>
    <t>0.007223145369453121</t>
  </si>
  <si>
    <t>8.84780216217041</t>
  </si>
  <si>
    <t>583.2284545898438</t>
  </si>
  <si>
    <t>0.06725872845248837</t>
  </si>
  <si>
    <t>7.692576885223389</t>
  </si>
  <si>
    <t>623.8922729492188</t>
  </si>
  <si>
    <t>0.09412000708880974</t>
  </si>
  <si>
    <t>8.237186431884766</t>
  </si>
  <si>
    <t>566.3848266601562</t>
  </si>
  <si>
    <t>0.06072469086416099</t>
  </si>
  <si>
    <t>7.318178653717041</t>
  </si>
  <si>
    <t>613.3010864257812</t>
  </si>
  <si>
    <t>0.09798467775017272</t>
  </si>
  <si>
    <t>8.09820556640625</t>
  </si>
  <si>
    <t>608.5008544921875</t>
  </si>
  <si>
    <t>0.11789593068831472</t>
  </si>
  <si>
    <t>7.216747283935547</t>
  </si>
  <si>
    <t>586.2368774414062</t>
  </si>
  <si>
    <t>0.00962965648884584</t>
  </si>
  <si>
    <t>8.37276554107666</t>
  </si>
  <si>
    <t>649.5418090820312</t>
  </si>
  <si>
    <t>8699</t>
  </si>
  <si>
    <t>8.531477928161621</t>
  </si>
  <si>
    <t>556.4177856445312</t>
  </si>
  <si>
    <t>0.06666362694590511</t>
  </si>
  <si>
    <t>8.775805473327637</t>
  </si>
  <si>
    <t>585.3160400390625</t>
  </si>
  <si>
    <t>0.01867723123085696</t>
  </si>
  <si>
    <t>7.683765888214111</t>
  </si>
  <si>
    <t>635.258056640625</t>
  </si>
  <si>
    <t>-0.13200131831874984</t>
  </si>
  <si>
    <t>8.490994453430176</t>
  </si>
  <si>
    <t>604.5392456054688</t>
  </si>
  <si>
    <t>-0.001030529525698043</t>
  </si>
  <si>
    <t>8.176054000854492</t>
  </si>
  <si>
    <t>532.3688354492188</t>
  </si>
  <si>
    <t>0.12816841010688762</t>
  </si>
  <si>
    <t>7.844003677368164</t>
  </si>
  <si>
    <t>651.0132446289062</t>
  </si>
  <si>
    <t>8.526419639587402</t>
  </si>
  <si>
    <t>609.3663330078125</t>
  </si>
  <si>
    <t>-0.016677313052314346</t>
  </si>
  <si>
    <t>8.96180534362793</t>
  </si>
  <si>
    <t>490.3880615234375</t>
  </si>
  <si>
    <t>0.03067588829666512</t>
  </si>
  <si>
    <t>8.942026138305664</t>
  </si>
  <si>
    <t>507.7014465332031</t>
  </si>
  <si>
    <t>-0.048095353067175495</t>
  </si>
  <si>
    <t>8.674997329711914</t>
  </si>
  <si>
    <t>626.0877685546875</t>
  </si>
  <si>
    <t>0.011987129093618876</t>
  </si>
  <si>
    <t>8.811091423034668</t>
  </si>
  <si>
    <t>563.8351440429688</t>
  </si>
  <si>
    <t>0.08512770051956586</t>
  </si>
  <si>
    <t>8.4454984664917</t>
  </si>
  <si>
    <t>577.1345825195312</t>
  </si>
  <si>
    <t>0.09241623371838337</t>
  </si>
  <si>
    <t>10.00806999206543</t>
  </si>
  <si>
    <t>423.5141296386719</t>
  </si>
  <si>
    <t>0.03565473332582236</t>
  </si>
  <si>
    <t>10550</t>
  </si>
  <si>
    <t>9.533882141113281</t>
  </si>
  <si>
    <t>543.3515625</t>
  </si>
  <si>
    <t>-0.03318723658179401</t>
  </si>
  <si>
    <t>8.194016456604004</t>
  </si>
  <si>
    <t>602.1434326171875</t>
  </si>
  <si>
    <t>0.041860317835222816</t>
  </si>
  <si>
    <t>8.833964347839355</t>
  </si>
  <si>
    <t>615.5245971679688</t>
  </si>
  <si>
    <t>-0.18872324199462476</t>
  </si>
  <si>
    <t>9.0215482711792</t>
  </si>
  <si>
    <t>493.5223388671875</t>
  </si>
  <si>
    <t>383.9525146484375</t>
  </si>
  <si>
    <t>Chernivtsi</t>
  </si>
  <si>
    <t>15783</t>
  </si>
  <si>
    <t>8.115824699401855</t>
  </si>
  <si>
    <t>701.0717163085938</t>
  </si>
  <si>
    <t>-0.13254884076341078</t>
  </si>
  <si>
    <t>8.926301956176758</t>
  </si>
  <si>
    <t>563.634765625</t>
  </si>
  <si>
    <t>-0.14820207283860043</t>
  </si>
  <si>
    <t>8.1465482711792</t>
  </si>
  <si>
    <t>664.7711791992188</t>
  </si>
  <si>
    <t>-0.19660487085122647</t>
  </si>
  <si>
    <t>8.760650634765625</t>
  </si>
  <si>
    <t>543.4146118164062</t>
  </si>
  <si>
    <t>-0.29992124611082716</t>
  </si>
  <si>
    <t>6993</t>
  </si>
  <si>
    <t>8.026765823364258</t>
  </si>
  <si>
    <t>628.3114013671875</t>
  </si>
  <si>
    <t>-0.16929557289439678</t>
  </si>
  <si>
    <t>7.1240386962890625</t>
  </si>
  <si>
    <t>675.6553955078125</t>
  </si>
  <si>
    <t>-0.1465056367750055</t>
  </si>
  <si>
    <t>8.242462158203125</t>
  </si>
  <si>
    <t>726.6142578125</t>
  </si>
  <si>
    <t>-0.07420986221443471</t>
  </si>
  <si>
    <t>8.15340518951416</t>
  </si>
  <si>
    <t>755.6466064453125</t>
  </si>
  <si>
    <t>-0.06596607312875769</t>
  </si>
  <si>
    <t>8.827361106872559</t>
  </si>
  <si>
    <t>641.1451416015625</t>
  </si>
  <si>
    <t>-0.051794673189730744</t>
  </si>
  <si>
    <t>510.9822692871094</t>
  </si>
  <si>
    <t>0.00420378959578116</t>
  </si>
  <si>
    <t>5144</t>
  </si>
  <si>
    <t>8.403242111206055</t>
  </si>
  <si>
    <t>768.1387939453125</t>
  </si>
  <si>
    <t>0.027193793925736287</t>
  </si>
  <si>
    <t>9.17921257019043</t>
  </si>
  <si>
    <t>608.7740478515625</t>
  </si>
  <si>
    <t>-0.011142721094691055</t>
  </si>
  <si>
    <t>8.373488426208496</t>
  </si>
  <si>
    <t>514.3508911132812</t>
  </si>
  <si>
    <t>0.02043071356116144</t>
  </si>
  <si>
    <t>8.798188209533691</t>
  </si>
  <si>
    <t>639.73828125</t>
  </si>
  <si>
    <t>0.03408129925920278</t>
  </si>
  <si>
    <t>7.769239902496338</t>
  </si>
  <si>
    <t>662.6348876953125</t>
  </si>
  <si>
    <t>0.044597434889304566</t>
  </si>
  <si>
    <t>9.343270301818848</t>
  </si>
  <si>
    <t>690.9200439453125</t>
  </si>
  <si>
    <t>0.059272767526962866</t>
  </si>
  <si>
    <t>9.3757963180542</t>
  </si>
  <si>
    <t>652.1482543945312</t>
  </si>
  <si>
    <t>0.06542948317339636</t>
  </si>
  <si>
    <t>6559</t>
  </si>
  <si>
    <t>9.436738967895508</t>
  </si>
  <si>
    <t>710.5305786132812</t>
  </si>
  <si>
    <t>0.03033818806094324</t>
  </si>
  <si>
    <t>8.876139640808105</t>
  </si>
  <si>
    <t>588.6539916992188</t>
  </si>
  <si>
    <t>-0.1648803964998251</t>
  </si>
  <si>
    <t>8.667925834655762</t>
  </si>
  <si>
    <t>783.0548706054688</t>
  </si>
  <si>
    <t>-0.006855520264727133</t>
  </si>
  <si>
    <t>9.019447326660156</t>
  </si>
  <si>
    <t>484.1334228515625</t>
  </si>
  <si>
    <t>0.0873130452172024</t>
  </si>
  <si>
    <t>5924</t>
  </si>
  <si>
    <t>8.90231704711914</t>
  </si>
  <si>
    <t>635.0885009765625</t>
  </si>
  <si>
    <t>-0.017403384358695817</t>
  </si>
  <si>
    <t>9.2932710647583</t>
  </si>
  <si>
    <t>687.6310424804688</t>
  </si>
  <si>
    <t>0.0026972369690003717</t>
  </si>
  <si>
    <t>9.940317153930664</t>
  </si>
  <si>
    <t>625.8475952148438</t>
  </si>
  <si>
    <t>-0.04124295853404902</t>
  </si>
  <si>
    <t>9.743938446044922</t>
  </si>
  <si>
    <t>496.07928466796875</t>
  </si>
  <si>
    <t>-0.12484740333132294</t>
  </si>
  <si>
    <t>9.331521034240723</t>
  </si>
  <si>
    <t>629.1271362304688</t>
  </si>
  <si>
    <t>-0.019468753402016148</t>
  </si>
  <si>
    <t>9.822724342346191</t>
  </si>
  <si>
    <t>601.4476928710938</t>
  </si>
  <si>
    <t>0.1044074876944201</t>
  </si>
  <si>
    <t>9.708159446716309</t>
  </si>
  <si>
    <t>664.0846557617188</t>
  </si>
  <si>
    <t>0.03127501484612161</t>
  </si>
  <si>
    <t>10.628911972045898</t>
  </si>
  <si>
    <t>503.98126220703125</t>
  </si>
  <si>
    <t>0.035634256011304544</t>
  </si>
  <si>
    <t>10.133967399597168</t>
  </si>
  <si>
    <t>658.341796875</t>
  </si>
  <si>
    <t>-0.0331598821790422</t>
  </si>
  <si>
    <t>8.917464256286621</t>
  </si>
  <si>
    <t>644.1702270507812</t>
  </si>
  <si>
    <t>0.04200047018916386</t>
  </si>
  <si>
    <t>10.11863899230957</t>
  </si>
  <si>
    <t>538.3419799804688</t>
  </si>
  <si>
    <t>-0.18891058311191244</t>
  </si>
  <si>
    <t>9983</t>
  </si>
  <si>
    <t>11.288623809814453</t>
  </si>
  <si>
    <t>466.2351989746094</t>
  </si>
  <si>
    <t>1128.1622314453125</t>
  </si>
  <si>
    <t>Crimea &amp; Sevastopol</t>
  </si>
  <si>
    <t>10.268045425415039</t>
  </si>
  <si>
    <t>530.1561279296875</t>
  </si>
  <si>
    <t>-0.08178886385926809</t>
  </si>
  <si>
    <t>10.251487731933594</t>
  </si>
  <si>
    <t>515.9408569335938</t>
  </si>
  <si>
    <t>-0.0958756184692966</t>
  </si>
  <si>
    <t>9.931702613830566</t>
  </si>
  <si>
    <t>391.8316955566406</t>
  </si>
  <si>
    <t>-0.14249359528504435</t>
  </si>
  <si>
    <t>10.641555786132812</t>
  </si>
  <si>
    <t>455.1439514160156</t>
  </si>
  <si>
    <t>-0.24412651068989888</t>
  </si>
  <si>
    <t>10.567896842956543</t>
  </si>
  <si>
    <t>553.8555908203125</t>
  </si>
  <si>
    <t>-0.11128779646039</t>
  </si>
  <si>
    <t>10.211488723754883</t>
  </si>
  <si>
    <t>537.65380859375</t>
  </si>
  <si>
    <t>-0.0860812441997858</t>
  </si>
  <si>
    <t>4608</t>
  </si>
  <si>
    <t>9.89798355102539</t>
  </si>
  <si>
    <t>764.3049926757812</t>
  </si>
  <si>
    <t>-0.011436093997014396</t>
  </si>
  <si>
    <t>10.883269309997559</t>
  </si>
  <si>
    <t>525.68115234375</t>
  </si>
  <si>
    <t>-0.00021703743981049683</t>
  </si>
  <si>
    <t>4686</t>
  </si>
  <si>
    <t>11.392327308654785</t>
  </si>
  <si>
    <t>639.3869018554688</t>
  </si>
  <si>
    <t>0.017002454131825218</t>
  </si>
  <si>
    <t>11.658965110778809</t>
  </si>
  <si>
    <t>435.9289855957031</t>
  </si>
  <si>
    <t>0.07678714321376923</t>
  </si>
  <si>
    <t>10.891095161437988</t>
  </si>
  <si>
    <t>589.0046997070312</t>
  </si>
  <si>
    <t>0.10389699464031743</t>
  </si>
  <si>
    <t>11.463114738464355</t>
  </si>
  <si>
    <t>561.211669921875</t>
  </si>
  <si>
    <t>0.07015595211985115</t>
  </si>
  <si>
    <t>10.1969575881958</t>
  </si>
  <si>
    <t>561.0590209960938</t>
  </si>
  <si>
    <t>0.10743408667410037</t>
  </si>
  <si>
    <t>11.249627113342285</t>
  </si>
  <si>
    <t>657.9254150390625</t>
  </si>
  <si>
    <t>0.12726646961348287</t>
  </si>
  <si>
    <t>10.603947639465332</t>
  </si>
  <si>
    <t>590.8984985351562</t>
  </si>
  <si>
    <t>0.0466931039790186</t>
  </si>
  <si>
    <t>11.486321449279785</t>
  </si>
  <si>
    <t>567.1105346679688</t>
  </si>
  <si>
    <t>0.10631256263057409</t>
  </si>
  <si>
    <t>11.76352596282959</t>
  </si>
  <si>
    <t>450.9899597167969</t>
  </si>
  <si>
    <t>0.06373529126496535</t>
  </si>
  <si>
    <t>11.763192176818848</t>
  </si>
  <si>
    <t>486.91302490234375</t>
  </si>
  <si>
    <t>0.017295122152580333</t>
  </si>
  <si>
    <t>11.689021110534668</t>
  </si>
  <si>
    <t>605.6400756835938</t>
  </si>
  <si>
    <t>-0.11834174933016683</t>
  </si>
  <si>
    <t>12.108036041259766</t>
  </si>
  <si>
    <t>666.9260864257812</t>
  </si>
  <si>
    <t>0.06289956033987743</t>
  </si>
  <si>
    <t>10.784252166748047</t>
  </si>
  <si>
    <t>431.1946105957031</t>
  </si>
  <si>
    <t>0.01569343454604777</t>
  </si>
  <si>
    <t>11.947365760803223</t>
  </si>
  <si>
    <t>382.5997009277344</t>
  </si>
  <si>
    <t>0.022453632291661307</t>
  </si>
  <si>
    <t>11.835960388183594</t>
  </si>
  <si>
    <t>490.4574890136719</t>
  </si>
  <si>
    <t>0.012921026447052952</t>
  </si>
  <si>
    <t>8515</t>
  </si>
  <si>
    <t>11.751750946044922</t>
  </si>
  <si>
    <t>485.91082763671875</t>
  </si>
  <si>
    <t>-0.11795265655408471</t>
  </si>
  <si>
    <t>12.09688663482666</t>
  </si>
  <si>
    <t>553.8825073242188</t>
  </si>
  <si>
    <t>-0.0003523815153627652</t>
  </si>
  <si>
    <t>11.683563232421875</t>
  </si>
  <si>
    <t>605.4616088867188</t>
  </si>
  <si>
    <t>0.04625831871581454</t>
  </si>
  <si>
    <t>7736</t>
  </si>
  <si>
    <t>12.133015632629395</t>
  </si>
  <si>
    <t>532.9930419921875</t>
  </si>
  <si>
    <t>-0.14185049316411025</t>
  </si>
  <si>
    <t>11.796939849853516</t>
  </si>
  <si>
    <t>565.7219848632812</t>
  </si>
  <si>
    <t>-0.018394622103256708</t>
  </si>
  <si>
    <t>12.960219383239746</t>
  </si>
  <si>
    <t>447.455810546875</t>
  </si>
  <si>
    <t>0.035694983112575684</t>
  </si>
  <si>
    <t>12.932122230529785</t>
  </si>
  <si>
    <t>487.7979736328125</t>
  </si>
  <si>
    <t>-0.03319646120000641</t>
  </si>
  <si>
    <t>11.477181434631348</t>
  </si>
  <si>
    <t>656.6799926757812</t>
  </si>
  <si>
    <t>0.0419246172987382</t>
  </si>
  <si>
    <t>12.30855655670166</t>
  </si>
  <si>
    <t>494.880615234375</t>
  </si>
  <si>
    <t>-0.1887908000170171</t>
  </si>
  <si>
    <t>20388</t>
  </si>
  <si>
    <t>10.307193756103516</t>
  </si>
  <si>
    <t>478.57958984375</t>
  </si>
  <si>
    <t>1759.2279052734375</t>
  </si>
  <si>
    <t>Dnipropetrovsk</t>
  </si>
  <si>
    <t>9.437944412231445</t>
  </si>
  <si>
    <t>483.00250244140625</t>
  </si>
  <si>
    <t>-0.09560942017751728</t>
  </si>
  <si>
    <t>16606</t>
  </si>
  <si>
    <t>9.446035385131836</t>
  </si>
  <si>
    <t>438.4515686035156</t>
  </si>
  <si>
    <t>-0.1095729964604395</t>
  </si>
  <si>
    <t>8.729449272155762</t>
  </si>
  <si>
    <t>456.3562927246094</t>
  </si>
  <si>
    <t>-0.15624046075899756</t>
  </si>
  <si>
    <t>10979</t>
  </si>
  <si>
    <t>9.228358268737793</t>
  </si>
  <si>
    <t>462.9682312011719</t>
  </si>
  <si>
    <t>-0.2575392578282454</t>
  </si>
  <si>
    <t>9.528522491455078</t>
  </si>
  <si>
    <t>545.758056640625</t>
  </si>
  <si>
    <t>-0.1247867375001821</t>
  </si>
  <si>
    <t>8.865242958068848</t>
  </si>
  <si>
    <t>459.09173583984375</t>
  </si>
  <si>
    <t>-0.09951879660616747</t>
  </si>
  <si>
    <t>8.865144729614258</t>
  </si>
  <si>
    <t>659.7630615234375</t>
  </si>
  <si>
    <t>-0.024578632992595217</t>
  </si>
  <si>
    <t>8445</t>
  </si>
  <si>
    <t>9.52114200592041</t>
  </si>
  <si>
    <t>498.1914978027344</t>
  </si>
  <si>
    <t>-0.013525639893886776</t>
  </si>
  <si>
    <t>10.258393287658691</t>
  </si>
  <si>
    <t>471.8365478515625</t>
  </si>
  <si>
    <t>0.0039000226706811247</t>
  </si>
  <si>
    <t>10.684678077697754</t>
  </si>
  <si>
    <t>433.8052978515625</t>
  </si>
  <si>
    <t>0.06385268798937282</t>
  </si>
  <si>
    <t>9.620125770568848</t>
  </si>
  <si>
    <t>532.7186279296875</t>
  </si>
  <si>
    <t>0.09090441999473597</t>
  </si>
  <si>
    <t>10481</t>
  </si>
  <si>
    <t>10.186756134033203</t>
  </si>
  <si>
    <t>527.2212524414062</t>
  </si>
  <si>
    <t>0.05733241327348715</t>
  </si>
  <si>
    <t>9.159680366516113</t>
  </si>
  <si>
    <t>524.4030151367188</t>
  </si>
  <si>
    <t>0.09460736286787608</t>
  </si>
  <si>
    <t>10.130675315856934</t>
  </si>
  <si>
    <t>613.4837036132812</t>
  </si>
  <si>
    <t>0.11460504129853888</t>
  </si>
  <si>
    <t>14419</t>
  </si>
  <si>
    <t>9.306017875671387</t>
  </si>
  <si>
    <t>535.7395629882812</t>
  </si>
  <si>
    <t>0.10977028297005376</t>
  </si>
  <si>
    <t>10.252156257629395</t>
  </si>
  <si>
    <t>500.4319152832031</t>
  </si>
  <si>
    <t>0.11176206393041</t>
  </si>
  <si>
    <t>10.530186653137207</t>
  </si>
  <si>
    <t>421.595458984375</t>
  </si>
  <si>
    <t>0.11399959816110794</t>
  </si>
  <si>
    <t>20799</t>
  </si>
  <si>
    <t>10.718823432922363</t>
  </si>
  <si>
    <t>467.9228820800781</t>
  </si>
  <si>
    <t>0.14059646521243607</t>
  </si>
  <si>
    <t>10.058480262756348</t>
  </si>
  <si>
    <t>555.0733032226562</t>
  </si>
  <si>
    <t>-0.23433629988172555</t>
  </si>
  <si>
    <t>10.699848175048828</t>
  </si>
  <si>
    <t>585.9348754882812</t>
  </si>
  <si>
    <t>0.0681254316365294</t>
  </si>
  <si>
    <t>9.879240989685059</t>
  </si>
  <si>
    <t>415.17388916015625</t>
  </si>
  <si>
    <t>0.08460035047275483</t>
  </si>
  <si>
    <t>10.35941219329834</t>
  </si>
  <si>
    <t>472.2789306640625</t>
  </si>
  <si>
    <t>-0.0515981092286264</t>
  </si>
  <si>
    <t>18161</t>
  </si>
  <si>
    <t>10.61931324005127</t>
  </si>
  <si>
    <t>456.0614013671875</t>
  </si>
  <si>
    <t>-0.0024198438910350006</t>
  </si>
  <si>
    <t>10.692752838134766</t>
  </si>
  <si>
    <t>471.9576721191406</t>
  </si>
  <si>
    <t>0.01898066253821895</t>
  </si>
  <si>
    <t>10.86902904510498</t>
  </si>
  <si>
    <t>547.6140747070312</t>
  </si>
  <si>
    <t>-0.1269693006023136</t>
  </si>
  <si>
    <t>15922</t>
  </si>
  <si>
    <t>10.547995567321777</t>
  </si>
  <si>
    <t>601.1353149414062</t>
  </si>
  <si>
    <t>-0.023585999005879543</t>
  </si>
  <si>
    <t>10.88017749786377</t>
  </si>
  <si>
    <t>444.6551513671875</t>
  </si>
  <si>
    <t>0.05878307558092111</t>
  </si>
  <si>
    <t>10.368073463439941</t>
  </si>
  <si>
    <t>499.96087646484375</t>
  </si>
  <si>
    <t>0.025665668828658283</t>
  </si>
  <si>
    <t>17953</t>
  </si>
  <si>
    <t>11.877758979797363</t>
  </si>
  <si>
    <t>401.7774658203125</t>
  </si>
  <si>
    <t>0.035606686812725385</t>
  </si>
  <si>
    <t>17368</t>
  </si>
  <si>
    <t>11.596123695373535</t>
  </si>
  <si>
    <t>476.6818542480469</t>
  </si>
  <si>
    <t>-0.03312779931270171</t>
  </si>
  <si>
    <t>18111</t>
  </si>
  <si>
    <t>10.227757453918457</t>
  </si>
  <si>
    <t>573.5223999023438</t>
  </si>
  <si>
    <t>0.04189005590640882</t>
  </si>
  <si>
    <t>10.878304481506348</t>
  </si>
  <si>
    <t>502.4071350097656</t>
  </si>
  <si>
    <t>-0.18873598960873395</t>
  </si>
  <si>
    <t>9.775651931762695</t>
  </si>
  <si>
    <t>499.25018310546875</t>
  </si>
  <si>
    <t>2506.22412109375</t>
  </si>
  <si>
    <t>Donetsk</t>
  </si>
  <si>
    <t>18441</t>
  </si>
  <si>
    <t>9.05270767211914</t>
  </si>
  <si>
    <t>471.1219177246094</t>
  </si>
  <si>
    <t>-0.08584481644714081</t>
  </si>
  <si>
    <t>8.853827476501465</t>
  </si>
  <si>
    <t>535.296875</t>
  </si>
  <si>
    <t>-0.09994647342821494</t>
  </si>
  <si>
    <t>8.186066627502441</t>
  </si>
  <si>
    <t>547.0689086914062</t>
  </si>
  <si>
    <t>-0.14656878027891906</t>
  </si>
  <si>
    <t>11247</t>
  </si>
  <si>
    <t>8.483428955078125</t>
  </si>
  <si>
    <t>482.6787414550781</t>
  </si>
  <si>
    <t>-0.24795976646396234</t>
  </si>
  <si>
    <t>9.244194984436035</t>
  </si>
  <si>
    <t>556.9415893554688</t>
  </si>
  <si>
    <t>-0.11511920882811744</t>
  </si>
  <si>
    <t>8.323070526123047</t>
  </si>
  <si>
    <t>499.77557373046875</t>
  </si>
  <si>
    <t>-0.0900268745606958</t>
  </si>
  <si>
    <t>8.29448413848877</t>
  </si>
  <si>
    <t>633.77783203125</t>
  </si>
  <si>
    <t>-0.014956838814127238</t>
  </si>
  <si>
    <t>8.979126930236816</t>
  </si>
  <si>
    <t>496.20611572265625</t>
  </si>
  <si>
    <t>-0.0041081498958615015</t>
  </si>
  <si>
    <t>9.648073196411133</t>
  </si>
  <si>
    <t>505.6202697753906</t>
  </si>
  <si>
    <t>0.013482356948783192</t>
  </si>
  <si>
    <t>10.04592227935791</t>
  </si>
  <si>
    <t>474.7566833496094</t>
  </si>
  <si>
    <t>0.07331575000772261</t>
  </si>
  <si>
    <t>10837</t>
  </si>
  <si>
    <t>9.129012107849121</t>
  </si>
  <si>
    <t>0.10027774366126962</t>
  </si>
  <si>
    <t>9.594477653503418</t>
  </si>
  <si>
    <t>539.4186401367188</t>
  </si>
  <si>
    <t>0.06674495294348048</t>
  </si>
  <si>
    <t>8.707590103149414</t>
  </si>
  <si>
    <t>523.6100463867188</t>
  </si>
  <si>
    <t>0.10402168283351365</t>
  </si>
  <si>
    <t>9.603681564331055</t>
  </si>
  <si>
    <t>664.3771362304688</t>
  </si>
  <si>
    <t>0.12392687906028854</t>
  </si>
  <si>
    <t>15089</t>
  </si>
  <si>
    <t>8.836392402648926</t>
  </si>
  <si>
    <t>592.3759765625</t>
  </si>
  <si>
    <t>0.03630628175337236</t>
  </si>
  <si>
    <t>9.704976081848145</t>
  </si>
  <si>
    <t>537.4255981445312</t>
  </si>
  <si>
    <t>0.09567762865927953</t>
  </si>
  <si>
    <t>17459</t>
  </si>
  <si>
    <t>9.962821006774902</t>
  </si>
  <si>
    <t>420.9614562988281</t>
  </si>
  <si>
    <t>0.050211644811843925</t>
  </si>
  <si>
    <t>10.218347549438477</t>
  </si>
  <si>
    <t>457.49481201171875</t>
  </si>
  <si>
    <t>0.001888358548036706</t>
  </si>
  <si>
    <t>9.359728813171387</t>
  </si>
  <si>
    <t>602.3272094726562</t>
  </si>
  <si>
    <t>-0.24296190020664632</t>
  </si>
  <si>
    <t>10.12488842010498</t>
  </si>
  <si>
    <t>554.8856811523438</t>
  </si>
  <si>
    <t>0.11817981125260246</t>
  </si>
  <si>
    <t>9.449872970581055</t>
  </si>
  <si>
    <t>473.8631591796875</t>
  </si>
  <si>
    <t>0.07286274862798692</t>
  </si>
  <si>
    <t>15863</t>
  </si>
  <si>
    <t>9.602285385131836</t>
  </si>
  <si>
    <t>514.611083984375</t>
  </si>
  <si>
    <t>-0.04583493979829889</t>
  </si>
  <si>
    <t>14828</t>
  </si>
  <si>
    <t>10.049769401550293</t>
  </si>
  <si>
    <t>492.4344482421875</t>
  </si>
  <si>
    <t>-0.0674720681378318</t>
  </si>
  <si>
    <t>10.21752643585205</t>
  </si>
  <si>
    <t>491.9254150390625</t>
  </si>
  <si>
    <t>-0.4386157999210809</t>
  </si>
  <si>
    <t>10.346162796020508</t>
  </si>
  <si>
    <t>550.8762817382812</t>
  </si>
  <si>
    <t>-0.3638863154350034</t>
  </si>
  <si>
    <t>6825</t>
  </si>
  <si>
    <t>10.03791332244873</t>
  </si>
  <si>
    <t>608.1060791015625</t>
  </si>
  <si>
    <t>0.026577171138621125</t>
  </si>
  <si>
    <t>10.255094528198242</t>
  </si>
  <si>
    <t>510.6204833984375</t>
  </si>
  <si>
    <t>0.0038022859497388595</t>
  </si>
  <si>
    <t>9.742779731750488</t>
  </si>
  <si>
    <t>538.987060546875</t>
  </si>
  <si>
    <t>0.01247477738240299</t>
  </si>
  <si>
    <t>11.306509971618652</t>
  </si>
  <si>
    <t>431.47088623046875</t>
  </si>
  <si>
    <t>0.03554356451814833</t>
  </si>
  <si>
    <t>10.969070434570312</t>
  </si>
  <si>
    <t>483.66094970703125</t>
  </si>
  <si>
    <t>-0.033095935335643034</t>
  </si>
  <si>
    <t>9.736181259155273</t>
  </si>
  <si>
    <t>606.6199340820312</t>
  </si>
  <si>
    <t>0.04196025930693459</t>
  </si>
  <si>
    <t>527.691162109375</t>
  </si>
  <si>
    <t>-0.18885137912138816</t>
  </si>
  <si>
    <t>8.176004409790039</t>
  </si>
  <si>
    <t>582.8284301757812</t>
  </si>
  <si>
    <t>591.9535522460938</t>
  </si>
  <si>
    <t>Ivano-Frankivsk</t>
  </si>
  <si>
    <t>7.213392734527588</t>
  </si>
  <si>
    <t>715.581298828125</t>
  </si>
  <si>
    <t>-0.08698657263398424</t>
  </si>
  <si>
    <t>7.994024276733398</t>
  </si>
  <si>
    <t>669.7606201171875</t>
  </si>
  <si>
    <t>-0.10108134010087433</t>
  </si>
  <si>
    <t>7860</t>
  </si>
  <si>
    <t>7.209500789642334</t>
  </si>
  <si>
    <t>698.1740112304688</t>
  </si>
  <si>
    <t>-0.14758610483075074</t>
  </si>
  <si>
    <t>7.902175426483154</t>
  </si>
  <si>
    <t>671.9154663085938</t>
  </si>
  <si>
    <t>-0.24908137269759756</t>
  </si>
  <si>
    <t>7.091151714324951</t>
  </si>
  <si>
    <t>674.5707397460938</t>
  </si>
  <si>
    <t>-0.11617261445848293</t>
  </si>
  <si>
    <t>6.218188762664795</t>
  </si>
  <si>
    <t>743.1739501953125</t>
  </si>
  <si>
    <t>-0.09110272824847421</t>
  </si>
  <si>
    <t>7.292710781097412</t>
  </si>
  <si>
    <t>811.8966064453125</t>
  </si>
  <si>
    <t>-0.015990625109150614</t>
  </si>
  <si>
    <t>7.2445759773254395</t>
  </si>
  <si>
    <t>863.8558959960938</t>
  </si>
  <si>
    <t>-0.005114054308384297</t>
  </si>
  <si>
    <t>7.980155944824219</t>
  </si>
  <si>
    <t>762.81640625</t>
  </si>
  <si>
    <t>0.012432647657700358</t>
  </si>
  <si>
    <t>8.88942813873291</t>
  </si>
  <si>
    <t>656.5535888671875</t>
  </si>
  <si>
    <t>0.07226884456903093</t>
  </si>
  <si>
    <t>7.497276782989502</t>
  </si>
  <si>
    <t>842.7056884765625</t>
  </si>
  <si>
    <t>0.09929353364853455</t>
  </si>
  <si>
    <t>8.258761405944824</t>
  </si>
  <si>
    <t>682.9576416015625</t>
  </si>
  <si>
    <t>0.06585994761771552</t>
  </si>
  <si>
    <t>7.381874084472656</t>
  </si>
  <si>
    <t>570.0502319335938</t>
  </si>
  <si>
    <t>0.10297748680540408</t>
  </si>
  <si>
    <t>7.906160831451416</t>
  </si>
  <si>
    <t>734.7938232421875</t>
  </si>
  <si>
    <t>0.12297362122792421</t>
  </si>
  <si>
    <t>6.855858325958252</t>
  </si>
  <si>
    <t>764.9033813476562</t>
  </si>
  <si>
    <t>0.06320750957168286</t>
  </si>
  <si>
    <t>8.408224105834961</t>
  </si>
  <si>
    <t>792.63427734375</t>
  </si>
  <si>
    <t>0.030398193540611018</t>
  </si>
  <si>
    <t>8.45364761352539</t>
  </si>
  <si>
    <t>747.749755859375</t>
  </si>
  <si>
    <t>0.00878110783929742</t>
  </si>
  <si>
    <t>8.520435333251953</t>
  </si>
  <si>
    <t>777.42578125</t>
  </si>
  <si>
    <t>0.0006899724284767927</t>
  </si>
  <si>
    <t>7.942716598510742</t>
  </si>
  <si>
    <t>705.7259521484375</t>
  </si>
  <si>
    <t>-0.16105262880564197</t>
  </si>
  <si>
    <t>7274</t>
  </si>
  <si>
    <t>7.822240352630615</t>
  </si>
  <si>
    <t>940.7239379882812</t>
  </si>
  <si>
    <t>-0.01784910115496352</t>
  </si>
  <si>
    <t>8.078078269958496</t>
  </si>
  <si>
    <t>553.240966796875</t>
  </si>
  <si>
    <t>0.19430156660953735</t>
  </si>
  <si>
    <t>7.9701080322265625</t>
  </si>
  <si>
    <t>698.8980712890625</t>
  </si>
  <si>
    <t>0.07604664606216005</t>
  </si>
  <si>
    <t>8.362486839294434</t>
  </si>
  <si>
    <t>739.8760375976562</t>
  </si>
  <si>
    <t>-0.012244189278519002</t>
  </si>
  <si>
    <t>8.978522300720215</t>
  </si>
  <si>
    <t>691.692138671875</t>
  </si>
  <si>
    <t>-0.004043849290582102</t>
  </si>
  <si>
    <t>8.870013236999512</t>
  </si>
  <si>
    <t>543.8326416015625</t>
  </si>
  <si>
    <t>-0.13350092664740032</t>
  </si>
  <si>
    <t>8.456147193908691</t>
  </si>
  <si>
    <t>714.877685546875</t>
  </si>
  <si>
    <t>-0.043078987578878625</t>
  </si>
  <si>
    <t>8.90719985961914</t>
  </si>
  <si>
    <t>716.1668090820312</t>
  </si>
  <si>
    <t>0.0240097008767286</t>
  </si>
  <si>
    <t>8.771781921386719</t>
  </si>
  <si>
    <t>707.6325073242188</t>
  </si>
  <si>
    <t>0.06689569610158408</t>
  </si>
  <si>
    <t>9.752346992492676</t>
  </si>
  <si>
    <t>620.091064453125</t>
  </si>
  <si>
    <t>0.03571604451221866</t>
  </si>
  <si>
    <t>9.257291793823242</t>
  </si>
  <si>
    <t>781.9950561523438</t>
  </si>
  <si>
    <t>-0.033163542836311066</t>
  </si>
  <si>
    <t>8.014002799987793</t>
  </si>
  <si>
    <t>714.4293212890625</t>
  </si>
  <si>
    <t>0.04186895495647569</t>
  </si>
  <si>
    <t>9.184525489807129</t>
  </si>
  <si>
    <t>646.1948852539062</t>
  </si>
  <si>
    <t>-0.1887652084802216</t>
  </si>
  <si>
    <t>8.931392669677734</t>
  </si>
  <si>
    <t>556.1344604492188</t>
  </si>
  <si>
    <t>1491.5589599609375</t>
  </si>
  <si>
    <t>Kharkiv</t>
  </si>
  <si>
    <t>8.19913101196289</t>
  </si>
  <si>
    <t>511.300537109375</t>
  </si>
  <si>
    <t>-0.09301592906646938</t>
  </si>
  <si>
    <t>13402</t>
  </si>
  <si>
    <t>8.034605979919434</t>
  </si>
  <si>
    <t>492.9396057128906</t>
  </si>
  <si>
    <t>-0.10703051276559528</t>
  </si>
  <si>
    <t>7.301015853881836</t>
  </si>
  <si>
    <t>517.804931640625</t>
  </si>
  <si>
    <t>-0.1534917913358349</t>
  </si>
  <si>
    <t>7.542327404022217</t>
  </si>
  <si>
    <t>506.1105651855469</t>
  </si>
  <si>
    <t>-0.2549624088200222</t>
  </si>
  <si>
    <t>8.32555103302002</t>
  </si>
  <si>
    <t>602.4798583984375</t>
  </si>
  <si>
    <t>-0.12211436010464816</t>
  </si>
  <si>
    <t>7.429792881011963</t>
  </si>
  <si>
    <t>519.8033447265625</t>
  </si>
  <si>
    <t>-0.0968842236440004</t>
  </si>
  <si>
    <t>7.482170581817627</t>
  </si>
  <si>
    <t>653.021728515625</t>
  </si>
  <si>
    <t>-0.021898169651413113</t>
  </si>
  <si>
    <t>8.097140312194824</t>
  </si>
  <si>
    <t>564.8427124023438</t>
  </si>
  <si>
    <t>-0.010914943921658704</t>
  </si>
  <si>
    <t>8.829404830932617</t>
  </si>
  <si>
    <t>454.8017883300781</t>
  </si>
  <si>
    <t>0.006764075584372975</t>
  </si>
  <si>
    <t>9.296247482299805</t>
  </si>
  <si>
    <t>498.0796203613281</t>
  </si>
  <si>
    <t>0.06658032508156708</t>
  </si>
  <si>
    <t>8.215813636779785</t>
  </si>
  <si>
    <t>593.0584716796875</t>
  </si>
  <si>
    <t>0.09345416676786478</t>
  </si>
  <si>
    <t>8689</t>
  </si>
  <si>
    <t>8.76054859161377</t>
  </si>
  <si>
    <t>565.9811401367188</t>
  </si>
  <si>
    <t>0.06012123834986305</t>
  </si>
  <si>
    <t>7.812195301055908</t>
  </si>
  <si>
    <t>579.4061279296875</t>
  </si>
  <si>
    <t>0.09741094406334838</t>
  </si>
  <si>
    <t>8.742091178894043</t>
  </si>
  <si>
    <t>645.08544921875</t>
  </si>
  <si>
    <t>0.1172956892478787</t>
  </si>
  <si>
    <t>7.874250411987305</t>
  </si>
  <si>
    <t>566.0484619140625</t>
  </si>
  <si>
    <t>0.013739899863631777</t>
  </si>
  <si>
    <t>8.824434280395508</t>
  </si>
  <si>
    <t>547.1497192382812</t>
  </si>
  <si>
    <t>0.09498542201665217</t>
  </si>
  <si>
    <t>9.023727416992188</t>
  </si>
  <si>
    <t>506.01409912109375</t>
  </si>
  <si>
    <t>0.1203061540148731</t>
  </si>
  <si>
    <t>14329</t>
  </si>
  <si>
    <t>9.41573429107666</t>
  </si>
  <si>
    <t>476.97918701171875</t>
  </si>
  <si>
    <t>0.05648948867101211</t>
  </si>
  <si>
    <t>8.435379981994629</t>
  </si>
  <si>
    <t>571.3074340820312</t>
  </si>
  <si>
    <t>-0.12866801000597228</t>
  </si>
  <si>
    <t>12625</t>
  </si>
  <si>
    <t>9.320435523986816</t>
  </si>
  <si>
    <t>580.3054809570312</t>
  </si>
  <si>
    <t>0.0020615294329306977</t>
  </si>
  <si>
    <t>8.552040100097656</t>
  </si>
  <si>
    <t>479.6932373046875</t>
  </si>
  <si>
    <t>0.009303126068717305</t>
  </si>
  <si>
    <t>8.792420387268066</t>
  </si>
  <si>
    <t>578.6824340820312</t>
  </si>
  <si>
    <t>-0.04190814748669247</t>
  </si>
  <si>
    <t>12201</t>
  </si>
  <si>
    <t>9.218091011047363</t>
  </si>
  <si>
    <t>548.0418701171875</t>
  </si>
  <si>
    <t>-0.0015560381502517373</t>
  </si>
  <si>
    <t>9.312676429748535</t>
  </si>
  <si>
    <t>476.2884826660156</t>
  </si>
  <si>
    <t>-0.0028727396946841566</t>
  </si>
  <si>
    <t>11334</t>
  </si>
  <si>
    <t>9.513129234313965</t>
  </si>
  <si>
    <t>573.95458984375</t>
  </si>
  <si>
    <t>-0.07083811815108554</t>
  </si>
  <si>
    <t>9.208979606628418</t>
  </si>
  <si>
    <t>659.7579956054688</t>
  </si>
  <si>
    <t>0.06283312388833373</t>
  </si>
  <si>
    <t>12080</t>
  </si>
  <si>
    <t>9.439766883850098</t>
  </si>
  <si>
    <t>501.0026550292969</t>
  </si>
  <si>
    <t>0.0009110108709080578</t>
  </si>
  <si>
    <t>8.784510612487793</t>
  </si>
  <si>
    <t>532.0953369140625</t>
  </si>
  <si>
    <t>0.08235790632633844</t>
  </si>
  <si>
    <t>13593</t>
  </si>
  <si>
    <t>10.534610748291016</t>
  </si>
  <si>
    <t>425.8046875</t>
  </si>
  <si>
    <t>0.03564585552010335</t>
  </si>
  <si>
    <t>10.140698432922363</t>
  </si>
  <si>
    <t>503.3184814453125</t>
  </si>
  <si>
    <t>-0.03313319572933793</t>
  </si>
  <si>
    <t>13712</t>
  </si>
  <si>
    <t>8.863348960876465</t>
  </si>
  <si>
    <t>555.1237182617188</t>
  </si>
  <si>
    <t>0.041849603231650434</t>
  </si>
  <si>
    <t>9.389972686767578</t>
  </si>
  <si>
    <t>621.8763427734375</t>
  </si>
  <si>
    <t>-0.18878933567302703</t>
  </si>
  <si>
    <t>12334</t>
  </si>
  <si>
    <t>10.73283863067627</t>
  </si>
  <si>
    <t>382.9189758300781</t>
  </si>
  <si>
    <t>937.1350708007812</t>
  </si>
  <si>
    <t>Kherson</t>
  </si>
  <si>
    <t>9.672555923461914</t>
  </si>
  <si>
    <t>450.56268310546875</t>
  </si>
  <si>
    <t>-0.10442406796743064</t>
  </si>
  <si>
    <t>9.891066551208496</t>
  </si>
  <si>
    <t>376.6498107910156</t>
  </si>
  <si>
    <t>-0.11853707741200026</t>
  </si>
  <si>
    <t>9.369771003723145</t>
  </si>
  <si>
    <t>377.06805419921875</t>
  </si>
  <si>
    <t>-0.16534219675108375</t>
  </si>
  <si>
    <t>10.13608169555664</t>
  </si>
  <si>
    <t>360.9525451660156</t>
  </si>
  <si>
    <t>-0.2668212832518204</t>
  </si>
  <si>
    <t>9.729137420654297</t>
  </si>
  <si>
    <t>469.7303161621094</t>
  </si>
  <si>
    <t>-0.1341113743490503</t>
  </si>
  <si>
    <t>5023</t>
  </si>
  <si>
    <t>9.354804039001465</t>
  </si>
  <si>
    <t>421.1582336425781</t>
  </si>
  <si>
    <t>-0.10909631207000814</t>
  </si>
  <si>
    <t>4854</t>
  </si>
  <si>
    <t>9.363838195800781</t>
  </si>
  <si>
    <t>622.6961059570312</t>
  </si>
  <si>
    <t>-0.034224257463497665</t>
  </si>
  <si>
    <t>10.024949073791504</t>
  </si>
  <si>
    <t>447.8072814941406</t>
  </si>
  <si>
    <t>-0.02355502338442861</t>
  </si>
  <si>
    <t>10.708510398864746</t>
  </si>
  <si>
    <t>440.0786437988281</t>
  </si>
  <si>
    <t>-0.005923435978388625</t>
  </si>
  <si>
    <t>11.165897369384766</t>
  </si>
  <si>
    <t>371.626953125</t>
  </si>
  <si>
    <t>0.05349752570687194</t>
  </si>
  <si>
    <t>5389</t>
  </si>
  <si>
    <t>10.167464256286621</t>
  </si>
  <si>
    <t>470.1513366699219</t>
  </si>
  <si>
    <t>0.08053766530289508</t>
  </si>
  <si>
    <t>10.788566589355469</t>
  </si>
  <si>
    <t>463.5841979980469</t>
  </si>
  <si>
    <t>0.04676459173933978</t>
  </si>
  <si>
    <t>9.58328914642334</t>
  </si>
  <si>
    <t>450.23291015625</t>
  </si>
  <si>
    <t>0.08402599132793043</t>
  </si>
  <si>
    <t>10.624676704406738</t>
  </si>
  <si>
    <t>547.5713500976562</t>
  </si>
  <si>
    <t>0.1035353407818107</t>
  </si>
  <si>
    <t>9.793741226196289</t>
  </si>
  <si>
    <t>483.740234375</t>
  </si>
  <si>
    <t>0.012690710763530788</t>
  </si>
  <si>
    <t>7114</t>
  </si>
  <si>
    <t>10.746399879455566</t>
  </si>
  <si>
    <t>452.3941955566406</t>
  </si>
  <si>
    <t>0.030688199962291662</t>
  </si>
  <si>
    <t>11.11215877532959</t>
  </si>
  <si>
    <t>350.9338684082031</t>
  </si>
  <si>
    <t>-0.014584329301433385</t>
  </si>
  <si>
    <t>11.10771656036377</t>
  </si>
  <si>
    <t>438.0700988769531</t>
  </si>
  <si>
    <t>0.13308556511671554</t>
  </si>
  <si>
    <t>7257</t>
  </si>
  <si>
    <t>10.82768726348877</t>
  </si>
  <si>
    <t>478.8324890136719</t>
  </si>
  <si>
    <t>-0.0985993890455461</t>
  </si>
  <si>
    <t>11.178751945495605</t>
  </si>
  <si>
    <t>567.3933715820312</t>
  </si>
  <si>
    <t>0.021268695378582336</t>
  </si>
  <si>
    <t>10.190533638000488</t>
  </si>
  <si>
    <t>365.4691162109375</t>
  </si>
  <si>
    <t>0.04342483648087381</t>
  </si>
  <si>
    <t>11.077197074890137</t>
  </si>
  <si>
    <t>387.1901550292969</t>
  </si>
  <si>
    <t>-0.0585117689220116</t>
  </si>
  <si>
    <t>11.111980438232422</t>
  </si>
  <si>
    <t>397.045654296875</t>
  </si>
  <si>
    <t>0.03591267509358609</t>
  </si>
  <si>
    <t>11.082877159118652</t>
  </si>
  <si>
    <t>425.1464538574219</t>
  </si>
  <si>
    <t>-0.011694485436763102</t>
  </si>
  <si>
    <t>11.298824310302734</t>
  </si>
  <si>
    <t>485.32452392578125</t>
  </si>
  <si>
    <t>0.00013366303568673743</t>
  </si>
  <si>
    <t>11.005138397216797</t>
  </si>
  <si>
    <t>508.0334777832031</t>
  </si>
  <si>
    <t>0.032091128318135986</t>
  </si>
  <si>
    <t>11.38515853881836</t>
  </si>
  <si>
    <t>400.823486328125</t>
  </si>
  <si>
    <t>0.024168429088884835</t>
  </si>
  <si>
    <t>11.022107124328613</t>
  </si>
  <si>
    <t>451.7576599121094</t>
  </si>
  <si>
    <t>0.009180722220593296</t>
  </si>
  <si>
    <t>12.273436546325684</t>
  </si>
  <si>
    <t>354.6944580078125</t>
  </si>
  <si>
    <t>0.03566097777297195</t>
  </si>
  <si>
    <t>12.163878440856934</t>
  </si>
  <si>
    <t>408.534912109375</t>
  </si>
  <si>
    <t>-0.033160351313620495</t>
  </si>
  <si>
    <t>10.696412086486816</t>
  </si>
  <si>
    <t>542.3681030273438</t>
  </si>
  <si>
    <t>0.041820496849844346</t>
  </si>
  <si>
    <t>11.620503425598145</t>
  </si>
  <si>
    <t>391.8880920410156</t>
  </si>
  <si>
    <t>-0.18871319736333092</t>
  </si>
  <si>
    <t>8.929156303405762</t>
  </si>
  <si>
    <t>520.65966796875</t>
  </si>
  <si>
    <t>712.128173828125</t>
  </si>
  <si>
    <t>Khmelnytskiy</t>
  </si>
  <si>
    <t>7.925873279571533</t>
  </si>
  <si>
    <t>590.6788940429688</t>
  </si>
  <si>
    <t>-0.11750527881880402</t>
  </si>
  <si>
    <t>8.573282241821289</t>
  </si>
  <si>
    <t>564.490234375</t>
  </si>
  <si>
    <t>-0.13211433365082037</t>
  </si>
  <si>
    <t>7.800002574920654</t>
  </si>
  <si>
    <t>606.0059814453125</t>
  </si>
  <si>
    <t>-0.17939186719847555</t>
  </si>
  <si>
    <t>8.572498321533203</t>
  </si>
  <si>
    <t>547.1251831054688</t>
  </si>
  <si>
    <t>-0.2814929112360218</t>
  </si>
  <si>
    <t>7.775969982147217</t>
  </si>
  <si>
    <t>575.4464721679688</t>
  </si>
  <si>
    <t>-0.14940252665765108</t>
  </si>
  <si>
    <t>7.044917583465576</t>
  </si>
  <si>
    <t>641.0243530273438</t>
  </si>
  <si>
    <t>-0.12497311349886786</t>
  </si>
  <si>
    <t>7.904443264007568</t>
  </si>
  <si>
    <t>671.5740356445312</t>
  </si>
  <si>
    <t>-0.05091755296479583</t>
  </si>
  <si>
    <t>7.930172443389893</t>
  </si>
  <si>
    <t>657.5174560546875</t>
  </si>
  <si>
    <t>-0.04071019397231623</t>
  </si>
  <si>
    <t>8.710783958435059</t>
  </si>
  <si>
    <t>571.156982421875</t>
  </si>
  <si>
    <t>-0.024138452768609042</t>
  </si>
  <si>
    <t>9.533658027648926</t>
  </si>
  <si>
    <t>576.8754272460938</t>
  </si>
  <si>
    <t>0.03470291021201177</t>
  </si>
  <si>
    <t>8.196798324584961</t>
  </si>
  <si>
    <t>686.9432373046875</t>
  </si>
  <si>
    <t>8.894115447998047</t>
  </si>
  <si>
    <t>564.18603515625</t>
  </si>
  <si>
    <t>0.02603332497582045</t>
  </si>
  <si>
    <t>7.933169841766357</t>
  </si>
  <si>
    <t>504.9098205566406</t>
  </si>
  <si>
    <t>0.06194640711444599</t>
  </si>
  <si>
    <t>8.613350868225098</t>
  </si>
  <si>
    <t>580.5978393554688</t>
  </si>
  <si>
    <t>0.08071477945165739</t>
  </si>
  <si>
    <t>7.570486068725586</t>
  </si>
  <si>
    <t>568.6499633789062</t>
  </si>
  <si>
    <t>0.020888487947356538</t>
  </si>
  <si>
    <t>9.057581901550293</t>
  </si>
  <si>
    <t>645.7206420898438</t>
  </si>
  <si>
    <t>0.06178926736418511</t>
  </si>
  <si>
    <t>9.140605926513672</t>
  </si>
  <si>
    <t>600.640625</t>
  </si>
  <si>
    <t>0.0584471317441686</t>
  </si>
  <si>
    <t>9.165858268737793</t>
  </si>
  <si>
    <t>638.4568481445312</t>
  </si>
  <si>
    <t>0.019288338289381812</t>
  </si>
  <si>
    <t>8.583919525146484</t>
  </si>
  <si>
    <t>555.5272827148438</t>
  </si>
  <si>
    <t>-0.13751699256726546</t>
  </si>
  <si>
    <t>8.617995262145996</t>
  </si>
  <si>
    <t>689.303466796875</t>
  </si>
  <si>
    <t>0.0032897118991002117</t>
  </si>
  <si>
    <t>8.647539138793945</t>
  </si>
  <si>
    <t>442.7428894042969</t>
  </si>
  <si>
    <t>0.1160839078368614</t>
  </si>
  <si>
    <t>8.620031356811523</t>
  </si>
  <si>
    <t>633.6957397460938</t>
  </si>
  <si>
    <t>0.03215389275386471</t>
  </si>
  <si>
    <t>9.012852668762207</t>
  </si>
  <si>
    <t>655.6610107421875</t>
  </si>
  <si>
    <t>-0.027207468818540193</t>
  </si>
  <si>
    <t>9.548074722290039</t>
  </si>
  <si>
    <t>547.7178344726562</t>
  </si>
  <si>
    <t>0.07187333435230592</t>
  </si>
  <si>
    <t>9.555176734924316</t>
  </si>
  <si>
    <t>443.68487548828125</t>
  </si>
  <si>
    <t>-0.08102438956966296</t>
  </si>
  <si>
    <t>9.140780448913574</t>
  </si>
  <si>
    <t>529.29345703125</t>
  </si>
  <si>
    <t>0.021223636451626504</t>
  </si>
  <si>
    <t>9.54447078704834</t>
  </si>
  <si>
    <t>560.9519653320312</t>
  </si>
  <si>
    <t>0.08123430513151675</t>
  </si>
  <si>
    <t>9.386883735656738</t>
  </si>
  <si>
    <t>587.7039184570312</t>
  </si>
  <si>
    <t>0.03577065012102487</t>
  </si>
  <si>
    <t>10.496947288513184</t>
  </si>
  <si>
    <t>457.2348327636719</t>
  </si>
  <si>
    <t>0.03560882987114056</t>
  </si>
  <si>
    <t>9016</t>
  </si>
  <si>
    <t>9.979127883911133</t>
  </si>
  <si>
    <t>579.84130859375</t>
  </si>
  <si>
    <t>-0.03305455006604241</t>
  </si>
  <si>
    <t>8.681588172912598</t>
  </si>
  <si>
    <t>587.9003295898438</t>
  </si>
  <si>
    <t>0.04181528985893834</t>
  </si>
  <si>
    <t>9.761391639709473</t>
  </si>
  <si>
    <t>540.4913330078125</t>
  </si>
  <si>
    <t>-0.18874572171270998</t>
  </si>
  <si>
    <t>9.564826011657715</t>
  </si>
  <si>
    <t>521.7294921875</t>
  </si>
  <si>
    <t>642.8233642578125</t>
  </si>
  <si>
    <t>Kirovohrad</t>
  </si>
  <si>
    <t>8.61426067352295</t>
  </si>
  <si>
    <t>517.99560546875</t>
  </si>
  <si>
    <t>-0.10037013323366217</t>
  </si>
  <si>
    <t>8.851073265075684</t>
  </si>
  <si>
    <t>451.66168212890625</t>
  </si>
  <si>
    <t>-0.11442833990908952</t>
  </si>
  <si>
    <t>8.11495590209961</t>
  </si>
  <si>
    <t>478.03485107421875</t>
  </si>
  <si>
    <t>-0.16111602452826723</t>
  </si>
  <si>
    <t>8.765156745910645</t>
  </si>
  <si>
    <t>471.75701904296875</t>
  </si>
  <si>
    <t>-0.26253183882900544</t>
  </si>
  <si>
    <t>8.456839561462402</t>
  </si>
  <si>
    <t>573.8157348632812</t>
  </si>
  <si>
    <t>-0.12961749330338534</t>
  </si>
  <si>
    <t>7.9280314445495605</t>
  </si>
  <si>
    <t>495.5157775878906</t>
  </si>
  <si>
    <t>-0.10466264047569496</t>
  </si>
  <si>
    <t>8.223700523376465</t>
  </si>
  <si>
    <t>686.49267578125</t>
  </si>
  <si>
    <t>-0.029624895852151667</t>
  </si>
  <si>
    <t>8.540217399597168</t>
  </si>
  <si>
    <t>535.8721313476562</t>
  </si>
  <si>
    <t>-0.01870640537158863</t>
  </si>
  <si>
    <t>9.391347885131836</t>
  </si>
  <si>
    <t>489.0658264160156</t>
  </si>
  <si>
    <t>-0.001349657970227014</t>
  </si>
  <si>
    <t>5496</t>
  </si>
  <si>
    <t>9.9450044631958</t>
  </si>
  <si>
    <t>458.67596435546875</t>
  </si>
  <si>
    <t>0.058636515712478854</t>
  </si>
  <si>
    <t>8.795477867126465</t>
  </si>
  <si>
    <t>557.3656005859375</t>
  </si>
  <si>
    <t>0.08556989702316642</t>
  </si>
  <si>
    <t>9.379597663879395</t>
  </si>
  <si>
    <t>586.7666625976562</t>
  </si>
  <si>
    <t>0.05191110917965425</t>
  </si>
  <si>
    <t>8.319064140319824</t>
  </si>
  <si>
    <t>527.0540771484375</t>
  </si>
  <si>
    <t>0.08914990697180336</t>
  </si>
  <si>
    <t>9.265203475952148</t>
  </si>
  <si>
    <t>605.1731567382812</t>
  </si>
  <si>
    <t>0.10900920357331856</t>
  </si>
  <si>
    <t>8.365260124206543</t>
  </si>
  <si>
    <t>567.6441040039062</t>
  </si>
  <si>
    <t>0.004801151115817248</t>
  </si>
  <si>
    <t>9.43002700805664</t>
  </si>
  <si>
    <t>546.6029052734375</t>
  </si>
  <si>
    <t>0.0525740272969788</t>
  </si>
  <si>
    <t>8232</t>
  </si>
  <si>
    <t>9.772259712219238</t>
  </si>
  <si>
    <t>440.24505615234375</t>
  </si>
  <si>
    <t>0.010993148450960888</t>
  </si>
  <si>
    <t>9.836018562316895</t>
  </si>
  <si>
    <t>527.7429809570312</t>
  </si>
  <si>
    <t>0.09495672923954146</t>
  </si>
  <si>
    <t>9.199898719787598</t>
  </si>
  <si>
    <t>546.1685180664062</t>
  </si>
  <si>
    <t>-0.15580914667872925</t>
  </si>
  <si>
    <t>9.693680763244629</t>
  </si>
  <si>
    <t>581.518798828125</t>
  </si>
  <si>
    <t>0.05866343444180622</t>
  </si>
  <si>
    <t>9.050668716430664</t>
  </si>
  <si>
    <t>457.9480285644531</t>
  </si>
  <si>
    <t>0.09979355138322887</t>
  </si>
  <si>
    <t>9003</t>
  </si>
  <si>
    <t>9.406834602355957</t>
  </si>
  <si>
    <t>503.5711669921875</t>
  </si>
  <si>
    <t>-0.008075711791256879</t>
  </si>
  <si>
    <t>9.732023239135742</t>
  </si>
  <si>
    <t>505.2073974609375</t>
  </si>
  <si>
    <t>0.1058269180382716</t>
  </si>
  <si>
    <t>9.862256050109863</t>
  </si>
  <si>
    <t>481.2670593261719</t>
  </si>
  <si>
    <t>0.005480557786585294</t>
  </si>
  <si>
    <t>9736</t>
  </si>
  <si>
    <t>10.0380277633667</t>
  </si>
  <si>
    <t>529.7327270507812</t>
  </si>
  <si>
    <t>-0.03303497526596999</t>
  </si>
  <si>
    <t>9.723895072937012</t>
  </si>
  <si>
    <t>590.7687377929688</t>
  </si>
  <si>
    <t>0.029251617507407346</t>
  </si>
  <si>
    <t>10.031203269958496</t>
  </si>
  <si>
    <t>474.7237854003906</t>
  </si>
  <si>
    <t>-0.04404830735682275</t>
  </si>
  <si>
    <t>9.581689834594727</t>
  </si>
  <si>
    <t>539.4356079101562</t>
  </si>
  <si>
    <t>0.06409539159312949</t>
  </si>
  <si>
    <t>10599</t>
  </si>
  <si>
    <t>11.015233039855957</t>
  </si>
  <si>
    <t>393.01171875</t>
  </si>
  <si>
    <t>0.035630599616178316</t>
  </si>
  <si>
    <t>10.766178131103516</t>
  </si>
  <si>
    <t>488.4415283203125</t>
  </si>
  <si>
    <t>-0.03309178368360932</t>
  </si>
  <si>
    <t>9.29979419708252</t>
  </si>
  <si>
    <t>591.53759765625</t>
  </si>
  <si>
    <t>0.04182792491516274</t>
  </si>
  <si>
    <t>10.162705421447754</t>
  </si>
  <si>
    <t>479.6425476074219</t>
  </si>
  <si>
    <t>-0.1887394136477596</t>
  </si>
  <si>
    <t>9.427718162536621</t>
  </si>
  <si>
    <t>611.7222900390625</t>
  </si>
  <si>
    <t>2381.78173828125</t>
  </si>
  <si>
    <t>Kyiv_sub</t>
  </si>
  <si>
    <t>8.68613338470459</t>
  </si>
  <si>
    <t>581.3759155273438</t>
  </si>
  <si>
    <t>-0.1101792908087802</t>
  </si>
  <si>
    <t>8.97846508026123</t>
  </si>
  <si>
    <t>482.384521484375</t>
  </si>
  <si>
    <t>-0.12453645030384841</t>
  </si>
  <si>
    <t>8.132376670837402</t>
  </si>
  <si>
    <t>603.8450927734375</t>
  </si>
  <si>
    <t>-0.1714263896264292</t>
  </si>
  <si>
    <t>8.439030647277832</t>
  </si>
  <si>
    <t>539.3809204101562</t>
  </si>
  <si>
    <t>-0.27311490042933606</t>
  </si>
  <si>
    <t>8.315743446350098</t>
  </si>
  <si>
    <t>591.7450561523438</t>
  </si>
  <si>
    <t>-0.14066217936644598</t>
  </si>
  <si>
    <t>7.699872970581055</t>
  </si>
  <si>
    <t>596.2115478515625</t>
  </si>
  <si>
    <t>-0.11583580912737013</t>
  </si>
  <si>
    <t>7509</t>
  </si>
  <si>
    <t>8.284383773803711</t>
  </si>
  <si>
    <t>643.9644165039062</t>
  </si>
  <si>
    <t>-0.04122143530847033</t>
  </si>
  <si>
    <t>8.201162338256836</t>
  </si>
  <si>
    <t>660.228515625</t>
  </si>
  <si>
    <t>-0.03069675136450556</t>
  </si>
  <si>
    <t>9.317547798156738</t>
  </si>
  <si>
    <t>605.625</t>
  </si>
  <si>
    <t>-0.01341003022225351</t>
  </si>
  <si>
    <t>9.845983505249023</t>
  </si>
  <si>
    <t>584.7439575195312</t>
  </si>
  <si>
    <t>0.04596947504709625</t>
  </si>
  <si>
    <t>8.653678894042969</t>
  </si>
  <si>
    <t>627.5675048828125</t>
  </si>
  <si>
    <t>0.07254011945773087</t>
  </si>
  <si>
    <t>8406</t>
  </si>
  <si>
    <t>9.23547077178955</t>
  </si>
  <si>
    <t>633.9818115234375</t>
  </si>
  <si>
    <t>0.03844062254711034</t>
  </si>
  <si>
    <t>8.247239112854004</t>
  </si>
  <si>
    <t>596.685791015625</t>
  </si>
  <si>
    <t>0.07536478714277983</t>
  </si>
  <si>
    <t>9.064302444458008</t>
  </si>
  <si>
    <t>617.6637573242188</t>
  </si>
  <si>
    <t>0.09476842993905166</t>
  </si>
  <si>
    <t>8.166247367858887</t>
  </si>
  <si>
    <t>606.5664672851562</t>
  </si>
  <si>
    <t>0.049626074942841214</t>
  </si>
  <si>
    <t>11516</t>
  </si>
  <si>
    <t>9.388795852661133</t>
  </si>
  <si>
    <t>680.045654296875</t>
  </si>
  <si>
    <t>0.09503234414233042</t>
  </si>
  <si>
    <t>9.56840705871582</t>
  </si>
  <si>
    <t>557.9734497070312</t>
  </si>
  <si>
    <t>0.11874741168344549</t>
  </si>
  <si>
    <t>9.723793983459473</t>
  </si>
  <si>
    <t>628.5167846679688</t>
  </si>
  <si>
    <t>0.06254606094874404</t>
  </si>
  <si>
    <t>8.748306274414062</t>
  </si>
  <si>
    <t>587.5819702148438</t>
  </si>
  <si>
    <t>-0.06904461391316552</t>
  </si>
  <si>
    <t>9.414931297302246</t>
  </si>
  <si>
    <t>610.9495849609375</t>
  </si>
  <si>
    <t>0.05746020692427933</t>
  </si>
  <si>
    <t>9.143728256225586</t>
  </si>
  <si>
    <t>511.83551025390625</t>
  </si>
  <si>
    <t>0.13919464603685228</t>
  </si>
  <si>
    <t>8.84687328338623</t>
  </si>
  <si>
    <t>647.0498657226562</t>
  </si>
  <si>
    <t>0.051082866740408406</t>
  </si>
  <si>
    <t>9.487168312072754</t>
  </si>
  <si>
    <t>620.2201538085938</t>
  </si>
  <si>
    <t>-0.051720662539819884</t>
  </si>
  <si>
    <t>15861</t>
  </si>
  <si>
    <t>9.925827026367188</t>
  </si>
  <si>
    <t>498.5809631347656</t>
  </si>
  <si>
    <t>0.011859977290749057</t>
  </si>
  <si>
    <t>9.971500396728516</t>
  </si>
  <si>
    <t>498.3891906738281</t>
  </si>
  <si>
    <t>-0.06451750544935919</t>
  </si>
  <si>
    <t>9.663749694824219</t>
  </si>
  <si>
    <t>609.6271362304688</t>
  </si>
  <si>
    <t>0.05259372619986813</t>
  </si>
  <si>
    <t>15650</t>
  </si>
  <si>
    <t>9.838653564453125</t>
  </si>
  <si>
    <t>551.8721923828125</t>
  </si>
  <si>
    <t>-0.001468569685769694</t>
  </si>
  <si>
    <t>16983</t>
  </si>
  <si>
    <t>9.508406639099121</t>
  </si>
  <si>
    <t>587.9139404296875</t>
  </si>
  <si>
    <t>0.08174192673647163</t>
  </si>
  <si>
    <t>17599</t>
  </si>
  <si>
    <t>10.99429988861084</t>
  </si>
  <si>
    <t>415.9965515136719</t>
  </si>
  <si>
    <t>0.03562923852544131</t>
  </si>
  <si>
    <t>17026</t>
  </si>
  <si>
    <t>10.550262451171875</t>
  </si>
  <si>
    <t>546.5324096679688</t>
  </si>
  <si>
    <t>-0.03310049478620947</t>
  </si>
  <si>
    <t>17754</t>
  </si>
  <si>
    <t>9.144793510437012</t>
  </si>
  <si>
    <t>609.0264282226562</t>
  </si>
  <si>
    <t>0.04186925518426321</t>
  </si>
  <si>
    <t>14700</t>
  </si>
  <si>
    <t>9.845077514648438</t>
  </si>
  <si>
    <t>591.46875</t>
  </si>
  <si>
    <t>-0.1887633488614373</t>
  </si>
  <si>
    <t>9.166668891906738</t>
  </si>
  <si>
    <t>489.588623046875</t>
  </si>
  <si>
    <t>1208.626708984375</t>
  </si>
  <si>
    <t>Luhansk</t>
  </si>
  <si>
    <t>8.57935619354248</t>
  </si>
  <si>
    <t>439.04705810546875</t>
  </si>
  <si>
    <t>-0.09611871516906234</t>
  </si>
  <si>
    <t>8.264267921447754</t>
  </si>
  <si>
    <t>532.3677368164062</t>
  </si>
  <si>
    <t>-0.11014304917090101</t>
  </si>
  <si>
    <t>7.654295444488525</t>
  </si>
  <si>
    <t>568.171875</t>
  </si>
  <si>
    <t>-0.1567886903090372</t>
  </si>
  <si>
    <t>7.8667988777160645</t>
  </si>
  <si>
    <t>461.6299743652344</t>
  </si>
  <si>
    <t>-0.25817984153352747</t>
  </si>
  <si>
    <t>8.86254596710205</t>
  </si>
  <si>
    <t>548.5031127929688</t>
  </si>
  <si>
    <t>-0.12525034972130733</t>
  </si>
  <si>
    <t>7.893370151519775</t>
  </si>
  <si>
    <t>463.0157470703125</t>
  </si>
  <si>
    <t>-0.10018490336524088</t>
  </si>
  <si>
    <t>7.797766208648682</t>
  </si>
  <si>
    <t>602.632080078125</t>
  </si>
  <si>
    <t>-0.025057313631762668</t>
  </si>
  <si>
    <t>8.620680809020996</t>
  </si>
  <si>
    <t>494.5554504394531</t>
  </si>
  <si>
    <t>-0.014215842718993343</t>
  </si>
  <si>
    <t>9.133862495422363</t>
  </si>
  <si>
    <t>497.6910400390625</t>
  </si>
  <si>
    <t>0.003403100102401524</t>
  </si>
  <si>
    <t>9.360254287719727</t>
  </si>
  <si>
    <t>483.11492919921875</t>
  </si>
  <si>
    <t>0.06334875300198206</t>
  </si>
  <si>
    <t>8.651305198669434</t>
  </si>
  <si>
    <t>641.2357177734375</t>
  </si>
  <si>
    <t>0.09019507913755476</t>
  </si>
  <si>
    <t>9.090876579284668</t>
  </si>
  <si>
    <t>528.2023315429688</t>
  </si>
  <si>
    <t>0.05677793483658533</t>
  </si>
  <si>
    <t>8.154839515686035</t>
  </si>
  <si>
    <t>541.585205078125</t>
  </si>
  <si>
    <t>0.09412070960429553</t>
  </si>
  <si>
    <t>9.133296012878418</t>
  </si>
  <si>
    <t>671.5296630859375</t>
  </si>
  <si>
    <t>0.11390571033414076</t>
  </si>
  <si>
    <t>8.42444133758545</t>
  </si>
  <si>
    <t>602.7490844726562</t>
  </si>
  <si>
    <t>0.09271522070702964</t>
  </si>
  <si>
    <t>9.295008659362793</t>
  </si>
  <si>
    <t>553.2093505859375</t>
  </si>
  <si>
    <t>0.08034051098448813</t>
  </si>
  <si>
    <t>9.332860946655273</t>
  </si>
  <si>
    <t>409.1161193847656</t>
  </si>
  <si>
    <t>0.10072354738556477</t>
  </si>
  <si>
    <t>9.595982551574707</t>
  </si>
  <si>
    <t>415.22833251953125</t>
  </si>
  <si>
    <t>0.045375461422031194</t>
  </si>
  <si>
    <t>8.982564926147461</t>
  </si>
  <si>
    <t>587.5858764648438</t>
  </si>
  <si>
    <t>-0.22664333106355272</t>
  </si>
  <si>
    <t>9.857537269592285</t>
  </si>
  <si>
    <t>517.893798828125</t>
  </si>
  <si>
    <t>0.04979910893768924</t>
  </si>
  <si>
    <t>8.775467872619629</t>
  </si>
  <si>
    <t>473.30438232421875</t>
  </si>
  <si>
    <t>0.10213608490873938</t>
  </si>
  <si>
    <t>9.298247337341309</t>
  </si>
  <si>
    <t>509.4098815917969</t>
  </si>
  <si>
    <t>-0.07657589381251917</t>
  </si>
  <si>
    <t>9.552754402160645</t>
  </si>
  <si>
    <t>465.3293762207031</t>
  </si>
  <si>
    <t>-0.09626526713502237</t>
  </si>
  <si>
    <t>9.58657169342041</t>
  </si>
  <si>
    <t>455.6822204589844</t>
  </si>
  <si>
    <t>-0.6841339105281179</t>
  </si>
  <si>
    <t>9.818549156188965</t>
  </si>
  <si>
    <t>538.4689331054688</t>
  </si>
  <si>
    <t>-0.5979870270104959</t>
  </si>
  <si>
    <t>9.56610107421875</t>
  </si>
  <si>
    <t>602.2546997070312</t>
  </si>
  <si>
    <t>0.12136085700426857</t>
  </si>
  <si>
    <t>9.764713287353516</t>
  </si>
  <si>
    <t>498.3294677734375</t>
  </si>
  <si>
    <t>-0.22106929211789073</t>
  </si>
  <si>
    <t>9.323737144470215</t>
  </si>
  <si>
    <t>514.0681762695312</t>
  </si>
  <si>
    <t>0.019290563301376906</t>
  </si>
  <si>
    <t>10.693050384521484</t>
  </si>
  <si>
    <t>424.9440612792969</t>
  </si>
  <si>
    <t>0.03593200922606332</t>
  </si>
  <si>
    <t>10.426135063171387</t>
  </si>
  <si>
    <t>475.3603210449219</t>
  </si>
  <si>
    <t>-0.03309052162311499</t>
  </si>
  <si>
    <t>9.43349552154541</t>
  </si>
  <si>
    <t>585.1981811523438</t>
  </si>
  <si>
    <t>0.0416809688281532</t>
  </si>
  <si>
    <t>9.742061614990234</t>
  </si>
  <si>
    <t>543.2438354492188</t>
  </si>
  <si>
    <t>-0.18856182665403942</t>
  </si>
  <si>
    <t>8.732081413269043</t>
  </si>
  <si>
    <t>641.235107421875</t>
  </si>
  <si>
    <t>1400.4451904296875</t>
  </si>
  <si>
    <t>Lviv</t>
  </si>
  <si>
    <t>7.716972351074219</t>
  </si>
  <si>
    <t>686.5540161132812</t>
  </si>
  <si>
    <t>-0.09456318166887101</t>
  </si>
  <si>
    <t>8.508232116699219</t>
  </si>
  <si>
    <t>684.4253540039062</t>
  </si>
  <si>
    <t>-0.10862811104975378</t>
  </si>
  <si>
    <t>7.751241207122803</t>
  </si>
  <si>
    <t>642.1422119140625</t>
  </si>
  <si>
    <t>-0.15522275244102524</t>
  </si>
  <si>
    <t>8.428117752075195</t>
  </si>
  <si>
    <t>662.85595703125</t>
  </si>
  <si>
    <t>-0.25654505150358453</t>
  </si>
  <si>
    <t>7.592079162597656</t>
  </si>
  <si>
    <t>658.64990234375</t>
  </si>
  <si>
    <t>-0.12381131484170993</t>
  </si>
  <si>
    <t>6.665684223175049</t>
  </si>
  <si>
    <t>727.9844970703125</t>
  </si>
  <si>
    <t>-0.09856058896686726</t>
  </si>
  <si>
    <t>7.801786422729492</t>
  </si>
  <si>
    <t>782.083740234375</t>
  </si>
  <si>
    <t>-0.023412440624744235</t>
  </si>
  <si>
    <t>7.775510311126709</t>
  </si>
  <si>
    <t>821.9468383789062</t>
  </si>
  <si>
    <t>-0.012676359319629071</t>
  </si>
  <si>
    <t>8.416014671325684</t>
  </si>
  <si>
    <t>767.882080078125</t>
  </si>
  <si>
    <t>0.005127729400928871</t>
  </si>
  <si>
    <t>9.425848960876465</t>
  </si>
  <si>
    <t>685.2249755859375</t>
  </si>
  <si>
    <t>0.06490547407109659</t>
  </si>
  <si>
    <t>6175</t>
  </si>
  <si>
    <t>7.9954094886779785</t>
  </si>
  <si>
    <t>804.9090576171875</t>
  </si>
  <si>
    <t>0.09186672260146445</t>
  </si>
  <si>
    <t>6546</t>
  </si>
  <si>
    <t>8.772272109985352</t>
  </si>
  <si>
    <t>699.67431640625</t>
  </si>
  <si>
    <t>0.058345293564947553</t>
  </si>
  <si>
    <t>7.877089977264404</t>
  </si>
  <si>
    <t>586.1784057617188</t>
  </si>
  <si>
    <t>0.09564342982823781</t>
  </si>
  <si>
    <t>8.411181449890137</t>
  </si>
  <si>
    <t>773.5823364257812</t>
  </si>
  <si>
    <t>0.11563656531135358</t>
  </si>
  <si>
    <t>7.360275745391846</t>
  </si>
  <si>
    <t>739.9630126953125</t>
  </si>
  <si>
    <t>-0.004462079788106976</t>
  </si>
  <si>
    <t>8.909592628479004</t>
  </si>
  <si>
    <t>765.005126953125</t>
  </si>
  <si>
    <t>0.092256396964018</t>
  </si>
  <si>
    <t>8.958155632019043</t>
  </si>
  <si>
    <t>743.5096435546875</t>
  </si>
  <si>
    <t>0.06734523788644253</t>
  </si>
  <si>
    <t>9.018136978149414</t>
  </si>
  <si>
    <t>754.5048828125</t>
  </si>
  <si>
    <t>-0.010325282002698444</t>
  </si>
  <si>
    <t>8.450018882751465</t>
  </si>
  <si>
    <t>779.5601196289062</t>
  </si>
  <si>
    <t>-0.11160964156121622</t>
  </si>
  <si>
    <t>8.37209415435791</t>
  </si>
  <si>
    <t>965.21484375</t>
  </si>
  <si>
    <t>0.017197838322628556</t>
  </si>
  <si>
    <t>8.5910005569458</t>
  </si>
  <si>
    <t>597.369140625</t>
  </si>
  <si>
    <t>0.09344836046214233</t>
  </si>
  <si>
    <t>8.493670463562012</t>
  </si>
  <si>
    <t>674.230224609375</t>
  </si>
  <si>
    <t>0.0628837844961474</t>
  </si>
  <si>
    <t>8.855355262756348</t>
  </si>
  <si>
    <t>743.57080078125</t>
  </si>
  <si>
    <t>-0.017040680126507723</t>
  </si>
  <si>
    <t>9.521724700927734</t>
  </si>
  <si>
    <t>733.0317993164062</t>
  </si>
  <si>
    <t>0.012100406934088426</t>
  </si>
  <si>
    <t>9.372149467468262</t>
  </si>
  <si>
    <t>596.6886596679688</t>
  </si>
  <si>
    <t>-0.06871135519504357</t>
  </si>
  <si>
    <t>8.954627990722656</t>
  </si>
  <si>
    <t>772.19140625</t>
  </si>
  <si>
    <t>0.035520535603295045</t>
  </si>
  <si>
    <t>9.407486915588379</t>
  </si>
  <si>
    <t>719.1829223632812</t>
  </si>
  <si>
    <t>0.05587477999299573</t>
  </si>
  <si>
    <t>9.320712089538574</t>
  </si>
  <si>
    <t>724.1905517578125</t>
  </si>
  <si>
    <t>0.04539211065476678</t>
  </si>
  <si>
    <t>10.282336235046387</t>
  </si>
  <si>
    <t>644.631591796875</t>
  </si>
  <si>
    <t>0.035706487121998975</t>
  </si>
  <si>
    <t>9.746894836425781</t>
  </si>
  <si>
    <t>787.2991333007812</t>
  </si>
  <si>
    <t>-0.0331603968220513</t>
  </si>
  <si>
    <t>8.492862701416016</t>
  </si>
  <si>
    <t>726.2619018554688</t>
  </si>
  <si>
    <t>0.04186872471383474</t>
  </si>
  <si>
    <t>9168</t>
  </si>
  <si>
    <t>9.718852996826172</t>
  </si>
  <si>
    <t>668.0880126953125</t>
  </si>
  <si>
    <t>-0.1887002389029302</t>
  </si>
  <si>
    <t>15308</t>
  </si>
  <si>
    <t>10.543681144714355</t>
  </si>
  <si>
    <t>419.7818298339844</t>
  </si>
  <si>
    <t>407.3731384277344</t>
  </si>
  <si>
    <t>Mykolayiv</t>
  </si>
  <si>
    <t>9.405060768127441</t>
  </si>
  <si>
    <t>430.98431396484375</t>
  </si>
  <si>
    <t>-0.09612707987752778</t>
  </si>
  <si>
    <t>9.714842796325684</t>
  </si>
  <si>
    <t>383.59710693359375</t>
  </si>
  <si>
    <t>-0.11020663123566798</t>
  </si>
  <si>
    <t>10648</t>
  </si>
  <si>
    <t>9.198086738586426</t>
  </si>
  <si>
    <t>407.8167724609375</t>
  </si>
  <si>
    <t>-0.15666977535744842</t>
  </si>
  <si>
    <t>10.075640678405762</t>
  </si>
  <si>
    <t>367.7780456542969</t>
  </si>
  <si>
    <t>-0.2581937844413762</t>
  </si>
  <si>
    <t>9.443855285644531</t>
  </si>
  <si>
    <t>501.220458984375</t>
  </si>
  <si>
    <t>-0.12521177635543523</t>
  </si>
  <si>
    <t>9.07944107055664</t>
  </si>
  <si>
    <t>426.177001953125</t>
  </si>
  <si>
    <t>-0.1002140125412403</t>
  </si>
  <si>
    <t>9.198941230773926</t>
  </si>
  <si>
    <t>614.4199829101562</t>
  </si>
  <si>
    <t>-0.024985877218094643</t>
  </si>
  <si>
    <t>9.74524211883545</t>
  </si>
  <si>
    <t>466.3774108886719</t>
  </si>
  <si>
    <t>-0.014155631151176351</t>
  </si>
  <si>
    <t>10.474703788757324</t>
  </si>
  <si>
    <t>441.80859375</t>
  </si>
  <si>
    <t>0.003320948730959117</t>
  </si>
  <si>
    <t>11.017970085144043</t>
  </si>
  <si>
    <t>382.5973815917969</t>
  </si>
  <si>
    <t>0.06331421656727443</t>
  </si>
  <si>
    <t>7386</t>
  </si>
  <si>
    <t>9.96407413482666</t>
  </si>
  <si>
    <t>482.65423583984375</t>
  </si>
  <si>
    <t>0.09034015174665022</t>
  </si>
  <si>
    <t>10.553839683532715</t>
  </si>
  <si>
    <t>491.0336608886719</t>
  </si>
  <si>
    <t>0.05671453280782046</t>
  </si>
  <si>
    <t>9.369790077209473</t>
  </si>
  <si>
    <t>451.0220947265625</t>
  </si>
  <si>
    <t>0.09406503077834216</t>
  </si>
  <si>
    <t>10.425209999084473</t>
  </si>
  <si>
    <t>539.7014770507812</t>
  </si>
  <si>
    <t>0.11399800015731287</t>
  </si>
  <si>
    <t>9.51351261138916</t>
  </si>
  <si>
    <t>502.5613708496094</t>
  </si>
  <si>
    <t>-0.021104253264617512</t>
  </si>
  <si>
    <t>10.538141250610352</t>
  </si>
  <si>
    <t>468.4095153808594</t>
  </si>
  <si>
    <t>0.09063031591322712</t>
  </si>
  <si>
    <t>10.943467140197754</t>
  </si>
  <si>
    <t>370.92413330078125</t>
  </si>
  <si>
    <t>0.024602782109884203</t>
  </si>
  <si>
    <t>10.93627643585205</t>
  </si>
  <si>
    <t>446.5818176269531</t>
  </si>
  <si>
    <t>0.028157743179372474</t>
  </si>
  <si>
    <t>10.555778503417969</t>
  </si>
  <si>
    <t>486.6650085449219</t>
  </si>
  <si>
    <t>-0.07302652800245113</t>
  </si>
  <si>
    <t>10367</t>
  </si>
  <si>
    <t>10.843098640441895</t>
  </si>
  <si>
    <t>541.5228271484375</t>
  </si>
  <si>
    <t>0.025003744231712588</t>
  </si>
  <si>
    <t>10.02782917022705</t>
  </si>
  <si>
    <t>392.5202941894531</t>
  </si>
  <si>
    <t>0.0282458985354328</t>
  </si>
  <si>
    <t>10.762242317199707</t>
  </si>
  <si>
    <t>437.0718688964844</t>
  </si>
  <si>
    <t>-0.0516684585262599</t>
  </si>
  <si>
    <t>10.889029502868652</t>
  </si>
  <si>
    <t>437.5960388183594</t>
  </si>
  <si>
    <t>0.057092581055197655</t>
  </si>
  <si>
    <t>10.846268653869629</t>
  </si>
  <si>
    <t>447.548583984375</t>
  </si>
  <si>
    <t>-0.02531302511461675</t>
  </si>
  <si>
    <t>11.110111236572266</t>
  </si>
  <si>
    <t>484.1417236328125</t>
  </si>
  <si>
    <t>-0.018049811973900987</t>
  </si>
  <si>
    <t>10.822319984436035</t>
  </si>
  <si>
    <t>511.9721984863281</t>
  </si>
  <si>
    <t>0.029841504326959978</t>
  </si>
  <si>
    <t>11.185225486755371</t>
  </si>
  <si>
    <t>435.1009216308594</t>
  </si>
  <si>
    <t>-0.005022993075343152</t>
  </si>
  <si>
    <t>10.806279182434082</t>
  </si>
  <si>
    <t>475.7533264160156</t>
  </si>
  <si>
    <t>0.008608917461462084</t>
  </si>
  <si>
    <t>12.09186840057373</t>
  </si>
  <si>
    <t>346.62139892578125</t>
  </si>
  <si>
    <t>0.035623880727390755</t>
  </si>
  <si>
    <t>11.955042839050293</t>
  </si>
  <si>
    <t>432.3840637207031</t>
  </si>
  <si>
    <t>-0.03308377869839063</t>
  </si>
  <si>
    <t>10.470826148986816</t>
  </si>
  <si>
    <t>551.8869018554688</t>
  </si>
  <si>
    <t>0.04186251284480136</t>
  </si>
  <si>
    <t>11.47702407836914</t>
  </si>
  <si>
    <t>392.60797119140625</t>
  </si>
  <si>
    <t>-0.1887577953849604</t>
  </si>
  <si>
    <t>2563</t>
  </si>
  <si>
    <t>11.078160285949707</t>
  </si>
  <si>
    <t>379.94757080078125</t>
  </si>
  <si>
    <t>609.6046752929688</t>
  </si>
  <si>
    <t>Odesa</t>
  </si>
  <si>
    <t>9.941763877868652</t>
  </si>
  <si>
    <t>465.7955322265625</t>
  </si>
  <si>
    <t>-0.08115035452702557</t>
  </si>
  <si>
    <t>10.297456741333008</t>
  </si>
  <si>
    <t>390.4453430175781</t>
  </si>
  <si>
    <t>-0.09521466577960958</t>
  </si>
  <si>
    <t>9.740128517150879</t>
  </si>
  <si>
    <t>428.9742431640625</t>
  </si>
  <si>
    <t>-0.14189606881810057</t>
  </si>
  <si>
    <t>10.55250072479248</t>
  </si>
  <si>
    <t>387.4010925292969</t>
  </si>
  <si>
    <t>-0.24350379545628797</t>
  </si>
  <si>
    <t>9.96220588684082</t>
  </si>
  <si>
    <t>508.5030212402344</t>
  </si>
  <si>
    <t>-0.1106806305928778</t>
  </si>
  <si>
    <t>6384</t>
  </si>
  <si>
    <t>9.655035972595215</t>
  </si>
  <si>
    <t>462.3644104003906</t>
  </si>
  <si>
    <t>-0.08566596522789816</t>
  </si>
  <si>
    <t>9.703047752380371</t>
  </si>
  <si>
    <t>622.1629638671875</t>
  </si>
  <si>
    <t>-0.010708763754111672</t>
  </si>
  <si>
    <t>10.316781044006348</t>
  </si>
  <si>
    <t>487.2504577636719</t>
  </si>
  <si>
    <t>0.00015831552316747377</t>
  </si>
  <si>
    <t>11.031262397766113</t>
  </si>
  <si>
    <t>472.802978515625</t>
  </si>
  <si>
    <t>0.017730126332965668</t>
  </si>
  <si>
    <t>11.540509223937988</t>
  </si>
  <si>
    <t>376.0794982910156</t>
  </si>
  <si>
    <t>0.07733537346121544</t>
  </si>
  <si>
    <t>10.483403205871582</t>
  </si>
  <si>
    <t>475.4471740722656</t>
  </si>
  <si>
    <t>0.10433796914007942</t>
  </si>
  <si>
    <t>11.103669166564941</t>
  </si>
  <si>
    <t>517.5961303710938</t>
  </si>
  <si>
    <t>0.07071187903247278</t>
  </si>
  <si>
    <t>9.890923500061035</t>
  </si>
  <si>
    <t>429.9189758300781</t>
  </si>
  <si>
    <t>0.10790681193316054</t>
  </si>
  <si>
    <t>10.963316917419434</t>
  </si>
  <si>
    <t>535.567138671875</t>
  </si>
  <si>
    <t>0.12782035482900866</t>
  </si>
  <si>
    <t>10.06082820892334</t>
  </si>
  <si>
    <t>518.1336669921875</t>
  </si>
  <si>
    <t>-0.012100406934088426</t>
  </si>
  <si>
    <t>11.02904224395752</t>
  </si>
  <si>
    <t>461.732421875</t>
  </si>
  <si>
    <t>0.051133861388931834</t>
  </si>
  <si>
    <t>11.449555397033691</t>
  </si>
  <si>
    <t>396.585693359375</t>
  </si>
  <si>
    <t>0.08850204909999349</t>
  </si>
  <si>
    <t>11.429946899414062</t>
  </si>
  <si>
    <t>440.489013671875</t>
  </si>
  <si>
    <t>0.10116721373441173</t>
  </si>
  <si>
    <t>11.129005432128906</t>
  </si>
  <si>
    <t>472.24017333984375</t>
  </si>
  <si>
    <t>-0.0886419998894592</t>
  </si>
  <si>
    <t>12396</t>
  </si>
  <si>
    <t>11.385147094726562</t>
  </si>
  <si>
    <t>600.8899536132812</t>
  </si>
  <si>
    <t>0.028226195880247218</t>
  </si>
  <si>
    <t>10.479362487792969</t>
  </si>
  <si>
    <t>384.9505310058594</t>
  </si>
  <si>
    <t>-0.05496845548401552</t>
  </si>
  <si>
    <t>11037</t>
  </si>
  <si>
    <t>11.373684883117676</t>
  </si>
  <si>
    <t>478.8803405761719</t>
  </si>
  <si>
    <t>-0.06115211965073897</t>
  </si>
  <si>
    <t>11.414082527160645</t>
  </si>
  <si>
    <t>467.2255554199219</t>
  </si>
  <si>
    <t>0.033499791780714716</t>
  </si>
  <si>
    <t>11.323460578918457</t>
  </si>
  <si>
    <t>509.0168762207031</t>
  </si>
  <si>
    <t>-0.058174283669091054</t>
  </si>
  <si>
    <t>11.559439659118652</t>
  </si>
  <si>
    <t>487.5946960449219</t>
  </si>
  <si>
    <t>-0.043367486366564734</t>
  </si>
  <si>
    <t>11.292564392089844</t>
  </si>
  <si>
    <t>496.4214172363281</t>
  </si>
  <si>
    <t>0.026982119078551747</t>
  </si>
  <si>
    <t>11.650477409362793</t>
  </si>
  <si>
    <t>503.4366760253906</t>
  </si>
  <si>
    <t>0.028569383620739686</t>
  </si>
  <si>
    <t>11.306483268737793</t>
  </si>
  <si>
    <t>468.5617980957031</t>
  </si>
  <si>
    <t>0.007221568017497404</t>
  </si>
  <si>
    <t>11377</t>
  </si>
  <si>
    <t>12.582489967346191</t>
  </si>
  <si>
    <t>312.7183532714844</t>
  </si>
  <si>
    <t>0.035609416304984265</t>
  </si>
  <si>
    <t>12.47317123413086</t>
  </si>
  <si>
    <t>440.9651184082031</t>
  </si>
  <si>
    <t>-0.03315319492001301</t>
  </si>
  <si>
    <t>11477</t>
  </si>
  <si>
    <t>10.989638328552246</t>
  </si>
  <si>
    <t>543.1036376953125</t>
  </si>
  <si>
    <t>0.04190445406096366</t>
  </si>
  <si>
    <t>11.98816967010498</t>
  </si>
  <si>
    <t>342.7977294921875</t>
  </si>
  <si>
    <t>-0.18873749446935228</t>
  </si>
  <si>
    <t>9.336838722229004</t>
  </si>
  <si>
    <t>550.3543701171875</t>
  </si>
  <si>
    <t>933.6946411132812</t>
  </si>
  <si>
    <t>Poltava</t>
  </si>
  <si>
    <t>8.513880729675293</t>
  </si>
  <si>
    <t>532.6218872070312</t>
  </si>
  <si>
    <t>-0.09525252519386207</t>
  </si>
  <si>
    <t>16964</t>
  </si>
  <si>
    <t>8.638245582580566</t>
  </si>
  <si>
    <t>485.5151062011719</t>
  </si>
  <si>
    <t>-0.10923181466990783</t>
  </si>
  <si>
    <t>7.827064037322998</t>
  </si>
  <si>
    <t>517.2481079101562</t>
  </si>
  <si>
    <t>-0.1558419622615208</t>
  </si>
  <si>
    <t>8.2900972366333</t>
  </si>
  <si>
    <t>499.45684814453125</t>
  </si>
  <si>
    <t>-0.2571971465506646</t>
  </si>
  <si>
    <t>8.355408668518066</t>
  </si>
  <si>
    <t>588.1282348632812</t>
  </si>
  <si>
    <t>-0.12430819847331875</t>
  </si>
  <si>
    <t>7.728826999664307</t>
  </si>
  <si>
    <t>528.1326293945312</t>
  </si>
  <si>
    <t>-0.09930320995249708</t>
  </si>
  <si>
    <t>8761</t>
  </si>
  <si>
    <t>8.031764030456543</t>
  </si>
  <si>
    <t>662.634521484375</t>
  </si>
  <si>
    <t>-0.02413288069011621</t>
  </si>
  <si>
    <t>8.272787094116211</t>
  </si>
  <si>
    <t>576.1317749023438</t>
  </si>
  <si>
    <t>-0.013213267438787923</t>
  </si>
  <si>
    <t>8684</t>
  </si>
  <si>
    <t>9.200675010681152</t>
  </si>
  <si>
    <t>481.827392578125</t>
  </si>
  <si>
    <t>0.004385465770605279</t>
  </si>
  <si>
    <t>9.69090747833252</t>
  </si>
  <si>
    <t>498.23406982421875</t>
  </si>
  <si>
    <t>0.06422179664204286</t>
  </si>
  <si>
    <t>8.552696228027344</t>
  </si>
  <si>
    <t>584.1949462890625</t>
  </si>
  <si>
    <t>0.09127692461968984</t>
  </si>
  <si>
    <t>9.099600791931152</t>
  </si>
  <si>
    <t>567.4659423828125</t>
  </si>
  <si>
    <t>0.05773871747546799</t>
  </si>
  <si>
    <t>8.118928909301758</t>
  </si>
  <si>
    <t>591.2406616210938</t>
  </si>
  <si>
    <t>0.09498871527685893</t>
  </si>
  <si>
    <t>9.020306587219238</t>
  </si>
  <si>
    <t>631.3804321289062</t>
  </si>
  <si>
    <t>0.1149681611024782</t>
  </si>
  <si>
    <t>13992</t>
  </si>
  <si>
    <t>8.132035255432129</t>
  </si>
  <si>
    <t>561.68701171875</t>
  </si>
  <si>
    <t>0.053809170583718924</t>
  </si>
  <si>
    <t>15140</t>
  </si>
  <si>
    <t>9.190069198608398</t>
  </si>
  <si>
    <t>554.8098754882812</t>
  </si>
  <si>
    <t>0.0788545102930005</t>
  </si>
  <si>
    <t>15997</t>
  </si>
  <si>
    <t>9.453125</t>
  </si>
  <si>
    <t>484.638916015625</t>
  </si>
  <si>
    <t>0.05506095665015742</t>
  </si>
  <si>
    <t>15101</t>
  </si>
  <si>
    <t>9.659916877746582</t>
  </si>
  <si>
    <t>495.8583068847656</t>
  </si>
  <si>
    <t>-0.0576402378658063</t>
  </si>
  <si>
    <t>8.77131462097168</t>
  </si>
  <si>
    <t>592.3765258789062</t>
  </si>
  <si>
    <t>-0.13121634710865315</t>
  </si>
  <si>
    <t>14724</t>
  </si>
  <si>
    <t>9.467915534973145</t>
  </si>
  <si>
    <t>584.0394287109375</t>
  </si>
  <si>
    <t>0.10593419583177521</t>
  </si>
  <si>
    <t>8.895821571350098</t>
  </si>
  <si>
    <t>470.7531433105469</t>
  </si>
  <si>
    <t>0.08691515756398438</t>
  </si>
  <si>
    <t>15666</t>
  </si>
  <si>
    <t>9.01703929901123</t>
  </si>
  <si>
    <t>555.6762084960938</t>
  </si>
  <si>
    <t>-0.024901214135713445</t>
  </si>
  <si>
    <t>9.483756065368652</t>
  </si>
  <si>
    <t>518.888671875</t>
  </si>
  <si>
    <t>-0.00012767315689110603</t>
  </si>
  <si>
    <t>488.08197021484375</t>
  </si>
  <si>
    <t>0.054597965836723716</t>
  </si>
  <si>
    <t>16424</t>
  </si>
  <si>
    <t>9.834822654724121</t>
  </si>
  <si>
    <t>567.0902709960938</t>
  </si>
  <si>
    <t>-0.00721937190824562</t>
  </si>
  <si>
    <t>9.532709121704102</t>
  </si>
  <si>
    <t>649.2289428710938</t>
  </si>
  <si>
    <t>0.04243783398876033</t>
  </si>
  <si>
    <t>9.759489059448242</t>
  </si>
  <si>
    <t>479.6303405761719</t>
  </si>
  <si>
    <t>0.07496628050575538</t>
  </si>
  <si>
    <t>18680</t>
  </si>
  <si>
    <t>9.2501859664917</t>
  </si>
  <si>
    <t>538.1209716796875</t>
  </si>
  <si>
    <t>0.011305638589547584</t>
  </si>
  <si>
    <t>10.835577964782715</t>
  </si>
  <si>
    <t>406.60882568359375</t>
  </si>
  <si>
    <t>0.03565233792620148</t>
  </si>
  <si>
    <t>18727</t>
  </si>
  <si>
    <t>10.476871490478516</t>
  </si>
  <si>
    <t>496.33978271484375</t>
  </si>
  <si>
    <t>-0.033139437948525696</t>
  </si>
  <si>
    <t>9.093501091003418</t>
  </si>
  <si>
    <t>565.9528198242188</t>
  </si>
  <si>
    <t>0.04188300031228742</t>
  </si>
  <si>
    <t>9.77730655670166</t>
  </si>
  <si>
    <t>567.7562866210938</t>
  </si>
  <si>
    <t>-0.18875350433298266</t>
  </si>
  <si>
    <t>8.60128116607666</t>
  </si>
  <si>
    <t>583.814208984375</t>
  </si>
  <si>
    <t>607.6721801757812</t>
  </si>
  <si>
    <t>Rivne</t>
  </si>
  <si>
    <t>7.683317184448242</t>
  </si>
  <si>
    <t>578.9947509765625</t>
  </si>
  <si>
    <t>-0.11481408863852849</t>
  </si>
  <si>
    <t>8.343689918518066</t>
  </si>
  <si>
    <t>589.74755859375</t>
  </si>
  <si>
    <t>-0.12932214128450958</t>
  </si>
  <si>
    <t>7.617818355560303</t>
  </si>
  <si>
    <t>594.953125</t>
  </si>
  <si>
    <t>-0.17637973029001053</t>
  </si>
  <si>
    <t>8.173504829406738</t>
  </si>
  <si>
    <t>579.9328002929688</t>
  </si>
  <si>
    <t>-0.2784202247132477</t>
  </si>
  <si>
    <t>7.51069450378418</t>
  </si>
  <si>
    <t>568.0271606445312</t>
  </si>
  <si>
    <t>-0.14605964379983938</t>
  </si>
  <si>
    <t>5997</t>
  </si>
  <si>
    <t>6.64111852645874</t>
  </si>
  <si>
    <t>631.2623291015625</t>
  </si>
  <si>
    <t>-0.12153712008451478</t>
  </si>
  <si>
    <t>5720</t>
  </si>
  <si>
    <t>7.7145609855651855</t>
  </si>
  <si>
    <t>677.5424194335938</t>
  </si>
  <si>
    <t>-0.047290538794667825</t>
  </si>
  <si>
    <t>7.651815891265869</t>
  </si>
  <si>
    <t>702.1524047851562</t>
  </si>
  <si>
    <t>-0.036859865784158785</t>
  </si>
  <si>
    <t>8.464381217956543</t>
  </si>
  <si>
    <t>623.1107177734375</t>
  </si>
  <si>
    <t>-0.019969519509594136</t>
  </si>
  <si>
    <t>9.272443771362305</t>
  </si>
  <si>
    <t>614.4244995117188</t>
  </si>
  <si>
    <t>0.0390142920321086</t>
  </si>
  <si>
    <t>7.9309210777282715</t>
  </si>
  <si>
    <t>674.9778442382812</t>
  </si>
  <si>
    <t>0.06527236819675508</t>
  </si>
  <si>
    <t>8.653565406799316</t>
  </si>
  <si>
    <t>583.5482788085938</t>
  </si>
  <si>
    <t>0.031024236222036095</t>
  </si>
  <si>
    <t>7.732746601104736</t>
  </si>
  <si>
    <t>537.1044311523438</t>
  </si>
  <si>
    <t>0.06734289295056861</t>
  </si>
  <si>
    <t>7214</t>
  </si>
  <si>
    <t>8.33166790008545</t>
  </si>
  <si>
    <t>595.630615234375</t>
  </si>
  <si>
    <t>0.0862303729819267</t>
  </si>
  <si>
    <t>7.307733535766602</t>
  </si>
  <si>
    <t>577.5599975585938</t>
  </si>
  <si>
    <t>0.048301576639822486</t>
  </si>
  <si>
    <t>8152</t>
  </si>
  <si>
    <t>8.87724781036377</t>
  </si>
  <si>
    <t>634.083740234375</t>
  </si>
  <si>
    <t>0.07393813679925287</t>
  </si>
  <si>
    <t>8375</t>
  </si>
  <si>
    <t>8.853830337524414</t>
  </si>
  <si>
    <t>601.3331909179688</t>
  </si>
  <si>
    <t>0.026987781790706933</t>
  </si>
  <si>
    <t>8.929130554199219</t>
  </si>
  <si>
    <t>633.7622680664062</t>
  </si>
  <si>
    <t>-0.020263629063554944</t>
  </si>
  <si>
    <t>8.18648910522461</t>
  </si>
  <si>
    <t>635.9968872070312</t>
  </si>
  <si>
    <t>-0.1686948286872223</t>
  </si>
  <si>
    <t>8.27258014678955</t>
  </si>
  <si>
    <t>712.6985473632812</t>
  </si>
  <si>
    <t>0.05813554739252602</t>
  </si>
  <si>
    <t>8.524615287780762</t>
  </si>
  <si>
    <t>468.3971862792969</t>
  </si>
  <si>
    <t>0.03713529408249272</t>
  </si>
  <si>
    <t>8.242020606994629</t>
  </si>
  <si>
    <t>695.9641723632812</t>
  </si>
  <si>
    <t>0.00835732208218154</t>
  </si>
  <si>
    <t>8.714767456054688</t>
  </si>
  <si>
    <t>673.54345703125</t>
  </si>
  <si>
    <t>-0.0318409883234132</t>
  </si>
  <si>
    <t>9.444050788879395</t>
  </si>
  <si>
    <t>538.412353515625</t>
  </si>
  <si>
    <t>0.13515780456577176</t>
  </si>
  <si>
    <t>9.236647605895996</t>
  </si>
  <si>
    <t>451.8104248046875</t>
  </si>
  <si>
    <t>-0.12726848103564947</t>
  </si>
  <si>
    <t>8.870553016662598</t>
  </si>
  <si>
    <t>596.2262573242188</t>
  </si>
  <si>
    <t>-0.04592400382382422</t>
  </si>
  <si>
    <t>9.22815227508545</t>
  </si>
  <si>
    <t>600.5835571289062</t>
  </si>
  <si>
    <t>0.01892452361532193</t>
  </si>
  <si>
    <t>9.206581115722656</t>
  </si>
  <si>
    <t>584.7730712890625</t>
  </si>
  <si>
    <t>0.012780595448203869</t>
  </si>
  <si>
    <t>10.242864608764648</t>
  </si>
  <si>
    <t>494.43408203125</t>
  </si>
  <si>
    <t>0.03569675101319625</t>
  </si>
  <si>
    <t>9.639220237731934</t>
  </si>
  <si>
    <t>614.3204345703125</t>
  </si>
  <si>
    <t>-0.03313316598916316</t>
  </si>
  <si>
    <t>8.436212539672852</t>
  </si>
  <si>
    <t>620.4544677734375</t>
  </si>
  <si>
    <t>0.041829437290324734</t>
  </si>
  <si>
    <t>9.502714157104492</t>
  </si>
  <si>
    <t>578.2657470703125</t>
  </si>
  <si>
    <t>-0.18875211362143673</t>
  </si>
  <si>
    <t>8.093600273132324</t>
  </si>
  <si>
    <t>621.3447875976562</t>
  </si>
  <si>
    <t>717.5740356445312</t>
  </si>
  <si>
    <t>Sumy</t>
  </si>
  <si>
    <t>7.452218532562256</t>
  </si>
  <si>
    <t>568.2971801757812</t>
  </si>
  <si>
    <t>-0.11834236532499531</t>
  </si>
  <si>
    <t>13734</t>
  </si>
  <si>
    <t>7.503871440887451</t>
  </si>
  <si>
    <t>523.9594116210938</t>
  </si>
  <si>
    <t>-0.1330853196523325</t>
  </si>
  <si>
    <t>6.712213039398193</t>
  </si>
  <si>
    <t>574.8347778320312</t>
  </si>
  <si>
    <t>-0.18031396217736173</t>
  </si>
  <si>
    <t>8645</t>
  </si>
  <si>
    <t>6.822364807128906</t>
  </si>
  <si>
    <t>529.2332153320312</t>
  </si>
  <si>
    <t>-0.2825794288858692</t>
  </si>
  <si>
    <t>7.2918701171875</t>
  </si>
  <si>
    <t>624.5980834960938</t>
  </si>
  <si>
    <t>-0.15037912363237638</t>
  </si>
  <si>
    <t>6.545490741729736</t>
  </si>
  <si>
    <t>561.6937866210938</t>
  </si>
  <si>
    <t>-0.12622133462129526</t>
  </si>
  <si>
    <t>685.2009887695312</t>
  </si>
  <si>
    <t>-0.052128555294501666</t>
  </si>
  <si>
    <t>7.013111114501953</t>
  </si>
  <si>
    <t>662.4783935546875</t>
  </si>
  <si>
    <t>-0.04200781704713563</t>
  </si>
  <si>
    <t>8.054678916931152</t>
  </si>
  <si>
    <t>525.4843139648438</t>
  </si>
  <si>
    <t>-0.02545962361132048</t>
  </si>
  <si>
    <t>8.457932472229004</t>
  </si>
  <si>
    <t>573.8220825195312</t>
  </si>
  <si>
    <t>0.03330541963771161</t>
  </si>
  <si>
    <t>6379</t>
  </si>
  <si>
    <t>7.379414081573486</t>
  </si>
  <si>
    <t>632.0277709960938</t>
  </si>
  <si>
    <t>0.05892126069348258</t>
  </si>
  <si>
    <t>7.910066604614258</t>
  </si>
  <si>
    <t>583.3707885742188</t>
  </si>
  <si>
    <t>0.024314012297882215</t>
  </si>
  <si>
    <t>6.972795009613037</t>
  </si>
  <si>
    <t>636.5017700195312</t>
  </si>
  <si>
    <t>0.06026455988189383</t>
  </si>
  <si>
    <t>7.822495937347412</t>
  </si>
  <si>
    <t>654.5625610351562</t>
  </si>
  <si>
    <t>0.0786455483364481</t>
  </si>
  <si>
    <t>6.962669849395752</t>
  </si>
  <si>
    <t>591.3541259765625</t>
  </si>
  <si>
    <t>0.044023256487019324</t>
  </si>
  <si>
    <t>8.025311470031738</t>
  </si>
  <si>
    <t>624.266845703125</t>
  </si>
  <si>
    <t>0.053463465893607065</t>
  </si>
  <si>
    <t>8.186848640441895</t>
  </si>
  <si>
    <t>535.304931640625</t>
  </si>
  <si>
    <t>0.06646925662330894</t>
  </si>
  <si>
    <t>8.493724822998047</t>
  </si>
  <si>
    <t>530.951416015625</t>
  </si>
  <si>
    <t>0.03246894068607986</t>
  </si>
  <si>
    <t>7.4424614906311035</t>
  </si>
  <si>
    <t>600.7406616210938</t>
  </si>
  <si>
    <t>-0.12376368501546686</t>
  </si>
  <si>
    <t>8.303181648254395</t>
  </si>
  <si>
    <t>601.117431640625</t>
  </si>
  <si>
    <t>-0.011707693824050125</t>
  </si>
  <si>
    <t>7.788602828979492</t>
  </si>
  <si>
    <t>531.6681518554688</t>
  </si>
  <si>
    <t>0.12247703235966334</t>
  </si>
  <si>
    <t>7.7036967277526855</t>
  </si>
  <si>
    <t>606.079833984375</t>
  </si>
  <si>
    <t>-0.01857084357986949</t>
  </si>
  <si>
    <t>8.27814769744873</t>
  </si>
  <si>
    <t>597.1046142578125</t>
  </si>
  <si>
    <t>0.040062898891982</t>
  </si>
  <si>
    <t>8.554924964904785</t>
  </si>
  <si>
    <t>481.80242919921875</t>
  </si>
  <si>
    <t>0.006487912031234444</t>
  </si>
  <si>
    <t>8.635882377624512</t>
  </si>
  <si>
    <t>570.3590087890625</t>
  </si>
  <si>
    <t>-0.008986148273267602</t>
  </si>
  <si>
    <t>8.353140830993652</t>
  </si>
  <si>
    <t>689.1455078125</t>
  </si>
  <si>
    <t>-0.04220504220645083</t>
  </si>
  <si>
    <t>8.5281400680542</t>
  </si>
  <si>
    <t>548.6471557617188</t>
  </si>
  <si>
    <t>0.013857034661427292</t>
  </si>
  <si>
    <t>8.032377243041992</t>
  </si>
  <si>
    <t>556.0098266601562</t>
  </si>
  <si>
    <t>0.06119045225346831</t>
  </si>
  <si>
    <t>9.695380210876465</t>
  </si>
  <si>
    <t>437.073974609375</t>
  </si>
  <si>
    <t>0.03566453750093679</t>
  </si>
  <si>
    <t>9.23455810546875</t>
  </si>
  <si>
    <t>543.275390625</t>
  </si>
  <si>
    <t>-0.03314193788699704</t>
  </si>
  <si>
    <t>7.956453323364258</t>
  </si>
  <si>
    <t>579.551513671875</t>
  </si>
  <si>
    <t>0.04183764485454944</t>
  </si>
  <si>
    <t>8.523880958557129</t>
  </si>
  <si>
    <t>648.9899291992188</t>
  </si>
  <si>
    <t>-0.18868425058178317</t>
  </si>
  <si>
    <t>8.440577507019043</t>
  </si>
  <si>
    <t>504.40655517578125</t>
  </si>
  <si>
    <t>589.1107788085938</t>
  </si>
  <si>
    <t>Ternopil</t>
  </si>
  <si>
    <t>7.49534273147583</t>
  </si>
  <si>
    <t>612.0505981445312</t>
  </si>
  <si>
    <t>-0.11946408006906672</t>
  </si>
  <si>
    <t>8.279528617858887</t>
  </si>
  <si>
    <t>578.0768432617188</t>
  </si>
  <si>
    <t>-0.1342780249048623</t>
  </si>
  <si>
    <t>7.509515762329102</t>
  </si>
  <si>
    <t>596.6790771484375</t>
  </si>
  <si>
    <t>-0.18163311648895863</t>
  </si>
  <si>
    <t>8.175745010375977</t>
  </si>
  <si>
    <t>557.232177734375</t>
  </si>
  <si>
    <t>-0.28388393462793005</t>
  </si>
  <si>
    <t>7.388378143310547</t>
  </si>
  <si>
    <t>580.976806640625</t>
  </si>
  <si>
    <t>-0.15197527712429348</t>
  </si>
  <si>
    <t>6.48939847946167</t>
  </si>
  <si>
    <t>649.6942138671875</t>
  </si>
  <si>
    <t>-0.12761999265492108</t>
  </si>
  <si>
    <t>7.600475311279297</t>
  </si>
  <si>
    <t>683.5292358398438</t>
  </si>
  <si>
    <t>-0.05368799346833342</t>
  </si>
  <si>
    <t>7.556955337524414</t>
  </si>
  <si>
    <t>689.5388793945312</t>
  </si>
  <si>
    <t>-0.04395047609558134</t>
  </si>
  <si>
    <t>8.228621482849121</t>
  </si>
  <si>
    <t>595.3629150390625</t>
  </si>
  <si>
    <t>-0.02718336189737869</t>
  </si>
  <si>
    <t>9.20202922821045</t>
  </si>
  <si>
    <t>568.9950561523438</t>
  </si>
  <si>
    <t>0.031174445960232333</t>
  </si>
  <si>
    <t>7.792448043823242</t>
  </si>
  <si>
    <t>713.0421142578125</t>
  </si>
  <si>
    <t>0.056924084606304604</t>
  </si>
  <si>
    <t>8.531620025634766</t>
  </si>
  <si>
    <t>557.7966918945312</t>
  </si>
  <si>
    <t>0.021892292886491305</t>
  </si>
  <si>
    <t>7.673080921173096</t>
  </si>
  <si>
    <t>491.3655700683594</t>
  </si>
  <si>
    <t>0.057843901374683426</t>
  </si>
  <si>
    <t>8.201912879943848</t>
  </si>
  <si>
    <t>587.4151000976562</t>
  </si>
  <si>
    <t>0.07593107353449291</t>
  </si>
  <si>
    <t>7.143016815185547</t>
  </si>
  <si>
    <t>600.5847778320312</t>
  </si>
  <si>
    <t>0.054914311565937624</t>
  </si>
  <si>
    <t>8.72320556640625</t>
  </si>
  <si>
    <t>652.5722045898438</t>
  </si>
  <si>
    <t>0.09942578013801118</t>
  </si>
  <si>
    <t>8.747119903564453</t>
  </si>
  <si>
    <t>617.5260009765625</t>
  </si>
  <si>
    <t>0.054186831341587194</t>
  </si>
  <si>
    <t>8.781401634216309</t>
  </si>
  <si>
    <t>644.6677856445312</t>
  </si>
  <si>
    <t>0.002303971528354154</t>
  </si>
  <si>
    <t>8.219596862792969</t>
  </si>
  <si>
    <t>571.4927978515625</t>
  </si>
  <si>
    <t>-0.07022099568184359</t>
  </si>
  <si>
    <t>8.077434539794922</t>
  </si>
  <si>
    <t>729.6654663085938</t>
  </si>
  <si>
    <t>-0.018605187831033376</t>
  </si>
  <si>
    <t>8.349550247192383</t>
  </si>
  <si>
    <t>430.2276306152344</t>
  </si>
  <si>
    <t>0.13996604483530106</t>
  </si>
  <si>
    <t>8.246502876281738</t>
  </si>
  <si>
    <t>634.81494140625</t>
  </si>
  <si>
    <t>-0.010845775375754485</t>
  </si>
  <si>
    <t>8.624157905578613</t>
  </si>
  <si>
    <t>667.5617065429688</t>
  </si>
  <si>
    <t>-0.02885318623087585</t>
  </si>
  <si>
    <t>9.278878211975098</t>
  </si>
  <si>
    <t>560.0779418945312</t>
  </si>
  <si>
    <t>0.05503269181264692</t>
  </si>
  <si>
    <t>9.124557495117188</t>
  </si>
  <si>
    <t>441.3564147949219</t>
  </si>
  <si>
    <t>-0.12053228942976979</t>
  </si>
  <si>
    <t>8.717973709106445</t>
  </si>
  <si>
    <t>555.5208129882812</t>
  </si>
  <si>
    <t>0.00016193020843502381</t>
  </si>
  <si>
    <t>9.174532890319824</t>
  </si>
  <si>
    <t>578.22412109375</t>
  </si>
  <si>
    <t>0.08277909585827459</t>
  </si>
  <si>
    <t>9.091025352478027</t>
  </si>
  <si>
    <t>592.8742065429688</t>
  </si>
  <si>
    <t>0.05226911860806638</t>
  </si>
  <si>
    <t>10.05102252960205</t>
  </si>
  <si>
    <t>489.67138671875</t>
  </si>
  <si>
    <t>0.03557412771431423</t>
  </si>
  <si>
    <t>9.50081729888916</t>
  </si>
  <si>
    <t>620.8895874023438</t>
  </si>
  <si>
    <t>-0.03303103507501248</t>
  </si>
  <si>
    <t>8.298502922058105</t>
  </si>
  <si>
    <t>611.4257202148438</t>
  </si>
  <si>
    <t>0.04173028797839251</t>
  </si>
  <si>
    <t>9.48493480682373</t>
  </si>
  <si>
    <t>546.5374145507812</t>
  </si>
  <si>
    <t>-0.18875716207779902</t>
  </si>
  <si>
    <t>9.373616218566895</t>
  </si>
  <si>
    <t>522.9837646484375</t>
  </si>
  <si>
    <t>855.2001953125</t>
  </si>
  <si>
    <t>Vinnytsya</t>
  </si>
  <si>
    <t>8.38388442993164</t>
  </si>
  <si>
    <t>629.1549682617188</t>
  </si>
  <si>
    <t>-0.09228686617995763</t>
  </si>
  <si>
    <t>8.804221153259277</t>
  </si>
  <si>
    <t>525.440185546875</t>
  </si>
  <si>
    <t>-0.10626124955187777</t>
  </si>
  <si>
    <t>8.005888938903809</t>
  </si>
  <si>
    <t>599.9892578125</t>
  </si>
  <si>
    <t>-0.15281164682087933</t>
  </si>
  <si>
    <t>8.7659273147583</t>
  </si>
  <si>
    <t>523.5116577148438</t>
  </si>
  <si>
    <t>-0.25424497355955467</t>
  </si>
  <si>
    <t>8.180529594421387</t>
  </si>
  <si>
    <t>632.1638793945312</t>
  </si>
  <si>
    <t>-0.12135657534837918</t>
  </si>
  <si>
    <t>7.632779598236084</t>
  </si>
  <si>
    <t>631.0762329101562</t>
  </si>
  <si>
    <t>-0.09619473095232145</t>
  </si>
  <si>
    <t>8.13374137878418</t>
  </si>
  <si>
    <t>694.27587890625</t>
  </si>
  <si>
    <t>-0.021176281100517613</t>
  </si>
  <si>
    <t>8.283892631530762</t>
  </si>
  <si>
    <t>614.9159545898438</t>
  </si>
  <si>
    <t>-0.010162689092203081</t>
  </si>
  <si>
    <t>9.142230033874512</t>
  </si>
  <si>
    <t>534.2868041992188</t>
  </si>
  <si>
    <t>0.007462721201589417</t>
  </si>
  <si>
    <t>6330</t>
  </si>
  <si>
    <t>9.825065612792969</t>
  </si>
  <si>
    <t>548.7779541015625</t>
  </si>
  <si>
    <t>0.06730168217806742</t>
  </si>
  <si>
    <t>8.57417106628418</t>
  </si>
  <si>
    <t>641.8841552734375</t>
  </si>
  <si>
    <t>0.09430436033595235</t>
  </si>
  <si>
    <t>7392</t>
  </si>
  <si>
    <t>9.211039543151855</t>
  </si>
  <si>
    <t>630.76708984375</t>
  </si>
  <si>
    <t>0.06079373784734621</t>
  </si>
  <si>
    <t>8.14167594909668</t>
  </si>
  <si>
    <t>535.5196533203125</t>
  </si>
  <si>
    <t>0.0981102700576777</t>
  </si>
  <si>
    <t>9.017544746398926</t>
  </si>
  <si>
    <t>577.6770629882812</t>
  </si>
  <si>
    <t>0.11808277543000933</t>
  </si>
  <si>
    <t>8.050980567932129</t>
  </si>
  <si>
    <t>594.0394897460938</t>
  </si>
  <si>
    <t>-0.024267681090561766</t>
  </si>
  <si>
    <t>9.32696533203125</t>
  </si>
  <si>
    <t>635.01953125</t>
  </si>
  <si>
    <t>0.024267681090561766</t>
  </si>
  <si>
    <t>9.527399063110352</t>
  </si>
  <si>
    <t>545.8463745117188</t>
  </si>
  <si>
    <t>-0.02214844545272676</t>
  </si>
  <si>
    <t>9.566073417663574</t>
  </si>
  <si>
    <t>613.9220581054688</t>
  </si>
  <si>
    <t>-0.0199185114478162</t>
  </si>
  <si>
    <t>8.947815895080566</t>
  </si>
  <si>
    <t>539.8279418945312</t>
  </si>
  <si>
    <t>-0.15988810461280778</t>
  </si>
  <si>
    <t>7446</t>
  </si>
  <si>
    <t>9.292722702026367</t>
  </si>
  <si>
    <t>661.7972412109375</t>
  </si>
  <si>
    <t>-0.006959342863193996</t>
  </si>
  <si>
    <t>8.89096736907959</t>
  </si>
  <si>
    <t>455.0010070800781</t>
  </si>
  <si>
    <t>0.08369313709458481</t>
  </si>
  <si>
    <t>9.057684898376465</t>
  </si>
  <si>
    <t>621.0466918945312</t>
  </si>
  <si>
    <t>0.019812314918787877</t>
  </si>
  <si>
    <t>9.433484077453613</t>
  </si>
  <si>
    <t>635.3679809570312</t>
  </si>
  <si>
    <t>0.05695656897722401</t>
  </si>
  <si>
    <t>9.746673583984375</t>
  </si>
  <si>
    <t>0.07086711491005282</t>
  </si>
  <si>
    <t>9.876684188842773</t>
  </si>
  <si>
    <t>457.2637023925781</t>
  </si>
  <si>
    <t>-0.017631073782672146</t>
  </si>
  <si>
    <t>9.529278755187988</t>
  </si>
  <si>
    <t>550.5487060546875</t>
  </si>
  <si>
    <t>0.06548709496030725</t>
  </si>
  <si>
    <t>9.849114418029785</t>
  </si>
  <si>
    <t>570.199951171875</t>
  </si>
  <si>
    <t>0.030513045937871297</t>
  </si>
  <si>
    <t>10732</t>
  </si>
  <si>
    <t>9.570287704467773</t>
  </si>
  <si>
    <t>590.3117065429688</t>
  </si>
  <si>
    <t>0.05585475409669627</t>
  </si>
  <si>
    <t>11121</t>
  </si>
  <si>
    <t>10.846244812011719</t>
  </si>
  <si>
    <t>425.29443359375</t>
  </si>
  <si>
    <t>0.035605280273326656</t>
  </si>
  <si>
    <t>10.490900039672852</t>
  </si>
  <si>
    <t>561.4779052734375</t>
  </si>
  <si>
    <t>-0.033092599224932684</t>
  </si>
  <si>
    <t>9.041964530944824</t>
  </si>
  <si>
    <t>608.6791381835938</t>
  </si>
  <si>
    <t>0.04186615595105536</t>
  </si>
  <si>
    <t>9289</t>
  </si>
  <si>
    <t>9.99852466583252</t>
  </si>
  <si>
    <t>522.0162353515625</t>
  </si>
  <si>
    <t>-0.18877786515744255</t>
  </si>
  <si>
    <t>8.648066520690918</t>
  </si>
  <si>
    <t>615.358154296875</t>
  </si>
  <si>
    <t>618.493896484375</t>
  </si>
  <si>
    <t>Volyn</t>
  </si>
  <si>
    <t>12097</t>
  </si>
  <si>
    <t>7.625593662261963</t>
  </si>
  <si>
    <t>520.3355102539062</t>
  </si>
  <si>
    <t>-0.10691341361081008</t>
  </si>
  <si>
    <t>8.398128509521484</t>
  </si>
  <si>
    <t>618.7818603515625</t>
  </si>
  <si>
    <t>-0.12121953629534943</t>
  </si>
  <si>
    <t>7.63279390335083</t>
  </si>
  <si>
    <t>562.7424926757812</t>
  </si>
  <si>
    <t>-0.1678688316274748</t>
  </si>
  <si>
    <t>8.380986213684082</t>
  </si>
  <si>
    <t>579.907470703125</t>
  </si>
  <si>
    <t>-0.2695978695382131</t>
  </si>
  <si>
    <t>7.470489978790283</t>
  </si>
  <si>
    <t>542.3836669921875</t>
  </si>
  <si>
    <t>-0.13686110977980448</t>
  </si>
  <si>
    <t>5395</t>
  </si>
  <si>
    <t>6.528439044952393</t>
  </si>
  <si>
    <t>590.8502197265625</t>
  </si>
  <si>
    <t>-0.11193754202677297</t>
  </si>
  <si>
    <t>7.7656683921813965</t>
  </si>
  <si>
    <t>670.0888061523438</t>
  </si>
  <si>
    <t>-0.037198662490798284</t>
  </si>
  <si>
    <t>7.730186939239502</t>
  </si>
  <si>
    <t>695.4639892578125</t>
  </si>
  <si>
    <t>-0.02651227409636725</t>
  </si>
  <si>
    <t>8.386419296264648</t>
  </si>
  <si>
    <t>605.3712768554688</t>
  </si>
  <si>
    <t>-0.0091288587923124</t>
  </si>
  <si>
    <t>9.331863403320312</t>
  </si>
  <si>
    <t>598.325439453125</t>
  </si>
  <si>
    <t>0.05053543152444817</t>
  </si>
  <si>
    <t>7.917399883270264</t>
  </si>
  <si>
    <t>682.382568359375</t>
  </si>
  <si>
    <t>0.07712248599779592</t>
  </si>
  <si>
    <t>8.671854019165039</t>
  </si>
  <si>
    <t>550.4329223632812</t>
  </si>
  <si>
    <t>0.04326855180985234</t>
  </si>
  <si>
    <t>7.806840896606445</t>
  </si>
  <si>
    <t>525.0598754882812</t>
  </si>
  <si>
    <t>0.08052085814496479</t>
  </si>
  <si>
    <t>8.347879409790039</t>
  </si>
  <si>
    <t>645.1923828125</t>
  </si>
  <si>
    <t>0.09995055936082764</t>
  </si>
  <si>
    <t>7.276282787322998</t>
  </si>
  <si>
    <t>562.27197265625</t>
  </si>
  <si>
    <t>0.06029446895266233</t>
  </si>
  <si>
    <t>8.898802757263184</t>
  </si>
  <si>
    <t>623.5376586914062</t>
  </si>
  <si>
    <t>0.028002090067094088</t>
  </si>
  <si>
    <t>8.876545906066895</t>
  </si>
  <si>
    <t>613.4332275390625</t>
  </si>
  <si>
    <t>0.07244610248965522</t>
  </si>
  <si>
    <t>8275</t>
  </si>
  <si>
    <t>8.891276359558105</t>
  </si>
  <si>
    <t>642.7291870117188</t>
  </si>
  <si>
    <t>-0.011534430414792851</t>
  </si>
  <si>
    <t>8.291838645935059</t>
  </si>
  <si>
    <t>710.8653564453125</t>
  </si>
  <si>
    <t>-0.16904452899131606</t>
  </si>
  <si>
    <t>8.158173561096191</t>
  </si>
  <si>
    <t>741.9884033203125</t>
  </si>
  <si>
    <t>-0.011659002164975618</t>
  </si>
  <si>
    <t>8.520635604858398</t>
  </si>
  <si>
    <t>539.0533447265625</t>
  </si>
  <si>
    <t>0.11425381929775114</t>
  </si>
  <si>
    <t>8.353911399841309</t>
  </si>
  <si>
    <t>646.7478637695312</t>
  </si>
  <si>
    <t>0.013469512858476307</t>
  </si>
  <si>
    <t>8.686009407043457</t>
  </si>
  <si>
    <t>677.6829223632812</t>
  </si>
  <si>
    <t>-0.010245991274038246</t>
  </si>
  <si>
    <t>9.449896812438965</t>
  </si>
  <si>
    <t>565.4380493164062</t>
  </si>
  <si>
    <t>0.028928685649129093</t>
  </si>
  <si>
    <t>9.246221542358398</t>
  </si>
  <si>
    <t>499.30767822265625</t>
  </si>
  <si>
    <t>-0.0617742944428219</t>
  </si>
  <si>
    <t>8.848445892333984</t>
  </si>
  <si>
    <t>647.1282348632812</t>
  </si>
  <si>
    <t>-0.036717529722446685</t>
  </si>
  <si>
    <t>9.285297393798828</t>
  </si>
  <si>
    <t>666.08740234375</t>
  </si>
  <si>
    <t>0.18160826538418462</t>
  </si>
  <si>
    <t>9.30695915222168</t>
  </si>
  <si>
    <t>562.5201416015625</t>
  </si>
  <si>
    <t>0.012580220806354347</t>
  </si>
  <si>
    <t>10.228095054626465</t>
  </si>
  <si>
    <t>507.8675842285156</t>
  </si>
  <si>
    <t>0.03561240312782665</t>
  </si>
  <si>
    <t>9.629334449768066</t>
  </si>
  <si>
    <t>616.7156372070312</t>
  </si>
  <si>
    <t>-0.03311523951462014</t>
  </si>
  <si>
    <t>8.442145347595215</t>
  </si>
  <si>
    <t>633.0397338867188</t>
  </si>
  <si>
    <t>0.04185082684110242</t>
  </si>
  <si>
    <t>7616</t>
  </si>
  <si>
    <t>9.609410285949707</t>
  </si>
  <si>
    <t>591.459228515625</t>
  </si>
  <si>
    <t>-0.1887347716286687</t>
  </si>
  <si>
    <t>2570</t>
  </si>
  <si>
    <t>8.85286808013916</t>
  </si>
  <si>
    <t>656.9887084960938</t>
  </si>
  <si>
    <t>474.1079406738281</t>
  </si>
  <si>
    <t>Zakarpattya</t>
  </si>
  <si>
    <t>7.627410888671875</t>
  </si>
  <si>
    <t>757.7337036132812</t>
  </si>
  <si>
    <t>-0.08260154747611637</t>
  </si>
  <si>
    <t>8.691073417663574</t>
  </si>
  <si>
    <t>657.0564575195312</t>
  </si>
  <si>
    <t>-0.0967054207096858</t>
  </si>
  <si>
    <t>8.040188789367676</t>
  </si>
  <si>
    <t>691.1361083984375</t>
  </si>
  <si>
    <t>-0.1434947253499601</t>
  </si>
  <si>
    <t>8.986199378967285</t>
  </si>
  <si>
    <t>701.286376953125</t>
  </si>
  <si>
    <t>-0.24483979571682823</t>
  </si>
  <si>
    <t>8.054247856140137</t>
  </si>
  <si>
    <t>745.1448364257812</t>
  </si>
  <si>
    <t>-0.11216350153301313</t>
  </si>
  <si>
    <t>3908</t>
  </si>
  <si>
    <t>7.484874725341797</t>
  </si>
  <si>
    <t>764.6915893554688</t>
  </si>
  <si>
    <t>-0.08694740360253661</t>
  </si>
  <si>
    <t>7.999309062957764</t>
  </si>
  <si>
    <t>801.234130859375</t>
  </si>
  <si>
    <t>-0.012099516898437912</t>
  </si>
  <si>
    <t>7.981241703033447</t>
  </si>
  <si>
    <t>829.1585083007812</t>
  </si>
  <si>
    <t>-0.0012958405337997192</t>
  </si>
  <si>
    <t>8.440934181213379</t>
  </si>
  <si>
    <t>868.6843872070312</t>
  </si>
  <si>
    <t>0.016461277054071743</t>
  </si>
  <si>
    <t>9.796032905578613</t>
  </si>
  <si>
    <t>682.6629638671875</t>
  </si>
  <si>
    <t>0.07587390468798105</t>
  </si>
  <si>
    <t>8.343963623046875</t>
  </si>
  <si>
    <t>812.4027709960938</t>
  </si>
  <si>
    <t>0.1030404937843592</t>
  </si>
  <si>
    <t>9.22265625</t>
  </si>
  <si>
    <t>758.8121948242188</t>
  </si>
  <si>
    <t>0.06961838684668997</t>
  </si>
  <si>
    <t>8.244845390319824</t>
  </si>
  <si>
    <t>631.7750244140625</t>
  </si>
  <si>
    <t>0.10671256581010802</t>
  </si>
  <si>
    <t>8.580252647399902</t>
  </si>
  <si>
    <t>842.5418090820312</t>
  </si>
  <si>
    <t>0.12648768822949386</t>
  </si>
  <si>
    <t>6488</t>
  </si>
  <si>
    <t>7.691626071929932</t>
  </si>
  <si>
    <t>848.8313598632812</t>
  </si>
  <si>
    <t>0.02212962365210913</t>
  </si>
  <si>
    <t>9.099539756774902</t>
  </si>
  <si>
    <t>807.1692504882812</t>
  </si>
  <si>
    <t>0.06720335510429898</t>
  </si>
  <si>
    <t>9.425191879272461</t>
  </si>
  <si>
    <t>832.6196899414062</t>
  </si>
  <si>
    <t>0.05057968055208484</t>
  </si>
  <si>
    <t>9.311917304992676</t>
  </si>
  <si>
    <t>805.1649169921875</t>
  </si>
  <si>
    <t>-0.022725101540697068</t>
  </si>
  <si>
    <t>9.2831392288208</t>
  </si>
  <si>
    <t>828.259033203125</t>
  </si>
  <si>
    <t>-0.17759553113488025</t>
  </si>
  <si>
    <t>8.747990608215332</t>
  </si>
  <si>
    <t>1066.000732421875</t>
  </si>
  <si>
    <t>0.07681843775618624</t>
  </si>
  <si>
    <t>8.731675148010254</t>
  </si>
  <si>
    <t>655.8720092773438</t>
  </si>
  <si>
    <t>0.020862852108450625</t>
  </si>
  <si>
    <t>6967</t>
  </si>
  <si>
    <t>9.141818046569824</t>
  </si>
  <si>
    <t>702.1217651367188</t>
  </si>
  <si>
    <t>0.0560867063894257</t>
  </si>
  <si>
    <t>9.491106986999512</t>
  </si>
  <si>
    <t>795.7468872070312</t>
  </si>
  <si>
    <t>-0.04191703910464106</t>
  </si>
  <si>
    <t>9.87612247467041</t>
  </si>
  <si>
    <t>801.8683471679688</t>
  </si>
  <si>
    <t>-0.011895043512339498</t>
  </si>
  <si>
    <t>9.626148223876953</t>
  </si>
  <si>
    <t>675.5441284179688</t>
  </si>
  <si>
    <t>-0.14918976510633897</t>
  </si>
  <si>
    <t>9.01176929473877</t>
  </si>
  <si>
    <t>836.6265258789062</t>
  </si>
  <si>
    <t>-0.04569140075527578</t>
  </si>
  <si>
    <t>5945</t>
  </si>
  <si>
    <t>9.91507339477539</t>
  </si>
  <si>
    <t>748.159423828125</t>
  </si>
  <si>
    <t>0.09005906257335994</t>
  </si>
  <si>
    <t>9.855319023132324</t>
  </si>
  <si>
    <t>760.3331298828125</t>
  </si>
  <si>
    <t>0.057205137353564695</t>
  </si>
  <si>
    <t>10.448159217834473</t>
  </si>
  <si>
    <t>674.6961059570312</t>
  </si>
  <si>
    <t>0.03557872531764872</t>
  </si>
  <si>
    <t>9.952065467834473</t>
  </si>
  <si>
    <t>824.8330078125</t>
  </si>
  <si>
    <t>-0.033040250211856304</t>
  </si>
  <si>
    <t>8.83499813079834</t>
  </si>
  <si>
    <t>729.1463623046875</t>
  </si>
  <si>
    <t>0.041892566871878145</t>
  </si>
  <si>
    <t>5449</t>
  </si>
  <si>
    <t>10.205870628356934</t>
  </si>
  <si>
    <t>713.920654296875</t>
  </si>
  <si>
    <t>-0.18875460387302034</t>
  </si>
  <si>
    <t>24244</t>
  </si>
  <si>
    <t>10.916497230529785</t>
  </si>
  <si>
    <t>412.22857666015625</t>
  </si>
  <si>
    <t>1099.2816162109375</t>
  </si>
  <si>
    <t>Zaporizhzhya</t>
  </si>
  <si>
    <t>10.05644702911377</t>
  </si>
  <si>
    <t>506.5245361328125</t>
  </si>
  <si>
    <t>-0.11007380010992485</t>
  </si>
  <si>
    <t>9.986170768737793</t>
  </si>
  <si>
    <t>451.7357482910156</t>
  </si>
  <si>
    <t>-0.1243837196877351</t>
  </si>
  <si>
    <t>9.390241622924805</t>
  </si>
  <si>
    <t>443.700439453125</t>
  </si>
  <si>
    <t>-0.17129636123386227</t>
  </si>
  <si>
    <t>9.89869499206543</t>
  </si>
  <si>
    <t>453.75872802734375</t>
  </si>
  <si>
    <t>-0.2730599528672073</t>
  </si>
  <si>
    <t>10.177599906921387</t>
  </si>
  <si>
    <t>531.8782958984375</t>
  </si>
  <si>
    <t>-0.14042085665473003</t>
  </si>
  <si>
    <t>9.56632137298584</t>
  </si>
  <si>
    <t>461.72802734375</t>
  </si>
  <si>
    <t>-0.11574973083666151</t>
  </si>
  <si>
    <t>9.446381568908691</t>
  </si>
  <si>
    <t>658.1412353515625</t>
  </si>
  <si>
    <t>-0.04107155286894759</t>
  </si>
  <si>
    <t>10.201674461364746</t>
  </si>
  <si>
    <t>485.8526306152344</t>
  </si>
  <si>
    <t>-0.030453564764805208</t>
  </si>
  <si>
    <t>10.903475761413574</t>
  </si>
  <si>
    <t>505.7424621582031</t>
  </si>
  <si>
    <t>-0.013291874190928255</t>
  </si>
  <si>
    <t>11.258853912353516</t>
  </si>
  <si>
    <t>433.0079040527344</t>
  </si>
  <si>
    <t>0.04615086325135742</t>
  </si>
  <si>
    <t>10.295015335083008</t>
  </si>
  <si>
    <t>532.274169921875</t>
  </si>
  <si>
    <t>0.07264822614007116</t>
  </si>
  <si>
    <t>10.85648250579834</t>
  </si>
  <si>
    <t>514.8020629882812</t>
  </si>
  <si>
    <t>0.038744078031877294</t>
  </si>
  <si>
    <t>9.758260726928711</t>
  </si>
  <si>
    <t>502.86761474609375</t>
  </si>
  <si>
    <t>0.07561412255140709</t>
  </si>
  <si>
    <t>10.740192413330078</t>
  </si>
  <si>
    <t>603.4496459960938</t>
  </si>
  <si>
    <t>0.09489836906671734</t>
  </si>
  <si>
    <t>12923</t>
  </si>
  <si>
    <t>10.029504776000977</t>
  </si>
  <si>
    <t>532.57861328125</t>
  </si>
  <si>
    <t>0.06258525962738659</t>
  </si>
  <si>
    <t>10.943302154541016</t>
  </si>
  <si>
    <t>503.2135314941406</t>
  </si>
  <si>
    <t>0.08936229605755486</t>
  </si>
  <si>
    <t>11.176559448242188</t>
  </si>
  <si>
    <t>395.2240295410156</t>
  </si>
  <si>
    <t>0.09793794761869101</t>
  </si>
  <si>
    <t>11.291107177734375</t>
  </si>
  <si>
    <t>459.36920166015625</t>
  </si>
  <si>
    <t>0.0018590344787998703</t>
  </si>
  <si>
    <t>10.857285499572754</t>
  </si>
  <si>
    <t>549.91943359375</t>
  </si>
  <si>
    <t>-0.2446849123371635</t>
  </si>
  <si>
    <t>12721</t>
  </si>
  <si>
    <t>11.486451148986816</t>
  </si>
  <si>
    <t>578.613037109375</t>
  </si>
  <si>
    <t>0.03977113581313674</t>
  </si>
  <si>
    <t>10.437422752380371</t>
  </si>
  <si>
    <t>409.5709228515625</t>
  </si>
  <si>
    <t>-0.012657395468957944</t>
  </si>
  <si>
    <t>11.166590690612793</t>
  </si>
  <si>
    <t>427.8918151855469</t>
  </si>
  <si>
    <t>-0.004948134597031029</t>
  </si>
  <si>
    <t>11965</t>
  </si>
  <si>
    <t>11.287330627441406</t>
  </si>
  <si>
    <t>449.10760498046875</t>
  </si>
  <si>
    <t>-0.04366291974774761</t>
  </si>
  <si>
    <t>12828</t>
  </si>
  <si>
    <t>11.308846473693848</t>
  </si>
  <si>
    <t>453.2154846191406</t>
  </si>
  <si>
    <t>0.06964456047057155</t>
  </si>
  <si>
    <t>11.541638374328613</t>
  </si>
  <si>
    <t>527.1018676757812</t>
  </si>
  <si>
    <t>-0.024302916158955412</t>
  </si>
  <si>
    <t>11.180526733398438</t>
  </si>
  <si>
    <t>575.5177612304688</t>
  </si>
  <si>
    <t>0.007479942569506903</t>
  </si>
  <si>
    <t>13091</t>
  </si>
  <si>
    <t>11.58090591430664</t>
  </si>
  <si>
    <t>448.5812683105469</t>
  </si>
  <si>
    <t>0.03711766295650243</t>
  </si>
  <si>
    <t>11.121747016906738</t>
  </si>
  <si>
    <t>523.5062255859375</t>
  </si>
  <si>
    <t>-0.010983635133964498</t>
  </si>
  <si>
    <t>13417</t>
  </si>
  <si>
    <t>12.466048240661621</t>
  </si>
  <si>
    <t>385.058349609375</t>
  </si>
  <si>
    <t>0.03558122354433735</t>
  </si>
  <si>
    <t>12.275753021240234</t>
  </si>
  <si>
    <t>463.21240234375</t>
  </si>
  <si>
    <t>-0.03311284833239014</t>
  </si>
  <si>
    <t>10.92284107208252</t>
  </si>
  <si>
    <t>592.2489624023438</t>
  </si>
  <si>
    <t>0.04186921179032055</t>
  </si>
  <si>
    <t>11.616206169128418</t>
  </si>
  <si>
    <t>489.9383850097656</t>
  </si>
  <si>
    <t>-0.1887403399963734</t>
  </si>
  <si>
    <t>8.624397277832031</t>
  </si>
  <si>
    <t>653.2537231445312</t>
  </si>
  <si>
    <t>681.1217041015625</t>
  </si>
  <si>
    <t>Zhytomyr</t>
  </si>
  <si>
    <t>7.909748077392578</t>
  </si>
  <si>
    <t>640.9011840820312</t>
  </si>
  <si>
    <t>-0.11508109877300043</t>
  </si>
  <si>
    <t>8.30312728881836</t>
  </si>
  <si>
    <t>573.1965942382812</t>
  </si>
  <si>
    <t>-0.12962785132852517</t>
  </si>
  <si>
    <t>7.467782497406006</t>
  </si>
  <si>
    <t>663.5194702148438</t>
  </si>
  <si>
    <t>-0.176737598756322</t>
  </si>
  <si>
    <t>7.763433456420898</t>
  </si>
  <si>
    <t>595.1220092773438</t>
  </si>
  <si>
    <t>-0.2786871367916923</t>
  </si>
  <si>
    <t>7.568815231323242</t>
  </si>
  <si>
    <t>584.6150512695312</t>
  </si>
  <si>
    <t>-0.1464062074317809</t>
  </si>
  <si>
    <t>6.831329822540283</t>
  </si>
  <si>
    <t>660.9343872070312</t>
  </si>
  <si>
    <t>-0.12188981760903594</t>
  </si>
  <si>
    <t>7.592136859893799</t>
  </si>
  <si>
    <t>701.24609375</t>
  </si>
  <si>
    <t>-0.04759262442585843</t>
  </si>
  <si>
    <t>7.474399566650391</t>
  </si>
  <si>
    <t>706.7535400390625</t>
  </si>
  <si>
    <t>-0.0372424731411769</t>
  </si>
  <si>
    <t>8.542551040649414</t>
  </si>
  <si>
    <t>640.2178344726562</t>
  </si>
  <si>
    <t>-0.020565764260936703</t>
  </si>
  <si>
    <t>9.115029335021973</t>
  </si>
  <si>
    <t>641.1212768554688</t>
  </si>
  <si>
    <t>0.038584269763616064</t>
  </si>
  <si>
    <t>7.9193878173828125</t>
  </si>
  <si>
    <t>707.67724609375</t>
  </si>
  <si>
    <t>0.06481750007647058</t>
  </si>
  <si>
    <t>8.548126220703125</t>
  </si>
  <si>
    <t>625.3665161132812</t>
  </si>
  <si>
    <t>0.0304573883089585</t>
  </si>
  <si>
    <t>7.558483600616455</t>
  </si>
  <si>
    <t>592.5852661132812</t>
  </si>
  <si>
    <t>0.06688489277537002</t>
  </si>
  <si>
    <t>8.306854248046875</t>
  </si>
  <si>
    <t>642.0587768554688</t>
  </si>
  <si>
    <t>0.08567638274378098</t>
  </si>
  <si>
    <t>7.377992153167725</t>
  </si>
  <si>
    <t>623.1868896484375</t>
  </si>
  <si>
    <t>0.01756933848346698</t>
  </si>
  <si>
    <t>8.736130714416504</t>
  </si>
  <si>
    <t>723.97607421875</t>
  </si>
  <si>
    <t>0.0421191581982967</t>
  </si>
  <si>
    <t>8.818942070007324</t>
  </si>
  <si>
    <t>640.8396606445312</t>
  </si>
  <si>
    <t>0.04506586651016242</t>
  </si>
  <si>
    <t>8.960772514343262</t>
  </si>
  <si>
    <t>636.5658569335938</t>
  </si>
  <si>
    <t>0.05584635140081495</t>
  </si>
  <si>
    <t>8.026080131530762</t>
  </si>
  <si>
    <t>665.8926391601562</t>
  </si>
  <si>
    <t>-0.13635528870657154</t>
  </si>
  <si>
    <t>8.494782447814941</t>
  </si>
  <si>
    <t>697.2147216796875</t>
  </si>
  <si>
    <t>0.11047825673850831</t>
  </si>
  <si>
    <t>8.440868377685547</t>
  </si>
  <si>
    <t>506.0028991699219</t>
  </si>
  <si>
    <t>0.03601767467140071</t>
  </si>
  <si>
    <t>8.083724021911621</t>
  </si>
  <si>
    <t>741.5387573242188</t>
  </si>
  <si>
    <t>0.01784744544307415</t>
  </si>
  <si>
    <t>8.700233459472656</t>
  </si>
  <si>
    <t>709.4893188476562</t>
  </si>
  <si>
    <t>-0.0023864860915132624</t>
  </si>
  <si>
    <t>9.252626419067383</t>
  </si>
  <si>
    <t>563.376953125</t>
  </si>
  <si>
    <t>0.02508513504278831</t>
  </si>
  <si>
    <t>9.23779296875</t>
  </si>
  <si>
    <t>481.9400329589844</t>
  </si>
  <si>
    <t>-0.07115014258745056</t>
  </si>
  <si>
    <t>8.915711402893066</t>
  </si>
  <si>
    <t>608.3208618164062</t>
  </si>
  <si>
    <t>0.06881727886139011</t>
  </si>
  <si>
    <t>9.11264705657959</t>
  </si>
  <si>
    <t>608.5661010742188</t>
  </si>
  <si>
    <t>0.06092104557443889</t>
  </si>
  <si>
    <t>8.893874168395996</t>
  </si>
  <si>
    <t>607.85009765625</t>
  </si>
  <si>
    <t>0.09366855801880902</t>
  </si>
  <si>
    <t>9840</t>
  </si>
  <si>
    <t>10.288323402404785</t>
  </si>
  <si>
    <t>477.7601623535156</t>
  </si>
  <si>
    <t>0.035690366799913775</t>
  </si>
  <si>
    <t>9.751103401184082</t>
  </si>
  <si>
    <t>595.5531005859375</t>
  </si>
  <si>
    <t>-0.03316590979499345</t>
  </si>
  <si>
    <t>8.415492057800293</t>
  </si>
  <si>
    <t>642.7036743164062</t>
  </si>
  <si>
    <t>0.041867775896079706</t>
  </si>
  <si>
    <t>9.191027641296387</t>
  </si>
  <si>
    <t>630.9387817382812</t>
  </si>
  <si>
    <t>-0.18870902999888628</t>
  </si>
  <si>
    <t>URY</t>
  </si>
  <si>
    <t>19.056692123413086</t>
  </si>
  <si>
    <t>1690.1435546875</t>
  </si>
  <si>
    <t>6.921688556671143</t>
  </si>
  <si>
    <t>Artigas</t>
  </si>
  <si>
    <t>Uruguay</t>
  </si>
  <si>
    <t>19.841779708862305</t>
  </si>
  <si>
    <t>1404.4708251953125</t>
  </si>
  <si>
    <t>0.03042786370991557</t>
  </si>
  <si>
    <t>19.237409591674805</t>
  </si>
  <si>
    <t>1690.1715087890625</t>
  </si>
  <si>
    <t>0.05602365509582796</t>
  </si>
  <si>
    <t>19.31029510498047</t>
  </si>
  <si>
    <t>1339.084228515625</t>
  </si>
  <si>
    <t>-0.06241438127616483</t>
  </si>
  <si>
    <t>20.03434181213379</t>
  </si>
  <si>
    <t>1251.1158447265625</t>
  </si>
  <si>
    <t>0.12823544715796587</t>
  </si>
  <si>
    <t>19.31028175354004</t>
  </si>
  <si>
    <t>1204.8453369140625</t>
  </si>
  <si>
    <t>0.008932048665487358</t>
  </si>
  <si>
    <t>19.28878402709961</t>
  </si>
  <si>
    <t>1092.3306884765625</t>
  </si>
  <si>
    <t>0.055590450810797165</t>
  </si>
  <si>
    <t>9134</t>
  </si>
  <si>
    <t>19.803556442260742</t>
  </si>
  <si>
    <t>1689.4566650390625</t>
  </si>
  <si>
    <t>0.0931011042020593</t>
  </si>
  <si>
    <t>18.884519577026367</t>
  </si>
  <si>
    <t>1651.4007568359375</t>
  </si>
  <si>
    <t>0.012403597167214286</t>
  </si>
  <si>
    <t>19.24217987060547</t>
  </si>
  <si>
    <t>1068.9365234375</t>
  </si>
  <si>
    <t>-0.08257799781537045</t>
  </si>
  <si>
    <t>18.85777473449707</t>
  </si>
  <si>
    <t>1604.3504638671875</t>
  </si>
  <si>
    <t>-0.014312149203252744</t>
  </si>
  <si>
    <t>19.917356491088867</t>
  </si>
  <si>
    <t>1555.234619140625</t>
  </si>
  <si>
    <t>-0.03862046446080747</t>
  </si>
  <si>
    <t>19.60179901123047</t>
  </si>
  <si>
    <t>2085.486083984375</t>
  </si>
  <si>
    <t>-0.013337686034979868</t>
  </si>
  <si>
    <t>19.33411979675293</t>
  </si>
  <si>
    <t>1631.92529296875</t>
  </si>
  <si>
    <t>0.0331985815982776</t>
  </si>
  <si>
    <t>8865</t>
  </si>
  <si>
    <t>19.4122371673584</t>
  </si>
  <si>
    <t>1194.3095703125</t>
  </si>
  <si>
    <t>0.07335334351228262</t>
  </si>
  <si>
    <t>9756</t>
  </si>
  <si>
    <t>19.59804344177246</t>
  </si>
  <si>
    <t>1282.3851318359375</t>
  </si>
  <si>
    <t>0.09577154082750106</t>
  </si>
  <si>
    <t>10383</t>
  </si>
  <si>
    <t>19.969831466674805</t>
  </si>
  <si>
    <t>1152.7943115234375</t>
  </si>
  <si>
    <t>0.06228737296764386</t>
  </si>
  <si>
    <t>11298</t>
  </si>
  <si>
    <t>19.071836471557617</t>
  </si>
  <si>
    <t>1404.7894287109375</t>
  </si>
  <si>
    <t>0.084455865581754</t>
  </si>
  <si>
    <t>19.5130558013916</t>
  </si>
  <si>
    <t>1009.2207641601562</t>
  </si>
  <si>
    <t>0.08943512053750169</t>
  </si>
  <si>
    <t>19.545997619628906</t>
  </si>
  <si>
    <t>1371.6480712890625</t>
  </si>
  <si>
    <t>0.06099116019877293</t>
  </si>
  <si>
    <t>19.239852905273438</t>
  </si>
  <si>
    <t>1147.294189453125</t>
  </si>
  <si>
    <t>0.09398013444213582</t>
  </si>
  <si>
    <t>19.3400936126709</t>
  </si>
  <si>
    <t>1069.4119873046875</t>
  </si>
  <si>
    <t>0.06877102517007572</t>
  </si>
  <si>
    <t>16287</t>
  </si>
  <si>
    <t>20.027204513549805</t>
  </si>
  <si>
    <t>1406.5233154296875</t>
  </si>
  <si>
    <t>0.05256408433986692</t>
  </si>
  <si>
    <t>19.37838363647461</t>
  </si>
  <si>
    <t>1273.1787109375</t>
  </si>
  <si>
    <t>0.06253338085502413</t>
  </si>
  <si>
    <t>19.86154556274414</t>
  </si>
  <si>
    <t>1711.962158203125</t>
  </si>
  <si>
    <t>0.04846602307182124</t>
  </si>
  <si>
    <t>18561</t>
  </si>
  <si>
    <t>20.166730880737305</t>
  </si>
  <si>
    <t>1456.952392578125</t>
  </si>
  <si>
    <t>0.019695957698692368</t>
  </si>
  <si>
    <t>19179</t>
  </si>
  <si>
    <t>19.105344772338867</t>
  </si>
  <si>
    <t>1358.8348388671875</t>
  </si>
  <si>
    <t>0.03275332523573837</t>
  </si>
  <si>
    <t>19834</t>
  </si>
  <si>
    <t>20.232385635375977</t>
  </si>
  <si>
    <t>1490.6802978515625</t>
  </si>
  <si>
    <t>0.03358170631123336</t>
  </si>
  <si>
    <t>20204</t>
  </si>
  <si>
    <t>19.73634147644043</t>
  </si>
  <si>
    <t>1484.4700927734375</t>
  </si>
  <si>
    <t>0.018482967841872977</t>
  </si>
  <si>
    <t>20714</t>
  </si>
  <si>
    <t>19.83692741394043</t>
  </si>
  <si>
    <t>1279.4749755859375</t>
  </si>
  <si>
    <t>0.024929195560881467</t>
  </si>
  <si>
    <t>19427</t>
  </si>
  <si>
    <t>19.943742752075195</t>
  </si>
  <si>
    <t>1021.30859375</t>
  </si>
  <si>
    <t>-0.06414594911004379</t>
  </si>
  <si>
    <t>19.72068214416504</t>
  </si>
  <si>
    <t>932.781005859375</t>
  </si>
  <si>
    <t>0.05278494911466325</t>
  </si>
  <si>
    <t>19.469823837280273</t>
  </si>
  <si>
    <t>958.215087890625</t>
  </si>
  <si>
    <t>0.049626867606892944</t>
  </si>
  <si>
    <t>1286.4000244140625</t>
  </si>
  <si>
    <t>113.30554962158203</t>
  </si>
  <si>
    <t>Canelones</t>
  </si>
  <si>
    <t>6081</t>
  </si>
  <si>
    <t>0.03038631111703438</t>
  </si>
  <si>
    <t>1223.7999267578125</t>
  </si>
  <si>
    <t>0.0861339434263435</t>
  </si>
  <si>
    <t>1468.2999267578125</t>
  </si>
  <si>
    <t>0.009460240236363049</t>
  </si>
  <si>
    <t>1058.5001220703125</t>
  </si>
  <si>
    <t>0.030323194648474328</t>
  </si>
  <si>
    <t>-0.009176380756054314</t>
  </si>
  <si>
    <t>961.400146484375</t>
  </si>
  <si>
    <t>0.01913101825071095</t>
  </si>
  <si>
    <t>1139.9000244140625</t>
  </si>
  <si>
    <t>0.07092420461111182</t>
  </si>
  <si>
    <t>1090.699951171875</t>
  </si>
  <si>
    <t>0.013811640539220349</t>
  </si>
  <si>
    <t>17.01666831970215</t>
  </si>
  <si>
    <t>1026.7000732421875</t>
  </si>
  <si>
    <t>-0.022406912365601883</t>
  </si>
  <si>
    <t>16.941665649414062</t>
  </si>
  <si>
    <t>-0.050768110383655696</t>
  </si>
  <si>
    <t>-0.052586206346978415</t>
  </si>
  <si>
    <t>17.366666793823242</t>
  </si>
  <si>
    <t>1565.699951171875</t>
  </si>
  <si>
    <t>-0.07934497527543094</t>
  </si>
  <si>
    <t>1349.5999755859375</t>
  </si>
  <si>
    <t>0.02888575523179604</t>
  </si>
  <si>
    <t>1074.5</t>
  </si>
  <si>
    <t>0.06927598383725986</t>
  </si>
  <si>
    <t>1348.699951171875</t>
  </si>
  <si>
    <t>0.09179467388794471</t>
  </si>
  <si>
    <t>1103.5999755859375</t>
  </si>
  <si>
    <t>0.05851142300446277</t>
  </si>
  <si>
    <t>1365.0999755859375</t>
  </si>
  <si>
    <t>0.08076135664445871</t>
  </si>
  <si>
    <t>0.08601095439765594</t>
  </si>
  <si>
    <t>1210.800048828125</t>
  </si>
  <si>
    <t>0.05773429169851774</t>
  </si>
  <si>
    <t>1184.699951171875</t>
  </si>
  <si>
    <t>0.09070414337211474</t>
  </si>
  <si>
    <t>17.15000343322754</t>
  </si>
  <si>
    <t>0.06570697755556765</t>
  </si>
  <si>
    <t>1369.199951171875</t>
  </si>
  <si>
    <t>0.049656784752720284</t>
  </si>
  <si>
    <t>1184.10009765625</t>
  </si>
  <si>
    <t>0.05960499019683674</t>
  </si>
  <si>
    <t>1548.7999267578125</t>
  </si>
  <si>
    <t>0.04573910361665057</t>
  </si>
  <si>
    <t>925.2999877929688</t>
  </si>
  <si>
    <t>0.01707188767611001</t>
  </si>
  <si>
    <t>1271.2999267578125</t>
  </si>
  <si>
    <t>0.030196913735277775</t>
  </si>
  <si>
    <t>1176.699951171875</t>
  </si>
  <si>
    <t>0.031089867813999916</t>
  </si>
  <si>
    <t>1432.89990234375</t>
  </si>
  <si>
    <t>0.016131568466612123</t>
  </si>
  <si>
    <t>1169.39990234375</t>
  </si>
  <si>
    <t>0.022668567964649</t>
  </si>
  <si>
    <t>-0.0641967890784656</t>
  </si>
  <si>
    <t>15042</t>
  </si>
  <si>
    <t>0.05282702090756608</t>
  </si>
  <si>
    <t>15807</t>
  </si>
  <si>
    <t>0.04960659149104707</t>
  </si>
  <si>
    <t>17.597074508666992</t>
  </si>
  <si>
    <t>1478.5631103515625</t>
  </si>
  <si>
    <t>60.37761688232422</t>
  </si>
  <si>
    <t>Cerro Largo</t>
  </si>
  <si>
    <t>7240</t>
  </si>
  <si>
    <t>18.38082504272461</t>
  </si>
  <si>
    <t>1336.1953125</t>
  </si>
  <si>
    <t>0.030430729220741526</t>
  </si>
  <si>
    <t>17.755277633666992</t>
  </si>
  <si>
    <t>1492.336669921875</t>
  </si>
  <si>
    <t>0.10828441369434039</t>
  </si>
  <si>
    <t>17.727373123168945</t>
  </si>
  <si>
    <t>1366.01513671875</t>
  </si>
  <si>
    <t>-0.0125976096937368</t>
  </si>
  <si>
    <t>18.34491539001465</t>
  </si>
  <si>
    <t>1320.3546142578125</t>
  </si>
  <si>
    <t>0.09751002453675106</t>
  </si>
  <si>
    <t>17.83720588684082</t>
  </si>
  <si>
    <t>-0.0036500553812857106</t>
  </si>
  <si>
    <t>17.893285751342773</t>
  </si>
  <si>
    <t>1062.3826904296875</t>
  </si>
  <si>
    <t>0.04447660414370347</t>
  </si>
  <si>
    <t>18.118661880493164</t>
  </si>
  <si>
    <t>1571.6563720703125</t>
  </si>
  <si>
    <t>0.0834253286085378</t>
  </si>
  <si>
    <t>17.585115432739258</t>
  </si>
  <si>
    <t>1577.0638427734375</t>
  </si>
  <si>
    <t>0.04155777203503952</t>
  </si>
  <si>
    <t>17.790212631225586</t>
  </si>
  <si>
    <t>1102.1435546875</t>
  </si>
  <si>
    <t>-0.07561536646675293</t>
  </si>
  <si>
    <t>17.55653190612793</t>
  </si>
  <si>
    <t>1601.0521240234375</t>
  </si>
  <si>
    <t>-0.0177385915932895</t>
  </si>
  <si>
    <t>18.667613983154297</t>
  </si>
  <si>
    <t>1697.4482421875</t>
  </si>
  <si>
    <t>-0.03359850864672964</t>
  </si>
  <si>
    <t>18.272642135620117</t>
  </si>
  <si>
    <t>1972.4239501953125</t>
  </si>
  <si>
    <t>-0.04559736929482128</t>
  </si>
  <si>
    <t>17.765302658081055</t>
  </si>
  <si>
    <t>1605.55908203125</t>
  </si>
  <si>
    <t>0.00867387314477952</t>
  </si>
  <si>
    <t>18.099933624267578</t>
  </si>
  <si>
    <t>1117.3082275390625</t>
  </si>
  <si>
    <t>0.049547453111339124</t>
  </si>
  <si>
    <t>18.288610458374023</t>
  </si>
  <si>
    <t>1486.672607421875</t>
  </si>
  <si>
    <t>0.07246903307697927</t>
  </si>
  <si>
    <t>18.4674015045166</t>
  </si>
  <si>
    <t>1103.7755126953125</t>
  </si>
  <si>
    <t>0.039638433797076544</t>
  </si>
  <si>
    <t>17.828275680541992</t>
  </si>
  <si>
    <t>1505.65234375</t>
  </si>
  <si>
    <t>0.062215639721431515</t>
  </si>
  <si>
    <t>18.05462074279785</t>
  </si>
  <si>
    <t>1140.0587158203125</t>
  </si>
  <si>
    <t>0.06786578307299429</t>
  </si>
  <si>
    <t>12261</t>
  </si>
  <si>
    <t>18.087141036987305</t>
  </si>
  <si>
    <t>1280.4012451171875</t>
  </si>
  <si>
    <t>0.039935428986266786</t>
  </si>
  <si>
    <t>18.09537124633789</t>
  </si>
  <si>
    <t>1234.7664794921875</t>
  </si>
  <si>
    <t>0.07333868755043049</t>
  </si>
  <si>
    <t>17.84064292907715</t>
  </si>
  <si>
    <t>1238.3265380859375</t>
  </si>
  <si>
    <t>0.048595251392281824</t>
  </si>
  <si>
    <t>18.5703125</t>
  </si>
  <si>
    <t>1292.832763671875</t>
  </si>
  <si>
    <t>0.03281078300911844</t>
  </si>
  <si>
    <t>14945</t>
  </si>
  <si>
    <t>17.9117488861084</t>
  </si>
  <si>
    <t>1452.30078125</t>
  </si>
  <si>
    <t>0.043208580533821817</t>
  </si>
  <si>
    <t>18.469820022583008</t>
  </si>
  <si>
    <t>1670.0821533203125</t>
  </si>
  <si>
    <t>0.029536064892035085</t>
  </si>
  <si>
    <t>18.638917922973633</t>
  </si>
  <si>
    <t>1335.0960693359375</t>
  </si>
  <si>
    <t>0.0011686795253034177</t>
  </si>
  <si>
    <t>17.81049919128418</t>
  </si>
  <si>
    <t>1309.3094482421875</t>
  </si>
  <si>
    <t>0.014622309549082502</t>
  </si>
  <si>
    <t>15887</t>
  </si>
  <si>
    <t>18.980653762817383</t>
  </si>
  <si>
    <t>1454.7117919921875</t>
  </si>
  <si>
    <t>0.01579731503556303</t>
  </si>
  <si>
    <t>15903</t>
  </si>
  <si>
    <t>18.4412899017334</t>
  </si>
  <si>
    <t>1477.281494140625</t>
  </si>
  <si>
    <t>0.0010066059358937451</t>
  </si>
  <si>
    <t>18.606672286987305</t>
  </si>
  <si>
    <t>1320.97021484375</t>
  </si>
  <si>
    <t>0.007829422100119388</t>
  </si>
  <si>
    <t>18.43364143371582</t>
  </si>
  <si>
    <t>986.594970703125</t>
  </si>
  <si>
    <t>-0.06415593066273395</t>
  </si>
  <si>
    <t>18.344907760620117</t>
  </si>
  <si>
    <t>1168.897705078125</t>
  </si>
  <si>
    <t>0.052798945849506396</t>
  </si>
  <si>
    <t>16654</t>
  </si>
  <si>
    <t>17.996109008789062</t>
  </si>
  <si>
    <t>1018.7377319335938</t>
  </si>
  <si>
    <t>0.049670219852956166</t>
  </si>
  <si>
    <t>11061</t>
  </si>
  <si>
    <t>17.170072555541992</t>
  </si>
  <si>
    <t>1247.51806640625</t>
  </si>
  <si>
    <t>36.81635284423828</t>
  </si>
  <si>
    <t>Colonia</t>
  </si>
  <si>
    <t>17.649768829345703</t>
  </si>
  <si>
    <t>1077.3106689453125</t>
  </si>
  <si>
    <t>0.03036337068927253</t>
  </si>
  <si>
    <t>17.44386100769043</t>
  </si>
  <si>
    <t>1081.2135009765625</t>
  </si>
  <si>
    <t>0.07808431940842553</t>
  </si>
  <si>
    <t>17.3068904876709</t>
  </si>
  <si>
    <t>1345.3475341796875</t>
  </si>
  <si>
    <t>-0.019577149797960658</t>
  </si>
  <si>
    <t>17.875904083251953</t>
  </si>
  <si>
    <t>915.165771484375</t>
  </si>
  <si>
    <t>0.0723456695869995</t>
  </si>
  <si>
    <t>17.24515151977539</t>
  </si>
  <si>
    <t>805.6651611328125</t>
  </si>
  <si>
    <t>-0.03452262519730631</t>
  </si>
  <si>
    <t>17.717571258544922</t>
  </si>
  <si>
    <t>891.1167602539062</t>
  </si>
  <si>
    <t>0.014470659339625769</t>
  </si>
  <si>
    <t>17.746129989624023</t>
  </si>
  <si>
    <t>1060.28857421875</t>
  </si>
  <si>
    <t>0.13086848455237643</t>
  </si>
  <si>
    <t>17.22113037109375</t>
  </si>
  <si>
    <t>978.7366943359375</t>
  </si>
  <si>
    <t>0.03757960611169864</t>
  </si>
  <si>
    <t>14643</t>
  </si>
  <si>
    <t>17.433101654052734</t>
  </si>
  <si>
    <t>894.9190673828125</t>
  </si>
  <si>
    <t>-0.02907533704012799</t>
  </si>
  <si>
    <t>17.258024215698242</t>
  </si>
  <si>
    <t>1419.2626953125</t>
  </si>
  <si>
    <t>-0.011263081773837058</t>
  </si>
  <si>
    <t>13915</t>
  </si>
  <si>
    <t>18.055753707885742</t>
  </si>
  <si>
    <t>1292.4669189453125</t>
  </si>
  <si>
    <t>-0.039731928821430174</t>
  </si>
  <si>
    <t>17.73431396484375</t>
  </si>
  <si>
    <t>1393.95849609375</t>
  </si>
  <si>
    <t>-0.07372660813715015</t>
  </si>
  <si>
    <t>17.330753326416016</t>
  </si>
  <si>
    <t>1242.0242919921875</t>
  </si>
  <si>
    <t>0.02286819090365988</t>
  </si>
  <si>
    <t>14091</t>
  </si>
  <si>
    <t>17.679542541503906</t>
  </si>
  <si>
    <t>953.7669067382812</t>
  </si>
  <si>
    <t>0.06342731796860512</t>
  </si>
  <si>
    <t>17.485681533813477</t>
  </si>
  <si>
    <t>1130.6656494140625</t>
  </si>
  <si>
    <t>0.08623043200655722</t>
  </si>
  <si>
    <t>17.771286010742188</t>
  </si>
  <si>
    <t>999.3515014648438</t>
  </si>
  <si>
    <t>0.05305931218473425</t>
  </si>
  <si>
    <t>16.9748477935791</t>
  </si>
  <si>
    <t>1230.91357421875</t>
  </si>
  <si>
    <t>0.07560184161883221</t>
  </si>
  <si>
    <t>17.904386520385742</t>
  </si>
  <si>
    <t>638.1536254882812</t>
  </si>
  <si>
    <t>0.08090100315151183</t>
  </si>
  <si>
    <t>17.846132278442383</t>
  </si>
  <si>
    <t>1211.75634765625</t>
  </si>
  <si>
    <t>0.05280210751241299</t>
  </si>
  <si>
    <t>17.62727165222168</t>
  </si>
  <si>
    <t>1119.01123046875</t>
  </si>
  <si>
    <t>0.08608028794491318</t>
  </si>
  <si>
    <t>23134</t>
  </si>
  <si>
    <t>17.571130752563477</t>
  </si>
  <si>
    <t>802.24560546875</t>
  </si>
  <si>
    <t>0.06109211674128012</t>
  </si>
  <si>
    <t>24203</t>
  </si>
  <si>
    <t>17.928407669067383</t>
  </si>
  <si>
    <t>1320.8897705078125</t>
  </si>
  <si>
    <t>0.04517319554831367</t>
  </si>
  <si>
    <t>17.68779754638672</t>
  </si>
  <si>
    <t>1074.4539794921875</t>
  </si>
  <si>
    <t>0.055334203729172415</t>
  </si>
  <si>
    <t>26665</t>
  </si>
  <si>
    <t>17.866514205932617</t>
  </si>
  <si>
    <t>1508.8753662109375</t>
  </si>
  <si>
    <t>0.04154104790186963</t>
  </si>
  <si>
    <t>27014</t>
  </si>
  <si>
    <t>18.14507293701172</t>
  </si>
  <si>
    <t>831.1192016601562</t>
  </si>
  <si>
    <t>0.013003406086006919</t>
  </si>
  <si>
    <t>17.24030113220215</t>
  </si>
  <si>
    <t>1140.4525146484375</t>
  </si>
  <si>
    <t>0.026267789717479673</t>
  </si>
  <si>
    <t>28500</t>
  </si>
  <si>
    <t>18.283180236816406</t>
  </si>
  <si>
    <t>1122.102294921875</t>
  </si>
  <si>
    <t>0.027281047418552973</t>
  </si>
  <si>
    <t>17.840299606323242</t>
  </si>
  <si>
    <t>1386.2025146484375</t>
  </si>
  <si>
    <t>0.012413856326633166</t>
  </si>
  <si>
    <t>17.777193069458008</t>
  </si>
  <si>
    <t>1029.1190185546875</t>
  </si>
  <si>
    <t>0.019016808964664733</t>
  </si>
  <si>
    <t>17.821208953857422</t>
  </si>
  <si>
    <t>781.90673828125</t>
  </si>
  <si>
    <t>-0.06417136651375799</t>
  </si>
  <si>
    <t>17.901060104370117</t>
  </si>
  <si>
    <t>964.197998046875</t>
  </si>
  <si>
    <t>0.052818488457088364</t>
  </si>
  <si>
    <t>30558</t>
  </si>
  <si>
    <t>17.533180236816406</t>
  </si>
  <si>
    <t>582.1130981445312</t>
  </si>
  <si>
    <t>0.049644642621288426</t>
  </si>
  <si>
    <t>17.472288131713867</t>
  </si>
  <si>
    <t>1487.871826171875</t>
  </si>
  <si>
    <t>25.276670455932617</t>
  </si>
  <si>
    <t>Durazno</t>
  </si>
  <si>
    <t>8995</t>
  </si>
  <si>
    <t>18.076045989990234</t>
  </si>
  <si>
    <t>1287.9039306640625</t>
  </si>
  <si>
    <t>0.03047639931400603</t>
  </si>
  <si>
    <t>17.68100929260254</t>
  </si>
  <si>
    <t>1256.208984375</t>
  </si>
  <si>
    <t>0.0402036822261671</t>
  </si>
  <si>
    <t>17.555513381958008</t>
  </si>
  <si>
    <t>1318.9853515625</t>
  </si>
  <si>
    <t>-0.0035303593767785912</t>
  </si>
  <si>
    <t>9806</t>
  </si>
  <si>
    <t>18.25214195251465</t>
  </si>
  <si>
    <t>1156.857421875</t>
  </si>
  <si>
    <t>0.0496522529771557</t>
  </si>
  <si>
    <t>17.56828498840332</t>
  </si>
  <si>
    <t>1107.7769775390625</t>
  </si>
  <si>
    <t>0.004375483958524384</t>
  </si>
  <si>
    <t>17.91215705871582</t>
  </si>
  <si>
    <t>1024.5595703125</t>
  </si>
  <si>
    <t>0.04166233582132861</t>
  </si>
  <si>
    <t>18.045373916625977</t>
  </si>
  <si>
    <t>1337.3935546875</t>
  </si>
  <si>
    <t>0.10256151054868567</t>
  </si>
  <si>
    <t>17.501174926757812</t>
  </si>
  <si>
    <t>1282.6505126953125</t>
  </si>
  <si>
    <t>0.020703592664792936</t>
  </si>
  <si>
    <t>17.728849411010742</t>
  </si>
  <si>
    <t>1017.03173828125</t>
  </si>
  <si>
    <t>-0.04023026261132934</t>
  </si>
  <si>
    <t>17.489479064941406</t>
  </si>
  <si>
    <t>1532.74755859375</t>
  </si>
  <si>
    <t>-0.013626524973476606</t>
  </si>
  <si>
    <t>18.467607498168945</t>
  </si>
  <si>
    <t>1524.62353515625</t>
  </si>
  <si>
    <t>-0.02922540334575885</t>
  </si>
  <si>
    <t>18.08473014831543</t>
  </si>
  <si>
    <t>1793.6055908203125</t>
  </si>
  <si>
    <t>0.00018709073955491817</t>
  </si>
  <si>
    <t>17.629295349121094</t>
  </si>
  <si>
    <t>1499.86376953125</t>
  </si>
  <si>
    <t>0.009124830537839301</t>
  </si>
  <si>
    <t>11340</t>
  </si>
  <si>
    <t>18.018205642700195</t>
  </si>
  <si>
    <t>1058.376708984375</t>
  </si>
  <si>
    <t>0.049809201730404595</t>
  </si>
  <si>
    <t>17.99104881286621</t>
  </si>
  <si>
    <t>1480.9482421875</t>
  </si>
  <si>
    <t>0.07285372156149528</t>
  </si>
  <si>
    <t>12694</t>
  </si>
  <si>
    <t>18.252531051635742</t>
  </si>
  <si>
    <t>1109.0263671875</t>
  </si>
  <si>
    <t>0.039939421023175825</t>
  </si>
  <si>
    <t>13515</t>
  </si>
  <si>
    <t>17.438148498535156</t>
  </si>
  <si>
    <t>1434.1746826171875</t>
  </si>
  <si>
    <t>0.06267073884413321</t>
  </si>
  <si>
    <t>18.164405822753906</t>
  </si>
  <si>
    <t>856.0220336914062</t>
  </si>
  <si>
    <t>0.06820825002653308</t>
  </si>
  <si>
    <t>17.98079490661621</t>
  </si>
  <si>
    <t>1278.7962646484375</t>
  </si>
  <si>
    <t>0.040232975965734497</t>
  </si>
  <si>
    <t>16215</t>
  </si>
  <si>
    <t>17.91875648498535</t>
  </si>
  <si>
    <t>1280.4918212890625</t>
  </si>
  <si>
    <t>0.07369533403860196</t>
  </si>
  <si>
    <t>17.758424758911133</t>
  </si>
  <si>
    <t>1069.298095703125</t>
  </si>
  <si>
    <t>0.048922308206625686</t>
  </si>
  <si>
    <t>18.31096649169922</t>
  </si>
  <si>
    <t>1490.4171142578125</t>
  </si>
  <si>
    <t>0.03321029409792864</t>
  </si>
  <si>
    <t>17.909170150756836</t>
  </si>
  <si>
    <t>1261.2410888671875</t>
  </si>
  <si>
    <t>0.04352016337772824</t>
  </si>
  <si>
    <t>18.248516082763672</t>
  </si>
  <si>
    <t>1701.5423583984375</t>
  </si>
  <si>
    <t>0.02989775326003219</t>
  </si>
  <si>
    <t>18.596155166625977</t>
  </si>
  <si>
    <t>1073.2174072265625</t>
  </si>
  <si>
    <t>0.0015296571804004344</t>
  </si>
  <si>
    <t>17.659160614013672</t>
  </si>
  <si>
    <t>1322.23779296875</t>
  </si>
  <si>
    <t>0.014961568060078534</t>
  </si>
  <si>
    <t>18.775835037231445</t>
  </si>
  <si>
    <t>1418.78564453125</t>
  </si>
  <si>
    <t>0.016121489484802964</t>
  </si>
  <si>
    <t>19599</t>
  </si>
  <si>
    <t>18.27811050415039</t>
  </si>
  <si>
    <t>1524.38427734375</t>
  </si>
  <si>
    <t>0.0013785710998455158</t>
  </si>
  <si>
    <t>19760</t>
  </si>
  <si>
    <t>18.19322395324707</t>
  </si>
  <si>
    <t>1253.482177734375</t>
  </si>
  <si>
    <t>0.00818114779299961</t>
  </si>
  <si>
    <t>18.263660430908203</t>
  </si>
  <si>
    <t>895.3893432617188</t>
  </si>
  <si>
    <t>-0.06416072476532086</t>
  </si>
  <si>
    <t>19537</t>
  </si>
  <si>
    <t>18.30250358581543</t>
  </si>
  <si>
    <t>1124.134765625</t>
  </si>
  <si>
    <t>0.05281113605509624</t>
  </si>
  <si>
    <t>20531</t>
  </si>
  <si>
    <t>17.880413055419922</t>
  </si>
  <si>
    <t>894.1156616210938</t>
  </si>
  <si>
    <t>0.049625835441130306</t>
  </si>
  <si>
    <t>1365.89990234375</t>
  </si>
  <si>
    <t>8.863615989685059</t>
  </si>
  <si>
    <t>Flores</t>
  </si>
  <si>
    <t>9132</t>
  </si>
  <si>
    <t>1188.4000244140625</t>
  </si>
  <si>
    <t>0.03035083723765375</t>
  </si>
  <si>
    <t>1207.0999755859375</t>
  </si>
  <si>
    <t>0.06753173738714224</t>
  </si>
  <si>
    <t>1412.5999755859375</t>
  </si>
  <si>
    <t>-0.022670605002090838</t>
  </si>
  <si>
    <t>1072.0999755859375</t>
  </si>
  <si>
    <t>0.10731651161634836</t>
  </si>
  <si>
    <t>964.5000610351562</t>
  </si>
  <si>
    <t>-0.014875446023483008</t>
  </si>
  <si>
    <t>0.052166338145282154</t>
  </si>
  <si>
    <t>1197.5</t>
  </si>
  <si>
    <t>0.15317944764586322</t>
  </si>
  <si>
    <t>12912</t>
  </si>
  <si>
    <t>1096.699951171875</t>
  </si>
  <si>
    <t>1020.7000122070312</t>
  </si>
  <si>
    <t>-0.02803811891804564</t>
  </si>
  <si>
    <t>1544.5001220703125</t>
  </si>
  <si>
    <t>-0.011133029168684416</t>
  </si>
  <si>
    <t>1435.4000244140625</t>
  </si>
  <si>
    <t>-0.03058542439860723</t>
  </si>
  <si>
    <t>1636.60009765625</t>
  </si>
  <si>
    <t>-0.025739498201575728</t>
  </si>
  <si>
    <t>17.16666603088379</t>
  </si>
  <si>
    <t>1413.599853515625</t>
  </si>
  <si>
    <t>0.018655840096762688</t>
  </si>
  <si>
    <t>1021.1000366210938</t>
  </si>
  <si>
    <t>0.05941859547733408</t>
  </si>
  <si>
    <t>13776</t>
  </si>
  <si>
    <t>1353.60009765625</t>
  </si>
  <si>
    <t>0.08219247127059681</t>
  </si>
  <si>
    <t>14471</t>
  </si>
  <si>
    <t>1119.7000732421875</t>
  </si>
  <si>
    <t>0.049218699070481264</t>
  </si>
  <si>
    <t>15548</t>
  </si>
  <si>
    <t>1386.0001220703125</t>
  </si>
  <si>
    <t>0.07178536623412057</t>
  </si>
  <si>
    <t>766.5</t>
  </si>
  <si>
    <t>0.07720874983197135</t>
  </si>
  <si>
    <t>17644</t>
  </si>
  <si>
    <t>1323.7999267578125</t>
  </si>
  <si>
    <t>0.04925501942074639</t>
  </si>
  <si>
    <t>1239.699951171875</t>
  </si>
  <si>
    <t>0.08248118100486757</t>
  </si>
  <si>
    <t>20299</t>
  </si>
  <si>
    <t>934.0</t>
  </si>
  <si>
    <t>0.05769466050306882</t>
  </si>
  <si>
    <t>0.04182449692090273</t>
  </si>
  <si>
    <t>0.052056019596701475</t>
  </si>
  <si>
    <t>23169</t>
  </si>
  <si>
    <t>17.716665267944336</t>
  </si>
  <si>
    <t>1661.699951171875</t>
  </si>
  <si>
    <t>0.03836303798700236</t>
  </si>
  <si>
    <t>23398</t>
  </si>
  <si>
    <t>947.5</t>
  </si>
  <si>
    <t>0.00983537037017257</t>
  </si>
  <si>
    <t>1263.300048828125</t>
  </si>
  <si>
    <t>0.02323426443769705</t>
  </si>
  <si>
    <t>18.27499771118164</t>
  </si>
  <si>
    <t>1260.0999755859375</t>
  </si>
  <si>
    <t>0.024297369357840992</t>
  </si>
  <si>
    <t>1529.2999267578125</t>
  </si>
  <si>
    <t>0.009451061080321566</t>
  </si>
  <si>
    <t>25174</t>
  </si>
  <si>
    <t>1140.699951171875</t>
  </si>
  <si>
    <t>0.01617847236804515</t>
  </si>
  <si>
    <t>856.300048828125</t>
  </si>
  <si>
    <t>-0.0641837206032374</t>
  </si>
  <si>
    <t>1091.300048828125</t>
  </si>
  <si>
    <t>0.05283812111342456</t>
  </si>
  <si>
    <t>0.049612493319528994</t>
  </si>
  <si>
    <t>17.0029239654541</t>
  </si>
  <si>
    <t>1368.3978271484375</t>
  </si>
  <si>
    <t>51.521751403808594</t>
  </si>
  <si>
    <t>Florida</t>
  </si>
  <si>
    <t>17.491933822631836</t>
  </si>
  <si>
    <t>1262.8692626953125</t>
  </si>
  <si>
    <t>0.030382083688122563</t>
  </si>
  <si>
    <t>17.24338722229004</t>
  </si>
  <si>
    <t>1269.24365234375</t>
  </si>
  <si>
    <t>0.07617364901034485</t>
  </si>
  <si>
    <t>17.072906494140625</t>
  </si>
  <si>
    <t>1500.9454345703125</t>
  </si>
  <si>
    <t>0.04719569133627388</t>
  </si>
  <si>
    <t>17.662174224853516</t>
  </si>
  <si>
    <t>1103.31787109375</t>
  </si>
  <si>
    <t>0.07520953121048812</t>
  </si>
  <si>
    <t>16.951112747192383</t>
  </si>
  <si>
    <t>987.5840454101562</t>
  </si>
  <si>
    <t>-0.013334127492401038</t>
  </si>
  <si>
    <t>17.454700469970703</t>
  </si>
  <si>
    <t>1007.9956665039062</t>
  </si>
  <si>
    <t>0.06445405811121141</t>
  </si>
  <si>
    <t>17.498178482055664</t>
  </si>
  <si>
    <t>1215.1846923828125</t>
  </si>
  <si>
    <t>0.06728518903897296</t>
  </si>
  <si>
    <t>17.0677547454834</t>
  </si>
  <si>
    <t>1145.141845703125</t>
  </si>
  <si>
    <t>0.021948004847663682</t>
  </si>
  <si>
    <t>17.160079956054688</t>
  </si>
  <si>
    <t>1080.9019775390625</t>
  </si>
  <si>
    <t>-0.012437971292216687</t>
  </si>
  <si>
    <t>17.058837890625</t>
  </si>
  <si>
    <t>1617.5311279296875</t>
  </si>
  <si>
    <t>-0.0032907653296234685</t>
  </si>
  <si>
    <t>17.952234268188477</t>
  </si>
  <si>
    <t>1483.9083251953125</t>
  </si>
  <si>
    <t>-0.03092372642058905</t>
  </si>
  <si>
    <t>17.587125778198242</t>
  </si>
  <si>
    <t>1660.13671875</t>
  </si>
  <si>
    <t>-0.005682294695130707</t>
  </si>
  <si>
    <t>12406</t>
  </si>
  <si>
    <t>17.1205997467041</t>
  </si>
  <si>
    <t>1430.0028076171875</t>
  </si>
  <si>
    <t>0.009882623972350402</t>
  </si>
  <si>
    <t>17.567934036254883</t>
  </si>
  <si>
    <t>1092.2459716796875</t>
  </si>
  <si>
    <t>0.05053127592918294</t>
  </si>
  <si>
    <t>14046</t>
  </si>
  <si>
    <t>17.468599319458008</t>
  </si>
  <si>
    <t>1393.3721923828125</t>
  </si>
  <si>
    <t>0.07362615525672034</t>
  </si>
  <si>
    <t>17.657058715820312</t>
  </si>
  <si>
    <t>1147.87109375</t>
  </si>
  <si>
    <t>0.04066820225911982</t>
  </si>
  <si>
    <t>16.852575302124023</t>
  </si>
  <si>
    <t>1431.7296142578125</t>
  </si>
  <si>
    <t>0.06336721542541923</t>
  </si>
  <si>
    <t>17.665414810180664</t>
  </si>
  <si>
    <t>824.8446044921875</t>
  </si>
  <si>
    <t>0.06891587635043983</t>
  </si>
  <si>
    <t>17397</t>
  </si>
  <si>
    <t>17.483930587768555</t>
  </si>
  <si>
    <t>1313.8157958984375</t>
  </si>
  <si>
    <t>0.041008825790605385</t>
  </si>
  <si>
    <t>18741</t>
  </si>
  <si>
    <t>17.51815414428711</t>
  </si>
  <si>
    <t>1280.1822509765625</t>
  </si>
  <si>
    <t>0.07441585961712782</t>
  </si>
  <si>
    <t>17.301429748535156</t>
  </si>
  <si>
    <t>986.444580078125</t>
  </si>
  <si>
    <t>0.04965115924332686</t>
  </si>
  <si>
    <t>20374</t>
  </si>
  <si>
    <t>17.822132110595703</t>
  </si>
  <si>
    <t>1468.9384765625</t>
  </si>
  <si>
    <t>0.0338947817450066</t>
  </si>
  <si>
    <t>21296</t>
  </si>
  <si>
    <t>17.381200790405273</t>
  </si>
  <si>
    <t>1233.6685791015625</t>
  </si>
  <si>
    <t>0.04425968348488141</t>
  </si>
  <si>
    <t>17.762815475463867</t>
  </si>
  <si>
    <t>1683.460693359375</t>
  </si>
  <si>
    <t>0.030612276159784457</t>
  </si>
  <si>
    <t>17.996713638305664</t>
  </si>
  <si>
    <t>967.3082885742188</t>
  </si>
  <si>
    <t>0.0022290467548575776</t>
  </si>
  <si>
    <t>22355</t>
  </si>
  <si>
    <t>17.154264450073242</t>
  </si>
  <si>
    <t>1326.9801025390625</t>
  </si>
  <si>
    <t>0.015689425118544875</t>
  </si>
  <si>
    <t>22734</t>
  </si>
  <si>
    <t>18.302570343017578</t>
  </si>
  <si>
    <t>1283.31982421875</t>
  </si>
  <si>
    <t>0.016811591578575147</t>
  </si>
  <si>
    <t>22782</t>
  </si>
  <si>
    <t>17.734594345092773</t>
  </si>
  <si>
    <t>1511.2979736328125</t>
  </si>
  <si>
    <t>0.0021091492132008227</t>
  </si>
  <si>
    <t>22985</t>
  </si>
  <si>
    <t>17.594926834106445</t>
  </si>
  <si>
    <t>1220.1788330078125</t>
  </si>
  <si>
    <t>0.008871078780471109</t>
  </si>
  <si>
    <t>17.647783279418945</t>
  </si>
  <si>
    <t>901.9149780273438</t>
  </si>
  <si>
    <t>-0.06418762918693943</t>
  </si>
  <si>
    <t>17.762371063232422</t>
  </si>
  <si>
    <t>1150.927978515625</t>
  </si>
  <si>
    <t>0.05281143999229165</t>
  </si>
  <si>
    <t>23882</t>
  </si>
  <si>
    <t>17.249174118041992</t>
  </si>
  <si>
    <t>702.470703125</t>
  </si>
  <si>
    <t>0.04965939704764999</t>
  </si>
  <si>
    <t>16.57669448852539</t>
  </si>
  <si>
    <t>1446.145751953125</t>
  </si>
  <si>
    <t>21.030349731445312</t>
  </si>
  <si>
    <t>Lavalleja</t>
  </si>
  <si>
    <t>17.15407371520996</t>
  </si>
  <si>
    <t>1371.1099853515625</t>
  </si>
  <si>
    <t>0.030404806440195387</t>
  </si>
  <si>
    <t>16.754350662231445</t>
  </si>
  <si>
    <t>1412.91796875</t>
  </si>
  <si>
    <t>0.0803268158800865</t>
  </si>
  <si>
    <t>16.648544311523438</t>
  </si>
  <si>
    <t>1634.280029296875</t>
  </si>
  <si>
    <t>0.0025533480952368848</t>
  </si>
  <si>
    <t>17.229543685913086</t>
  </si>
  <si>
    <t>1215.0689697265625</t>
  </si>
  <si>
    <t>0.07123282196399394</t>
  </si>
  <si>
    <t>16.70903205871582</t>
  </si>
  <si>
    <t>1086.1014404296875</t>
  </si>
  <si>
    <t>-0.002490943316967531</t>
  </si>
  <si>
    <t>16.85542869567871</t>
  </si>
  <si>
    <t>1096.4072265625</t>
  </si>
  <si>
    <t>0.058775717449423226</t>
  </si>
  <si>
    <t>16.932418823242188</t>
  </si>
  <si>
    <t>1313.182861328125</t>
  </si>
  <si>
    <t>0.09943169750616399</t>
  </si>
  <si>
    <t>16.636560440063477</t>
  </si>
  <si>
    <t>1276.9119873046875</t>
  </si>
  <si>
    <t>0.038073616522419584</t>
  </si>
  <si>
    <t>16.601972579956055</t>
  </si>
  <si>
    <t>1176.7845458984375</t>
  </si>
  <si>
    <t>-0.04555337357632361</t>
  </si>
  <si>
    <t>16.6204776763916</t>
  </si>
  <si>
    <t>1740.346435546875</t>
  </si>
  <si>
    <t>-0.02078790191141522</t>
  </si>
  <si>
    <t>17.62522315979004</t>
  </si>
  <si>
    <t>1588.4974365234375</t>
  </si>
  <si>
    <t>-0.03618699201610731</t>
  </si>
  <si>
    <t>17.282377243041992</t>
  </si>
  <si>
    <t>1786.4232177734375</t>
  </si>
  <si>
    <t>-0.025402505297318356</t>
  </si>
  <si>
    <t>16.730905532836914</t>
  </si>
  <si>
    <t>1552.4356689453125</t>
  </si>
  <si>
    <t>0.02354280851172952</t>
  </si>
  <si>
    <t>17.11336898803711</t>
  </si>
  <si>
    <t>1234.86083984375</t>
  </si>
  <si>
    <t>0.06418297707060461</t>
  </si>
  <si>
    <t>17.250722885131836</t>
  </si>
  <si>
    <t>1604.23095703125</t>
  </si>
  <si>
    <t>0.08689013988607819</t>
  </si>
  <si>
    <t>17.264986038208008</t>
  </si>
  <si>
    <t>1268.4276123046875</t>
  </si>
  <si>
    <t>0.053744276006691294</t>
  </si>
  <si>
    <t>12808</t>
  </si>
  <si>
    <t>16.70010757446289</t>
  </si>
  <si>
    <t>1559.3720703125</t>
  </si>
  <si>
    <t>0.07622427326583647</t>
  </si>
  <si>
    <t>17.085878372192383</t>
  </si>
  <si>
    <t>880.2839965820312</t>
  </si>
  <si>
    <t>0.08160301381003165</t>
  </si>
  <si>
    <t>16.92544937133789</t>
  </si>
  <si>
    <t>1348.0003662109375</t>
  </si>
  <si>
    <t>0.05338149180344942</t>
  </si>
  <si>
    <t>17.101999282836914</t>
  </si>
  <si>
    <t>1329.1588134765625</t>
  </si>
  <si>
    <t>0.08665885789593375</t>
  </si>
  <si>
    <t>16.689359664916992</t>
  </si>
  <si>
    <t>1097.439453125</t>
  </si>
  <si>
    <t>0.061676459871520706</t>
  </si>
  <si>
    <t>17799</t>
  </si>
  <si>
    <t>17.58432388305664</t>
  </si>
  <si>
    <t>1509.455078125</t>
  </si>
  <si>
    <t>0.045752476869267866</t>
  </si>
  <si>
    <t>18822</t>
  </si>
  <si>
    <t>16.89581871032715</t>
  </si>
  <si>
    <t>1347.4459228515625</t>
  </si>
  <si>
    <t>0.05588412249197994</t>
  </si>
  <si>
    <t>19631</t>
  </si>
  <si>
    <t>17.48589324951172</t>
  </si>
  <si>
    <t>1741.3956298828125</t>
  </si>
  <si>
    <t>0.04208355098930028</t>
  </si>
  <si>
    <t>17.50478172302246</t>
  </si>
  <si>
    <t>1049.1324462890625</t>
  </si>
  <si>
    <t>0.013509274741272392</t>
  </si>
  <si>
    <t>16.86835479736328</t>
  </si>
  <si>
    <t>1449.8843994140625</t>
  </si>
  <si>
    <t>0.02682561629247182</t>
  </si>
  <si>
    <t>21015</t>
  </si>
  <si>
    <t>17.993318557739258</t>
  </si>
  <si>
    <t>1330.6141357421875</t>
  </si>
  <si>
    <t>0.027791627997439505</t>
  </si>
  <si>
    <t>17.36564826965332</t>
  </si>
  <si>
    <t>1603.044677734375</t>
  </si>
  <si>
    <t>0.012860089293461385</t>
  </si>
  <si>
    <t>21706</t>
  </si>
  <si>
    <t>17.435213088989258</t>
  </si>
  <si>
    <t>1317.5599365234375</t>
  </si>
  <si>
    <t>0.019492162273282432</t>
  </si>
  <si>
    <t>20357</t>
  </si>
  <si>
    <t>17.31233024597168</t>
  </si>
  <si>
    <t>1034.357177734375</t>
  </si>
  <si>
    <t>-0.06416388693891406</t>
  </si>
  <si>
    <t>17.28571128845215</t>
  </si>
  <si>
    <t>1285.6173095703125</t>
  </si>
  <si>
    <t>0.05285909642002551</t>
  </si>
  <si>
    <t>22554</t>
  </si>
  <si>
    <t>16.92569923400879</t>
  </si>
  <si>
    <t>766.3226928710938</t>
  </si>
  <si>
    <t>0.049628504305161414</t>
  </si>
  <si>
    <t>16.386512756347656</t>
  </si>
  <si>
    <t>1272.3087158203125</t>
  </si>
  <si>
    <t>70.24315643310547</t>
  </si>
  <si>
    <t>Maldonado</t>
  </si>
  <si>
    <t>16.976118087768555</t>
  </si>
  <si>
    <t>1206.652587890625</t>
  </si>
  <si>
    <t>0.030408475855887573</t>
  </si>
  <si>
    <t>16.54564094543457</t>
  </si>
  <si>
    <t>1232.0751953125</t>
  </si>
  <si>
    <t>0.11716063486677797</t>
  </si>
  <si>
    <t>16.469846725463867</t>
  </si>
  <si>
    <t>1456.59716796875</t>
  </si>
  <si>
    <t>0.09124735519679206</t>
  </si>
  <si>
    <t>17.102943420410156</t>
  </si>
  <si>
    <t>0.09432652283956955</t>
  </si>
  <si>
    <t>15039</t>
  </si>
  <si>
    <t>16.518814086914062</t>
  </si>
  <si>
    <t>943.4539794921875</t>
  </si>
  <si>
    <t>-0.059000072369384426</t>
  </si>
  <si>
    <t>16.68182945251465</t>
  </si>
  <si>
    <t>949.3088989257812</t>
  </si>
  <si>
    <t>-0.004465036907292941</t>
  </si>
  <si>
    <t>16.827150344848633</t>
  </si>
  <si>
    <t>1136.1322021484375</t>
  </si>
  <si>
    <t>0.09614775670703501</t>
  </si>
  <si>
    <t>16837</t>
  </si>
  <si>
    <t>16.456830978393555</t>
  </si>
  <si>
    <t>1119.934326171875</t>
  </si>
  <si>
    <t>0.02124929892644367</t>
  </si>
  <si>
    <t>16853</t>
  </si>
  <si>
    <t>16.495641708374023</t>
  </si>
  <si>
    <t>1034.8763427734375</t>
  </si>
  <si>
    <t>0.000949836818220362</t>
  </si>
  <si>
    <t>16.461511611938477</t>
  </si>
  <si>
    <t>1530.05224609375</t>
  </si>
  <si>
    <t>-0.065025199802756</t>
  </si>
  <si>
    <t>17.42064094543457</t>
  </si>
  <si>
    <t>1360.98828125</t>
  </si>
  <si>
    <t>-0.06460606816721715</t>
  </si>
  <si>
    <t>17.098499298095703</t>
  </si>
  <si>
    <t>1553.1324462890625</t>
  </si>
  <si>
    <t>-0.20268418955347123</t>
  </si>
  <si>
    <t>16.510480880737305</t>
  </si>
  <si>
    <t>1366.7974853515625</t>
  </si>
  <si>
    <t>0.018117477157721495</t>
  </si>
  <si>
    <t>16.928178787231445</t>
  </si>
  <si>
    <t>1087.93603515625</t>
  </si>
  <si>
    <t>0.05876389808486593</t>
  </si>
  <si>
    <t>17.06413459777832</t>
  </si>
  <si>
    <t>1433.7305908203125</t>
  </si>
  <si>
    <t>0.08167953306945464</t>
  </si>
  <si>
    <t>17.072465896606445</t>
  </si>
  <si>
    <t>1070.6458740234375</t>
  </si>
  <si>
    <t>0.048706117136662286</t>
  </si>
  <si>
    <t>16.471670150756836</t>
  </si>
  <si>
    <t>1356.2254638671875</t>
  </si>
  <si>
    <t>0.0712317118077781</t>
  </si>
  <si>
    <t>17244</t>
  </si>
  <si>
    <t>16.91151237487793</t>
  </si>
  <si>
    <t>804.5038452148438</t>
  </si>
  <si>
    <t>0.07675229465796818</t>
  </si>
  <si>
    <t>16.7531795501709</t>
  </si>
  <si>
    <t>1181.70458984375</t>
  </si>
  <si>
    <t>0.0486686514463468</t>
  </si>
  <si>
    <t>16.849529266357422</t>
  </si>
  <si>
    <t>1174.075927734375</t>
  </si>
  <si>
    <t>0.08204620597516588</t>
  </si>
  <si>
    <t>16.549293518066406</t>
  </si>
  <si>
    <t>960.253662109375</t>
  </si>
  <si>
    <t>21687</t>
  </si>
  <si>
    <t>17.3781795501709</t>
  </si>
  <si>
    <t>1304.9097900390625</t>
  </si>
  <si>
    <t>0.04137547453992063</t>
  </si>
  <si>
    <t>16.72167205810547</t>
  </si>
  <si>
    <t>1190.065673828125</t>
  </si>
  <si>
    <t>0.05158144395069186</t>
  </si>
  <si>
    <t>17.27532386779785</t>
  </si>
  <si>
    <t>1515.2462158203125</t>
  </si>
  <si>
    <t>0.03789764394579542</t>
  </si>
  <si>
    <t>17.31595802307129</t>
  </si>
  <si>
    <t>914.2978515625</t>
  </si>
  <si>
    <t>0.009400379769084921</t>
  </si>
  <si>
    <t>16.66984748840332</t>
  </si>
  <si>
    <t>1272.5615234375</t>
  </si>
  <si>
    <t>0.02279489208902241</t>
  </si>
  <si>
    <t>17.793020248413086</t>
  </si>
  <si>
    <t>1157.299560546875</t>
  </si>
  <si>
    <t>0.023842830239908963</t>
  </si>
  <si>
    <t>17.162307739257812</t>
  </si>
  <si>
    <t>1406.140625</t>
  </si>
  <si>
    <t>0.00904839890447029</t>
  </si>
  <si>
    <t>17.240957260131836</t>
  </si>
  <si>
    <t>1160.4197998046875</t>
  </si>
  <si>
    <t>0.01575699907681205</t>
  </si>
  <si>
    <t>17.112306594848633</t>
  </si>
  <si>
    <t>930.4465942382812</t>
  </si>
  <si>
    <t>-0.06416007003489632</t>
  </si>
  <si>
    <t>17.083656311035156</t>
  </si>
  <si>
    <t>1142.375244140625</t>
  </si>
  <si>
    <t>0.0528180891672001</t>
  </si>
  <si>
    <t>26717</t>
  </si>
  <si>
    <t>16.762306213378906</t>
  </si>
  <si>
    <t>654.9466552734375</t>
  </si>
  <si>
    <t>0.04960645712162304</t>
  </si>
  <si>
    <t>1185.4998779296875</t>
  </si>
  <si>
    <t>866.7152709960938</t>
  </si>
  <si>
    <t>Montevideo</t>
  </si>
  <si>
    <t>15502</t>
  </si>
  <si>
    <t>0.030388716903484436</t>
  </si>
  <si>
    <t>1097.0</t>
  </si>
  <si>
    <t>0.058869988870622336</t>
  </si>
  <si>
    <t>1338.10009765625</t>
  </si>
  <si>
    <t>0.03449133028259865</t>
  </si>
  <si>
    <t>18132</t>
  </si>
  <si>
    <t>940.5000610351562</t>
  </si>
  <si>
    <t>0.06334796606606297</t>
  </si>
  <si>
    <t>829.60009765625</t>
  </si>
  <si>
    <t>-0.01898562162596562</t>
  </si>
  <si>
    <t>18969</t>
  </si>
  <si>
    <t>17.19999885559082</t>
  </si>
  <si>
    <t>869.699951171875</t>
  </si>
  <si>
    <t>0.06411335629194781</t>
  </si>
  <si>
    <t>1038.0999755859375</t>
  </si>
  <si>
    <t>0.08107624922575063</t>
  </si>
  <si>
    <t>21637</t>
  </si>
  <si>
    <t>0.05052249523495611</t>
  </si>
  <si>
    <t>919.300048828125</t>
  </si>
  <si>
    <t>0.0053928364663669015</t>
  </si>
  <si>
    <t>21200</t>
  </si>
  <si>
    <t>-0.0257964669936932</t>
  </si>
  <si>
    <t>20530</t>
  </si>
  <si>
    <t>1265.2999267578125</t>
  </si>
  <si>
    <t>-0.03211395064712441</t>
  </si>
  <si>
    <t>17.308332443237305</t>
  </si>
  <si>
    <t>1429.39990234375</t>
  </si>
  <si>
    <t>-0.11870893908745828</t>
  </si>
  <si>
    <t>18244</t>
  </si>
  <si>
    <t>16.916667938232422</t>
  </si>
  <si>
    <t>0.0006579669060702287</t>
  </si>
  <si>
    <t>954.5</t>
  </si>
  <si>
    <t>0.04139188253076931</t>
  </si>
  <si>
    <t>1189.7000732421875</t>
  </si>
  <si>
    <t>0.06425909740610436</t>
  </si>
  <si>
    <t>20924</t>
  </si>
  <si>
    <t>999.6000366210938</t>
  </si>
  <si>
    <t>0.031409586722038085</t>
  </si>
  <si>
    <t>1245.7001953125</t>
  </si>
  <si>
    <t>0.054001819540124174</t>
  </si>
  <si>
    <t>23440</t>
  </si>
  <si>
    <t>0.05954531966032306</t>
  </si>
  <si>
    <t>1129.800048828125</t>
  </si>
  <si>
    <t>0.03153669845511864</t>
  </si>
  <si>
    <t>0.06489757782976291</t>
  </si>
  <si>
    <t>0.040132181633705244</t>
  </si>
  <si>
    <t>1275.800048828125</t>
  </si>
  <si>
    <t>0.024265896527117192</t>
  </si>
  <si>
    <t>1069.5001220703125</t>
  </si>
  <si>
    <t>0.03459267978520231</t>
  </si>
  <si>
    <t>1445.0001220703125</t>
  </si>
  <si>
    <t>0.020903538908457975</t>
  </si>
  <si>
    <t>826.3001098632812</t>
  </si>
  <si>
    <t>-0.0075539741438035435</t>
  </si>
  <si>
    <t>1142.5</t>
  </si>
  <si>
    <t>0.005868764039547614</t>
  </si>
  <si>
    <t>1082.199951171875</t>
  </si>
  <si>
    <t>0.00696317149627923</t>
  </si>
  <si>
    <t>1323.5</t>
  </si>
  <si>
    <t>-0.007858519192028623</t>
  </si>
  <si>
    <t>1058.2999267578125</t>
  </si>
  <si>
    <t>-0.0011375585087165518</t>
  </si>
  <si>
    <t>27191</t>
  </si>
  <si>
    <t>-0.06416838534408953</t>
  </si>
  <si>
    <t>991.800048828125</t>
  </si>
  <si>
    <t>0.052825715305658605</t>
  </si>
  <si>
    <t>0.04964364030979418</t>
  </si>
  <si>
    <t>18.0168399810791</t>
  </si>
  <si>
    <t>1520.6558837890625</t>
  </si>
  <si>
    <t>10.41451644897461</t>
  </si>
  <si>
    <t>Paysand</t>
  </si>
  <si>
    <t>18.68665885925293</t>
  </si>
  <si>
    <t>1268.181640625</t>
  </si>
  <si>
    <t>0.030409405447795024</t>
  </si>
  <si>
    <t>10279</t>
  </si>
  <si>
    <t>18.20975112915039</t>
  </si>
  <si>
    <t>1252.5169677734375</t>
  </si>
  <si>
    <t>0.09847697497723296</t>
  </si>
  <si>
    <t>18.159616470336914</t>
  </si>
  <si>
    <t>1220.664794921875</t>
  </si>
  <si>
    <t>0.024884792756308727</t>
  </si>
  <si>
    <t>11673</t>
  </si>
  <si>
    <t>18.942907333374023</t>
  </si>
  <si>
    <t>1047.9815673828125</t>
  </si>
  <si>
    <t>0.10229071088343211</t>
  </si>
  <si>
    <t>18.141450881958008</t>
  </si>
  <si>
    <t>1061.3438720703125</t>
  </si>
  <si>
    <t>-0.030177514978912967</t>
  </si>
  <si>
    <t>11469</t>
  </si>
  <si>
    <t>18.485551834106445</t>
  </si>
  <si>
    <t>1021.6207885742188</t>
  </si>
  <si>
    <t>0.01254677569077245</t>
  </si>
  <si>
    <t>18.70094871520996</t>
  </si>
  <si>
    <t>1293.77685546875</t>
  </si>
  <si>
    <t>0.06497983101781557</t>
  </si>
  <si>
    <t>17.95918846130371</t>
  </si>
  <si>
    <t>1238.6871337890625</t>
  </si>
  <si>
    <t>0.018056439721828355</t>
  </si>
  <si>
    <t>12126</t>
  </si>
  <si>
    <t>18.2985897064209</t>
  </si>
  <si>
    <t>912.0771484375</t>
  </si>
  <si>
    <t>-0.027332106472490736</t>
  </si>
  <si>
    <t>17.929676055908203</t>
  </si>
  <si>
    <t>1455.2633056640625</t>
  </si>
  <si>
    <t>-0.024544182241040602</t>
  </si>
  <si>
    <t>11370</t>
  </si>
  <si>
    <t>18.854421615600586</t>
  </si>
  <si>
    <t>1399.435302734375</t>
  </si>
  <si>
    <t>-0.039829417646053855</t>
  </si>
  <si>
    <t>18.516801834106445</t>
  </si>
  <si>
    <t>1813.7266845703125</t>
  </si>
  <si>
    <t>-0.04074870491635174</t>
  </si>
  <si>
    <t>18.148374557495117</t>
  </si>
  <si>
    <t>1464.298095703125</t>
  </si>
  <si>
    <t>0.01364774162982485</t>
  </si>
  <si>
    <t>18.432321548461914</t>
  </si>
  <si>
    <t>1053.0107421875</t>
  </si>
  <si>
    <t>0.05442862351490341</t>
  </si>
  <si>
    <t>18.42476463317871</t>
  </si>
  <si>
    <t>1359.7008056640625</t>
  </si>
  <si>
    <t>0.07729379611269849</t>
  </si>
  <si>
    <t>18.77617835998535</t>
  </si>
  <si>
    <t>1050.7847900390625</t>
  </si>
  <si>
    <t>0.04438976693117347</t>
  </si>
  <si>
    <t>14112</t>
  </si>
  <si>
    <t>17.8857479095459</t>
  </si>
  <si>
    <t>1356.76513671875</t>
  </si>
  <si>
    <t>0.06703596822974234</t>
  </si>
  <si>
    <t>18.70443344116211</t>
  </si>
  <si>
    <t>789.2434692382812</t>
  </si>
  <si>
    <t>0.07262383768112635</t>
  </si>
  <si>
    <t>15868</t>
  </si>
  <si>
    <t>18.48196792602539</t>
  </si>
  <si>
    <t>1207.32177734375</t>
  </si>
  <si>
    <t>0.04465516570652284</t>
  </si>
  <si>
    <t>18.298686981201172</t>
  </si>
  <si>
    <t>1170.692626953125</t>
  </si>
  <si>
    <t>0.07798517365832858</t>
  </si>
  <si>
    <t>18.293092727661133</t>
  </si>
  <si>
    <t>981.5577392578125</t>
  </si>
  <si>
    <t>0.05323544682654635</t>
  </si>
  <si>
    <t>18.81895637512207</t>
  </si>
  <si>
    <t>1407.959228515625</t>
  </si>
  <si>
    <t>0.037427082294323455</t>
  </si>
  <si>
    <t>19702</t>
  </si>
  <si>
    <t>18.405895233154297</t>
  </si>
  <si>
    <t>1167.3685302734375</t>
  </si>
  <si>
    <t>0.047767948002205074</t>
  </si>
  <si>
    <t>18.665128707885742</t>
  </si>
  <si>
    <t>1599.421630859375</t>
  </si>
  <si>
    <t>0.034128237312733845</t>
  </si>
  <si>
    <t>19.05644416809082</t>
  </si>
  <si>
    <t>1099.369140625</t>
  </si>
  <si>
    <t>0.005674051614988684</t>
  </si>
  <si>
    <t>18.03522491455078</t>
  </si>
  <si>
    <t>1245.125732421875</t>
  </si>
  <si>
    <t>0.019131018250709175</t>
  </si>
  <si>
    <t>19.163774490356445</t>
  </si>
  <si>
    <t>1364.2689208984375</t>
  </si>
  <si>
    <t>0.020226632765822927</t>
  </si>
  <si>
    <t>18.65089988708496</t>
  </si>
  <si>
    <t>1377.8619384765625</t>
  </si>
  <si>
    <t>0.00551815840935177</t>
  </si>
  <si>
    <t>18.603063583374023</t>
  </si>
  <si>
    <t>1192.150634765625</t>
  </si>
  <si>
    <t>0.012190468236729757</t>
  </si>
  <si>
    <t>18.72076988220215</t>
  </si>
  <si>
    <t>878.7350463867188</t>
  </si>
  <si>
    <t>18.690767288208008</t>
  </si>
  <si>
    <t>977.2953491210938</t>
  </si>
  <si>
    <t>18.32596778869629</t>
  </si>
  <si>
    <t>869.9906616210938</t>
  </si>
  <si>
    <t>9113</t>
  </si>
  <si>
    <t>18.007482528686523</t>
  </si>
  <si>
    <t>1732.3048095703125</t>
  </si>
  <si>
    <t>12.146514892578125</t>
  </si>
  <si>
    <t>Rivera</t>
  </si>
  <si>
    <t>9394</t>
  </si>
  <si>
    <t>18.717548370361328</t>
  </si>
  <si>
    <t>1467.2706298828125</t>
  </si>
  <si>
    <t>0.030369222090813608</t>
  </si>
  <si>
    <t>10062</t>
  </si>
  <si>
    <t>18.147857666015625</t>
  </si>
  <si>
    <t>1594.184814453125</t>
  </si>
  <si>
    <t>0.06869476446432365</t>
  </si>
  <si>
    <t>18.030956268310547</t>
  </si>
  <si>
    <t>1475.3031005859375</t>
  </si>
  <si>
    <t>-0.006380879077747537</t>
  </si>
  <si>
    <t>18.727474212646484</t>
  </si>
  <si>
    <t>1318.498779296875</t>
  </si>
  <si>
    <t>0.09904938404483588</t>
  </si>
  <si>
    <t>18.1601505279541</t>
  </si>
  <si>
    <t>1332.439697265625</t>
  </si>
  <si>
    <t>-0.006270182749075204</t>
  </si>
  <si>
    <t>18.312440872192383</t>
  </si>
  <si>
    <t>1160.4693603515625</t>
  </si>
  <si>
    <t>0.00400291655314966</t>
  </si>
  <si>
    <t>18.470136642456055</t>
  </si>
  <si>
    <t>1689.772216796875</t>
  </si>
  <si>
    <t>0.04509106046990219</t>
  </si>
  <si>
    <t>17.988740921020508</t>
  </si>
  <si>
    <t>1581.681640625</t>
  </si>
  <si>
    <t>0.04322840074119583</t>
  </si>
  <si>
    <t>18.150054931640625</t>
  </si>
  <si>
    <t>1140.3143310546875</t>
  </si>
  <si>
    <t>-0.053522481000962685</t>
  </si>
  <si>
    <t>11383</t>
  </si>
  <si>
    <t>17.98998260498047</t>
  </si>
  <si>
    <t>1703.249267578125</t>
  </si>
  <si>
    <t>-0.0018431567073449173</t>
  </si>
  <si>
    <t>19.00362777709961</t>
  </si>
  <si>
    <t>1879.110107421875</t>
  </si>
  <si>
    <t>-0.029147747317765038</t>
  </si>
  <si>
    <t>18.60235595703125</t>
  </si>
  <si>
    <t>2172.76904296875</t>
  </si>
  <si>
    <t>0.02536303127429207</t>
  </si>
  <si>
    <t>18.100784301757812</t>
  </si>
  <si>
    <t>1736.635498046875</t>
  </si>
  <si>
    <t>0.03594238369242575</t>
  </si>
  <si>
    <t>18.47896385192871</t>
  </si>
  <si>
    <t>1231.3228759765625</t>
  </si>
  <si>
    <t>0.0759838320932591</t>
  </si>
  <si>
    <t>18.594526290893555</t>
  </si>
  <si>
    <t>1569.2972412109375</t>
  </si>
  <si>
    <t>0.09822322363100966</t>
  </si>
  <si>
    <t>18.758230209350586</t>
  </si>
  <si>
    <t>1160.0888671875</t>
  </si>
  <si>
    <t>0.06461892099289379</t>
  </si>
  <si>
    <t>18.06882667541504</t>
  </si>
  <si>
    <t>1587.259765625</t>
  </si>
  <si>
    <t>0.08664840970016563</t>
  </si>
  <si>
    <t>17838</t>
  </si>
  <si>
    <t>18.489118576049805</t>
  </si>
  <si>
    <t>1018.5059814453125</t>
  </si>
  <si>
    <t>0.09157794483465409</t>
  </si>
  <si>
    <t>18999</t>
  </si>
  <si>
    <t>18.405683517456055</t>
  </si>
  <si>
    <t>1458.34521484375</t>
  </si>
  <si>
    <t>0.06305533295838828</t>
  </si>
  <si>
    <t>18.485807418823242</t>
  </si>
  <si>
    <t>1330.9971923828125</t>
  </si>
  <si>
    <t>0.09593681067946314</t>
  </si>
  <si>
    <t>22442</t>
  </si>
  <si>
    <t>18.2008113861084</t>
  </si>
  <si>
    <t>1189.8558349609375</t>
  </si>
  <si>
    <t>0.07061104636080806</t>
  </si>
  <si>
    <t>18.946563720703125</t>
  </si>
  <si>
    <t>1546.1170654296875</t>
  </si>
  <si>
    <t>0.05432985217687758</t>
  </si>
  <si>
    <t>18.32508659362793</t>
  </si>
  <si>
    <t>1430.37109375</t>
  </si>
  <si>
    <t>0.06423514108577955</t>
  </si>
  <si>
    <t>26565</t>
  </si>
  <si>
    <t>18.825899124145508</t>
  </si>
  <si>
    <t>1883.48681640625</t>
  </si>
  <si>
    <t>0.05009536339757581</t>
  </si>
  <si>
    <t>19.0067195892334</t>
  </si>
  <si>
    <t>1423.536376953125</t>
  </si>
  <si>
    <t>0.021229847612460162</t>
  </si>
  <si>
    <t>28082</t>
  </si>
  <si>
    <t>18.16338539123535</t>
  </si>
  <si>
    <t>1371.3763427734375</t>
  </si>
  <si>
    <t>0.03430439417708264</t>
  </si>
  <si>
    <t>29083</t>
  </si>
  <si>
    <t>19.341629028320312</t>
  </si>
  <si>
    <t>1721.3658447265625</t>
  </si>
  <si>
    <t>0.03502500933824315</t>
  </si>
  <si>
    <t>29666</t>
  </si>
  <si>
    <t>18.777170181274414</t>
  </si>
  <si>
    <t>1668.367431640625</t>
  </si>
  <si>
    <t>0.0198477978707281</t>
  </si>
  <si>
    <t>18.855249404907227</t>
  </si>
  <si>
    <t>1439.7076416015625</t>
  </si>
  <si>
    <t>0.02628141017877539</t>
  </si>
  <si>
    <t>18.82124900817871</t>
  </si>
  <si>
    <t>1096.482177734375</t>
  </si>
  <si>
    <t>-0.06413583539333345</t>
  </si>
  <si>
    <t>30113</t>
  </si>
  <si>
    <t>18.730039596557617</t>
  </si>
  <si>
    <t>1182.979736328125</t>
  </si>
  <si>
    <t>0.05280978851644136</t>
  </si>
  <si>
    <t>18.365726470947266</t>
  </si>
  <si>
    <t>1165.822509765625</t>
  </si>
  <si>
    <t>0.04962318602396465</t>
  </si>
  <si>
    <t>17.73276138305664</t>
  </si>
  <si>
    <t>1422.0733642578125</t>
  </si>
  <si>
    <t>52.18553161621094</t>
  </si>
  <si>
    <t>18.26641082763672</t>
  </si>
  <si>
    <t>1161.1544189453125</t>
  </si>
  <si>
    <t>0.030512202411475897</t>
  </si>
  <si>
    <t>17.96149444580078</t>
  </si>
  <si>
    <t>1154.0830078125</t>
  </si>
  <si>
    <t>0.07775887166508788</t>
  </si>
  <si>
    <t>17.825111389160156</t>
  </si>
  <si>
    <t>1220.3714599609375</t>
  </si>
  <si>
    <t>0.05064373281875589</t>
  </si>
  <si>
    <t>18.47956657409668</t>
  </si>
  <si>
    <t>984.3992309570312</t>
  </si>
  <si>
    <t>0.06235172913731546</t>
  </si>
  <si>
    <t>17.80156898498535</t>
  </si>
  <si>
    <t>970.150146484375</t>
  </si>
  <si>
    <t>0.003913261149065761</t>
  </si>
  <si>
    <t>18.289461135864258</t>
  </si>
  <si>
    <t>1003.5538940429688</t>
  </si>
  <si>
    <t>0.04642385005248073</t>
  </si>
  <si>
    <t>18.35066032409668</t>
  </si>
  <si>
    <t>1168.5225830078125</t>
  </si>
  <si>
    <t>0.14990278348444264</t>
  </si>
  <si>
    <t>17.791799545288086</t>
  </si>
  <si>
    <t>1047.537841796875</t>
  </si>
  <si>
    <t>0.02730500043563744</t>
  </si>
  <si>
    <t>18.014814376831055</t>
  </si>
  <si>
    <t>935.1995239257812</t>
  </si>
  <si>
    <t>-0.015077309541201345</t>
  </si>
  <si>
    <t>17.813249588012695</t>
  </si>
  <si>
    <t>1458.0107421875</t>
  </si>
  <si>
    <t>-0.028269013504896634</t>
  </si>
  <si>
    <t>18.64137840270996</t>
  </si>
  <si>
    <t>1355.3883056640625</t>
  </si>
  <si>
    <t>-0.04077103780797131</t>
  </si>
  <si>
    <t>18.29631233215332</t>
  </si>
  <si>
    <t>1651.7315673828125</t>
  </si>
  <si>
    <t>0.019483411177219523</t>
  </si>
  <si>
    <t>7362</t>
  </si>
  <si>
    <t>17.904624938964844</t>
  </si>
  <si>
    <t>1381.883544921875</t>
  </si>
  <si>
    <t>0.02169520764311983</t>
  </si>
  <si>
    <t>18.24192237854004</t>
  </si>
  <si>
    <t>978.953369140625</t>
  </si>
  <si>
    <t>0.062269240851154706</t>
  </si>
  <si>
    <t>18.07162094116211</t>
  </si>
  <si>
    <t>1270.7037353515625</t>
  </si>
  <si>
    <t>0.0849884856956038</t>
  </si>
  <si>
    <t>18.35192108154297</t>
  </si>
  <si>
    <t>1025.208740234375</t>
  </si>
  <si>
    <t>0.051967158731933694</t>
  </si>
  <si>
    <t>17.551122665405273</t>
  </si>
  <si>
    <t>1291.8172607421875</t>
  </si>
  <si>
    <t>0.07450538105296367</t>
  </si>
  <si>
    <t>18.482624053955078</t>
  </si>
  <si>
    <t>690.4324951171875</t>
  </si>
  <si>
    <t>0.07988376306539813</t>
  </si>
  <si>
    <t>18.361711502075195</t>
  </si>
  <si>
    <t>1228.3341064453125</t>
  </si>
  <si>
    <t>0.051760519507968894</t>
  </si>
  <si>
    <t>18.183046340942383</t>
  </si>
  <si>
    <t>1194.5264892578125</t>
  </si>
  <si>
    <t>0.0850321207551179</t>
  </si>
  <si>
    <t>18.160804748535156</t>
  </si>
  <si>
    <t>874.4729614257812</t>
  </si>
  <si>
    <t>0.060125412221243124</t>
  </si>
  <si>
    <t>18.534406661987305</t>
  </si>
  <si>
    <t>1399.269287109375</t>
  </si>
  <si>
    <t>0.044203128778177</t>
  </si>
  <si>
    <t>14090</t>
  </si>
  <si>
    <t>18.27083969116211</t>
  </si>
  <si>
    <t>1145.2218017578125</t>
  </si>
  <si>
    <t>0.05439848029419814</t>
  </si>
  <si>
    <t>18.447595596313477</t>
  </si>
  <si>
    <t>1529.801513671875</t>
  </si>
  <si>
    <t>0.04068003980357204</t>
  </si>
  <si>
    <t>18.79075050354004</t>
  </si>
  <si>
    <t>963.5048828125</t>
  </si>
  <si>
    <t>0.012123823532943945</t>
  </si>
  <si>
    <t>17.831628799438477</t>
  </si>
  <si>
    <t>1207.1044921875</t>
  </si>
  <si>
    <t>0.025391859369252145</t>
  </si>
  <si>
    <t>18.86727523803711</t>
  </si>
  <si>
    <t>1215.7607421875</t>
  </si>
  <si>
    <t>0.026426408276911673</t>
  </si>
  <si>
    <t>1381.5216064453125</t>
  </si>
  <si>
    <t>0.01162988545787691</t>
  </si>
  <si>
    <t>16118</t>
  </si>
  <si>
    <t>18.306581497192383</t>
  </si>
  <si>
    <t>1102.2845458984375</t>
  </si>
  <si>
    <t>0.018219317551174896</t>
  </si>
  <si>
    <t>15116</t>
  </si>
  <si>
    <t>18.439434051513672</t>
  </si>
  <si>
    <t>818.4967651367188</t>
  </si>
  <si>
    <t>-0.06418287441507786</t>
  </si>
  <si>
    <t>18.513792037963867</t>
  </si>
  <si>
    <t>932.4733276367188</t>
  </si>
  <si>
    <t>0.05282691535500028</t>
  </si>
  <si>
    <t>18.11701011657715</t>
  </si>
  <si>
    <t>711.2085571289062</t>
  </si>
  <si>
    <t>0.04963843691009906</t>
  </si>
  <si>
    <t>16.48737144470215</t>
  </si>
  <si>
    <t>1271.7362060546875</t>
  </si>
  <si>
    <t>27.899845123291016</t>
  </si>
  <si>
    <t>Rocha</t>
  </si>
  <si>
    <t>17.042810440063477</t>
  </si>
  <si>
    <t>1249.48876953125</t>
  </si>
  <si>
    <t>0.030400777820501546</t>
  </si>
  <si>
    <t>16.623937606811523</t>
  </si>
  <si>
    <t>1271.3135986328125</t>
  </si>
  <si>
    <t>0.07912918375345512</t>
  </si>
  <si>
    <t>16.501020431518555</t>
  </si>
  <si>
    <t>1526.0498046875</t>
  </si>
  <si>
    <t>0.008951026172473675</t>
  </si>
  <si>
    <t>17.096818923950195</t>
  </si>
  <si>
    <t>1186.098388671875</t>
  </si>
  <si>
    <t>0.07950021218102599</t>
  </si>
  <si>
    <t>16.5623836517334</t>
  </si>
  <si>
    <t>1103.2574462890625</t>
  </si>
  <si>
    <t>-0.047317070451986964</t>
  </si>
  <si>
    <t>16.768068313598633</t>
  </si>
  <si>
    <t>1012.998291015625</t>
  </si>
  <si>
    <t>0.04595954275357528</t>
  </si>
  <si>
    <t>16.844192504882812</t>
  </si>
  <si>
    <t>1200.5765380859375</t>
  </si>
  <si>
    <t>0.08303378536904837</t>
  </si>
  <si>
    <t>12611</t>
  </si>
  <si>
    <t>16.470809936523438</t>
  </si>
  <si>
    <t>1278.06494140625</t>
  </si>
  <si>
    <t>0.04982947974283647</t>
  </si>
  <si>
    <t>16.5131893157959</t>
  </si>
  <si>
    <t>1164.132080078125</t>
  </si>
  <si>
    <t>-0.05174830567675848</t>
  </si>
  <si>
    <t>16.474939346313477</t>
  </si>
  <si>
    <t>1512.8345947265625</t>
  </si>
  <si>
    <t>-0.0245151753061581</t>
  </si>
  <si>
    <t>17.451547622680664</t>
  </si>
  <si>
    <t>1554.1240234375</t>
  </si>
  <si>
    <t>-0.035452042605831124</t>
  </si>
  <si>
    <t>17.090396881103516</t>
  </si>
  <si>
    <t>1615.7733154296875</t>
  </si>
  <si>
    <t>-0.0696707796278524</t>
  </si>
  <si>
    <t>16.57137107849121</t>
  </si>
  <si>
    <t>1477.575927734375</t>
  </si>
  <si>
    <t>-0.001331811460174137</t>
  </si>
  <si>
    <t>16.96309471130371</t>
  </si>
  <si>
    <t>1066.9212646484375</t>
  </si>
  <si>
    <t>0.039476968531470646</t>
  </si>
  <si>
    <t>17.06218910217285</t>
  </si>
  <si>
    <t>1397.571044921875</t>
  </si>
  <si>
    <t>0.06234564452846847</t>
  </si>
  <si>
    <t>17.14055061340332</t>
  </si>
  <si>
    <t>1094.4222412109375</t>
  </si>
  <si>
    <t>0.029397686485367558</t>
  </si>
  <si>
    <t>16.529329299926758</t>
  </si>
  <si>
    <t>1410.271728515625</t>
  </si>
  <si>
    <t>0.051973477103334886</t>
  </si>
  <si>
    <t>13363</t>
  </si>
  <si>
    <t>962.691650390625</t>
  </si>
  <si>
    <t>0.05744458285331966</t>
  </si>
  <si>
    <t>16.833036422729492</t>
  </si>
  <si>
    <t>1166.1251220703125</t>
  </si>
  <si>
    <t>0.02949413819847102</t>
  </si>
  <si>
    <t>16.9713134765625</t>
  </si>
  <si>
    <t>1216.7574462890625</t>
  </si>
  <si>
    <t>0.06272950374037656</t>
  </si>
  <si>
    <t>16.593996047973633</t>
  </si>
  <si>
    <t>1047.873291015625</t>
  </si>
  <si>
    <t>0.037962717559757664</t>
  </si>
  <si>
    <t>15561</t>
  </si>
  <si>
    <t>17.366640090942383</t>
  </si>
  <si>
    <t>1295.024169921875</t>
  </si>
  <si>
    <t>0.022091730739843385</t>
  </si>
  <si>
    <t>16072</t>
  </si>
  <si>
    <t>16.742918014526367</t>
  </si>
  <si>
    <t>1349.180908203125</t>
  </si>
  <si>
    <t>0.03231084347526014</t>
  </si>
  <si>
    <t>17.2910213470459</t>
  </si>
  <si>
    <t>1616.4249267578125</t>
  </si>
  <si>
    <t>0.018616083441623132</t>
  </si>
  <si>
    <t>17.364831924438477</t>
  </si>
  <si>
    <t>1036.65087890625</t>
  </si>
  <si>
    <t>-0.009881321386323805</t>
  </si>
  <si>
    <t>16270</t>
  </si>
  <si>
    <t>16.67160415649414</t>
  </si>
  <si>
    <t>1234.6781005859375</t>
  </si>
  <si>
    <t>0.0035095316630133766</t>
  </si>
  <si>
    <t>17.8540096282959</t>
  </si>
  <si>
    <t>1250.060302734375</t>
  </si>
  <si>
    <t>0.004537936284375377</t>
  </si>
  <si>
    <t>16176</t>
  </si>
  <si>
    <t>17.19986343383789</t>
  </si>
  <si>
    <t>1368.5662841796875</t>
  </si>
  <si>
    <t>-0.010332195237205966</t>
  </si>
  <si>
    <t>17.264083862304688</t>
  </si>
  <si>
    <t>1226.3448486328125</t>
  </si>
  <si>
    <t>-0.0035920023757949338</t>
  </si>
  <si>
    <t>17.15766716003418</t>
  </si>
  <si>
    <t>929.8970336914062</t>
  </si>
  <si>
    <t>17.11269187927246</t>
  </si>
  <si>
    <t>1238.4783935546875</t>
  </si>
  <si>
    <t>16.722854614257812</t>
  </si>
  <si>
    <t>821.0803833007812</t>
  </si>
  <si>
    <t>18.60953712463379</t>
  </si>
  <si>
    <t>1673.016357421875</t>
  </si>
  <si>
    <t>56.8623046875</t>
  </si>
  <si>
    <t>Salto</t>
  </si>
  <si>
    <t>19.425519943237305</t>
  </si>
  <si>
    <t>1337.8055419921875</t>
  </si>
  <si>
    <t>0.030339831857602917</t>
  </si>
  <si>
    <t>18.790082931518555</t>
  </si>
  <si>
    <t>1411.0732421875</t>
  </si>
  <si>
    <t>0.24142884442885482</t>
  </si>
  <si>
    <t>18.873117446899414</t>
  </si>
  <si>
    <t>1275.067626953125</t>
  </si>
  <si>
    <t>-0.018858237691702584</t>
  </si>
  <si>
    <t>19.657482147216797</t>
  </si>
  <si>
    <t>1123.56640625</t>
  </si>
  <si>
    <t>-0.03964739641522996</t>
  </si>
  <si>
    <t>18.907365798950195</t>
  </si>
  <si>
    <t>1141.281494140625</t>
  </si>
  <si>
    <t>-0.04150060973906555</t>
  </si>
  <si>
    <t>18.94696617126465</t>
  </si>
  <si>
    <t>1062.4400634765625</t>
  </si>
  <si>
    <t>-0.0002162162170584736</t>
  </si>
  <si>
    <t>19.414045333862305</t>
  </si>
  <si>
    <t>1438.6519775390625</t>
  </si>
  <si>
    <t>0.05223889538740245</t>
  </si>
  <si>
    <t>18.440269470214844</t>
  </si>
  <si>
    <t>1404.7314453125</t>
  </si>
  <si>
    <t>0.0024597737112799223</t>
  </si>
  <si>
    <t>9393</t>
  </si>
  <si>
    <t>18.836549758911133</t>
  </si>
  <si>
    <t>923.3319091796875</t>
  </si>
  <si>
    <t>-0.0392493756584269</t>
  </si>
  <si>
    <t>18.412389755249023</t>
  </si>
  <si>
    <t>1541.914794921875</t>
  </si>
  <si>
    <t>-0.026757449169549474</t>
  </si>
  <si>
    <t>19.42439079284668</t>
  </si>
  <si>
    <t>1458.9808349609375</t>
  </si>
  <si>
    <t>-0.03947881097378669</t>
  </si>
  <si>
    <t>19.114442825317383</t>
  </si>
  <si>
    <t>1948.57470703125</t>
  </si>
  <si>
    <t>0.03520506604354878</t>
  </si>
  <si>
    <t>18.84269142150879</t>
  </si>
  <si>
    <t>1538.0906982421875</t>
  </si>
  <si>
    <t>0.0071127946642164375</t>
  </si>
  <si>
    <t>18.960485458374023</t>
  </si>
  <si>
    <t>1160.8798828125</t>
  </si>
  <si>
    <t>0.04769397759367067</t>
  </si>
  <si>
    <t>19.122713088989258</t>
  </si>
  <si>
    <t>1373.2535400390625</t>
  </si>
  <si>
    <t>0.07082782967661849</t>
  </si>
  <si>
    <t>10724</t>
  </si>
  <si>
    <t>19.499963760375977</t>
  </si>
  <si>
    <t>1099.00634765625</t>
  </si>
  <si>
    <t>0.03791608152661752</t>
  </si>
  <si>
    <t>18.528478622436523</t>
  </si>
  <si>
    <t>1399.0521240234375</t>
  </si>
  <si>
    <t>0.060514911342265165</t>
  </si>
  <si>
    <t>19.141447067260742</t>
  </si>
  <si>
    <t>859.894287109375</t>
  </si>
  <si>
    <t>0.06613910031874504</t>
  </si>
  <si>
    <t>19.0151309967041</t>
  </si>
  <si>
    <t>1277.068359375</t>
  </si>
  <si>
    <t>0.03820272760169807</t>
  </si>
  <si>
    <t>18.687894821166992</t>
  </si>
  <si>
    <t>1165.3770751953125</t>
  </si>
  <si>
    <t>0.07169889113268901</t>
  </si>
  <si>
    <t>14238</t>
  </si>
  <si>
    <t>18.807621002197266</t>
  </si>
  <si>
    <t>1040.884521484375</t>
  </si>
  <si>
    <t>0.046874595912569816</t>
  </si>
  <si>
    <t>19.51922035217285</t>
  </si>
  <si>
    <t>1434.02685546875</t>
  </si>
  <si>
    <t>0.031116387196453488</t>
  </si>
  <si>
    <t>18.845136642456055</t>
  </si>
  <si>
    <t>1216.271728515625</t>
  </si>
  <si>
    <t>0.041475375791458546</t>
  </si>
  <si>
    <t>19.340133666992188</t>
  </si>
  <si>
    <t>1651.68017578125</t>
  </si>
  <si>
    <t>0.02782609005066483</t>
  </si>
  <si>
    <t>15733</t>
  </si>
  <si>
    <t>19.7348690032959</t>
  </si>
  <si>
    <t>1255.5946044921875</t>
  </si>
  <si>
    <t>-0.0005718824619709295</t>
  </si>
  <si>
    <t>18.61372184753418</t>
  </si>
  <si>
    <t>1312.905029296875</t>
  </si>
  <si>
    <t>0.012945777717270346</t>
  </si>
  <si>
    <t>19.736814498901367</t>
  </si>
  <si>
    <t>1460.3138427734375</t>
  </si>
  <si>
    <t>0.01408035224067028</t>
  </si>
  <si>
    <t>16153</t>
  </si>
  <si>
    <t>19.203311920166016</t>
  </si>
  <si>
    <t>1466.137451171875</t>
  </si>
  <si>
    <t>-0.0006807562846056214</t>
  </si>
  <si>
    <t>16252</t>
  </si>
  <si>
    <t>19.3229923248291</t>
  </si>
  <si>
    <t>1236.771728515625</t>
  </si>
  <si>
    <t>0.006110187193858252</t>
  </si>
  <si>
    <t>15242</t>
  </si>
  <si>
    <t>19.401493072509766</t>
  </si>
  <si>
    <t>954.8465576171875</t>
  </si>
  <si>
    <t>-0.06416120288155369</t>
  </si>
  <si>
    <t>974.9310302734375</t>
  </si>
  <si>
    <t>0.05283717481568928</t>
  </si>
  <si>
    <t>18.966014862060547</t>
  </si>
  <si>
    <t>909.87548828125</t>
  </si>
  <si>
    <t>0.04965214509038418</t>
  </si>
  <si>
    <t>1266.5</t>
  </si>
  <si>
    <t>19.176288604736328</t>
  </si>
  <si>
    <t>San Jos</t>
  </si>
  <si>
    <t>1205.9000244140625</t>
  </si>
  <si>
    <t>0.030358578297446925</t>
  </si>
  <si>
    <t>0.025256024288987433</t>
  </si>
  <si>
    <t>16.999998092651367</t>
  </si>
  <si>
    <t>0.037597524391093984</t>
  </si>
  <si>
    <t>0.0035906681307285027</t>
  </si>
  <si>
    <t>823.9000244140625</t>
  </si>
  <si>
    <t>-0.03686022231336494</t>
  </si>
  <si>
    <t>17.433334350585938</t>
  </si>
  <si>
    <t>912.0999145507812</t>
  </si>
  <si>
    <t>0.05643838500768972</t>
  </si>
  <si>
    <t>1109.0</t>
  </si>
  <si>
    <t>0.07152933448285914</t>
  </si>
  <si>
    <t>960.7999877929688</t>
  </si>
  <si>
    <t>0.0067326153744726724</t>
  </si>
  <si>
    <t>899.5000610351562</t>
  </si>
  <si>
    <t>-0.02936381181747194</t>
  </si>
  <si>
    <t>-0.024371459242285454</t>
  </si>
  <si>
    <t>1323.7000732421875</t>
  </si>
  <si>
    <t>-0.046767650590624044</t>
  </si>
  <si>
    <t>8557</t>
  </si>
  <si>
    <t>1451.5999755859375</t>
  </si>
  <si>
    <t>-0.008031236789733498</t>
  </si>
  <si>
    <t>1313.0</t>
  </si>
  <si>
    <t>0.03129209648352749</t>
  </si>
  <si>
    <t>0.07166984546753241</t>
  </si>
  <si>
    <t>10420</t>
  </si>
  <si>
    <t>1171.0</t>
  </si>
  <si>
    <t>0.0940154329382441</t>
  </si>
  <si>
    <t>1046.400146484375</t>
  </si>
  <si>
    <t>0.06069236255009258</t>
  </si>
  <si>
    <t>1225.0001220703125</t>
  </si>
  <si>
    <t>0.08290100213662122</t>
  </si>
  <si>
    <t>664.3999633789062</t>
  </si>
  <si>
    <t>0.08803615169813739</t>
  </si>
  <si>
    <t>1226.9000244140625</t>
  </si>
  <si>
    <t>0.05962103750281145</t>
  </si>
  <si>
    <t>0.09261376609616256</t>
  </si>
  <si>
    <t>0.06749244375810548</t>
  </si>
  <si>
    <t>17225</t>
  </si>
  <si>
    <t>1413.60009765625</t>
  </si>
  <si>
    <t>0.05127801683257083</t>
  </si>
  <si>
    <t>0.061358579331054486</t>
  </si>
  <si>
    <t>19202</t>
  </si>
  <si>
    <t>1565.7999267578125</t>
  </si>
  <si>
    <t>0.04729404404465498</t>
  </si>
  <si>
    <t>19563</t>
  </si>
  <si>
    <t>17.974998474121094</t>
  </si>
  <si>
    <t>0.018625586803743488</t>
  </si>
  <si>
    <t>0.031695982617510055</t>
  </si>
  <si>
    <t>20861</t>
  </si>
  <si>
    <t>1204.7000732421875</t>
  </si>
  <si>
    <t>0.032545377365464034</t>
  </si>
  <si>
    <t>1408.4998779296875</t>
  </si>
  <si>
    <t>0.01753388865301453</t>
  </si>
  <si>
    <t>21745</t>
  </si>
  <si>
    <t>1112.5999755859375</t>
  </si>
  <si>
    <t>0.023968570334437445</t>
  </si>
  <si>
    <t>863.60009765625</t>
  </si>
  <si>
    <t>-0.06414310610756857</t>
  </si>
  <si>
    <t>0.0528121951915832</t>
  </si>
  <si>
    <t>0.04963144917112139</t>
  </si>
  <si>
    <t>8817</t>
  </si>
  <si>
    <t>17.43079376220703</t>
  </si>
  <si>
    <t>1290.984375</t>
  </si>
  <si>
    <t>32.62349319458008</t>
  </si>
  <si>
    <t>Soriano</t>
  </si>
  <si>
    <t>17.923765182495117</t>
  </si>
  <si>
    <t>1113.568603515625</t>
  </si>
  <si>
    <t>0.03049323208449728</t>
  </si>
  <si>
    <t>17.658876419067383</t>
  </si>
  <si>
    <t>1068.4033203125</t>
  </si>
  <si>
    <t>0.1011934295603858</t>
  </si>
  <si>
    <t>17.540220260620117</t>
  </si>
  <si>
    <t>1257.359619140625</t>
  </si>
  <si>
    <t>-0.03469725492036879</t>
  </si>
  <si>
    <t>18.179147720336914</t>
  </si>
  <si>
    <t>918.9052734375</t>
  </si>
  <si>
    <t>0.1536947270619482</t>
  </si>
  <si>
    <t>17.501649856567383</t>
  </si>
  <si>
    <t>869.8554077148438</t>
  </si>
  <si>
    <t>-0.046986689457286346</t>
  </si>
  <si>
    <t>18.013792037963867</t>
  </si>
  <si>
    <t>943.2640380859375</t>
  </si>
  <si>
    <t>0.017152449868934383</t>
  </si>
  <si>
    <t>18.051219940185547</t>
  </si>
  <si>
    <t>1078.8028564453125</t>
  </si>
  <si>
    <t>-0.010237749382000061</t>
  </si>
  <si>
    <t>17.50193977355957</t>
  </si>
  <si>
    <t>979.8470458984375</t>
  </si>
  <si>
    <t>0.07126885352739798</t>
  </si>
  <si>
    <t>10890</t>
  </si>
  <si>
    <t>17.714780807495117</t>
  </si>
  <si>
    <t>882.514404296875</t>
  </si>
  <si>
    <t>-0.07071773750352861</t>
  </si>
  <si>
    <t>17.557334899902344</t>
  </si>
  <si>
    <t>1389.3424072265625</t>
  </si>
  <si>
    <t>0.008048333182827605</t>
  </si>
  <si>
    <t>18.34200096130371</t>
  </si>
  <si>
    <t>1306.4112548828125</t>
  </si>
  <si>
    <t>-0.274350552429226</t>
  </si>
  <si>
    <t>17.99250030517578</t>
  </si>
  <si>
    <t>1499.22900390625</t>
  </si>
  <si>
    <t>0.21592677714907715</t>
  </si>
  <si>
    <t>10516</t>
  </si>
  <si>
    <t>17.593111038208008</t>
  </si>
  <si>
    <t>1283.666748046875</t>
  </si>
  <si>
    <t>0.015428412020087379</t>
  </si>
  <si>
    <t>11123</t>
  </si>
  <si>
    <t>17.94120216369629</t>
  </si>
  <si>
    <t>923.860107421875</t>
  </si>
  <si>
    <t>0.056117129742256466</t>
  </si>
  <si>
    <t>17.73177146911621</t>
  </si>
  <si>
    <t>1184.3162841796875</t>
  </si>
  <si>
    <t>0.07905327651568683</t>
  </si>
  <si>
    <t>12607</t>
  </si>
  <si>
    <t>18.030048370361328</t>
  </si>
  <si>
    <t>1010.4276733398438</t>
  </si>
  <si>
    <t>0.04618390212355372</t>
  </si>
  <si>
    <t>17.229570388793945</t>
  </si>
  <si>
    <t>1239.788818359375</t>
  </si>
  <si>
    <t>0.06873372260446864</t>
  </si>
  <si>
    <t>18.220972061157227</t>
  </si>
  <si>
    <t>660.0469970703125</t>
  </si>
  <si>
    <t>0.07426135409356327</t>
  </si>
  <si>
    <t>15235</t>
  </si>
  <si>
    <t>18.153472900390625</t>
  </si>
  <si>
    <t>1188.2364501953125</t>
  </si>
  <si>
    <t>0.04634812049050829</t>
  </si>
  <si>
    <t>16498</t>
  </si>
  <si>
    <t>17.914047241210938</t>
  </si>
  <si>
    <t>1178.571533203125</t>
  </si>
  <si>
    <t>0.07964374900086746</t>
  </si>
  <si>
    <t>17428</t>
  </si>
  <si>
    <t>17.93732452392578</t>
  </si>
  <si>
    <t>816.9216918945312</t>
  </si>
  <si>
    <t>0.054838946816655465</t>
  </si>
  <si>
    <t>18122</t>
  </si>
  <si>
    <t>18.24864959716797</t>
  </si>
  <si>
    <t>1370.1243896484375</t>
  </si>
  <si>
    <t>0.03904856154467318</t>
  </si>
  <si>
    <t>17.987794876098633</t>
  </si>
  <si>
    <t>1098.417724609375</t>
  </si>
  <si>
    <t>0.04936283717567136</t>
  </si>
  <si>
    <t>18.148513793945312</t>
  </si>
  <si>
    <t>1508.4525146484375</t>
  </si>
  <si>
    <t>0.0356508130589841</t>
  </si>
  <si>
    <t>19873</t>
  </si>
  <si>
    <t>18.49495506286621</t>
  </si>
  <si>
    <t>861.0271606445312</t>
  </si>
  <si>
    <t>0.007221706511623793</t>
  </si>
  <si>
    <t>20288</t>
  </si>
  <si>
    <t>17.541791915893555</t>
  </si>
  <si>
    <t>1129.1710205078125</t>
  </si>
  <si>
    <t>0.02066755170866763</t>
  </si>
  <si>
    <t>18.526155471801758</t>
  </si>
  <si>
    <t>1148.33154296875</t>
  </si>
  <si>
    <t>0.0217452866461052</t>
  </si>
  <si>
    <t>18.117753982543945</t>
  </si>
  <si>
    <t>1319.32958984375</t>
  </si>
  <si>
    <t>0.006921108085185423</t>
  </si>
  <si>
    <t>17.986265182495117</t>
  </si>
  <si>
    <t>1092.5889892578125</t>
  </si>
  <si>
    <t>0.0137001476854266</t>
  </si>
  <si>
    <t>19851</t>
  </si>
  <si>
    <t>18.158811569213867</t>
  </si>
  <si>
    <t>793.1697387695312</t>
  </si>
  <si>
    <t>-0.06414173697350023</t>
  </si>
  <si>
    <t>18.249454498291016</t>
  </si>
  <si>
    <t>929.9223022460938</t>
  </si>
  <si>
    <t>0.05283359157675527</t>
  </si>
  <si>
    <t>17.837186813354492</t>
  </si>
  <si>
    <t>654.5050048828125</t>
  </si>
  <si>
    <t>0.0495907755881575</t>
  </si>
  <si>
    <t>2590</t>
  </si>
  <si>
    <t>18.005558013916016</t>
  </si>
  <si>
    <t>1627.4249267578125</t>
  </si>
  <si>
    <t>26.26202964782715</t>
  </si>
  <si>
    <t>Tacuaremb</t>
  </si>
  <si>
    <t>18.684385299682617</t>
  </si>
  <si>
    <t>1371.0155029296875</t>
  </si>
  <si>
    <t>0.030487574127263883</t>
  </si>
  <si>
    <t>18.10374641418457</t>
  </si>
  <si>
    <t>1490.85400390625</t>
  </si>
  <si>
    <t>0.0668611596822366</t>
  </si>
  <si>
    <t>18.02124786376953</t>
  </si>
  <si>
    <t>1366.3519287109375</t>
  </si>
  <si>
    <t>0.005356557836266873</t>
  </si>
  <si>
    <t>18.778390884399414</t>
  </si>
  <si>
    <t>1264.0240478515625</t>
  </si>
  <si>
    <t>0.04067507220850253</t>
  </si>
  <si>
    <t>18.09281349182129</t>
  </si>
  <si>
    <t>1277.082763671875</t>
  </si>
  <si>
    <t>0.03568808623913533</t>
  </si>
  <si>
    <t>18.302698135375977</t>
  </si>
  <si>
    <t>1098.63623046875</t>
  </si>
  <si>
    <t>0.06158251694560768</t>
  </si>
  <si>
    <t>18.485857009887695</t>
  </si>
  <si>
    <t>1597.0203857421875</t>
  </si>
  <si>
    <t>0.08455214717139192</t>
  </si>
  <si>
    <t>18.00101661682129</t>
  </si>
  <si>
    <t>1487.83740234375</t>
  </si>
  <si>
    <t>0.007544526089031223</t>
  </si>
  <si>
    <t>18.139795303344727</t>
  </si>
  <si>
    <t>1040.028564453125</t>
  </si>
  <si>
    <t>-0.24948443994909297</t>
  </si>
  <si>
    <t>18.014612197875977</t>
  </si>
  <si>
    <t>1596.854248046875</t>
  </si>
  <si>
    <t>0.18653042048161161</t>
  </si>
  <si>
    <t>10323</t>
  </si>
  <si>
    <t>18.96172332763672</t>
  </si>
  <si>
    <t>1694.2694091796875</t>
  </si>
  <si>
    <t>-0.0282704339382569</t>
  </si>
  <si>
    <t>18.5810604095459</t>
  </si>
  <si>
    <t>2044.0113525390625</t>
  </si>
  <si>
    <t>-0.005342152474558048</t>
  </si>
  <si>
    <t>18.088722229003906</t>
  </si>
  <si>
    <t>1605.4974365234375</t>
  </si>
  <si>
    <t>0.001848699139998189</t>
  </si>
  <si>
    <t>18.423555374145508</t>
  </si>
  <si>
    <t>1158.318115234375</t>
  </si>
  <si>
    <t>0.04253531160574475</t>
  </si>
  <si>
    <t>18.518583297729492</t>
  </si>
  <si>
    <t>1511.66552734375</t>
  </si>
  <si>
    <t>0.06553369375992446</t>
  </si>
  <si>
    <t>11842</t>
  </si>
  <si>
    <t>18.68060302734375</t>
  </si>
  <si>
    <t>1082.3931884765625</t>
  </si>
  <si>
    <t>0.03270256659502202</t>
  </si>
  <si>
    <t>17.950151443481445</t>
  </si>
  <si>
    <t>1479.193603515625</t>
  </si>
  <si>
    <t>0.05527539077415433</t>
  </si>
  <si>
    <t>13299</t>
  </si>
  <si>
    <t>18.500377655029297</t>
  </si>
  <si>
    <t>959.660888671875</t>
  </si>
  <si>
    <t>0.06076091954728824</t>
  </si>
  <si>
    <t>13744</t>
  </si>
  <si>
    <t>18.357261657714844</t>
  </si>
  <si>
    <t>1324.1175537109375</t>
  </si>
  <si>
    <t>0.032913520810874175</t>
  </si>
  <si>
    <t>18.42561149597168</t>
  </si>
  <si>
    <t>1231.1185302734375</t>
  </si>
  <si>
    <t>0.0662241994086834</t>
  </si>
  <si>
    <t>18.16144561767578</t>
  </si>
  <si>
    <t>1114.4302978515625</t>
  </si>
  <si>
    <t>0.04141834373714559</t>
  </si>
  <si>
    <t>18.96725082397461</t>
  </si>
  <si>
    <t>1430.7921142578125</t>
  </si>
  <si>
    <t>0.0256068685150872</t>
  </si>
  <si>
    <t>16279</t>
  </si>
  <si>
    <t>18.32634735107422</t>
  </si>
  <si>
    <t>1367.5003662109375</t>
  </si>
  <si>
    <t>0.03602415672355619</t>
  </si>
  <si>
    <t>18.802114486694336</t>
  </si>
  <si>
    <t>1731.4683837890625</t>
  </si>
  <si>
    <t>0.0222940136975307</t>
  </si>
  <si>
    <t>16544</t>
  </si>
  <si>
    <t>18.992048263549805</t>
  </si>
  <si>
    <t>1343.5330810546875</t>
  </si>
  <si>
    <t>-0.006146448997885301</t>
  </si>
  <si>
    <t>18.118267059326172</t>
  </si>
  <si>
    <t>1308.2193603515625</t>
  </si>
  <si>
    <t>0.007287213433684769</t>
  </si>
  <si>
    <t>19.266084671020508</t>
  </si>
  <si>
    <t>1578.041748046875</t>
  </si>
  <si>
    <t>0.008365749417366786</t>
  </si>
  <si>
    <t>18.70803451538086</t>
  </si>
  <si>
    <t>1583.765380859375</t>
  </si>
  <si>
    <t>-0.006327623786773984</t>
  </si>
  <si>
    <t>18.77358055114746</t>
  </si>
  <si>
    <t>1311.476318359375</t>
  </si>
  <si>
    <t>0.00035923841842411264</t>
  </si>
  <si>
    <t>18.76456642150879</t>
  </si>
  <si>
    <t>993.055419921875</t>
  </si>
  <si>
    <t>-0.06415148639736934</t>
  </si>
  <si>
    <t>18.701684951782227</t>
  </si>
  <si>
    <t>1073.1971435546875</t>
  </si>
  <si>
    <t>0.05277301861249306</t>
  </si>
  <si>
    <t>17357</t>
  </si>
  <si>
    <t>18.394775390625</t>
  </si>
  <si>
    <t>1049.607666015625</t>
  </si>
  <si>
    <t>0.049666275214901745</t>
  </si>
  <si>
    <t>16.950281143188477</t>
  </si>
  <si>
    <t>1521.463623046875</t>
  </si>
  <si>
    <t>15.998608589172363</t>
  </si>
  <si>
    <t>Treinta y Tres</t>
  </si>
  <si>
    <t>8665</t>
  </si>
  <si>
    <t>17.780431747436523</t>
  </si>
  <si>
    <t>1437.9677734375</t>
  </si>
  <si>
    <t>0.030346186584644386</t>
  </si>
  <si>
    <t>17.152185440063477</t>
  </si>
  <si>
    <t>1486.2760009765625</t>
  </si>
  <si>
    <t>0.08629944830635594</t>
  </si>
  <si>
    <t>17.094411849975586</t>
  </si>
  <si>
    <t>1488.50830078125</t>
  </si>
  <si>
    <t>-0.11024219785579348</t>
  </si>
  <si>
    <t>17.71588706970215</t>
  </si>
  <si>
    <t>1268.781005859375</t>
  </si>
  <si>
    <t>0.11815071168542168</t>
  </si>
  <si>
    <t>17.240386962890625</t>
  </si>
  <si>
    <t>1234.615478515625</t>
  </si>
  <si>
    <t>0.005760082952118495</t>
  </si>
  <si>
    <t>17.306991577148438</t>
  </si>
  <si>
    <t>1111.525146484375</t>
  </si>
  <si>
    <t>0.14579145628286305</t>
  </si>
  <si>
    <t>17.496538162231445</t>
  </si>
  <si>
    <t>1447.68603515625</t>
  </si>
  <si>
    <t>0.05299777107958192</t>
  </si>
  <si>
    <t>16.990888595581055</t>
  </si>
  <si>
    <t>1308.396240234375</t>
  </si>
  <si>
    <t>0.07865895273314649</t>
  </si>
  <si>
    <t>17.171537399291992</t>
  </si>
  <si>
    <t>1087.7794189453125</t>
  </si>
  <si>
    <t>-0.2059244009985406</t>
  </si>
  <si>
    <t>10133</t>
  </si>
  <si>
    <t>16.958616256713867</t>
  </si>
  <si>
    <t>1510.8131103515625</t>
  </si>
  <si>
    <t>-0.01498632288654278</t>
  </si>
  <si>
    <t>18.065107345581055</t>
  </si>
  <si>
    <t>1587.6968994140625</t>
  </si>
  <si>
    <t>-0.03535569615782563</t>
  </si>
  <si>
    <t>17.648439407348633</t>
  </si>
  <si>
    <t>1803.0400390625</t>
  </si>
  <si>
    <t>0.013203523116215976</t>
  </si>
  <si>
    <t>17.172096252441406</t>
  </si>
  <si>
    <t>1618.68310546875</t>
  </si>
  <si>
    <t>0.0018145166268865864</t>
  </si>
  <si>
    <t>17.493852615356445</t>
  </si>
  <si>
    <t>1096.2186279296875</t>
  </si>
  <si>
    <t>0.04268550034113794</t>
  </si>
  <si>
    <t>17.68770408630371</t>
  </si>
  <si>
    <t>1548.3887939453125</t>
  </si>
  <si>
    <t>0.0655513259698619</t>
  </si>
  <si>
    <t>17.799001693725586</t>
  </si>
  <si>
    <t>1117.99365234375</t>
  </si>
  <si>
    <t>0.03263236868118291</t>
  </si>
  <si>
    <t>17.180994033813477</t>
  </si>
  <si>
    <t>1521.236328125</t>
  </si>
  <si>
    <t>0.05530500749378575</t>
  </si>
  <si>
    <t>17.4145450592041</t>
  </si>
  <si>
    <t>905.4681396484375</t>
  </si>
  <si>
    <t>0.06085344307152063</t>
  </si>
  <si>
    <t>17.42774772644043</t>
  </si>
  <si>
    <t>1255.1187744140625</t>
  </si>
  <si>
    <t>0.03279233532583348</t>
  </si>
  <si>
    <t>17.48093032836914</t>
  </si>
  <si>
    <t>1297.719482421875</t>
  </si>
  <si>
    <t>0.0662706449279451</t>
  </si>
  <si>
    <t>17.171815872192383</t>
  </si>
  <si>
    <t>1182.11767578125</t>
  </si>
  <si>
    <t>0.04145384903421245</t>
  </si>
  <si>
    <t>17.92852783203125</t>
  </si>
  <si>
    <t>1295.1771240234375</t>
  </si>
  <si>
    <t>0.025656137317287886</t>
  </si>
  <si>
    <t>15716</t>
  </si>
  <si>
    <t>17.260236740112305</t>
  </si>
  <si>
    <t>1358.0389404296875</t>
  </si>
  <si>
    <t>0.03601892148198793</t>
  </si>
  <si>
    <t>16071</t>
  </si>
  <si>
    <t>17.806211471557617</t>
  </si>
  <si>
    <t>1738.349365234375</t>
  </si>
  <si>
    <t>0.022337103870718522</t>
  </si>
  <si>
    <t>18.043851852416992</t>
  </si>
  <si>
    <t>1105.287841796875</t>
  </si>
  <si>
    <t>-0.006179216365957529</t>
  </si>
  <si>
    <t>17.15889549255371</t>
  </si>
  <si>
    <t>0.007360771803316624</t>
  </si>
  <si>
    <t>18.259958267211914</t>
  </si>
  <si>
    <t>1346.6253662109375</t>
  </si>
  <si>
    <t>0.008416932968581037</t>
  </si>
  <si>
    <t>16123</t>
  </si>
  <si>
    <t>17.789827346801758</t>
  </si>
  <si>
    <t>1495.3262939453125</t>
  </si>
  <si>
    <t>-0.00636806999126982</t>
  </si>
  <si>
    <t>17.916166305541992</t>
  </si>
  <si>
    <t>1205.2086181640625</t>
  </si>
  <si>
    <t>0.00037206995344263305</t>
  </si>
  <si>
    <t>15127</t>
  </si>
  <si>
    <t>17.79653549194336</t>
  </si>
  <si>
    <t>898.9832153320312</t>
  </si>
  <si>
    <t>-0.0641376673549825</t>
  </si>
  <si>
    <t>17.723939895629883</t>
  </si>
  <si>
    <t>1230.0072021484375</t>
  </si>
  <si>
    <t>0.052789497185772305</t>
  </si>
  <si>
    <t>17.36023712158203</t>
  </si>
  <si>
    <t>844.2508544921875</t>
  </si>
  <si>
    <t>0.049664703636901564</t>
  </si>
  <si>
    <t>USA</t>
  </si>
  <si>
    <t>6.956887722015381</t>
  </si>
  <si>
    <t>469.4244079589844</t>
  </si>
  <si>
    <t>37.425384521484375</t>
  </si>
  <si>
    <t>Aberdeen, SD</t>
  </si>
  <si>
    <t>United States</t>
  </si>
  <si>
    <t>8.146740913391113</t>
  </si>
  <si>
    <t>579.4971313476562</t>
  </si>
  <si>
    <t>-0.014378490448066827</t>
  </si>
  <si>
    <t>29893</t>
  </si>
  <si>
    <t>6.222195148468018</t>
  </si>
  <si>
    <t>475.76959228515625</t>
  </si>
  <si>
    <t>0.020822114447938134</t>
  </si>
  <si>
    <t>30314</t>
  </si>
  <si>
    <t>4.83467960357666</t>
  </si>
  <si>
    <t>612.8920288085938</t>
  </si>
  <si>
    <t>0.013985312734092759</t>
  </si>
  <si>
    <t>6.866640567779541</t>
  </si>
  <si>
    <t>494.61602783203125</t>
  </si>
  <si>
    <t>0.027300896772857186</t>
  </si>
  <si>
    <t>5.965202331542969</t>
  </si>
  <si>
    <t>628.51953125</t>
  </si>
  <si>
    <t>0.014626246560405676</t>
  </si>
  <si>
    <t>4.6707072257995605</t>
  </si>
  <si>
    <t>506.4697265625</t>
  </si>
  <si>
    <t>0.025177028747256358</t>
  </si>
  <si>
    <t>33446</t>
  </si>
  <si>
    <t>6.6123127937316895</t>
  </si>
  <si>
    <t>470.65533447265625</t>
  </si>
  <si>
    <t>0.031218373868947324</t>
  </si>
  <si>
    <t>7.762548923492432</t>
  </si>
  <si>
    <t>598.9650268554688</t>
  </si>
  <si>
    <t>0.031954232414344474</t>
  </si>
  <si>
    <t>7.9282708168029785</t>
  </si>
  <si>
    <t>516.4794921875</t>
  </si>
  <si>
    <t>0.03513925021633035</t>
  </si>
  <si>
    <t>36805</t>
  </si>
  <si>
    <t>6.810412883758545</t>
  </si>
  <si>
    <t>518.4025268554688</t>
  </si>
  <si>
    <t>0.028608024921062736</t>
  </si>
  <si>
    <t>7.347576141357422</t>
  </si>
  <si>
    <t>501.03729248046875</t>
  </si>
  <si>
    <t>-0.00027173913210631895</t>
  </si>
  <si>
    <t>6.618841171264648</t>
  </si>
  <si>
    <t>382.4045715332031</t>
  </si>
  <si>
    <t>0.051897813354912614</t>
  </si>
  <si>
    <t>42308</t>
  </si>
  <si>
    <t>6.539739608764648</t>
  </si>
  <si>
    <t>427.9056091308594</t>
  </si>
  <si>
    <t>0.08771641373233052</t>
  </si>
  <si>
    <t>42043</t>
  </si>
  <si>
    <t>6.837243556976318</t>
  </si>
  <si>
    <t>553.9265747070312</t>
  </si>
  <si>
    <t>-0.006283289394158231</t>
  </si>
  <si>
    <t>8.473319053649902</t>
  </si>
  <si>
    <t>508.47125244140625</t>
  </si>
  <si>
    <t>-0.008263720300917043</t>
  </si>
  <si>
    <t>7.680191516876221</t>
  </si>
  <si>
    <t>367.35406494140625</t>
  </si>
  <si>
    <t>-0.07443455699257129</t>
  </si>
  <si>
    <t>45545</t>
  </si>
  <si>
    <t>7.088322162628174</t>
  </si>
  <si>
    <t>612.2891235351562</t>
  </si>
  <si>
    <t>0.16270622141861324</t>
  </si>
  <si>
    <t>49717</t>
  </si>
  <si>
    <t>5.813257694244385</t>
  </si>
  <si>
    <t>552.748046875</t>
  </si>
  <si>
    <t>0.08764607873313679</t>
  </si>
  <si>
    <t>45873</t>
  </si>
  <si>
    <t>5.771024703979492</t>
  </si>
  <si>
    <t>561.7257080078125</t>
  </si>
  <si>
    <t>-0.08047021823578504</t>
  </si>
  <si>
    <t>45865</t>
  </si>
  <si>
    <t>6.73121452331543</t>
  </si>
  <si>
    <t>612.9835205078125</t>
  </si>
  <si>
    <t>-0.00017440973250515412</t>
  </si>
  <si>
    <t>53985</t>
  </si>
  <si>
    <t>7.247046947479248</t>
  </si>
  <si>
    <t>558.7742919921875</t>
  </si>
  <si>
    <t>0.16300393123748513</t>
  </si>
  <si>
    <t>55314</t>
  </si>
  <si>
    <t>8.366321563720703</t>
  </si>
  <si>
    <t>386.4412841796875</t>
  </si>
  <si>
    <t>0.02431981084540702</t>
  </si>
  <si>
    <t>60842</t>
  </si>
  <si>
    <t>5.5658087730407715</t>
  </si>
  <si>
    <t>647.6464233398438</t>
  </si>
  <si>
    <t>0.09525429891606763</t>
  </si>
  <si>
    <t>58776</t>
  </si>
  <si>
    <t>6.086146831512451</t>
  </si>
  <si>
    <t>495.00054931640625</t>
  </si>
  <si>
    <t>-0.034546731642603135</t>
  </si>
  <si>
    <t>55131</t>
  </si>
  <si>
    <t>7.9247307777404785</t>
  </si>
  <si>
    <t>581.9041137695312</t>
  </si>
  <si>
    <t>-0.06402143693657969</t>
  </si>
  <si>
    <t>53001</t>
  </si>
  <si>
    <t>8.589372634887695</t>
  </si>
  <si>
    <t>559.49755859375</t>
  </si>
  <si>
    <t>-0.03940139008274279</t>
  </si>
  <si>
    <t>49089</t>
  </si>
  <si>
    <t>7.5983099937438965</t>
  </si>
  <si>
    <t>421.69110107421875</t>
  </si>
  <si>
    <t>-0.07667580418378606</t>
  </si>
  <si>
    <t>6.239634037017822</t>
  </si>
  <si>
    <t>555.0328979492188</t>
  </si>
  <si>
    <t>0.06513801750222648</t>
  </si>
  <si>
    <t>51106</t>
  </si>
  <si>
    <t>5.744595050811768</t>
  </si>
  <si>
    <t>754.8570556640625</t>
  </si>
  <si>
    <t>-0.02487108747050648</t>
  </si>
  <si>
    <t>54057</t>
  </si>
  <si>
    <t>7.9979166984558105</t>
  </si>
  <si>
    <t>387.5797119140625</t>
  </si>
  <si>
    <t>0.056137138266199926</t>
  </si>
  <si>
    <t>57192</t>
  </si>
  <si>
    <t>8.05706787109375</t>
  </si>
  <si>
    <t>440.0902404785156</t>
  </si>
  <si>
    <t>0.056374983051762584</t>
  </si>
  <si>
    <t>58090</t>
  </si>
  <si>
    <t>6.83475923538208</t>
  </si>
  <si>
    <t>460.31195068359375</t>
  </si>
  <si>
    <t>0.015579503539891348</t>
  </si>
  <si>
    <t>28787</t>
  </si>
  <si>
    <t>18.096050262451172</t>
  </si>
  <si>
    <t>841.92822265625</t>
  </si>
  <si>
    <t>87.80455780029297</t>
  </si>
  <si>
    <t>Abilene, TX</t>
  </si>
  <si>
    <t>18.164134979248047</t>
  </si>
  <si>
    <t>841.8157348632812</t>
  </si>
  <si>
    <t>-0.014380178875059713</t>
  </si>
  <si>
    <t>17.65349006652832</t>
  </si>
  <si>
    <t>727.864501953125</t>
  </si>
  <si>
    <t>0.02078612886175968</t>
  </si>
  <si>
    <t>29381</t>
  </si>
  <si>
    <t>17.219013214111328</t>
  </si>
  <si>
    <t>573.905029296875</t>
  </si>
  <si>
    <t>0.014018360593114565</t>
  </si>
  <si>
    <t>18.277835845947266</t>
  </si>
  <si>
    <t>624.1401977539062</t>
  </si>
  <si>
    <t>0.02729502221935043</t>
  </si>
  <si>
    <t>657.843017578125</t>
  </si>
  <si>
    <t>0.014630478118526469</t>
  </si>
  <si>
    <t>17.944698333740234</t>
  </si>
  <si>
    <t>598.1141357421875</t>
  </si>
  <si>
    <t>0.025170925563402946</t>
  </si>
  <si>
    <t>32417</t>
  </si>
  <si>
    <t>17.312870025634766</t>
  </si>
  <si>
    <t>755.6842041015625</t>
  </si>
  <si>
    <t>0.03123834372645362</t>
  </si>
  <si>
    <t>18.866369247436523</t>
  </si>
  <si>
    <t>480.51800537109375</t>
  </si>
  <si>
    <t>0.03193666072072432</t>
  </si>
  <si>
    <t>34666</t>
  </si>
  <si>
    <t>18.562606811523438</t>
  </si>
  <si>
    <t>522.5530395507812</t>
  </si>
  <si>
    <t>0.03513974224446592</t>
  </si>
  <si>
    <t>18.12761116027832</t>
  </si>
  <si>
    <t>658.1826782226562</t>
  </si>
  <si>
    <t>0.02860668780605735</t>
  </si>
  <si>
    <t>35662</t>
  </si>
  <si>
    <t>18.1153507232666</t>
  </si>
  <si>
    <t>597.632568359375</t>
  </si>
  <si>
    <t>-0.0002803712133214731</t>
  </si>
  <si>
    <t>36980</t>
  </si>
  <si>
    <t>17.46042823791504</t>
  </si>
  <si>
    <t>697.4055786132812</t>
  </si>
  <si>
    <t>0.03629152984712469</t>
  </si>
  <si>
    <t>18.024276733398438</t>
  </si>
  <si>
    <t>553.0616455078125</t>
  </si>
  <si>
    <t>0.07271048836314797</t>
  </si>
  <si>
    <t>17.943111419677734</t>
  </si>
  <si>
    <t>898.4823608398438</t>
  </si>
  <si>
    <t>0.13909810710003434</t>
  </si>
  <si>
    <t>46786</t>
  </si>
  <si>
    <t>18.545133590698242</t>
  </si>
  <si>
    <t>516.755615234375</t>
  </si>
  <si>
    <t>0.023398191449414796</t>
  </si>
  <si>
    <t>50545</t>
  </si>
  <si>
    <t>18.680269241333008</t>
  </si>
  <si>
    <t>597.016357421875</t>
  </si>
  <si>
    <t>0.07728001573444487</t>
  </si>
  <si>
    <t>53796</t>
  </si>
  <si>
    <t>17.92302703857422</t>
  </si>
  <si>
    <t>785.320556640625</t>
  </si>
  <si>
    <t>0.06233508635528118</t>
  </si>
  <si>
    <t>60200</t>
  </si>
  <si>
    <t>18.271224975585938</t>
  </si>
  <si>
    <t>552.9207153320312</t>
  </si>
  <si>
    <t>0.11247323735347337</t>
  </si>
  <si>
    <t>50979</t>
  </si>
  <si>
    <t>18.164392471313477</t>
  </si>
  <si>
    <t>722.470703125</t>
  </si>
  <si>
    <t>-0.1662585690946976</t>
  </si>
  <si>
    <t>18.202659606933594</t>
  </si>
  <si>
    <t>637.7726440429688</t>
  </si>
  <si>
    <t>0.08215446897473555</t>
  </si>
  <si>
    <t>58951</t>
  </si>
  <si>
    <t>19.624670028686523</t>
  </si>
  <si>
    <t>408.35107421875</t>
  </si>
  <si>
    <t>0.06313833817310055</t>
  </si>
  <si>
    <t>60583</t>
  </si>
  <si>
    <t>19.45075035095215</t>
  </si>
  <si>
    <t>584.0166015625</t>
  </si>
  <si>
    <t>0.02730773529919439</t>
  </si>
  <si>
    <t>61185</t>
  </si>
  <si>
    <t>18.0125789642334</t>
  </si>
  <si>
    <t>486.30194091796875</t>
  </si>
  <si>
    <t>0.00988773577052271</t>
  </si>
  <si>
    <t>59192</t>
  </si>
  <si>
    <t>18.01530647277832</t>
  </si>
  <si>
    <t>464.09112548828125</t>
  </si>
  <si>
    <t>-0.03311566381438169</t>
  </si>
  <si>
    <t>18.62421417236328</t>
  </si>
  <si>
    <t>936.9773559570312</t>
  </si>
  <si>
    <t>-0.19821280042039113</t>
  </si>
  <si>
    <t>19.353422164916992</t>
  </si>
  <si>
    <t>875.68115234375</t>
  </si>
  <si>
    <t>-0.048317557580901394</t>
  </si>
  <si>
    <t>48297</t>
  </si>
  <si>
    <t>18.91815185546875</t>
  </si>
  <si>
    <t>591.0357055664062</t>
  </si>
  <si>
    <t>0.043113407306309526</t>
  </si>
  <si>
    <t>51589</t>
  </si>
  <si>
    <t>18.535343170166016</t>
  </si>
  <si>
    <t>664.2278442382812</t>
  </si>
  <si>
    <t>0.06593902453895417</t>
  </si>
  <si>
    <t>50905</t>
  </si>
  <si>
    <t>18.547494888305664</t>
  </si>
  <si>
    <t>660.0245361328125</t>
  </si>
  <si>
    <t>-0.013347320908062343</t>
  </si>
  <si>
    <t>18.720691680908203</t>
  </si>
  <si>
    <t>485.52069091796875</t>
  </si>
  <si>
    <t>-0.07001069042412134</t>
  </si>
  <si>
    <t>18.351318359375</t>
  </si>
  <si>
    <t>639.4502563476562</t>
  </si>
  <si>
    <t>0.05638324088019431</t>
  </si>
  <si>
    <t>51004</t>
  </si>
  <si>
    <t>19.180646896362305</t>
  </si>
  <si>
    <t>385.4834899902344</t>
  </si>
  <si>
    <t>0.015570360006064377</t>
  </si>
  <si>
    <t>19.966737747192383</t>
  </si>
  <si>
    <t>1127.7188720703125</t>
  </si>
  <si>
    <t>237.74066162109375</t>
  </si>
  <si>
    <t>Albany, GA</t>
  </si>
  <si>
    <t>19.446765899658203</t>
  </si>
  <si>
    <t>1362.5224609375</t>
  </si>
  <si>
    <t>-0.014371822743969531</t>
  </si>
  <si>
    <t>18.79366683959961</t>
  </si>
  <si>
    <t>0.02078919789091671</t>
  </si>
  <si>
    <t>18.393037796020508</t>
  </si>
  <si>
    <t>1149.561767578125</t>
  </si>
  <si>
    <t>0.014041313861749671</t>
  </si>
  <si>
    <t>19.294523239135742</t>
  </si>
  <si>
    <t>1499.765625</t>
  </si>
  <si>
    <t>0.027289304841085382</t>
  </si>
  <si>
    <t>18.88300895690918</t>
  </si>
  <si>
    <t>1171.170654296875</t>
  </si>
  <si>
    <t>0.014609203353840527</t>
  </si>
  <si>
    <t>18.588071823120117</t>
  </si>
  <si>
    <t>1205.9893798828125</t>
  </si>
  <si>
    <t>0.025184265286466</t>
  </si>
  <si>
    <t>29910</t>
  </si>
  <si>
    <t>18.65875816345215</t>
  </si>
  <si>
    <t>1409.333740234375</t>
  </si>
  <si>
    <t>0.03120743564989148</t>
  </si>
  <si>
    <t>19.895692825317383</t>
  </si>
  <si>
    <t>1270.8577880859375</t>
  </si>
  <si>
    <t>0.031980617256815336</t>
  </si>
  <si>
    <t>19.098901748657227</t>
  </si>
  <si>
    <t>1011.14013671875</t>
  </si>
  <si>
    <t>0.03512481717000604</t>
  </si>
  <si>
    <t>18.62592887878418</t>
  </si>
  <si>
    <t>970.5994873046875</t>
  </si>
  <si>
    <t>0.028599792104513355</t>
  </si>
  <si>
    <t>32905</t>
  </si>
  <si>
    <t>19.107709884643555</t>
  </si>
  <si>
    <t>1079.0809326171875</t>
  </si>
  <si>
    <t>-0.0002734772651091788</t>
  </si>
  <si>
    <t>18.759315490722656</t>
  </si>
  <si>
    <t>1123.3201904296875</t>
  </si>
  <si>
    <t>0.016486953611197563</t>
  </si>
  <si>
    <t>34550</t>
  </si>
  <si>
    <t>18.881549835205078</t>
  </si>
  <si>
    <t>1458.3553466796875</t>
  </si>
  <si>
    <t>0.032295974694399376</t>
  </si>
  <si>
    <t>19.25165367126465</t>
  </si>
  <si>
    <t>1130.647216796875</t>
  </si>
  <si>
    <t>0.004188034137833085</t>
  </si>
  <si>
    <t>19.056320190429688</t>
  </si>
  <si>
    <t>1382.27978515625</t>
  </si>
  <si>
    <t>0.012004326995503689</t>
  </si>
  <si>
    <t>35169</t>
  </si>
  <si>
    <t>19.079265594482422</t>
  </si>
  <si>
    <t>915.2247924804688</t>
  </si>
  <si>
    <t>0.0015651014107849193</t>
  </si>
  <si>
    <t>19.21767807006836</t>
  </si>
  <si>
    <t>942.2587890625</t>
  </si>
  <si>
    <t>-0.005302783551496049</t>
  </si>
  <si>
    <t>34092</t>
  </si>
  <si>
    <t>18.932008743286133</t>
  </si>
  <si>
    <t>1135.7830810546875</t>
  </si>
  <si>
    <t>-0.02579947654625414</t>
  </si>
  <si>
    <t>33847</t>
  </si>
  <si>
    <t>18.724885940551758</t>
  </si>
  <si>
    <t>1521.41162109375</t>
  </si>
  <si>
    <t>-0.007212383521775223</t>
  </si>
  <si>
    <t>32898</t>
  </si>
  <si>
    <t>18.55055809020996</t>
  </si>
  <si>
    <t>1014.27880859375</t>
  </si>
  <si>
    <t>-0.02843850348831012</t>
  </si>
  <si>
    <t>19.936017990112305</t>
  </si>
  <si>
    <t>0.00018236527815673753</t>
  </si>
  <si>
    <t>33092</t>
  </si>
  <si>
    <t>20.119705200195312</t>
  </si>
  <si>
    <t>1071.0142822265625</t>
  </si>
  <si>
    <t>0.005697330399813794</t>
  </si>
  <si>
    <t>18.621013641357422</t>
  </si>
  <si>
    <t>1554.25048828125</t>
  </si>
  <si>
    <t>0.00647602377760137</t>
  </si>
  <si>
    <t>33210</t>
  </si>
  <si>
    <t>19.037067413330078</t>
  </si>
  <si>
    <t>1336.33203125</t>
  </si>
  <si>
    <t>-0.0029165497168825993</t>
  </si>
  <si>
    <t>34818</t>
  </si>
  <si>
    <t>20.114713668823242</t>
  </si>
  <si>
    <t>1355.16650390625</t>
  </si>
  <si>
    <t>0.0472834590478719</t>
  </si>
  <si>
    <t>20.78896713256836</t>
  </si>
  <si>
    <t>0.007068987552345973</t>
  </si>
  <si>
    <t>19.91600799560547</t>
  </si>
  <si>
    <t>1308.0408935546875</t>
  </si>
  <si>
    <t>0.014889314918768548</t>
  </si>
  <si>
    <t>36243</t>
  </si>
  <si>
    <t>20.27166175842285</t>
  </si>
  <si>
    <t>1511.3245849609375</t>
  </si>
  <si>
    <t>0.018153462297895828</t>
  </si>
  <si>
    <t>38339</t>
  </si>
  <si>
    <t>20.69565773010254</t>
  </si>
  <si>
    <t>1187.6993408203125</t>
  </si>
  <si>
    <t>0.05622139565135953</t>
  </si>
  <si>
    <t>20.242582321166992</t>
  </si>
  <si>
    <t>1467.1644287109375</t>
  </si>
  <si>
    <t>-0.05641455504985515</t>
  </si>
  <si>
    <t>38338</t>
  </si>
  <si>
    <t>19.513877868652344</t>
  </si>
  <si>
    <t>1416.4197998046875</t>
  </si>
  <si>
    <t>0.05638847160892624</t>
  </si>
  <si>
    <t>20.10005760192871</t>
  </si>
  <si>
    <t>1345.637451171875</t>
  </si>
  <si>
    <t>0.015580428528085832</t>
  </si>
  <si>
    <t>8.594367980957031</t>
  </si>
  <si>
    <t>1268.479736328125</t>
  </si>
  <si>
    <t>616.9052124023438</t>
  </si>
  <si>
    <t>Albany-Schenectady-Amsterdam, NY</t>
  </si>
  <si>
    <t>37081</t>
  </si>
  <si>
    <t>8.945030212402344</t>
  </si>
  <si>
    <t>991.0689086914062</t>
  </si>
  <si>
    <t>-0.014377950198319667</t>
  </si>
  <si>
    <t>7.1633524894714355</t>
  </si>
  <si>
    <t>1022.521240234375</t>
  </si>
  <si>
    <t>0.02081684948296214</t>
  </si>
  <si>
    <t>38395</t>
  </si>
  <si>
    <t>6.651447296142578</t>
  </si>
  <si>
    <t>1110.9080810546875</t>
  </si>
  <si>
    <t>0.014005684249250194</t>
  </si>
  <si>
    <t>8.040950775146484</t>
  </si>
  <si>
    <t>1099.642333984375</t>
  </si>
  <si>
    <t>0.027284228566010427</t>
  </si>
  <si>
    <t>40039</t>
  </si>
  <si>
    <t>7.450353622436523</t>
  </si>
  <si>
    <t>1028.8997802734375</t>
  </si>
  <si>
    <t>0.014642507761648105</t>
  </si>
  <si>
    <t>7.597817897796631</t>
  </si>
  <si>
    <t>1295.54248046875</t>
  </si>
  <si>
    <t>0.025156077581025116</t>
  </si>
  <si>
    <t>42362</t>
  </si>
  <si>
    <t>7.395806789398193</t>
  </si>
  <si>
    <t>1039.381103515625</t>
  </si>
  <si>
    <t>0.031241677280616997</t>
  </si>
  <si>
    <t>8.907413482666016</t>
  </si>
  <si>
    <t>1076.6549072265625</t>
  </si>
  <si>
    <t>0.03194269181898868</t>
  </si>
  <si>
    <t>8.355263710021973</t>
  </si>
  <si>
    <t>964.0753784179688</t>
  </si>
  <si>
    <t>0.03513468150972976</t>
  </si>
  <si>
    <t>7.481632709503174</t>
  </si>
  <si>
    <t>1250.35107421875</t>
  </si>
  <si>
    <t>0.028614722540247328</t>
  </si>
  <si>
    <t>46603</t>
  </si>
  <si>
    <t>8.873971939086914</t>
  </si>
  <si>
    <t>891.7425537109375</t>
  </si>
  <si>
    <t>-0.00027891309892247307</t>
  </si>
  <si>
    <t>47265</t>
  </si>
  <si>
    <t>7.902066707611084</t>
  </si>
  <si>
    <t>1215.6259765625</t>
  </si>
  <si>
    <t>0.014105147135497376</t>
  </si>
  <si>
    <t>48213</t>
  </si>
  <si>
    <t>7.1229567527771</t>
  </si>
  <si>
    <t>1292.1922607421875</t>
  </si>
  <si>
    <t>0.019858630357695972</t>
  </si>
  <si>
    <t>49590</t>
  </si>
  <si>
    <t>7.780262470245361</t>
  </si>
  <si>
    <t>1219.413818359375</t>
  </si>
  <si>
    <t>0.02816050626599953</t>
  </si>
  <si>
    <t>8.702917098999023</t>
  </si>
  <si>
    <t>1216.23876953125</t>
  </si>
  <si>
    <t>0.00831380172727414</t>
  </si>
  <si>
    <t>51704</t>
  </si>
  <si>
    <t>8.820934295654297</t>
  </si>
  <si>
    <t>1248.915771484375</t>
  </si>
  <si>
    <t>0.03343214573227726</t>
  </si>
  <si>
    <t>51548</t>
  </si>
  <si>
    <t>8.07145881652832</t>
  </si>
  <si>
    <t>1141.2412109375</t>
  </si>
  <si>
    <t>-0.003021735534449732</t>
  </si>
  <si>
    <t>52500</t>
  </si>
  <si>
    <t>7.4925713539123535</t>
  </si>
  <si>
    <t>1321.1263427734375</t>
  </si>
  <si>
    <t>0.01829975717143384</t>
  </si>
  <si>
    <t>54304</t>
  </si>
  <si>
    <t>7.8436713218688965</t>
  </si>
  <si>
    <t>1123.2200927734375</t>
  </si>
  <si>
    <t>0.03378471945423733</t>
  </si>
  <si>
    <t>54846</t>
  </si>
  <si>
    <t>8.538808822631836</t>
  </si>
  <si>
    <t>1138.3416748046875</t>
  </si>
  <si>
    <t>0.009931368847921007</t>
  </si>
  <si>
    <t>54437</t>
  </si>
  <si>
    <t>9.110230445861816</t>
  </si>
  <si>
    <t>1430.0355224609375</t>
  </si>
  <si>
    <t>-0.007485188174202406</t>
  </si>
  <si>
    <t>55276</t>
  </si>
  <si>
    <t>9.720380783081055</t>
  </si>
  <si>
    <t>1035.9521484375</t>
  </si>
  <si>
    <t>0.015294748215703535</t>
  </si>
  <si>
    <t>56032</t>
  </si>
  <si>
    <t>7.6659836769104</t>
  </si>
  <si>
    <t>1177.1600341796875</t>
  </si>
  <si>
    <t>0.013584138162203274</t>
  </si>
  <si>
    <t>56803</t>
  </si>
  <si>
    <t>7.415930271148682</t>
  </si>
  <si>
    <t>1161.9119873046875</t>
  </si>
  <si>
    <t>0.013666185130309927</t>
  </si>
  <si>
    <t>8.532084465026855</t>
  </si>
  <si>
    <t>1036.88232421875</t>
  </si>
  <si>
    <t>0.030548107288087323</t>
  </si>
  <si>
    <t>60152</t>
  </si>
  <si>
    <t>9.449891090393066</t>
  </si>
  <si>
    <t>960.3678588867188</t>
  </si>
  <si>
    <t>0.02673744355388763</t>
  </si>
  <si>
    <t>61040</t>
  </si>
  <si>
    <t>8.577778816223145</t>
  </si>
  <si>
    <t>1203.7548828125</t>
  </si>
  <si>
    <t>0.014654694900475107</t>
  </si>
  <si>
    <t>61940</t>
  </si>
  <si>
    <t>8.565871238708496</t>
  </si>
  <si>
    <t>1364.3553466796875</t>
  </si>
  <si>
    <t>0.01463678756885578</t>
  </si>
  <si>
    <t>64096</t>
  </si>
  <si>
    <t>8.66520881652832</t>
  </si>
  <si>
    <t>1202.1871337890625</t>
  </si>
  <si>
    <t>0.034215784938350424</t>
  </si>
  <si>
    <t>9.290729522705078</t>
  </si>
  <si>
    <t>1046.2720947265625</t>
  </si>
  <si>
    <t>-0.03537887630751335</t>
  </si>
  <si>
    <t>65456</t>
  </si>
  <si>
    <t>9.18903636932373</t>
  </si>
  <si>
    <t>1231.9901123046875</t>
  </si>
  <si>
    <t>0.056375078011148716</t>
  </si>
  <si>
    <t>9.268589973449707</t>
  </si>
  <si>
    <t>1136.24267578125</t>
  </si>
  <si>
    <t>0.015583156021820699</t>
  </si>
  <si>
    <t>12.186317443847656</t>
  </si>
  <si>
    <t>364.38873291015625</t>
  </si>
  <si>
    <t>312.2695007324219</t>
  </si>
  <si>
    <t>Albuquerque, NM</t>
  </si>
  <si>
    <t>11.831984519958496</t>
  </si>
  <si>
    <t>379.126953125</t>
  </si>
  <si>
    <t>-0.01438022871962552</t>
  </si>
  <si>
    <t>12.256427764892578</t>
  </si>
  <si>
    <t>333.0713195800781</t>
  </si>
  <si>
    <t>0.020817619609049487</t>
  </si>
  <si>
    <t>38246</t>
  </si>
  <si>
    <t>12.454718589782715</t>
  </si>
  <si>
    <t>267.61065673828125</t>
  </si>
  <si>
    <t>0.014007601336052389</t>
  </si>
  <si>
    <t>39304</t>
  </si>
  <si>
    <t>13.079255104064941</t>
  </si>
  <si>
    <t>364.46258544921875</t>
  </si>
  <si>
    <t>0.027287315225564157</t>
  </si>
  <si>
    <t>13.16384220123291</t>
  </si>
  <si>
    <t>199.17633056640625</t>
  </si>
  <si>
    <t>0.014648946100200178</t>
  </si>
  <si>
    <t>40900</t>
  </si>
  <si>
    <t>13.159992218017578</t>
  </si>
  <si>
    <t>281.1185607910156</t>
  </si>
  <si>
    <t>0.025154822082209094</t>
  </si>
  <si>
    <t>12.076285362243652</t>
  </si>
  <si>
    <t>388.7594909667969</t>
  </si>
  <si>
    <t>0.031242763505179738</t>
  </si>
  <si>
    <t>43568</t>
  </si>
  <si>
    <t>12.601889610290527</t>
  </si>
  <si>
    <t>332.23321533203125</t>
  </si>
  <si>
    <t>0.03195010937746723</t>
  </si>
  <si>
    <t>12.716410636901855</t>
  </si>
  <si>
    <t>317.4962463378906</t>
  </si>
  <si>
    <t>0.03511348072164289</t>
  </si>
  <si>
    <t>12.900769233703613</t>
  </si>
  <si>
    <t>327.709228515625</t>
  </si>
  <si>
    <t>0.028617068574925852</t>
  </si>
  <si>
    <t>13.091995239257812</t>
  </si>
  <si>
    <t>230.8440704345703</t>
  </si>
  <si>
    <t>-0.0002800004325997918</t>
  </si>
  <si>
    <t>12.895041465759277</t>
  </si>
  <si>
    <t>235.42626953125</t>
  </si>
  <si>
    <t>-0.009827982558437753</t>
  </si>
  <si>
    <t>13.043721199035645</t>
  </si>
  <si>
    <t>213.73538208007812</t>
  </si>
  <si>
    <t>0.06150464233881969</t>
  </si>
  <si>
    <t>12.571808815002441</t>
  </si>
  <si>
    <t>341.51055908203125</t>
  </si>
  <si>
    <t>0.08509685419075019</t>
  </si>
  <si>
    <t>13.072497367858887</t>
  </si>
  <si>
    <t>269.0101318359375</t>
  </si>
  <si>
    <t>-0.04491985939000109</t>
  </si>
  <si>
    <t>49517</t>
  </si>
  <si>
    <t>12.720000267028809</t>
  </si>
  <si>
    <t>360.2220153808594</t>
  </si>
  <si>
    <t>-0.027311094418498882</t>
  </si>
  <si>
    <t>47457</t>
  </si>
  <si>
    <t>13.010163307189941</t>
  </si>
  <si>
    <t>279.6449279785156</t>
  </si>
  <si>
    <t>-0.04249200707345224</t>
  </si>
  <si>
    <t>46056</t>
  </si>
  <si>
    <t>12.796011924743652</t>
  </si>
  <si>
    <t>252.82815551757812</t>
  </si>
  <si>
    <t>-0.02996599051104276</t>
  </si>
  <si>
    <t>12.83193588256836</t>
  </si>
  <si>
    <t>273.4296875</t>
  </si>
  <si>
    <t>0.029207121189859464</t>
  </si>
  <si>
    <t>45631</t>
  </si>
  <si>
    <t>12.915528297424316</t>
  </si>
  <si>
    <t>262.68988037109375</t>
  </si>
  <si>
    <t>-0.03847785845766616</t>
  </si>
  <si>
    <t>13.154580116271973</t>
  </si>
  <si>
    <t>191.97286987304688</t>
  </si>
  <si>
    <t>-0.02795613374835959</t>
  </si>
  <si>
    <t>13.398704528808594</t>
  </si>
  <si>
    <t>184.9016876220703</t>
  </si>
  <si>
    <t>-0.007283122757232974</t>
  </si>
  <si>
    <t>12.576393127441406</t>
  </si>
  <si>
    <t>230.57342529296875</t>
  </si>
  <si>
    <t>-0.030891555300391005</t>
  </si>
  <si>
    <t>43687</t>
  </si>
  <si>
    <t>13.376112937927246</t>
  </si>
  <si>
    <t>320.55755615234375</t>
  </si>
  <si>
    <t>0.022594076707500577</t>
  </si>
  <si>
    <t>13.359347343444824</t>
  </si>
  <si>
    <t>427.8403625488281</t>
  </si>
  <si>
    <t>0.01895533457457077</t>
  </si>
  <si>
    <t>45215</t>
  </si>
  <si>
    <t>13.6979398727417</t>
  </si>
  <si>
    <t>282.1739501953125</t>
  </si>
  <si>
    <t>0.01542298061065317</t>
  </si>
  <si>
    <t>14.30575180053711</t>
  </si>
  <si>
    <t>234.6550750732422</t>
  </si>
  <si>
    <t>-0.012955394451209301</t>
  </si>
  <si>
    <t>45152</t>
  </si>
  <si>
    <t>13.612055778503418</t>
  </si>
  <si>
    <t>300.89630126953125</t>
  </si>
  <si>
    <t>0.011561079929169438</t>
  </si>
  <si>
    <t>46139</t>
  </si>
  <si>
    <t>13.098645210266113</t>
  </si>
  <si>
    <t>262.60906982421875</t>
  </si>
  <si>
    <t>0.021624003671719905</t>
  </si>
  <si>
    <t>13.87689208984375</t>
  </si>
  <si>
    <t>173.19508361816406</t>
  </si>
  <si>
    <t>0.007557146126876191</t>
  </si>
  <si>
    <t>13.805603981018066</t>
  </si>
  <si>
    <t>219.3907470703125</t>
  </si>
  <si>
    <t>0.05637297349572101</t>
  </si>
  <si>
    <t>13.420981407165527</t>
  </si>
  <si>
    <t>282.6478271484375</t>
  </si>
  <si>
    <t>0.015573936451270143</t>
  </si>
  <si>
    <t>27397</t>
  </si>
  <si>
    <t>6.307952880859375</t>
  </si>
  <si>
    <t>785.54833984375</t>
  </si>
  <si>
    <t>117.32406616210938</t>
  </si>
  <si>
    <t>Alpena, MI</t>
  </si>
  <si>
    <t>7.165839672088623</t>
  </si>
  <si>
    <t>843.6239624023438</t>
  </si>
  <si>
    <t>-0.014374454809715331</t>
  </si>
  <si>
    <t>5.370018482208252</t>
  </si>
  <si>
    <t>807.3027954101562</t>
  </si>
  <si>
    <t>0.020777969505232363</t>
  </si>
  <si>
    <t>27963</t>
  </si>
  <si>
    <t>4.81211519241333</t>
  </si>
  <si>
    <t>764.48388671875</t>
  </si>
  <si>
    <t>0.014045174703047891</t>
  </si>
  <si>
    <t>28736</t>
  </si>
  <si>
    <t>6.288517475128174</t>
  </si>
  <si>
    <t>704.9572143554688</t>
  </si>
  <si>
    <t>0.02726848437265872</t>
  </si>
  <si>
    <t>5.618976593017578</t>
  </si>
  <si>
    <t>841.7967529296875</t>
  </si>
  <si>
    <t>5.177295207977295</t>
  </si>
  <si>
    <t>849.0493774414062</t>
  </si>
  <si>
    <t>0.025160902671180096</t>
  </si>
  <si>
    <t>5.732330322265625</t>
  </si>
  <si>
    <t>665.973388671875</t>
  </si>
  <si>
    <t>0.03124276826011574</t>
  </si>
  <si>
    <t>31853</t>
  </si>
  <si>
    <t>7.6719279289245605</t>
  </si>
  <si>
    <t>747.34228515625</t>
  </si>
  <si>
    <t>0.031929991033440075</t>
  </si>
  <si>
    <t>7.054443836212158</t>
  </si>
  <si>
    <t>679.9298706054688</t>
  </si>
  <si>
    <t>0.03513353872935632</t>
  </si>
  <si>
    <t>6.238927841186523</t>
  </si>
  <si>
    <t>710.5531005859375</t>
  </si>
  <si>
    <t>0.028623746170156394</t>
  </si>
  <si>
    <t>7.3164520263671875</t>
  </si>
  <si>
    <t>812.5491333007812</t>
  </si>
  <si>
    <t>-0.00029459419862476466</t>
  </si>
  <si>
    <t>6.198119640350342</t>
  </si>
  <si>
    <t>827.0258178710938</t>
  </si>
  <si>
    <t>-0.06020301064798872</t>
  </si>
  <si>
    <t>5.60806131362915</t>
  </si>
  <si>
    <t>785.634765625</t>
  </si>
  <si>
    <t>0.007637313264654111</t>
  </si>
  <si>
    <t>32758</t>
  </si>
  <si>
    <t>6.230731964111328</t>
  </si>
  <si>
    <t>816.4449462890625</t>
  </si>
  <si>
    <t>0.01711864463744206</t>
  </si>
  <si>
    <t>32897</t>
  </si>
  <si>
    <t>7.330703258514404</t>
  </si>
  <si>
    <t>729.4788208007812</t>
  </si>
  <si>
    <t>0.0042342611431607224</t>
  </si>
  <si>
    <t>33338</t>
  </si>
  <si>
    <t>7.018986225128174</t>
  </si>
  <si>
    <t>772.735595703125</t>
  </si>
  <si>
    <t>0.013316419317547457</t>
  </si>
  <si>
    <t>32838</t>
  </si>
  <si>
    <t>6.715805530548096</t>
  </si>
  <si>
    <t>761.1140747070312</t>
  </si>
  <si>
    <t>-0.015111506131059826</t>
  </si>
  <si>
    <t>5.348315715789795</t>
  </si>
  <si>
    <t>777.1295776367188</t>
  </si>
  <si>
    <t>-0.04029809458711142</t>
  </si>
  <si>
    <t>6.110586643218994</t>
  </si>
  <si>
    <t>764.8930053710938</t>
  </si>
  <si>
    <t>-0.018915287672120584</t>
  </si>
  <si>
    <t>7.354226589202881</t>
  </si>
  <si>
    <t>795.2022094726562</t>
  </si>
  <si>
    <t>0.0288841389592136</t>
  </si>
  <si>
    <t>7.2490620613098145</t>
  </si>
  <si>
    <t>899.8231201171875</t>
  </si>
  <si>
    <t>0.011299202554148735</t>
  </si>
  <si>
    <t>8.122556686401367</t>
  </si>
  <si>
    <t>778.6340942382812</t>
  </si>
  <si>
    <t>-0.0073205628859227545</t>
  </si>
  <si>
    <t>32593</t>
  </si>
  <si>
    <t>5.567808628082275</t>
  </si>
  <si>
    <t>924.1806030273438</t>
  </si>
  <si>
    <t>0.018861763631754513</t>
  </si>
  <si>
    <t>5.188033103942871</t>
  </si>
  <si>
    <t>842.8942260742188</t>
  </si>
  <si>
    <t>0.005354888027243376</t>
  </si>
  <si>
    <t>6.775712490081787</t>
  </si>
  <si>
    <t>747.3643188476562</t>
  </si>
  <si>
    <t>0.03740797024076947</t>
  </si>
  <si>
    <t>7.886531829833984</t>
  </si>
  <si>
    <t>895.8295288085938</t>
  </si>
  <si>
    <t>0.024422266441678886</t>
  </si>
  <si>
    <t>7.033573150634766</t>
  </si>
  <si>
    <t>912.0468139648438</t>
  </si>
  <si>
    <t>0.024735993229597852</t>
  </si>
  <si>
    <t>6.560240268707275</t>
  </si>
  <si>
    <t>944.8521118164062</t>
  </si>
  <si>
    <t>0.010855754329261558</t>
  </si>
  <si>
    <t>6.759628772735596</t>
  </si>
  <si>
    <t>1076.5909423828125</t>
  </si>
  <si>
    <t>0.028035520255411228</t>
  </si>
  <si>
    <t>34891</t>
  </si>
  <si>
    <t>7.462550640106201</t>
  </si>
  <si>
    <t>898.95654296875</t>
  </si>
  <si>
    <t>-0.06268101761821576</t>
  </si>
  <si>
    <t>7.543069362640381</t>
  </si>
  <si>
    <t>759.3868408203125</t>
  </si>
  <si>
    <t>0.056389056215582656</t>
  </si>
  <si>
    <t>37495</t>
  </si>
  <si>
    <t>7.523748874664307</t>
  </si>
  <si>
    <t>890.65185546875</t>
  </si>
  <si>
    <t>0.015589618242223935</t>
  </si>
  <si>
    <t>2598</t>
  </si>
  <si>
    <t>14.156292915344238</t>
  </si>
  <si>
    <t>455.1242370605469</t>
  </si>
  <si>
    <t>188.6724853515625</t>
  </si>
  <si>
    <t>Amarillo, TX</t>
  </si>
  <si>
    <t>14.488635063171387</t>
  </si>
  <si>
    <t>549.3073120117188</t>
  </si>
  <si>
    <t>-0.014377494106753375</t>
  </si>
  <si>
    <t>38919</t>
  </si>
  <si>
    <t>13.739452362060547</t>
  </si>
  <si>
    <t>503.3202819824219</t>
  </si>
  <si>
    <t>0.020795951744533525</t>
  </si>
  <si>
    <t>39469</t>
  </si>
  <si>
    <t>13.54433536529541</t>
  </si>
  <si>
    <t>477.9692077636719</t>
  </si>
  <si>
    <t>0.014032990398817446</t>
  </si>
  <si>
    <t>14.608820915222168</t>
  </si>
  <si>
    <t>462.96942138671875</t>
  </si>
  <si>
    <t>0.027291460155547398</t>
  </si>
  <si>
    <t>41159</t>
  </si>
  <si>
    <t>13.933394432067871</t>
  </si>
  <si>
    <t>489.00091552734375</t>
  </si>
  <si>
    <t>0.014635601426901346</t>
  </si>
  <si>
    <t>14.078776359558105</t>
  </si>
  <si>
    <t>585.7837524414062</t>
  </si>
  <si>
    <t>0.025143468824934345</t>
  </si>
  <si>
    <t>13.482407569885254</t>
  </si>
  <si>
    <t>563.9127197265625</t>
  </si>
  <si>
    <t>0.03125473052500993</t>
  </si>
  <si>
    <t>44960</t>
  </si>
  <si>
    <t>14.911202430725098</t>
  </si>
  <si>
    <t>490.8843688964844</t>
  </si>
  <si>
    <t>0.031932390997239324</t>
  </si>
  <si>
    <t>46568</t>
  </si>
  <si>
    <t>14.610549926757812</t>
  </si>
  <si>
    <t>474.8355712890625</t>
  </si>
  <si>
    <t>0.035140404384000234</t>
  </si>
  <si>
    <t>47920</t>
  </si>
  <si>
    <t>14.348542213439941</t>
  </si>
  <si>
    <t>497.09271240234375</t>
  </si>
  <si>
    <t>0.028619343837759104</t>
  </si>
  <si>
    <t>14.682266235351562</t>
  </si>
  <si>
    <t>406.58929443359375</t>
  </si>
  <si>
    <t>-0.0002921962744899531</t>
  </si>
  <si>
    <t>13.99509048461914</t>
  </si>
  <si>
    <t>433.48883056640625</t>
  </si>
  <si>
    <t>-0.025303891939785217</t>
  </si>
  <si>
    <t>14.427573204040527</t>
  </si>
  <si>
    <t>401.5521545410156</t>
  </si>
  <si>
    <t>0.07866993337487216</t>
  </si>
  <si>
    <t>53714</t>
  </si>
  <si>
    <t>14.293124198913574</t>
  </si>
  <si>
    <t>664.3460083007812</t>
  </si>
  <si>
    <t>0.06106687620370721</t>
  </si>
  <si>
    <t>14.978949546813965</t>
  </si>
  <si>
    <t>456.8460998535156</t>
  </si>
  <si>
    <t>0.08326543136000097</t>
  </si>
  <si>
    <t>61845</t>
  </si>
  <si>
    <t>14.745646476745605</t>
  </si>
  <si>
    <t>500.19781494140625</t>
  </si>
  <si>
    <t>0.05769214829547309</t>
  </si>
  <si>
    <t>68397</t>
  </si>
  <si>
    <t>14.468582153320312</t>
  </si>
  <si>
    <t>471.6002197265625</t>
  </si>
  <si>
    <t>0.10069770919054655</t>
  </si>
  <si>
    <t>76811</t>
  </si>
  <si>
    <t>14.537041664123535</t>
  </si>
  <si>
    <t>477.6338195800781</t>
  </si>
  <si>
    <t>0.1160188950464569</t>
  </si>
  <si>
    <t>63640</t>
  </si>
  <si>
    <t>14.309374809265137</t>
  </si>
  <si>
    <t>476.3597717285156</t>
  </si>
  <si>
    <t>-0.18810565559438963</t>
  </si>
  <si>
    <t>67225</t>
  </si>
  <si>
    <t>14.661925315856934</t>
  </si>
  <si>
    <t>501.26629638671875</t>
  </si>
  <si>
    <t>0.05480299868534111</t>
  </si>
  <si>
    <t>70621</t>
  </si>
  <si>
    <t>15.504105567932129</t>
  </si>
  <si>
    <t>246.05625915527344</t>
  </si>
  <si>
    <t>0.04928234853959168</t>
  </si>
  <si>
    <t>68610</t>
  </si>
  <si>
    <t>15.941847801208496</t>
  </si>
  <si>
    <t>322.57940673828125</t>
  </si>
  <si>
    <t>-0.0288892539917196</t>
  </si>
  <si>
    <t>77510</t>
  </si>
  <si>
    <t>14.335674285888672</t>
  </si>
  <si>
    <t>392.6602478027344</t>
  </si>
  <si>
    <t>0.12196866359061964</t>
  </si>
  <si>
    <t>85070</t>
  </si>
  <si>
    <t>14.40224838256836</t>
  </si>
  <si>
    <t>494.1538391113281</t>
  </si>
  <si>
    <t>0.09306748669437326</t>
  </si>
  <si>
    <t>73847</t>
  </si>
  <si>
    <t>15.069502830505371</t>
  </si>
  <si>
    <t>721.9789428710938</t>
  </si>
  <si>
    <t>-0.14147906171976032</t>
  </si>
  <si>
    <t>70181</t>
  </si>
  <si>
    <t>15.673943519592285</t>
  </si>
  <si>
    <t>524.1649169921875</t>
  </si>
  <si>
    <t>-0.05091776614066923</t>
  </si>
  <si>
    <t>72191</t>
  </si>
  <si>
    <t>15.396346092224121</t>
  </si>
  <si>
    <t>525.6133422851562</t>
  </si>
  <si>
    <t>0.02823776526188304</t>
  </si>
  <si>
    <t>74183</t>
  </si>
  <si>
    <t>14.876808166503906</t>
  </si>
  <si>
    <t>473.4624328613281</t>
  </si>
  <si>
    <t>0.02721962902213626</t>
  </si>
  <si>
    <t>73336</t>
  </si>
  <si>
    <t>14.593899726867676</t>
  </si>
  <si>
    <t>503.0921936035156</t>
  </si>
  <si>
    <t>-0.011483392751907573</t>
  </si>
  <si>
    <t>63553</t>
  </si>
  <si>
    <t>15.114886283874512</t>
  </si>
  <si>
    <t>349.18060302734375</t>
  </si>
  <si>
    <t>-0.1431774172145417</t>
  </si>
  <si>
    <t>67239</t>
  </si>
  <si>
    <t>14.919232368469238</t>
  </si>
  <si>
    <t>424.4053039550781</t>
  </si>
  <si>
    <t>0.05637923288495017</t>
  </si>
  <si>
    <t>68295</t>
  </si>
  <si>
    <t>15.088522911071777</t>
  </si>
  <si>
    <t>364.8028869628906</t>
  </si>
  <si>
    <t>0.015583121124972621</t>
  </si>
  <si>
    <t>49390</t>
  </si>
  <si>
    <t>0.5164008140563965</t>
  </si>
  <si>
    <t>841.085205078125</t>
  </si>
  <si>
    <t>495.2773742675781</t>
  </si>
  <si>
    <t>Anchorage, AK</t>
  </si>
  <si>
    <t>48684</t>
  </si>
  <si>
    <t>1.6519880294799805</t>
  </si>
  <si>
    <t>917.453857421875</t>
  </si>
  <si>
    <t>-0.01439754054022302</t>
  </si>
  <si>
    <t>49708</t>
  </si>
  <si>
    <t>0.4031932055950165</t>
  </si>
  <si>
    <t>840.822265625</t>
  </si>
  <si>
    <t>0.020815451931436968</t>
  </si>
  <si>
    <t>2.8829782009124756</t>
  </si>
  <si>
    <t>822.6912841796875</t>
  </si>
  <si>
    <t>0.014003844620166461</t>
  </si>
  <si>
    <t>0.8773069977760315</t>
  </si>
  <si>
    <t>777.795654296875</t>
  </si>
  <si>
    <t>0.027297635797426167</t>
  </si>
  <si>
    <t>52568</t>
  </si>
  <si>
    <t>1.116612434387207</t>
  </si>
  <si>
    <t>672.6265258789062</t>
  </si>
  <si>
    <t>0.01464020323422588</t>
  </si>
  <si>
    <t>53907</t>
  </si>
  <si>
    <t>0.00797539483755827</t>
  </si>
  <si>
    <t>704.8745727539062</t>
  </si>
  <si>
    <t>0.02515277001685945</t>
  </si>
  <si>
    <t>55618</t>
  </si>
  <si>
    <t>1.979628086090088</t>
  </si>
  <si>
    <t>732.8673706054688</t>
  </si>
  <si>
    <t>0.031246550258492434</t>
  </si>
  <si>
    <t>57423</t>
  </si>
  <si>
    <t>1.5332427024841309</t>
  </si>
  <si>
    <t>715.7877807617188</t>
  </si>
  <si>
    <t>0.03193803006116447</t>
  </si>
  <si>
    <t>59476</t>
  </si>
  <si>
    <t>-0.149923637509346</t>
  </si>
  <si>
    <t>860.7049560546875</t>
  </si>
  <si>
    <t>0.03512794990289336</t>
  </si>
  <si>
    <t>2.5536386966705322</t>
  </si>
  <si>
    <t>757.7403564453125</t>
  </si>
  <si>
    <t>0.028623338089724726</t>
  </si>
  <si>
    <t>61186</t>
  </si>
  <si>
    <t>1.1928554773330688</t>
  </si>
  <si>
    <t>756.6618041992188</t>
  </si>
  <si>
    <t>-0.00027780274549549233</t>
  </si>
  <si>
    <t>61852</t>
  </si>
  <si>
    <t>2.4250407218933105</t>
  </si>
  <si>
    <t>750.16650390625</t>
  </si>
  <si>
    <t>0.01082602943397859</t>
  </si>
  <si>
    <t>64496</t>
  </si>
  <si>
    <t>1.6164804697036743</t>
  </si>
  <si>
    <t>784.4459228515625</t>
  </si>
  <si>
    <t>0.041858771761626556</t>
  </si>
  <si>
    <t>67989</t>
  </si>
  <si>
    <t>2.6456804275512695</t>
  </si>
  <si>
    <t>793.5111083984375</t>
  </si>
  <si>
    <t>0.05274272101009281</t>
  </si>
  <si>
    <t>74075</t>
  </si>
  <si>
    <t>2.066781759262085</t>
  </si>
  <si>
    <t>765.2317504882812</t>
  </si>
  <si>
    <t>0.08573216607472567</t>
  </si>
  <si>
    <t>79238</t>
  </si>
  <si>
    <t>1.0489474534988403</t>
  </si>
  <si>
    <t>797.3089599609375</t>
  </si>
  <si>
    <t>0.06737788827430258</t>
  </si>
  <si>
    <t>84534</t>
  </si>
  <si>
    <t>1.1532647609710693</t>
  </si>
  <si>
    <t>759.6275024414062</t>
  </si>
  <si>
    <t>0.06469783856526234</t>
  </si>
  <si>
    <t>91945</t>
  </si>
  <si>
    <t>0.20156192779541016</t>
  </si>
  <si>
    <t>799.0853271484375</t>
  </si>
  <si>
    <t>0.08403675189362225</t>
  </si>
  <si>
    <t>81421</t>
  </si>
  <si>
    <t>1.2329403162002563</t>
  </si>
  <si>
    <t>669.4075927734375</t>
  </si>
  <si>
    <t>-0.12155734719881117</t>
  </si>
  <si>
    <t>84177</t>
  </si>
  <si>
    <t>1.6280161142349243</t>
  </si>
  <si>
    <t>772.619873046875</t>
  </si>
  <si>
    <t>0.03328849979462767</t>
  </si>
  <si>
    <t>86769</t>
  </si>
  <si>
    <t>0.12247681617736816</t>
  </si>
  <si>
    <t>802.2826538085938</t>
  </si>
  <si>
    <t>0.030327690229830395</t>
  </si>
  <si>
    <t>86282</t>
  </si>
  <si>
    <t>0.5550696849822998</t>
  </si>
  <si>
    <t>821.5927124023438</t>
  </si>
  <si>
    <t>-0.005628413423098166</t>
  </si>
  <si>
    <t>82448</t>
  </si>
  <si>
    <t>2.008439302444458</t>
  </si>
  <si>
    <t>851.2023315429688</t>
  </si>
  <si>
    <t>-0.0454532100094962</t>
  </si>
  <si>
    <t>79595</t>
  </si>
  <si>
    <t>2.4344727993011475</t>
  </si>
  <si>
    <t>748.8211669921875</t>
  </si>
  <si>
    <t>-0.03521651477876908</t>
  </si>
  <si>
    <t>71359</t>
  </si>
  <si>
    <t>3.195305109024048</t>
  </si>
  <si>
    <t>811.4827270507812</t>
  </si>
  <si>
    <t>-0.10922780208644944</t>
  </si>
  <si>
    <t>68877</t>
  </si>
  <si>
    <t>3.1293890476226807</t>
  </si>
  <si>
    <t>774.8256225585938</t>
  </si>
  <si>
    <t>-0.035401169556646295</t>
  </si>
  <si>
    <t>70409</t>
  </si>
  <si>
    <t>2.1564745903015137</t>
  </si>
  <si>
    <t>775.6876831054688</t>
  </si>
  <si>
    <t>0.021998790738130936</t>
  </si>
  <si>
    <t>72421</t>
  </si>
  <si>
    <t>2.6979291439056396</t>
  </si>
  <si>
    <t>794.682373046875</t>
  </si>
  <si>
    <t>0.028175216680264015</t>
  </si>
  <si>
    <t>71658</t>
  </si>
  <si>
    <t>2.9078409671783447</t>
  </si>
  <si>
    <t>756.350341796875</t>
  </si>
  <si>
    <t>-0.010591510668053417</t>
  </si>
  <si>
    <t>65708</t>
  </si>
  <si>
    <t>1.9102087020874023</t>
  </si>
  <si>
    <t>820.97119140625</t>
  </si>
  <si>
    <t>-0.08668411823539124</t>
  </si>
  <si>
    <t>0.4702540338039398</t>
  </si>
  <si>
    <t>789.9235229492188</t>
  </si>
  <si>
    <t>0.05637941282489933</t>
  </si>
  <si>
    <t>70610</t>
  </si>
  <si>
    <t>2.4239308834075928</t>
  </si>
  <si>
    <t>895.2025756835938</t>
  </si>
  <si>
    <t>0.01557168102440265</t>
  </si>
  <si>
    <t>38826</t>
  </si>
  <si>
    <t>7.057210922241211</t>
  </si>
  <si>
    <t>878.7631225585938</t>
  </si>
  <si>
    <t>373.6031799316406</t>
  </si>
  <si>
    <t>Appleton-Oshkosh-Neenah, WI</t>
  </si>
  <si>
    <t>38272</t>
  </si>
  <si>
    <t>7.810941696166992</t>
  </si>
  <si>
    <t>859.626220703125</t>
  </si>
  <si>
    <t>-0.014371566975016847</t>
  </si>
  <si>
    <t>39076</t>
  </si>
  <si>
    <t>6.442047119140625</t>
  </si>
  <si>
    <t>803.713134765625</t>
  </si>
  <si>
    <t>0.02078990946252901</t>
  </si>
  <si>
    <t>5.833226680755615</t>
  </si>
  <si>
    <t>874.5125732421875</t>
  </si>
  <si>
    <t>0.014027471320087415</t>
  </si>
  <si>
    <t>7.532020092010498</t>
  </si>
  <si>
    <t>707.2487182617188</t>
  </si>
  <si>
    <t>0.02728166013416633</t>
  </si>
  <si>
    <t>41325</t>
  </si>
  <si>
    <t>6.613342761993408</t>
  </si>
  <si>
    <t>852.8648681640625</t>
  </si>
  <si>
    <t>0.014650044462138467</t>
  </si>
  <si>
    <t>42377</t>
  </si>
  <si>
    <t>5.537673473358154</t>
  </si>
  <si>
    <t>729.128173828125</t>
  </si>
  <si>
    <t>0.025138118519871355</t>
  </si>
  <si>
    <t>43722</t>
  </si>
  <si>
    <t>6.617042064666748</t>
  </si>
  <si>
    <t>711.531494140625</t>
  </si>
  <si>
    <t>0.03124564568924093</t>
  </si>
  <si>
    <t>8.39937686920166</t>
  </si>
  <si>
    <t>784.1373901367188</t>
  </si>
  <si>
    <t>0.03196166909336462</t>
  </si>
  <si>
    <t>46756</t>
  </si>
  <si>
    <t>8.014470100402832</t>
  </si>
  <si>
    <t>712.3799438476562</t>
  </si>
  <si>
    <t>0.03512951273595988</t>
  </si>
  <si>
    <t>7.189553737640381</t>
  </si>
  <si>
    <t>861.3546142578125</t>
  </si>
  <si>
    <t>0.028609821120030077</t>
  </si>
  <si>
    <t>48099</t>
  </si>
  <si>
    <t>8.023882865905762</t>
  </si>
  <si>
    <t>784.55712890625</t>
  </si>
  <si>
    <t>-0.0002910239907443213</t>
  </si>
  <si>
    <t>7.040689945220947</t>
  </si>
  <si>
    <t>796.2667846679688</t>
  </si>
  <si>
    <t>0.020903100252022355</t>
  </si>
  <si>
    <t>49495</t>
  </si>
  <si>
    <t>6.6164374351501465</t>
  </si>
  <si>
    <t>748.0750732421875</t>
  </si>
  <si>
    <t>0.007707167244937807</t>
  </si>
  <si>
    <t>7.306964874267578</t>
  </si>
  <si>
    <t>846.89013671875</t>
  </si>
  <si>
    <t>0.017583662873670747</t>
  </si>
  <si>
    <t>50589</t>
  </si>
  <si>
    <t>8.3828706741333</t>
  </si>
  <si>
    <t>684.5972900390625</t>
  </si>
  <si>
    <t>0.004278844110716662</t>
  </si>
  <si>
    <t>51269</t>
  </si>
  <si>
    <t>8.001297950744629</t>
  </si>
  <si>
    <t>764.2103881835938</t>
  </si>
  <si>
    <t>0.013352119665656303</t>
  </si>
  <si>
    <t>50961</t>
  </si>
  <si>
    <t>7.586747646331787</t>
  </si>
  <si>
    <t>791.7579956054688</t>
  </si>
  <si>
    <t>-0.006025646716530275</t>
  </si>
  <si>
    <t>50132</t>
  </si>
  <si>
    <t>6.091345310211182</t>
  </si>
  <si>
    <t>783.8151245117188</t>
  </si>
  <si>
    <t>-0.016401107556008654</t>
  </si>
  <si>
    <t>49693</t>
  </si>
  <si>
    <t>6.846561908721924</t>
  </si>
  <si>
    <t>749.7794799804688</t>
  </si>
  <si>
    <t>-0.008795448636712777</t>
  </si>
  <si>
    <t>7.942958831787109</t>
  </si>
  <si>
    <t>917.88232421875</t>
  </si>
  <si>
    <t>0.026686781767043755</t>
  </si>
  <si>
    <t>51558</t>
  </si>
  <si>
    <t>8.017060279846191</t>
  </si>
  <si>
    <t>815.8047485351562</t>
  </si>
  <si>
    <t>0.010156527679534122</t>
  </si>
  <si>
    <t>9.17821216583252</t>
  </si>
  <si>
    <t>757.6106567382812</t>
  </si>
  <si>
    <t>0.026149534621023207</t>
  </si>
  <si>
    <t>52434</t>
  </si>
  <si>
    <t>5.911889553070068</t>
  </si>
  <si>
    <t>940.7724609375</t>
  </si>
  <si>
    <t>-0.00930168630670103</t>
  </si>
  <si>
    <t>54329</t>
  </si>
  <si>
    <t>6.053493499755859</t>
  </si>
  <si>
    <t>883.2839965820312</t>
  </si>
  <si>
    <t>0.03550291848339526</t>
  </si>
  <si>
    <t>55989</t>
  </si>
  <si>
    <t>7.908228397369385</t>
  </si>
  <si>
    <t>849.6447143554688</t>
  </si>
  <si>
    <t>0.03009708851224424</t>
  </si>
  <si>
    <t>56964</t>
  </si>
  <si>
    <t>8.985169410705566</t>
  </si>
  <si>
    <t>971.853759765625</t>
  </si>
  <si>
    <t>0.017264246488078783</t>
  </si>
  <si>
    <t>8.141744613647461</t>
  </si>
  <si>
    <t>875.1131591796875</t>
  </si>
  <si>
    <t>-0.01183153182678609</t>
  </si>
  <si>
    <t>57417</t>
  </si>
  <si>
    <t>7.142574310302734</t>
  </si>
  <si>
    <t>1074.31982421875</t>
  </si>
  <si>
    <t>0.01975246919365148</t>
  </si>
  <si>
    <t>7.307580471038818</t>
  </si>
  <si>
    <t>1157.9903564453125</t>
  </si>
  <si>
    <t>0.0186179491076377</t>
  </si>
  <si>
    <t>8.178786277770996</t>
  </si>
  <si>
    <t>927.1372680664062</t>
  </si>
  <si>
    <t>-0.04993020791903291</t>
  </si>
  <si>
    <t>58875</t>
  </si>
  <si>
    <t>8.30685043334961</t>
  </si>
  <si>
    <t>671.1041259765625</t>
  </si>
  <si>
    <t>0.056388384423931015</t>
  </si>
  <si>
    <t>59799</t>
  </si>
  <si>
    <t>7.891048908233643</t>
  </si>
  <si>
    <t>902.2418823242188</t>
  </si>
  <si>
    <t>0.015572386072156164</t>
  </si>
  <si>
    <t>12.698505401611328</t>
  </si>
  <si>
    <t>1473.631591796875</t>
  </si>
  <si>
    <t>173.76010131835938</t>
  </si>
  <si>
    <t>Asheville-Brevard, NC</t>
  </si>
  <si>
    <t>27526</t>
  </si>
  <si>
    <t>12.46889877319336</t>
  </si>
  <si>
    <t>1399.467529296875</t>
  </si>
  <si>
    <t>-0.014391332397924117</t>
  </si>
  <si>
    <t>11.49832820892334</t>
  </si>
  <si>
    <t>1514.657958984375</t>
  </si>
  <si>
    <t>0.02081648389669688</t>
  </si>
  <si>
    <t>28502</t>
  </si>
  <si>
    <t>11.260085105895996</t>
  </si>
  <si>
    <t>1188.2694091796875</t>
  </si>
  <si>
    <t>0.014026763796982422</t>
  </si>
  <si>
    <t>29290</t>
  </si>
  <si>
    <t>12.161446571350098</t>
  </si>
  <si>
    <t>1618.941162109375</t>
  </si>
  <si>
    <t>0.02727190058862128</t>
  </si>
  <si>
    <t>11.662671089172363</t>
  </si>
  <si>
    <t>1447.2939453125</t>
  </si>
  <si>
    <t>0.014641351496736732</t>
  </si>
  <si>
    <t>30479</t>
  </si>
  <si>
    <t>11.411925315856934</t>
  </si>
  <si>
    <t>1423.1978759765625</t>
  </si>
  <si>
    <t>0.02515040954490999</t>
  </si>
  <si>
    <t>11.325486183166504</t>
  </si>
  <si>
    <t>1421.4342041015625</t>
  </si>
  <si>
    <t>0.031233867166795548</t>
  </si>
  <si>
    <t>12.743732452392578</t>
  </si>
  <si>
    <t>1313.111572265625</t>
  </si>
  <si>
    <t>0.03195239982004239</t>
  </si>
  <si>
    <t>11.930523872375488</t>
  </si>
  <si>
    <t>1123.4722900390625</t>
  </si>
  <si>
    <t>0.03513486440492386</t>
  </si>
  <si>
    <t>34604</t>
  </si>
  <si>
    <t>11.450614929199219</t>
  </si>
  <si>
    <t>1089.8974609375</t>
  </si>
  <si>
    <t>0.028610229045078484</t>
  </si>
  <si>
    <t>34595</t>
  </si>
  <si>
    <t>12.127482414245605</t>
  </si>
  <si>
    <t>1189.423095703125</t>
  </si>
  <si>
    <t>-0.0002601193673541502</t>
  </si>
  <si>
    <t>11.817797660827637</t>
  </si>
  <si>
    <t>1275.29638671875</t>
  </si>
  <si>
    <t>0.027933981025141108</t>
  </si>
  <si>
    <t>11.684918403625488</t>
  </si>
  <si>
    <t>1650.5986328125</t>
  </si>
  <si>
    <t>-0.009518098207477621</t>
  </si>
  <si>
    <t>12.241645812988281</t>
  </si>
  <si>
    <t>1454.9674072265625</t>
  </si>
  <si>
    <t>0.011203255185396443</t>
  </si>
  <si>
    <t>12.085586547851562</t>
  </si>
  <si>
    <t>1306.1929931640625</t>
  </si>
  <si>
    <t>0.008188634831602926</t>
  </si>
  <si>
    <t>12.075515747070312</t>
  </si>
  <si>
    <t>1243.182373046875</t>
  </si>
  <si>
    <t>0.02455139880332524</t>
  </si>
  <si>
    <t>12.421307563781738</t>
  </si>
  <si>
    <t>873.4801635742188</t>
  </si>
  <si>
    <t>-0.02485761357362115</t>
  </si>
  <si>
    <t>11.828838348388672</t>
  </si>
  <si>
    <t>1127.5198974609375</t>
  </si>
  <si>
    <t>-0.012523452229610044</t>
  </si>
  <si>
    <t>11.547404289245605</t>
  </si>
  <si>
    <t>1678.3768310546875</t>
  </si>
  <si>
    <t>-0.02567208845521307</t>
  </si>
  <si>
    <t>11.759906768798828</t>
  </si>
  <si>
    <t>1153.2650146484375</t>
  </si>
  <si>
    <t>0.02795310491852554</t>
  </si>
  <si>
    <t>35305</t>
  </si>
  <si>
    <t>12.930399894714355</t>
  </si>
  <si>
    <t>1453.732666015625</t>
  </si>
  <si>
    <t>-0.006943688280532712</t>
  </si>
  <si>
    <t>13.06147289276123</t>
  </si>
  <si>
    <t>1300.934814453125</t>
  </si>
  <si>
    <t>-0.015701150415861065</t>
  </si>
  <si>
    <t>11.186931610107422</t>
  </si>
  <si>
    <t>1783.0863037109375</t>
  </si>
  <si>
    <t>0.014283916618554215</t>
  </si>
  <si>
    <t>11.802677154541016</t>
  </si>
  <si>
    <t>1409.8504638671875</t>
  </si>
  <si>
    <t>0.02202206956913244</t>
  </si>
  <si>
    <t>12.702542304992676</t>
  </si>
  <si>
    <t>1637.221923828125</t>
  </si>
  <si>
    <t>0.033666599918337425</t>
  </si>
  <si>
    <t>13.73981761932373</t>
  </si>
  <si>
    <t>1113.8343505859375</t>
  </si>
  <si>
    <t>0.028536718953118267</t>
  </si>
  <si>
    <t>39551</t>
  </si>
  <si>
    <t>12.699230194091797</t>
  </si>
  <si>
    <t>1490.804931640625</t>
  </si>
  <si>
    <t>0.030758226732487515</t>
  </si>
  <si>
    <t>13.10878849029541</t>
  </si>
  <si>
    <t>1977.1505126953125</t>
  </si>
  <si>
    <t>0.02341465556769684</t>
  </si>
  <si>
    <t>41831</t>
  </si>
  <si>
    <t>13.628514289855957</t>
  </si>
  <si>
    <t>1539.216796875</t>
  </si>
  <si>
    <t>0.03263205754393361</t>
  </si>
  <si>
    <t>13.02725887298584</t>
  </si>
  <si>
    <t>1836.3763427734375</t>
  </si>
  <si>
    <t>0.026166100994924335</t>
  </si>
  <si>
    <t>12.562915802001953</t>
  </si>
  <si>
    <t>1510.66650390625</t>
  </si>
  <si>
    <t>0.05636888732067824</t>
  </si>
  <si>
    <t>46144</t>
  </si>
  <si>
    <t>12.907443046569824</t>
  </si>
  <si>
    <t>1480.1700439453125</t>
  </si>
  <si>
    <t>0.015594261891171968</t>
  </si>
  <si>
    <t>16.893230438232422</t>
  </si>
  <si>
    <t>1376.0316162109375</t>
  </si>
  <si>
    <t>2463.55029296875</t>
  </si>
  <si>
    <t>Atlanta-Sandy Springs-Gainesville, GA-AL</t>
  </si>
  <si>
    <t>16.684926986694336</t>
  </si>
  <si>
    <t>1366.302490234375</t>
  </si>
  <si>
    <t>-0.014380498645863327</t>
  </si>
  <si>
    <t>46030</t>
  </si>
  <si>
    <t>15.65476131439209</t>
  </si>
  <si>
    <t>1558.5126953125</t>
  </si>
  <si>
    <t>0.02078812251334483</t>
  </si>
  <si>
    <t>46680</t>
  </si>
  <si>
    <t>15.4795560836792</t>
  </si>
  <si>
    <t>1129.859619140625</t>
  </si>
  <si>
    <t>0.014022449589203845</t>
  </si>
  <si>
    <t>47972</t>
  </si>
  <si>
    <t>16.357223510742188</t>
  </si>
  <si>
    <t>1515.4803466796875</t>
  </si>
  <si>
    <t>0.02730169995112064</t>
  </si>
  <si>
    <t>48679</t>
  </si>
  <si>
    <t>15.932514190673828</t>
  </si>
  <si>
    <t>1449.00390625</t>
  </si>
  <si>
    <t>0.01463021822168109</t>
  </si>
  <si>
    <t>49919</t>
  </si>
  <si>
    <t>15.653960227966309</t>
  </si>
  <si>
    <t>1324.9327392578125</t>
  </si>
  <si>
    <t>0.025153966218089963</t>
  </si>
  <si>
    <t>51503</t>
  </si>
  <si>
    <t>15.54647159576416</t>
  </si>
  <si>
    <t>1464.2705078125</t>
  </si>
  <si>
    <t>0.031238366591022526</t>
  </si>
  <si>
    <t>53175</t>
  </si>
  <si>
    <t>16.969804763793945</t>
  </si>
  <si>
    <t>1316.979248046875</t>
  </si>
  <si>
    <t>0.03194830268603255</t>
  </si>
  <si>
    <t>55076</t>
  </si>
  <si>
    <t>16.178972244262695</t>
  </si>
  <si>
    <t>1093.7335205078125</t>
  </si>
  <si>
    <t>0.03512568849582465</t>
  </si>
  <si>
    <t>56675</t>
  </si>
  <si>
    <t>15.709992408752441</t>
  </si>
  <si>
    <t>1029.309814453125</t>
  </si>
  <si>
    <t>0.028619146811466933</t>
  </si>
  <si>
    <t>56659</t>
  </si>
  <si>
    <t>16.2524356842041</t>
  </si>
  <si>
    <t>1189.3544921875</t>
  </si>
  <si>
    <t>-0.00028235128216280714</t>
  </si>
  <si>
    <t>56376</t>
  </si>
  <si>
    <t>15.972552299499512</t>
  </si>
  <si>
    <t>1252.4373779296875</t>
  </si>
  <si>
    <t>-0.0050073090867091</t>
  </si>
  <si>
    <t>56597</t>
  </si>
  <si>
    <t>15.771885871887207</t>
  </si>
  <si>
    <t>1533.15087890625</t>
  </si>
  <si>
    <t>0.003912444246109814</t>
  </si>
  <si>
    <t>58130</t>
  </si>
  <si>
    <t>16.39879035949707</t>
  </si>
  <si>
    <t>1282.9757080078125</t>
  </si>
  <si>
    <t>0.026725901442429034</t>
  </si>
  <si>
    <t>16.225812911987305</t>
  </si>
  <si>
    <t>1357.9962158203125</t>
  </si>
  <si>
    <t>0.010490115276040157</t>
  </si>
  <si>
    <t>57188</t>
  </si>
  <si>
    <t>16.23276710510254</t>
  </si>
  <si>
    <t>1042.968017578125</t>
  </si>
  <si>
    <t>-0.026827910822381895</t>
  </si>
  <si>
    <t>55969</t>
  </si>
  <si>
    <t>16.635822296142578</t>
  </si>
  <si>
    <t>807.5882568359375</t>
  </si>
  <si>
    <t>-0.02154612013757351</t>
  </si>
  <si>
    <t>53514</t>
  </si>
  <si>
    <t>15.993473052978516</t>
  </si>
  <si>
    <t>1128.0677490234375</t>
  </si>
  <si>
    <t>-0.044854664117218945</t>
  </si>
  <si>
    <t>51418</t>
  </si>
  <si>
    <t>15.716341972351074</t>
  </si>
  <si>
    <t>1674.0687255859375</t>
  </si>
  <si>
    <t>-0.039954996202277826</t>
  </si>
  <si>
    <t>15.971306800842285</t>
  </si>
  <si>
    <t>1081.5791015625</t>
  </si>
  <si>
    <t>0.002466906838499483</t>
  </si>
  <si>
    <t>51720</t>
  </si>
  <si>
    <t>1296.2593994140625</t>
  </si>
  <si>
    <t>0.0033893413553087726</t>
  </si>
  <si>
    <t>52338</t>
  </si>
  <si>
    <t>17.294384002685547</t>
  </si>
  <si>
    <t>0.0118781307754805</t>
  </si>
  <si>
    <t>53042</t>
  </si>
  <si>
    <t>15.308512687683105</t>
  </si>
  <si>
    <t>1685.0301513671875</t>
  </si>
  <si>
    <t>0.01336136787821296</t>
  </si>
  <si>
    <t>15.982616424560547</t>
  </si>
  <si>
    <t>1281.828369140625</t>
  </si>
  <si>
    <t>0.02601512522591598</t>
  </si>
  <si>
    <t>56525</t>
  </si>
  <si>
    <t>16.974363327026367</t>
  </si>
  <si>
    <t>1579.0677490234375</t>
  </si>
  <si>
    <t>0.03758384038076734</t>
  </si>
  <si>
    <t>17.96842384338379</t>
  </si>
  <si>
    <t>1043.2841796875</t>
  </si>
  <si>
    <t>0.027637539032868474</t>
  </si>
  <si>
    <t>59144</t>
  </si>
  <si>
    <t>16.888145446777344</t>
  </si>
  <si>
    <t>1375.9300537109375</t>
  </si>
  <si>
    <t>0.017654591057898017</t>
  </si>
  <si>
    <t>17.246858596801758</t>
  </si>
  <si>
    <t>1795.6112060546875</t>
  </si>
  <si>
    <t>0.02326308113742037</t>
  </si>
  <si>
    <t>17.738094329833984</t>
  </si>
  <si>
    <t>1390.255126953125</t>
  </si>
  <si>
    <t>0.0071929138438182605</t>
  </si>
  <si>
    <t>17.108705520629883</t>
  </si>
  <si>
    <t>1703.69384765625</t>
  </si>
  <si>
    <t>-0.004553345200264403</t>
  </si>
  <si>
    <t>64216</t>
  </si>
  <si>
    <t>16.7363224029541</t>
  </si>
  <si>
    <t>1466.3443603515625</t>
  </si>
  <si>
    <t>0.05637460279350215</t>
  </si>
  <si>
    <t>65224</t>
  </si>
  <si>
    <t>17.076457977294922</t>
  </si>
  <si>
    <t>1451.0606689453125</t>
  </si>
  <si>
    <t>0.01557509853133432</t>
  </si>
  <si>
    <t>18.490009307861328</t>
  </si>
  <si>
    <t>1176.4635009765625</t>
  </si>
  <si>
    <t>164.4503631591797</t>
  </si>
  <si>
    <t>Augusta-Richmond County, GA-SC</t>
  </si>
  <si>
    <t>18.08253288269043</t>
  </si>
  <si>
    <t>1230.0694580078125</t>
  </si>
  <si>
    <t>-0.014375722041855</t>
  </si>
  <si>
    <t>31379</t>
  </si>
  <si>
    <t>17.163393020629883</t>
  </si>
  <si>
    <t>1415.2349853515625</t>
  </si>
  <si>
    <t>0.02080188351698986</t>
  </si>
  <si>
    <t>17.073457717895508</t>
  </si>
  <si>
    <t>1056.1175537109375</t>
  </si>
  <si>
    <t>0.01401899512003979</t>
  </si>
  <si>
    <t>17.858598709106445</t>
  </si>
  <si>
    <t>1424.1851806640625</t>
  </si>
  <si>
    <t>0.02727836362672953</t>
  </si>
  <si>
    <t>17.474157333374023</t>
  </si>
  <si>
    <t>1199.2496337890625</t>
  </si>
  <si>
    <t>0.014631593934723242</t>
  </si>
  <si>
    <t>17.16139793395996</t>
  </si>
  <si>
    <t>1107.0269775390625</t>
  </si>
  <si>
    <t>0.02517465646569761</t>
  </si>
  <si>
    <t>17.066476821899414</t>
  </si>
  <si>
    <t>1399.394775390625</t>
  </si>
  <si>
    <t>0.03124350166752521</t>
  </si>
  <si>
    <t>18.42213249206543</t>
  </si>
  <si>
    <t>1294.5865478515625</t>
  </si>
  <si>
    <t>0.0319533911203429</t>
  </si>
  <si>
    <t>17.50226402282715</t>
  </si>
  <si>
    <t>1036.39697265625</t>
  </si>
  <si>
    <t>0.035127466601487356</t>
  </si>
  <si>
    <t>17.056852340698242</t>
  </si>
  <si>
    <t>902.2518920898438</t>
  </si>
  <si>
    <t>0.02861763641487869</t>
  </si>
  <si>
    <t>38625</t>
  </si>
  <si>
    <t>17.686429977416992</t>
  </si>
  <si>
    <t>943.8110961914062</t>
  </si>
  <si>
    <t>-0.00028474909913889235</t>
  </si>
  <si>
    <t>17.390241622924805</t>
  </si>
  <si>
    <t>1089.352294921875</t>
  </si>
  <si>
    <t>0.007865426404453757</t>
  </si>
  <si>
    <t>17.273042678833008</t>
  </si>
  <si>
    <t>1395.1717529296875</t>
  </si>
  <si>
    <t>0.030956900209021754</t>
  </si>
  <si>
    <t>40343</t>
  </si>
  <si>
    <t>17.831689834594727</t>
  </si>
  <si>
    <t>1067.78662109375</t>
  </si>
  <si>
    <t>0.004695835802605686</t>
  </si>
  <si>
    <t>17.593339920043945</t>
  </si>
  <si>
    <t>1193.1490478515625</t>
  </si>
  <si>
    <t>-0.014254750516164094</t>
  </si>
  <si>
    <t>40036</t>
  </si>
  <si>
    <t>17.585063934326172</t>
  </si>
  <si>
    <t>1059.58056640625</t>
  </si>
  <si>
    <t>0.006615902238944926</t>
  </si>
  <si>
    <t>17.83257484436035</t>
  </si>
  <si>
    <t>903.147216796875</t>
  </si>
  <si>
    <t>0.03236592087177215</t>
  </si>
  <si>
    <t>41479</t>
  </si>
  <si>
    <t>17.506959915161133</t>
  </si>
  <si>
    <t>1091.912353515625</t>
  </si>
  <si>
    <t>0.0030423048383223517</t>
  </si>
  <si>
    <t>17.209016799926758</t>
  </si>
  <si>
    <t>1424.3916015625</t>
  </si>
  <si>
    <t>-0.002292942365652806</t>
  </si>
  <si>
    <t>17.269725799560547</t>
  </si>
  <si>
    <t>933.833251953125</t>
  </si>
  <si>
    <t>0.00443630778697468</t>
  </si>
  <si>
    <t>41511</t>
  </si>
  <si>
    <t>18.598115921020508</t>
  </si>
  <si>
    <t>971.326171875</t>
  </si>
  <si>
    <t>-0.0013721881328319085</t>
  </si>
  <si>
    <t>18.663572311401367</t>
  </si>
  <si>
    <t>970.7720336914062</t>
  </si>
  <si>
    <t>-0.0041762785657120105</t>
  </si>
  <si>
    <t>16.873153686523438</t>
  </si>
  <si>
    <t>1506.7744140625</t>
  </si>
  <si>
    <t>-0.0009923156861955107</t>
  </si>
  <si>
    <t>17.547475814819336</t>
  </si>
  <si>
    <t>1195.3499755859375</t>
  </si>
  <si>
    <t>0.0058188128204932354</t>
  </si>
  <si>
    <t>43087</t>
  </si>
  <si>
    <t>18.451942443847656</t>
  </si>
  <si>
    <t>1347.83740234375</t>
  </si>
  <si>
    <t>0.036612656558121515</t>
  </si>
  <si>
    <t>43524</t>
  </si>
  <si>
    <t>19.369646072387695</t>
  </si>
  <si>
    <t>1107.1898193359375</t>
  </si>
  <si>
    <t>0.010091182606702276</t>
  </si>
  <si>
    <t>43976</t>
  </si>
  <si>
    <t>18.46245765686035</t>
  </si>
  <si>
    <t>1162.30615234375</t>
  </si>
  <si>
    <t>0.010331520469593514</t>
  </si>
  <si>
    <t>18.771150588989258</t>
  </si>
  <si>
    <t>1471.1900634765625</t>
  </si>
  <si>
    <t>0.019255833851390847</t>
  </si>
  <si>
    <t>19.26312255859375</t>
  </si>
  <si>
    <t>1203.813232421875</t>
  </si>
  <si>
    <t>0.02339094552714549</t>
  </si>
  <si>
    <t>45254</t>
  </si>
  <si>
    <t>18.745935440063477</t>
  </si>
  <si>
    <t>1503.2877197265625</t>
  </si>
  <si>
    <t>-0.013999745907760541</t>
  </si>
  <si>
    <t>47879</t>
  </si>
  <si>
    <t>18.11504554748535</t>
  </si>
  <si>
    <t>1228.3448486328125</t>
  </si>
  <si>
    <t>0.056385930895329395</t>
  </si>
  <si>
    <t>48631</t>
  </si>
  <si>
    <t>18.528369903564453</t>
  </si>
  <si>
    <t>1197.107421875</t>
  </si>
  <si>
    <t>0.015584192718010925</t>
  </si>
  <si>
    <t>20.080249786376953</t>
  </si>
  <si>
    <t>902.0053100585938</t>
  </si>
  <si>
    <t>539.8984985351562</t>
  </si>
  <si>
    <t>Austin-Round Rock, TX</t>
  </si>
  <si>
    <t>43734</t>
  </si>
  <si>
    <t>19.935190200805664</t>
  </si>
  <si>
    <t>1005.212890625</t>
  </si>
  <si>
    <t>-0.014392657245291929</t>
  </si>
  <si>
    <t>44654</t>
  </si>
  <si>
    <t>19.72783851623535</t>
  </si>
  <si>
    <t>1175.0986328125</t>
  </si>
  <si>
    <t>0.02081805734811404</t>
  </si>
  <si>
    <t>19.35276222229004</t>
  </si>
  <si>
    <t>804.1282348632812</t>
  </si>
  <si>
    <t>0.0140098802396178</t>
  </si>
  <si>
    <t>46537</t>
  </si>
  <si>
    <t>20.08104133605957</t>
  </si>
  <si>
    <t>952.5989379882812</t>
  </si>
  <si>
    <t>0.02729392590161872</t>
  </si>
  <si>
    <t>47223</t>
  </si>
  <si>
    <t>19.658952713012695</t>
  </si>
  <si>
    <t>720.7363891601562</t>
  </si>
  <si>
    <t>0.014633366923312963</t>
  </si>
  <si>
    <t>48426</t>
  </si>
  <si>
    <t>19.888511657714844</t>
  </si>
  <si>
    <t>703.3759765625</t>
  </si>
  <si>
    <t>0.025155797529496482</t>
  </si>
  <si>
    <t>49962</t>
  </si>
  <si>
    <t>19.399328231811523</t>
  </si>
  <si>
    <t>1145.7716064453125</t>
  </si>
  <si>
    <t>0.03122585691144586</t>
  </si>
  <si>
    <t>20.735197067260742</t>
  </si>
  <si>
    <t>986.74169921875</t>
  </si>
  <si>
    <t>0.031968216070602296</t>
  </si>
  <si>
    <t>20.54937171936035</t>
  </si>
  <si>
    <t>527.451416015625</t>
  </si>
  <si>
    <t>0.035122737165082185</t>
  </si>
  <si>
    <t>54980</t>
  </si>
  <si>
    <t>19.991994857788086</t>
  </si>
  <si>
    <t>963.4349365234375</t>
  </si>
  <si>
    <t>0.028615813019678527</t>
  </si>
  <si>
    <t>54965</t>
  </si>
  <si>
    <t>19.89425277709961</t>
  </si>
  <si>
    <t>912.3983764648438</t>
  </si>
  <si>
    <t>-0.00027286370627166434</t>
  </si>
  <si>
    <t>19.475330352783203</t>
  </si>
  <si>
    <t>978.830078125</t>
  </si>
  <si>
    <t>-0.0029334350399654596</t>
  </si>
  <si>
    <t>19.908769607543945</t>
  </si>
  <si>
    <t>748.706298828125</t>
  </si>
  <si>
    <t>-0.0074909461178158665</t>
  </si>
  <si>
    <t>54813</t>
  </si>
  <si>
    <t>20.121030807495117</t>
  </si>
  <si>
    <t>1253.732421875</t>
  </si>
  <si>
    <t>0.0076551542245919535</t>
  </si>
  <si>
    <t>56579</t>
  </si>
  <si>
    <t>20.59825897216797</t>
  </si>
  <si>
    <t>584.2749633789062</t>
  </si>
  <si>
    <t>0.031710499529809866</t>
  </si>
  <si>
    <t>59458</t>
  </si>
  <si>
    <t>20.557109832763672</t>
  </si>
  <si>
    <t>763.8499755859375</t>
  </si>
  <si>
    <t>0.0496322893189447</t>
  </si>
  <si>
    <t>59088</t>
  </si>
  <si>
    <t>19.969188690185547</t>
  </si>
  <si>
    <t>977.80126953125</t>
  </si>
  <si>
    <t>-0.006242322836186531</t>
  </si>
  <si>
    <t>58696</t>
  </si>
  <si>
    <t>20.29929542541504</t>
  </si>
  <si>
    <t>465.12103271484375</t>
  </si>
  <si>
    <t>-0.0066562766985143185</t>
  </si>
  <si>
    <t>55974</t>
  </si>
  <si>
    <t>20.189395904541016</t>
  </si>
  <si>
    <t>931.5035400390625</t>
  </si>
  <si>
    <t>-0.04748428420481332</t>
  </si>
  <si>
    <t>57547</t>
  </si>
  <si>
    <t>19.95502281188965</t>
  </si>
  <si>
    <t>822.4175415039062</t>
  </si>
  <si>
    <t>0.02771470801843101</t>
  </si>
  <si>
    <t>57724</t>
  </si>
  <si>
    <t>21.48358917236328</t>
  </si>
  <si>
    <t>581.252685546875</t>
  </si>
  <si>
    <t>0.0030710263485218547</t>
  </si>
  <si>
    <t>57503</t>
  </si>
  <si>
    <t>21.23823356628418</t>
  </si>
  <si>
    <t>940.0887451171875</t>
  </si>
  <si>
    <t>-0.003835911218494914</t>
  </si>
  <si>
    <t>58549</t>
  </si>
  <si>
    <t>19.88190269470215</t>
  </si>
  <si>
    <t>738.2662963867188</t>
  </si>
  <si>
    <t>0.01802689012323455</t>
  </si>
  <si>
    <t>59616</t>
  </si>
  <si>
    <t>19.762779235839844</t>
  </si>
  <si>
    <t>739.353759765625</t>
  </si>
  <si>
    <t>0.018059983940606372</t>
  </si>
  <si>
    <t>20.63747215270996</t>
  </si>
  <si>
    <t>1211.9761962890625</t>
  </si>
  <si>
    <t>0.04813816115479064</t>
  </si>
  <si>
    <t>63778</t>
  </si>
  <si>
    <t>21.411195755004883</t>
  </si>
  <si>
    <t>1225.3272705078125</t>
  </si>
  <si>
    <t>0.01934614772386567</t>
  </si>
  <si>
    <t>65683</t>
  </si>
  <si>
    <t>20.80699920654297</t>
  </si>
  <si>
    <t>714.1834106445312</t>
  </si>
  <si>
    <t>0.029431836808093692</t>
  </si>
  <si>
    <t>66664</t>
  </si>
  <si>
    <t>20.758684158325195</t>
  </si>
  <si>
    <t>901.630615234375</t>
  </si>
  <si>
    <t>0.014824936973978353</t>
  </si>
  <si>
    <t>67283</t>
  </si>
  <si>
    <t>20.81131935119629</t>
  </si>
  <si>
    <t>832.6551513671875</t>
  </si>
  <si>
    <t>0.009242527364770936</t>
  </si>
  <si>
    <t>68911</t>
  </si>
  <si>
    <t>20.923864364624023</t>
  </si>
  <si>
    <t>676.1207275390625</t>
  </si>
  <si>
    <t>0.02390821250105013</t>
  </si>
  <si>
    <t>72908</t>
  </si>
  <si>
    <t>20.3348388671875</t>
  </si>
  <si>
    <t>854.026611328125</t>
  </si>
  <si>
    <t>0.05638255541695969</t>
  </si>
  <si>
    <t>74053</t>
  </si>
  <si>
    <t>21.102876663208008</t>
  </si>
  <si>
    <t>493.8253479003906</t>
  </si>
  <si>
    <t>0.015582680697264095</t>
  </si>
  <si>
    <t>6.3367462158203125</t>
  </si>
  <si>
    <t>1282.0487060546875</t>
  </si>
  <si>
    <t>229.317138671875</t>
  </si>
  <si>
    <t>Bangor, ME</t>
  </si>
  <si>
    <t>6.4155354499816895</t>
  </si>
  <si>
    <t>1186.2037353515625</t>
  </si>
  <si>
    <t>-0.014374689960437337</t>
  </si>
  <si>
    <t>30112</t>
  </si>
  <si>
    <t>5.206457614898682</t>
  </si>
  <si>
    <t>881.7020263671875</t>
  </si>
  <si>
    <t>0.020804723275565706</t>
  </si>
  <si>
    <t>4.955564022064209</t>
  </si>
  <si>
    <t>1205.0421142578125</t>
  </si>
  <si>
    <t>0.014015299735342879</t>
  </si>
  <si>
    <t>6.473517894744873</t>
  </si>
  <si>
    <t>1074.9127197265625</t>
  </si>
  <si>
    <t>0.027295416998564193</t>
  </si>
  <si>
    <t>5.823446750640869</t>
  </si>
  <si>
    <t>1086.1444091796875</t>
  </si>
  <si>
    <t>0.014614501089456056</t>
  </si>
  <si>
    <t>32656</t>
  </si>
  <si>
    <t>6.106255054473877</t>
  </si>
  <si>
    <t>1286.0048828125</t>
  </si>
  <si>
    <t>0.025179624841156212</t>
  </si>
  <si>
    <t>5.4130072593688965</t>
  </si>
  <si>
    <t>1028.3125</t>
  </si>
  <si>
    <t>0.031231814385629164</t>
  </si>
  <si>
    <t>7.106207370758057</t>
  </si>
  <si>
    <t>1178.169921875</t>
  </si>
  <si>
    <t>0.03195458653284433</t>
  </si>
  <si>
    <t>7.448087215423584</t>
  </si>
  <si>
    <t>1113.609130859375</t>
  </si>
  <si>
    <t>0.035109162739969335</t>
  </si>
  <si>
    <t>5.852619647979736</t>
  </si>
  <si>
    <t>1042.1669921875</t>
  </si>
  <si>
    <t>0.028618718298064394</t>
  </si>
  <si>
    <t>6.899750232696533</t>
  </si>
  <si>
    <t>809.8385620117188</t>
  </si>
  <si>
    <t>-0.0002697599153123065</t>
  </si>
  <si>
    <t>38073</t>
  </si>
  <si>
    <t>5.7159857749938965</t>
  </si>
  <si>
    <t>1096.5084228515625</t>
  </si>
  <si>
    <t>0.026832241387452882</t>
  </si>
  <si>
    <t>5.420398712158203</t>
  </si>
  <si>
    <t>1157.6544189453125</t>
  </si>
  <si>
    <t>-0.014471343430953354</t>
  </si>
  <si>
    <t>5.664614200592041</t>
  </si>
  <si>
    <t>988.0286254882812</t>
  </si>
  <si>
    <t>0.031425536792642816</t>
  </si>
  <si>
    <t>38821</t>
  </si>
  <si>
    <t>6.862691402435303</t>
  </si>
  <si>
    <t>1580.0296630859375</t>
  </si>
  <si>
    <t>0.0025017744688256016</t>
  </si>
  <si>
    <t>7.11475133895874</t>
  </si>
  <si>
    <t>1303.8978271484375</t>
  </si>
  <si>
    <t>0.019792020488276663</t>
  </si>
  <si>
    <t>5.854835510253906</t>
  </si>
  <si>
    <t>1225.9805908203125</t>
  </si>
  <si>
    <t>-0.015294281047902203</t>
  </si>
  <si>
    <t>5.841938495635986</t>
  </si>
  <si>
    <t>1453.7149658203125</t>
  </si>
  <si>
    <t>-0.019393950942930616</t>
  </si>
  <si>
    <t>6.427364826202393</t>
  </si>
  <si>
    <t>1358.1165771484375</t>
  </si>
  <si>
    <t>0.015565727930717088</t>
  </si>
  <si>
    <t>39707</t>
  </si>
  <si>
    <t>7.554135799407959</t>
  </si>
  <si>
    <t>1301.714599609375</t>
  </si>
  <si>
    <t>0.02189664081349818</t>
  </si>
  <si>
    <t>7.191315174102783</t>
  </si>
  <si>
    <t>1316.66259765625</t>
  </si>
  <si>
    <t>-0.030349907638385076</t>
  </si>
  <si>
    <t>7.655757427215576</t>
  </si>
  <si>
    <t>1058.3050537109375</t>
  </si>
  <si>
    <t>-0.00611941236483915</t>
  </si>
  <si>
    <t>6.369394779205322</t>
  </si>
  <si>
    <t>1313.129638671875</t>
  </si>
  <si>
    <t>-0.001437626856764851</t>
  </si>
  <si>
    <t>6.1449360847473145</t>
  </si>
  <si>
    <t>1307.413818359375</t>
  </si>
  <si>
    <t>0.006258169055882945</t>
  </si>
  <si>
    <t>39230</t>
  </si>
  <si>
    <t>6.950223445892334</t>
  </si>
  <si>
    <t>1066.9544677734375</t>
  </si>
  <si>
    <t>0.019563043457257123</t>
  </si>
  <si>
    <t>7.61232328414917</t>
  </si>
  <si>
    <t>1154.2322998046875</t>
  </si>
  <si>
    <t>0.020412218888703038</t>
  </si>
  <si>
    <t>6.784099578857422</t>
  </si>
  <si>
    <t>1224.881591796875</t>
  </si>
  <si>
    <t>0.005280869166279345</t>
  </si>
  <si>
    <t>6.861609935760498</t>
  </si>
  <si>
    <t>1257.08984375</t>
  </si>
  <si>
    <t>0.024370799379253683</t>
  </si>
  <si>
    <t>42699</t>
  </si>
  <si>
    <t>6.686892032623291</t>
  </si>
  <si>
    <t>1206.5338134765625</t>
  </si>
  <si>
    <t>0.034669853100901094</t>
  </si>
  <si>
    <t>42559</t>
  </si>
  <si>
    <t>7.692288875579834</t>
  </si>
  <si>
    <t>1029.638427734375</t>
  </si>
  <si>
    <t>-0.0032841522398516787</t>
  </si>
  <si>
    <t>45027</t>
  </si>
  <si>
    <t>7.477680683135986</t>
  </si>
  <si>
    <t>1160.875244140625</t>
  </si>
  <si>
    <t>0.0563709613255412</t>
  </si>
  <si>
    <t>7.961705684661865</t>
  </si>
  <si>
    <t>1271.579833984375</t>
  </si>
  <si>
    <t>0.015579693934615335</t>
  </si>
  <si>
    <t>20.574411392211914</t>
  </si>
  <si>
    <t>1535.4444580078125</t>
  </si>
  <si>
    <t>318.4052429199219</t>
  </si>
  <si>
    <t>Baton Rouge-Pierre Part, LA</t>
  </si>
  <si>
    <t>20.284038543701172</t>
  </si>
  <si>
    <t>1895.254150390625</t>
  </si>
  <si>
    <t>-0.01437101308375155</t>
  </si>
  <si>
    <t>19.87061882019043</t>
  </si>
  <si>
    <t>1900.4345703125</t>
  </si>
  <si>
    <t>0.02079145043415842</t>
  </si>
  <si>
    <t>19.227170944213867</t>
  </si>
  <si>
    <t>1620.3443603515625</t>
  </si>
  <si>
    <t>0.014024121409004664</t>
  </si>
  <si>
    <t>20.18451499938965</t>
  </si>
  <si>
    <t>1561.3603515625</t>
  </si>
  <si>
    <t>0.027290298836190274</t>
  </si>
  <si>
    <t>39163</t>
  </si>
  <si>
    <t>19.942293167114258</t>
  </si>
  <si>
    <t>1751.6173095703125</t>
  </si>
  <si>
    <t>0.014635599538316058</t>
  </si>
  <si>
    <t>40161</t>
  </si>
  <si>
    <t>19.584150314331055</t>
  </si>
  <si>
    <t>1497.7850341796875</t>
  </si>
  <si>
    <t>0.025163951959388697</t>
  </si>
  <si>
    <t>41435</t>
  </si>
  <si>
    <t>19.652605056762695</t>
  </si>
  <si>
    <t>1907.8642578125</t>
  </si>
  <si>
    <t>0.031229558829135584</t>
  </si>
  <si>
    <t>20.958086013793945</t>
  </si>
  <si>
    <t>1454.058349609375</t>
  </si>
  <si>
    <t>0.03194476935325419</t>
  </si>
  <si>
    <t>44310</t>
  </si>
  <si>
    <t>20.385934829711914</t>
  </si>
  <si>
    <t>1138.9710693359375</t>
  </si>
  <si>
    <t>0.03513968155713876</t>
  </si>
  <si>
    <t>19.933435440063477</t>
  </si>
  <si>
    <t>1188.02099609375</t>
  </si>
  <si>
    <t>0.028609608163133515</t>
  </si>
  <si>
    <t>20.18110466003418</t>
  </si>
  <si>
    <t>1650.4478759765625</t>
  </si>
  <si>
    <t>-0.0002851533815473317</t>
  </si>
  <si>
    <t>47513</t>
  </si>
  <si>
    <t>19.78544044494629</t>
  </si>
  <si>
    <t>1688.7791748046875</t>
  </si>
  <si>
    <t>0.041468517813445516</t>
  </si>
  <si>
    <t>50346</t>
  </si>
  <si>
    <t>20.059947967529297</t>
  </si>
  <si>
    <t>1552.198974609375</t>
  </si>
  <si>
    <t>0.057915814309557945</t>
  </si>
  <si>
    <t>20.507535934448242</t>
  </si>
  <si>
    <t>1826.806396484375</t>
  </si>
  <si>
    <t>0.10330262561023318</t>
  </si>
  <si>
    <t>64653</t>
  </si>
  <si>
    <t>20.344499588012695</t>
  </si>
  <si>
    <t>1280.678466796875</t>
  </si>
  <si>
    <t>0.1468127101273229</t>
  </si>
  <si>
    <t>61789</t>
  </si>
  <si>
    <t>20.262935638427734</t>
  </si>
  <si>
    <t>1476.4031982421875</t>
  </si>
  <si>
    <t>-0.04530915276013481</t>
  </si>
  <si>
    <t>57286</t>
  </si>
  <si>
    <t>20.306093215942383</t>
  </si>
  <si>
    <t>1383.4072265625</t>
  </si>
  <si>
    <t>-0.07566908932341931</t>
  </si>
  <si>
    <t>20.11189079284668</t>
  </si>
  <si>
    <t>1379.1746826171875</t>
  </si>
  <si>
    <t>-0.029603316725996365</t>
  </si>
  <si>
    <t>55577</t>
  </si>
  <si>
    <t>19.89896583557129</t>
  </si>
  <si>
    <t>1609.0177001953125</t>
  </si>
  <si>
    <t>-0.0006835024368552212</t>
  </si>
  <si>
    <t>57791</t>
  </si>
  <si>
    <t>19.797338485717773</t>
  </si>
  <si>
    <t>1227.6383056640625</t>
  </si>
  <si>
    <t>0.039063607604674644</t>
  </si>
  <si>
    <t>66031</t>
  </si>
  <si>
    <t>20.97159194946289</t>
  </si>
  <si>
    <t>1284.777587890625</t>
  </si>
  <si>
    <t>0.13329127451121714</t>
  </si>
  <si>
    <t>66810</t>
  </si>
  <si>
    <t>21.156410217285156</t>
  </si>
  <si>
    <t>1834.1673583984375</t>
  </si>
  <si>
    <t>0.011728441214355456</t>
  </si>
  <si>
    <t>65356</t>
  </si>
  <si>
    <t>19.446382522583008</t>
  </si>
  <si>
    <t>1613.898681640625</t>
  </si>
  <si>
    <t>-0.022003520768807405</t>
  </si>
  <si>
    <t>70388</t>
  </si>
  <si>
    <t>19.71470069885254</t>
  </si>
  <si>
    <t>1518.325927734375</t>
  </si>
  <si>
    <t>0.07417354492093686</t>
  </si>
  <si>
    <t>21.120948791503906</t>
  </si>
  <si>
    <t>1816.378662109375</t>
  </si>
  <si>
    <t>-0.019380201329138202</t>
  </si>
  <si>
    <t>62351</t>
  </si>
  <si>
    <t>21.936105728149414</t>
  </si>
  <si>
    <t>1689.1092529296875</t>
  </si>
  <si>
    <t>-0.10186288227056473</t>
  </si>
  <si>
    <t>59972</t>
  </si>
  <si>
    <t>20.874530792236328</t>
  </si>
  <si>
    <t>1728.9136962890625</t>
  </si>
  <si>
    <t>-0.038901923857155296</t>
  </si>
  <si>
    <t>64086</t>
  </si>
  <si>
    <t>21.28441619873047</t>
  </si>
  <si>
    <t>1790.1646728515625</t>
  </si>
  <si>
    <t>0.0663481447029568</t>
  </si>
  <si>
    <t>62980</t>
  </si>
  <si>
    <t>21.54007911682129</t>
  </si>
  <si>
    <t>1699.228515625</t>
  </si>
  <si>
    <t>-0.017408715662734053</t>
  </si>
  <si>
    <t>58205</t>
  </si>
  <si>
    <t>21.044191360473633</t>
  </si>
  <si>
    <t>1601.904052734375</t>
  </si>
  <si>
    <t>-0.07884595397267447</t>
  </si>
  <si>
    <t>61581</t>
  </si>
  <si>
    <t>20.54266357421875</t>
  </si>
  <si>
    <t>2022.568359375</t>
  </si>
  <si>
    <t>0.056382119702947264</t>
  </si>
  <si>
    <t>62548</t>
  </si>
  <si>
    <t>21.03936195373535</t>
  </si>
  <si>
    <t>1627.777587890625</t>
  </si>
  <si>
    <t>0.015580880578111689</t>
  </si>
  <si>
    <t>20.534914016723633</t>
  </si>
  <si>
    <t>1348.9051513671875</t>
  </si>
  <si>
    <t>148.24742126464844</t>
  </si>
  <si>
    <t>Beaumont-Port Arthur, TX</t>
  </si>
  <si>
    <t>34495</t>
  </si>
  <si>
    <t>20.487245559692383</t>
  </si>
  <si>
    <t>1847.6280517578125</t>
  </si>
  <si>
    <t>-0.014390808143431855</t>
  </si>
  <si>
    <t>20.067943572998047</t>
  </si>
  <si>
    <t>1698.7178955078125</t>
  </si>
  <si>
    <t>0.020799717069987622</t>
  </si>
  <si>
    <t>19.861047744750977</t>
  </si>
  <si>
    <t>1424.7728271484375</t>
  </si>
  <si>
    <t>0.014012662851019542</t>
  </si>
  <si>
    <t>20.5341854095459</t>
  </si>
  <si>
    <t>1528.5677490234375</t>
  </si>
  <si>
    <t>0.027286219643665177</t>
  </si>
  <si>
    <t>20.37468147277832</t>
  </si>
  <si>
    <t>1499.06005859375</t>
  </si>
  <si>
    <t>0.014631570946569639</t>
  </si>
  <si>
    <t>38195</t>
  </si>
  <si>
    <t>20.18706703186035</t>
  </si>
  <si>
    <t>1433.0440673828125</t>
  </si>
  <si>
    <t>0.02516006048400854</t>
  </si>
  <si>
    <t>19.84046173095703</t>
  </si>
  <si>
    <t>1725.5792236328125</t>
  </si>
  <si>
    <t>0.03123884850463199</t>
  </si>
  <si>
    <t>21.155946731567383</t>
  </si>
  <si>
    <t>1530.3994140625</t>
  </si>
  <si>
    <t>0.03196516560884355</t>
  </si>
  <si>
    <t>20.83461570739746</t>
  </si>
  <si>
    <t>940.092041015625</t>
  </si>
  <si>
    <t>0.035112507410085314</t>
  </si>
  <si>
    <t>20.301210403442383</t>
  </si>
  <si>
    <t>1320.4761962890625</t>
  </si>
  <si>
    <t>0.02863152561953619</t>
  </si>
  <si>
    <t>43353</t>
  </si>
  <si>
    <t>20.3806209564209</t>
  </si>
  <si>
    <t>1590.828369140625</t>
  </si>
  <si>
    <t>-0.0002767591521166679</t>
  </si>
  <si>
    <t>40325</t>
  </si>
  <si>
    <t>19.851255416870117</t>
  </si>
  <si>
    <t>1631.0091552734375</t>
  </si>
  <si>
    <t>-0.07240428097303031</t>
  </si>
  <si>
    <t>43030</t>
  </si>
  <si>
    <t>20.355396270751953</t>
  </si>
  <si>
    <t>1418.880859375</t>
  </si>
  <si>
    <t>0.0649259228392367</t>
  </si>
  <si>
    <t>51465</t>
  </si>
  <si>
    <t>20.437334060668945</t>
  </si>
  <si>
    <t>1729.3123779296875</t>
  </si>
  <si>
    <t>0.17900441812801304</t>
  </si>
  <si>
    <t>51361</t>
  </si>
  <si>
    <t>20.864383697509766</t>
  </si>
  <si>
    <t>1100.703369140625</t>
  </si>
  <si>
    <t>-0.002022835381378485</t>
  </si>
  <si>
    <t>54645</t>
  </si>
  <si>
    <t>20.819368362426758</t>
  </si>
  <si>
    <t>1508.40234375</t>
  </si>
  <si>
    <t>0.06197858953149371</t>
  </si>
  <si>
    <t>60239</t>
  </si>
  <si>
    <t>20.45903778076172</t>
  </si>
  <si>
    <t>1454.875</t>
  </si>
  <si>
    <t>0.09746226395961166</t>
  </si>
  <si>
    <t>58400</t>
  </si>
  <si>
    <t>20.505250930786133</t>
  </si>
  <si>
    <t>1197.6678466796875</t>
  </si>
  <si>
    <t>-0.031004093254066944</t>
  </si>
  <si>
    <t>54579</t>
  </si>
  <si>
    <t>20.41008186340332</t>
  </si>
  <si>
    <t>1473.2938232421875</t>
  </si>
  <si>
    <t>-0.06766669645140588</t>
  </si>
  <si>
    <t>62330</t>
  </si>
  <si>
    <t>20.330188751220703</t>
  </si>
  <si>
    <t>1224.1451416015625</t>
  </si>
  <si>
    <t>0.13279365743798266</t>
  </si>
  <si>
    <t>69555</t>
  </si>
  <si>
    <t>21.6924991607666</t>
  </si>
  <si>
    <t>924.0116577148438</t>
  </si>
  <si>
    <t>0.10967495569077457</t>
  </si>
  <si>
    <t>72010</t>
  </si>
  <si>
    <t>21.634729385375977</t>
  </si>
  <si>
    <t>1612.6856689453125</t>
  </si>
  <si>
    <t>0.034687191749242174</t>
  </si>
  <si>
    <t>20.069561004638672</t>
  </si>
  <si>
    <t>1309.2132568359375</t>
  </si>
  <si>
    <t>-0.042061015736333474</t>
  </si>
  <si>
    <t>57858</t>
  </si>
  <si>
    <t>20.12221908569336</t>
  </si>
  <si>
    <t>1268.9305419921875</t>
  </si>
  <si>
    <t>-0.17675224976813908</t>
  </si>
  <si>
    <t>21.215740203857422</t>
  </si>
  <si>
    <t>1752.3419189453125</t>
  </si>
  <si>
    <t>-0.023768793875582617</t>
  </si>
  <si>
    <t>21.941116333007812</t>
  </si>
  <si>
    <t>1540.4603271484375</t>
  </si>
  <si>
    <t>-0.01787595481368065</t>
  </si>
  <si>
    <t>21.137479782104492</t>
  </si>
  <si>
    <t>1349.4796142578125</t>
  </si>
  <si>
    <t>0.06115656095903432</t>
  </si>
  <si>
    <t>66008</t>
  </si>
  <si>
    <t>21.242036819458008</t>
  </si>
  <si>
    <t>1704.1427001953125</t>
  </si>
  <si>
    <t>0.11227240177596798</t>
  </si>
  <si>
    <t>63442</t>
  </si>
  <si>
    <t>21.43506622314453</t>
  </si>
  <si>
    <t>1609.4708251953125</t>
  </si>
  <si>
    <t>-0.03964984412118078</t>
  </si>
  <si>
    <t>55129</t>
  </si>
  <si>
    <t>21.295488357543945</t>
  </si>
  <si>
    <t>1368.4312744140625</t>
  </si>
  <si>
    <t>-0.1404502091880957</t>
  </si>
  <si>
    <t>58326</t>
  </si>
  <si>
    <t>20.829816818237305</t>
  </si>
  <si>
    <t>1417.2760009765625</t>
  </si>
  <si>
    <t>0.056372069574221584</t>
  </si>
  <si>
    <t>59242</t>
  </si>
  <si>
    <t>21.352577209472656</t>
  </si>
  <si>
    <t>1382.9500732421875</t>
  </si>
  <si>
    <t>0.015582786735038212</t>
  </si>
  <si>
    <t>29339</t>
  </si>
  <si>
    <t>7.6491475105285645</t>
  </si>
  <si>
    <t>327.4153137207031</t>
  </si>
  <si>
    <t>76.18990325927734</t>
  </si>
  <si>
    <t>Bend-Prineville, OR</t>
  </si>
  <si>
    <t>8.142529487609863</t>
  </si>
  <si>
    <t>399.3357849121094</t>
  </si>
  <si>
    <t>-0.01438429168050881</t>
  </si>
  <si>
    <t>8.55429744720459</t>
  </si>
  <si>
    <t>436.9515686035156</t>
  </si>
  <si>
    <t>0.020805568437133104</t>
  </si>
  <si>
    <t>29945</t>
  </si>
  <si>
    <t>7.555800914764404</t>
  </si>
  <si>
    <t>423.4124450683594</t>
  </si>
  <si>
    <t>0.014023399988728258</t>
  </si>
  <si>
    <t>8.110916137695312</t>
  </si>
  <si>
    <t>414.7825012207031</t>
  </si>
  <si>
    <t>0.02727531642750769</t>
  </si>
  <si>
    <t>8.34738540649414</t>
  </si>
  <si>
    <t>595.2434692382812</t>
  </si>
  <si>
    <t>0.014645423057507045</t>
  </si>
  <si>
    <t>32023</t>
  </si>
  <si>
    <t>7.5473151206970215</t>
  </si>
  <si>
    <t>684.9957275390625</t>
  </si>
  <si>
    <t>0.025171289421207277</t>
  </si>
  <si>
    <t>7.990362644195557</t>
  </si>
  <si>
    <t>466.3882751464844</t>
  </si>
  <si>
    <t>0.031234287228269153</t>
  </si>
  <si>
    <t>8.377778053283691</t>
  </si>
  <si>
    <t>606.621826171875</t>
  </si>
  <si>
    <t>0.031931231065765786</t>
  </si>
  <si>
    <t>7.5169997215271</t>
  </si>
  <si>
    <t>451.6336669921875</t>
  </si>
  <si>
    <t>0.03514085261083899</t>
  </si>
  <si>
    <t>7.54877233505249</t>
  </si>
  <si>
    <t>352.02642822265625</t>
  </si>
  <si>
    <t>0.028625992126938726</t>
  </si>
  <si>
    <t>36346</t>
  </si>
  <si>
    <t>7.633068561553955</t>
  </si>
  <si>
    <t>411.1053161621094</t>
  </si>
  <si>
    <t>-0.0003026009953916997</t>
  </si>
  <si>
    <t>7.868953227996826</t>
  </si>
  <si>
    <t>359.1705322265625</t>
  </si>
  <si>
    <t>0.0202362730338308</t>
  </si>
  <si>
    <t>8.120881080627441</t>
  </si>
  <si>
    <t>432.03302001953125</t>
  </si>
  <si>
    <t>0.02360761878893669</t>
  </si>
  <si>
    <t>8.574023246765137</t>
  </si>
  <si>
    <t>395.206787109375</t>
  </si>
  <si>
    <t>0.00917437627604123</t>
  </si>
  <si>
    <t>39638</t>
  </si>
  <si>
    <t>8.167550086975098</t>
  </si>
  <si>
    <t>610.7835693359375</t>
  </si>
  <si>
    <t>0.03368582934427877</t>
  </si>
  <si>
    <t>7.782918930053711</t>
  </si>
  <si>
    <t>410.7274475097656</t>
  </si>
  <si>
    <t>0.021982745803009962</t>
  </si>
  <si>
    <t>7.720548152923584</t>
  </si>
  <si>
    <t>428.4735107421875</t>
  </si>
  <si>
    <t>0.0005674738929268841</t>
  </si>
  <si>
    <t>7.363872051239014</t>
  </si>
  <si>
    <t>266.0090026855469</t>
  </si>
  <si>
    <t>-0.06733459265347541</t>
  </si>
  <si>
    <t>7.807119369506836</t>
  </si>
  <si>
    <t>388.708984375</t>
  </si>
  <si>
    <t>-0.06832030999145822</t>
  </si>
  <si>
    <t>34536</t>
  </si>
  <si>
    <t>7.7053093910217285</t>
  </si>
  <si>
    <t>503.7822570800781</t>
  </si>
  <si>
    <t>-0.024681312899982544</t>
  </si>
  <si>
    <t>7.091114521026611</t>
  </si>
  <si>
    <t>466.3944396972656</t>
  </si>
  <si>
    <t>-0.012323714942480635</t>
  </si>
  <si>
    <t>7.77775764465332</t>
  </si>
  <si>
    <t>540.9454956054688</t>
  </si>
  <si>
    <t>0.024011000741555932</t>
  </si>
  <si>
    <t>8.135551452636719</t>
  </si>
  <si>
    <t>320.537353515625</t>
  </si>
  <si>
    <t>0.0408242840259625</t>
  </si>
  <si>
    <t>38745</t>
  </si>
  <si>
    <t>9.052047729492188</t>
  </si>
  <si>
    <t>502.4339599609375</t>
  </si>
  <si>
    <t>0.06248788713769926</t>
  </si>
  <si>
    <t>9.428447723388672</t>
  </si>
  <si>
    <t>488.5599670410156</t>
  </si>
  <si>
    <t>0.055081438729658316</t>
  </si>
  <si>
    <t>8.68348217010498</t>
  </si>
  <si>
    <t>506.701416015625</t>
  </si>
  <si>
    <t>0.04513228928865942</t>
  </si>
  <si>
    <t>44343</t>
  </si>
  <si>
    <t>8.428013801574707</t>
  </si>
  <si>
    <t>519.8169555664062</t>
  </si>
  <si>
    <t>0.034739417663812944</t>
  </si>
  <si>
    <t>45525</t>
  </si>
  <si>
    <t>8.367121696472168</t>
  </si>
  <si>
    <t>372.4508972167969</t>
  </si>
  <si>
    <t>0.02630676471562765</t>
  </si>
  <si>
    <t>7.85023832321167</t>
  </si>
  <si>
    <t>453.4276428222656</t>
  </si>
  <si>
    <t>0.010097122238407863</t>
  </si>
  <si>
    <t>48273</t>
  </si>
  <si>
    <t>8.386367797851562</t>
  </si>
  <si>
    <t>425.6994323730469</t>
  </si>
  <si>
    <t>0.04851365029304233</t>
  </si>
  <si>
    <t>51072</t>
  </si>
  <si>
    <t>8.545376777648926</t>
  </si>
  <si>
    <t>424.2174377441406</t>
  </si>
  <si>
    <t>0.05636400368222105</t>
  </si>
  <si>
    <t>51874</t>
  </si>
  <si>
    <t>8.077437400817871</t>
  </si>
  <si>
    <t>456.47412109375</t>
  </si>
  <si>
    <t>0.015581299429278772</t>
  </si>
  <si>
    <t>7.232122421264648</t>
  </si>
  <si>
    <t>291.8626708984375</t>
  </si>
  <si>
    <t>159.40213012695312</t>
  </si>
  <si>
    <t>Billings, MT</t>
  </si>
  <si>
    <t>8.29995346069336</t>
  </si>
  <si>
    <t>411.85498046875</t>
  </si>
  <si>
    <t>-0.01438424776155145</t>
  </si>
  <si>
    <t>7.346081256866455</t>
  </si>
  <si>
    <t>379.5684814453125</t>
  </si>
  <si>
    <t>0.020807194743801105</t>
  </si>
  <si>
    <t>6.374815464019775</t>
  </si>
  <si>
    <t>420.7583312988281</t>
  </si>
  <si>
    <t>0.013999067140792576</t>
  </si>
  <si>
    <t>8.060093879699707</t>
  </si>
  <si>
    <t>328.92535400390625</t>
  </si>
  <si>
    <t>6.991770267486572</t>
  </si>
  <si>
    <t>418.2192077636719</t>
  </si>
  <si>
    <t>0.014630474262641968</t>
  </si>
  <si>
    <t>35232</t>
  </si>
  <si>
    <t>6.110384464263916</t>
  </si>
  <si>
    <t>335.0828552246094</t>
  </si>
  <si>
    <t>0.025148978062569327</t>
  </si>
  <si>
    <t>36350</t>
  </si>
  <si>
    <t>7.128781795501709</t>
  </si>
  <si>
    <t>371.0325622558594</t>
  </si>
  <si>
    <t>0.031239443439259773</t>
  </si>
  <si>
    <t>37530</t>
  </si>
  <si>
    <t>8.085244178771973</t>
  </si>
  <si>
    <t>391.43408203125</t>
  </si>
  <si>
    <t>0.03194640916739999</t>
  </si>
  <si>
    <t>8.101201057434082</t>
  </si>
  <si>
    <t>322.41064453125</t>
  </si>
  <si>
    <t>0.03513358395667332</t>
  </si>
  <si>
    <t>7.150733470916748</t>
  </si>
  <si>
    <t>307.0565185546875</t>
  </si>
  <si>
    <t>0.028605257010333673</t>
  </si>
  <si>
    <t>7.947594165802002</t>
  </si>
  <si>
    <t>293.5895690917969</t>
  </si>
  <si>
    <t>-0.00027503781943316596</t>
  </si>
  <si>
    <t>6.932858943939209</t>
  </si>
  <si>
    <t>297.2947998046875</t>
  </si>
  <si>
    <t>-0.008463028123850691</t>
  </si>
  <si>
    <t>42671</t>
  </si>
  <si>
    <t>7.405943393707275</t>
  </si>
  <si>
    <t>300.5791320800781</t>
  </si>
  <si>
    <t>0.07337814442373336</t>
  </si>
  <si>
    <t>44908</t>
  </si>
  <si>
    <t>7.60211706161499</t>
  </si>
  <si>
    <t>296.4239501953125</t>
  </si>
  <si>
    <t>0.05109642000214798</t>
  </si>
  <si>
    <t>8.417819023132324</t>
  </si>
  <si>
    <t>414.5995178222656</t>
  </si>
  <si>
    <t>0.042825864117126855</t>
  </si>
  <si>
    <t>49809</t>
  </si>
  <si>
    <t>8.031327247619629</t>
  </si>
  <si>
    <t>306.21661376953125</t>
  </si>
  <si>
    <t>0.06075387388009901</t>
  </si>
  <si>
    <t>54890</t>
  </si>
  <si>
    <t>8.04525089263916</t>
  </si>
  <si>
    <t>372.2882385253906</t>
  </si>
  <si>
    <t>0.09713549196803939</t>
  </si>
  <si>
    <t>55063</t>
  </si>
  <si>
    <t>6.952276229858398</t>
  </si>
  <si>
    <t>369.452392578125</t>
  </si>
  <si>
    <t>0.003146801683609368</t>
  </si>
  <si>
    <t>50694</t>
  </si>
  <si>
    <t>6.430069446563721</t>
  </si>
  <si>
    <t>347.0115661621094</t>
  </si>
  <si>
    <t>-0.08267042384664514</t>
  </si>
  <si>
    <t>53938</t>
  </si>
  <si>
    <t>6.8166937828063965</t>
  </si>
  <si>
    <t>399.465576171875</t>
  </si>
  <si>
    <t>0.062027678390331076</t>
  </si>
  <si>
    <t>56710</t>
  </si>
  <si>
    <t>7.219160079956055</t>
  </si>
  <si>
    <t>425.7616271972656</t>
  </si>
  <si>
    <t>0.05011532323684342</t>
  </si>
  <si>
    <t>58150</t>
  </si>
  <si>
    <t>8.531147956848145</t>
  </si>
  <si>
    <t>274.96820068359375</t>
  </si>
  <si>
    <t>0.02507531693873588</t>
  </si>
  <si>
    <t>58354</t>
  </si>
  <si>
    <t>7.306416034698486</t>
  </si>
  <si>
    <t>420.7818908691406</t>
  </si>
  <si>
    <t>0.0035020292606517955</t>
  </si>
  <si>
    <t>58513</t>
  </si>
  <si>
    <t>7.016866683959961</t>
  </si>
  <si>
    <t>377.8943786621094</t>
  </si>
  <si>
    <t>0.002721043547007085</t>
  </si>
  <si>
    <t>57926</t>
  </si>
  <si>
    <t>8.51036262512207</t>
  </si>
  <si>
    <t>369.86151123046875</t>
  </si>
  <si>
    <t>-0.010082617899843882</t>
  </si>
  <si>
    <t>53105</t>
  </si>
  <si>
    <t>8.213475227355957</t>
  </si>
  <si>
    <t>406.41241455078125</t>
  </si>
  <si>
    <t>-0.08689524809898508</t>
  </si>
  <si>
    <t>54107</t>
  </si>
  <si>
    <t>7.932779312133789</t>
  </si>
  <si>
    <t>367.9490661621094</t>
  </si>
  <si>
    <t>0.018692481727251575</t>
  </si>
  <si>
    <t>55576</t>
  </si>
  <si>
    <t>6.857151031494141</t>
  </si>
  <si>
    <t>422.2281799316406</t>
  </si>
  <si>
    <t>0.026787885889826057</t>
  </si>
  <si>
    <t>56364</t>
  </si>
  <si>
    <t>6.1335296630859375</t>
  </si>
  <si>
    <t>437.9754333496094</t>
  </si>
  <si>
    <t>0.014079203442278754</t>
  </si>
  <si>
    <t>52359</t>
  </si>
  <si>
    <t>8.0420503616333</t>
  </si>
  <si>
    <t>304.1893005371094</t>
  </si>
  <si>
    <t>-0.07370681452204941</t>
  </si>
  <si>
    <t>55396</t>
  </si>
  <si>
    <t>8.18605899810791</t>
  </si>
  <si>
    <t>301.3735656738281</t>
  </si>
  <si>
    <t>0.056383546669660944</t>
  </si>
  <si>
    <t>56265</t>
  </si>
  <si>
    <t>7.161070346832275</t>
  </si>
  <si>
    <t>376.1502380371094</t>
  </si>
  <si>
    <t>0.015565283221489423</t>
  </si>
  <si>
    <t>17.527883529663086</t>
  </si>
  <si>
    <t>1365.061767578125</t>
  </si>
  <si>
    <t>701.6453857421875</t>
  </si>
  <si>
    <t>Birmingham-Hoover-Cullman, AL</t>
  </si>
  <si>
    <t>17.290454864501953</t>
  </si>
  <si>
    <t>1522.7652587890625</t>
  </si>
  <si>
    <t>-0.014388308811996708</t>
  </si>
  <si>
    <t>16.416791915893555</t>
  </si>
  <si>
    <t>1494.6768798828125</t>
  </si>
  <si>
    <t>0.020815217726399382</t>
  </si>
  <si>
    <t>15.931443214416504</t>
  </si>
  <si>
    <t>1166.2935791015625</t>
  </si>
  <si>
    <t>0.01400705733696661</t>
  </si>
  <si>
    <t>16.954151153564453</t>
  </si>
  <si>
    <t>1532.427978515625</t>
  </si>
  <si>
    <t>0.02729793786077117</t>
  </si>
  <si>
    <t>35987</t>
  </si>
  <si>
    <t>16.56538963317871</t>
  </si>
  <si>
    <t>1488.9617919921875</t>
  </si>
  <si>
    <t>0.014639664685928366</t>
  </si>
  <si>
    <t>16.177797317504883</t>
  </si>
  <si>
    <t>1403.4495849609375</t>
  </si>
  <si>
    <t>0.025162184126838127</t>
  </si>
  <si>
    <t>16.098970413208008</t>
  </si>
  <si>
    <t>1567.9344482421875</t>
  </si>
  <si>
    <t>0.03123795252570538</t>
  </si>
  <si>
    <t>17.546602249145508</t>
  </si>
  <si>
    <t>1460.494140625</t>
  </si>
  <si>
    <t>0.03194647914862081</t>
  </si>
  <si>
    <t>16.856098175048828</t>
  </si>
  <si>
    <t>1116.013916015625</t>
  </si>
  <si>
    <t>0.0351167576602478</t>
  </si>
  <si>
    <t>16.359086990356445</t>
  </si>
  <si>
    <t>1157.1278076171875</t>
  </si>
  <si>
    <t>0.028616957501858664</t>
  </si>
  <si>
    <t>16.77972984313965</t>
  </si>
  <si>
    <t>1542.33056640625</t>
  </si>
  <si>
    <t>-0.00028645087563283766</t>
  </si>
  <si>
    <t>16.359895706176758</t>
  </si>
  <si>
    <t>1381.859130859375</t>
  </si>
  <si>
    <t>0.02996249817361374</t>
  </si>
  <si>
    <t>44119</t>
  </si>
  <si>
    <t>16.443403244018555</t>
  </si>
  <si>
    <t>1579.7218017578125</t>
  </si>
  <si>
    <t>0.021976388280661396</t>
  </si>
  <si>
    <t>46924</t>
  </si>
  <si>
    <t>16.954299926757812</t>
  </si>
  <si>
    <t>1469.4915771484375</t>
  </si>
  <si>
    <t>0.06163874297287997</t>
  </si>
  <si>
    <t>16.790224075317383</t>
  </si>
  <si>
    <t>1417.3194580078125</t>
  </si>
  <si>
    <t>0.031115159720648933</t>
  </si>
  <si>
    <t>47828</t>
  </si>
  <si>
    <t>16.70755958557129</t>
  </si>
  <si>
    <t>1160.3997802734375</t>
  </si>
  <si>
    <t>-0.012033189306789538</t>
  </si>
  <si>
    <t>48026</t>
  </si>
  <si>
    <t>16.849740982055664</t>
  </si>
  <si>
    <t>812.7398071289062</t>
  </si>
  <si>
    <t>0.00413128886878944</t>
  </si>
  <si>
    <t>47498</t>
  </si>
  <si>
    <t>16.45781898498535</t>
  </si>
  <si>
    <t>1349.7828369140625</t>
  </si>
  <si>
    <t>-0.011054926035138024</t>
  </si>
  <si>
    <t>44375</t>
  </si>
  <si>
    <t>16.215848922729492</t>
  </si>
  <si>
    <t>1763.79931640625</t>
  </si>
  <si>
    <t>-0.06801135709540596</t>
  </si>
  <si>
    <t>45458</t>
  </si>
  <si>
    <t>16.373910903930664</t>
  </si>
  <si>
    <t>1139.4869384765625</t>
  </si>
  <si>
    <t>0.024112574940387432</t>
  </si>
  <si>
    <t>46877</t>
  </si>
  <si>
    <t>17.556642532348633</t>
  </si>
  <si>
    <t>1452.9471435546875</t>
  </si>
  <si>
    <t>0.03073832731107906</t>
  </si>
  <si>
    <t>47107</t>
  </si>
  <si>
    <t>17.761430740356445</t>
  </si>
  <si>
    <t>1347.4658203125</t>
  </si>
  <si>
    <t>0.004894459890010694</t>
  </si>
  <si>
    <t>46958</t>
  </si>
  <si>
    <t>15.813101768493652</t>
  </si>
  <si>
    <t>1618.253662109375</t>
  </si>
  <si>
    <t>-0.0031680247619902957</t>
  </si>
  <si>
    <t>16.357290267944336</t>
  </si>
  <si>
    <t>1347.6168212890625</t>
  </si>
  <si>
    <t>-0.010747957105317951</t>
  </si>
  <si>
    <t>46887</t>
  </si>
  <si>
    <t>17.543195724487305</t>
  </si>
  <si>
    <t>1617.3148193359375</t>
  </si>
  <si>
    <t>0.009234823458417196</t>
  </si>
  <si>
    <t>47124</t>
  </si>
  <si>
    <t>18.55729103088379</t>
  </si>
  <si>
    <t>1178.166748046875</t>
  </si>
  <si>
    <t>0.005041973855707482</t>
  </si>
  <si>
    <t>47897</t>
  </si>
  <si>
    <t>17.457265853881836</t>
  </si>
  <si>
    <t>1469.5479736328125</t>
  </si>
  <si>
    <t>0.016270446591459375</t>
  </si>
  <si>
    <t>17.936372756958008</t>
  </si>
  <si>
    <t>1816.630859375</t>
  </si>
  <si>
    <t>0.027795580081866333</t>
  </si>
  <si>
    <t>18.363027572631836</t>
  </si>
  <si>
    <t>1513.1539306640625</t>
  </si>
  <si>
    <t>0.006537359975283152</t>
  </si>
  <si>
    <t>47378</t>
  </si>
  <si>
    <t>17.734888076782227</t>
  </si>
  <si>
    <t>1638.1102294921875</t>
  </si>
  <si>
    <t>-0.04522782609654641</t>
  </si>
  <si>
    <t>50126</t>
  </si>
  <si>
    <t>17.196552276611328</t>
  </si>
  <si>
    <t>1672.6571044921875</t>
  </si>
  <si>
    <t>0.056381849616485624</t>
  </si>
  <si>
    <t>50913</t>
  </si>
  <si>
    <t>17.703346252441406</t>
  </si>
  <si>
    <t>1539.3353271484375</t>
  </si>
  <si>
    <t>0.015578458144815954</t>
  </si>
  <si>
    <t>5.933591365814209</t>
  </si>
  <si>
    <t>329.019775390625</t>
  </si>
  <si>
    <t>85.84587860107422</t>
  </si>
  <si>
    <t>Bismarck, ND</t>
  </si>
  <si>
    <t>7.284698963165283</t>
  </si>
  <si>
    <t>435.3078308105469</t>
  </si>
  <si>
    <t>-0.014393851351423237</t>
  </si>
  <si>
    <t>34227</t>
  </si>
  <si>
    <t>5.2456231117248535</t>
  </si>
  <si>
    <t>377.46038818359375</t>
  </si>
  <si>
    <t>0.020812866577275102</t>
  </si>
  <si>
    <t>3.963386297225952</t>
  </si>
  <si>
    <t>483.2393798828125</t>
  </si>
  <si>
    <t>0.014013023591353146</t>
  </si>
  <si>
    <t>5.877539157867432</t>
  </si>
  <si>
    <t>432.49652099609375</t>
  </si>
  <si>
    <t>0.02731020386724481</t>
  </si>
  <si>
    <t>4.925983428955078</t>
  </si>
  <si>
    <t>531.73486328125</t>
  </si>
  <si>
    <t>0.014610581747946938</t>
  </si>
  <si>
    <t>3.513092279434204</t>
  </si>
  <si>
    <t>440.8145751953125</t>
  </si>
  <si>
    <t>0.02518035241106098</t>
  </si>
  <si>
    <t>5.728755474090576</t>
  </si>
  <si>
    <t>358.2337341308594</t>
  </si>
  <si>
    <t>0.03121648419026002</t>
  </si>
  <si>
    <t>39540</t>
  </si>
  <si>
    <t>6.644495487213135</t>
  </si>
  <si>
    <t>523.863525390625</t>
  </si>
  <si>
    <t>0.03196736565226388</t>
  </si>
  <si>
    <t>40953</t>
  </si>
  <si>
    <t>6.811093807220459</t>
  </si>
  <si>
    <t>475.79754638671875</t>
  </si>
  <si>
    <t>0.035112249946479324</t>
  </si>
  <si>
    <t>42142</t>
  </si>
  <si>
    <t>5.743799686431885</t>
  </si>
  <si>
    <t>462.2896423339844</t>
  </si>
  <si>
    <t>0.028619800405664364</t>
  </si>
  <si>
    <t>6.205896377563477</t>
  </si>
  <si>
    <t>442.326171875</t>
  </si>
  <si>
    <t>-0.0002847921036899237</t>
  </si>
  <si>
    <t>41600</t>
  </si>
  <si>
    <t>5.212113857269287</t>
  </si>
  <si>
    <t>330.06866455078125</t>
  </si>
  <si>
    <t>-0.012659908723707147</t>
  </si>
  <si>
    <t>5.263049602508545</t>
  </si>
  <si>
    <t>361.44525146484375</t>
  </si>
  <si>
    <t>0.09666415786708349</t>
  </si>
  <si>
    <t>5.481537342071533</t>
  </si>
  <si>
    <t>386.505615234375</t>
  </si>
  <si>
    <t>0.027975658130005243</t>
  </si>
  <si>
    <t>7.287600994110107</t>
  </si>
  <si>
    <t>456.7652893066406</t>
  </si>
  <si>
    <t>0.027585935420585628</t>
  </si>
  <si>
    <t>49297</t>
  </si>
  <si>
    <t>6.535661697387695</t>
  </si>
  <si>
    <t>294.70965576171875</t>
  </si>
  <si>
    <t>0.0175373085852204</t>
  </si>
  <si>
    <t>5.9804511070251465</t>
  </si>
  <si>
    <t>442.00311279296875</t>
  </si>
  <si>
    <t>0.04263061013372749</t>
  </si>
  <si>
    <t>53515</t>
  </si>
  <si>
    <t>4.764650344848633</t>
  </si>
  <si>
    <t>422.0361633300781</t>
  </si>
  <si>
    <t>0.0394681510324979</t>
  </si>
  <si>
    <t>56013</t>
  </si>
  <si>
    <t>4.562733173370361</t>
  </si>
  <si>
    <t>483.3540954589844</t>
  </si>
  <si>
    <t>0.04562181821497013</t>
  </si>
  <si>
    <t>58982</t>
  </si>
  <si>
    <t>5.299441814422607</t>
  </si>
  <si>
    <t>493.3561096191406</t>
  </si>
  <si>
    <t>0.05164850596082893</t>
  </si>
  <si>
    <t>65343</t>
  </si>
  <si>
    <t>6.0301899909973145</t>
  </si>
  <si>
    <t>520.800537109375</t>
  </si>
  <si>
    <t>0.1024180061890636</t>
  </si>
  <si>
    <t>76406</t>
  </si>
  <si>
    <t>6.9289231300354</t>
  </si>
  <si>
    <t>369.3729553222656</t>
  </si>
  <si>
    <t>0.15641090831905125</t>
  </si>
  <si>
    <t>77442</t>
  </si>
  <si>
    <t>4.459001541137695</t>
  </si>
  <si>
    <t>601.0015869140625</t>
  </si>
  <si>
    <t>0.013468041960853938</t>
  </si>
  <si>
    <t>82725</t>
  </si>
  <si>
    <t>5.003698825836182</t>
  </si>
  <si>
    <t>432.3185119628906</t>
  </si>
  <si>
    <t>0.06599258472656899</t>
  </si>
  <si>
    <t>75383</t>
  </si>
  <si>
    <t>6.8968071937561035</t>
  </si>
  <si>
    <t>475.9338684082031</t>
  </si>
  <si>
    <t>-0.09294006840561764</t>
  </si>
  <si>
    <t>67156</t>
  </si>
  <si>
    <t>7.420408248901367</t>
  </si>
  <si>
    <t>487.42584228515625</t>
  </si>
  <si>
    <t>-0.11556351422790634</t>
  </si>
  <si>
    <t>69279</t>
  </si>
  <si>
    <t>6.495179653167725</t>
  </si>
  <si>
    <t>354.01806640625</t>
  </si>
  <si>
    <t>0.031123558795716377</t>
  </si>
  <si>
    <t>68517</t>
  </si>
  <si>
    <t>5.129504680633545</t>
  </si>
  <si>
    <t>495.7779235839844</t>
  </si>
  <si>
    <t>-0.011059940309571914</t>
  </si>
  <si>
    <t>68261</t>
  </si>
  <si>
    <t>4.470483303070068</t>
  </si>
  <si>
    <t>653.887939453125</t>
  </si>
  <si>
    <t>-0.00374329642089144</t>
  </si>
  <si>
    <t>63969</t>
  </si>
  <si>
    <t>6.950611591339111</t>
  </si>
  <si>
    <t>312.8023376464844</t>
  </si>
  <si>
    <t>-0.06494000222719798</t>
  </si>
  <si>
    <t>67679</t>
  </si>
  <si>
    <t>6.997690200805664</t>
  </si>
  <si>
    <t>378.20947265625</t>
  </si>
  <si>
    <t>0.0563773487628918</t>
  </si>
  <si>
    <t>68742</t>
  </si>
  <si>
    <t>5.7019782066345215</t>
  </si>
  <si>
    <t>423.6564636230469</t>
  </si>
  <si>
    <t>0.015584426364446458</t>
  </si>
  <si>
    <t>34990</t>
  </si>
  <si>
    <t>9.039385795593262</t>
  </si>
  <si>
    <t>302.1532287597656</t>
  </si>
  <si>
    <t>257.2074279785156</t>
  </si>
  <si>
    <t>Boise City-Nampa, ID</t>
  </si>
  <si>
    <t>34491</t>
  </si>
  <si>
    <t>9.400399208068848</t>
  </si>
  <si>
    <t>328.1007995605469</t>
  </si>
  <si>
    <t>-0.014363885939884469</t>
  </si>
  <si>
    <t>9.79974365234375</t>
  </si>
  <si>
    <t>348.285400390625</t>
  </si>
  <si>
    <t>0.020802104344394223</t>
  </si>
  <si>
    <t>35713</t>
  </si>
  <si>
    <t>8.070732116699219</t>
  </si>
  <si>
    <t>413.2098388671875</t>
  </si>
  <si>
    <t>0.014014243374811386</t>
  </si>
  <si>
    <t>36701</t>
  </si>
  <si>
    <t>9.717435836791992</t>
  </si>
  <si>
    <t>411.6451721191406</t>
  </si>
  <si>
    <t>0.027289234486790548</t>
  </si>
  <si>
    <t>37242</t>
  </si>
  <si>
    <t>9.699295997619629</t>
  </si>
  <si>
    <t>508.0206604003906</t>
  </si>
  <si>
    <t>0.014633154013862892</t>
  </si>
  <si>
    <t>38191</t>
  </si>
  <si>
    <t>9.278865814208984</t>
  </si>
  <si>
    <t>541.198486328125</t>
  </si>
  <si>
    <t>0.025162729100184578</t>
  </si>
  <si>
    <t>39403</t>
  </si>
  <si>
    <t>9.262459754943848</t>
  </si>
  <si>
    <t>347.4078674316406</t>
  </si>
  <si>
    <t>0.0312420697774467</t>
  </si>
  <si>
    <t>40682</t>
  </si>
  <si>
    <t>9.578804016113281</t>
  </si>
  <si>
    <t>486.8824462890625</t>
  </si>
  <si>
    <t>0.03194377864309317</t>
  </si>
  <si>
    <t>42136</t>
  </si>
  <si>
    <t>9.359538078308105</t>
  </si>
  <si>
    <t>329.51165771484375</t>
  </si>
  <si>
    <t>0.03511674800079234</t>
  </si>
  <si>
    <t>9.104411125183105</t>
  </si>
  <si>
    <t>357.951904296875</t>
  </si>
  <si>
    <t>9.857855796813965</t>
  </si>
  <si>
    <t>321.694580078125</t>
  </si>
  <si>
    <t>-0.0002767910706413801</t>
  </si>
  <si>
    <t>9.429733276367188</t>
  </si>
  <si>
    <t>273.8609924316406</t>
  </si>
  <si>
    <t>-0.0012003140723724215</t>
  </si>
  <si>
    <t>9.824424743652344</t>
  </si>
  <si>
    <t>375.2204284667969</t>
  </si>
  <si>
    <t>0.017787098068023255</t>
  </si>
  <si>
    <t>45265</t>
  </si>
  <si>
    <t>9.781013488769531</t>
  </si>
  <si>
    <t>318.4156494140625</t>
  </si>
  <si>
    <t>0.02668675687100297</t>
  </si>
  <si>
    <t>47199</t>
  </si>
  <si>
    <t>9.673650741577148</t>
  </si>
  <si>
    <t>506.5050048828125</t>
  </si>
  <si>
    <t>0.04183859899899289</t>
  </si>
  <si>
    <t>9.526344299316406</t>
  </si>
  <si>
    <t>352.5613708496094</t>
  </si>
  <si>
    <t>-0.0385302589722194</t>
  </si>
  <si>
    <t>10.042784690856934</t>
  </si>
  <si>
    <t>301.9034118652344</t>
  </si>
  <si>
    <t>-0.030857674696752824</t>
  </si>
  <si>
    <t>9.325005531311035</t>
  </si>
  <si>
    <t>257.5158996582031</t>
  </si>
  <si>
    <t>-0.010914347087762621</t>
  </si>
  <si>
    <t>9.182900428771973</t>
  </si>
  <si>
    <t>357.722412109375</t>
  </si>
  <si>
    <t>-0.044552993465545754</t>
  </si>
  <si>
    <t>9.076069831848145</t>
  </si>
  <si>
    <t>428.49267578125</t>
  </si>
  <si>
    <t>-0.002571776783723223</t>
  </si>
  <si>
    <t>40772</t>
  </si>
  <si>
    <t>8.785847663879395</t>
  </si>
  <si>
    <t>409.9140930175781</t>
  </si>
  <si>
    <t>-0.01895008361422512</t>
  </si>
  <si>
    <t>9.900530815124512</t>
  </si>
  <si>
    <t>366.1625671386719</t>
  </si>
  <si>
    <t>-0.003882736551641841</t>
  </si>
  <si>
    <t>9.685797691345215</t>
  </si>
  <si>
    <t>288.7156677246094</t>
  </si>
  <si>
    <t>0.031196858237219516</t>
  </si>
  <si>
    <t>10.28187084197998</t>
  </si>
  <si>
    <t>461.2562255859375</t>
  </si>
  <si>
    <t>0.022885913681518488</t>
  </si>
  <si>
    <t>43436</t>
  </si>
  <si>
    <t>10.754169464111328</t>
  </si>
  <si>
    <t>385.25372314453125</t>
  </si>
  <si>
    <t>0.01309298368139089</t>
  </si>
  <si>
    <t>9.942337989807129</t>
  </si>
  <si>
    <t>413.7059326171875</t>
  </si>
  <si>
    <t>0.02316635630792163</t>
  </si>
  <si>
    <t>45604</t>
  </si>
  <si>
    <t>10.232571601867676</t>
  </si>
  <si>
    <t>477.85955810546875</t>
  </si>
  <si>
    <t>0.025540485308898297</t>
  </si>
  <si>
    <t>9.7659330368042</t>
  </si>
  <si>
    <t>380.0229797363281</t>
  </si>
  <si>
    <t>0.03289309083114844</t>
  </si>
  <si>
    <t>47908</t>
  </si>
  <si>
    <t>9.245308876037598</t>
  </si>
  <si>
    <t>469.9958190917969</t>
  </si>
  <si>
    <t>0.01639398228263822</t>
  </si>
  <si>
    <t>46595</t>
  </si>
  <si>
    <t>10.20202350616455</t>
  </si>
  <si>
    <t>411.4698181152344</t>
  </si>
  <si>
    <t>-0.027789265847641076</t>
  </si>
  <si>
    <t>10.53300952911377</t>
  </si>
  <si>
    <t>378.06329345703125</t>
  </si>
  <si>
    <t>0.05636998803249327</t>
  </si>
  <si>
    <t>50071</t>
  </si>
  <si>
    <t>9.710641860961914</t>
  </si>
  <si>
    <t>399.5800476074219</t>
  </si>
  <si>
    <t>0.015578770911448103</t>
  </si>
  <si>
    <t>49105</t>
  </si>
  <si>
    <t>10.45527172088623</t>
  </si>
  <si>
    <t>1136.2601318359375</t>
  </si>
  <si>
    <t>4254.49365234375</t>
  </si>
  <si>
    <t>Boston-Worcester-Manchester, MA-NH</t>
  </si>
  <si>
    <t>10.692051887512207</t>
  </si>
  <si>
    <t>1152.4661865234375</t>
  </si>
  <si>
    <t>-0.01439906733697427</t>
  </si>
  <si>
    <t>49421</t>
  </si>
  <si>
    <t>9.026959419250488</t>
  </si>
  <si>
    <t>1096.6654052734375</t>
  </si>
  <si>
    <t>0.020813639805766115</t>
  </si>
  <si>
    <t>50119</t>
  </si>
  <si>
    <t>8.836371421813965</t>
  </si>
  <si>
    <t>1186.8463134765625</t>
  </si>
  <si>
    <t>0.01402474263536746</t>
  </si>
  <si>
    <t>51505</t>
  </si>
  <si>
    <t>10.330138206481934</t>
  </si>
  <si>
    <t>1145.79248046875</t>
  </si>
  <si>
    <t>0.027278712621759738</t>
  </si>
  <si>
    <t>52264</t>
  </si>
  <si>
    <t>9.497254371643066</t>
  </si>
  <si>
    <t>1065.041015625</t>
  </si>
  <si>
    <t>0.014628907202792973</t>
  </si>
  <si>
    <t>53596</t>
  </si>
  <si>
    <t>9.506735801696777</t>
  </si>
  <si>
    <t>1382.775390625</t>
  </si>
  <si>
    <t>0.025166640887912095</t>
  </si>
  <si>
    <t>55297</t>
  </si>
  <si>
    <t>9.49311351776123</t>
  </si>
  <si>
    <t>1058.4071044921875</t>
  </si>
  <si>
    <t>0.031244219082447344</t>
  </si>
  <si>
    <t>10.711913108825684</t>
  </si>
  <si>
    <t>1380.5753173828125</t>
  </si>
  <si>
    <t>0.03194534425871254</t>
  </si>
  <si>
    <t>59133</t>
  </si>
  <si>
    <t>10.40853500366211</t>
  </si>
  <si>
    <t>1041.7095947265625</t>
  </si>
  <si>
    <t>0.035125142445380675</t>
  </si>
  <si>
    <t>60850</t>
  </si>
  <si>
    <t>9.352325439453125</t>
  </si>
  <si>
    <t>1171.3203125</t>
  </si>
  <si>
    <t>0.028622675220633553</t>
  </si>
  <si>
    <t>10.694660186767578</t>
  </si>
  <si>
    <t>1031.4365234375</t>
  </si>
  <si>
    <t>-0.0002794145461670894</t>
  </si>
  <si>
    <t>9.89522647857666</t>
  </si>
  <si>
    <t>1186.6954345703125</t>
  </si>
  <si>
    <t>0.005410026638255516</t>
  </si>
  <si>
    <t>62454</t>
  </si>
  <si>
    <t>8.947237968444824</t>
  </si>
  <si>
    <t>1313.3538818359375</t>
  </si>
  <si>
    <t>0.02088785423576134</t>
  </si>
  <si>
    <t>63936</t>
  </si>
  <si>
    <t>9.678237915039062</t>
  </si>
  <si>
    <t>1249.518798828125</t>
  </si>
  <si>
    <t>0.023452297264702437</t>
  </si>
  <si>
    <t>64858</t>
  </si>
  <si>
    <t>10.475058555603027</t>
  </si>
  <si>
    <t>1283.8096923828125</t>
  </si>
  <si>
    <t>0.014317681731649046</t>
  </si>
  <si>
    <t>65760</t>
  </si>
  <si>
    <t>10.755316734313965</t>
  </si>
  <si>
    <t>1277.8182373046875</t>
  </si>
  <si>
    <t>0.013811485990187222</t>
  </si>
  <si>
    <t>66744</t>
  </si>
  <si>
    <t>10.074078559875488</t>
  </si>
  <si>
    <t>1079.7139892578125</t>
  </si>
  <si>
    <t>0.014852654851848612</t>
  </si>
  <si>
    <t>66292</t>
  </si>
  <si>
    <t>9.567512512207031</t>
  </si>
  <si>
    <t>1479.12939453125</t>
  </si>
  <si>
    <t>-0.006795179338475066</t>
  </si>
  <si>
    <t>66111</t>
  </si>
  <si>
    <t>9.67632007598877</t>
  </si>
  <si>
    <t>1287.9581298828125</t>
  </si>
  <si>
    <t>-0.002734078725568523</t>
  </si>
  <si>
    <t>68121</t>
  </si>
  <si>
    <t>10.785843849182129</t>
  </si>
  <si>
    <t>1205.45263671875</t>
  </si>
  <si>
    <t>0.02995038812752071</t>
  </si>
  <si>
    <t>10.978909492492676</t>
  </si>
  <si>
    <t>1517.8443603515625</t>
  </si>
  <si>
    <t>0.007385936009272953</t>
  </si>
  <si>
    <t>69657</t>
  </si>
  <si>
    <t>11.47518539428711</t>
  </si>
  <si>
    <t>1072.3475341796875</t>
  </si>
  <si>
    <t>0.014911726015814253</t>
  </si>
  <si>
    <t>69745</t>
  </si>
  <si>
    <t>9.687664985656738</t>
  </si>
  <si>
    <t>1221.76416015625</t>
  </si>
  <si>
    <t>0.0012625358558615574</t>
  </si>
  <si>
    <t>70401</t>
  </si>
  <si>
    <t>9.403221130371094</t>
  </si>
  <si>
    <t>1335.4495849609375</t>
  </si>
  <si>
    <t>0.009361734064368576</t>
  </si>
  <si>
    <t>73366</t>
  </si>
  <si>
    <t>10.39437484741211</t>
  </si>
  <si>
    <t>1061.144287109375</t>
  </si>
  <si>
    <t>0.04125314543571612</t>
  </si>
  <si>
    <t>74529</t>
  </si>
  <si>
    <t>11.255012512207031</t>
  </si>
  <si>
    <t>1025.0196533203125</t>
  </si>
  <si>
    <t>0.01572769834349863</t>
  </si>
  <si>
    <t>75404</t>
  </si>
  <si>
    <t>10.299891471862793</t>
  </si>
  <si>
    <t>1252.7841796875</t>
  </si>
  <si>
    <t>0.011672012616882554</t>
  </si>
  <si>
    <t>77232</t>
  </si>
  <si>
    <t>10.380633354187012</t>
  </si>
  <si>
    <t>1558.659912109375</t>
  </si>
  <si>
    <t>0.023953554913472175</t>
  </si>
  <si>
    <t>79180</t>
  </si>
  <si>
    <t>10.330170631408691</t>
  </si>
  <si>
    <t>1318.8331298828125</t>
  </si>
  <si>
    <t>0.024909862759846746</t>
  </si>
  <si>
    <t>76017</t>
  </si>
  <si>
    <t>11.051689147949219</t>
  </si>
  <si>
    <t>1142.5523681640625</t>
  </si>
  <si>
    <t>-0.04076674219470888</t>
  </si>
  <si>
    <t>80426</t>
  </si>
  <si>
    <t>10.891009330749512</t>
  </si>
  <si>
    <t>1330.54345703125</t>
  </si>
  <si>
    <t>0.056380507509183886</t>
  </si>
  <si>
    <t>81689</t>
  </si>
  <si>
    <t>11.277386665344238</t>
  </si>
  <si>
    <t>1191.6275634765625</t>
  </si>
  <si>
    <t>0.015581846885975636</t>
  </si>
  <si>
    <t>8.98830795288086</t>
  </si>
  <si>
    <t>1244.5921630859375</t>
  </si>
  <si>
    <t>784.5513916015625</t>
  </si>
  <si>
    <t>Buffalo-Niagara-Cattaraugus, NY</t>
  </si>
  <si>
    <t>9.568825721740723</t>
  </si>
  <si>
    <t>853.0291748046875</t>
  </si>
  <si>
    <t>-0.01438701233114692</t>
  </si>
  <si>
    <t>7.7451171875</t>
  </si>
  <si>
    <t>1203.37158203125</t>
  </si>
  <si>
    <t>0.020823816164627473</t>
  </si>
  <si>
    <t>7.171597003936768</t>
  </si>
  <si>
    <t>956.7362670898438</t>
  </si>
  <si>
    <t>0.014005132097874906</t>
  </si>
  <si>
    <t>35247</t>
  </si>
  <si>
    <t>8.647608757019043</t>
  </si>
  <si>
    <t>1042.526611328125</t>
  </si>
  <si>
    <t>0.027293375819589016</t>
  </si>
  <si>
    <t>8.055157661437988</t>
  </si>
  <si>
    <t>879.8580932617188</t>
  </si>
  <si>
    <t>0.014617302212299066</t>
  </si>
  <si>
    <t>7.764120578765869</t>
  </si>
  <si>
    <t>1154.3475341796875</t>
  </si>
  <si>
    <t>0.025179398808798936</t>
  </si>
  <si>
    <t>8.045029640197754</t>
  </si>
  <si>
    <t>1124.5501708984375</t>
  </si>
  <si>
    <t>0.03121605062115762</t>
  </si>
  <si>
    <t>39070</t>
  </si>
  <si>
    <t>9.687861442565918</t>
  </si>
  <si>
    <t>960.0781860351562</t>
  </si>
  <si>
    <t>0.03196173817117831</t>
  </si>
  <si>
    <t>9.1066255569458</t>
  </si>
  <si>
    <t>898.0117797851562</t>
  </si>
  <si>
    <t>0.03513191808867333</t>
  </si>
  <si>
    <t>41642</t>
  </si>
  <si>
    <t>8.078618049621582</t>
  </si>
  <si>
    <t>1043.9300537109375</t>
  </si>
  <si>
    <t>0.028622446177351435</t>
  </si>
  <si>
    <t>9.418603897094727</t>
  </si>
  <si>
    <t>877.148193359375</t>
  </si>
  <si>
    <t>-0.0002882121261187365</t>
  </si>
  <si>
    <t>8.471927642822266</t>
  </si>
  <si>
    <t>1081.0546875</t>
  </si>
  <si>
    <t>0.026360982161115487</t>
  </si>
  <si>
    <t>7.594703197479248</t>
  </si>
  <si>
    <t>1039.099365234375</t>
  </si>
  <si>
    <t>0.014009312952603992</t>
  </si>
  <si>
    <t>44927</t>
  </si>
  <si>
    <t>8.331130981445312</t>
  </si>
  <si>
    <t>1164.926025390625</t>
  </si>
  <si>
    <t>0.03584759400027515</t>
  </si>
  <si>
    <t>45930</t>
  </si>
  <si>
    <t>9.155158042907715</t>
  </si>
  <si>
    <t>975.2445678710938</t>
  </si>
  <si>
    <t>0.02207954801682277</t>
  </si>
  <si>
    <t>47657</t>
  </si>
  <si>
    <t>9.189545631408691</t>
  </si>
  <si>
    <t>1239.732421875</t>
  </si>
  <si>
    <t>0.036911025485165894</t>
  </si>
  <si>
    <t>8.753626823425293</t>
  </si>
  <si>
    <t>923.3134765625</t>
  </si>
  <si>
    <t>0.010250076694619636</t>
  </si>
  <si>
    <t>48857</t>
  </si>
  <si>
    <t>7.802540302276611</t>
  </si>
  <si>
    <t>1161.5205078125</t>
  </si>
  <si>
    <t>0.014618063508921253</t>
  </si>
  <si>
    <t>8.24101734161377</t>
  </si>
  <si>
    <t>1022.18505859375</t>
  </si>
  <si>
    <t>0.013155810364246179</t>
  </si>
  <si>
    <t>51151</t>
  </si>
  <si>
    <t>9.080060005187988</t>
  </si>
  <si>
    <t>983.1780395507812</t>
  </si>
  <si>
    <t>0.03272856815800651</t>
  </si>
  <si>
    <t>50511</t>
  </si>
  <si>
    <t>9.521034240722656</t>
  </si>
  <si>
    <t>1338.2178955078125</t>
  </si>
  <si>
    <t>-0.012590908204888507</t>
  </si>
  <si>
    <t>10.195208549499512</t>
  </si>
  <si>
    <t>963.6314086914062</t>
  </si>
  <si>
    <t>0.023556740485993544</t>
  </si>
  <si>
    <t>51862</t>
  </si>
  <si>
    <t>8.088929176330566</t>
  </si>
  <si>
    <t>1195.1639404296875</t>
  </si>
  <si>
    <t>0.0028384699054271323</t>
  </si>
  <si>
    <t>7.7856125831604</t>
  </si>
  <si>
    <t>1058.076416015625</t>
  </si>
  <si>
    <t>0.021365888490588958</t>
  </si>
  <si>
    <t>54407</t>
  </si>
  <si>
    <t>8.979510307312012</t>
  </si>
  <si>
    <t>1016.210205078125</t>
  </si>
  <si>
    <t>0.026540588828595446</t>
  </si>
  <si>
    <t>55272</t>
  </si>
  <si>
    <t>10.020354270935059</t>
  </si>
  <si>
    <t>1035.9879150390625</t>
  </si>
  <si>
    <t>0.01577362913211644</t>
  </si>
  <si>
    <t>55572</t>
  </si>
  <si>
    <t>9.047418594360352</t>
  </si>
  <si>
    <t>1262.6351318359375</t>
  </si>
  <si>
    <t>0.005413026100120177</t>
  </si>
  <si>
    <t>56805</t>
  </si>
  <si>
    <t>9.02502727508545</t>
  </si>
  <si>
    <t>1255.447021484375</t>
  </si>
  <si>
    <t>0.021944872735252474</t>
  </si>
  <si>
    <t>59039</t>
  </si>
  <si>
    <t>9.131746292114258</t>
  </si>
  <si>
    <t>1138.882568359375</t>
  </si>
  <si>
    <t>0.038573892457529624</t>
  </si>
  <si>
    <t>9.705438613891602</t>
  </si>
  <si>
    <t>1034.775390625</t>
  </si>
  <si>
    <t>-0.08865879462342185</t>
  </si>
  <si>
    <t>57163</t>
  </si>
  <si>
    <t>9.66544246673584</t>
  </si>
  <si>
    <t>1128.011962890625</t>
  </si>
  <si>
    <t>0.05636738808316544</t>
  </si>
  <si>
    <t>58061</t>
  </si>
  <si>
    <t>9.62716293334961</t>
  </si>
  <si>
    <t>1148.4339599609375</t>
  </si>
  <si>
    <t>0.015587346070851993</t>
  </si>
  <si>
    <t>7.253193378448486</t>
  </si>
  <si>
    <t>1157.2926025390625</t>
  </si>
  <si>
    <t>248.99282836914062</t>
  </si>
  <si>
    <t>Burlington-South Burlington, VT</t>
  </si>
  <si>
    <t>36327</t>
  </si>
  <si>
    <t>7.536069869995117</t>
  </si>
  <si>
    <t>894.2877197265625</t>
  </si>
  <si>
    <t>-0.014402894472329564</t>
  </si>
  <si>
    <t>6.027095317840576</t>
  </si>
  <si>
    <t>839.1748046875</t>
  </si>
  <si>
    <t>0.02081308614284083</t>
  </si>
  <si>
    <t>37615</t>
  </si>
  <si>
    <t>5.411929607391357</t>
  </si>
  <si>
    <t>899.8040771484375</t>
  </si>
  <si>
    <t>0.014028554429003748</t>
  </si>
  <si>
    <t>38655</t>
  </si>
  <si>
    <t>7.261389255523682</t>
  </si>
  <si>
    <t>883.5109252929688</t>
  </si>
  <si>
    <t>0.02727322576025415</t>
  </si>
  <si>
    <t>39225</t>
  </si>
  <si>
    <t>6.672979354858398</t>
  </si>
  <si>
    <t>934.1107788085938</t>
  </si>
  <si>
    <t>0.01463816584665878</t>
  </si>
  <si>
    <t>6.724964141845703</t>
  </si>
  <si>
    <t>1093.8564453125</t>
  </si>
  <si>
    <t>0.025174394259350308</t>
  </si>
  <si>
    <t>6.422825336456299</t>
  </si>
  <si>
    <t>953.3753662109375</t>
  </si>
  <si>
    <t>0.031228830453434497</t>
  </si>
  <si>
    <t>42849</t>
  </si>
  <si>
    <t>8.204766273498535</t>
  </si>
  <si>
    <t>1023.2887573242188</t>
  </si>
  <si>
    <t>0.031964784216718556</t>
  </si>
  <si>
    <t>44380</t>
  </si>
  <si>
    <t>7.7986907958984375</t>
  </si>
  <si>
    <t>874.9596557617188</t>
  </si>
  <si>
    <t>0.03510660995584658</t>
  </si>
  <si>
    <t>45669</t>
  </si>
  <si>
    <t>6.562551498413086</t>
  </si>
  <si>
    <t>1003.6978759765625</t>
  </si>
  <si>
    <t>0.028630813240779318</t>
  </si>
  <si>
    <t>7.866034030914307</t>
  </si>
  <si>
    <t>743.9722900390625</t>
  </si>
  <si>
    <t>-0.00028469751081949823</t>
  </si>
  <si>
    <t>46318</t>
  </si>
  <si>
    <t>6.695842742919922</t>
  </si>
  <si>
    <t>1002.172119140625</t>
  </si>
  <si>
    <t>0.014395621205222753</t>
  </si>
  <si>
    <t>48132</t>
  </si>
  <si>
    <t>6.049899578094482</t>
  </si>
  <si>
    <t>0.038416582136285626</t>
  </si>
  <si>
    <t>50293</t>
  </si>
  <si>
    <t>6.65248441696167</t>
  </si>
  <si>
    <t>977.2716064453125</t>
  </si>
  <si>
    <t>0.043918665835489534</t>
  </si>
  <si>
    <t>50292</t>
  </si>
  <si>
    <t>7.641696929931641</t>
  </si>
  <si>
    <t>1194.831298828125</t>
  </si>
  <si>
    <t>-1.9883680469234832e-05</t>
  </si>
  <si>
    <t>7.800905227661133</t>
  </si>
  <si>
    <t>1161.4573974609375</t>
  </si>
  <si>
    <t>-0.003326133104202711</t>
  </si>
  <si>
    <t>6.8857550621032715</t>
  </si>
  <si>
    <t>994.23779296875</t>
  </si>
  <si>
    <t>-0.012648231254962283</t>
  </si>
  <si>
    <t>50775</t>
  </si>
  <si>
    <t>6.472606658935547</t>
  </si>
  <si>
    <t>1173.6622314453125</t>
  </si>
  <si>
    <t>0.02553245309467833</t>
  </si>
  <si>
    <t>50844</t>
  </si>
  <si>
    <t>6.868222713470459</t>
  </si>
  <si>
    <t>970.189208984375</t>
  </si>
  <si>
    <t>0.001358013965973015</t>
  </si>
  <si>
    <t>52688</t>
  </si>
  <si>
    <t>7.900905609130859</t>
  </si>
  <si>
    <t>1051.3018798828125</t>
  </si>
  <si>
    <t>0.035625604201586114</t>
  </si>
  <si>
    <t>53457</t>
  </si>
  <si>
    <t>8.055635452270508</t>
  </si>
  <si>
    <t>1320.3997802734375</t>
  </si>
  <si>
    <t>0.014489866779380023</t>
  </si>
  <si>
    <t>8.605705261230469</t>
  </si>
  <si>
    <t>927.067138671875</t>
  </si>
  <si>
    <t>0.00908741658991552</t>
  </si>
  <si>
    <t>52903</t>
  </si>
  <si>
    <t>6.858436107635498</t>
  </si>
  <si>
    <t>1107.3551025390625</t>
  </si>
  <si>
    <t>-0.019504960971998386</t>
  </si>
  <si>
    <t>6.577371597290039</t>
  </si>
  <si>
    <t>1036.5078125</t>
  </si>
  <si>
    <t>0.015530068112632023</t>
  </si>
  <si>
    <t>54549</t>
  </si>
  <si>
    <t>7.59672212600708</t>
  </si>
  <si>
    <t>954.3775024414062</t>
  </si>
  <si>
    <t>0.015109264161429437</t>
  </si>
  <si>
    <t>55646</t>
  </si>
  <si>
    <t>8.360918998718262</t>
  </si>
  <si>
    <t>840.1572265625</t>
  </si>
  <si>
    <t>0.019910817025126093</t>
  </si>
  <si>
    <t>55534</t>
  </si>
  <si>
    <t>7.501537799835205</t>
  </si>
  <si>
    <t>1075.3370361328125</t>
  </si>
  <si>
    <t>-0.0020147515359969503</t>
  </si>
  <si>
    <t>55819</t>
  </si>
  <si>
    <t>7.563793659210205</t>
  </si>
  <si>
    <t>1174.5369873046875</t>
  </si>
  <si>
    <t>0.0051188674273046075</t>
  </si>
  <si>
    <t>56457</t>
  </si>
  <si>
    <t>7.433406352996826</t>
  </si>
  <si>
    <t>1076.231689453125</t>
  </si>
  <si>
    <t>0.011364973229024855</t>
  </si>
  <si>
    <t>8.226234436035156</t>
  </si>
  <si>
    <t>901.2698364257812</t>
  </si>
  <si>
    <t>-0.0278930808444926</t>
  </si>
  <si>
    <t>58088</t>
  </si>
  <si>
    <t>8.019662857055664</t>
  </si>
  <si>
    <t>1087.6416015625</t>
  </si>
  <si>
    <t>0.05637289647161303</t>
  </si>
  <si>
    <t>59000</t>
  </si>
  <si>
    <t>8.494074821472168</t>
  </si>
  <si>
    <t>1030.177001953125</t>
  </si>
  <si>
    <t>0.015578341827772846</t>
  </si>
  <si>
    <t>14.527426719665527</t>
  </si>
  <si>
    <t>1445.6578369140625</t>
  </si>
  <si>
    <t>134.2113037109375</t>
  </si>
  <si>
    <t>Cape Girardeau-Jackson, MO-IL</t>
  </si>
  <si>
    <t>15.35727310180664</t>
  </si>
  <si>
    <t>1114.473388671875</t>
  </si>
  <si>
    <t>-0.014399308444239978</t>
  </si>
  <si>
    <t>27596</t>
  </si>
  <si>
    <t>14.04715347290039</t>
  </si>
  <si>
    <t>1083.390625</t>
  </si>
  <si>
    <t>0.020797468993935198</t>
  </si>
  <si>
    <t>13.29643726348877</t>
  </si>
  <si>
    <t>1374.5023193359375</t>
  </si>
  <si>
    <t>0.014033550449658705</t>
  </si>
  <si>
    <t>28760</t>
  </si>
  <si>
    <t>14.448741912841797</t>
  </si>
  <si>
    <t>1150.8175048828125</t>
  </si>
  <si>
    <t>0.027281147719325105</t>
  </si>
  <si>
    <t>14.045475006103516</t>
  </si>
  <si>
    <t>1141.2181396484375</t>
  </si>
  <si>
    <t>0.014635081039074294</t>
  </si>
  <si>
    <t>13.364921569824219</t>
  </si>
  <si>
    <t>1352.1842041015625</t>
  </si>
  <si>
    <t>0.025140469069883764</t>
  </si>
  <si>
    <t>13.727522850036621</t>
  </si>
  <si>
    <t>1169.723388671875</t>
  </si>
  <si>
    <t>0.03125048721631174</t>
  </si>
  <si>
    <t>15.2384033203125</t>
  </si>
  <si>
    <t>1357.67041015625</t>
  </si>
  <si>
    <t>0.03196728374389757</t>
  </si>
  <si>
    <t>14.852307319641113</t>
  </si>
  <si>
    <t>991.8793334960938</t>
  </si>
  <si>
    <t>0.03510429943542448</t>
  </si>
  <si>
    <t>33978</t>
  </si>
  <si>
    <t>13.940978050231934</t>
  </si>
  <si>
    <t>1110.4027099609375</t>
  </si>
  <si>
    <t>0.028630103002283747</t>
  </si>
  <si>
    <t>15.019908905029297</t>
  </si>
  <si>
    <t>1266.5235595703125</t>
  </si>
  <si>
    <t>-0.00029435139882139083</t>
  </si>
  <si>
    <t>14.282357215881348</t>
  </si>
  <si>
    <t>1297.45703125</t>
  </si>
  <si>
    <t>0.0140610645012611</t>
  </si>
  <si>
    <t>14.029918670654297</t>
  </si>
  <si>
    <t>1191.5260009765625</t>
  </si>
  <si>
    <t>0.04545463313511</t>
  </si>
  <si>
    <t>36601</t>
  </si>
  <si>
    <t>14.769490242004395</t>
  </si>
  <si>
    <t>1289.5523681640625</t>
  </si>
  <si>
    <t>0.015140959841170698</t>
  </si>
  <si>
    <t>15.18244457244873</t>
  </si>
  <si>
    <t>1052.0157470703125</t>
  </si>
  <si>
    <t>-0.0008473302771534463</t>
  </si>
  <si>
    <t>37768</t>
  </si>
  <si>
    <t>14.815077781677246</t>
  </si>
  <si>
    <t>1522.8253173828125</t>
  </si>
  <si>
    <t>0.03223395108269678</t>
  </si>
  <si>
    <t>15.233180046081543</t>
  </si>
  <si>
    <t>1016.8187866210938</t>
  </si>
  <si>
    <t>-0.0009536424563787449</t>
  </si>
  <si>
    <t>39907</t>
  </si>
  <si>
    <t>13.790719032287598</t>
  </si>
  <si>
    <t>1436.029296875</t>
  </si>
  <si>
    <t>0.05604320631715076</t>
  </si>
  <si>
    <t>13.978438377380371</t>
  </si>
  <si>
    <t>1456.4176025390625</t>
  </si>
  <si>
    <t>-0.045733972569598436</t>
  </si>
  <si>
    <t>38983</t>
  </si>
  <si>
    <t>14.590935707092285</t>
  </si>
  <si>
    <t>918.4091796875</t>
  </si>
  <si>
    <t>0.022307879127685837</t>
  </si>
  <si>
    <t>39631</t>
  </si>
  <si>
    <t>15.327399253845215</t>
  </si>
  <si>
    <t>1496.5296630859375</t>
  </si>
  <si>
    <t>0.01648598663017431</t>
  </si>
  <si>
    <t>39658</t>
  </si>
  <si>
    <t>15.922720909118652</t>
  </si>
  <si>
    <t>1078.92626953125</t>
  </si>
  <si>
    <t>0.0006810528835945462</t>
  </si>
  <si>
    <t>13.529769897460938</t>
  </si>
  <si>
    <t>1273.171875</t>
  </si>
  <si>
    <t>0.04127173955467356</t>
  </si>
  <si>
    <t>40250</t>
  </si>
  <si>
    <t>13.818770408630371</t>
  </si>
  <si>
    <t>1245.8070068359375</t>
  </si>
  <si>
    <t>-0.026454428866715674</t>
  </si>
  <si>
    <t>14.987738609313965</t>
  </si>
  <si>
    <t>1419.621337890625</t>
  </si>
  <si>
    <t>-0.0010937656454839129</t>
  </si>
  <si>
    <t>16.136747360229492</t>
  </si>
  <si>
    <t>1258.854248046875</t>
  </si>
  <si>
    <t>0.022672916534116183</t>
  </si>
  <si>
    <t>40259</t>
  </si>
  <si>
    <t>15.284552574157715</t>
  </si>
  <si>
    <t>1198.5628662109375</t>
  </si>
  <si>
    <t>-0.021355573399469918</t>
  </si>
  <si>
    <t>40282</t>
  </si>
  <si>
    <t>15.087800025939941</t>
  </si>
  <si>
    <t>1434.2991943359375</t>
  </si>
  <si>
    <t>0.0005711376969550486</t>
  </si>
  <si>
    <t>15.227348327636719</t>
  </si>
  <si>
    <t>1623.8963623046875</t>
  </si>
  <si>
    <t>0.024061495595343985</t>
  </si>
  <si>
    <t>41584</t>
  </si>
  <si>
    <t>14.886591911315918</t>
  </si>
  <si>
    <t>1388.91357421875</t>
  </si>
  <si>
    <t>0.007749263253101546</t>
  </si>
  <si>
    <t>43995</t>
  </si>
  <si>
    <t>14.961612701416016</t>
  </si>
  <si>
    <t>1273.972412109375</t>
  </si>
  <si>
    <t>0.05636051319838842</t>
  </si>
  <si>
    <t>44686</t>
  </si>
  <si>
    <t>15.351332664489746</t>
  </si>
  <si>
    <t>1337.62841796875</t>
  </si>
  <si>
    <t>0.015584262359771728</t>
  </si>
  <si>
    <t>47385</t>
  </si>
  <si>
    <t>5.715717315673828</t>
  </si>
  <si>
    <t>305.5185241699219</t>
  </si>
  <si>
    <t>131.63003540039062</t>
  </si>
  <si>
    <t>Casper, WY</t>
  </si>
  <si>
    <t>6.273451328277588</t>
  </si>
  <si>
    <t>375.44732666015625</t>
  </si>
  <si>
    <t>-0.01436885732923976</t>
  </si>
  <si>
    <t>6.004745960235596</t>
  </si>
  <si>
    <t>317.1627502441406</t>
  </si>
  <si>
    <t>0.020805835253925764</t>
  </si>
  <si>
    <t>48364</t>
  </si>
  <si>
    <t>4.771437644958496</t>
  </si>
  <si>
    <t>406.7855529785156</t>
  </si>
  <si>
    <t>0.014013034465154561</t>
  </si>
  <si>
    <t>49702</t>
  </si>
  <si>
    <t>6.746757984161377</t>
  </si>
  <si>
    <t>296.9745178222656</t>
  </si>
  <si>
    <t>0.027289438429610513</t>
  </si>
  <si>
    <t>50435</t>
  </si>
  <si>
    <t>5.929676532745361</t>
  </si>
  <si>
    <t>427.6749267578125</t>
  </si>
  <si>
    <t>0.014640204765187903</t>
  </si>
  <si>
    <t>51719</t>
  </si>
  <si>
    <t>5.536080837249756</t>
  </si>
  <si>
    <t>359.14306640625</t>
  </si>
  <si>
    <t>0.02513984032981398</t>
  </si>
  <si>
    <t>53361</t>
  </si>
  <si>
    <t>5.458739757537842</t>
  </si>
  <si>
    <t>378.677001953125</t>
  </si>
  <si>
    <t>0.03125492322483758</t>
  </si>
  <si>
    <t>55093</t>
  </si>
  <si>
    <t>6.170494079589844</t>
  </si>
  <si>
    <t>422.9378662109375</t>
  </si>
  <si>
    <t>0.03194252428464672</t>
  </si>
  <si>
    <t>57063</t>
  </si>
  <si>
    <t>6.5421905517578125</t>
  </si>
  <si>
    <t>340.13720703125</t>
  </si>
  <si>
    <t>0.03513325429271674</t>
  </si>
  <si>
    <t>58719</t>
  </si>
  <si>
    <t>5.89350700378418</t>
  </si>
  <si>
    <t>301.0318603515625</t>
  </si>
  <si>
    <t>0.028607433549684202</t>
  </si>
  <si>
    <t>58703</t>
  </si>
  <si>
    <t>6.479797840118408</t>
  </si>
  <si>
    <t>274.4695739746094</t>
  </si>
  <si>
    <t>-0.0002725213349972222</t>
  </si>
  <si>
    <t>57559</t>
  </si>
  <si>
    <t>5.791627883911133</t>
  </si>
  <si>
    <t>243.9044647216797</t>
  </si>
  <si>
    <t>-0.019680324161065244</t>
  </si>
  <si>
    <t>62537</t>
  </si>
  <si>
    <t>6.192941188812256</t>
  </si>
  <si>
    <t>314.53204345703125</t>
  </si>
  <si>
    <t>0.08294787288704875</t>
  </si>
  <si>
    <t>67297</t>
  </si>
  <si>
    <t>6.255253314971924</t>
  </si>
  <si>
    <t>327.8110046386719</t>
  </si>
  <si>
    <t>0.07335727755460475</t>
  </si>
  <si>
    <t>78373</t>
  </si>
  <si>
    <t>6.823281764984131</t>
  </si>
  <si>
    <t>360.9743347167969</t>
  </si>
  <si>
    <t>0.15236382115208968</t>
  </si>
  <si>
    <t>90408</t>
  </si>
  <si>
    <t>6.2768874168396</t>
  </si>
  <si>
    <t>264.8925476074219</t>
  </si>
  <si>
    <t>0.1428532787716712</t>
  </si>
  <si>
    <t>96422</t>
  </si>
  <si>
    <t>6.610311508178711</t>
  </si>
  <si>
    <t>314.6574401855469</t>
  </si>
  <si>
    <t>0.0644016322890284</t>
  </si>
  <si>
    <t>108698</t>
  </si>
  <si>
    <t>5.612346649169922</t>
  </si>
  <si>
    <t>340.69317626953125</t>
  </si>
  <si>
    <t>0.11983900334698916</t>
  </si>
  <si>
    <t>87373</t>
  </si>
  <si>
    <t>5.051746845245361</t>
  </si>
  <si>
    <t>353.92413330078125</t>
  </si>
  <si>
    <t>-0.21838708424450104</t>
  </si>
  <si>
    <t>89539</t>
  </si>
  <si>
    <t>5.717148303985596</t>
  </si>
  <si>
    <t>382.9971923828125</t>
  </si>
  <si>
    <t>0.024487974108103217</t>
  </si>
  <si>
    <t>91257</t>
  </si>
  <si>
    <t>5.821090221405029</t>
  </si>
  <si>
    <t>390.12139892578125</t>
  </si>
  <si>
    <t>0.019005417291658944</t>
  </si>
  <si>
    <t>84353</t>
  </si>
  <si>
    <t>7.328444004058838</t>
  </si>
  <si>
    <t>228.63705444335938</t>
  </si>
  <si>
    <t>-0.07866932739595178</t>
  </si>
  <si>
    <t>82963</t>
  </si>
  <si>
    <t>5.904143810272217</t>
  </si>
  <si>
    <t>358.8437805175781</t>
  </si>
  <si>
    <t>-0.016615649179946956</t>
  </si>
  <si>
    <t>82357</t>
  </si>
  <si>
    <t>5.828496932983398</t>
  </si>
  <si>
    <t>352.81610107421875</t>
  </si>
  <si>
    <t>-0.007331269226309445</t>
  </si>
  <si>
    <t>75443</t>
  </si>
  <si>
    <t>6.9380927085876465</t>
  </si>
  <si>
    <t>395.0069274902344</t>
  </si>
  <si>
    <t>-0.08768605181037614</t>
  </si>
  <si>
    <t>70073</t>
  </si>
  <si>
    <t>6.728634357452393</t>
  </si>
  <si>
    <t>371.0574951171875</t>
  </si>
  <si>
    <t>-0.0738398484420788</t>
  </si>
  <si>
    <t>73547</t>
  </si>
  <si>
    <t>6.8565545082092285</t>
  </si>
  <si>
    <t>322.0157470703125</t>
  </si>
  <si>
    <t>0.04838710184190731</t>
  </si>
  <si>
    <t>77418</t>
  </si>
  <si>
    <t>5.870265960693359</t>
  </si>
  <si>
    <t>364.7508239746094</t>
  </si>
  <si>
    <t>0.05129465406139211</t>
  </si>
  <si>
    <t>76925</t>
  </si>
  <si>
    <t>5.110597133636475</t>
  </si>
  <si>
    <t>405.36163330078125</t>
  </si>
  <si>
    <t>-0.00638839048965778</t>
  </si>
  <si>
    <t>66863</t>
  </si>
  <si>
    <t>6.610971927642822</t>
  </si>
  <si>
    <t>233.15074157714844</t>
  </si>
  <si>
    <t>-0.1401851713454203</t>
  </si>
  <si>
    <t>70740</t>
  </si>
  <si>
    <t>6.8767924308776855</t>
  </si>
  <si>
    <t>332.4170227050781</t>
  </si>
  <si>
    <t>0.05636543391464954</t>
  </si>
  <si>
    <t>71851</t>
  </si>
  <si>
    <t>5.93148946762085</t>
  </si>
  <si>
    <t>328.652587890625</t>
  </si>
  <si>
    <t>0.015583346535327891</t>
  </si>
  <si>
    <t>9.674694061279297</t>
  </si>
  <si>
    <t>1069.507568359375</t>
  </si>
  <si>
    <t>271.1746826171875</t>
  </si>
  <si>
    <t>Cedar Rapids, IA</t>
  </si>
  <si>
    <t>39996</t>
  </si>
  <si>
    <t>10.746394157409668</t>
  </si>
  <si>
    <t>903.96826171875</t>
  </si>
  <si>
    <t>-0.014397309701157823</t>
  </si>
  <si>
    <t>9.23189640045166</t>
  </si>
  <si>
    <t>913.463623046875</t>
  </si>
  <si>
    <t>0.02080908409002369</t>
  </si>
  <si>
    <t>8.269614219665527</t>
  </si>
  <si>
    <t>1216.4451904296875</t>
  </si>
  <si>
    <t>0.01400630799876268</t>
  </si>
  <si>
    <t>9.85698413848877</t>
  </si>
  <si>
    <t>783.5856323242188</t>
  </si>
  <si>
    <t>0.0272965073143574</t>
  </si>
  <si>
    <t>43187</t>
  </si>
  <si>
    <t>9.215638160705566</t>
  </si>
  <si>
    <t>900.5086669921875</t>
  </si>
  <si>
    <t>0.014648175520099116</t>
  </si>
  <si>
    <t>44287</t>
  </si>
  <si>
    <t>8.093520164489746</t>
  </si>
  <si>
    <t>817.0484008789062</t>
  </si>
  <si>
    <t>0.02515165622366844</t>
  </si>
  <si>
    <t>45692</t>
  </si>
  <si>
    <t>9.397455215454102</t>
  </si>
  <si>
    <t>792.4970092773438</t>
  </si>
  <si>
    <t>0.031232047611185365</t>
  </si>
  <si>
    <t>47176</t>
  </si>
  <si>
    <t>10.966517448425293</t>
  </si>
  <si>
    <t>1117.360107421875</t>
  </si>
  <si>
    <t>0.03196206082650299</t>
  </si>
  <si>
    <t>48862</t>
  </si>
  <si>
    <t>10.586028099060059</t>
  </si>
  <si>
    <t>818.9876098632812</t>
  </si>
  <si>
    <t>0.0351147095724027</t>
  </si>
  <si>
    <t>50281</t>
  </si>
  <si>
    <t>9.708919525146484</t>
  </si>
  <si>
    <t>885.0791625976562</t>
  </si>
  <si>
    <t>0.028627273877372517</t>
  </si>
  <si>
    <t>50267</t>
  </si>
  <si>
    <t>10.548699378967285</t>
  </si>
  <si>
    <t>942.5933837890625</t>
  </si>
  <si>
    <t>-0.00027847396448343886</t>
  </si>
  <si>
    <t>50666</t>
  </si>
  <si>
    <t>9.732808113098145</t>
  </si>
  <si>
    <t>807.636962890625</t>
  </si>
  <si>
    <t>0.007906276013368796</t>
  </si>
  <si>
    <t>9.438458442687988</t>
  </si>
  <si>
    <t>798.5233764648438</t>
  </si>
  <si>
    <t>0.03038282198343012</t>
  </si>
  <si>
    <t>9.99129867553711</t>
  </si>
  <si>
    <t>938.1171264648438</t>
  </si>
  <si>
    <t>0.04828949591734499</t>
  </si>
  <si>
    <t>55061</t>
  </si>
  <si>
    <t>11.174797058105469</t>
  </si>
  <si>
    <t>685.02099609375</t>
  </si>
  <si>
    <t>0.004514269456981523</t>
  </si>
  <si>
    <t>55088</t>
  </si>
  <si>
    <t>10.597214698791504</t>
  </si>
  <si>
    <t>817.6550903320312</t>
  </si>
  <si>
    <t>0.0004902450415471549</t>
  </si>
  <si>
    <t>56798</t>
  </si>
  <si>
    <t>10.28442668914795</t>
  </si>
  <si>
    <t>1054.673583984375</t>
  </si>
  <si>
    <t>0.030569207243400953</t>
  </si>
  <si>
    <t>56458</t>
  </si>
  <si>
    <t>8.691049575805664</t>
  </si>
  <si>
    <t>1143.3973388671875</t>
  </si>
  <si>
    <t>-0.006004114950181716</t>
  </si>
  <si>
    <t>57248</t>
  </si>
  <si>
    <t>9.288131713867188</t>
  </si>
  <si>
    <t>1173.9515380859375</t>
  </si>
  <si>
    <t>0.013895708436921339</t>
  </si>
  <si>
    <t>58928</t>
  </si>
  <si>
    <t>10.244627952575684</t>
  </si>
  <si>
    <t>1126.536865234375</t>
  </si>
  <si>
    <t>0.028923652376402487</t>
  </si>
  <si>
    <t>59313</t>
  </si>
  <si>
    <t>10.635327339172363</t>
  </si>
  <si>
    <t>895.6868286132812</t>
  </si>
  <si>
    <t>0.006512146558142362</t>
  </si>
  <si>
    <t>59387</t>
  </si>
  <si>
    <t>11.664887428283691</t>
  </si>
  <si>
    <t>696.1388549804688</t>
  </si>
  <si>
    <t>0.0012468409365933297</t>
  </si>
  <si>
    <t>60180</t>
  </si>
  <si>
    <t>8.589821815490723</t>
  </si>
  <si>
    <t>938.7526245117188</t>
  </si>
  <si>
    <t>0.013264724004452333</t>
  </si>
  <si>
    <t>61392</t>
  </si>
  <si>
    <t>8.786869049072266</t>
  </si>
  <si>
    <t>1054.2445068359375</t>
  </si>
  <si>
    <t>0.019939462302698274</t>
  </si>
  <si>
    <t>62382</t>
  </si>
  <si>
    <t>10.510883331298828</t>
  </si>
  <si>
    <t>1039.8782958984375</t>
  </si>
  <si>
    <t>0.01599723871929193</t>
  </si>
  <si>
    <t>11.65185260772705</t>
  </si>
  <si>
    <t>1022.9606323242188</t>
  </si>
  <si>
    <t>0.0021297557230752773</t>
  </si>
  <si>
    <t>61888</t>
  </si>
  <si>
    <t>10.764300346374512</t>
  </si>
  <si>
    <t>866.44287109375</t>
  </si>
  <si>
    <t>-0.010080228116134293</t>
  </si>
  <si>
    <t>62702</t>
  </si>
  <si>
    <t>9.726048469543457</t>
  </si>
  <si>
    <t>1138.050048828125</t>
  </si>
  <si>
    <t>0.013067045225952256</t>
  </si>
  <si>
    <t>62064</t>
  </si>
  <si>
    <t>9.76839542388916</t>
  </si>
  <si>
    <t>1213.0615234375</t>
  </si>
  <si>
    <t>-0.010227234359170723</t>
  </si>
  <si>
    <t>61332</t>
  </si>
  <si>
    <t>10.452681541442871</t>
  </si>
  <si>
    <t>951.0579833984375</t>
  </si>
  <si>
    <t>-0.011864381123467993</t>
  </si>
  <si>
    <t>10.528185844421387</t>
  </si>
  <si>
    <t>760.888671875</t>
  </si>
  <si>
    <t>0.056376388245166</t>
  </si>
  <si>
    <t>65908</t>
  </si>
  <si>
    <t>10.242270469665527</t>
  </si>
  <si>
    <t>843.2608032226562</t>
  </si>
  <si>
    <t>0.015581712375876577</t>
  </si>
  <si>
    <t>12.085262298583984</t>
  </si>
  <si>
    <t>1287.270751953125</t>
  </si>
  <si>
    <t>289.83013916015625</t>
  </si>
  <si>
    <t>Champaign-Urbana, IL</t>
  </si>
  <si>
    <t>13.127269744873047</t>
  </si>
  <si>
    <t>867.7342529296875</t>
  </si>
  <si>
    <t>-0.014415813353425122</t>
  </si>
  <si>
    <t>11.63352108001709</t>
  </si>
  <si>
    <t>1061.8800048828125</t>
  </si>
  <si>
    <t>0.02082315792842593</t>
  </si>
  <si>
    <t>10.812965393066406</t>
  </si>
  <si>
    <t>1249.3154296875</t>
  </si>
  <si>
    <t>0.014027753963736345</t>
  </si>
  <si>
    <t>12.234585762023926</t>
  </si>
  <si>
    <t>958.9946899414062</t>
  </si>
  <si>
    <t>0.027267322695418983</t>
  </si>
  <si>
    <t>11.640971183776855</t>
  </si>
  <si>
    <t>916.364990234375</t>
  </si>
  <si>
    <t>0.014654801731262879</t>
  </si>
  <si>
    <t>10.872464179992676</t>
  </si>
  <si>
    <t>1060.3232421875</t>
  </si>
  <si>
    <t>0.02514747247126614</t>
  </si>
  <si>
    <t>35563</t>
  </si>
  <si>
    <t>11.488884925842285</t>
  </si>
  <si>
    <t>904.4072875976562</t>
  </si>
  <si>
    <t>0.031245402167684233</t>
  </si>
  <si>
    <t>12.942028999328613</t>
  </si>
  <si>
    <t>1176.524658203125</t>
  </si>
  <si>
    <t>0.031934091526643726</t>
  </si>
  <si>
    <t>12.508498191833496</t>
  </si>
  <si>
    <t>830.8289794921875</t>
  </si>
  <si>
    <t>0.035135458871858205</t>
  </si>
  <si>
    <t>39134</t>
  </si>
  <si>
    <t>11.62368392944336</t>
  </si>
  <si>
    <t>1016.0792846679688</t>
  </si>
  <si>
    <t>0.02861633241573891</t>
  </si>
  <si>
    <t>39123</t>
  </si>
  <si>
    <t>12.785685539245605</t>
  </si>
  <si>
    <t>1044.58837890625</t>
  </si>
  <si>
    <t>-0.0002811250130321241</t>
  </si>
  <si>
    <t>11.864838600158691</t>
  </si>
  <si>
    <t>1019.6080932617188</t>
  </si>
  <si>
    <t>0.03392455578191367</t>
  </si>
  <si>
    <t>11.449771881103516</t>
  </si>
  <si>
    <t>1096.281982421875</t>
  </si>
  <si>
    <t>0.008046996285326458</t>
  </si>
  <si>
    <t>42721</t>
  </si>
  <si>
    <t>12.202471733093262</t>
  </si>
  <si>
    <t>1163.2337646484375</t>
  </si>
  <si>
    <t>0.04600852120755583</t>
  </si>
  <si>
    <t>12.916150093078613</t>
  </si>
  <si>
    <t>834.362548828125</t>
  </si>
  <si>
    <t>-0.016283161354538223</t>
  </si>
  <si>
    <t>12.472240447998047</t>
  </si>
  <si>
    <t>1102.6182861328125</t>
  </si>
  <si>
    <t>0.033916619805438586</t>
  </si>
  <si>
    <t>12.58347225189209</t>
  </si>
  <si>
    <t>901.2252807617188</t>
  </si>
  <si>
    <t>0.015178261650447666</t>
  </si>
  <si>
    <t>45549</t>
  </si>
  <si>
    <t>11.058589935302734</t>
  </si>
  <si>
    <t>1234.92919921875</t>
  </si>
  <si>
    <t>0.03128634684914111</t>
  </si>
  <si>
    <t>44503</t>
  </si>
  <si>
    <t>11.611001014709473</t>
  </si>
  <si>
    <t>1196.1241455078125</t>
  </si>
  <si>
    <t>-0.023232066937966422</t>
  </si>
  <si>
    <t>12.360211372375488</t>
  </si>
  <si>
    <t>983.0557861328125</t>
  </si>
  <si>
    <t>0.049150695513084486</t>
  </si>
  <si>
    <t>12.947402954101562</t>
  </si>
  <si>
    <t>1219.2760009765625</t>
  </si>
  <si>
    <t>0.006205967817891178</t>
  </si>
  <si>
    <t>47431</t>
  </si>
  <si>
    <t>13.571754455566406</t>
  </si>
  <si>
    <t>893.32421875</t>
  </si>
  <si>
    <t>0.008362757408360011</t>
  </si>
  <si>
    <t>11.063252449035645</t>
  </si>
  <si>
    <t>1099.8558349609375</t>
  </si>
  <si>
    <t>0.027367633719219242</t>
  </si>
  <si>
    <t>48778</t>
  </si>
  <si>
    <t>11.040005683898926</t>
  </si>
  <si>
    <t>1119.9326171875</t>
  </si>
  <si>
    <t>0.0006357344484815286</t>
  </si>
  <si>
    <t>48355</t>
  </si>
  <si>
    <t>12.548628807067871</t>
  </si>
  <si>
    <t>1228.17919921875</t>
  </si>
  <si>
    <t>-0.008709762368303231</t>
  </si>
  <si>
    <t>13.675407409667969</t>
  </si>
  <si>
    <t>1136.3985595703125</t>
  </si>
  <si>
    <t>-0.000744771120757548</t>
  </si>
  <si>
    <t>49313</t>
  </si>
  <si>
    <t>12.898574829101562</t>
  </si>
  <si>
    <t>1009.0291748046875</t>
  </si>
  <si>
    <t>0.020362879923503385</t>
  </si>
  <si>
    <t>50258</t>
  </si>
  <si>
    <t>12.502604484558105</t>
  </si>
  <si>
    <t>1228.4385986328125</t>
  </si>
  <si>
    <t>0.01898200027600261</t>
  </si>
  <si>
    <t>51190</t>
  </si>
  <si>
    <t>12.632353782653809</t>
  </si>
  <si>
    <t>1342.0548095703125</t>
  </si>
  <si>
    <t>0.018374462221816046</t>
  </si>
  <si>
    <t>49152</t>
  </si>
  <si>
    <t>12.611709594726562</t>
  </si>
  <si>
    <t>1116.640869140625</t>
  </si>
  <si>
    <t>-0.040626662944283964</t>
  </si>
  <si>
    <t>52002</t>
  </si>
  <si>
    <t>12.720723152160645</t>
  </si>
  <si>
    <t>1138.1517333984375</t>
  </si>
  <si>
    <t>0.05636464185505474</t>
  </si>
  <si>
    <t>52819</t>
  </si>
  <si>
    <t>12.839020729064941</t>
  </si>
  <si>
    <t>1043.0296630859375</t>
  </si>
  <si>
    <t>0.015588795086864948</t>
  </si>
  <si>
    <t>12.898177146911621</t>
  </si>
  <si>
    <t>1274.723388671875</t>
  </si>
  <si>
    <t>456.5099182128906</t>
  </si>
  <si>
    <t>Charleston, WV</t>
  </si>
  <si>
    <t>13.248671531677246</t>
  </si>
  <si>
    <t>972.2625732421875</t>
  </si>
  <si>
    <t>-0.014361737845669964</t>
  </si>
  <si>
    <t>11.89577865600586</t>
  </si>
  <si>
    <t>1021.95849609375</t>
  </si>
  <si>
    <t>0.020789872257969577</t>
  </si>
  <si>
    <t>11.346076011657715</t>
  </si>
  <si>
    <t>1119.7359619140625</t>
  </si>
  <si>
    <t>0.014033209561922888</t>
  </si>
  <si>
    <t>12.337515830993652</t>
  </si>
  <si>
    <t>1210.735107421875</t>
  </si>
  <si>
    <t>0.027284176968738194</t>
  </si>
  <si>
    <t>11.647819519042969</t>
  </si>
  <si>
    <t>1093.4415283203125</t>
  </si>
  <si>
    <t>0.014614144979615773</t>
  </si>
  <si>
    <t>11.28191089630127</t>
  </si>
  <si>
    <t>1277.9818115234375</t>
  </si>
  <si>
    <t>0.02516211389340839</t>
  </si>
  <si>
    <t>11.56910228729248</t>
  </si>
  <si>
    <t>1097.3111572265625</t>
  </si>
  <si>
    <t>0.031247998555700818</t>
  </si>
  <si>
    <t>12.952788352966309</t>
  </si>
  <si>
    <t>1167.809814453125</t>
  </si>
  <si>
    <t>0.03196640654366689</t>
  </si>
  <si>
    <t>12.221932411193848</t>
  </si>
  <si>
    <t>828.5877075195312</t>
  </si>
  <si>
    <t>0.035120008102889955</t>
  </si>
  <si>
    <t>11.690425872802734</t>
  </si>
  <si>
    <t>1042.0787353515625</t>
  </si>
  <si>
    <t>0.028622815538835056</t>
  </si>
  <si>
    <t>12.646148681640625</t>
  </si>
  <si>
    <t>1004.88671875</t>
  </si>
  <si>
    <t>-0.00028915105452398393</t>
  </si>
  <si>
    <t>12.1478910446167</t>
  </si>
  <si>
    <t>1135.638916015625</t>
  </si>
  <si>
    <t>0.017771111722568733</t>
  </si>
  <si>
    <t>11.692952156066895</t>
  </si>
  <si>
    <t>1417.4410400390625</t>
  </si>
  <si>
    <t>0.005948352005445301</t>
  </si>
  <si>
    <t>12.55978012084961</t>
  </si>
  <si>
    <t>1352.6297607421875</t>
  </si>
  <si>
    <t>0.023969784668768312</t>
  </si>
  <si>
    <t>12.739445686340332</t>
  </si>
  <si>
    <t>1002.7203979492188</t>
  </si>
  <si>
    <t>0.043909755837640674</t>
  </si>
  <si>
    <t>12.550891876220703</t>
  </si>
  <si>
    <t>1034.3212890625</t>
  </si>
  <si>
    <t>0.036175370191173783</t>
  </si>
  <si>
    <t>39663</t>
  </si>
  <si>
    <t>12.86495590209961</t>
  </si>
  <si>
    <t>1018.5560302734375</t>
  </si>
  <si>
    <t>0.00939782738344519</t>
  </si>
  <si>
    <t>11.912245750427246</t>
  </si>
  <si>
    <t>1211.7230224609375</t>
  </si>
  <si>
    <t>0.03500524613997946</t>
  </si>
  <si>
    <t>11.920707702636719</t>
  </si>
  <si>
    <t>1125.1187744140625</t>
  </si>
  <si>
    <t>-0.0006818956963847711</t>
  </si>
  <si>
    <t>41771</t>
  </si>
  <si>
    <t>12.16870403289795</t>
  </si>
  <si>
    <t>1009.4386596679688</t>
  </si>
  <si>
    <t>0.017460205210092283</t>
  </si>
  <si>
    <t>42692</t>
  </si>
  <si>
    <t>13.358075141906738</t>
  </si>
  <si>
    <t>1412.2562255859375</t>
  </si>
  <si>
    <t>0.021809230201961682</t>
  </si>
  <si>
    <t>42378</t>
  </si>
  <si>
    <t>13.44815444946289</t>
  </si>
  <si>
    <t>1072.3861083984375</t>
  </si>
  <si>
    <t>-0.0073821893968784025</t>
  </si>
  <si>
    <t>42494</t>
  </si>
  <si>
    <t>11.729449272155762</t>
  </si>
  <si>
    <t>1215.731689453125</t>
  </si>
  <si>
    <t>0.002733529838607751</t>
  </si>
  <si>
    <t>11.806427955627441</t>
  </si>
  <si>
    <t>1181.9039306640625</t>
  </si>
  <si>
    <t>-0.028863651624055464</t>
  </si>
  <si>
    <t>40752</t>
  </si>
  <si>
    <t>1262.8870849609375</t>
  </si>
  <si>
    <t>-0.012994319632291251</t>
  </si>
  <si>
    <t>13.842353820800781</t>
  </si>
  <si>
    <t>1150.070068359375</t>
  </si>
  <si>
    <t>-0.03427223894935594</t>
  </si>
  <si>
    <t>12.911881446838379</t>
  </si>
  <si>
    <t>1203.1497802734375</t>
  </si>
  <si>
    <t>0.013369183082133418</t>
  </si>
  <si>
    <t>13.100857734680176</t>
  </si>
  <si>
    <t>1628.7452392578125</t>
  </si>
  <si>
    <t>0.06035780282058312</t>
  </si>
  <si>
    <t>13.7511568069458</t>
  </si>
  <si>
    <t>1313.6297607421875</t>
  </si>
  <si>
    <t>0.0035791693102034117</t>
  </si>
  <si>
    <t>40546</t>
  </si>
  <si>
    <t>13.117035865783691</t>
  </si>
  <si>
    <t>1326.3211669921875</t>
  </si>
  <si>
    <t>-0.04810170245466239</t>
  </si>
  <si>
    <t>12.867680549621582</t>
  </si>
  <si>
    <t>1205.65234375</t>
  </si>
  <si>
    <t>0.05638807275460067</t>
  </si>
  <si>
    <t>43571</t>
  </si>
  <si>
    <t>13.344669342041016</t>
  </si>
  <si>
    <t>1254.7554931640625</t>
  </si>
  <si>
    <t>0.015566586637547175</t>
  </si>
  <si>
    <t>19.796810150146484</t>
  </si>
  <si>
    <t>1292.34423828125</t>
  </si>
  <si>
    <t>420.625</t>
  </si>
  <si>
    <t>Charleston-North Charleston, SC</t>
  </si>
  <si>
    <t>19.30901527404785</t>
  </si>
  <si>
    <t>1365.6968994140625</t>
  </si>
  <si>
    <t>-0.014384670143567035</t>
  </si>
  <si>
    <t>32276</t>
  </si>
  <si>
    <t>18.531713485717773</t>
  </si>
  <si>
    <t>1530.4293212890625</t>
  </si>
  <si>
    <t>0.020818758700759332</t>
  </si>
  <si>
    <t>18.340181350708008</t>
  </si>
  <si>
    <t>1130.563720703125</t>
  </si>
  <si>
    <t>0.013998721069567566</t>
  </si>
  <si>
    <t>33637</t>
  </si>
  <si>
    <t>18.944242477416992</t>
  </si>
  <si>
    <t>1528.4219970703125</t>
  </si>
  <si>
    <t>0.02730401052403053</t>
  </si>
  <si>
    <t>18.423677444458008</t>
  </si>
  <si>
    <t>1364.4361572265625</t>
  </si>
  <si>
    <t>0.014638006684755567</t>
  </si>
  <si>
    <t>35002</t>
  </si>
  <si>
    <t>18.253938674926758</t>
  </si>
  <si>
    <t>1087.739013671875</t>
  </si>
  <si>
    <t>0.025140544449351765</t>
  </si>
  <si>
    <t>18.27295684814453</t>
  </si>
  <si>
    <t>1561.8548583984375</t>
  </si>
  <si>
    <t>0.031247708603860502</t>
  </si>
  <si>
    <t>37286</t>
  </si>
  <si>
    <t>19.584760665893555</t>
  </si>
  <si>
    <t>1343.6646728515625</t>
  </si>
  <si>
    <t>0.03196500975544403</t>
  </si>
  <si>
    <t>18.716005325317383</t>
  </si>
  <si>
    <t>1183.7347412109375</t>
  </si>
  <si>
    <t>0.03512646227233773</t>
  </si>
  <si>
    <t>18.318445205688477</t>
  </si>
  <si>
    <t>995.4282836914062</t>
  </si>
  <si>
    <t>0.02861385377806336</t>
  </si>
  <si>
    <t>39729</t>
  </si>
  <si>
    <t>18.94245719909668</t>
  </si>
  <si>
    <t>962.5479125976562</t>
  </si>
  <si>
    <t>-0.0002768375107340404</t>
  </si>
  <si>
    <t>40749</t>
  </si>
  <si>
    <t>18.635866165161133</t>
  </si>
  <si>
    <t>1227.350830078125</t>
  </si>
  <si>
    <t>0.025349899895527273</t>
  </si>
  <si>
    <t>42323</t>
  </si>
  <si>
    <t>18.3862361907959</t>
  </si>
  <si>
    <t>1375.9898681640625</t>
  </si>
  <si>
    <t>0.037899373997920094</t>
  </si>
  <si>
    <t>43897</t>
  </si>
  <si>
    <t>18.99687385559082</t>
  </si>
  <si>
    <t>1118.71826171875</t>
  </si>
  <si>
    <t>0.03651530710981277</t>
  </si>
  <si>
    <t>45723</t>
  </si>
  <si>
    <t>18.819509506225586</t>
  </si>
  <si>
    <t>1210.1474609375</t>
  </si>
  <si>
    <t>0.04075547295562565</t>
  </si>
  <si>
    <t>46223</t>
  </si>
  <si>
    <t>18.870010375976562</t>
  </si>
  <si>
    <t>1091.56494140625</t>
  </si>
  <si>
    <t>0.010876056134726753</t>
  </si>
  <si>
    <t>47105</t>
  </si>
  <si>
    <t>19.102975845336914</t>
  </si>
  <si>
    <t>964.208251953125</t>
  </si>
  <si>
    <t>0.018901642794082463</t>
  </si>
  <si>
    <t>45918</t>
  </si>
  <si>
    <t>18.646249771118164</t>
  </si>
  <si>
    <t>1231.8343505859375</t>
  </si>
  <si>
    <t>-0.025521955444792965</t>
  </si>
  <si>
    <t>44519</t>
  </si>
  <si>
    <t>18.41263198852539</t>
  </si>
  <si>
    <t>1419.231201171875</t>
  </si>
  <si>
    <t>-0.030941132715678776</t>
  </si>
  <si>
    <t>45431</t>
  </si>
  <si>
    <t>18.533483505249023</t>
  </si>
  <si>
    <t>1021.7811889648438</t>
  </si>
  <si>
    <t>0.020278627075313693</t>
  </si>
  <si>
    <t>46502</t>
  </si>
  <si>
    <t>19.86427116394043</t>
  </si>
  <si>
    <t>990.2392578125</t>
  </si>
  <si>
    <t>0.023300631005589878</t>
  </si>
  <si>
    <t>48084</t>
  </si>
  <si>
    <t>19.95832633972168</t>
  </si>
  <si>
    <t>1143.265869140625</t>
  </si>
  <si>
    <t>0.03345415902094473</t>
  </si>
  <si>
    <t>47142</t>
  </si>
  <si>
    <t>18.0767879486084</t>
  </si>
  <si>
    <t>1421.6551513671875</t>
  </si>
  <si>
    <t>-0.0197851580202677</t>
  </si>
  <si>
    <t>18.735177993774414</t>
  </si>
  <si>
    <t>1293.121826171875</t>
  </si>
  <si>
    <t>0.014655979326672508</t>
  </si>
  <si>
    <t>49336</t>
  </si>
  <si>
    <t>19.756025314331055</t>
  </si>
  <si>
    <t>1377.48486328125</t>
  </si>
  <si>
    <t>0.030833734940779678</t>
  </si>
  <si>
    <t>50951</t>
  </si>
  <si>
    <t>20.56241226196289</t>
  </si>
  <si>
    <t>1363.5513916015625</t>
  </si>
  <si>
    <t>0.03221034887230978</t>
  </si>
  <si>
    <t>51753</t>
  </si>
  <si>
    <t>19.762859344482422</t>
  </si>
  <si>
    <t>1356.6466064453125</t>
  </si>
  <si>
    <t>0.01561801491821413</t>
  </si>
  <si>
    <t>52821</t>
  </si>
  <si>
    <t>19.976041793823242</t>
  </si>
  <si>
    <t>1445.7039794921875</t>
  </si>
  <si>
    <t>0.02042643743270034</t>
  </si>
  <si>
    <t>53504</t>
  </si>
  <si>
    <t>20.45533561706543</t>
  </si>
  <si>
    <t>1264.2564697265625</t>
  </si>
  <si>
    <t>0.012847578549820327</t>
  </si>
  <si>
    <t>53488</t>
  </si>
  <si>
    <t>19.818912506103516</t>
  </si>
  <si>
    <t>1517.7508544921875</t>
  </si>
  <si>
    <t>-0.00029908778449438955</t>
  </si>
  <si>
    <t>56590</t>
  </si>
  <si>
    <t>19.315502166748047</t>
  </si>
  <si>
    <t>1367.789306640625</t>
  </si>
  <si>
    <t>0.05637496147669019</t>
  </si>
  <si>
    <t>19.645111083984375</t>
  </si>
  <si>
    <t>1170.8551025390625</t>
  </si>
  <si>
    <t>0.015569974739836567</t>
  </si>
  <si>
    <t>42016</t>
  </si>
  <si>
    <t>16.65363121032715</t>
  </si>
  <si>
    <t>1300.386962890625</t>
  </si>
  <si>
    <t>1006.9108276367188</t>
  </si>
  <si>
    <t>Charlotte-Gastonia-Salisbury, NC-SC</t>
  </si>
  <si>
    <t>41416</t>
  </si>
  <si>
    <t>16.494264602661133</t>
  </si>
  <si>
    <t>1163.804931640625</t>
  </si>
  <si>
    <t>-0.014383218520784169</t>
  </si>
  <si>
    <t>42286</t>
  </si>
  <si>
    <t>15.292998313903809</t>
  </si>
  <si>
    <t>1414.934326171875</t>
  </si>
  <si>
    <t>0.020788782403077022</t>
  </si>
  <si>
    <t>42883</t>
  </si>
  <si>
    <t>15.203707695007324</t>
  </si>
  <si>
    <t>1038.44482421875</t>
  </si>
  <si>
    <t>0.014019414999161484</t>
  </si>
  <si>
    <t>15.958076477050781</t>
  </si>
  <si>
    <t>1298.146240234375</t>
  </si>
  <si>
    <t>0.02730380185205661</t>
  </si>
  <si>
    <t>15.33347225189209</t>
  </si>
  <si>
    <t>1239.1402587890625</t>
  </si>
  <si>
    <t>0.014619188383358406</t>
  </si>
  <si>
    <t>45859</t>
  </si>
  <si>
    <t>15.046730995178223</t>
  </si>
  <si>
    <t>1194.0084228515625</t>
  </si>
  <si>
    <t>0.025173004459775328</t>
  </si>
  <si>
    <t>15.100028991699219</t>
  </si>
  <si>
    <t>1292.1121826171875</t>
  </si>
  <si>
    <t>0.031234763093186402</t>
  </si>
  <si>
    <t>48850</t>
  </si>
  <si>
    <t>16.494226455688477</t>
  </si>
  <si>
    <t>1192.0989990234375</t>
  </si>
  <si>
    <t>0.03194814369857646</t>
  </si>
  <si>
    <t>50596</t>
  </si>
  <si>
    <t>15.67155933380127</t>
  </si>
  <si>
    <t>972.3153686523438</t>
  </si>
  <si>
    <t>0.035118143296502424</t>
  </si>
  <si>
    <t>52065</t>
  </si>
  <si>
    <t>15.230388641357422</t>
  </si>
  <si>
    <t>892.19580078125</t>
  </si>
  <si>
    <t>0.028620416196563525</t>
  </si>
  <si>
    <t>15.943114280700684</t>
  </si>
  <si>
    <t>921.89111328125</t>
  </si>
  <si>
    <t>-0.0002689308095646936</t>
  </si>
  <si>
    <t>52290</t>
  </si>
  <si>
    <t>15.622879028320312</t>
  </si>
  <si>
    <t>1060.2918701171875</t>
  </si>
  <si>
    <t>0.004581141027745872</t>
  </si>
  <si>
    <t>15.307437896728516</t>
  </si>
  <si>
    <t>1461.1942138671875</t>
  </si>
  <si>
    <t>0.011144401517112712</t>
  </si>
  <si>
    <t>54427</t>
  </si>
  <si>
    <t>15.958962440490723</t>
  </si>
  <si>
    <t>1163.118408203125</t>
  </si>
  <si>
    <t>0.028910804546372404</t>
  </si>
  <si>
    <t>56034</t>
  </si>
  <si>
    <t>15.912867546081543</t>
  </si>
  <si>
    <t>1174.8277587890625</t>
  </si>
  <si>
    <t>0.02909829509211015</t>
  </si>
  <si>
    <t>57275</t>
  </si>
  <si>
    <t>15.913952827453613</t>
  </si>
  <si>
    <t>1091.70166015625</t>
  </si>
  <si>
    <t>0.0219055789839242</t>
  </si>
  <si>
    <t>55965</t>
  </si>
  <si>
    <t>16.381933212280273</t>
  </si>
  <si>
    <t>754.6893920898438</t>
  </si>
  <si>
    <t>-0.023137732998328886</t>
  </si>
  <si>
    <t>57012</t>
  </si>
  <si>
    <t>15.678109169006348</t>
  </si>
  <si>
    <t>1013.2188110351562</t>
  </si>
  <si>
    <t>0.018535276651554966</t>
  </si>
  <si>
    <t>52206</t>
  </si>
  <si>
    <t>15.44804859161377</t>
  </si>
  <si>
    <t>1408.201904296875</t>
  </si>
  <si>
    <t>-0.08806434118084283</t>
  </si>
  <si>
    <t>50646</t>
  </si>
  <si>
    <t>15.769225120544434</t>
  </si>
  <si>
    <t>948.245361328125</t>
  </si>
  <si>
    <t>-0.030337176582303726</t>
  </si>
  <si>
    <t>51980</t>
  </si>
  <si>
    <t>16.88035774230957</t>
  </si>
  <si>
    <t>1134.282470703125</t>
  </si>
  <si>
    <t>0.025998774983705175</t>
  </si>
  <si>
    <t>54220</t>
  </si>
  <si>
    <t>16.908048629760742</t>
  </si>
  <si>
    <t>1087.556884765625</t>
  </si>
  <si>
    <t>0.04219081485717524</t>
  </si>
  <si>
    <t>53486</t>
  </si>
  <si>
    <t>15.03528118133545</t>
  </si>
  <si>
    <t>1496.3348388671875</t>
  </si>
  <si>
    <t>-0.013629906656321467</t>
  </si>
  <si>
    <t>54433</t>
  </si>
  <si>
    <t>15.67919635772705</t>
  </si>
  <si>
    <t>1237.6593017578125</t>
  </si>
  <si>
    <t>0.017550650176648475</t>
  </si>
  <si>
    <t>56339</t>
  </si>
  <si>
    <t>16.586652755737305</t>
  </si>
  <si>
    <t>1398.8338623046875</t>
  </si>
  <si>
    <t>0.03441642532108702</t>
  </si>
  <si>
    <t>57493</t>
  </si>
  <si>
    <t>17.516611099243164</t>
  </si>
  <si>
    <t>1052.7349853515625</t>
  </si>
  <si>
    <t>0.020276188350127455</t>
  </si>
  <si>
    <t>58499</t>
  </si>
  <si>
    <t>16.514694213867188</t>
  </si>
  <si>
    <t>1221.846435546875</t>
  </si>
  <si>
    <t>0.017346458812552257</t>
  </si>
  <si>
    <t>59511</t>
  </si>
  <si>
    <t>16.838449478149414</t>
  </si>
  <si>
    <t>1646.6754150390625</t>
  </si>
  <si>
    <t>0.017151509339468518</t>
  </si>
  <si>
    <t>60047</t>
  </si>
  <si>
    <t>17.303897857666016</t>
  </si>
  <si>
    <t>1279.4913330078125</t>
  </si>
  <si>
    <t>0.008966419495923361</t>
  </si>
  <si>
    <t>16.660289764404297</t>
  </si>
  <si>
    <t>1581.5819091796875</t>
  </si>
  <si>
    <t>0.015303554326033364</t>
  </si>
  <si>
    <t>64509</t>
  </si>
  <si>
    <t>16.366567611694336</t>
  </si>
  <si>
    <t>1209.6597900390625</t>
  </si>
  <si>
    <t>0.056373605715323905</t>
  </si>
  <si>
    <t>65522</t>
  </si>
  <si>
    <t>16.84297752380371</t>
  </si>
  <si>
    <t>1204.6998291015625</t>
  </si>
  <si>
    <t>0.015581215158098516</t>
  </si>
  <si>
    <t>2623</t>
  </si>
  <si>
    <t>9.84107780456543</t>
  </si>
  <si>
    <t>1196.76806640625</t>
  </si>
  <si>
    <t>3955.523681640625</t>
  </si>
  <si>
    <t>Chicago-Naperville-Michigan City, IL-IN-WI</t>
  </si>
  <si>
    <t>46065</t>
  </si>
  <si>
    <t>10.880728721618652</t>
  </si>
  <si>
    <t>928.73291015625</t>
  </si>
  <si>
    <t>-0.014375712294006249</t>
  </si>
  <si>
    <t>47034</t>
  </si>
  <si>
    <t>9.181394577026367</t>
  </si>
  <si>
    <t>957.3173828125</t>
  </si>
  <si>
    <t>0.020817301873744753</t>
  </si>
  <si>
    <t>47697</t>
  </si>
  <si>
    <t>8.530989646911621</t>
  </si>
  <si>
    <t>1104.4166259765625</t>
  </si>
  <si>
    <t>0.01399775840004125</t>
  </si>
  <si>
    <t>49017</t>
  </si>
  <si>
    <t>9.796887397766113</t>
  </si>
  <si>
    <t>920.910400390625</t>
  </si>
  <si>
    <t>0.0272986738821146</t>
  </si>
  <si>
    <t>49740</t>
  </si>
  <si>
    <t>9.41234302520752</t>
  </si>
  <si>
    <t>879.5606079101562</t>
  </si>
  <si>
    <t>0.014642261658462274</t>
  </si>
  <si>
    <t>51007</t>
  </si>
  <si>
    <t>8.285040855407715</t>
  </si>
  <si>
    <t>887.9475708007812</t>
  </si>
  <si>
    <t>0.025153439832436675</t>
  </si>
  <si>
    <t>52625</t>
  </si>
  <si>
    <t>9.4801607131958</t>
  </si>
  <si>
    <t>811.3328857421875</t>
  </si>
  <si>
    <t>0.03122841379484953</t>
  </si>
  <si>
    <t>54334</t>
  </si>
  <si>
    <t>11.179100036621094</t>
  </si>
  <si>
    <t>1034.012939453125</t>
  </si>
  <si>
    <t>0.031958889999483375</t>
  </si>
  <si>
    <t>10.605961799621582</t>
  </si>
  <si>
    <t>809.1751708984375</t>
  </si>
  <si>
    <t>0.0351179745129393</t>
  </si>
  <si>
    <t>57910</t>
  </si>
  <si>
    <t>9.710955619812012</t>
  </si>
  <si>
    <t>928.1897583007812</t>
  </si>
  <si>
    <t>0.028621924722731507</t>
  </si>
  <si>
    <t>57894</t>
  </si>
  <si>
    <t>10.840217590332031</t>
  </si>
  <si>
    <t>978.7811889648438</t>
  </si>
  <si>
    <t>-0.00027632897139717727</t>
  </si>
  <si>
    <t>9.902314186096191</t>
  </si>
  <si>
    <t>770.9656372070312</t>
  </si>
  <si>
    <t>0.0037068049305997164</t>
  </si>
  <si>
    <t>58530</t>
  </si>
  <si>
    <t>9.35753059387207</t>
  </si>
  <si>
    <t>852.280517578125</t>
  </si>
  <si>
    <t>0.007218886106228339</t>
  </si>
  <si>
    <t>60040</t>
  </si>
  <si>
    <t>10.128838539123535</t>
  </si>
  <si>
    <t>989.6754760742188</t>
  </si>
  <si>
    <t>0.02547156346213164</t>
  </si>
  <si>
    <t>61166</t>
  </si>
  <si>
    <t>11.061116218566895</t>
  </si>
  <si>
    <t>643.6694946289062</t>
  </si>
  <si>
    <t>0.018580472819296645</t>
  </si>
  <si>
    <t>62191</t>
  </si>
  <si>
    <t>10.55648136138916</t>
  </si>
  <si>
    <t>966.65478515625</t>
  </si>
  <si>
    <t>0.016618815157549705</t>
  </si>
  <si>
    <t>62799</t>
  </si>
  <si>
    <t>10.326656341552734</t>
  </si>
  <si>
    <t>985.5604248046875</t>
  </si>
  <si>
    <t>0.009728855038384054</t>
  </si>
  <si>
    <t>60936</t>
  </si>
  <si>
    <t>8.860950469970703</t>
  </si>
  <si>
    <t>1081.046630859375</t>
  </si>
  <si>
    <t>-0.030115016710004383</t>
  </si>
  <si>
    <t>59139</t>
  </si>
  <si>
    <t>9.574089050292969</t>
  </si>
  <si>
    <t>1175.745361328125</t>
  </si>
  <si>
    <t>-0.029933527818537087</t>
  </si>
  <si>
    <t>59846</t>
  </si>
  <si>
    <t>10.63210678100586</t>
  </si>
  <si>
    <t>954.6182861328125</t>
  </si>
  <si>
    <t>0.011883990767513453</t>
  </si>
  <si>
    <t>60722</t>
  </si>
  <si>
    <t>10.77774429321289</t>
  </si>
  <si>
    <t>1081.6011962890625</t>
  </si>
  <si>
    <t>0.0145314746018812</t>
  </si>
  <si>
    <t>11.643847465515137</t>
  </si>
  <si>
    <t>848.9171752929688</t>
  </si>
  <si>
    <t>0.029676153374012415</t>
  </si>
  <si>
    <t>62832</t>
  </si>
  <si>
    <t>8.880234718322754</t>
  </si>
  <si>
    <t>1064.24560546875</t>
  </si>
  <si>
    <t>0.0044822738402956475</t>
  </si>
  <si>
    <t>64536</t>
  </si>
  <si>
    <t>8.921931266784668</t>
  </si>
  <si>
    <t>1034.768310546875</t>
  </si>
  <si>
    <t>0.026758709799020508</t>
  </si>
  <si>
    <t>10.550461769104004</t>
  </si>
  <si>
    <t>1056.511962890625</t>
  </si>
  <si>
    <t>0.032951759829849436</t>
  </si>
  <si>
    <t>67130</t>
  </si>
  <si>
    <t>11.63644790649414</t>
  </si>
  <si>
    <t>1061.452880859375</t>
  </si>
  <si>
    <t>0.006456070486137833</t>
  </si>
  <si>
    <t>67749</t>
  </si>
  <si>
    <t>10.944334983825684</t>
  </si>
  <si>
    <t>922.25927734375</t>
  </si>
  <si>
    <t>0.009178661552615708</t>
  </si>
  <si>
    <t>69599</t>
  </si>
  <si>
    <t>10.279415130615234</t>
  </si>
  <si>
    <t>1187.8597412109375</t>
  </si>
  <si>
    <t>0.02694049991778691</t>
  </si>
  <si>
    <t>70503</t>
  </si>
  <si>
    <t>10.373825073242188</t>
  </si>
  <si>
    <t>1265.9129638671875</t>
  </si>
  <si>
    <t>0.012905062683287838</t>
  </si>
  <si>
    <t>67748</t>
  </si>
  <si>
    <t>10.917132377624512</t>
  </si>
  <si>
    <t>1023.2578735351562</t>
  </si>
  <si>
    <t>-0.0398603230754766</t>
  </si>
  <si>
    <t>71677</t>
  </si>
  <si>
    <t>11.068438529968262</t>
  </si>
  <si>
    <t>962.4560546875</t>
  </si>
  <si>
    <t>0.056374976083381156</t>
  </si>
  <si>
    <t>72802</t>
  </si>
  <si>
    <t>10.93471908569336</t>
  </si>
  <si>
    <t>943.1879272460938</t>
  </si>
  <si>
    <t>0.015573512240493415</t>
  </si>
  <si>
    <t>41815</t>
  </si>
  <si>
    <t>12.344574928283691</t>
  </si>
  <si>
    <t>1345.712646484375</t>
  </si>
  <si>
    <t>910.069091796875</t>
  </si>
  <si>
    <t>Cincinnati-Middletown-Wilmington, OH-KY-IN</t>
  </si>
  <si>
    <t>41217</t>
  </si>
  <si>
    <t>13.040840148925781</t>
  </si>
  <si>
    <t>959.1677856445312</t>
  </si>
  <si>
    <t>-0.014404334223568682</t>
  </si>
  <si>
    <t>42084</t>
  </si>
  <si>
    <t>11.47872543334961</t>
  </si>
  <si>
    <t>985.0358276367188</t>
  </si>
  <si>
    <t>0.020816828336121418</t>
  </si>
  <si>
    <t>42678</t>
  </si>
  <si>
    <t>10.66645336151123</t>
  </si>
  <si>
    <t>1088.2523193359375</t>
  </si>
  <si>
    <t>0.014015944033390682</t>
  </si>
  <si>
    <t>11.848299980163574</t>
  </si>
  <si>
    <t>957.5401000976562</t>
  </si>
  <si>
    <t>0.02729637793278883</t>
  </si>
  <si>
    <t>44505</t>
  </si>
  <si>
    <t>11.184277534484863</t>
  </si>
  <si>
    <t>1097.082275390625</t>
  </si>
  <si>
    <t>0.014621599498672921</t>
  </si>
  <si>
    <t>10.883576393127441</t>
  </si>
  <si>
    <t>1290.406005859375</t>
  </si>
  <si>
    <t>0.02516107173820714</t>
  </si>
  <si>
    <t>11.51373291015625</t>
  </si>
  <si>
    <t>1035.2978515625</t>
  </si>
  <si>
    <t>0.031234340283347706</t>
  </si>
  <si>
    <t>13.054068565368652</t>
  </si>
  <si>
    <t>1177.5770263671875</t>
  </si>
  <si>
    <t>0.03195574040060478</t>
  </si>
  <si>
    <t>50354</t>
  </si>
  <si>
    <t>12.517626762390137</t>
  </si>
  <si>
    <t>812.5712890625</t>
  </si>
  <si>
    <t>0.03512536506876884</t>
  </si>
  <si>
    <t>51816</t>
  </si>
  <si>
    <t>11.682303428649902</t>
  </si>
  <si>
    <t>1105.640380859375</t>
  </si>
  <si>
    <t>0.028620921978793845</t>
  </si>
  <si>
    <t>51801</t>
  </si>
  <si>
    <t>12.820991516113281</t>
  </si>
  <si>
    <t>1087.794189453125</t>
  </si>
  <si>
    <t>-0.0002895277822130282</t>
  </si>
  <si>
    <t>52792</t>
  </si>
  <si>
    <t>12.09335994720459</t>
  </si>
  <si>
    <t>1092.3348388671875</t>
  </si>
  <si>
    <t>0.01895020998271768</t>
  </si>
  <si>
    <t>53215</t>
  </si>
  <si>
    <t>11.541230201721191</t>
  </si>
  <si>
    <t>1253.4481201171875</t>
  </si>
  <si>
    <t>0.007980647411885755</t>
  </si>
  <si>
    <t>12.451634407043457</t>
  </si>
  <si>
    <t>1237.8839111328125</t>
  </si>
  <si>
    <t>0.012419040049156393</t>
  </si>
  <si>
    <t>54571</t>
  </si>
  <si>
    <t>12.6913480758667</t>
  </si>
  <si>
    <t>964.300537109375</t>
  </si>
  <si>
    <t>0.012743254575118712</t>
  </si>
  <si>
    <t>54175</t>
  </si>
  <si>
    <t>12.38536548614502</t>
  </si>
  <si>
    <t>1311.28173828125</t>
  </si>
  <si>
    <t>-0.00728305869485979</t>
  </si>
  <si>
    <t>54327</t>
  </si>
  <si>
    <t>12.761557579040527</t>
  </si>
  <si>
    <t>948.7133178710938</t>
  </si>
  <si>
    <t>0.0028017935048936238</t>
  </si>
  <si>
    <t>53734</t>
  </si>
  <si>
    <t>11.605804443359375</t>
  </si>
  <si>
    <t>1168.531005859375</t>
  </si>
  <si>
    <t>-0.01097539265197156</t>
  </si>
  <si>
    <t>52590</t>
  </si>
  <si>
    <t>11.881865501403809</t>
  </si>
  <si>
    <t>1138.1795654296875</t>
  </si>
  <si>
    <t>-0.02151996067409101</t>
  </si>
  <si>
    <t>53906</t>
  </si>
  <si>
    <t>12.315176963806152</t>
  </si>
  <si>
    <t>915.0948486328125</t>
  </si>
  <si>
    <t>0.024715801372567014</t>
  </si>
  <si>
    <t>13.155325889587402</t>
  </si>
  <si>
    <t>1576.9407958984375</t>
  </si>
  <si>
    <t>0.0254045292637759</t>
  </si>
  <si>
    <t>55781</t>
  </si>
  <si>
    <t>13.543499946594238</t>
  </si>
  <si>
    <t>1005.5157470703125</t>
  </si>
  <si>
    <t>0.008786991373655795</t>
  </si>
  <si>
    <t>11.559184074401855</t>
  </si>
  <si>
    <t>1195.38330078125</t>
  </si>
  <si>
    <t>0.004792998534558279</t>
  </si>
  <si>
    <t>57190</t>
  </si>
  <si>
    <t>11.669597625732422</t>
  </si>
  <si>
    <t>1124.9385986328125</t>
  </si>
  <si>
    <t>0.020152749781415125</t>
  </si>
  <si>
    <t>58956</t>
  </si>
  <si>
    <t>12.587376594543457</t>
  </si>
  <si>
    <t>1264.5887451171875</t>
  </si>
  <si>
    <t>0.03041234504728685</t>
  </si>
  <si>
    <t>61018</t>
  </si>
  <si>
    <t>13.733711242675781</t>
  </si>
  <si>
    <t>1152.138671875</t>
  </si>
  <si>
    <t>0.03437749963789116</t>
  </si>
  <si>
    <t>61550</t>
  </si>
  <si>
    <t>12.882492065429688</t>
  </si>
  <si>
    <t>1183.8980712890625</t>
  </si>
  <si>
    <t>0.008680950018058908</t>
  </si>
  <si>
    <t>62736</t>
  </si>
  <si>
    <t>12.945365905761719</t>
  </si>
  <si>
    <t>1497.5201416015625</t>
  </si>
  <si>
    <t>0.01908559291951306</t>
  </si>
  <si>
    <t>64363</t>
  </si>
  <si>
    <t>13.465813636779785</t>
  </si>
  <si>
    <t>1312.573974609375</t>
  </si>
  <si>
    <t>0.02560348829084802</t>
  </si>
  <si>
    <t>63043</t>
  </si>
  <si>
    <t>12.910758972167969</t>
  </si>
  <si>
    <t>1228.7137451171875</t>
  </si>
  <si>
    <t>-0.020721900591025744</t>
  </si>
  <si>
    <t>66699</t>
  </si>
  <si>
    <t>12.861549377441406</t>
  </si>
  <si>
    <t>1233.07470703125</t>
  </si>
  <si>
    <t>0.05637292705564434</t>
  </si>
  <si>
    <t>67747</t>
  </si>
  <si>
    <t>13.26284408569336</t>
  </si>
  <si>
    <t>1140.479736328125</t>
  </si>
  <si>
    <t>0.015590218031155345</t>
  </si>
  <si>
    <t>11.304187774658203</t>
  </si>
  <si>
    <t>1374.850341796875</t>
  </si>
  <si>
    <t>117.84449005126953</t>
  </si>
  <si>
    <t>Clarksburg, WV + Morgantown, WV</t>
  </si>
  <si>
    <t>11.833949089050293</t>
  </si>
  <si>
    <t>1026.36279296875</t>
  </si>
  <si>
    <t>-0.014411183889290413</t>
  </si>
  <si>
    <t>10.437491416931152</t>
  </si>
  <si>
    <t>1097.6485595703125</t>
  </si>
  <si>
    <t>0.020807088802349938</t>
  </si>
  <si>
    <t>9.835336685180664</t>
  </si>
  <si>
    <t>1214.43505859375</t>
  </si>
  <si>
    <t>0.014044254850560378</t>
  </si>
  <si>
    <t>10.634910583496094</t>
  </si>
  <si>
    <t>1370.8792724609375</t>
  </si>
  <si>
    <t>0.027264210800193922</t>
  </si>
  <si>
    <t>9.993880271911621</t>
  </si>
  <si>
    <t>1167.5694580078125</t>
  </si>
  <si>
    <t>0.014658413443305207</t>
  </si>
  <si>
    <t>9.788683891296387</t>
  </si>
  <si>
    <t>1428.963623046875</t>
  </si>
  <si>
    <t>0.025146293432419142</t>
  </si>
  <si>
    <t>10.26792049407959</t>
  </si>
  <si>
    <t>1213.50830078125</t>
  </si>
  <si>
    <t>0.03123227165865572</t>
  </si>
  <si>
    <t>11.655414581298828</t>
  </si>
  <si>
    <t>1262.092529296875</t>
  </si>
  <si>
    <t>0.0319686940895032</t>
  </si>
  <si>
    <t>10.970730781555176</t>
  </si>
  <si>
    <t>951.6939086914062</t>
  </si>
  <si>
    <t>0.03512084883967326</t>
  </si>
  <si>
    <t>10.393294334411621</t>
  </si>
  <si>
    <t>1173.4869384765625</t>
  </si>
  <si>
    <t>0.02861650143511163</t>
  </si>
  <si>
    <t>11.431410789489746</t>
  </si>
  <si>
    <t>1119.1824951171875</t>
  </si>
  <si>
    <t>-0.00026786113048693494</t>
  </si>
  <si>
    <t>33938</t>
  </si>
  <si>
    <t>10.772880554199219</t>
  </si>
  <si>
    <t>1271.549072265625</t>
  </si>
  <si>
    <t>0.01015808417852071</t>
  </si>
  <si>
    <t>10.31447696685791</t>
  </si>
  <si>
    <t>1572.6397705078125</t>
  </si>
  <si>
    <t>0.015612069762902081</t>
  </si>
  <si>
    <t>36042</t>
  </si>
  <si>
    <t>11.19089412689209</t>
  </si>
  <si>
    <t>1491.873291015625</t>
  </si>
  <si>
    <t>0.0445375247825428</t>
  </si>
  <si>
    <t>11.364594459533691</t>
  </si>
  <si>
    <t>1148.094482421875</t>
  </si>
  <si>
    <t>0.04891963435910185</t>
  </si>
  <si>
    <t>11.080660820007324</t>
  </si>
  <si>
    <t>1109.16162109375</t>
  </si>
  <si>
    <t>0.023216470964866787</t>
  </si>
  <si>
    <t>39294</t>
  </si>
  <si>
    <t>11.430699348449707</t>
  </si>
  <si>
    <t>1178.5892333984375</t>
  </si>
  <si>
    <t>0.01425080504392362</t>
  </si>
  <si>
    <t>40873</t>
  </si>
  <si>
    <t>10.382450103759766</t>
  </si>
  <si>
    <t>1350.0609130859375</t>
  </si>
  <si>
    <t>0.03939786289274316</t>
  </si>
  <si>
    <t>42157</t>
  </si>
  <si>
    <t>10.599860191345215</t>
  </si>
  <si>
    <t>1149.439453125</t>
  </si>
  <si>
    <t>0.030931045849321492</t>
  </si>
  <si>
    <t>44730</t>
  </si>
  <si>
    <t>10.94100570678711</t>
  </si>
  <si>
    <t>1096.52099609375</t>
  </si>
  <si>
    <t>0.05924367323872026</t>
  </si>
  <si>
    <t>45856</t>
  </si>
  <si>
    <t>12.103913307189941</t>
  </si>
  <si>
    <t>1492.907470703125</t>
  </si>
  <si>
    <t>0.024861634201005955</t>
  </si>
  <si>
    <t>46243</t>
  </si>
  <si>
    <t>12.281153678894043</t>
  </si>
  <si>
    <t>1175.327392578125</t>
  </si>
  <si>
    <t>0.008404049506548716</t>
  </si>
  <si>
    <t>10.49321174621582</t>
  </si>
  <si>
    <t>1280.0384521484375</t>
  </si>
  <si>
    <t>0.04430789966347426</t>
  </si>
  <si>
    <t>10.515735626220703</t>
  </si>
  <si>
    <t>1276.2813720703125</t>
  </si>
  <si>
    <t>0.035363789076354735</t>
  </si>
  <si>
    <t>48388</t>
  </si>
  <si>
    <t>11.48120403289795</t>
  </si>
  <si>
    <t>1338.2928466796875</t>
  </si>
  <si>
    <t>-0.034329940794536995</t>
  </si>
  <si>
    <t>46749</t>
  </si>
  <si>
    <t>12.627616882324219</t>
  </si>
  <si>
    <t>1191.90966796875</t>
  </si>
  <si>
    <t>-0.03445898396601521</t>
  </si>
  <si>
    <t>11.669756889343262</t>
  </si>
  <si>
    <t>1317.2186279296875</t>
  </si>
  <si>
    <t>0.0330319929165821</t>
  </si>
  <si>
    <t>50016</t>
  </si>
  <si>
    <t>11.777562141418457</t>
  </si>
  <si>
    <t>1824.6451416015625</t>
  </si>
  <si>
    <t>0.034518096190897296</t>
  </si>
  <si>
    <t>50562</t>
  </si>
  <si>
    <t>12.417729377746582</t>
  </si>
  <si>
    <t>1432.8594970703125</t>
  </si>
  <si>
    <t>0.01085735177920455</t>
  </si>
  <si>
    <t>11.807713508605957</t>
  </si>
  <si>
    <t>1437.946533203125</t>
  </si>
  <si>
    <t>-0.041925209538906216</t>
  </si>
  <si>
    <t>51298</t>
  </si>
  <si>
    <t>11.594414710998535</t>
  </si>
  <si>
    <t>1299.32373046875</t>
  </si>
  <si>
    <t>0.05637666858259571</t>
  </si>
  <si>
    <t>52103</t>
  </si>
  <si>
    <t>11.98175048828125</t>
  </si>
  <si>
    <t>1398.46875</t>
  </si>
  <si>
    <t>0.015570763613501626</t>
  </si>
  <si>
    <t>10.4461669921875</t>
  </si>
  <si>
    <t>1280.1038818359375</t>
  </si>
  <si>
    <t>2146.392822265625</t>
  </si>
  <si>
    <t>Cleveland-Akron-Elyria, OH</t>
  </si>
  <si>
    <t>36030</t>
  </si>
  <si>
    <t>11.221125602722168</t>
  </si>
  <si>
    <t>709.969970703125</t>
  </si>
  <si>
    <t>-0.014383979500969701</t>
  </si>
  <si>
    <t>9.568175315856934</t>
  </si>
  <si>
    <t>1113.6251220703125</t>
  </si>
  <si>
    <t>0.020819780280449507</t>
  </si>
  <si>
    <t>37307</t>
  </si>
  <si>
    <t>8.951878547668457</t>
  </si>
  <si>
    <t>991.6560668945312</t>
  </si>
  <si>
    <t>0.01400927156228704</t>
  </si>
  <si>
    <t>9.804494857788086</t>
  </si>
  <si>
    <t>920.4467163085938</t>
  </si>
  <si>
    <t>0.027286678254158758</t>
  </si>
  <si>
    <t>38904</t>
  </si>
  <si>
    <t>9.172893524169922</t>
  </si>
  <si>
    <t>967.0739135742188</t>
  </si>
  <si>
    <t>0.014629418244588521</t>
  </si>
  <si>
    <t>39895</t>
  </si>
  <si>
    <t>8.774482727050781</t>
  </si>
  <si>
    <t>1171.625244140625</t>
  </si>
  <si>
    <t>0.0251539296587584</t>
  </si>
  <si>
    <t>9.331024169921875</t>
  </si>
  <si>
    <t>992.4514770507812</t>
  </si>
  <si>
    <t>0.03124020334293398</t>
  </si>
  <si>
    <t>10.986353874206543</t>
  </si>
  <si>
    <t>987.6654052734375</t>
  </si>
  <si>
    <t>0.031965809896362885</t>
  </si>
  <si>
    <t>10.372293472290039</t>
  </si>
  <si>
    <t>866.5238037109375</t>
  </si>
  <si>
    <t>0.035118906935874605</t>
  </si>
  <si>
    <t>45295</t>
  </si>
  <si>
    <t>9.49008560180664</t>
  </si>
  <si>
    <t>986.6661987304688</t>
  </si>
  <si>
    <t>0.028620728185835276</t>
  </si>
  <si>
    <t>10.730476379394531</t>
  </si>
  <si>
    <t>928.0810546875</t>
  </si>
  <si>
    <t>-0.00028704859046335685</t>
  </si>
  <si>
    <t>46534</t>
  </si>
  <si>
    <t>9.727218627929688</t>
  </si>
  <si>
    <t>960.1849365234375</t>
  </si>
  <si>
    <t>0.027273625674315127</t>
  </si>
  <si>
    <t>9.115096092224121</t>
  </si>
  <si>
    <t>1212.7857666015625</t>
  </si>
  <si>
    <t>0.015332915782606094</t>
  </si>
  <si>
    <t>9.89937686920166</t>
  </si>
  <si>
    <t>1254.535888671875</t>
  </si>
  <si>
    <t>0.023239591324291098</t>
  </si>
  <si>
    <t>49280</t>
  </si>
  <si>
    <t>10.512667655944824</t>
  </si>
  <si>
    <t>963.7205200195312</t>
  </si>
  <si>
    <t>0.01876258391326502</t>
  </si>
  <si>
    <t>48919</t>
  </si>
  <si>
    <t>10.296996116638184</t>
  </si>
  <si>
    <t>1185.0596923828125</t>
  </si>
  <si>
    <t>-0.007352450152428247</t>
  </si>
  <si>
    <t>49019</t>
  </si>
  <si>
    <t>10.20008373260498</t>
  </si>
  <si>
    <t>1063.1444091796875</t>
  </si>
  <si>
    <t>0.0020421089822502125</t>
  </si>
  <si>
    <t>9.00189208984375</t>
  </si>
  <si>
    <t>1169.3592529296875</t>
  </si>
  <si>
    <t>-0.008954886123053285</t>
  </si>
  <si>
    <t>45975</t>
  </si>
  <si>
    <t>9.641329765319824</t>
  </si>
  <si>
    <t>898.58935546875</t>
  </si>
  <si>
    <t>-0.05515532144164759</t>
  </si>
  <si>
    <t>47241</t>
  </si>
  <si>
    <t>10.31360149383545</t>
  </si>
  <si>
    <t>951.7274780273438</t>
  </si>
  <si>
    <t>0.027164389115997167</t>
  </si>
  <si>
    <t>10.831725120544434</t>
  </si>
  <si>
    <t>1342.3388671875</t>
  </si>
  <si>
    <t>0.027599764478775768</t>
  </si>
  <si>
    <t>49084</t>
  </si>
  <si>
    <t>890.3412475585938</t>
  </si>
  <si>
    <t>0.010671192029143128</t>
  </si>
  <si>
    <t>49658</t>
  </si>
  <si>
    <t>9.312825202941895</t>
  </si>
  <si>
    <t>1102.5272216796875</t>
  </si>
  <si>
    <t>0.01162638929244153</t>
  </si>
  <si>
    <t>51083</t>
  </si>
  <si>
    <t>9.016942977905273</t>
  </si>
  <si>
    <t>1005.63037109375</t>
  </si>
  <si>
    <t>0.028292255434696045</t>
  </si>
  <si>
    <t>51398</t>
  </si>
  <si>
    <t>10.292223930358887</t>
  </si>
  <si>
    <t>991.6945190429688</t>
  </si>
  <si>
    <t>0.0061475003568105535</t>
  </si>
  <si>
    <t>51543</t>
  </si>
  <si>
    <t>11.46403980255127</t>
  </si>
  <si>
    <t>1039.2315673828125</t>
  </si>
  <si>
    <t>0.0028171495496902565</t>
  </si>
  <si>
    <t>10.64625358581543</t>
  </si>
  <si>
    <t>1145.962646484375</t>
  </si>
  <si>
    <t>0.010076527233918497</t>
  </si>
  <si>
    <t>10.58582878112793</t>
  </si>
  <si>
    <t>1260.93505859375</t>
  </si>
  <si>
    <t>0.02528035409938134</t>
  </si>
  <si>
    <t>10.89968204498291</t>
  </si>
  <si>
    <t>1126.091552734375</t>
  </si>
  <si>
    <t>0.015479408579587073</t>
  </si>
  <si>
    <t>51942</t>
  </si>
  <si>
    <t>10.993000984191895</t>
  </si>
  <si>
    <t>1032.5751953125</t>
  </si>
  <si>
    <t>-0.043124989199135655</t>
  </si>
  <si>
    <t>54955</t>
  </si>
  <si>
    <t>10.996899604797363</t>
  </si>
  <si>
    <t>1064.212158203125</t>
  </si>
  <si>
    <t>0.05638695705917307</t>
  </si>
  <si>
    <t>55818</t>
  </si>
  <si>
    <t>11.036483764648438</t>
  </si>
  <si>
    <t>1058.889892578125</t>
  </si>
  <si>
    <t>0.015581729493611363</t>
  </si>
  <si>
    <t>8.579296112060547</t>
  </si>
  <si>
    <t>465.662109375</t>
  </si>
  <si>
    <t>227.24859619140625</t>
  </si>
  <si>
    <t>Colorado Springs, CO</t>
  </si>
  <si>
    <t>37512</t>
  </si>
  <si>
    <t>8.86023235321045</t>
  </si>
  <si>
    <t>449.3347473144531</t>
  </si>
  <si>
    <t>-0.014371599932069046</t>
  </si>
  <si>
    <t>7.944583892822266</t>
  </si>
  <si>
    <t>447.8768615722656</t>
  </si>
  <si>
    <t>0.020789014399314354</t>
  </si>
  <si>
    <t>7.804098606109619</t>
  </si>
  <si>
    <t>457.57525634765625</t>
  </si>
  <si>
    <t>0.014026493558020547</t>
  </si>
  <si>
    <t>9.372008323669434</t>
  </si>
  <si>
    <t>456.333984375</t>
  </si>
  <si>
    <t>0.027275803353141725</t>
  </si>
  <si>
    <t>8.444805145263672</t>
  </si>
  <si>
    <t>429.3878173828125</t>
  </si>
  <si>
    <t>0.014648541569846074</t>
  </si>
  <si>
    <t>8.630948066711426</t>
  </si>
  <si>
    <t>512.2489013671875</t>
  </si>
  <si>
    <t>0.02515978641401695</t>
  </si>
  <si>
    <t>42854</t>
  </si>
  <si>
    <t>7.713788986206055</t>
  </si>
  <si>
    <t>539.7661743164062</t>
  </si>
  <si>
    <t>0.031238468496908922</t>
  </si>
  <si>
    <t>44245</t>
  </si>
  <si>
    <t>8.933072090148926</t>
  </si>
  <si>
    <t>477.5406494140625</t>
  </si>
  <si>
    <t>0.03194338114077944</t>
  </si>
  <si>
    <t>8.942627906799316</t>
  </si>
  <si>
    <t>495.7402038574219</t>
  </si>
  <si>
    <t>0.03513106635303487</t>
  </si>
  <si>
    <t>47157</t>
  </si>
  <si>
    <t>8.693455696105957</t>
  </si>
  <si>
    <t>375.9479675292969</t>
  </si>
  <si>
    <t>0.028609023341862994</t>
  </si>
  <si>
    <t>9.138349533081055</t>
  </si>
  <si>
    <t>386.7799072265625</t>
  </si>
  <si>
    <t>-0.0002757128785990659</t>
  </si>
  <si>
    <t>46699</t>
  </si>
  <si>
    <t>8.53756046295166</t>
  </si>
  <si>
    <t>258.33905029296875</t>
  </si>
  <si>
    <t>-0.009483996366258296</t>
  </si>
  <si>
    <t>47012</t>
  </si>
  <si>
    <t>8.867083549499512</t>
  </si>
  <si>
    <t>329.9449768066406</t>
  </si>
  <si>
    <t>0.006680137101254147</t>
  </si>
  <si>
    <t>46777</t>
  </si>
  <si>
    <t>8.738473892211914</t>
  </si>
  <si>
    <t>500.2465515136719</t>
  </si>
  <si>
    <t>-0.005011259141062041</t>
  </si>
  <si>
    <t>47930</t>
  </si>
  <si>
    <t>9.413361549377441</t>
  </si>
  <si>
    <t>395.2191162109375</t>
  </si>
  <si>
    <t>0.024349984041993622</t>
  </si>
  <si>
    <t>8.707545280456543</t>
  </si>
  <si>
    <t>518.6646728515625</t>
  </si>
  <si>
    <t>-0.010381260326699504</t>
  </si>
  <si>
    <t>48147</t>
  </si>
  <si>
    <t>8.943306922912598</t>
  </si>
  <si>
    <t>405.6477966308594</t>
  </si>
  <si>
    <t>0.014898478162288953</t>
  </si>
  <si>
    <t>47596</t>
  </si>
  <si>
    <t>8.54321002960205</t>
  </si>
  <si>
    <t>359.659912109375</t>
  </si>
  <si>
    <t>-0.011510106914220941</t>
  </si>
  <si>
    <t>47559</t>
  </si>
  <si>
    <t>8.149002075195312</t>
  </si>
  <si>
    <t>466.9138488769531</t>
  </si>
  <si>
    <t>-0.0007776785637076955</t>
  </si>
  <si>
    <t>47664</t>
  </si>
  <si>
    <t>8.890061378479004</t>
  </si>
  <si>
    <t>384.91510009765625</t>
  </si>
  <si>
    <t>0.002205350441725429</t>
  </si>
  <si>
    <t>9.231932640075684</t>
  </si>
  <si>
    <t>402.1953430175781</t>
  </si>
  <si>
    <t>-0.004394502388469945</t>
  </si>
  <si>
    <t>46904</t>
  </si>
  <si>
    <t>10.158971786499023</t>
  </si>
  <si>
    <t>233.37083435058594</t>
  </si>
  <si>
    <t>-0.011678933920542534</t>
  </si>
  <si>
    <t>46771</t>
  </si>
  <si>
    <t>8.510679244995117</t>
  </si>
  <si>
    <t>400.23858642578125</t>
  </si>
  <si>
    <t>-0.0028396069254110756</t>
  </si>
  <si>
    <t>46430</t>
  </si>
  <si>
    <t>8.62462329864502</t>
  </si>
  <si>
    <t>429.0717468261719</t>
  </si>
  <si>
    <t>-0.00731755070467166</t>
  </si>
  <si>
    <t>9.44320011138916</t>
  </si>
  <si>
    <t>535.1412963867188</t>
  </si>
  <si>
    <t>0.007210641139371532</t>
  </si>
  <si>
    <t>9.716713905334473</t>
  </si>
  <si>
    <t>437.8353576660156</t>
  </si>
  <si>
    <t>-0.002226314230341586</t>
  </si>
  <si>
    <t>9.668719291687012</t>
  </si>
  <si>
    <t>419.9334716796875</t>
  </si>
  <si>
    <t>0.01830471765518027</t>
  </si>
  <si>
    <t>47968</t>
  </si>
  <si>
    <t>9.08785629272461</t>
  </si>
  <si>
    <t>364.7053527832031</t>
  </si>
  <si>
    <t>0.009299275324146095</t>
  </si>
  <si>
    <t>49564</t>
  </si>
  <si>
    <t>8.504739761352539</t>
  </si>
  <si>
    <t>436.0741271972656</t>
  </si>
  <si>
    <t>0.03273064183406049</t>
  </si>
  <si>
    <t>9.320308685302734</t>
  </si>
  <si>
    <t>245.83493041992188</t>
  </si>
  <si>
    <t>-0.00232292833691794</t>
  </si>
  <si>
    <t>52316</t>
  </si>
  <si>
    <t>9.395013809204102</t>
  </si>
  <si>
    <t>391.4264831542969</t>
  </si>
  <si>
    <t>0.05636041620957677</t>
  </si>
  <si>
    <t>53138</t>
  </si>
  <si>
    <t>9.01642894744873</t>
  </si>
  <si>
    <t>311.458984375</t>
  </si>
  <si>
    <t>0.015590051564426943</t>
  </si>
  <si>
    <t>12.945082664489746</t>
  </si>
  <si>
    <t>1214.3741455078125</t>
  </si>
  <si>
    <t>199.01776123046875</t>
  </si>
  <si>
    <t>Columbia, MO</t>
  </si>
  <si>
    <t>14.019012451171875</t>
  </si>
  <si>
    <t>857.4913940429688</t>
  </si>
  <si>
    <t>-0.014405972579059068</t>
  </si>
  <si>
    <t>12.36383056640625</t>
  </si>
  <si>
    <t>1033.6824951171875</t>
  </si>
  <si>
    <t>0.020813581084819788</t>
  </si>
  <si>
    <t>11.570046424865723</t>
  </si>
  <si>
    <t>1298.122314453125</t>
  </si>
  <si>
    <t>0.014016846473470679</t>
  </si>
  <si>
    <t>12.736153602600098</t>
  </si>
  <si>
    <t>1061.241943359375</t>
  </si>
  <si>
    <t>0.02730449641394017</t>
  </si>
  <si>
    <t>33115</t>
  </si>
  <si>
    <t>12.25955867767334</t>
  </si>
  <si>
    <t>1011.8958740234375</t>
  </si>
  <si>
    <t>0.014631662268064005</t>
  </si>
  <si>
    <t>33958</t>
  </si>
  <si>
    <t>11.495808601379395</t>
  </si>
  <si>
    <t>963.2186279296875</t>
  </si>
  <si>
    <t>0.025138114956876123</t>
  </si>
  <si>
    <t>12.247547149658203</t>
  </si>
  <si>
    <t>961.858642578125</t>
  </si>
  <si>
    <t>0.031251637407022415</t>
  </si>
  <si>
    <t>36174</t>
  </si>
  <si>
    <t>13.537318229675293</t>
  </si>
  <si>
    <t>1236.9422607421875</t>
  </si>
  <si>
    <t>0.031964524434481945</t>
  </si>
  <si>
    <t>13.331931114196777</t>
  </si>
  <si>
    <t>883.2252807617188</t>
  </si>
  <si>
    <t>0.035119916813734164</t>
  </si>
  <si>
    <t>38555</t>
  </si>
  <si>
    <t>12.496333122253418</t>
  </si>
  <si>
    <t>937.1890258789062</t>
  </si>
  <si>
    <t>0.0286252477358655</t>
  </si>
  <si>
    <t>13.562943458557129</t>
  </si>
  <si>
    <t>1151.3070068359375</t>
  </si>
  <si>
    <t>-0.0002853474124080435</t>
  </si>
  <si>
    <t>38399</t>
  </si>
  <si>
    <t>12.583008766174316</t>
  </si>
  <si>
    <t>861.0795288085938</t>
  </si>
  <si>
    <t>-0.003769028284590803</t>
  </si>
  <si>
    <t>39189</t>
  </si>
  <si>
    <t>12.523825645446777</t>
  </si>
  <si>
    <t>1001.364013671875</t>
  </si>
  <si>
    <t>0.020364677584611357</t>
  </si>
  <si>
    <t>12.961135864257812</t>
  </si>
  <si>
    <t>1222.713623046875</t>
  </si>
  <si>
    <t>0.038372391777141246</t>
  </si>
  <si>
    <t>13.974937438964844</t>
  </si>
  <si>
    <t>741.7872924804688</t>
  </si>
  <si>
    <t>-0.002729521077919017</t>
  </si>
  <si>
    <t>13.559014320373535</t>
  </si>
  <si>
    <t>867.913330078125</t>
  </si>
  <si>
    <t>0.02203992923128517</t>
  </si>
  <si>
    <t>41061</t>
  </si>
  <si>
    <t>13.36706829071045</t>
  </si>
  <si>
    <t>899.0631103515625</t>
  </si>
  <si>
    <t>-0.011020129205803642</t>
  </si>
  <si>
    <t>11.861254692077637</t>
  </si>
  <si>
    <t>1345.235107421875</t>
  </si>
  <si>
    <t>0.00834288058842425</t>
  </si>
  <si>
    <t>12.253350257873535</t>
  </si>
  <si>
    <t>1306.1856689453125</t>
  </si>
  <si>
    <t>-0.007612527064869923</t>
  </si>
  <si>
    <t>13.160636901855469</t>
  </si>
  <si>
    <t>1168.563720703125</t>
  </si>
  <si>
    <t>0.01916252279552566</t>
  </si>
  <si>
    <t>13.773818969726562</t>
  </si>
  <si>
    <t>1017.2942504882812</t>
  </si>
  <si>
    <t>-0.0014334864840037653</t>
  </si>
  <si>
    <t>14.77563190460205</t>
  </si>
  <si>
    <t>789.384765625</t>
  </si>
  <si>
    <t>0.006482077889334192</t>
  </si>
  <si>
    <t>43114</t>
  </si>
  <si>
    <t>11.899897575378418</t>
  </si>
  <si>
    <t>1062.0640869140625</t>
  </si>
  <si>
    <t>0.023847536729592278</t>
  </si>
  <si>
    <t>12.271660804748535</t>
  </si>
  <si>
    <t>1109.5167236328125</t>
  </si>
  <si>
    <t>0.009005117538873009</t>
  </si>
  <si>
    <t>44372</t>
  </si>
  <si>
    <t>13.705558776855469</t>
  </si>
  <si>
    <t>1297.8658447265625</t>
  </si>
  <si>
    <t>0.0197557519862972</t>
  </si>
  <si>
    <t>44125</t>
  </si>
  <si>
    <t>14.7329683303833</t>
  </si>
  <si>
    <t>1108.3594970703125</t>
  </si>
  <si>
    <t>-0.005582124622952378</t>
  </si>
  <si>
    <t>43787</t>
  </si>
  <si>
    <t>13.954856872558594</t>
  </si>
  <si>
    <t>1013.8115234375</t>
  </si>
  <si>
    <t>-0.007689545578950074</t>
  </si>
  <si>
    <t>13.164433479309082</t>
  </si>
  <si>
    <t>1049.68310546875</t>
  </si>
  <si>
    <t>0.00845978711039308</t>
  </si>
  <si>
    <t>45150</t>
  </si>
  <si>
    <t>13.004695892333984</t>
  </si>
  <si>
    <t>1353.3697509765625</t>
  </si>
  <si>
    <t>0.02219352307809075</t>
  </si>
  <si>
    <t>13.308424949645996</t>
  </si>
  <si>
    <t>1085.30859375</t>
  </si>
  <si>
    <t>0.04200667456945517</t>
  </si>
  <si>
    <t>49818</t>
  </si>
  <si>
    <t>13.488224029541016</t>
  </si>
  <si>
    <t>1105.7879638671875</t>
  </si>
  <si>
    <t>0.0563794100755004</t>
  </si>
  <si>
    <t>13.464468955993652</t>
  </si>
  <si>
    <t>1030.1156005859375</t>
  </si>
  <si>
    <t>0.015575211785471055</t>
  </si>
  <si>
    <t>18.23160743713379</t>
  </si>
  <si>
    <t>1214.14990234375</t>
  </si>
  <si>
    <t>412.53515625</t>
  </si>
  <si>
    <t>Columbia-Newberry, SC</t>
  </si>
  <si>
    <t>17.87015724182129</t>
  </si>
  <si>
    <t>1237.6094970703125</t>
  </si>
  <si>
    <t>-0.01438964757268657</t>
  </si>
  <si>
    <t>16.922868728637695</t>
  </si>
  <si>
    <t>1371.460205078125</t>
  </si>
  <si>
    <t>0.020805844604941726</t>
  </si>
  <si>
    <t>32506</t>
  </si>
  <si>
    <t>16.783363342285156</t>
  </si>
  <si>
    <t>1019.2188110351562</t>
  </si>
  <si>
    <t>0.014033904950712994</t>
  </si>
  <si>
    <t>33405</t>
  </si>
  <si>
    <t>17.455829620361328</t>
  </si>
  <si>
    <t>1378.7591552734375</t>
  </si>
  <si>
    <t>0.027280901696455473</t>
  </si>
  <si>
    <t>33897</t>
  </si>
  <si>
    <t>16.95088768005371</t>
  </si>
  <si>
    <t>1270.7470703125</t>
  </si>
  <si>
    <t>0.014620925517778716</t>
  </si>
  <si>
    <t>16.77188491821289</t>
  </si>
  <si>
    <t>1095.1654052734375</t>
  </si>
  <si>
    <t>0.0251695537878156</t>
  </si>
  <si>
    <t>35864</t>
  </si>
  <si>
    <t>16.748857498168945</t>
  </si>
  <si>
    <t>1418.2418212890625</t>
  </si>
  <si>
    <t>0.03123793817010423</t>
  </si>
  <si>
    <t>37028</t>
  </si>
  <si>
    <t>18.071048736572266</t>
  </si>
  <si>
    <t>1285.86474609375</t>
  </si>
  <si>
    <t>0.03194037635182667</t>
  </si>
  <si>
    <t>38352</t>
  </si>
  <si>
    <t>17.133230209350586</t>
  </si>
  <si>
    <t>1073.9022216796875</t>
  </si>
  <si>
    <t>0.03513229448706312</t>
  </si>
  <si>
    <t>16.74273109436035</t>
  </si>
  <si>
    <t>926.1146850585938</t>
  </si>
  <si>
    <t>0.028607525468338224</t>
  </si>
  <si>
    <t>17.474794387817383</t>
  </si>
  <si>
    <t>891.1943359375</t>
  </si>
  <si>
    <t>-0.0002787668386901032</t>
  </si>
  <si>
    <t>39677</t>
  </si>
  <si>
    <t>17.14118003845215</t>
  </si>
  <si>
    <t>1049.024169921875</t>
  </si>
  <si>
    <t>0.005636238398096793</t>
  </si>
  <si>
    <t>16.955833435058594</t>
  </si>
  <si>
    <t>1375.8641357421875</t>
  </si>
  <si>
    <t>0.02395652194850051</t>
  </si>
  <si>
    <t>41502</t>
  </si>
  <si>
    <t>17.525028228759766</t>
  </si>
  <si>
    <t>1098.7442626953125</t>
  </si>
  <si>
    <t>0.021013422178228325</t>
  </si>
  <si>
    <t>17.33723258972168</t>
  </si>
  <si>
    <t>1167.980712890625</t>
  </si>
  <si>
    <t>0.008851844348114923</t>
  </si>
  <si>
    <t>17.309410095214844</t>
  </si>
  <si>
    <t>1106.60986328125</t>
  </si>
  <si>
    <t>0.01899637228807549</t>
  </si>
  <si>
    <t>43302</t>
  </si>
  <si>
    <t>17.651132583618164</t>
  </si>
  <si>
    <t>826.4403076171875</t>
  </si>
  <si>
    <t>0.014608987835499576</t>
  </si>
  <si>
    <t>17.2397403717041</t>
  </si>
  <si>
    <t>1107.5504150390625</t>
  </si>
  <si>
    <t>-0.010306497917301982</t>
  </si>
  <si>
    <t>42329</t>
  </si>
  <si>
    <t>17.03495216369629</t>
  </si>
  <si>
    <t>1333.3243408203125</t>
  </si>
  <si>
    <t>-0.01241989505450114</t>
  </si>
  <si>
    <t>41896</t>
  </si>
  <si>
    <t>17.072450637817383</t>
  </si>
  <si>
    <t>909.2542724609375</t>
  </si>
  <si>
    <t>-0.010282073369202394</t>
  </si>
  <si>
    <t>41700</t>
  </si>
  <si>
    <t>18.39812469482422</t>
  </si>
  <si>
    <t>997.7750244140625</t>
  </si>
  <si>
    <t>-0.004689228172431115</t>
  </si>
  <si>
    <t>41458</t>
  </si>
  <si>
    <t>18.383394241333008</t>
  </si>
  <si>
    <t>1037.00537109375</t>
  </si>
  <si>
    <t>-0.005820262227436146</t>
  </si>
  <si>
    <t>42404</t>
  </si>
  <si>
    <t>16.6460018157959</t>
  </si>
  <si>
    <t>1451.233154296875</t>
  </si>
  <si>
    <t>0.02256183083353136</t>
  </si>
  <si>
    <t>43071</t>
  </si>
  <si>
    <t>17.287702560424805</t>
  </si>
  <si>
    <t>1203.5714111328125</t>
  </si>
  <si>
    <t>0.015607219402815176</t>
  </si>
  <si>
    <t>44324</t>
  </si>
  <si>
    <t>18.14443016052246</t>
  </si>
  <si>
    <t>1324.2279052734375</t>
  </si>
  <si>
    <t>0.028676374260413695</t>
  </si>
  <si>
    <t>45154</t>
  </si>
  <si>
    <t>18.94286346435547</t>
  </si>
  <si>
    <t>1140.8043212890625</t>
  </si>
  <si>
    <t>0.01855257844170133</t>
  </si>
  <si>
    <t>45467</t>
  </si>
  <si>
    <t>18.13094711303711</t>
  </si>
  <si>
    <t>1220.3594970703125</t>
  </si>
  <si>
    <t>0.006907918576896321</t>
  </si>
  <si>
    <t>45985</t>
  </si>
  <si>
    <t>1483.1484375</t>
  </si>
  <si>
    <t>0.011328468261984526</t>
  </si>
  <si>
    <t>46850</t>
  </si>
  <si>
    <t>18.89911460876465</t>
  </si>
  <si>
    <t>1226.6143798828125</t>
  </si>
  <si>
    <t>0.018635752329769772</t>
  </si>
  <si>
    <t>47127</t>
  </si>
  <si>
    <t>18.381011962890625</t>
  </si>
  <si>
    <t>1498.53369140625</t>
  </si>
  <si>
    <t>0.0058950765014813555</t>
  </si>
  <si>
    <t>17.911924362182617</t>
  </si>
  <si>
    <t>1222.4263916015625</t>
  </si>
  <si>
    <t>0.056372992909498265</t>
  </si>
  <si>
    <t>18.320056915283203</t>
  </si>
  <si>
    <t>1138.642822265625</t>
  </si>
  <si>
    <t>0.015581939691950097</t>
  </si>
  <si>
    <t>18.760303497314453</t>
  </si>
  <si>
    <t>1217.619873046875</t>
  </si>
  <si>
    <t>175.59024047851562</t>
  </si>
  <si>
    <t>Columbus-Auburn-Opelika, GA-AL</t>
  </si>
  <si>
    <t>18.414669036865234</t>
  </si>
  <si>
    <t>1344.67431640625</t>
  </si>
  <si>
    <t>-0.014384216169291975</t>
  </si>
  <si>
    <t>17.60468101501465</t>
  </si>
  <si>
    <t>1428.7606201171875</t>
  </si>
  <si>
    <t>0.02081088468499992</t>
  </si>
  <si>
    <t>17.28986930847168</t>
  </si>
  <si>
    <t>1113.258544921875</t>
  </si>
  <si>
    <t>0.013988155372445021</t>
  </si>
  <si>
    <t>18.142053604125977</t>
  </si>
  <si>
    <t>1432.181884765625</t>
  </si>
  <si>
    <t>0.027303506691053414</t>
  </si>
  <si>
    <t>17.815547943115234</t>
  </si>
  <si>
    <t>1288.3778076171875</t>
  </si>
  <si>
    <t>0.014631846893850664</t>
  </si>
  <si>
    <t>17.449607849121094</t>
  </si>
  <si>
    <t>1235.4976806640625</t>
  </si>
  <si>
    <t>0.025149254454099434</t>
  </si>
  <si>
    <t>32486</t>
  </si>
  <si>
    <t>17.27815055847168</t>
  </si>
  <si>
    <t>1446.2479248046875</t>
  </si>
  <si>
    <t>0.031234465061741545</t>
  </si>
  <si>
    <t>33541</t>
  </si>
  <si>
    <t>18.633594512939453</t>
  </si>
  <si>
    <t>1266.355224609375</t>
  </si>
  <si>
    <t>0.031959343799490725</t>
  </si>
  <si>
    <t>34740</t>
  </si>
  <si>
    <t>17.89840316772461</t>
  </si>
  <si>
    <t>1051.900146484375</t>
  </si>
  <si>
    <t>0.03512318971626449</t>
  </si>
  <si>
    <t>17.431941986083984</t>
  </si>
  <si>
    <t>955.0990600585938</t>
  </si>
  <si>
    <t>0.028630535907861798</t>
  </si>
  <si>
    <t>17.945600509643555</t>
  </si>
  <si>
    <t>1197.10546875</t>
  </si>
  <si>
    <t>-0.00027976723548661653</t>
  </si>
  <si>
    <t>36959</t>
  </si>
  <si>
    <t>17.607999801635742</t>
  </si>
  <si>
    <t>1183.344482421875</t>
  </si>
  <si>
    <t>0.03356666064506619</t>
  </si>
  <si>
    <t>17.652196884155273</t>
  </si>
  <si>
    <t>1533.7943115234375</t>
  </si>
  <si>
    <t>0.0257485980511305</t>
  </si>
  <si>
    <t>38679</t>
  </si>
  <si>
    <t>18.068119049072266</t>
  </si>
  <si>
    <t>1165.2337646484375</t>
  </si>
  <si>
    <t>0.019739028915278567</t>
  </si>
  <si>
    <t>39138</t>
  </si>
  <si>
    <t>17.916852951049805</t>
  </si>
  <si>
    <t>1388.069580078125</t>
  </si>
  <si>
    <t>0.011797044945204505</t>
  </si>
  <si>
    <t>17.906465530395508</t>
  </si>
  <si>
    <t>1019.9154663085938</t>
  </si>
  <si>
    <t>0.01842996825856069</t>
  </si>
  <si>
    <t>18.05719566345215</t>
  </si>
  <si>
    <t>882.0914916992188</t>
  </si>
  <si>
    <t>0.035774410068862394</t>
  </si>
  <si>
    <t>17.726987838745117</t>
  </si>
  <si>
    <t>-0.00507116473726299</t>
  </si>
  <si>
    <t>17.46247673034668</t>
  </si>
  <si>
    <t>1676.6263427734375</t>
  </si>
  <si>
    <t>-0.0004379562113800972</t>
  </si>
  <si>
    <t>17.494333267211914</t>
  </si>
  <si>
    <t>1013.7701416015625</t>
  </si>
  <si>
    <t>0.004370954726173437</t>
  </si>
  <si>
    <t>18.690683364868164</t>
  </si>
  <si>
    <t>1162.8084716796875</t>
  </si>
  <si>
    <t>0.008204481243552664</t>
  </si>
  <si>
    <t>41361</t>
  </si>
  <si>
    <t>18.819856643676758</t>
  </si>
  <si>
    <t>1105.4053955078125</t>
  </si>
  <si>
    <t>-0.006026147532917747</t>
  </si>
  <si>
    <t>40579</t>
  </si>
  <si>
    <t>17.05517578125</t>
  </si>
  <si>
    <t>1641.7352294921875</t>
  </si>
  <si>
    <t>-0.01908771644469276</t>
  </si>
  <si>
    <t>40627</t>
  </si>
  <si>
    <t>17.586565017700195</t>
  </si>
  <si>
    <t>1264.576904296875</t>
  </si>
  <si>
    <t>0.001182178794428168</t>
  </si>
  <si>
    <t>18.650087356567383</t>
  </si>
  <si>
    <t>1515.5855712890625</t>
  </si>
  <si>
    <t>0.02982617677930932</t>
  </si>
  <si>
    <t>41874</t>
  </si>
  <si>
    <t>19.611806869506836</t>
  </si>
  <si>
    <t>1106.786376953125</t>
  </si>
  <si>
    <t>0.00040606227642214776</t>
  </si>
  <si>
    <t>42651</t>
  </si>
  <si>
    <t>18.606107711791992</t>
  </si>
  <si>
    <t>1309.3726806640625</t>
  </si>
  <si>
    <t>0.01838561105860137</t>
  </si>
  <si>
    <t>43330</t>
  </si>
  <si>
    <t>19.072372436523438</t>
  </si>
  <si>
    <t>1660.4715576171875</t>
  </si>
  <si>
    <t>0.015794515430147982</t>
  </si>
  <si>
    <t>19.432451248168945</t>
  </si>
  <si>
    <t>1260.850341796875</t>
  </si>
  <si>
    <t>0.006051351254850346</t>
  </si>
  <si>
    <t>18.858781814575195</t>
  </si>
  <si>
    <t>1581.4241943359375</t>
  </si>
  <si>
    <t>-0.03637019300331801</t>
  </si>
  <si>
    <t>18.176780700683594</t>
  </si>
  <si>
    <t>1478.4952392578125</t>
  </si>
  <si>
    <t>0.05637835475388897</t>
  </si>
  <si>
    <t>45172</t>
  </si>
  <si>
    <t>18.83364486694336</t>
  </si>
  <si>
    <t>1395.325927734375</t>
  </si>
  <si>
    <t>0.015572677104184862</t>
  </si>
  <si>
    <t>38793</t>
  </si>
  <si>
    <t>11.2642240524292</t>
  </si>
  <si>
    <t>1288.201416015625</t>
  </si>
  <si>
    <t>1055.316650390625</t>
  </si>
  <si>
    <t>Columbus-Marion-Chillicothe, OH</t>
  </si>
  <si>
    <t>12.080595970153809</t>
  </si>
  <si>
    <t>839.3575439453125</t>
  </si>
  <si>
    <t>-0.014383880768171764</t>
  </si>
  <si>
    <t>39043</t>
  </si>
  <si>
    <t>10.510165214538574</t>
  </si>
  <si>
    <t>977.52587890625</t>
  </si>
  <si>
    <t>0.020807665641164874</t>
  </si>
  <si>
    <t>9.818804740905762</t>
  </si>
  <si>
    <t>1019.1089477539062</t>
  </si>
  <si>
    <t>0.01401398877452209</t>
  </si>
  <si>
    <t>40689</t>
  </si>
  <si>
    <t>10.80275821685791</t>
  </si>
  <si>
    <t>952.09326171875</t>
  </si>
  <si>
    <t>0.027280194019347448</t>
  </si>
  <si>
    <t>41289</t>
  </si>
  <si>
    <t>10.128070831298828</t>
  </si>
  <si>
    <t>1038.392333984375</t>
  </si>
  <si>
    <t>0.01463833501681755</t>
  </si>
  <si>
    <t>9.789182662963867</t>
  </si>
  <si>
    <t>1176.115478515625</t>
  </si>
  <si>
    <t>0.02515976309012835</t>
  </si>
  <si>
    <t>43684</t>
  </si>
  <si>
    <t>10.386109352111816</t>
  </si>
  <si>
    <t>992.8802490234375</t>
  </si>
  <si>
    <t>0.03122601857984897</t>
  </si>
  <si>
    <t>45103</t>
  </si>
  <si>
    <t>11.880927085876465</t>
  </si>
  <si>
    <t>1083.808349609375</t>
  </si>
  <si>
    <t>0.03196686080787714</t>
  </si>
  <si>
    <t>46715</t>
  </si>
  <si>
    <t>11.22610092163086</t>
  </si>
  <si>
    <t>776.136962890625</t>
  </si>
  <si>
    <t>0.03511654910155926</t>
  </si>
  <si>
    <t>48071</t>
  </si>
  <si>
    <t>10.520383834838867</t>
  </si>
  <si>
    <t>996.824951171875</t>
  </si>
  <si>
    <t>0.028613772440202467</t>
  </si>
  <si>
    <t>48058</t>
  </si>
  <si>
    <t>11.683806419372559</t>
  </si>
  <si>
    <t>1023.59765625</t>
  </si>
  <si>
    <t>-0.00027046989106693786</t>
  </si>
  <si>
    <t>48596</t>
  </si>
  <si>
    <t>10.784122467041016</t>
  </si>
  <si>
    <t>990.7501220703125</t>
  </si>
  <si>
    <t>0.01113260819844264</t>
  </si>
  <si>
    <t>10.223139762878418</t>
  </si>
  <si>
    <t>1212.318359375</t>
  </si>
  <si>
    <t>0.0047422155529091015</t>
  </si>
  <si>
    <t>49772</t>
  </si>
  <si>
    <t>11.013069152832031</t>
  </si>
  <si>
    <t>1220.45166015625</t>
  </si>
  <si>
    <t>0.019169138367979954</t>
  </si>
  <si>
    <t>11.484172821044922</t>
  </si>
  <si>
    <t>918.1041259765625</t>
  </si>
  <si>
    <t>0.010433208783135584</t>
  </si>
  <si>
    <t>48982</t>
  </si>
  <si>
    <t>11.213044166564941</t>
  </si>
  <si>
    <t>1086.68798828125</t>
  </si>
  <si>
    <t>-0.02643290201308446</t>
  </si>
  <si>
    <t>49189</t>
  </si>
  <si>
    <t>11.351154327392578</t>
  </si>
  <si>
    <t>951.3699951171875</t>
  </si>
  <si>
    <t>0.004217137581937536</t>
  </si>
  <si>
    <t>47973</t>
  </si>
  <si>
    <t>10.218977928161621</t>
  </si>
  <si>
    <t>1133.179443359375</t>
  </si>
  <si>
    <t>-0.025031668619959646</t>
  </si>
  <si>
    <t>10.761832237243652</t>
  </si>
  <si>
    <t>929.0438842773438</t>
  </si>
  <si>
    <t>-0.02138476747034801</t>
  </si>
  <si>
    <t>47835</t>
  </si>
  <si>
    <t>11.26547622680664</t>
  </si>
  <si>
    <t>907.0336303710938</t>
  </si>
  <si>
    <t>0.018504003955063908</t>
  </si>
  <si>
    <t>48999</t>
  </si>
  <si>
    <t>12.026679992675781</t>
  </si>
  <si>
    <t>1387.1204833984375</t>
  </si>
  <si>
    <t>0.024042300608980938</t>
  </si>
  <si>
    <t>50521</t>
  </si>
  <si>
    <t>12.465160369873047</t>
  </si>
  <si>
    <t>946.73193359375</t>
  </si>
  <si>
    <t>0.030589201688211887</t>
  </si>
  <si>
    <t>52011</t>
  </si>
  <si>
    <t>10.369353294372559</t>
  </si>
  <si>
    <t>1074.4344482421875</t>
  </si>
  <si>
    <t>0.02906614324453649</t>
  </si>
  <si>
    <t>53882</t>
  </si>
  <si>
    <t>10.136606216430664</t>
  </si>
  <si>
    <t>1032.1685791015625</t>
  </si>
  <si>
    <t>0.035341235706260576</t>
  </si>
  <si>
    <t>54419</t>
  </si>
  <si>
    <t>11.474857330322266</t>
  </si>
  <si>
    <t>1120.7296142578125</t>
  </si>
  <si>
    <t>0.009916887210939862</t>
  </si>
  <si>
    <t>54830</t>
  </si>
  <si>
    <t>12.619294166564941</t>
  </si>
  <si>
    <t>1054.4256591796875</t>
  </si>
  <si>
    <t>0.007524131826896152</t>
  </si>
  <si>
    <t>55257</t>
  </si>
  <si>
    <t>11.772002220153809</t>
  </si>
  <si>
    <t>1156.4515380859375</t>
  </si>
  <si>
    <t>0.0077575397891198605</t>
  </si>
  <si>
    <t>55983</t>
  </si>
  <si>
    <t>11.779586791992188</t>
  </si>
  <si>
    <t>1390.392333984375</t>
  </si>
  <si>
    <t>0.013053044014368353</t>
  </si>
  <si>
    <t>56053</t>
  </si>
  <si>
    <t>12.16891098022461</t>
  </si>
  <si>
    <t>1207.2593994140625</t>
  </si>
  <si>
    <t>0.0012495985059928216</t>
  </si>
  <si>
    <t>55875</t>
  </si>
  <si>
    <t>11.965035438537598</t>
  </si>
  <si>
    <t>1093.36474609375</t>
  </si>
  <si>
    <t>-0.0031806187917045037</t>
  </si>
  <si>
    <t>59116</t>
  </si>
  <si>
    <t>11.914629936218262</t>
  </si>
  <si>
    <t>1111.5067138671875</t>
  </si>
  <si>
    <t>0.05638456241859302</t>
  </si>
  <si>
    <t>60044</t>
  </si>
  <si>
    <t>12.08239459991455</t>
  </si>
  <si>
    <t>1104.4127197265625</t>
  </si>
  <si>
    <t>0.01557601144560472</t>
  </si>
  <si>
    <t>22.706039428710938</t>
  </si>
  <si>
    <t>696.4819946289062</t>
  </si>
  <si>
    <t>439.4051513671875</t>
  </si>
  <si>
    <t>Corpus Christi-Kingsville, TX</t>
  </si>
  <si>
    <t>22.614858627319336</t>
  </si>
  <si>
    <t>798.5777587890625</t>
  </si>
  <si>
    <t>-0.014395729517852729</t>
  </si>
  <si>
    <t>22.35011100769043</t>
  </si>
  <si>
    <t>825.0897827148438</t>
  </si>
  <si>
    <t>0.020827779585092188</t>
  </si>
  <si>
    <t>22.211181640625</t>
  </si>
  <si>
    <t>661.0719604492188</t>
  </si>
  <si>
    <t>0.014012456503207815</t>
  </si>
  <si>
    <t>22.834442138671875</t>
  </si>
  <si>
    <t>720.0091552734375</t>
  </si>
  <si>
    <t>0.027276802551185142</t>
  </si>
  <si>
    <t>22.5217227935791</t>
  </si>
  <si>
    <t>611.1233520507812</t>
  </si>
  <si>
    <t>0.014640045734770624</t>
  </si>
  <si>
    <t>36197</t>
  </si>
  <si>
    <t>22.55289649963379</t>
  </si>
  <si>
    <t>520.856689453125</t>
  </si>
  <si>
    <t>0.025149937359023156</t>
  </si>
  <si>
    <t>22.0373592376709</t>
  </si>
  <si>
    <t>834.2860717773438</t>
  </si>
  <si>
    <t>0.031249568327490707</t>
  </si>
  <si>
    <t>23.334434509277344</t>
  </si>
  <si>
    <t>757.0241088867188</t>
  </si>
  <si>
    <t>0.03193779038038791</t>
  </si>
  <si>
    <t>23.15521240234375</t>
  </si>
  <si>
    <t>545.2694091796875</t>
  </si>
  <si>
    <t>0.03513961132029131</t>
  </si>
  <si>
    <t>41096</t>
  </si>
  <si>
    <t>22.739137649536133</t>
  </si>
  <si>
    <t>638.61865234375</t>
  </si>
  <si>
    <t>0.028607580667399546</t>
  </si>
  <si>
    <t>41085</t>
  </si>
  <si>
    <t>22.698022842407227</t>
  </si>
  <si>
    <t>691.2052001953125</t>
  </si>
  <si>
    <t>-0.00026770178181578785</t>
  </si>
  <si>
    <t>39812</t>
  </si>
  <si>
    <t>22.2570858001709</t>
  </si>
  <si>
    <t>812.3851928710938</t>
  </si>
  <si>
    <t>-0.03147471699933391</t>
  </si>
  <si>
    <t>44856</t>
  </si>
  <si>
    <t>22.581756591796875</t>
  </si>
  <si>
    <t>729.7005004882812</t>
  </si>
  <si>
    <t>0.11928898443755465</t>
  </si>
  <si>
    <t>48116</t>
  </si>
  <si>
    <t>22.8207950592041</t>
  </si>
  <si>
    <t>831.8331298828125</t>
  </si>
  <si>
    <t>0.0701574033104535</t>
  </si>
  <si>
    <t>23.136171340942383</t>
  </si>
  <si>
    <t>496.4192199707031</t>
  </si>
  <si>
    <t>0.058269692391876404</t>
  </si>
  <si>
    <t>51567</t>
  </si>
  <si>
    <t>23.109542846679688</t>
  </si>
  <si>
    <t>673.2434692382812</t>
  </si>
  <si>
    <t>0.010997478490427426</t>
  </si>
  <si>
    <t>54270</t>
  </si>
  <si>
    <t>22.56195831298828</t>
  </si>
  <si>
    <t>757.586181640625</t>
  </si>
  <si>
    <t>0.05108965506118324</t>
  </si>
  <si>
    <t>55106</t>
  </si>
  <si>
    <t>22.939828872680664</t>
  </si>
  <si>
    <t>451.3127746582031</t>
  </si>
  <si>
    <t>0.015287015077111832</t>
  </si>
  <si>
    <t>44785</t>
  </si>
  <si>
    <t>22.922399520874023</t>
  </si>
  <si>
    <t>618.2208862304688</t>
  </si>
  <si>
    <t>-0.2073853412252653</t>
  </si>
  <si>
    <t>22.61128807067871</t>
  </si>
  <si>
    <t>739.9063110351562</t>
  </si>
  <si>
    <t>0.06665752042485273</t>
  </si>
  <si>
    <t>24.073625564575195</t>
  </si>
  <si>
    <t>476.5332336425781</t>
  </si>
  <si>
    <t>0.10032613982815164</t>
  </si>
  <si>
    <t>23.887245178222656</t>
  </si>
  <si>
    <t>707.5208740234375</t>
  </si>
  <si>
    <t>0.02079356892727091</t>
  </si>
  <si>
    <t>56754</t>
  </si>
  <si>
    <t>22.616775512695312</t>
  </si>
  <si>
    <t>685.175048828125</t>
  </si>
  <si>
    <t>0.04907564735165337</t>
  </si>
  <si>
    <t>57660</t>
  </si>
  <si>
    <t>22.481752395629883</t>
  </si>
  <si>
    <t>702.6455688476562</t>
  </si>
  <si>
    <t>0.015837553751168798</t>
  </si>
  <si>
    <t>23.187278747558594</t>
  </si>
  <si>
    <t>848.2739868164062</t>
  </si>
  <si>
    <t>-0.18040871522600632</t>
  </si>
  <si>
    <t>44140</t>
  </si>
  <si>
    <t>23.984703063964844</t>
  </si>
  <si>
    <t>793.0910034179688</t>
  </si>
  <si>
    <t>-0.08678857615566038</t>
  </si>
  <si>
    <t>23.505538940429688</t>
  </si>
  <si>
    <t>635.4927978515625</t>
  </si>
  <si>
    <t>0.05913626830585095</t>
  </si>
  <si>
    <t>49452</t>
  </si>
  <si>
    <t>23.484312057495117</t>
  </si>
  <si>
    <t>730.1602783203125</t>
  </si>
  <si>
    <t>0.054499833010240195</t>
  </si>
  <si>
    <t>23.592308044433594</t>
  </si>
  <si>
    <t>606.2720336914062</t>
  </si>
  <si>
    <t>-0.01987178765906883</t>
  </si>
  <si>
    <t>23.71943473815918</t>
  </si>
  <si>
    <t>541.4708862304688</t>
  </si>
  <si>
    <t>-0.09641848986893287</t>
  </si>
  <si>
    <t>46576</t>
  </si>
  <si>
    <t>23.042280197143555</t>
  </si>
  <si>
    <t>807.3780517578125</t>
  </si>
  <si>
    <t>0.056373162386588405</t>
  </si>
  <si>
    <t>47307</t>
  </si>
  <si>
    <t>23.702903747558594</t>
  </si>
  <si>
    <t>526.0653076171875</t>
  </si>
  <si>
    <t>0.015572889088291575</t>
  </si>
  <si>
    <t>18.824731826782227</t>
  </si>
  <si>
    <t>1257.239501953125</t>
  </si>
  <si>
    <t>2682.430419921875</t>
  </si>
  <si>
    <t>Dallas-Fort Worth, TX</t>
  </si>
  <si>
    <t>42693</t>
  </si>
  <si>
    <t>19.010282516479492</t>
  </si>
  <si>
    <t>1201.3321533203125</t>
  </si>
  <si>
    <t>-0.01439476050231292</t>
  </si>
  <si>
    <t>43591</t>
  </si>
  <si>
    <t>18.29743003845215</t>
  </si>
  <si>
    <t>1073.22998046875</t>
  </si>
  <si>
    <t>0.020815734659050733</t>
  </si>
  <si>
    <t>44206</t>
  </si>
  <si>
    <t>17.853740692138672</t>
  </si>
  <si>
    <t>1009.76171875</t>
  </si>
  <si>
    <t>0.014009819448567384</t>
  </si>
  <si>
    <t>45429</t>
  </si>
  <si>
    <t>18.76140022277832</t>
  </si>
  <si>
    <t>1064.621337890625</t>
  </si>
  <si>
    <t>0.02729014116537698</t>
  </si>
  <si>
    <t>18.317487716674805</t>
  </si>
  <si>
    <t>891.7470703125</t>
  </si>
  <si>
    <t>0.014640590150731825</t>
  </si>
  <si>
    <t>18.197559356689453</t>
  </si>
  <si>
    <t>954.6663208007812</t>
  </si>
  <si>
    <t>0.025148050197870475</t>
  </si>
  <si>
    <t>18.0340633392334</t>
  </si>
  <si>
    <t>1179.201904296875</t>
  </si>
  <si>
    <t>0.03123757306421382</t>
  </si>
  <si>
    <t>50357</t>
  </si>
  <si>
    <t>19.55311393737793</t>
  </si>
  <si>
    <t>903.7412719726562</t>
  </si>
  <si>
    <t>0.03196075525811004</t>
  </si>
  <si>
    <t>52157</t>
  </si>
  <si>
    <t>19.40205192565918</t>
  </si>
  <si>
    <t>734.4297485351562</t>
  </si>
  <si>
    <t>0.03512076431334954</t>
  </si>
  <si>
    <t>53671</t>
  </si>
  <si>
    <t>18.627199172973633</t>
  </si>
  <si>
    <t>1046.8521728515625</t>
  </si>
  <si>
    <t>0.028614417771335</t>
  </si>
  <si>
    <t>53656</t>
  </si>
  <si>
    <t>18.76045036315918</t>
  </si>
  <si>
    <t>979.3192749023438</t>
  </si>
  <si>
    <t>-0.00027951960080230265</t>
  </si>
  <si>
    <t>18.15443229675293</t>
  </si>
  <si>
    <t>976.9678344726562</t>
  </si>
  <si>
    <t>-0.001324120632475001</t>
  </si>
  <si>
    <t>18.579792022705078</t>
  </si>
  <si>
    <t>739.9270629882812</t>
  </si>
  <si>
    <t>-0.0037955676742758016</t>
  </si>
  <si>
    <t>55147</t>
  </si>
  <si>
    <t>18.741958618164062</t>
  </si>
  <si>
    <t>1136.582275390625</t>
  </si>
  <si>
    <t>0.03252873663042877</t>
  </si>
  <si>
    <t>56886</t>
  </si>
  <si>
    <t>19.410818099975586</t>
  </si>
  <si>
    <t>592.45654296875</t>
  </si>
  <si>
    <t>0.031046918042763494</t>
  </si>
  <si>
    <t>58474</t>
  </si>
  <si>
    <t>19.357725143432617</t>
  </si>
  <si>
    <t>865.3538818359375</t>
  </si>
  <si>
    <t>0.027532945834783717</t>
  </si>
  <si>
    <t>59589</t>
  </si>
  <si>
    <t>18.908098220825195</t>
  </si>
  <si>
    <t>1003.4840087890625</t>
  </si>
  <si>
    <t>0.01888878228026769</t>
  </si>
  <si>
    <t>60472</t>
  </si>
  <si>
    <t>18.847440719604492</t>
  </si>
  <si>
    <t>844.0029907226562</t>
  </si>
  <si>
    <t>0.01470945471094609</t>
  </si>
  <si>
    <t>55800</t>
  </si>
  <si>
    <t>18.57365608215332</t>
  </si>
  <si>
    <t>1191.0316162109375</t>
  </si>
  <si>
    <t>-0.08040657860260936</t>
  </si>
  <si>
    <t>56432</t>
  </si>
  <si>
    <t>18.88258934020996</t>
  </si>
  <si>
    <t>773.4072265625</t>
  </si>
  <si>
    <t>0.011262504106429816</t>
  </si>
  <si>
    <t>57346</t>
  </si>
  <si>
    <t>20.038049697875977</t>
  </si>
  <si>
    <t>810.7774047851562</t>
  </si>
  <si>
    <t>0.016066720482715624</t>
  </si>
  <si>
    <t>58080</t>
  </si>
  <si>
    <t>20.157751083374023</t>
  </si>
  <si>
    <t>904.7357788085938</t>
  </si>
  <si>
    <t>0.012718276540129025</t>
  </si>
  <si>
    <t>59004</t>
  </si>
  <si>
    <t>18.27238655090332</t>
  </si>
  <si>
    <t>981.6737670898438</t>
  </si>
  <si>
    <t>0.01578386770126272</t>
  </si>
  <si>
    <t>59899</t>
  </si>
  <si>
    <t>18.295732498168945</t>
  </si>
  <si>
    <t>841.2254638671875</t>
  </si>
  <si>
    <t>0.01505457227342788</t>
  </si>
  <si>
    <t>59938</t>
  </si>
  <si>
    <t>19.25885009765625</t>
  </si>
  <si>
    <t>1178.4542236328125</t>
  </si>
  <si>
    <t>0.0006508841405725718</t>
  </si>
  <si>
    <t>20.139509201049805</t>
  </si>
  <si>
    <t>1005.206787109375</t>
  </si>
  <si>
    <t>0.001933462833132893</t>
  </si>
  <si>
    <t>60867</t>
  </si>
  <si>
    <t>19.597951889038086</t>
  </si>
  <si>
    <t>839.8143310546875</t>
  </si>
  <si>
    <t>0.01344699846408659</t>
  </si>
  <si>
    <t>61916</t>
  </si>
  <si>
    <t>19.126073837280273</t>
  </si>
  <si>
    <t>1094.7734375</t>
  </si>
  <si>
    <t>0.01708747178260772</t>
  </si>
  <si>
    <t>62173</t>
  </si>
  <si>
    <t>19.099712371826172</t>
  </si>
  <si>
    <t>1038.1302490234375</t>
  </si>
  <si>
    <t>0.004142194190658088</t>
  </si>
  <si>
    <t>62376</t>
  </si>
  <si>
    <t>19.147655487060547</t>
  </si>
  <si>
    <t>1011.0634765625</t>
  </si>
  <si>
    <t>0.0032597641050102766</t>
  </si>
  <si>
    <t>65994</t>
  </si>
  <si>
    <t>18.987775802612305</t>
  </si>
  <si>
    <t>922.7674560546875</t>
  </si>
  <si>
    <t>0.05638324279573581</t>
  </si>
  <si>
    <t>67030</t>
  </si>
  <si>
    <t>19.640172958374023</t>
  </si>
  <si>
    <t>829.3114624023438</t>
  </si>
  <si>
    <t>0.015576451566831295</t>
  </si>
  <si>
    <t>10.090533256530762</t>
  </si>
  <si>
    <t>1135.7147216796875</t>
  </si>
  <si>
    <t>220.00201416015625</t>
  </si>
  <si>
    <t>Davenport-Moline-Rock Island, IA-IL</t>
  </si>
  <si>
    <t>11.285021781921387</t>
  </si>
  <si>
    <t>863.6490478515625</t>
  </si>
  <si>
    <t>-0.01439389545256553</t>
  </si>
  <si>
    <t>9.679194450378418</t>
  </si>
  <si>
    <t>956.5967407226562</t>
  </si>
  <si>
    <t>0.02080688527074237</t>
  </si>
  <si>
    <t>37281</t>
  </si>
  <si>
    <t>8.929970741271973</t>
  </si>
  <si>
    <t>1217.422119140625</t>
  </si>
  <si>
    <t>0.014019110520395728</t>
  </si>
  <si>
    <t>10.272469520568848</t>
  </si>
  <si>
    <t>866.4925537109375</t>
  </si>
  <si>
    <t>0.027305450690265687</t>
  </si>
  <si>
    <t>38877</t>
  </si>
  <si>
    <t>9.781023025512695</t>
  </si>
  <si>
    <t>965.900390625</t>
  </si>
  <si>
    <t>0.014613551939152813</t>
  </si>
  <si>
    <t>8.64656925201416</t>
  </si>
  <si>
    <t>886.6139526367188</t>
  </si>
  <si>
    <t>0.02517118098382376</t>
  </si>
  <si>
    <t>9.823203086853027</t>
  </si>
  <si>
    <t>822.8890991210938</t>
  </si>
  <si>
    <t>0.03123672193741811</t>
  </si>
  <si>
    <t>42468</t>
  </si>
  <si>
    <t>11.46674633026123</t>
  </si>
  <si>
    <t>1206.14306640625</t>
  </si>
  <si>
    <t>0.03194013210869784</t>
  </si>
  <si>
    <t>43987</t>
  </si>
  <si>
    <t>10.98144817352295</t>
  </si>
  <si>
    <t>873.2662963867188</t>
  </si>
  <si>
    <t>0.035143284566187205</t>
  </si>
  <si>
    <t>10.066277503967285</t>
  </si>
  <si>
    <t>966.0545043945312</t>
  </si>
  <si>
    <t>0.02861787884169864</t>
  </si>
  <si>
    <t>11.036690711975098</t>
  </si>
  <si>
    <t>985.027587890625</t>
  </si>
  <si>
    <t>-0.0002872452099520473</t>
  </si>
  <si>
    <t>45476</t>
  </si>
  <si>
    <t>10.108698844909668</t>
  </si>
  <si>
    <t>845.0577392578125</t>
  </si>
  <si>
    <t>0.004959944917599657</t>
  </si>
  <si>
    <t>9.6600923538208</t>
  </si>
  <si>
    <t>829.0628051757812</t>
  </si>
  <si>
    <t>0.02812139909566369</t>
  </si>
  <si>
    <t>49606</t>
  </si>
  <si>
    <t>10.396904945373535</t>
  </si>
  <si>
    <t>970.9829711914062</t>
  </si>
  <si>
    <t>0.058805680794286275</t>
  </si>
  <si>
    <t>50027</t>
  </si>
  <si>
    <t>11.4150972366333</t>
  </si>
  <si>
    <t>650.6444702148438</t>
  </si>
  <si>
    <t>0.00845106552380237</t>
  </si>
  <si>
    <t>51299</t>
  </si>
  <si>
    <t>10.816230773925781</t>
  </si>
  <si>
    <t>890.1712646484375</t>
  </si>
  <si>
    <t>0.02510839912872953</t>
  </si>
  <si>
    <t>10.606063842773438</t>
  </si>
  <si>
    <t>1011.0505981445312</t>
  </si>
  <si>
    <t>0.020624458949482616</t>
  </si>
  <si>
    <t>52953</t>
  </si>
  <si>
    <t>9.067042350769043</t>
  </si>
  <si>
    <t>1141.146240234375</t>
  </si>
  <si>
    <t>0.011109009907427136</t>
  </si>
  <si>
    <t>51939</t>
  </si>
  <si>
    <t>9.812695503234863</t>
  </si>
  <si>
    <t>1288.885986328125</t>
  </si>
  <si>
    <t>-0.019334774601203364</t>
  </si>
  <si>
    <t>10.758482933044434</t>
  </si>
  <si>
    <t>1104.230712890625</t>
  </si>
  <si>
    <t>0.02041062193466736</t>
  </si>
  <si>
    <t>54662</t>
  </si>
  <si>
    <t>11.029681205749512</t>
  </si>
  <si>
    <t>948.6685791015625</t>
  </si>
  <si>
    <t>0.030688194658843315</t>
  </si>
  <si>
    <t>11.951531410217285</t>
  </si>
  <si>
    <t>747.5684204101562</t>
  </si>
  <si>
    <t>0.02151866079931075</t>
  </si>
  <si>
    <t>54767</t>
  </si>
  <si>
    <t>8.95150089263916</t>
  </si>
  <si>
    <t>1029.5313720703125</t>
  </si>
  <si>
    <t>-0.01959960767401192</t>
  </si>
  <si>
    <t>54913</t>
  </si>
  <si>
    <t>9.128145217895508</t>
  </si>
  <si>
    <t>1065.8365478515625</t>
  </si>
  <si>
    <t>0.0026622918715322186</t>
  </si>
  <si>
    <t>54216</t>
  </si>
  <si>
    <t>10.835667610168457</t>
  </si>
  <si>
    <t>1071.3563232421875</t>
  </si>
  <si>
    <t>-0.012774046821578011</t>
  </si>
  <si>
    <t>53235</t>
  </si>
  <si>
    <t>11.938464164733887</t>
  </si>
  <si>
    <t>1063.082763671875</t>
  </si>
  <si>
    <t>-0.01825999306724313</t>
  </si>
  <si>
    <t>53277</t>
  </si>
  <si>
    <t>11.1430025100708</t>
  </si>
  <si>
    <t>921.6973266601562</t>
  </si>
  <si>
    <t>0.0007886435739994369</t>
  </si>
  <si>
    <t>53910</t>
  </si>
  <si>
    <t>10.208805084228516</t>
  </si>
  <si>
    <t>1214.20166015625</t>
  </si>
  <si>
    <t>0.011811271123010059</t>
  </si>
  <si>
    <t>55422</t>
  </si>
  <si>
    <t>10.389213562011719</t>
  </si>
  <si>
    <t>1287.6619873046875</t>
  </si>
  <si>
    <t>0.02766063737495017</t>
  </si>
  <si>
    <t>52928</t>
  </si>
  <si>
    <t>10.982754707336426</t>
  </si>
  <si>
    <t>1024.9271240234375</t>
  </si>
  <si>
    <t>-0.046044127437301796</t>
  </si>
  <si>
    <t>55998</t>
  </si>
  <si>
    <t>11.020787239074707</t>
  </si>
  <si>
    <t>829.6747436523438</t>
  </si>
  <si>
    <t>0.056383476410438504</t>
  </si>
  <si>
    <t>10.834454536437988</t>
  </si>
  <si>
    <t>898.9830322265625</t>
  </si>
  <si>
    <t>0.015575065676346256</t>
  </si>
  <si>
    <t>11.412445068359375</t>
  </si>
  <si>
    <t>1251.7841796875</t>
  </si>
  <si>
    <t>660.0201416015625</t>
  </si>
  <si>
    <t>Dayton-Springfield-Greenville, OH</t>
  </si>
  <si>
    <t>34821</t>
  </si>
  <si>
    <t>12.188579559326172</t>
  </si>
  <si>
    <t>802.6488647460938</t>
  </si>
  <si>
    <t>-0.014398583678657317</t>
  </si>
  <si>
    <t>35553</t>
  </si>
  <si>
    <t>10.575850486755371</t>
  </si>
  <si>
    <t>1027.0364990234375</t>
  </si>
  <si>
    <t>0.020803887819827338</t>
  </si>
  <si>
    <t>9.84939193725586</t>
  </si>
  <si>
    <t>1091.22119140625</t>
  </si>
  <si>
    <t>0.01402100949430185</t>
  </si>
  <si>
    <t>37053</t>
  </si>
  <si>
    <t>10.947781562805176</t>
  </si>
  <si>
    <t>856.0236206054688</t>
  </si>
  <si>
    <t>0.02730376975526383</t>
  </si>
  <si>
    <t>10.376572608947754</t>
  </si>
  <si>
    <t>1018.3270874023438</t>
  </si>
  <si>
    <t>0.014628134173507945</t>
  </si>
  <si>
    <t>9.898305892944336</t>
  </si>
  <si>
    <t>1151.3599853515625</t>
  </si>
  <si>
    <t>0.02516021158833226</t>
  </si>
  <si>
    <t>10.542940139770508</t>
  </si>
  <si>
    <t>942.1602783203125</t>
  </si>
  <si>
    <t>0.031226607539998952</t>
  </si>
  <si>
    <t>12.119449615478516</t>
  </si>
  <si>
    <t>1045.73681640625</t>
  </si>
  <si>
    <t>0.031962350702958275</t>
  </si>
  <si>
    <t>42540</t>
  </si>
  <si>
    <t>11.492959022521973</t>
  </si>
  <si>
    <t>804.0252685546875</t>
  </si>
  <si>
    <t>0.03511818564330582</t>
  </si>
  <si>
    <t>43775</t>
  </si>
  <si>
    <t>10.712616920471191</t>
  </si>
  <si>
    <t>1024.71533203125</t>
  </si>
  <si>
    <t>0.02861806839982428</t>
  </si>
  <si>
    <t>43763</t>
  </si>
  <si>
    <t>11.937104225158691</t>
  </si>
  <si>
    <t>1032.89013671875</t>
  </si>
  <si>
    <t>-0.00027416664934420965</t>
  </si>
  <si>
    <t>11.021087646484375</t>
  </si>
  <si>
    <t>958.6420288085938</t>
  </si>
  <si>
    <t>0.027295833492070543</t>
  </si>
  <si>
    <t>10.402948379516602</t>
  </si>
  <si>
    <t>1214.90283203125</t>
  </si>
  <si>
    <t>0.011320041287580906</t>
  </si>
  <si>
    <t>46983</t>
  </si>
  <si>
    <t>11.16107177734375</t>
  </si>
  <si>
    <t>1138.7957763671875</t>
  </si>
  <si>
    <t>0.032381247850183925</t>
  </si>
  <si>
    <t>11.758106231689453</t>
  </si>
  <si>
    <t>944.5003662109375</t>
  </si>
  <si>
    <t>-0.00514271605557326</t>
  </si>
  <si>
    <t>11.469372749328613</t>
  </si>
  <si>
    <t>1212.64111328125</t>
  </si>
  <si>
    <t>-4.278898612142257e-05</t>
  </si>
  <si>
    <t>45654</t>
  </si>
  <si>
    <t>11.434295654296875</t>
  </si>
  <si>
    <t>980.578857421875</t>
  </si>
  <si>
    <t>-0.023509102688271</t>
  </si>
  <si>
    <t>44773</t>
  </si>
  <si>
    <t>10.207589149475098</t>
  </si>
  <si>
    <t>1161.1494140625</t>
  </si>
  <si>
    <t>-0.019485947256661973</t>
  </si>
  <si>
    <t>43522</t>
  </si>
  <si>
    <t>10.845951080322266</t>
  </si>
  <si>
    <t>981.2606811523438</t>
  </si>
  <si>
    <t>-0.028338721791676846</t>
  </si>
  <si>
    <t>11.506808280944824</t>
  </si>
  <si>
    <t>918.17919921875</t>
  </si>
  <si>
    <t>0.03650221401528775</t>
  </si>
  <si>
    <t>47068</t>
  </si>
  <si>
    <t>12.00879192352295</t>
  </si>
  <si>
    <t>1412.0875244140625</t>
  </si>
  <si>
    <t>0.04182459321229359</t>
  </si>
  <si>
    <t>47402</t>
  </si>
  <si>
    <t>12.579524993896484</t>
  </si>
  <si>
    <t>884.48193359375</t>
  </si>
  <si>
    <t>0.007071057302029615</t>
  </si>
  <si>
    <t>10.307402610778809</t>
  </si>
  <si>
    <t>1060.0272216796875</t>
  </si>
  <si>
    <t>0.009908137650485926</t>
  </si>
  <si>
    <t>48874</t>
  </si>
  <si>
    <t>10.030908584594727</t>
  </si>
  <si>
    <t>992.9357299804688</t>
  </si>
  <si>
    <t>0.020672998183959734</t>
  </si>
  <si>
    <t>11.438082695007324</t>
  </si>
  <si>
    <t>1091.838623046875</t>
  </si>
  <si>
    <t>0.01768450062397875</t>
  </si>
  <si>
    <t>50104</t>
  </si>
  <si>
    <t>12.584710121154785</t>
  </si>
  <si>
    <t>1067.152587890625</t>
  </si>
  <si>
    <t>0.0071707868609749426</t>
  </si>
  <si>
    <t>50945</t>
  </si>
  <si>
    <t>11.864813804626465</t>
  </si>
  <si>
    <t>1139.8636474609375</t>
  </si>
  <si>
    <t>0.016645774203135844</t>
  </si>
  <si>
    <t>52476</t>
  </si>
  <si>
    <t>11.809113502502441</t>
  </si>
  <si>
    <t>1258.1395263671875</t>
  </si>
  <si>
    <t>0.029609302792536596</t>
  </si>
  <si>
    <t>12.159939765930176</t>
  </si>
  <si>
    <t>1205.2965087890625</t>
  </si>
  <si>
    <t>0.006003741862336653</t>
  </si>
  <si>
    <t>51171</t>
  </si>
  <si>
    <t>12.061333656311035</t>
  </si>
  <si>
    <t>1039.4893798828125</t>
  </si>
  <si>
    <t>-0.03118669875427571</t>
  </si>
  <si>
    <t>54138</t>
  </si>
  <si>
    <t>12.090176582336426</t>
  </si>
  <si>
    <t>1101.9110107421875</t>
  </si>
  <si>
    <t>0.056363376913573404</t>
  </si>
  <si>
    <t>54988</t>
  </si>
  <si>
    <t>12.287995338439941</t>
  </si>
  <si>
    <t>1033.1319580078125</t>
  </si>
  <si>
    <t>0.015578637368754755</t>
  </si>
  <si>
    <t>7.660363674163818</t>
  </si>
  <si>
    <t>502.451171875</t>
  </si>
  <si>
    <t>1518.2669677734375</t>
  </si>
  <si>
    <t>Denver-Aurora-Boulder, CO</t>
  </si>
  <si>
    <t>8.322381019592285</t>
  </si>
  <si>
    <t>471.4507751464844</t>
  </si>
  <si>
    <t>-0.014378702604616933</t>
  </si>
  <si>
    <t>49420</t>
  </si>
  <si>
    <t>7.768157958984375</t>
  </si>
  <si>
    <t>442.21759033203125</t>
  </si>
  <si>
    <t>0.020793405287699684</t>
  </si>
  <si>
    <t>50118</t>
  </si>
  <si>
    <t>7.049543857574463</t>
  </si>
  <si>
    <t>490.068115234375</t>
  </si>
  <si>
    <t>0.014025024441361111</t>
  </si>
  <si>
    <t>51504</t>
  </si>
  <si>
    <t>8.604211807250977</t>
  </si>
  <si>
    <t>351.0200500488281</t>
  </si>
  <si>
    <t>0.027279249554627683</t>
  </si>
  <si>
    <t>7.558722972869873</t>
  </si>
  <si>
    <t>499.466064453125</t>
  </si>
  <si>
    <t>0.014648322981997808</t>
  </si>
  <si>
    <t>53595</t>
  </si>
  <si>
    <t>7.769937038421631</t>
  </si>
  <si>
    <t>412.0748596191406</t>
  </si>
  <si>
    <t>0.02514798260503248</t>
  </si>
  <si>
    <t>55296</t>
  </si>
  <si>
    <t>7.183106899261475</t>
  </si>
  <si>
    <t>523.8041381835938</t>
  </si>
  <si>
    <t>0.031244793038107233</t>
  </si>
  <si>
    <t>57091</t>
  </si>
  <si>
    <t>8.08023452758789</t>
  </si>
  <si>
    <t>458.73223876953125</t>
  </si>
  <si>
    <t>0.031945912843658775</t>
  </si>
  <si>
    <t>59132</t>
  </si>
  <si>
    <t>8.448424339294434</t>
  </si>
  <si>
    <t>452.4944152832031</t>
  </si>
  <si>
    <t>0.03512574701359483</t>
  </si>
  <si>
    <t>60849</t>
  </si>
  <si>
    <t>8.023093223571777</t>
  </si>
  <si>
    <t>405.982421875</t>
  </si>
  <si>
    <t>0.02862315240591684</t>
  </si>
  <si>
    <t>60832</t>
  </si>
  <si>
    <t>8.544732093811035</t>
  </si>
  <si>
    <t>399.9895935058594</t>
  </si>
  <si>
    <t>-0.0002794191387422984</t>
  </si>
  <si>
    <t>60102</t>
  </si>
  <si>
    <t>7.962002277374268</t>
  </si>
  <si>
    <t>265.686767578125</t>
  </si>
  <si>
    <t>-0.012072847448335366</t>
  </si>
  <si>
    <t>59861</t>
  </si>
  <si>
    <t>8.193337440490723</t>
  </si>
  <si>
    <t>406.61114501953125</t>
  </si>
  <si>
    <t>-0.004017910926158663</t>
  </si>
  <si>
    <t>59757</t>
  </si>
  <si>
    <t>8.154439926147461</t>
  </si>
  <si>
    <t>464.3565368652344</t>
  </si>
  <si>
    <t>-0.0017388691702766579</t>
  </si>
  <si>
    <t>61425</t>
  </si>
  <si>
    <t>8.832659721374512</t>
  </si>
  <si>
    <t>429.9776611328125</t>
  </si>
  <si>
    <t>0.0275305796459957</t>
  </si>
  <si>
    <t>61426</t>
  </si>
  <si>
    <t>8.145089149475098</t>
  </si>
  <si>
    <t>385.2193908691406</t>
  </si>
  <si>
    <t>1.6279883762848613e-05</t>
  </si>
  <si>
    <t>63006</t>
  </si>
  <si>
    <t>8.425320625305176</t>
  </si>
  <si>
    <t>416.1073303222656</t>
  </si>
  <si>
    <t>0.025396761660905653</t>
  </si>
  <si>
    <t>63069</t>
  </si>
  <si>
    <t>7.8016276359558105</t>
  </si>
  <si>
    <t>412.0076599121094</t>
  </si>
  <si>
    <t>0.0009994051991863984</t>
  </si>
  <si>
    <t>59612</t>
  </si>
  <si>
    <t>7.337053298950195</t>
  </si>
  <si>
    <t>499.219482421875</t>
  </si>
  <si>
    <t>-0.05637246906455218</t>
  </si>
  <si>
    <t>59827</t>
  </si>
  <si>
    <t>8.061389923095703</t>
  </si>
  <si>
    <t>454.1636962890625</t>
  </si>
  <si>
    <t>0.0036001679890436122</t>
  </si>
  <si>
    <t>8.240731239318848</t>
  </si>
  <si>
    <t>467.4124450683594</t>
  </si>
  <si>
    <t>-0.0021082933985585584</t>
  </si>
  <si>
    <t>60142</t>
  </si>
  <si>
    <t>9.446928024291992</t>
  </si>
  <si>
    <t>270.37823486328125</t>
  </si>
  <si>
    <t>0.007359662067006667</t>
  </si>
  <si>
    <t>61517</t>
  </si>
  <si>
    <t>7.819967269897461</t>
  </si>
  <si>
    <t>441.6544494628906</t>
  </si>
  <si>
    <t>0.02260512663492875</t>
  </si>
  <si>
    <t>63058</t>
  </si>
  <si>
    <t>7.9287285804748535</t>
  </si>
  <si>
    <t>483.2561340332031</t>
  </si>
  <si>
    <t>0.024741378408794645</t>
  </si>
  <si>
    <t>63839</t>
  </si>
  <si>
    <t>8.865754127502441</t>
  </si>
  <si>
    <t>572.63720703125</t>
  </si>
  <si>
    <t>0.012309351070706853</t>
  </si>
  <si>
    <t>64107</t>
  </si>
  <si>
    <t>8.956809043884277</t>
  </si>
  <si>
    <t>483.256591796875</t>
  </si>
  <si>
    <t>0.004189273473969024</t>
  </si>
  <si>
    <t>65966</t>
  </si>
  <si>
    <t>9.041309356689453</t>
  </si>
  <si>
    <t>439.64752197265625</t>
  </si>
  <si>
    <t>0.028585895442708065</t>
  </si>
  <si>
    <t>68219</t>
  </si>
  <si>
    <t>384.11602783203125</t>
  </si>
  <si>
    <t>0.03358366064998819</t>
  </si>
  <si>
    <t>69879</t>
  </si>
  <si>
    <t>7.652871608734131</t>
  </si>
  <si>
    <t>495.6893310546875</t>
  </si>
  <si>
    <t>0.02404205649219371</t>
  </si>
  <si>
    <t>67763</t>
  </si>
  <si>
    <t>8.669301986694336</t>
  </si>
  <si>
    <t>274.72845458984375</t>
  </si>
  <si>
    <t>-0.030748851645677533</t>
  </si>
  <si>
    <t>71692</t>
  </si>
  <si>
    <t>8.902831077575684</t>
  </si>
  <si>
    <t>438.11077880859375</t>
  </si>
  <si>
    <t>0.056362842097701815</t>
  </si>
  <si>
    <t>72818</t>
  </si>
  <si>
    <t>8.186345100402832</t>
  </si>
  <si>
    <t>353.5459289550781</t>
  </si>
  <si>
    <t>0.015584012018619475</t>
  </si>
  <si>
    <t>9.337752342224121</t>
  </si>
  <si>
    <t>983.5917358398438</t>
  </si>
  <si>
    <t>505.1808776855469</t>
  </si>
  <si>
    <t>Des Moines-Newton-Pella, IA</t>
  </si>
  <si>
    <t>10.300606727600098</t>
  </si>
  <si>
    <t>969.9133911132812</t>
  </si>
  <si>
    <t>-0.014373827716214649</t>
  </si>
  <si>
    <t>38153</t>
  </si>
  <si>
    <t>8.825819969177246</t>
  </si>
  <si>
    <t>910.3148193359375</t>
  </si>
  <si>
    <t>0.020789668398306205</t>
  </si>
  <si>
    <t>38692</t>
  </si>
  <si>
    <t>7.758424282073975</t>
  </si>
  <si>
    <t>1210.2979736328125</t>
  </si>
  <si>
    <t>0.014028468722187881</t>
  </si>
  <si>
    <t>9.427046775817871</t>
  </si>
  <si>
    <t>733.7457275390625</t>
  </si>
  <si>
    <t>0.02727882201384446</t>
  </si>
  <si>
    <t>40349</t>
  </si>
  <si>
    <t>8.727203369140625</t>
  </si>
  <si>
    <t>833.590087890625</t>
  </si>
  <si>
    <t>0.014654928927246402</t>
  </si>
  <si>
    <t>7.677324295043945</t>
  </si>
  <si>
    <t>801.0931396484375</t>
  </si>
  <si>
    <t>0.025134391328055727</t>
  </si>
  <si>
    <t>42689</t>
  </si>
  <si>
    <t>9.14736270904541</t>
  </si>
  <si>
    <t>761.4881591796875</t>
  </si>
  <si>
    <t>0.031240273216438297</t>
  </si>
  <si>
    <t>44076</t>
  </si>
  <si>
    <t>10.581526756286621</t>
  </si>
  <si>
    <t>1034.17919921875</t>
  </si>
  <si>
    <t>0.03197414081964567</t>
  </si>
  <si>
    <t>10.426932334899902</t>
  </si>
  <si>
    <t>785.8523559570312</t>
  </si>
  <si>
    <t>0.035110095980556366</t>
  </si>
  <si>
    <t>9.587267875671387</t>
  </si>
  <si>
    <t>799.8218383789062</t>
  </si>
  <si>
    <t>0.02863260762532782</t>
  </si>
  <si>
    <t>10.193890571594238</t>
  </si>
  <si>
    <t>864.6307373046875</t>
  </si>
  <si>
    <t>-0.00029806259535192225</t>
  </si>
  <si>
    <t>47875</t>
  </si>
  <si>
    <t>9.504189491271973</t>
  </si>
  <si>
    <t>717.5987548828125</t>
  </si>
  <si>
    <t>0.019233389864746542</t>
  </si>
  <si>
    <t>50391</t>
  </si>
  <si>
    <t>9.291403770446777</t>
  </si>
  <si>
    <t>739.41064453125</t>
  </si>
  <si>
    <t>0.051219140202166</t>
  </si>
  <si>
    <t>54704</t>
  </si>
  <si>
    <t>9.757805824279785</t>
  </si>
  <si>
    <t>0.08212424519396855</t>
  </si>
  <si>
    <t>55586</t>
  </si>
  <si>
    <t>11.051175117492676</t>
  </si>
  <si>
    <t>765.2923583984375</t>
  </si>
  <si>
    <t>0.015994538091860022</t>
  </si>
  <si>
    <t>54972</t>
  </si>
  <si>
    <t>10.388050079345703</t>
  </si>
  <si>
    <t>790.8892211914062</t>
  </si>
  <si>
    <t>-0.01110740629619933</t>
  </si>
  <si>
    <t>58712</t>
  </si>
  <si>
    <t>9.98065185546875</t>
  </si>
  <si>
    <t>1050.94140625</t>
  </si>
  <si>
    <t>0.06582017055015577</t>
  </si>
  <si>
    <t>55560</t>
  </si>
  <si>
    <t>8.450937271118164</t>
  </si>
  <si>
    <t>1094.4097900390625</t>
  </si>
  <si>
    <t>-0.05518061735661739</t>
  </si>
  <si>
    <t>8.962234497070312</t>
  </si>
  <si>
    <t>1004.6693725585938</t>
  </si>
  <si>
    <t>-0.01928116500913646</t>
  </si>
  <si>
    <t>55201</t>
  </si>
  <si>
    <t>9.862154960632324</t>
  </si>
  <si>
    <t>1085.4886474609375</t>
  </si>
  <si>
    <t>0.012798716183979764</t>
  </si>
  <si>
    <t>55770</t>
  </si>
  <si>
    <t>10.303495407104492</t>
  </si>
  <si>
    <t>802.6013793945312</t>
  </si>
  <si>
    <t>0.010255021340475068</t>
  </si>
  <si>
    <t>58254</t>
  </si>
  <si>
    <t>11.54330825805664</t>
  </si>
  <si>
    <t>666.231201171875</t>
  </si>
  <si>
    <t>0.04357666921460002</t>
  </si>
  <si>
    <t>58047</t>
  </si>
  <si>
    <t>8.409578323364258</t>
  </si>
  <si>
    <t>842.3761596679688</t>
  </si>
  <si>
    <t>-0.0035597323941605197</t>
  </si>
  <si>
    <t>60945</t>
  </si>
  <si>
    <t>8.749939918518066</t>
  </si>
  <si>
    <t>1055.4981689453125</t>
  </si>
  <si>
    <t>0.048718790885898144</t>
  </si>
  <si>
    <t>63523</t>
  </si>
  <si>
    <t>10.351806640625</t>
  </si>
  <si>
    <t>1033.9337158203125</t>
  </si>
  <si>
    <t>0.04143022693495979</t>
  </si>
  <si>
    <t>63328</t>
  </si>
  <si>
    <t>11.35857105255127</t>
  </si>
  <si>
    <t>997.4605712890625</t>
  </si>
  <si>
    <t>-0.0030744756226042114</t>
  </si>
  <si>
    <t>10.528838157653809</t>
  </si>
  <si>
    <t>881.4647827148438</t>
  </si>
  <si>
    <t>-0.015756377725860915</t>
  </si>
  <si>
    <t>63372</t>
  </si>
  <si>
    <t>9.517538070678711</t>
  </si>
  <si>
    <t>1046.658935546875</t>
  </si>
  <si>
    <t>0.016450931818502212</t>
  </si>
  <si>
    <t>63647</t>
  </si>
  <si>
    <t>9.534454345703125</t>
  </si>
  <si>
    <t>1119.5743408203125</t>
  </si>
  <si>
    <t>0.004330067622570155</t>
  </si>
  <si>
    <t>10.370198249816895</t>
  </si>
  <si>
    <t>822.6542358398438</t>
  </si>
  <si>
    <t>0.015682316718176992</t>
  </si>
  <si>
    <t>68402</t>
  </si>
  <si>
    <t>10.492938041687012</t>
  </si>
  <si>
    <t>755.3626098632812</t>
  </si>
  <si>
    <t>0.05636755611356925</t>
  </si>
  <si>
    <t>69476</t>
  </si>
  <si>
    <t>10.124913215637207</t>
  </si>
  <si>
    <t>721.6705932617188</t>
  </si>
  <si>
    <t>0.01557930522465334</t>
  </si>
  <si>
    <t>41015</t>
  </si>
  <si>
    <t>9.702662467956543</t>
  </si>
  <si>
    <t>1022.36181640625</t>
  </si>
  <si>
    <t>3316.157470703125</t>
  </si>
  <si>
    <t>Detroit-Warren-Flint, MI</t>
  </si>
  <si>
    <t>40429</t>
  </si>
  <si>
    <t>10.535706520080566</t>
  </si>
  <si>
    <t>774.683349609375</t>
  </si>
  <si>
    <t>-0.014390504216262201</t>
  </si>
  <si>
    <t>41279</t>
  </si>
  <si>
    <t>8.758736610412598</t>
  </si>
  <si>
    <t>977.3895874023438</t>
  </si>
  <si>
    <t>0.020806546835229867</t>
  </si>
  <si>
    <t>41862</t>
  </si>
  <si>
    <t>8.185711860656738</t>
  </si>
  <si>
    <t>833.91552734375</t>
  </si>
  <si>
    <t>0.014024598111474162</t>
  </si>
  <si>
    <t>9.556339263916016</t>
  </si>
  <si>
    <t>776.2503662109375</t>
  </si>
  <si>
    <t>0.027286629654430072</t>
  </si>
  <si>
    <t>8.939432144165039</t>
  </si>
  <si>
    <t>718.577392578125</t>
  </si>
  <si>
    <t>0.01462979227730088</t>
  </si>
  <si>
    <t>8.435159683227539</t>
  </si>
  <si>
    <t>834.3970336914062</t>
  </si>
  <si>
    <t>0.025154006600546452</t>
  </si>
  <si>
    <t>46187</t>
  </si>
  <si>
    <t>8.851750373840332</t>
  </si>
  <si>
    <t>890.41162109375</t>
  </si>
  <si>
    <t>0.0312494504926093</t>
  </si>
  <si>
    <t>47686</t>
  </si>
  <si>
    <t>10.669318199157715</t>
  </si>
  <si>
    <t>877.8765869140625</t>
  </si>
  <si>
    <t>0.031939480556173905</t>
  </si>
  <si>
    <t>49391</t>
  </si>
  <si>
    <t>9.995481491088867</t>
  </si>
  <si>
    <t>715.2064819335938</t>
  </si>
  <si>
    <t>0.035130367594916834</t>
  </si>
  <si>
    <t>50825</t>
  </si>
  <si>
    <t>9.189385414123535</t>
  </si>
  <si>
    <t>903.7264404296875</t>
  </si>
  <si>
    <t>0.02862013815327913</t>
  </si>
  <si>
    <t>50811</t>
  </si>
  <si>
    <t>10.34687328338623</t>
  </si>
  <si>
    <t>941.4273681640625</t>
  </si>
  <si>
    <t>-0.0002754929373161019</t>
  </si>
  <si>
    <t>51860</t>
  </si>
  <si>
    <t>9.395848274230957</t>
  </si>
  <si>
    <t>684.1881103515625</t>
  </si>
  <si>
    <t>0.02043491353342297</t>
  </si>
  <si>
    <t>52262</t>
  </si>
  <si>
    <t>8.743699073791504</t>
  </si>
  <si>
    <t>879.1295166015625</t>
  </si>
  <si>
    <t>0.0077217494371879525</t>
  </si>
  <si>
    <t>9.434446334838867</t>
  </si>
  <si>
    <t>882.7047729492188</t>
  </si>
  <si>
    <t>-0.010444310711093863</t>
  </si>
  <si>
    <t>51858</t>
  </si>
  <si>
    <t>10.200809478759766</t>
  </si>
  <si>
    <t>731.9525756835938</t>
  </si>
  <si>
    <t>0.002683995161945063</t>
  </si>
  <si>
    <t>10.034421920776367</t>
  </si>
  <si>
    <t>996.3267822265625</t>
  </si>
  <si>
    <t>-0.035486708237327136</t>
  </si>
  <si>
    <t>9.778707504272461</t>
  </si>
  <si>
    <t>866.595458984375</t>
  </si>
  <si>
    <t>-0.0013595651486397742</t>
  </si>
  <si>
    <t>8.510189056396484</t>
  </si>
  <si>
    <t>903.2820434570312</t>
  </si>
  <si>
    <t>-0.06287796898903153</t>
  </si>
  <si>
    <t>43876</t>
  </si>
  <si>
    <t>9.187785148620605</t>
  </si>
  <si>
    <t>914.5945434570312</t>
  </si>
  <si>
    <t>-0.06741749807447128</t>
  </si>
  <si>
    <t>46348</t>
  </si>
  <si>
    <t>10.146913528442383</t>
  </si>
  <si>
    <t>795.4156494140625</t>
  </si>
  <si>
    <t>0.05481066758572872</t>
  </si>
  <si>
    <t>47282</t>
  </si>
  <si>
    <t>10.337985038757324</t>
  </si>
  <si>
    <t>1083.28173828125</t>
  </si>
  <si>
    <t>0.019951532252790116</t>
  </si>
  <si>
    <t>11.169732093811035</t>
  </si>
  <si>
    <t>745.5126342773438</t>
  </si>
  <si>
    <t>0.028830412490851387</t>
  </si>
  <si>
    <t>49540</t>
  </si>
  <si>
    <t>8.75467586517334</t>
  </si>
  <si>
    <t>941.6041870117188</t>
  </si>
  <si>
    <t>0.017820338182756856</t>
  </si>
  <si>
    <t>8.386983871459961</t>
  </si>
  <si>
    <t>882.2745361328125</t>
  </si>
  <si>
    <t>0.012118442112395655</t>
  </si>
  <si>
    <t>52194</t>
  </si>
  <si>
    <t>9.854229927062988</t>
  </si>
  <si>
    <t>824.7821044921875</t>
  </si>
  <si>
    <t>0.040068679579848165</t>
  </si>
  <si>
    <t>53236</t>
  </si>
  <si>
    <t>10.996621131896973</t>
  </si>
  <si>
    <t>949.18359375</t>
  </si>
  <si>
    <t>0.019767313470850922</t>
  </si>
  <si>
    <t>53365</t>
  </si>
  <si>
    <t>10.116219520568848</t>
  </si>
  <si>
    <t>878.6325073242188</t>
  </si>
  <si>
    <t>0.002420241141619428</t>
  </si>
  <si>
    <t>54127</t>
  </si>
  <si>
    <t>9.848109245300293</t>
  </si>
  <si>
    <t>1021.86181640625</t>
  </si>
  <si>
    <t>0.01417803677519025</t>
  </si>
  <si>
    <t>10.113030433654785</t>
  </si>
  <si>
    <t>1038.1292724609375</t>
  </si>
  <si>
    <t>0.01259425495651989</t>
  </si>
  <si>
    <t>51770</t>
  </si>
  <si>
    <t>10.601432800292969</t>
  </si>
  <si>
    <t>849.1553955078125</t>
  </si>
  <si>
    <t>-0.05711656118382891</t>
  </si>
  <si>
    <t>54772</t>
  </si>
  <si>
    <t>10.6828031539917</t>
  </si>
  <si>
    <t>895.5071411132812</t>
  </si>
  <si>
    <t>0.056368283556176735</t>
  </si>
  <si>
    <t>55633</t>
  </si>
  <si>
    <t>10.620522499084473</t>
  </si>
  <si>
    <t>843.0807495117188</t>
  </si>
  <si>
    <t>0.015597435900000178</t>
  </si>
  <si>
    <t>19.59398078918457</t>
  </si>
  <si>
    <t>1290.644775390625</t>
  </si>
  <si>
    <t>104.54363250732422</t>
  </si>
  <si>
    <t>Dothan-Enterprise-Ozark, AL</t>
  </si>
  <si>
    <t>19.13669204711914</t>
  </si>
  <si>
    <t>1419.60498046875</t>
  </si>
  <si>
    <t>-0.014399281526330299</t>
  </si>
  <si>
    <t>18.667207717895508</t>
  </si>
  <si>
    <t>1514.3543701171875</t>
  </si>
  <si>
    <t>0.020817346597857167</t>
  </si>
  <si>
    <t>18.078500747680664</t>
  </si>
  <si>
    <t>1284.8704833984375</t>
  </si>
  <si>
    <t>0.014033429047898949</t>
  </si>
  <si>
    <t>18.898021697998047</t>
  </si>
  <si>
    <t>1588.828125</t>
  </si>
  <si>
    <t>0.027281450093132875</t>
  </si>
  <si>
    <t>18.60468101501465</t>
  </si>
  <si>
    <t>1415.17919921875</t>
  </si>
  <si>
    <t>0.014631972268274396</t>
  </si>
  <si>
    <t>18.24440574645996</t>
  </si>
  <si>
    <t>1408.587646484375</t>
  </si>
  <si>
    <t>0.025143487449403423</t>
  </si>
  <si>
    <t>18.367414474487305</t>
  </si>
  <si>
    <t>1528.57470703125</t>
  </si>
  <si>
    <t>0.03123613530082281</t>
  </si>
  <si>
    <t>19.746187210083008</t>
  </si>
  <si>
    <t>1351.360107421875</t>
  </si>
  <si>
    <t>0.031949568111755866</t>
  </si>
  <si>
    <t>19.126632690429688</t>
  </si>
  <si>
    <t>1143.45166015625</t>
  </si>
  <si>
    <t>0.03513771148321787</t>
  </si>
  <si>
    <t>18.648160934448242</t>
  </si>
  <si>
    <t>1011.5057373046875</t>
  </si>
  <si>
    <t>0.028616343222443774</t>
  </si>
  <si>
    <t>18.87257957458496</t>
  </si>
  <si>
    <t>1269.89794921875</t>
  </si>
  <si>
    <t>-0.0002642356997792916</t>
  </si>
  <si>
    <t>35434</t>
  </si>
  <si>
    <t>18.479124069213867</t>
  </si>
  <si>
    <t>1295.470703125</t>
  </si>
  <si>
    <t>0.03966558265239328</t>
  </si>
  <si>
    <t>35690</t>
  </si>
  <si>
    <t>18.750755310058594</t>
  </si>
  <si>
    <t>1698.8948974609375</t>
  </si>
  <si>
    <t>0.007198726323823124</t>
  </si>
  <si>
    <t>19.275842666625977</t>
  </si>
  <si>
    <t>1288.8455810546875</t>
  </si>
  <si>
    <t>0.049603719919531386</t>
  </si>
  <si>
    <t>19.03279685974121</t>
  </si>
  <si>
    <t>1539.413330078125</t>
  </si>
  <si>
    <t>0.016710682079656536</t>
  </si>
  <si>
    <t>38590</t>
  </si>
  <si>
    <t>18.959875106811523</t>
  </si>
  <si>
    <t>1046.6475830078125</t>
  </si>
  <si>
    <t>0.01180823604827097</t>
  </si>
  <si>
    <t>19.009981155395508</t>
  </si>
  <si>
    <t>1098.6748046875</t>
  </si>
  <si>
    <t>-0.005039888048235852</t>
  </si>
  <si>
    <t>18.747081756591797</t>
  </si>
  <si>
    <t>1280.6142578125</t>
  </si>
  <si>
    <t>-0.018027976231024923</t>
  </si>
  <si>
    <t>18.537363052368164</t>
  </si>
  <si>
    <t>1815.4490966796875</t>
  </si>
  <si>
    <t>0.004973028977156346</t>
  </si>
  <si>
    <t>18.580005645751953</t>
  </si>
  <si>
    <t>1126.1610107421875</t>
  </si>
  <si>
    <t>0.013731871958828634</t>
  </si>
  <si>
    <t>19.75908851623535</t>
  </si>
  <si>
    <t>1150.126708984375</t>
  </si>
  <si>
    <t>-0.030200046782965728</t>
  </si>
  <si>
    <t>20.034879684448242</t>
  </si>
  <si>
    <t>1305.9609375</t>
  </si>
  <si>
    <t>0.0051905082285959026</t>
  </si>
  <si>
    <t>18.256908416748047</t>
  </si>
  <si>
    <t>1681.3487548828125</t>
  </si>
  <si>
    <t>0.04347318839013248</t>
  </si>
  <si>
    <t>38714</t>
  </si>
  <si>
    <t>18.611961364746094</t>
  </si>
  <si>
    <t>1481.499267578125</t>
  </si>
  <si>
    <t>-0.010892570318659978</t>
  </si>
  <si>
    <t>19.95253562927246</t>
  </si>
  <si>
    <t>1589.212158203125</t>
  </si>
  <si>
    <t>0.026081451861269755</t>
  </si>
  <si>
    <t>40189</t>
  </si>
  <si>
    <t>20.797170639038086</t>
  </si>
  <si>
    <t>1414.420166015625</t>
  </si>
  <si>
    <t>0.01131058275553265</t>
  </si>
  <si>
    <t>40577</t>
  </si>
  <si>
    <t>19.651140213012695</t>
  </si>
  <si>
    <t>1508.3798828125</t>
  </si>
  <si>
    <t>0.009608077281328065</t>
  </si>
  <si>
    <t>20.078508377075195</t>
  </si>
  <si>
    <t>1663.817138671875</t>
  </si>
  <si>
    <t>0.0077330412732834475</t>
  </si>
  <si>
    <t>20.36910057067871</t>
  </si>
  <si>
    <t>1355.6129150390625</t>
  </si>
  <si>
    <t>0.006070746278185268</t>
  </si>
  <si>
    <t>19.92922019958496</t>
  </si>
  <si>
    <t>1558.2889404296875</t>
  </si>
  <si>
    <t>-0.04593335570898205</t>
  </si>
  <si>
    <t>19.332990646362305</t>
  </si>
  <si>
    <t>1727.8941650390625</t>
  </si>
  <si>
    <t>0.056379082625065635</t>
  </si>
  <si>
    <t>42225</t>
  </si>
  <si>
    <t>19.972755432128906</t>
  </si>
  <si>
    <t>1507.7833251953125</t>
  </si>
  <si>
    <t>0.015561544604826949</t>
  </si>
  <si>
    <t>14.510543823242188</t>
  </si>
  <si>
    <t>1147.6595458984375</t>
  </si>
  <si>
    <t>306.33087158203125</t>
  </si>
  <si>
    <t>Dover, DE</t>
  </si>
  <si>
    <t>14.760790824890137</t>
  </si>
  <si>
    <t>904.6892700195312</t>
  </si>
  <si>
    <t>-0.014369424570348954</t>
  </si>
  <si>
    <t>38518</t>
  </si>
  <si>
    <t>13.148971557617188</t>
  </si>
  <si>
    <t>1076.320068359375</t>
  </si>
  <si>
    <t>0.020802659848106586</t>
  </si>
  <si>
    <t>39062</t>
  </si>
  <si>
    <t>12.992304801940918</t>
  </si>
  <si>
    <t>1178.362548828125</t>
  </si>
  <si>
    <t>0.01402446291267978</t>
  </si>
  <si>
    <t>40142</t>
  </si>
  <si>
    <t>14.538955688476562</t>
  </si>
  <si>
    <t>1158.936767578125</t>
  </si>
  <si>
    <t>0.02727304032260136</t>
  </si>
  <si>
    <t>13.720892906188965</t>
  </si>
  <si>
    <t>1019.4380493164062</t>
  </si>
  <si>
    <t>0.014639956810263755</t>
  </si>
  <si>
    <t>13.321982383728027</t>
  </si>
  <si>
    <t>1390.5018310546875</t>
  </si>
  <si>
    <t>0.02516313406973758</t>
  </si>
  <si>
    <t>13.147395133972168</t>
  </si>
  <si>
    <t>1098.7913818359375</t>
  </si>
  <si>
    <t>0.03122713050137449</t>
  </si>
  <si>
    <t>44497</t>
  </si>
  <si>
    <t>14.291255950927734</t>
  </si>
  <si>
    <t>1015.0201416015625</t>
  </si>
  <si>
    <t>0.031968382050637345</t>
  </si>
  <si>
    <t>46087</t>
  </si>
  <si>
    <t>13.596049308776855</t>
  </si>
  <si>
    <t>1101.287353515625</t>
  </si>
  <si>
    <t>0.035109143403429854</t>
  </si>
  <si>
    <t>12.978764533996582</t>
  </si>
  <si>
    <t>1102.2611083984375</t>
  </si>
  <si>
    <t>0.028618601248334485</t>
  </si>
  <si>
    <t>47412</t>
  </si>
  <si>
    <t>14.264384269714355</t>
  </si>
  <si>
    <t>947.215576171875</t>
  </si>
  <si>
    <t>-0.00027415460382407275</t>
  </si>
  <si>
    <t>46401</t>
  </si>
  <si>
    <t>13.801746368408203</t>
  </si>
  <si>
    <t>1077.3985595703125</t>
  </si>
  <si>
    <t>-0.021554350493142138</t>
  </si>
  <si>
    <t>46599</t>
  </si>
  <si>
    <t>13.049796104431152</t>
  </si>
  <si>
    <t>1496.3204345703125</t>
  </si>
  <si>
    <t>0.0042580709497670455</t>
  </si>
  <si>
    <t>13.887404441833496</t>
  </si>
  <si>
    <t>1189.860107421875</t>
  </si>
  <si>
    <t>0.042867155984032124</t>
  </si>
  <si>
    <t>49362</t>
  </si>
  <si>
    <t>14.188776969909668</t>
  </si>
  <si>
    <t>1133.537109375</t>
  </si>
  <si>
    <t>0.014734659756935997</t>
  </si>
  <si>
    <t>50306</t>
  </si>
  <si>
    <t>14.44729995727539</t>
  </si>
  <si>
    <t>1133.448974609375</t>
  </si>
  <si>
    <t>0.01894345687127519</t>
  </si>
  <si>
    <t>14.113822937011719</t>
  </si>
  <si>
    <t>870.369140625</t>
  </si>
  <si>
    <t>-0.006741553745399642</t>
  </si>
  <si>
    <t>49227</t>
  </si>
  <si>
    <t>13.661922454833984</t>
  </si>
  <si>
    <t>1083.92822265625</t>
  </si>
  <si>
    <t>-0.014940547079600464</t>
  </si>
  <si>
    <t>50352</t>
  </si>
  <si>
    <t>13.660611152648926</t>
  </si>
  <si>
    <t>1375.373291015625</t>
  </si>
  <si>
    <t>0.022596086860929177</t>
  </si>
  <si>
    <t>48820</t>
  </si>
  <si>
    <t>14.101490020751953</t>
  </si>
  <si>
    <t>1100.0291748046875</t>
  </si>
  <si>
    <t>-0.030898275357237992</t>
  </si>
  <si>
    <t>47527</t>
  </si>
  <si>
    <t>15.083404541015625</t>
  </si>
  <si>
    <t>1243.3526611328125</t>
  </si>
  <si>
    <t>-0.026842094361640534</t>
  </si>
  <si>
    <t>15.13089656829834</t>
  </si>
  <si>
    <t>1079.58935546875</t>
  </si>
  <si>
    <t>0.006564139039202388</t>
  </si>
  <si>
    <t>48119</t>
  </si>
  <si>
    <t>13.504352569580078</t>
  </si>
  <si>
    <t>1220.244873046875</t>
  </si>
  <si>
    <t>0.005814999868283266</t>
  </si>
  <si>
    <t>13.405713081359863</t>
  </si>
  <si>
    <t>1213.6907958984375</t>
  </si>
  <si>
    <t>0.020405932784822056</t>
  </si>
  <si>
    <t>51941</t>
  </si>
  <si>
    <t>14.19428539276123</t>
  </si>
  <si>
    <t>1182.5853271484375</t>
  </si>
  <si>
    <t>0.05602541673799699</t>
  </si>
  <si>
    <t>14.903424263000488</t>
  </si>
  <si>
    <t>1067.50244140625</t>
  </si>
  <si>
    <t>-0.028154924928424307</t>
  </si>
  <si>
    <t>49142</t>
  </si>
  <si>
    <t>14.437241554260254</t>
  </si>
  <si>
    <t>1137.4117431640625</t>
  </si>
  <si>
    <t>-0.02723946779954467</t>
  </si>
  <si>
    <t>49711</t>
  </si>
  <si>
    <t>14.483065605163574</t>
  </si>
  <si>
    <t>1648.658935546875</t>
  </si>
  <si>
    <t>0.011512170275459255</t>
  </si>
  <si>
    <t>50801</t>
  </si>
  <si>
    <t>14.92127513885498</t>
  </si>
  <si>
    <t>1137.53466796875</t>
  </si>
  <si>
    <t>0.02168980284909061</t>
  </si>
  <si>
    <t>14.97305965423584</t>
  </si>
  <si>
    <t>1449.5985107421875</t>
  </si>
  <si>
    <t>0.00019682714703606052</t>
  </si>
  <si>
    <t>53758</t>
  </si>
  <si>
    <t>14.65848445892334</t>
  </si>
  <si>
    <t>1239.64306640625</t>
  </si>
  <si>
    <t>0.056379626564821095</t>
  </si>
  <si>
    <t>14.906954765319824</t>
  </si>
  <si>
    <t>1176.402587890625</t>
  </si>
  <si>
    <t>0.015578018974709451</t>
  </si>
  <si>
    <t>4.258577823638916</t>
  </si>
  <si>
    <t>725.5479125976562</t>
  </si>
  <si>
    <t>155.1686553955078</t>
  </si>
  <si>
    <t>Duluth, MN-WI</t>
  </si>
  <si>
    <t>31183</t>
  </si>
  <si>
    <t>5.340648651123047</t>
  </si>
  <si>
    <t>875.5634155273438</t>
  </si>
  <si>
    <t>-0.014391028074861367</t>
  </si>
  <si>
    <t>3.7979815006256104</t>
  </si>
  <si>
    <t>681.7470703125</t>
  </si>
  <si>
    <t>0.020818878923810402</t>
  </si>
  <si>
    <t>3.0034732818603516</t>
  </si>
  <si>
    <t>766.263427734375</t>
  </si>
  <si>
    <t>0.014003690723402684</t>
  </si>
  <si>
    <t>5.252742767333984</t>
  </si>
  <si>
    <t>752.9561157226562</t>
  </si>
  <si>
    <t>0.027281778774673526</t>
  </si>
  <si>
    <t>3.5627477169036865</t>
  </si>
  <si>
    <t>873.8342895507812</t>
  </si>
  <si>
    <t>0.014659509815773575</t>
  </si>
  <si>
    <t>34528</t>
  </si>
  <si>
    <t>2.855381727218628</t>
  </si>
  <si>
    <t>833.8969116210938</t>
  </si>
  <si>
    <t>0.025133656314078934</t>
  </si>
  <si>
    <t>35624</t>
  </si>
  <si>
    <t>4.5333571434021</t>
  </si>
  <si>
    <t>616.304931640625</t>
  </si>
  <si>
    <t>0.031248978943676065</t>
  </si>
  <si>
    <t>6.157365798950195</t>
  </si>
  <si>
    <t>765.9371337890625</t>
  </si>
  <si>
    <t>0.03196183947667386</t>
  </si>
  <si>
    <t>5.8094611167907715</t>
  </si>
  <si>
    <t>893.4528198242188</t>
  </si>
  <si>
    <t>0.035127882248431774</t>
  </si>
  <si>
    <t>4.651374816894531</t>
  </si>
  <si>
    <t>813.840087890625</t>
  </si>
  <si>
    <t>0.028618476158577266</t>
  </si>
  <si>
    <t>39191</t>
  </si>
  <si>
    <t>5.405663967132568</t>
  </si>
  <si>
    <t>764.958251953125</t>
  </si>
  <si>
    <t>-0.00028063730364102923</t>
  </si>
  <si>
    <t>4.248706340789795</t>
  </si>
  <si>
    <t>763.9321899414062</t>
  </si>
  <si>
    <t>0.04468581731519805</t>
  </si>
  <si>
    <t>41317</t>
  </si>
  <si>
    <t>3.946233034133911</t>
  </si>
  <si>
    <t>643.0465698242188</t>
  </si>
  <si>
    <t>0.008141091635167186</t>
  </si>
  <si>
    <t>44162</t>
  </si>
  <si>
    <t>4.366483688354492</t>
  </si>
  <si>
    <t>789.6529541015625</t>
  </si>
  <si>
    <t>0.06659065324855007</t>
  </si>
  <si>
    <t>45144</t>
  </si>
  <si>
    <t>5.936132431030273</t>
  </si>
  <si>
    <t>745.3614501953125</t>
  </si>
  <si>
    <t>0.021992689868481463</t>
  </si>
  <si>
    <t>5.511106491088867</t>
  </si>
  <si>
    <t>570.3901977539062</t>
  </si>
  <si>
    <t>0.02123752524406619</t>
  </si>
  <si>
    <t>45475</t>
  </si>
  <si>
    <t>4.674836158752441</t>
  </si>
  <si>
    <t>760.2783813476562</t>
  </si>
  <si>
    <t>-0.013932181506719488</t>
  </si>
  <si>
    <t>47064</t>
  </si>
  <si>
    <t>3.097909927368164</t>
  </si>
  <si>
    <t>734.6893920898438</t>
  </si>
  <si>
    <t>0.03434565315796867</t>
  </si>
  <si>
    <t>45305</t>
  </si>
  <si>
    <t>4.130075931549072</t>
  </si>
  <si>
    <t>661.508056640625</t>
  </si>
  <si>
    <t>-0.03809097588812982</t>
  </si>
  <si>
    <t>50413</t>
  </si>
  <si>
    <t>5.301732540130615</t>
  </si>
  <si>
    <t>864.295654296875</t>
  </si>
  <si>
    <t>0.10683167665133197</t>
  </si>
  <si>
    <t>52804</t>
  </si>
  <si>
    <t>5.567890167236328</t>
  </si>
  <si>
    <t>679.5662841796875</t>
  </si>
  <si>
    <t>0.04633786709315579</t>
  </si>
  <si>
    <t>50503</t>
  </si>
  <si>
    <t>6.4102253913879395</t>
  </si>
  <si>
    <t>753.5092163085938</t>
  </si>
  <si>
    <t>-0.044554204961066546</t>
  </si>
  <si>
    <t>3.142284393310547</t>
  </si>
  <si>
    <t>855.9376220703125</t>
  </si>
  <si>
    <t>0.0367020803926561</t>
  </si>
  <si>
    <t>52107</t>
  </si>
  <si>
    <t>3.605989694595337</t>
  </si>
  <si>
    <t>850.6271362304688</t>
  </si>
  <si>
    <t>-0.005435524110117385</t>
  </si>
  <si>
    <t>5.59307861328125</t>
  </si>
  <si>
    <t>866.181396484375</t>
  </si>
  <si>
    <t>-0.0941919536584539</t>
  </si>
  <si>
    <t>6.270693302154541</t>
  </si>
  <si>
    <t>945.6484375</t>
  </si>
  <si>
    <t>0.04468185741951203</t>
  </si>
  <si>
    <t>50482</t>
  </si>
  <si>
    <t>4.987118721008301</t>
  </si>
  <si>
    <t>812.0277099609375</t>
  </si>
  <si>
    <t>0.017827636598424235</t>
  </si>
  <si>
    <t>53161</t>
  </si>
  <si>
    <t>4.067392826080322</t>
  </si>
  <si>
    <t>801.58935546875</t>
  </si>
  <si>
    <t>0.05170820770484319</t>
  </si>
  <si>
    <t>55453</t>
  </si>
  <si>
    <t>4.1821160316467285</t>
  </si>
  <si>
    <t>1045.409423828125</t>
  </si>
  <si>
    <t>0.04221077032387299</t>
  </si>
  <si>
    <t>5.2946696281433105</t>
  </si>
  <si>
    <t>678.03076171875</t>
  </si>
  <si>
    <t>-0.17016556425481433</t>
  </si>
  <si>
    <t>49488</t>
  </si>
  <si>
    <t>5.4984002113342285</t>
  </si>
  <si>
    <t>677.4686279296875</t>
  </si>
  <si>
    <t>0.05635996506934404</t>
  </si>
  <si>
    <t>50265</t>
  </si>
  <si>
    <t>4.6104207038879395</t>
  </si>
  <si>
    <t>844.2161865234375</t>
  </si>
  <si>
    <t>0.015578793914670541</t>
  </si>
  <si>
    <t>24006</t>
  </si>
  <si>
    <t>16.88714027404785</t>
  </si>
  <si>
    <t>299.9071960449219</t>
  </si>
  <si>
    <t>875.64306640625</t>
  </si>
  <si>
    <t>El Paso, TX</t>
  </si>
  <si>
    <t>16.427534103393555</t>
  </si>
  <si>
    <t>362.44818115234375</t>
  </si>
  <si>
    <t>-0.014391152310238908</t>
  </si>
  <si>
    <t>24161</t>
  </si>
  <si>
    <t>16.724763870239258</t>
  </si>
  <si>
    <t>257.2811279296875</t>
  </si>
  <si>
    <t>0.020827116145603952</t>
  </si>
  <si>
    <t>24502</t>
  </si>
  <si>
    <t>16.976152420043945</t>
  </si>
  <si>
    <t>200.7830047607422</t>
  </si>
  <si>
    <t>0.014014983933460456</t>
  </si>
  <si>
    <t>25180</t>
  </si>
  <si>
    <t>17.9354305267334</t>
  </si>
  <si>
    <t>211.30787658691406</t>
  </si>
  <si>
    <t>0.027295281744223132</t>
  </si>
  <si>
    <t>17.898696899414062</t>
  </si>
  <si>
    <t>196.93467712402344</t>
  </si>
  <si>
    <t>0.014626426210851307</t>
  </si>
  <si>
    <t>26202</t>
  </si>
  <si>
    <t>17.729310989379883</t>
  </si>
  <si>
    <t>260.9466552734375</t>
  </si>
  <si>
    <t>0.02515928890442609</t>
  </si>
  <si>
    <t>27033</t>
  </si>
  <si>
    <t>16.655378341674805</t>
  </si>
  <si>
    <t>283.8641052246094</t>
  </si>
  <si>
    <t>0.031222598189531325</t>
  </si>
  <si>
    <t>27911</t>
  </si>
  <si>
    <t>17.360034942626953</t>
  </si>
  <si>
    <t>234.09681701660156</t>
  </si>
  <si>
    <t>0.03196253443717012</t>
  </si>
  <si>
    <t>17.335309982299805</t>
  </si>
  <si>
    <t>234.39056396484375</t>
  </si>
  <si>
    <t>0.03513208896459297</t>
  </si>
  <si>
    <t>17.459108352661133</t>
  </si>
  <si>
    <t>231.06907653808594</t>
  </si>
  <si>
    <t>0.028608937518280086</t>
  </si>
  <si>
    <t>29740</t>
  </si>
  <si>
    <t>17.702913284301758</t>
  </si>
  <si>
    <t>162.2059783935547</t>
  </si>
  <si>
    <t>-0.00026896180904500966</t>
  </si>
  <si>
    <t>17.483121871948242</t>
  </si>
  <si>
    <t>213.21836853027344</t>
  </si>
  <si>
    <t>0.029225763850895703</t>
  </si>
  <si>
    <t>17.722503662109375</t>
  </si>
  <si>
    <t>141.13690185546875</t>
  </si>
  <si>
    <t>0.01084813652530947</t>
  </si>
  <si>
    <t>17.117082595825195</t>
  </si>
  <si>
    <t>290.2995300292969</t>
  </si>
  <si>
    <t>0.03035259888193842</t>
  </si>
  <si>
    <t>17.71126937866211</t>
  </si>
  <si>
    <t>235.38314819335938</t>
  </si>
  <si>
    <t>0.02445563761305536</t>
  </si>
  <si>
    <t>33045</t>
  </si>
  <si>
    <t>17.51426887512207</t>
  </si>
  <si>
    <t>382.1723937988281</t>
  </si>
  <si>
    <t>0.01049519101920815</t>
  </si>
  <si>
    <t>33927</t>
  </si>
  <si>
    <t>17.498687744140625</t>
  </si>
  <si>
    <t>223.4937286376953</t>
  </si>
  <si>
    <t>0.026340888634884152</t>
  </si>
  <si>
    <t>17.54775047302246</t>
  </si>
  <si>
    <t>248.82444763183594</t>
  </si>
  <si>
    <t>-0.023258942758152656</t>
  </si>
  <si>
    <t>17.555452346801758</t>
  </si>
  <si>
    <t>225.47540283203125</t>
  </si>
  <si>
    <t>0.010921528343070364</t>
  </si>
  <si>
    <t>17.385534286499023</t>
  </si>
  <si>
    <t>206.88284301757812</t>
  </si>
  <si>
    <t>0.04275977740932824</t>
  </si>
  <si>
    <t>18.1376895904541</t>
  </si>
  <si>
    <t>162.24978637695312</t>
  </si>
  <si>
    <t>0.019928759861672418</t>
  </si>
  <si>
    <t>35685</t>
  </si>
  <si>
    <t>18.308032989501953</t>
  </si>
  <si>
    <t>158.07009887695312</t>
  </si>
  <si>
    <t>0.00016815200981312728</t>
  </si>
  <si>
    <t>35317</t>
  </si>
  <si>
    <t>17.541719436645508</t>
  </si>
  <si>
    <t>237.9663543701172</t>
  </si>
  <si>
    <t>-0.01036599800702831</t>
  </si>
  <si>
    <t>17.840211868286133</t>
  </si>
  <si>
    <t>285.8087463378906</t>
  </si>
  <si>
    <t>-0.002097506437937824</t>
  </si>
  <si>
    <t>17.90536880493164</t>
  </si>
  <si>
    <t>325.63128662109375</t>
  </si>
  <si>
    <t>0.016239468654500655</t>
  </si>
  <si>
    <t>36125</t>
  </si>
  <si>
    <t>18.40423011779785</t>
  </si>
  <si>
    <t>252.7417755126953</t>
  </si>
  <si>
    <t>0.008478749800030272</t>
  </si>
  <si>
    <t>18.649473190307617</t>
  </si>
  <si>
    <t>236.10975646972656</t>
  </si>
  <si>
    <t>0.01758835862808361</t>
  </si>
  <si>
    <t>18.25609588623047</t>
  </si>
  <si>
    <t>227.96688842773438</t>
  </si>
  <si>
    <t>0.028581800280894853</t>
  </si>
  <si>
    <t>38516</t>
  </si>
  <si>
    <t>18.01712989807129</t>
  </si>
  <si>
    <t>228.07498168945312</t>
  </si>
  <si>
    <t>0.017918434036463537</t>
  </si>
  <si>
    <t>18.556859970092773</t>
  </si>
  <si>
    <t>113.39298248291016</t>
  </si>
  <si>
    <t>-0.02796022603972048</t>
  </si>
  <si>
    <t>18.336362838745117</t>
  </si>
  <si>
    <t>260.5052185058594</t>
  </si>
  <si>
    <t>0.05637195513375026</t>
  </si>
  <si>
    <t>18.13683319091797</t>
  </si>
  <si>
    <t>225.05056762695312</t>
  </si>
  <si>
    <t>0.015599690363373497</t>
  </si>
  <si>
    <t>9.59429931640625</t>
  </si>
  <si>
    <t>1407.8555908203125</t>
  </si>
  <si>
    <t>136.79095458984375</t>
  </si>
  <si>
    <t>Erie, PA</t>
  </si>
  <si>
    <t>10.349961280822754</t>
  </si>
  <si>
    <t>830.1409301757812</t>
  </si>
  <si>
    <t>-0.01437942671076442</t>
  </si>
  <si>
    <t>28199</t>
  </si>
  <si>
    <t>8.662734985351562</t>
  </si>
  <si>
    <t>1257.420654296875</t>
  </si>
  <si>
    <t>0.02081878225924605</t>
  </si>
  <si>
    <t>8.092475891113281</t>
  </si>
  <si>
    <t>1076.983642578125</t>
  </si>
  <si>
    <t>0.014015300896630833</t>
  </si>
  <si>
    <t>8.978887557983398</t>
  </si>
  <si>
    <t>1159.1683349609375</t>
  </si>
  <si>
    <t>0.027284610538995224</t>
  </si>
  <si>
    <t>29821</t>
  </si>
  <si>
    <t>8.400455474853516</t>
  </si>
  <si>
    <t>998.1280517578125</t>
  </si>
  <si>
    <t>0.014626415556868722</t>
  </si>
  <si>
    <t>7.968944072723389</t>
  </si>
  <si>
    <t>1323.028076171875</t>
  </si>
  <si>
    <t>0.025166057763184924</t>
  </si>
  <si>
    <t>31551</t>
  </si>
  <si>
    <t>8.518180847167969</t>
  </si>
  <si>
    <t>1121.802001953125</t>
  </si>
  <si>
    <t>0.031226383127917146</t>
  </si>
  <si>
    <t>10.205011367797852</t>
  </si>
  <si>
    <t>1051.2318115234375</t>
  </si>
  <si>
    <t>0.031939838804907694</t>
  </si>
  <si>
    <t>9.550865173339844</t>
  </si>
  <si>
    <t>949.986083984375</t>
  </si>
  <si>
    <t>0.03513895410691248</t>
  </si>
  <si>
    <t>8.659184455871582</t>
  </si>
  <si>
    <t>1109.442138671875</t>
  </si>
  <si>
    <t>0.02863181267432857</t>
  </si>
  <si>
    <t>9.935925483703613</t>
  </si>
  <si>
    <t>962.6103515625</t>
  </si>
  <si>
    <t>-0.0002880599184553745</t>
  </si>
  <si>
    <t>8.972281455993652</t>
  </si>
  <si>
    <t>1132.434326171875</t>
  </si>
  <si>
    <t>0.004340895980003978</t>
  </si>
  <si>
    <t>35590</t>
  </si>
  <si>
    <t>8.280716896057129</t>
  </si>
  <si>
    <t>1295.611083984375</t>
  </si>
  <si>
    <t>0.0206959736684027</t>
  </si>
  <si>
    <t>9.06731128692627</t>
  </si>
  <si>
    <t>1422.09130859375</t>
  </si>
  <si>
    <t>0.049632742508846306</t>
  </si>
  <si>
    <t>9.70304012298584</t>
  </si>
  <si>
    <t>1037.458984375</t>
  </si>
  <si>
    <t>0.03313389794341681</t>
  </si>
  <si>
    <t>9.531013488769531</t>
  </si>
  <si>
    <t>1351.60498046875</t>
  </si>
  <si>
    <t>0.02863348143807265</t>
  </si>
  <si>
    <t>9.341614723205566</t>
  </si>
  <si>
    <t>1089.69873046875</t>
  </si>
  <si>
    <t>0.005464631451539859</t>
  </si>
  <si>
    <t>42220</t>
  </si>
  <si>
    <t>8.252915382385254</t>
  </si>
  <si>
    <t>1250.03564453125</t>
  </si>
  <si>
    <t>0.053964589556198206</t>
  </si>
  <si>
    <t>39981</t>
  </si>
  <si>
    <t>8.892682075500488</t>
  </si>
  <si>
    <t>1090.51806640625</t>
  </si>
  <si>
    <t>-0.054489701154475156</t>
  </si>
  <si>
    <t>40593</t>
  </si>
  <si>
    <t>9.556710243225098</t>
  </si>
  <si>
    <t>1052.3223876953125</t>
  </si>
  <si>
    <t>0.015191296683916278</t>
  </si>
  <si>
    <t>41848</t>
  </si>
  <si>
    <t>10.092955589294434</t>
  </si>
  <si>
    <t>1461.0155029296875</t>
  </si>
  <si>
    <t>0.03044836811869267</t>
  </si>
  <si>
    <t>10.707568168640137</t>
  </si>
  <si>
    <t>1055.18505859375</t>
  </si>
  <si>
    <t>-0.019911121042241575</t>
  </si>
  <si>
    <t>41438</t>
  </si>
  <si>
    <t>8.564459800720215</t>
  </si>
  <si>
    <t>1261.5228271484375</t>
  </si>
  <si>
    <t>0.010065449212223854</t>
  </si>
  <si>
    <t>8.314919471740723</t>
  </si>
  <si>
    <t>1158.2476806640625</t>
  </si>
  <si>
    <t>0.0009889408285754797</t>
  </si>
  <si>
    <t>9.587453842163086</t>
  </si>
  <si>
    <t>1137.3858642578125</t>
  </si>
  <si>
    <t>0.001830575938122081</t>
  </si>
  <si>
    <t>40300</t>
  </si>
  <si>
    <t>10.664189338684082</t>
  </si>
  <si>
    <t>1116.9759521484375</t>
  </si>
  <si>
    <t>-0.030666382052352503</t>
  </si>
  <si>
    <t>9.810990333557129</t>
  </si>
  <si>
    <t>1355.849609375</t>
  </si>
  <si>
    <t>-0.003928301215335495</t>
  </si>
  <si>
    <t>41136</t>
  </si>
  <si>
    <t>9.766929626464844</t>
  </si>
  <si>
    <t>1438.9010009765625</t>
  </si>
  <si>
    <t>0.024460482786233584</t>
  </si>
  <si>
    <t>10.070612907409668</t>
  </si>
  <si>
    <t>1285.43212890625</t>
  </si>
  <si>
    <t>0.023187842851825735</t>
  </si>
  <si>
    <t>10.2821044921875</t>
  </si>
  <si>
    <t>1150.94140625</t>
  </si>
  <si>
    <t>-0.053444574314717386</t>
  </si>
  <si>
    <t>10.246979713439941</t>
  </si>
  <si>
    <t>1231.2435302734375</t>
  </si>
  <si>
    <t>0.05638554363322079</t>
  </si>
  <si>
    <t>10.329554557800293</t>
  </si>
  <si>
    <t>1216.1181640625</t>
  </si>
  <si>
    <t>0.015579603831373134</t>
  </si>
  <si>
    <t>10.421650886535645</t>
  </si>
  <si>
    <t>858.2680053710938</t>
  </si>
  <si>
    <t>263.8871154785156</t>
  </si>
  <si>
    <t>Eugene-Springfield, OR</t>
  </si>
  <si>
    <t>26848</t>
  </si>
  <si>
    <t>10.91425609588623</t>
  </si>
  <si>
    <t>958.1419677734375</t>
  </si>
  <si>
    <t>-0.014385012772935468</t>
  </si>
  <si>
    <t>27412</t>
  </si>
  <si>
    <t>11.561656951904297</t>
  </si>
  <si>
    <t>1012.3035888671875</t>
  </si>
  <si>
    <t>0.020789543438782587</t>
  </si>
  <si>
    <t>10.437795639038086</t>
  </si>
  <si>
    <t>996.9793090820312</t>
  </si>
  <si>
    <t>0.014019175103012316</t>
  </si>
  <si>
    <t>10.836101531982422</t>
  </si>
  <si>
    <t>1103.103271484375</t>
  </si>
  <si>
    <t>0.027287161465556764</t>
  </si>
  <si>
    <t>11.288592338562012</t>
  </si>
  <si>
    <t>1440.1583251953125</t>
  </si>
  <si>
    <t>0.01462923739313382</t>
  </si>
  <si>
    <t>10.935440063476562</t>
  </si>
  <si>
    <t>1743.7886962890625</t>
  </si>
  <si>
    <t>0.025172914946146818</t>
  </si>
  <si>
    <t>30671</t>
  </si>
  <si>
    <t>10.985176086425781</t>
  </si>
  <si>
    <t>1144.0938720703125</t>
  </si>
  <si>
    <t>0.031228220114810412</t>
  </si>
  <si>
    <t>10.650053977966309</t>
  </si>
  <si>
    <t>1420.09814453125</t>
  </si>
  <si>
    <t>0.03195754644658244</t>
  </si>
  <si>
    <t>10.377346992492676</t>
  </si>
  <si>
    <t>1224.55419921875</t>
  </si>
  <si>
    <t>0.03512289792763745</t>
  </si>
  <si>
    <t>33751</t>
  </si>
  <si>
    <t>10.54209041595459</t>
  </si>
  <si>
    <t>802.5293579101562</t>
  </si>
  <si>
    <t>0.028612019388761567</t>
  </si>
  <si>
    <t>10.596850395202637</t>
  </si>
  <si>
    <t>1053.981689453125</t>
  </si>
  <si>
    <t>-0.00026669432543613425</t>
  </si>
  <si>
    <t>34696</t>
  </si>
  <si>
    <t>10.847736358642578</t>
  </si>
  <si>
    <t>1006.3063354492188</t>
  </si>
  <si>
    <t>0.027881054349281342</t>
  </si>
  <si>
    <t>34977</t>
  </si>
  <si>
    <t>11.035816192626953</t>
  </si>
  <si>
    <t>1146.05517578125</t>
  </si>
  <si>
    <t>0.008066296086200353</t>
  </si>
  <si>
    <t>11.317097663879395</t>
  </si>
  <si>
    <t>905.915283203125</t>
  </si>
  <si>
    <t>0.037925617773961307</t>
  </si>
  <si>
    <t>36942</t>
  </si>
  <si>
    <t>11.033077239990234</t>
  </si>
  <si>
    <t>1428.0997314453125</t>
  </si>
  <si>
    <t>0.016732794763901992</t>
  </si>
  <si>
    <t>10.567671775817871</t>
  </si>
  <si>
    <t>1106.061767578125</t>
  </si>
  <si>
    <t>0.03946326774356734</t>
  </si>
  <si>
    <t>38654</t>
  </si>
  <si>
    <t>10.644146919250488</t>
  </si>
  <si>
    <t>1157.52197265625</t>
  </si>
  <si>
    <t>0.005837879662580647</t>
  </si>
  <si>
    <t>10.39724349975586</t>
  </si>
  <si>
    <t>833.7050170898438</t>
  </si>
  <si>
    <t>-0.03060270595088177</t>
  </si>
  <si>
    <t>10.827980041503906</t>
  </si>
  <si>
    <t>958.990234375</t>
  </si>
  <si>
    <t>-0.03720082806360914</t>
  </si>
  <si>
    <t>35666</t>
  </si>
  <si>
    <t>10.643982887268066</t>
  </si>
  <si>
    <t>1292.0159912109375</t>
  </si>
  <si>
    <t>-0.012648874518463415</t>
  </si>
  <si>
    <t>10.082127571105957</t>
  </si>
  <si>
    <t>1121.8935546875</t>
  </si>
  <si>
    <t>-0.008079430254378295</t>
  </si>
  <si>
    <t>10.717166900634766</t>
  </si>
  <si>
    <t>1372.73486328125</t>
  </si>
  <si>
    <t>-0.0013010523387499973</t>
  </si>
  <si>
    <t>10.934086799621582</t>
  </si>
  <si>
    <t>588.3418579101562</t>
  </si>
  <si>
    <t>0.01736734400578044</t>
  </si>
  <si>
    <t>12.215030670166016</t>
  </si>
  <si>
    <t>1224.5687255859375</t>
  </si>
  <si>
    <t>0.01608598980020659</t>
  </si>
  <si>
    <t>12.235129356384277</t>
  </si>
  <si>
    <t>1235.8004150390625</t>
  </si>
  <si>
    <t>0.051919894255643584</t>
  </si>
  <si>
    <t>39664</t>
  </si>
  <si>
    <t>11.617400169372559</t>
  </si>
  <si>
    <t>1316.7774658203125</t>
  </si>
  <si>
    <t>0.030253375794011106</t>
  </si>
  <si>
    <t>11.435249328613281</t>
  </si>
  <si>
    <t>1176.230224609375</t>
  </si>
  <si>
    <t>0.02366885946169006</t>
  </si>
  <si>
    <t>11.302043914794922</t>
  </si>
  <si>
    <t>910.3545532226562</t>
  </si>
  <si>
    <t>0.01621683563265819</t>
  </si>
  <si>
    <t>11.060111999511719</t>
  </si>
  <si>
    <t>1119.2088623046875</t>
  </si>
  <si>
    <t>0.023322019573733144</t>
  </si>
  <si>
    <t>11.398022651672363</t>
  </si>
  <si>
    <t>861.93994140625</t>
  </si>
  <si>
    <t>-0.06462057190179493</t>
  </si>
  <si>
    <t>11.47951889038086</t>
  </si>
  <si>
    <t>948.2266845703125</t>
  </si>
  <si>
    <t>0.056374033491747966</t>
  </si>
  <si>
    <t>11.225584983825684</t>
  </si>
  <si>
    <t>994.2465209960938</t>
  </si>
  <si>
    <t>0.01558017972011072</t>
  </si>
  <si>
    <t>13.616654396057129</t>
  </si>
  <si>
    <t>1459.8533935546875</t>
  </si>
  <si>
    <t>314.4273376464844</t>
  </si>
  <si>
    <t>Evansville, IN-KY</t>
  </si>
  <si>
    <t>35028</t>
  </si>
  <si>
    <t>14.658251762390137</t>
  </si>
  <si>
    <t>1034.6331787109375</t>
  </si>
  <si>
    <t>-0.014370384618880294</t>
  </si>
  <si>
    <t>13.2197265625</t>
  </si>
  <si>
    <t>1084.8740234375</t>
  </si>
  <si>
    <t>0.02079405921309352</t>
  </si>
  <si>
    <t>36269</t>
  </si>
  <si>
    <t>12.434796333312988</t>
  </si>
  <si>
    <t>0.014021581046339548</t>
  </si>
  <si>
    <t>13.713054656982422</t>
  </si>
  <si>
    <t>1085.021728515625</t>
  </si>
  <si>
    <t>0.02727899259508426</t>
  </si>
  <si>
    <t>37822</t>
  </si>
  <si>
    <t>13.264800071716309</t>
  </si>
  <si>
    <t>1219.108154296875</t>
  </si>
  <si>
    <t>0.014648569390585564</t>
  </si>
  <si>
    <t>38785</t>
  </si>
  <si>
    <t>12.61377239227295</t>
  </si>
  <si>
    <t>1391.578857421875</t>
  </si>
  <si>
    <t>0.025142630037754188</t>
  </si>
  <si>
    <t>40016</t>
  </si>
  <si>
    <t>13.134902000427246</t>
  </si>
  <si>
    <t>1175.66748046875</t>
  </si>
  <si>
    <t>0.031245800192428064</t>
  </si>
  <si>
    <t>41316</t>
  </si>
  <si>
    <t>14.651410102844238</t>
  </si>
  <si>
    <t>1431.7325439453125</t>
  </si>
  <si>
    <t>0.031970460009123514</t>
  </si>
  <si>
    <t>14.1951904296875</t>
  </si>
  <si>
    <t>997.7998657226562</t>
  </si>
  <si>
    <t>0.03512470366550602</t>
  </si>
  <si>
    <t>13.271285057067871</t>
  </si>
  <si>
    <t>1183.4510498046875</t>
  </si>
  <si>
    <t>0.028610234447530303</t>
  </si>
  <si>
    <t>14.42602825164795</t>
  </si>
  <si>
    <t>1263.388671875</t>
  </si>
  <si>
    <t>-0.0002725476407441363</t>
  </si>
  <si>
    <t>45757</t>
  </si>
  <si>
    <t>13.69097900390625</t>
  </si>
  <si>
    <t>1316.5247802734375</t>
  </si>
  <si>
    <t>0.038632560865188736</t>
  </si>
  <si>
    <t>47599</t>
  </si>
  <si>
    <t>13.306846618652344</t>
  </si>
  <si>
    <t>1313.2310791015625</t>
  </si>
  <si>
    <t>0.03946696713146558</t>
  </si>
  <si>
    <t>49078</t>
  </si>
  <si>
    <t>14.112227439880371</t>
  </si>
  <si>
    <t>1336.7354736328125</t>
  </si>
  <si>
    <t>0.03059911660283099</t>
  </si>
  <si>
    <t>49351</t>
  </si>
  <si>
    <t>14.452799797058105</t>
  </si>
  <si>
    <t>1073.1136474609375</t>
  </si>
  <si>
    <t>0.005547159882544506</t>
  </si>
  <si>
    <t>14.114566802978516</t>
  </si>
  <si>
    <t>1491.3592529296875</t>
  </si>
  <si>
    <t>0.011403597002770383</t>
  </si>
  <si>
    <t>49731</t>
  </si>
  <si>
    <t>14.53197193145752</t>
  </si>
  <si>
    <t>1065.328125</t>
  </si>
  <si>
    <t>-0.003733144990640369</t>
  </si>
  <si>
    <t>13.165329933166504</t>
  </si>
  <si>
    <t>1413.198974609375</t>
  </si>
  <si>
    <t>0.02282178363983256</t>
  </si>
  <si>
    <t>49677</t>
  </si>
  <si>
    <t>13.449542999267578</t>
  </si>
  <si>
    <t>1377.9471435546875</t>
  </si>
  <si>
    <t>-0.023908215422215662</t>
  </si>
  <si>
    <t>52637</t>
  </si>
  <si>
    <t>14.036614418029785</t>
  </si>
  <si>
    <t>981.2451782226562</t>
  </si>
  <si>
    <t>0.05787724518310533</t>
  </si>
  <si>
    <t>53802</t>
  </si>
  <si>
    <t>14.747085571289062</t>
  </si>
  <si>
    <t>1702.009033203125</t>
  </si>
  <si>
    <t>0.021891346686404134</t>
  </si>
  <si>
    <t>15.245156288146973</t>
  </si>
  <si>
    <t>1146.42578125</t>
  </si>
  <si>
    <t>-0.005853311520223059</t>
  </si>
  <si>
    <t>12.886519432067871</t>
  </si>
  <si>
    <t>1333.90234375</t>
  </si>
  <si>
    <t>0.0016812063810807132</t>
  </si>
  <si>
    <t>53022</t>
  </si>
  <si>
    <t>13.05675220489502</t>
  </si>
  <si>
    <t>1279.46533203125</t>
  </si>
  <si>
    <t>-0.010431614294901692</t>
  </si>
  <si>
    <t>52611</t>
  </si>
  <si>
    <t>14.263518333435059</t>
  </si>
  <si>
    <t>1456.864990234375</t>
  </si>
  <si>
    <t>-0.007781698408656723</t>
  </si>
  <si>
    <t>15.492659568786621</t>
  </si>
  <si>
    <t>1311.8956298828125</t>
  </si>
  <si>
    <t>-0.008570962913680091</t>
  </si>
  <si>
    <t>53936</t>
  </si>
  <si>
    <t>14.635891914367676</t>
  </si>
  <si>
    <t>1244.5372314453125</t>
  </si>
  <si>
    <t>0.033443898050119714</t>
  </si>
  <si>
    <t>54707</t>
  </si>
  <si>
    <t>14.451416969299316</t>
  </si>
  <si>
    <t>1635.758056640625</t>
  </si>
  <si>
    <t>0.014193513498215182</t>
  </si>
  <si>
    <t>55475</t>
  </si>
  <si>
    <t>14.67447280883789</t>
  </si>
  <si>
    <t>1594.5947265625</t>
  </si>
  <si>
    <t>0.013940796828737945</t>
  </si>
  <si>
    <t>53130</t>
  </si>
  <si>
    <t>14.16797924041748</t>
  </si>
  <si>
    <t>1392.1568603515625</t>
  </si>
  <si>
    <t>-0.043190728355805064</t>
  </si>
  <si>
    <t>56211</t>
  </si>
  <si>
    <t>14.202506065368652</t>
  </si>
  <si>
    <t>1364.1146240234375</t>
  </si>
  <si>
    <t>0.056370726821633355</t>
  </si>
  <si>
    <t>57094</t>
  </si>
  <si>
    <t>14.652464866638184</t>
  </si>
  <si>
    <t>1308.4342041015625</t>
  </si>
  <si>
    <t>0.015586565047206236</t>
  </si>
  <si>
    <t>34493</t>
  </si>
  <si>
    <t>5.689459323883057</t>
  </si>
  <si>
    <t>424.5032653808594</t>
  </si>
  <si>
    <t>145.1843719482422</t>
  </si>
  <si>
    <t>Fargo-Wahpeton, ND-MN</t>
  </si>
  <si>
    <t>34001</t>
  </si>
  <si>
    <t>6.724845886230469</t>
  </si>
  <si>
    <t>553.1259155273438</t>
  </si>
  <si>
    <t>-0.014366468951543254</t>
  </si>
  <si>
    <t>34716</t>
  </si>
  <si>
    <t>4.987860679626465</t>
  </si>
  <si>
    <t>540.0459594726562</t>
  </si>
  <si>
    <t>0.02081073983364945</t>
  </si>
  <si>
    <t>35206</t>
  </si>
  <si>
    <t>3.6637074947357178</t>
  </si>
  <si>
    <t>610.0194091796875</t>
  </si>
  <si>
    <t>0.014015846841781254</t>
  </si>
  <si>
    <t>5.975230693817139</t>
  </si>
  <si>
    <t>598.0540771484375</t>
  </si>
  <si>
    <t>0.027289957343368698</t>
  </si>
  <si>
    <t>36713</t>
  </si>
  <si>
    <t>4.387452602386475</t>
  </si>
  <si>
    <t>651.6903686523438</t>
  </si>
  <si>
    <t>0.014624435804309499</t>
  </si>
  <si>
    <t>3.46728777885437</t>
  </si>
  <si>
    <t>522.9763793945312</t>
  </si>
  <si>
    <t>0.025148916213547423</t>
  </si>
  <si>
    <t>38843</t>
  </si>
  <si>
    <t>5.3752570152282715</t>
  </si>
  <si>
    <t>531.9797973632812</t>
  </si>
  <si>
    <t>0.031248048414070695</t>
  </si>
  <si>
    <t>6.785304546356201</t>
  </si>
  <si>
    <t>731.6386108398438</t>
  </si>
  <si>
    <t>0.03194819956212491</t>
  </si>
  <si>
    <t>6.794992446899414</t>
  </si>
  <si>
    <t>606.8084716796875</t>
  </si>
  <si>
    <t>0.035132590962740906</t>
  </si>
  <si>
    <t>5.727411270141602</t>
  </si>
  <si>
    <t>630.39599609375</t>
  </si>
  <si>
    <t>0.02862016373152798</t>
  </si>
  <si>
    <t>6.326838970184326</t>
  </si>
  <si>
    <t>560.8255004882812</t>
  </si>
  <si>
    <t>-0.00028078057182945315</t>
  </si>
  <si>
    <t>45536</t>
  </si>
  <si>
    <t>5.413421630859375</t>
  </si>
  <si>
    <t>522.2897338867188</t>
  </si>
  <si>
    <t>0.06355516782380022</t>
  </si>
  <si>
    <t>47707</t>
  </si>
  <si>
    <t>5.308870792388916</t>
  </si>
  <si>
    <t>502.4311828613281</t>
  </si>
  <si>
    <t>0.046574915744159284</t>
  </si>
  <si>
    <t>48392</t>
  </si>
  <si>
    <t>5.522739887237549</t>
  </si>
  <si>
    <t>614.0314331054688</t>
  </si>
  <si>
    <t>0.014256373153012092</t>
  </si>
  <si>
    <t>48986</t>
  </si>
  <si>
    <t>7.209709167480469</t>
  </si>
  <si>
    <t>639.9383544921875</t>
  </si>
  <si>
    <t>0.012200032196197697</t>
  </si>
  <si>
    <t>50162</t>
  </si>
  <si>
    <t>6.674539566040039</t>
  </si>
  <si>
    <t>441.3719177246094</t>
  </si>
  <si>
    <t>0.02372322493726564</t>
  </si>
  <si>
    <t>52241</t>
  </si>
  <si>
    <t>5.8310394287109375</t>
  </si>
  <si>
    <t>621.9122314453125</t>
  </si>
  <si>
    <t>0.04060985926648719</t>
  </si>
  <si>
    <t>54388</t>
  </si>
  <si>
    <t>4.4627366065979</t>
  </si>
  <si>
    <t>663.6647338867188</t>
  </si>
  <si>
    <t>0.040275914088876874</t>
  </si>
  <si>
    <t>4.911305904388428</t>
  </si>
  <si>
    <t>583.7189331054688</t>
  </si>
  <si>
    <t>-0.06097057596659461</t>
  </si>
  <si>
    <t>54203</t>
  </si>
  <si>
    <t>5.860649108886719</t>
  </si>
  <si>
    <t>683.3592529296875</t>
  </si>
  <si>
    <t>0.0575632921404754</t>
  </si>
  <si>
    <t>56595</t>
  </si>
  <si>
    <t>6.280117511749268</t>
  </si>
  <si>
    <t>601.3536987304688</t>
  </si>
  <si>
    <t>0.043184384617061866</t>
  </si>
  <si>
    <t>62031</t>
  </si>
  <si>
    <t>7.196658611297607</t>
  </si>
  <si>
    <t>450.0186767578125</t>
  </si>
  <si>
    <t>0.09171361800236077</t>
  </si>
  <si>
    <t>59175</t>
  </si>
  <si>
    <t>4.247427463531494</t>
  </si>
  <si>
    <t>691.5548095703125</t>
  </si>
  <si>
    <t>-0.047135104686695684</t>
  </si>
  <si>
    <t>61376</t>
  </si>
  <si>
    <t>4.865331172943115</t>
  </si>
  <si>
    <t>597.483154296875</t>
  </si>
  <si>
    <t>0.03651972386092517</t>
  </si>
  <si>
    <t>61615</t>
  </si>
  <si>
    <t>6.868949890136719</t>
  </si>
  <si>
    <t>616.8164672851562</t>
  </si>
  <si>
    <t>0.0038864681291137515</t>
  </si>
  <si>
    <t>61114</t>
  </si>
  <si>
    <t>7.485531330108643</t>
  </si>
  <si>
    <t>691.6183471679688</t>
  </si>
  <si>
    <t>-0.008164374889837234</t>
  </si>
  <si>
    <t>60975</t>
  </si>
  <si>
    <t>6.303807735443115</t>
  </si>
  <si>
    <t>507.6958312988281</t>
  </si>
  <si>
    <t>-0.0022770283982662676</t>
  </si>
  <si>
    <t>61435</t>
  </si>
  <si>
    <t>5.106544494628906</t>
  </si>
  <si>
    <t>581.9358520507812</t>
  </si>
  <si>
    <t>0.007515761217550931</t>
  </si>
  <si>
    <t>62615</t>
  </si>
  <si>
    <t>4.7650041580200195</t>
  </si>
  <si>
    <t>810.28271484375</t>
  </si>
  <si>
    <t>0.01902516069646154</t>
  </si>
  <si>
    <t>60670</t>
  </si>
  <si>
    <t>6.755185604095459</t>
  </si>
  <si>
    <t>476.9465637207031</t>
  </si>
  <si>
    <t>-0.03155552406178863</t>
  </si>
  <si>
    <t>64189</t>
  </si>
  <si>
    <t>6.9035964012146</t>
  </si>
  <si>
    <t>501.0954284667969</t>
  </si>
  <si>
    <t>0.056382514497546055</t>
  </si>
  <si>
    <t>65197</t>
  </si>
  <si>
    <t>5.532815456390381</t>
  </si>
  <si>
    <t>582.838623046875</t>
  </si>
  <si>
    <t>0.015581599152318049</t>
  </si>
  <si>
    <t>8.78461742401123</t>
  </si>
  <si>
    <t>423.3215026855469</t>
  </si>
  <si>
    <t>80.83995819091797</t>
  </si>
  <si>
    <t>Farmington, NM</t>
  </si>
  <si>
    <t>8.227006912231445</t>
  </si>
  <si>
    <t>338.6928405761719</t>
  </si>
  <si>
    <t>-0.014389111179022862</t>
  </si>
  <si>
    <t>9.053642272949219</t>
  </si>
  <si>
    <t>460.9634094238281</t>
  </si>
  <si>
    <t>0.020815207732230334</t>
  </si>
  <si>
    <t>39580</t>
  </si>
  <si>
    <t>8.787897109985352</t>
  </si>
  <si>
    <t>339.4855041503906</t>
  </si>
  <si>
    <t>0.014018980627064082</t>
  </si>
  <si>
    <t>9.868203163146973</t>
  </si>
  <si>
    <t>413.49700927734375</t>
  </si>
  <si>
    <t>0.027289712930681276</t>
  </si>
  <si>
    <t>9.631650924682617</t>
  </si>
  <si>
    <t>306.2581787109375</t>
  </si>
  <si>
    <t>0.014643336701089638</t>
  </si>
  <si>
    <t>9.729039192199707</t>
  </si>
  <si>
    <t>339.7547302246094</t>
  </si>
  <si>
    <t>0.025144564632070043</t>
  </si>
  <si>
    <t>43669</t>
  </si>
  <si>
    <t>8.777657508850098</t>
  </si>
  <si>
    <t>440.0660705566406</t>
  </si>
  <si>
    <t>0.031236913781679476</t>
  </si>
  <si>
    <t>8.999979019165039</t>
  </si>
  <si>
    <t>361.7078857421875</t>
  </si>
  <si>
    <t>0.03195548840012563</t>
  </si>
  <si>
    <t>9.325618743896484</t>
  </si>
  <si>
    <t>334.258056640625</t>
  </si>
  <si>
    <t>0.03512879454928708</t>
  </si>
  <si>
    <t>48055</t>
  </si>
  <si>
    <t>9.499441146850586</t>
  </si>
  <si>
    <t>366.341064453125</t>
  </si>
  <si>
    <t>0.02862343710589421</t>
  </si>
  <si>
    <t>48041</t>
  </si>
  <si>
    <t>9.816610336303711</t>
  </si>
  <si>
    <t>295.1733093261719</t>
  </si>
  <si>
    <t>-0.0002913752934361469</t>
  </si>
  <si>
    <t>9.732856750488281</t>
  </si>
  <si>
    <t>234.50550842285156</t>
  </si>
  <si>
    <t>-0.03931313848138451</t>
  </si>
  <si>
    <t>53213</t>
  </si>
  <si>
    <t>9.727170944213867</t>
  </si>
  <si>
    <t>330.0819091796875</t>
  </si>
  <si>
    <t>0.14156105289816523</t>
  </si>
  <si>
    <t>57627</t>
  </si>
  <si>
    <t>9.434359550476074</t>
  </si>
  <si>
    <t>393.32855224609375</t>
  </si>
  <si>
    <t>0.07968848047429233</t>
  </si>
  <si>
    <t>67755</t>
  </si>
  <si>
    <t>9.742294311523438</t>
  </si>
  <si>
    <t>335.37982177734375</t>
  </si>
  <si>
    <t>0.16190704990179228</t>
  </si>
  <si>
    <t>68480</t>
  </si>
  <si>
    <t>9.262771606445312</t>
  </si>
  <si>
    <t>359.0292663574219</t>
  </si>
  <si>
    <t>0.010643474058809943</t>
  </si>
  <si>
    <t>67117</t>
  </si>
  <si>
    <t>9.84335994720459</t>
  </si>
  <si>
    <t>420.1498718261719</t>
  </si>
  <si>
    <t>-0.020104366740181234</t>
  </si>
  <si>
    <t>74644</t>
  </si>
  <si>
    <t>9.389107704162598</t>
  </si>
  <si>
    <t>334.85809326171875</t>
  </si>
  <si>
    <t>0.10629278057791858</t>
  </si>
  <si>
    <t>60819</t>
  </si>
  <si>
    <t>9.237683296203613</t>
  </si>
  <si>
    <t>322.8428039550781</t>
  </si>
  <si>
    <t>-0.20482790551705854</t>
  </si>
  <si>
    <t>59773</t>
  </si>
  <si>
    <t>9.446067810058594</t>
  </si>
  <si>
    <t>335.3050537109375</t>
  </si>
  <si>
    <t>-0.01734818617338263</t>
  </si>
  <si>
    <t>62402</t>
  </si>
  <si>
    <t>9.477166175842285</t>
  </si>
  <si>
    <t>335.4651794433594</t>
  </si>
  <si>
    <t>0.04304327216301829</t>
  </si>
  <si>
    <t>57291</t>
  </si>
  <si>
    <t>9.961865425109863</t>
  </si>
  <si>
    <t>253.7788848876953</t>
  </si>
  <si>
    <t>-0.08545378282241423</t>
  </si>
  <si>
    <t>57378</t>
  </si>
  <si>
    <t>9.182731628417969</t>
  </si>
  <si>
    <t>381.4682312011719</t>
  </si>
  <si>
    <t>0.0015174112740741208</t>
  </si>
  <si>
    <t>61234</t>
  </si>
  <si>
    <t>10.134013175964355</t>
  </si>
  <si>
    <t>377.3507995605469</t>
  </si>
  <si>
    <t>0.0650416362145183</t>
  </si>
  <si>
    <t>53729</t>
  </si>
  <si>
    <t>10.011188507080078</t>
  </si>
  <si>
    <t>459.2857971191406</t>
  </si>
  <si>
    <t>-0.13074969781884782</t>
  </si>
  <si>
    <t>49130</t>
  </si>
  <si>
    <t>10.259263038635254</t>
  </si>
  <si>
    <t>353.83111572265625</t>
  </si>
  <si>
    <t>-0.0894830468105745</t>
  </si>
  <si>
    <t>51149</t>
  </si>
  <si>
    <t>10.933152198791504</t>
  </si>
  <si>
    <t>253.93898010253906</t>
  </si>
  <si>
    <t>0.04027309568383686</t>
  </si>
  <si>
    <t>49837</t>
  </si>
  <si>
    <t>10.11542797088623</t>
  </si>
  <si>
    <t>343.85101318359375</t>
  </si>
  <si>
    <t>-0.02598526181321681</t>
  </si>
  <si>
    <t>48913</t>
  </si>
  <si>
    <t>9.362384796142578</t>
  </si>
  <si>
    <t>338.0414733886719</t>
  </si>
  <si>
    <t>-0.01871447023109063</t>
  </si>
  <si>
    <t>10.346992492675781</t>
  </si>
  <si>
    <t>247.05580139160156</t>
  </si>
  <si>
    <t>-0.09761488007759134</t>
  </si>
  <si>
    <t>46937</t>
  </si>
  <si>
    <t>10.392104148864746</t>
  </si>
  <si>
    <t>324.945556640625</t>
  </si>
  <si>
    <t>0.056377947261738726</t>
  </si>
  <si>
    <t>47674</t>
  </si>
  <si>
    <t>9.847792625427246</t>
  </si>
  <si>
    <t>364.0876159667969</t>
  </si>
  <si>
    <t>0.015579898908303136</t>
  </si>
  <si>
    <t>14.884377479553223</t>
  </si>
  <si>
    <t>1523.8709716796875</t>
  </si>
  <si>
    <t>182.39134216308594</t>
  </si>
  <si>
    <t>Fayetteville-Springdale-Rogers, AR-MO</t>
  </si>
  <si>
    <t>15.685051918029785</t>
  </si>
  <si>
    <t>1035.2899169921875</t>
  </si>
  <si>
    <t>-0.014395434680450236</t>
  </si>
  <si>
    <t>14.285433769226074</t>
  </si>
  <si>
    <t>1414.5479736328125</t>
  </si>
  <si>
    <t>0.020811302181860114</t>
  </si>
  <si>
    <t>13.619545936584473</t>
  </si>
  <si>
    <t>1393.27734375</t>
  </si>
  <si>
    <t>0.014004006621862075</t>
  </si>
  <si>
    <t>14.85714054107666</t>
  </si>
  <si>
    <t>1290.565673828125</t>
  </si>
  <si>
    <t>0.027275723139997154</t>
  </si>
  <si>
    <t>32245</t>
  </si>
  <si>
    <t>14.433932304382324</t>
  </si>
  <si>
    <t>1102.3497314453125</t>
  </si>
  <si>
    <t>0.014651704599579318</t>
  </si>
  <si>
    <t>33066</t>
  </si>
  <si>
    <t>13.988871574401855</t>
  </si>
  <si>
    <t>1154.3138427734375</t>
  </si>
  <si>
    <t>0.02514257166681233</t>
  </si>
  <si>
    <t>14.180782318115234</t>
  </si>
  <si>
    <t>1227.6107177734375</t>
  </si>
  <si>
    <t>0.03126091832770861</t>
  </si>
  <si>
    <t>15.635730743408203</t>
  </si>
  <si>
    <t>1131.4974365234375</t>
  </si>
  <si>
    <t>0.03193279585932274</t>
  </si>
  <si>
    <t>15.466900825500488</t>
  </si>
  <si>
    <t>1220.9119873046875</t>
  </si>
  <si>
    <t>0.035147120350787375</t>
  </si>
  <si>
    <t>37542</t>
  </si>
  <si>
    <t>14.513920783996582</t>
  </si>
  <si>
    <t>1145.1622314453125</t>
  </si>
  <si>
    <t>0.028613907577309305</t>
  </si>
  <si>
    <t>37531</t>
  </si>
  <si>
    <t>15.315886497497559</t>
  </si>
  <si>
    <t>1180.869140625</t>
  </si>
  <si>
    <t>-0.00029304810194652475</t>
  </si>
  <si>
    <t>14.488173484802246</t>
  </si>
  <si>
    <t>1022.8876953125</t>
  </si>
  <si>
    <t>0.04511534143917828</t>
  </si>
  <si>
    <t>14.666853904724121</t>
  </si>
  <si>
    <t>1120.8248291015625</t>
  </si>
  <si>
    <t>0.01729600879937543</t>
  </si>
  <si>
    <t>15.01480770111084</t>
  </si>
  <si>
    <t>1383.6341552734375</t>
  </si>
  <si>
    <t>0.06748644718880392</t>
  </si>
  <si>
    <t>15.838974952697754</t>
  </si>
  <si>
    <t>749.7203369140625</t>
  </si>
  <si>
    <t>0.023312264988534892</t>
  </si>
  <si>
    <t>15.582549095153809</t>
  </si>
  <si>
    <t>1030.0531005859375</t>
  </si>
  <si>
    <t>-0.03392125855554973</t>
  </si>
  <si>
    <t>15.481032371520996</t>
  </si>
  <si>
    <t>1091.2034912109375</t>
  </si>
  <si>
    <t>-0.04780687062438105</t>
  </si>
  <si>
    <t>14.435432434082031</t>
  </si>
  <si>
    <t>1492.941162109375</t>
  </si>
  <si>
    <t>-0.02501763067391316</t>
  </si>
  <si>
    <t>14.323917388916016</t>
  </si>
  <si>
    <t>1263.52099609375</t>
  </si>
  <si>
    <t>-0.03530935732912255</t>
  </si>
  <si>
    <t>15.029328346252441</t>
  </si>
  <si>
    <t>1029.729736328125</t>
  </si>
  <si>
    <t>0.03202285576582575</t>
  </si>
  <si>
    <t>38882</t>
  </si>
  <si>
    <t>15.870211601257324</t>
  </si>
  <si>
    <t>1161.1112060546875</t>
  </si>
  <si>
    <t>-0.007813640542638112</t>
  </si>
  <si>
    <t>39757</t>
  </si>
  <si>
    <t>16.510984420776367</t>
  </si>
  <si>
    <t>932.6962280273438</t>
  </si>
  <si>
    <t>0.022254507626927378</t>
  </si>
  <si>
    <t>14.102450370788574</t>
  </si>
  <si>
    <t>1262.57177734375</t>
  </si>
  <si>
    <t>0.04608317610471779</t>
  </si>
  <si>
    <t>14.254021644592285</t>
  </si>
  <si>
    <t>1053.4560546875</t>
  </si>
  <si>
    <t>0.021575707441996883</t>
  </si>
  <si>
    <t>15.46315860748291</t>
  </si>
  <si>
    <t>1500.0087890625</t>
  </si>
  <si>
    <t>0.03708016479928489</t>
  </si>
  <si>
    <t>16.538890838623047</t>
  </si>
  <si>
    <t>1161.682373046875</t>
  </si>
  <si>
    <t>-0.0020407244849245387</t>
  </si>
  <si>
    <t>15.784767150878906</t>
  </si>
  <si>
    <t>1168.80859375</t>
  </si>
  <si>
    <t>0.01777244654903498</t>
  </si>
  <si>
    <t>44963</t>
  </si>
  <si>
    <t>15.359091758728027</t>
  </si>
  <si>
    <t>1278.1002197265625</t>
  </si>
  <si>
    <t>0.0025832327025181456</t>
  </si>
  <si>
    <t>44542</t>
  </si>
  <si>
    <t>15.284886360168457</t>
  </si>
  <si>
    <t>1549.2017822265625</t>
  </si>
  <si>
    <t>-0.009407365059345807</t>
  </si>
  <si>
    <t>47010</t>
  </si>
  <si>
    <t>15.18389892578125</t>
  </si>
  <si>
    <t>1278.892822265625</t>
  </si>
  <si>
    <t>0.05392778075738036</t>
  </si>
  <si>
    <t>49736</t>
  </si>
  <si>
    <t>15.340256690979004</t>
  </si>
  <si>
    <t>1164.308837890625</t>
  </si>
  <si>
    <t>0.05636867193099704</t>
  </si>
  <si>
    <t>15.736390113830566</t>
  </si>
  <si>
    <t>1134.3289794921875</t>
  </si>
  <si>
    <t>0.01558089632924542</t>
  </si>
  <si>
    <t>8.695978164672852</t>
  </si>
  <si>
    <t>510.10174560546875</t>
  </si>
  <si>
    <t>46.42626190185547</t>
  </si>
  <si>
    <t>Flagstaff, AZ</t>
  </si>
  <si>
    <t>8.422886848449707</t>
  </si>
  <si>
    <t>473.6944580078125</t>
  </si>
  <si>
    <t>-0.014399598512817136</t>
  </si>
  <si>
    <t>8.839093208312988</t>
  </si>
  <si>
    <t>732.9620361328125</t>
  </si>
  <si>
    <t>0.020806653801548336</t>
  </si>
  <si>
    <t>8.690323829650879</t>
  </si>
  <si>
    <t>420.7705383300781</t>
  </si>
  <si>
    <t>0.014020449495863119</t>
  </si>
  <si>
    <t>9.168755531311035</t>
  </si>
  <si>
    <t>513.5573120117188</t>
  </si>
  <si>
    <t>0.027299745500256378</t>
  </si>
  <si>
    <t>36926</t>
  </si>
  <si>
    <t>9.600671768188477</t>
  </si>
  <si>
    <t>377.454833984375</t>
  </si>
  <si>
    <t>0.014621898349483686</t>
  </si>
  <si>
    <t>37867</t>
  </si>
  <si>
    <t>9.980043411254883</t>
  </si>
  <si>
    <t>418.0892333984375</t>
  </si>
  <si>
    <t>0.02516411042354605</t>
  </si>
  <si>
    <t>9.062814712524414</t>
  </si>
  <si>
    <t>407.4740295410156</t>
  </si>
  <si>
    <t>0.031223697188131894</t>
  </si>
  <si>
    <t>40337</t>
  </si>
  <si>
    <t>8.406559944152832</t>
  </si>
  <si>
    <t>560.0156860351562</t>
  </si>
  <si>
    <t>0.031965444302329615</t>
  </si>
  <si>
    <t>9.063682556152344</t>
  </si>
  <si>
    <t>373.740478515625</t>
  </si>
  <si>
    <t>0.035124659057336416</t>
  </si>
  <si>
    <t>42992</t>
  </si>
  <si>
    <t>9.32150650024414</t>
  </si>
  <si>
    <t>413.0308837890625</t>
  </si>
  <si>
    <t>0.028620230928240176</t>
  </si>
  <si>
    <t>42980</t>
  </si>
  <si>
    <t>9.691641807556152</t>
  </si>
  <si>
    <t>327.260986328125</t>
  </si>
  <si>
    <t>-0.000279160658772426</t>
  </si>
  <si>
    <t>42679</t>
  </si>
  <si>
    <t>9.687975883483887</t>
  </si>
  <si>
    <t>212.99082946777344</t>
  </si>
  <si>
    <t>-0.007027895233370884</t>
  </si>
  <si>
    <t>9.601231575012207</t>
  </si>
  <si>
    <t>416.9869384765625</t>
  </si>
  <si>
    <t>0.015092081308816674</t>
  </si>
  <si>
    <t>44101</t>
  </si>
  <si>
    <t>9.406973838806152</t>
  </si>
  <si>
    <t>611.1698608398438</t>
  </si>
  <si>
    <t>0.017683380642861124</t>
  </si>
  <si>
    <t>9.652724266052246</t>
  </si>
  <si>
    <t>361.7733154296875</t>
  </si>
  <si>
    <t>0.03998265913382859</t>
  </si>
  <si>
    <t>48575</t>
  </si>
  <si>
    <t>9.250051498413086</t>
  </si>
  <si>
    <t>363.55126953125</t>
  </si>
  <si>
    <t>0.05664387819700423</t>
  </si>
  <si>
    <t>51484</t>
  </si>
  <si>
    <t>9.95570182800293</t>
  </si>
  <si>
    <t>442.88250732421875</t>
  </si>
  <si>
    <t>0.058162084523628366</t>
  </si>
  <si>
    <t>49652</t>
  </si>
  <si>
    <t>9.513525009155273</t>
  </si>
  <si>
    <t>363.0689697265625</t>
  </si>
  <si>
    <t>-0.03623240813343109</t>
  </si>
  <si>
    <t>48089</t>
  </si>
  <si>
    <t>9.274615287780762</t>
  </si>
  <si>
    <t>360.37335205078125</t>
  </si>
  <si>
    <t>-0.03198521092427242</t>
  </si>
  <si>
    <t>9.215561866760254</t>
  </si>
  <si>
    <t>423.8553161621094</t>
  </si>
  <si>
    <t>0.021843731536732136</t>
  </si>
  <si>
    <t>51958</t>
  </si>
  <si>
    <t>9.187331199645996</t>
  </si>
  <si>
    <t>369.1399841308594</t>
  </si>
  <si>
    <t>0.055538507648398294</t>
  </si>
  <si>
    <t>9.887887001037598</t>
  </si>
  <si>
    <t>451.3038635253906</t>
  </si>
  <si>
    <t>-0.061415236051729494</t>
  </si>
  <si>
    <t>51028</t>
  </si>
  <si>
    <t>9.776936531066895</t>
  </si>
  <si>
    <t>400.2790222167969</t>
  </si>
  <si>
    <t>0.043354037813214674</t>
  </si>
  <si>
    <t>10.6271333694458</t>
  </si>
  <si>
    <t>400.6471862792969</t>
  </si>
  <si>
    <t>-0.0031208009862311314</t>
  </si>
  <si>
    <t>51949</t>
  </si>
  <si>
    <t>10.239742279052734</t>
  </si>
  <si>
    <t>545.8724365234375</t>
  </si>
  <si>
    <t>0.021008767392002525</t>
  </si>
  <si>
    <t>52415</t>
  </si>
  <si>
    <t>10.259716033935547</t>
  </si>
  <si>
    <t>428.4962463378906</t>
  </si>
  <si>
    <t>0.008930341822720678</t>
  </si>
  <si>
    <t>54899</t>
  </si>
  <si>
    <t>10.90322494506836</t>
  </si>
  <si>
    <t>260.30047607421875</t>
  </si>
  <si>
    <t>0.04630232350880803</t>
  </si>
  <si>
    <t>10.167156219482422</t>
  </si>
  <si>
    <t>388.9183044433594</t>
  </si>
  <si>
    <t>-0.014161996272225252</t>
  </si>
  <si>
    <t>52431</t>
  </si>
  <si>
    <t>9.44902515411377</t>
  </si>
  <si>
    <t>462.7245178222656</t>
  </si>
  <si>
    <t>-0.03183511768878411</t>
  </si>
  <si>
    <t>50171</t>
  </si>
  <si>
    <t>10.376809120178223</t>
  </si>
  <si>
    <t>327.7924499511719</t>
  </si>
  <si>
    <t>-0.044060848924400986</t>
  </si>
  <si>
    <t>53081</t>
  </si>
  <si>
    <t>10.313406944274902</t>
  </si>
  <si>
    <t>339.8910827636719</t>
  </si>
  <si>
    <t>0.05638187824617802</t>
  </si>
  <si>
    <t>53914</t>
  </si>
  <si>
    <t>9.776651382446289</t>
  </si>
  <si>
    <t>392.32623291015625</t>
  </si>
  <si>
    <t>0.015571135673919656</t>
  </si>
  <si>
    <t>16.07340431213379</t>
  </si>
  <si>
    <t>1633.5390625</t>
  </si>
  <si>
    <t>147.27639770507812</t>
  </si>
  <si>
    <t>Fort Smith, AR-OK</t>
  </si>
  <si>
    <t>25880</t>
  </si>
  <si>
    <t>16.64578628540039</t>
  </si>
  <si>
    <t>1302.9498291015625</t>
  </si>
  <si>
    <t>-0.014385977457122223</t>
  </si>
  <si>
    <t>26424</t>
  </si>
  <si>
    <t>15.404318809509277</t>
  </si>
  <si>
    <t>1427.051025390625</t>
  </si>
  <si>
    <t>0.020802218455788335</t>
  </si>
  <si>
    <t>26797</t>
  </si>
  <si>
    <t>14.883255958557129</t>
  </si>
  <si>
    <t>1347.11865234375</t>
  </si>
  <si>
    <t>0.014017252864030993</t>
  </si>
  <si>
    <t>27539</t>
  </si>
  <si>
    <t>16.12946891784668</t>
  </si>
  <si>
    <t>1414.7373046875</t>
  </si>
  <si>
    <t>0.02731324086811071</t>
  </si>
  <si>
    <t>15.7643461227417</t>
  </si>
  <si>
    <t>1118.16845703125</t>
  </si>
  <si>
    <t>0.014635110901030757</t>
  </si>
  <si>
    <t>15.239349365234375</t>
  </si>
  <si>
    <t>1324.451171875</t>
  </si>
  <si>
    <t>0.025159448693569786</t>
  </si>
  <si>
    <t>29566</t>
  </si>
  <si>
    <t>15.354049682617188</t>
  </si>
  <si>
    <t>1369.305419921875</t>
  </si>
  <si>
    <t>0.03122731106366672</t>
  </si>
  <si>
    <t>16.881380081176758</t>
  </si>
  <si>
    <t>1176.7879638671875</t>
  </si>
  <si>
    <t>0.03195372701403265</t>
  </si>
  <si>
    <t>16.651758193969727</t>
  </si>
  <si>
    <t>1164.0853271484375</t>
  </si>
  <si>
    <t>0.03511617112697962</t>
  </si>
  <si>
    <t>15.707259178161621</t>
  </si>
  <si>
    <t>1123.7479248046875</t>
  </si>
  <si>
    <t>32526</t>
  </si>
  <si>
    <t>16.26679801940918</t>
  </si>
  <si>
    <t>1247.8961181640625</t>
  </si>
  <si>
    <t>-0.00027666344069210425</t>
  </si>
  <si>
    <t>32889</t>
  </si>
  <si>
    <t>15.575387001037598</t>
  </si>
  <si>
    <t>1126.573974609375</t>
  </si>
  <si>
    <t>0.011098485854256879</t>
  </si>
  <si>
    <t>15.780135154724121</t>
  </si>
  <si>
    <t>1068.4864501953125</t>
  </si>
  <si>
    <t>0.03530832721710553</t>
  </si>
  <si>
    <t>16.110490798950195</t>
  </si>
  <si>
    <t>1415.6258544921875</t>
  </si>
  <si>
    <t>0.0548778925272746</t>
  </si>
  <si>
    <t>16.8042049407959</t>
  </si>
  <si>
    <t>789.885009765625</t>
  </si>
  <si>
    <t>0.02515804193701321</t>
  </si>
  <si>
    <t>38401</t>
  </si>
  <si>
    <t>16.547731399536133</t>
  </si>
  <si>
    <t>1272.958984375</t>
  </si>
  <si>
    <t>0.03960098387936384</t>
  </si>
  <si>
    <t>37563</t>
  </si>
  <si>
    <t>16.636781692504883</t>
  </si>
  <si>
    <t>1054.3184814453125</t>
  </si>
  <si>
    <t>-0.0220639775663507</t>
  </si>
  <si>
    <t>37804</t>
  </si>
  <si>
    <t>15.519123077392578</t>
  </si>
  <si>
    <t>1532.2259521484375</t>
  </si>
  <si>
    <t>0.00639539377788978</t>
  </si>
  <si>
    <t>15.46801471710205</t>
  </si>
  <si>
    <t>1486.4378662109375</t>
  </si>
  <si>
    <t>-0.10282432070225411</t>
  </si>
  <si>
    <t>16.18018913269043</t>
  </si>
  <si>
    <t>974.4483032226562</t>
  </si>
  <si>
    <t>0.04143394444386672</t>
  </si>
  <si>
    <t>35854</t>
  </si>
  <si>
    <t>17.020084381103516</t>
  </si>
  <si>
    <t>1215.5147705078125</t>
  </si>
  <si>
    <t>0.008430595958225595</t>
  </si>
  <si>
    <t>35601</t>
  </si>
  <si>
    <t>17.65035057067871</t>
  </si>
  <si>
    <t>1010.2786865234375</t>
  </si>
  <si>
    <t>-0.007081409481536127</t>
  </si>
  <si>
    <t>15.172816276550293</t>
  </si>
  <si>
    <t>1310.0279541015625</t>
  </si>
  <si>
    <t>-0.009794729353350462</t>
  </si>
  <si>
    <t>15.325359344482422</t>
  </si>
  <si>
    <t>1084.2110595703125</t>
  </si>
  <si>
    <t>-0.0006810056446138191</t>
  </si>
  <si>
    <t>34822</t>
  </si>
  <si>
    <t>16.619863510131836</t>
  </si>
  <si>
    <t>1578.88427734375</t>
  </si>
  <si>
    <t>-0.011648621408740567</t>
  </si>
  <si>
    <t>17.709814071655273</t>
  </si>
  <si>
    <t>1067.4027099609375</t>
  </si>
  <si>
    <t>-0.01670880229453786</t>
  </si>
  <si>
    <t>16.766733169555664</t>
  </si>
  <si>
    <t>1189.7005615234375</t>
  </si>
  <si>
    <t>0.005678110909661527</t>
  </si>
  <si>
    <t>34811</t>
  </si>
  <si>
    <t>16.434253692626953</t>
  </si>
  <si>
    <t>1488.540771484375</t>
  </si>
  <si>
    <t>0.010714749228384335</t>
  </si>
  <si>
    <t>34848</t>
  </si>
  <si>
    <t>16.454925537109375</t>
  </si>
  <si>
    <t>1612.9097900390625</t>
  </si>
  <si>
    <t>0.0010623179626350066</t>
  </si>
  <si>
    <t>16.288480758666992</t>
  </si>
  <si>
    <t>1414.0196533203125</t>
  </si>
  <si>
    <t>0.02005692074994414</t>
  </si>
  <si>
    <t>37616</t>
  </si>
  <si>
    <t>16.4337215423584</t>
  </si>
  <si>
    <t>1221.1585693359375</t>
  </si>
  <si>
    <t>0.05637682429722091</t>
  </si>
  <si>
    <t>16.81285285949707</t>
  </si>
  <si>
    <t>0.015563079543746028</t>
  </si>
  <si>
    <t>10.5289888381958</t>
  </si>
  <si>
    <t>1213.802490234375</t>
  </si>
  <si>
    <t>238.2670135498047</t>
  </si>
  <si>
    <t>Fort Wayne-Huntington-Auburn, IN</t>
  </si>
  <si>
    <t>32732</t>
  </si>
  <si>
    <t>11.406668663024902</t>
  </si>
  <si>
    <t>872.6043090820312</t>
  </si>
  <si>
    <t>-0.014407504406461769</t>
  </si>
  <si>
    <t>9.721495628356934</t>
  </si>
  <si>
    <t>1127.1636962890625</t>
  </si>
  <si>
    <t>0.020831252256726884</t>
  </si>
  <si>
    <t>33892</t>
  </si>
  <si>
    <t>9.090739250183105</t>
  </si>
  <si>
    <t>1006.8272094726562</t>
  </si>
  <si>
    <t>0.013994553414356403</t>
  </si>
  <si>
    <t>10.281306266784668</t>
  </si>
  <si>
    <t>818.8886108398438</t>
  </si>
  <si>
    <t>0.02730008604169143</t>
  </si>
  <si>
    <t>9.604268074035645</t>
  </si>
  <si>
    <t>816.9183349609375</t>
  </si>
  <si>
    <t>0.014621268554181555</t>
  </si>
  <si>
    <t>9.06213092803955</t>
  </si>
  <si>
    <t>1026.132080078125</t>
  </si>
  <si>
    <t>0.02517349742772268</t>
  </si>
  <si>
    <t>37394</t>
  </si>
  <si>
    <t>9.496243476867676</t>
  </si>
  <si>
    <t>1015.2643432617188</t>
  </si>
  <si>
    <t>0.03123641338326877</t>
  </si>
  <si>
    <t>38608</t>
  </si>
  <si>
    <t>11.189476013183594</t>
  </si>
  <si>
    <t>1060.0203857421875</t>
  </si>
  <si>
    <t>0.031949245139593074</t>
  </si>
  <si>
    <t>10.63021183013916</t>
  </si>
  <si>
    <t>768.5213012695312</t>
  </si>
  <si>
    <t>0.03511990022225753</t>
  </si>
  <si>
    <t>41149</t>
  </si>
  <si>
    <t>9.776883125305176</t>
  </si>
  <si>
    <t>947.3196411132812</t>
  </si>
  <si>
    <t>0.02862021638629031</t>
  </si>
  <si>
    <t>11.057624816894531</t>
  </si>
  <si>
    <t>1068.8831787109375</t>
  </si>
  <si>
    <t>-0.00026735693525203885</t>
  </si>
  <si>
    <t>42465</t>
  </si>
  <si>
    <t>10.13474178314209</t>
  </si>
  <si>
    <t>806.295654296875</t>
  </si>
  <si>
    <t>0.03174793867600023</t>
  </si>
  <si>
    <t>9.510126113891602</t>
  </si>
  <si>
    <t>1083.7513427734375</t>
  </si>
  <si>
    <t>0.023643853836599504</t>
  </si>
  <si>
    <t>10.243650436401367</t>
  </si>
  <si>
    <t>1040.8218994140625</t>
  </si>
  <si>
    <t>0.007674986412848028</t>
  </si>
  <si>
    <t>43140</t>
  </si>
  <si>
    <t>10.868637084960938</t>
  </si>
  <si>
    <t>827.0481567382812</t>
  </si>
  <si>
    <t>-0.01554840652040923</t>
  </si>
  <si>
    <t>10.573270797729492</t>
  </si>
  <si>
    <t>1119.417236328125</t>
  </si>
  <si>
    <t>0.017805306408069654</t>
  </si>
  <si>
    <t>44214</t>
  </si>
  <si>
    <t>10.494009017944336</t>
  </si>
  <si>
    <t>1006.1384887695312</t>
  </si>
  <si>
    <t>0.0067855336438373826</t>
  </si>
  <si>
    <t>42158</t>
  </si>
  <si>
    <t>9.125033378601074</t>
  </si>
  <si>
    <t>1015.3881225585938</t>
  </si>
  <si>
    <t>-0.04761701623521475</t>
  </si>
  <si>
    <t>9.804283142089844</t>
  </si>
  <si>
    <t>1037.0010986328125</t>
  </si>
  <si>
    <t>-0.08138182360232449</t>
  </si>
  <si>
    <t>10.681472778320312</t>
  </si>
  <si>
    <t>886.1362915039062</t>
  </si>
  <si>
    <t>0.06200559620503299</t>
  </si>
  <si>
    <t>41619</t>
  </si>
  <si>
    <t>11.05611801147461</t>
  </si>
  <si>
    <t>1263.416259765625</t>
  </si>
  <si>
    <t>0.006508556386286557</t>
  </si>
  <si>
    <t>11.733988761901855</t>
  </si>
  <si>
    <t>848.0830078125</t>
  </si>
  <si>
    <t>0.03566201689305437</t>
  </si>
  <si>
    <t>43551</t>
  </si>
  <si>
    <t>9.36418342590332</t>
  </si>
  <si>
    <t>1054.785888671875</t>
  </si>
  <si>
    <t>0.009713854487648277</t>
  </si>
  <si>
    <t>8.992618560791016</t>
  </si>
  <si>
    <t>988.2409057617188</t>
  </si>
  <si>
    <t>0.07137344821512315</t>
  </si>
  <si>
    <t>10.420283317565918</t>
  </si>
  <si>
    <t>1033.3165283203125</t>
  </si>
  <si>
    <t>0.03332555503589596</t>
  </si>
  <si>
    <t>47971</t>
  </si>
  <si>
    <t>11.607584953308105</t>
  </si>
  <si>
    <t>1059.6341552734375</t>
  </si>
  <si>
    <t>-0.00803500673941926</t>
  </si>
  <si>
    <t>47622</t>
  </si>
  <si>
    <t>10.827136039733887</t>
  </si>
  <si>
    <t>1044.3499755859375</t>
  </si>
  <si>
    <t>-0.007301822322206775</t>
  </si>
  <si>
    <t>10.49335765838623</t>
  </si>
  <si>
    <t>1170.1109619140625</t>
  </si>
  <si>
    <t>0.023861538361224177</t>
  </si>
  <si>
    <t>49252</t>
  </si>
  <si>
    <t>10.797161102294922</t>
  </si>
  <si>
    <t>1200.5924072265625</t>
  </si>
  <si>
    <t>0.009793598232606726</t>
  </si>
  <si>
    <t>47187</t>
  </si>
  <si>
    <t>10.998997688293457</t>
  </si>
  <si>
    <t>975.7958374023438</t>
  </si>
  <si>
    <t>-0.04283154500400954</t>
  </si>
  <si>
    <t>49924</t>
  </si>
  <si>
    <t>11.122977256774902</t>
  </si>
  <si>
    <t>1027.5616455078125</t>
  </si>
  <si>
    <t>0.05638341812959169</t>
  </si>
  <si>
    <t>50708</t>
  </si>
  <si>
    <t>11.239643096923828</t>
  </si>
  <si>
    <t>947.1192016601562</t>
  </si>
  <si>
    <t>0.015581840020272963</t>
  </si>
  <si>
    <t>16.983247756958008</t>
  </si>
  <si>
    <t>145.8159942626953</t>
  </si>
  <si>
    <t>607.2801513671875</t>
  </si>
  <si>
    <t>Fresno-Madera, CA</t>
  </si>
  <si>
    <t>16.922958374023438</t>
  </si>
  <si>
    <t>297.9787902832031</t>
  </si>
  <si>
    <t>-0.014388737452099676</t>
  </si>
  <si>
    <t>17.883638381958008</t>
  </si>
  <si>
    <t>403.5753479003906</t>
  </si>
  <si>
    <t>0.02080776565354192</t>
  </si>
  <si>
    <t>27578</t>
  </si>
  <si>
    <t>17.23813819885254</t>
  </si>
  <si>
    <t>265.4703369140625</t>
  </si>
  <si>
    <t>0.01402199268605564</t>
  </si>
  <si>
    <t>28341</t>
  </si>
  <si>
    <t>17.03851890563965</t>
  </si>
  <si>
    <t>391.0752258300781</t>
  </si>
  <si>
    <t>0.027291166035556813</t>
  </si>
  <si>
    <t>17.49479866027832</t>
  </si>
  <si>
    <t>355.5166015625</t>
  </si>
  <si>
    <t>0.014606469950441792</t>
  </si>
  <si>
    <t>17.813289642333984</t>
  </si>
  <si>
    <t>500.8973083496094</t>
  </si>
  <si>
    <t>0.025169142646644715</t>
  </si>
  <si>
    <t>17.20778465270996</t>
  </si>
  <si>
    <t>233.55941772460938</t>
  </si>
  <si>
    <t>0.031245240075874037</t>
  </si>
  <si>
    <t>31415</t>
  </si>
  <si>
    <t>16.001760482788086</t>
  </si>
  <si>
    <t>447.1234436035156</t>
  </si>
  <si>
    <t>0.03195511372684301</t>
  </si>
  <si>
    <t>16.745315551757812</t>
  </si>
  <si>
    <t>224.1075897216797</t>
  </si>
  <si>
    <t>0.03512315123206733</t>
  </si>
  <si>
    <t>33482</t>
  </si>
  <si>
    <t>16.961286544799805</t>
  </si>
  <si>
    <t>340.66851806640625</t>
  </si>
  <si>
    <t>0.028599343906615005</t>
  </si>
  <si>
    <t>33473</t>
  </si>
  <si>
    <t>17.635976791381836</t>
  </si>
  <si>
    <t>307.07391357421875</t>
  </si>
  <si>
    <t>-0.0002688372803891781</t>
  </si>
  <si>
    <t>34569</t>
  </si>
  <si>
    <t>17.716489791870117</t>
  </si>
  <si>
    <t>213.4061279296875</t>
  </si>
  <si>
    <t>0.03221818298678336</t>
  </si>
  <si>
    <t>36450</t>
  </si>
  <si>
    <t>17.68828010559082</t>
  </si>
  <si>
    <t>271.7793884277344</t>
  </si>
  <si>
    <t>0.05298413175468042</t>
  </si>
  <si>
    <t>17.723989486694336</t>
  </si>
  <si>
    <t>347.70404052734375</t>
  </si>
  <si>
    <t>0.054249141044156346</t>
  </si>
  <si>
    <t>17.78859519958496</t>
  </si>
  <si>
    <t>366.34466552734375</t>
  </si>
  <si>
    <t>0.018103421006003373</t>
  </si>
  <si>
    <t>40190</t>
  </si>
  <si>
    <t>17.466760635375977</t>
  </si>
  <si>
    <t>283.52996826171875</t>
  </si>
  <si>
    <t>0.025324187956282884</t>
  </si>
  <si>
    <t>17.863954544067383</t>
  </si>
  <si>
    <t>245.23658752441406</t>
  </si>
  <si>
    <t>0.029614362024489083</t>
  </si>
  <si>
    <t>17.695676803588867</t>
  </si>
  <si>
    <t>134.9138641357422</t>
  </si>
  <si>
    <t>-0.05718683278060688</t>
  </si>
  <si>
    <t>37140</t>
  </si>
  <si>
    <t>17.571863174438477</t>
  </si>
  <si>
    <t>278.171875</t>
  </si>
  <si>
    <t>-0.05135118178043285</t>
  </si>
  <si>
    <t>17.16515350341797</t>
  </si>
  <si>
    <t>348.14874267578125</t>
  </si>
  <si>
    <t>0.03380551403603427</t>
  </si>
  <si>
    <t>39972</t>
  </si>
  <si>
    <t>16.763113021850586</t>
  </si>
  <si>
    <t>281.05621337890625</t>
  </si>
  <si>
    <t>0.03967913903894882</t>
  </si>
  <si>
    <t>17.69186782836914</t>
  </si>
  <si>
    <t>256.1474304199219</t>
  </si>
  <si>
    <t>-0.036664191985822825</t>
  </si>
  <si>
    <t>39867</t>
  </si>
  <si>
    <t>17.998403549194336</t>
  </si>
  <si>
    <t>79.84434509277344</t>
  </si>
  <si>
    <t>0.03403389700376103</t>
  </si>
  <si>
    <t>19.094388961791992</t>
  </si>
  <si>
    <t>236.61935424804688</t>
  </si>
  <si>
    <t>0.045910987631573974</t>
  </si>
  <si>
    <t>18.65390396118164</t>
  </si>
  <si>
    <t>254.4274444580078</t>
  </si>
  <si>
    <t>0.002679683869745375</t>
  </si>
  <si>
    <t>42984</t>
  </si>
  <si>
    <t>18.38102912902832</t>
  </si>
  <si>
    <t>363.07830810546875</t>
  </si>
  <si>
    <t>0.026688367907720334</t>
  </si>
  <si>
    <t>18.812192916870117</t>
  </si>
  <si>
    <t>265.3787536621094</t>
  </si>
  <si>
    <t>0.035267793325459706</t>
  </si>
  <si>
    <t>18.430158615112305</t>
  </si>
  <si>
    <t>276.7741394042969</t>
  </si>
  <si>
    <t>0.00479456042364923</t>
  </si>
  <si>
    <t>46801</t>
  </si>
  <si>
    <t>17.854816436767578</t>
  </si>
  <si>
    <t>324.4325866699219</t>
  </si>
  <si>
    <t>0.04501426304105749</t>
  </si>
  <si>
    <t>42258</t>
  </si>
  <si>
    <t>18.627782821655273</t>
  </si>
  <si>
    <t>218.50999450683594</t>
  </si>
  <si>
    <t>-0.10211088522535938</t>
  </si>
  <si>
    <t>18.35435676574707</t>
  </si>
  <si>
    <t>199.2235565185547</t>
  </si>
  <si>
    <t>0.05635877153203772</t>
  </si>
  <si>
    <t>45410</t>
  </si>
  <si>
    <t>18.259706497192383</t>
  </si>
  <si>
    <t>298.6524963378906</t>
  </si>
  <si>
    <t>0.01557988858649395</t>
  </si>
  <si>
    <t>27371</t>
  </si>
  <si>
    <t>21.669023513793945</t>
  </si>
  <si>
    <t>1114.76123046875</t>
  </si>
  <si>
    <t>155.47433471679688</t>
  </si>
  <si>
    <t>Gainesville, FL</t>
  </si>
  <si>
    <t>21.144498825073242</t>
  </si>
  <si>
    <t>1589.25048828125</t>
  </si>
  <si>
    <t>-0.014388207959212806</t>
  </si>
  <si>
    <t>20.702295303344727</t>
  </si>
  <si>
    <t>1482.1343994140625</t>
  </si>
  <si>
    <t>0.02079778596808879</t>
  </si>
  <si>
    <t>20.252071380615234</t>
  </si>
  <si>
    <t>1253.9747314453125</t>
  </si>
  <si>
    <t>0.01402254290949223</t>
  </si>
  <si>
    <t>21.184825897216797</t>
  </si>
  <si>
    <t>1499.16162109375</t>
  </si>
  <si>
    <t>0.02729448279985114</t>
  </si>
  <si>
    <t>20.66864776611328</t>
  </si>
  <si>
    <t>1288.576171875</t>
  </si>
  <si>
    <t>0.014626563898627154</t>
  </si>
  <si>
    <t>20.310222625732422</t>
  </si>
  <si>
    <t>1300.7955322265625</t>
  </si>
  <si>
    <t>0.025151310532431026</t>
  </si>
  <si>
    <t>20.51291847229004</t>
  </si>
  <si>
    <t>1356.508056640625</t>
  </si>
  <si>
    <t>0.03124018382508531</t>
  </si>
  <si>
    <t>21.57537841796875</t>
  </si>
  <si>
    <t>1347.2149658203125</t>
  </si>
  <si>
    <t>0.03196057807918251</t>
  </si>
  <si>
    <t>20.706802368164062</t>
  </si>
  <si>
    <t>1131.952392578125</t>
  </si>
  <si>
    <t>0.03513574559448607</t>
  </si>
  <si>
    <t>20.249814987182617</t>
  </si>
  <si>
    <t>1077.137939453125</t>
  </si>
  <si>
    <t>0.02862080253435373</t>
  </si>
  <si>
    <t>33908</t>
  </si>
  <si>
    <t>20.7144718170166</t>
  </si>
  <si>
    <t>1337.849609375</t>
  </si>
  <si>
    <t>-0.00029487217504886587</t>
  </si>
  <si>
    <t>20.44175910949707</t>
  </si>
  <si>
    <t>1221.8310546875</t>
  </si>
  <si>
    <t>0.015945101650620686</t>
  </si>
  <si>
    <t>20.5494327545166</t>
  </si>
  <si>
    <t>1482.3831787109375</t>
  </si>
  <si>
    <t>-0.0016267251227048973</t>
  </si>
  <si>
    <t>36516</t>
  </si>
  <si>
    <t>20.809289932250977</t>
  </si>
  <si>
    <t>1437.6309814453125</t>
  </si>
  <si>
    <t>0.059781169428759995</t>
  </si>
  <si>
    <t>20.697690963745117</t>
  </si>
  <si>
    <t>1542.46630859375</t>
  </si>
  <si>
    <t>0.004917236592035579</t>
  </si>
  <si>
    <t>20.797941207885742</t>
  </si>
  <si>
    <t>1011.8820190429688</t>
  </si>
  <si>
    <t>0.03497103262546908</t>
  </si>
  <si>
    <t>39904</t>
  </si>
  <si>
    <t>20.976255416870117</t>
  </si>
  <si>
    <t>1120.84375</t>
  </si>
  <si>
    <t>0.048837779577286966</t>
  </si>
  <si>
    <t>38514</t>
  </si>
  <si>
    <t>20.61370849609375</t>
  </si>
  <si>
    <t>1329.876708984375</t>
  </si>
  <si>
    <t>-0.035454757939930914</t>
  </si>
  <si>
    <t>20.425859451293945</t>
  </si>
  <si>
    <t>1472.7763671875</t>
  </si>
  <si>
    <t>-0.03157282466175815</t>
  </si>
  <si>
    <t>20.159719467163086</t>
  </si>
  <si>
    <t>1177.2454833984375</t>
  </si>
  <si>
    <t>-0.009017679111142485</t>
  </si>
  <si>
    <t>21.544958114624023</t>
  </si>
  <si>
    <t>1230.6387939453125</t>
  </si>
  <si>
    <t>-0.03477654438548683</t>
  </si>
  <si>
    <t>21.72283935546875</t>
  </si>
  <si>
    <t>1355.5133056640625</t>
  </si>
  <si>
    <t>0.009418521989038808</t>
  </si>
  <si>
    <t>20.534597396850586</t>
  </si>
  <si>
    <t>1568.4063720703125</t>
  </si>
  <si>
    <t>0.011087627722382365</t>
  </si>
  <si>
    <t>37488</t>
  </si>
  <si>
    <t>20.882909774780273</t>
  </si>
  <si>
    <t>1510.2386474609375</t>
  </si>
  <si>
    <t>0.02785996865471141</t>
  </si>
  <si>
    <t>38452</t>
  </si>
  <si>
    <t>21.881553649902344</t>
  </si>
  <si>
    <t>1617.2498779296875</t>
  </si>
  <si>
    <t>0.025389828438129314</t>
  </si>
  <si>
    <t>38444</t>
  </si>
  <si>
    <t>22.34490966796875</t>
  </si>
  <si>
    <t>1310.116943359375</t>
  </si>
  <si>
    <t>-0.00020807324253269144</t>
  </si>
  <si>
    <t>21.568145751953125</t>
  </si>
  <si>
    <t>1534.8701171875</t>
  </si>
  <si>
    <t>0.015281660318176904</t>
  </si>
  <si>
    <t>21.854372024536133</t>
  </si>
  <si>
    <t>1585.0296630859375</t>
  </si>
  <si>
    <t>0.02381999145882574</t>
  </si>
  <si>
    <t>22.34503746032715</t>
  </si>
  <si>
    <t>1471.6058349609375</t>
  </si>
  <si>
    <t>0.020524840683517453</t>
  </si>
  <si>
    <t>39847</t>
  </si>
  <si>
    <t>21.940704345703125</t>
  </si>
  <si>
    <t>1446.0211181640625</t>
  </si>
  <si>
    <t>-0.0237820093278458</t>
  </si>
  <si>
    <t>21.29010009765625</t>
  </si>
  <si>
    <t>1524.360107421875</t>
  </si>
  <si>
    <t>0.056377344683991026</t>
  </si>
  <si>
    <t>21.865079879760742</t>
  </si>
  <si>
    <t>1510.95361328125</t>
  </si>
  <si>
    <t>0.015580818383833517</t>
  </si>
  <si>
    <t>4.311366558074951</t>
  </si>
  <si>
    <t>404.9521789550781</t>
  </si>
  <si>
    <t>106.91195678710938</t>
  </si>
  <si>
    <t>Grand Forks, ND-MN</t>
  </si>
  <si>
    <t>5.43549108505249</t>
  </si>
  <si>
    <t>571.9418334960938</t>
  </si>
  <si>
    <t>-0.01439698254575461</t>
  </si>
  <si>
    <t>3.7114477157592773</t>
  </si>
  <si>
    <t>475.7557067871094</t>
  </si>
  <si>
    <t>0.02081214569746237</t>
  </si>
  <si>
    <t>2.5269522666931152</t>
  </si>
  <si>
    <t>552.5209350585938</t>
  </si>
  <si>
    <t>0.01399801838776149</t>
  </si>
  <si>
    <t>4.795325756072998</t>
  </si>
  <si>
    <t>564.5732421875</t>
  </si>
  <si>
    <t>0.027285978560925628</t>
  </si>
  <si>
    <t>3.127767324447632</t>
  </si>
  <si>
    <t>602.2693481445312</t>
  </si>
  <si>
    <t>0.014639086283269265</t>
  </si>
  <si>
    <t>2.2893741130828857</t>
  </si>
  <si>
    <t>515.0792236328125</t>
  </si>
  <si>
    <t>0.02517080222407131</t>
  </si>
  <si>
    <t>31670</t>
  </si>
  <si>
    <t>4.384127616882324</t>
  </si>
  <si>
    <t>495.44696044921875</t>
  </si>
  <si>
    <t>0.03123750760589772</t>
  </si>
  <si>
    <t>5.642449855804443</t>
  </si>
  <si>
    <t>640.8087768554688</t>
  </si>
  <si>
    <t>0.03194405340267181</t>
  </si>
  <si>
    <t>5.569164276123047</t>
  </si>
  <si>
    <t>565.6650390625</t>
  </si>
  <si>
    <t>0.03512717499429918</t>
  </si>
  <si>
    <t>34850</t>
  </si>
  <si>
    <t>4.515750885009766</t>
  </si>
  <si>
    <t>608.0093994140625</t>
  </si>
  <si>
    <t>0.028612048259013534</t>
  </si>
  <si>
    <t>5.103825092315674</t>
  </si>
  <si>
    <t>534.7727661132812</t>
  </si>
  <si>
    <t>-0.0002582829935011688</t>
  </si>
  <si>
    <t>3.987229108810425</t>
  </si>
  <si>
    <t>518.5675659179688</t>
  </si>
  <si>
    <t>0.0797136865745749</t>
  </si>
  <si>
    <t>42344</t>
  </si>
  <si>
    <t>3.9236690998077393</t>
  </si>
  <si>
    <t>475.7773132324219</t>
  </si>
  <si>
    <t>0.11531819376807917</t>
  </si>
  <si>
    <t>4.0788116455078125</t>
  </si>
  <si>
    <t>595.8322143554688</t>
  </si>
  <si>
    <t>-0.09407817877995761</t>
  </si>
  <si>
    <t>39256</t>
  </si>
  <si>
    <t>5.880460262298584</t>
  </si>
  <si>
    <t>633.2012939453125</t>
  </si>
  <si>
    <t>0.018355743011873926</t>
  </si>
  <si>
    <t>5.37643575668335</t>
  </si>
  <si>
    <t>410.6394958496094</t>
  </si>
  <si>
    <t>0.07314496239185786</t>
  </si>
  <si>
    <t>4.4505696296691895</t>
  </si>
  <si>
    <t>572.8856201171875</t>
  </si>
  <si>
    <t>0.06647520262667861</t>
  </si>
  <si>
    <t>49846</t>
  </si>
  <si>
    <t>3.0585076808929443</t>
  </si>
  <si>
    <t>616.2777099609375</t>
  </si>
  <si>
    <t>0.0992137886600819</t>
  </si>
  <si>
    <t>3.734872817993164</t>
  </si>
  <si>
    <t>540.9859619140625</t>
  </si>
  <si>
    <t>-0.08306154377209651</t>
  </si>
  <si>
    <t>48895</t>
  </si>
  <si>
    <t>4.790078163146973</t>
  </si>
  <si>
    <t>696.994384765625</t>
  </si>
  <si>
    <t>0.06379843307011335</t>
  </si>
  <si>
    <t>49929</t>
  </si>
  <si>
    <t>5.185152053833008</t>
  </si>
  <si>
    <t>542.2542114257812</t>
  </si>
  <si>
    <t>0.020926854508461545</t>
  </si>
  <si>
    <t>55784</t>
  </si>
  <si>
    <t>5.817036151885986</t>
  </si>
  <si>
    <t>467.13360595703125</t>
  </si>
  <si>
    <t>0.11088509364600974</t>
  </si>
  <si>
    <t>56055</t>
  </si>
  <si>
    <t>2.876948118209839</t>
  </si>
  <si>
    <t>642.781005859375</t>
  </si>
  <si>
    <t>0.0048462616868469865</t>
  </si>
  <si>
    <t>54435</t>
  </si>
  <si>
    <t>3.4704198837280273</t>
  </si>
  <si>
    <t>583.50634765625</t>
  </si>
  <si>
    <t>-0.029326022272412544</t>
  </si>
  <si>
    <t>57359</t>
  </si>
  <si>
    <t>5.510905742645264</t>
  </si>
  <si>
    <t>557.2013549804688</t>
  </si>
  <si>
    <t>0.05232243305450801</t>
  </si>
  <si>
    <t>60235</t>
  </si>
  <si>
    <t>6.0882649421691895</t>
  </si>
  <si>
    <t>660.276123046875</t>
  </si>
  <si>
    <t>0.048923816331164716</t>
  </si>
  <si>
    <t>61383</t>
  </si>
  <si>
    <t>4.796282768249512</t>
  </si>
  <si>
    <t>447.6413269042969</t>
  </si>
  <si>
    <t>0.018879345133715475</t>
  </si>
  <si>
    <t>62764</t>
  </si>
  <si>
    <t>3.7044460773468018</t>
  </si>
  <si>
    <t>546.6162109375</t>
  </si>
  <si>
    <t>0.02224873684428985</t>
  </si>
  <si>
    <t>3.6491386890411377</t>
  </si>
  <si>
    <t>728.2509765625</t>
  </si>
  <si>
    <t>-0.015640121623933467</t>
  </si>
  <si>
    <t>61414</t>
  </si>
  <si>
    <t>5.328939914703369</t>
  </si>
  <si>
    <t>470.76715087890625</t>
  </si>
  <si>
    <t>-0.006103716881495913</t>
  </si>
  <si>
    <t>64975</t>
  </si>
  <si>
    <t>5.4938883781433105</t>
  </si>
  <si>
    <t>494.6919860839844</t>
  </si>
  <si>
    <t>0.05636475833616217</t>
  </si>
  <si>
    <t>65996</t>
  </si>
  <si>
    <t>4.25244140625</t>
  </si>
  <si>
    <t>565.881103515625</t>
  </si>
  <si>
    <t>0.015591553601643326</t>
  </si>
  <si>
    <t>35262</t>
  </si>
  <si>
    <t>9.473785400390625</t>
  </si>
  <si>
    <t>1100.0343017578125</t>
  </si>
  <si>
    <t>1005.157958984375</t>
  </si>
  <si>
    <t>Grand Rapids-Muskegon-Holland, MI</t>
  </si>
  <si>
    <t>10.333273887634277</t>
  </si>
  <si>
    <t>958.96435546875</t>
  </si>
  <si>
    <t>-0.014396135516026476</t>
  </si>
  <si>
    <t>8.578168869018555</t>
  </si>
  <si>
    <t>1009.9287109375</t>
  </si>
  <si>
    <t>0.02081302796763218</t>
  </si>
  <si>
    <t>8.016098976135254</t>
  </si>
  <si>
    <t>964.2332763671875</t>
  </si>
  <si>
    <t>0.014018332780764808</t>
  </si>
  <si>
    <t>9.351371765136719</t>
  </si>
  <si>
    <t>891.7019653320312</t>
  </si>
  <si>
    <t>0.027298340571745072</t>
  </si>
  <si>
    <t>8.763442993164062</t>
  </si>
  <si>
    <t>773.257080078125</t>
  </si>
  <si>
    <t>0.014627795479650985</t>
  </si>
  <si>
    <t>38487</t>
  </si>
  <si>
    <t>8.225101470947266</t>
  </si>
  <si>
    <t>908.677734375</t>
  </si>
  <si>
    <t>0.02515326379297811</t>
  </si>
  <si>
    <t>39708</t>
  </si>
  <si>
    <t>8.728525161743164</t>
  </si>
  <si>
    <t>868.1946411132812</t>
  </si>
  <si>
    <t>0.031232156792162513</t>
  </si>
  <si>
    <t>10.516745567321777</t>
  </si>
  <si>
    <t>875.5845336914062</t>
  </si>
  <si>
    <t>0.031970606299219995</t>
  </si>
  <si>
    <t>42463</t>
  </si>
  <si>
    <t>9.870739936828613</t>
  </si>
  <si>
    <t>787.6895141601562</t>
  </si>
  <si>
    <t>0.035109823486353164</t>
  </si>
  <si>
    <t>43696</t>
  </si>
  <si>
    <t>9.10110092163086</t>
  </si>
  <si>
    <t>945.9718627929688</t>
  </si>
  <si>
    <t>0.028623456218300092</t>
  </si>
  <si>
    <t>10.227751731872559</t>
  </si>
  <si>
    <t>1017.7503051757812</t>
  </si>
  <si>
    <t>-0.00027466239586715346</t>
  </si>
  <si>
    <t>9.288531303405762</t>
  </si>
  <si>
    <t>769.3422241210938</t>
  </si>
  <si>
    <t>0.024310639482441943</t>
  </si>
  <si>
    <t>8.67045783996582</t>
  </si>
  <si>
    <t>857.4891357421875</t>
  </si>
  <si>
    <t>0.006347248016854934</t>
  </si>
  <si>
    <t>9.356352806091309</t>
  </si>
  <si>
    <t>971.809326171875</t>
  </si>
  <si>
    <t>0.0061969036835414215</t>
  </si>
  <si>
    <t>10.173271179199219</t>
  </si>
  <si>
    <t>782.2754516601562</t>
  </si>
  <si>
    <t>0.0009703171934063448</t>
  </si>
  <si>
    <t>44955</t>
  </si>
  <si>
    <t>9.797733306884766</t>
  </si>
  <si>
    <t>1062.6578369140625</t>
  </si>
  <si>
    <t>-0.009145021274990839</t>
  </si>
  <si>
    <t>44892</t>
  </si>
  <si>
    <t>9.59839153289795</t>
  </si>
  <si>
    <t>932.4033203125</t>
  </si>
  <si>
    <t>-0.001402384282725322</t>
  </si>
  <si>
    <t>43341</t>
  </si>
  <si>
    <t>8.247699737548828</t>
  </si>
  <si>
    <t>1037.949462890625</t>
  </si>
  <si>
    <t>-0.03516053593865642</t>
  </si>
  <si>
    <t>8.977300643920898</t>
  </si>
  <si>
    <t>1023.348388671875</t>
  </si>
  <si>
    <t>-0.030382380254245334</t>
  </si>
  <si>
    <t>10.047616958618164</t>
  </si>
  <si>
    <t>850.8623046875</t>
  </si>
  <si>
    <t>0.02726268553367639</t>
  </si>
  <si>
    <t>43380</t>
  </si>
  <si>
    <t>10.149667739868164</t>
  </si>
  <si>
    <t>1149.4852294921875</t>
  </si>
  <si>
    <t>0.0040191309039432355</t>
  </si>
  <si>
    <t>44011</t>
  </si>
  <si>
    <t>11.0097074508667</t>
  </si>
  <si>
    <t>841.4259643554688</t>
  </si>
  <si>
    <t>0.014441097274740855</t>
  </si>
  <si>
    <t>44615</t>
  </si>
  <si>
    <t>8.45922565460205</t>
  </si>
  <si>
    <t>1039.0352783203125</t>
  </si>
  <si>
    <t>0.013630522678646173</t>
  </si>
  <si>
    <t>8.118097305297852</t>
  </si>
  <si>
    <t>963.154541015625</t>
  </si>
  <si>
    <t>0.010235458244359563</t>
  </si>
  <si>
    <t>9.752532005310059</t>
  </si>
  <si>
    <t>942.957275390625</t>
  </si>
  <si>
    <t>0.04543131355977437</t>
  </si>
  <si>
    <t>10.838395118713379</t>
  </si>
  <si>
    <t>1025.0775146484375</t>
  </si>
  <si>
    <t>0.020563472440235486</t>
  </si>
  <si>
    <t>48476</t>
  </si>
  <si>
    <t>9.98125171661377</t>
  </si>
  <si>
    <t>933.208984375</t>
  </si>
  <si>
    <t>0.006768460509755769</t>
  </si>
  <si>
    <t>49163</t>
  </si>
  <si>
    <t>9.588391304016113</t>
  </si>
  <si>
    <t>1160.6575927734375</t>
  </si>
  <si>
    <t>0.014072477953389395</t>
  </si>
  <si>
    <t>9.805316925048828</t>
  </si>
  <si>
    <t>1218.3798828125</t>
  </si>
  <si>
    <t>0.006649526802267047</t>
  </si>
  <si>
    <t>47990</t>
  </si>
  <si>
    <t>10.324755668640137</t>
  </si>
  <si>
    <t>965.7705688476562</t>
  </si>
  <si>
    <t>-0.030798178991743086</t>
  </si>
  <si>
    <t>10.41055965423584</t>
  </si>
  <si>
    <t>918.943115234375</t>
  </si>
  <si>
    <t>0.05637206135719097</t>
  </si>
  <si>
    <t>51571</t>
  </si>
  <si>
    <t>10.403302192687988</t>
  </si>
  <si>
    <t>910.5494995117188</t>
  </si>
  <si>
    <t>0.015594781766385069</t>
  </si>
  <si>
    <t>6.152407169342041</t>
  </si>
  <si>
    <t>291.9756164550781</t>
  </si>
  <si>
    <t>71.6222152709961</t>
  </si>
  <si>
    <t>Great Falls, MT</t>
  </si>
  <si>
    <t>7.60189962387085</t>
  </si>
  <si>
    <t>374.4091491699219</t>
  </si>
  <si>
    <t>-0.01439815449034576</t>
  </si>
  <si>
    <t>6.360797882080078</t>
  </si>
  <si>
    <t>363.0160827636719</t>
  </si>
  <si>
    <t>0.020834511642300768</t>
  </si>
  <si>
    <t>5.655614376068115</t>
  </si>
  <si>
    <t>518.3379516601562</t>
  </si>
  <si>
    <t>0.01398400029222202</t>
  </si>
  <si>
    <t>25828</t>
  </si>
  <si>
    <t>6.98344087600708</t>
  </si>
  <si>
    <t>276.72821044921875</t>
  </si>
  <si>
    <t>0.02731724022352111</t>
  </si>
  <si>
    <t>5.53582239151001</t>
  </si>
  <si>
    <t>440.41729736328125</t>
  </si>
  <si>
    <t>0.014605532906438512</t>
  </si>
  <si>
    <t>4.767099857330322</t>
  </si>
  <si>
    <t>315.0237121582031</t>
  </si>
  <si>
    <t>0.025168987387244712</t>
  </si>
  <si>
    <t>27729</t>
  </si>
  <si>
    <t>6.278677463531494</t>
  </si>
  <si>
    <t>378.34234619140625</t>
  </si>
  <si>
    <t>0.03124510189284635</t>
  </si>
  <si>
    <t>28629</t>
  </si>
  <si>
    <t>7.311646938323975</t>
  </si>
  <si>
    <t>401.23876953125</t>
  </si>
  <si>
    <t>0.03194139315247568</t>
  </si>
  <si>
    <t>29653</t>
  </si>
  <si>
    <t>7.118122100830078</t>
  </si>
  <si>
    <t>320.2688293457031</t>
  </si>
  <si>
    <t>0.035143110660561305</t>
  </si>
  <si>
    <t>6.124147415161133</t>
  </si>
  <si>
    <t>269.4552917480469</t>
  </si>
  <si>
    <t>0.028622293927222486</t>
  </si>
  <si>
    <t>30505</t>
  </si>
  <si>
    <t>6.7765583992004395</t>
  </si>
  <si>
    <t>273.40582275390625</t>
  </si>
  <si>
    <t>-0.0002949900871946909</t>
  </si>
  <si>
    <t>32577</t>
  </si>
  <si>
    <t>5.803375720977783</t>
  </si>
  <si>
    <t>384.94390869140625</t>
  </si>
  <si>
    <t>0.0657159132990568</t>
  </si>
  <si>
    <t>6.217264652252197</t>
  </si>
  <si>
    <t>311.2744140625</t>
  </si>
  <si>
    <t>0.05057627402922904</t>
  </si>
  <si>
    <t>6.671596050262451</t>
  </si>
  <si>
    <t>341.11590576171875</t>
  </si>
  <si>
    <t>0.056339344564966254</t>
  </si>
  <si>
    <t>7.3325886726379395</t>
  </si>
  <si>
    <t>390.8983154296875</t>
  </si>
  <si>
    <t>0.05328149672577709</t>
  </si>
  <si>
    <t>39695</t>
  </si>
  <si>
    <t>7.056066513061523</t>
  </si>
  <si>
    <t>356.292236328125</t>
  </si>
  <si>
    <t>0.037421601954232386</t>
  </si>
  <si>
    <t>40915</t>
  </si>
  <si>
    <t>6.892916202545166</t>
  </si>
  <si>
    <t>326.8172302246094</t>
  </si>
  <si>
    <t>0.0302715088022687</t>
  </si>
  <si>
    <t>42375</t>
  </si>
  <si>
    <t>6.115285873413086</t>
  </si>
  <si>
    <t>366.2835693359375</t>
  </si>
  <si>
    <t>0.035061821721267705</t>
  </si>
  <si>
    <t>5.6343817710876465</t>
  </si>
  <si>
    <t>327.86187744140625</t>
  </si>
  <si>
    <t>-0.035135147151782675</t>
  </si>
  <si>
    <t>42033</t>
  </si>
  <si>
    <t>5.848461151123047</t>
  </si>
  <si>
    <t>426.71728515625</t>
  </si>
  <si>
    <t>0.027031605508373246</t>
  </si>
  <si>
    <t>44929</t>
  </si>
  <si>
    <t>6.070244312286377</t>
  </si>
  <si>
    <t>392.2058410644531</t>
  </si>
  <si>
    <t>0.06662844193319728</t>
  </si>
  <si>
    <t>43891</t>
  </si>
  <si>
    <t>7.236383438110352</t>
  </si>
  <si>
    <t>347.8573303222656</t>
  </si>
  <si>
    <t>-0.023374178316505123</t>
  </si>
  <si>
    <t>43382</t>
  </si>
  <si>
    <t>6.4431986808776855</t>
  </si>
  <si>
    <t>392.132568359375</t>
  </si>
  <si>
    <t>-0.011664679142452172</t>
  </si>
  <si>
    <t>42537</t>
  </si>
  <si>
    <t>5.927553653717041</t>
  </si>
  <si>
    <t>404.23486328125</t>
  </si>
  <si>
    <t>-0.01967032310791339</t>
  </si>
  <si>
    <t>42935</t>
  </si>
  <si>
    <t>7.497516632080078</t>
  </si>
  <si>
    <t>306.9054260253906</t>
  </si>
  <si>
    <t>0.009313058700916699</t>
  </si>
  <si>
    <t>7.153477191925049</t>
  </si>
  <si>
    <t>397.47235107421875</t>
  </si>
  <si>
    <t>-0.032356703636258644</t>
  </si>
  <si>
    <t>6.772075653076172</t>
  </si>
  <si>
    <t>326.9091491699219</t>
  </si>
  <si>
    <t>0.012384503328242147</t>
  </si>
  <si>
    <t>5.72888708114624</t>
  </si>
  <si>
    <t>367.8870849609375</t>
  </si>
  <si>
    <t>0.09020803952844147</t>
  </si>
  <si>
    <t>47487</t>
  </si>
  <si>
    <t>5.00410795211792</t>
  </si>
  <si>
    <t>394.50177001953125</t>
  </si>
  <si>
    <t>0.030532806026839054</t>
  </si>
  <si>
    <t>41992</t>
  </si>
  <si>
    <t>6.922025680541992</t>
  </si>
  <si>
    <t>343.0901184082031</t>
  </si>
  <si>
    <t>-0.12297686542171249</t>
  </si>
  <si>
    <t>6.956544876098633</t>
  </si>
  <si>
    <t>277.51226806640625</t>
  </si>
  <si>
    <t>0.056368268773477226</t>
  </si>
  <si>
    <t>6.167194843292236</t>
  </si>
  <si>
    <t>343.90234375</t>
  </si>
  <si>
    <t>0.015589023929569734</t>
  </si>
  <si>
    <t>38241</t>
  </si>
  <si>
    <t>15.45346736907959</t>
  </si>
  <si>
    <t>1243.5560302734375</t>
  </si>
  <si>
    <t>768.3666381835938</t>
  </si>
  <si>
    <t>Greensboro--Winston-Salem--High Point, NC</t>
  </si>
  <si>
    <t>37695</t>
  </si>
  <si>
    <t>15.406510353088379</t>
  </si>
  <si>
    <t>1056.6412353515625</t>
  </si>
  <si>
    <t>-0.014380778805229255</t>
  </si>
  <si>
    <t>14.116874694824219</t>
  </si>
  <si>
    <t>1224.5419921875</t>
  </si>
  <si>
    <t>0.0208190447334875</t>
  </si>
  <si>
    <t>39031</t>
  </si>
  <si>
    <t>13.987257957458496</t>
  </si>
  <si>
    <t>1155.89599609375</t>
  </si>
  <si>
    <t>0.014009697784086228</t>
  </si>
  <si>
    <t>40111</t>
  </si>
  <si>
    <t>14.784356117248535</t>
  </si>
  <si>
    <t>1145.504150390625</t>
  </si>
  <si>
    <t>0.027294408728483432</t>
  </si>
  <si>
    <t>40702</t>
  </si>
  <si>
    <t>14.083232879638672</t>
  </si>
  <si>
    <t>1216.7413330078125</t>
  </si>
  <si>
    <t>0.014626620380635558</t>
  </si>
  <si>
    <t>41739</t>
  </si>
  <si>
    <t>13.853791236877441</t>
  </si>
  <si>
    <t>1288.5177001953125</t>
  </si>
  <si>
    <t>0.025158712237491443</t>
  </si>
  <si>
    <t>13.960003852844238</t>
  </si>
  <si>
    <t>1167.486328125</t>
  </si>
  <si>
    <t>0.03122821620910088</t>
  </si>
  <si>
    <t>44461</t>
  </si>
  <si>
    <t>15.324645042419434</t>
  </si>
  <si>
    <t>1133.6368408203125</t>
  </si>
  <si>
    <t>0.031948240673912665</t>
  </si>
  <si>
    <t>14.517078399658203</t>
  </si>
  <si>
    <t>985.5775146484375</t>
  </si>
  <si>
    <t>0.035137077581277154</t>
  </si>
  <si>
    <t>47388</t>
  </si>
  <si>
    <t>14.023422241210938</t>
  </si>
  <si>
    <t>938.7022705078125</t>
  </si>
  <si>
    <t>0.028619554100373534</t>
  </si>
  <si>
    <t>14.87726879119873</t>
  </si>
  <si>
    <t>913.3698120117188</t>
  </si>
  <si>
    <t>-0.00027436868992225527</t>
  </si>
  <si>
    <t>47699</t>
  </si>
  <si>
    <t>14.46146011352539</t>
  </si>
  <si>
    <t>1036.7103271484375</t>
  </si>
  <si>
    <t>0.006815769911362679</t>
  </si>
  <si>
    <t>47183</t>
  </si>
  <si>
    <t>14.086051940917969</t>
  </si>
  <si>
    <t>1555.575439453125</t>
  </si>
  <si>
    <t>-0.01087677509057805</t>
  </si>
  <si>
    <t>14.840617179870605</t>
  </si>
  <si>
    <t>1182.312744140625</t>
  </si>
  <si>
    <t>-0.0018455864974153968</t>
  </si>
  <si>
    <t>47003</t>
  </si>
  <si>
    <t>14.859391212463379</t>
  </si>
  <si>
    <t>1039.088623046875</t>
  </si>
  <si>
    <t>-0.001976642265701045</t>
  </si>
  <si>
    <t>47967</t>
  </si>
  <si>
    <t>14.814270973205566</t>
  </si>
  <si>
    <t>1154.2454833984375</t>
  </si>
  <si>
    <t>0.020301845011134745</t>
  </si>
  <si>
    <t>15.24377155303955</t>
  </si>
  <si>
    <t>833.4970092773438</t>
  </si>
  <si>
    <t>-0.029664088497773022</t>
  </si>
  <si>
    <t>46973</t>
  </si>
  <si>
    <t>14.516053199768066</t>
  </si>
  <si>
    <t>1089.6715087890625</t>
  </si>
  <si>
    <t>0.00872378258132045</t>
  </si>
  <si>
    <t>47204</t>
  </si>
  <si>
    <t>14.368767738342285</t>
  </si>
  <si>
    <t>1332.9532470703125</t>
  </si>
  <si>
    <t>0.0049056662085611435</t>
  </si>
  <si>
    <t>47112</t>
  </si>
  <si>
    <t>14.6691312789917</t>
  </si>
  <si>
    <t>989.4067993164062</t>
  </si>
  <si>
    <t>-0.0019508891212325352</t>
  </si>
  <si>
    <t>46132</t>
  </si>
  <si>
    <t>15.73049545288086</t>
  </si>
  <si>
    <t>1103.765380859375</t>
  </si>
  <si>
    <t>-0.021020893278578257</t>
  </si>
  <si>
    <t>15.77646541595459</t>
  </si>
  <si>
    <t>1037.7733154296875</t>
  </si>
  <si>
    <t>-0.016082856924798605</t>
  </si>
  <si>
    <t>46134</t>
  </si>
  <si>
    <t>13.896331787109375</t>
  </si>
  <si>
    <t>1332.41943359375</t>
  </si>
  <si>
    <t>0.01612620983920543</t>
  </si>
  <si>
    <t>46458</t>
  </si>
  <si>
    <t>14.336227416992188</t>
  </si>
  <si>
    <t>1233.0283203125</t>
  </si>
  <si>
    <t>0.0069984733545425115</t>
  </si>
  <si>
    <t>47722</t>
  </si>
  <si>
    <t>15.251239776611328</t>
  </si>
  <si>
    <t>1304.4019775390625</t>
  </si>
  <si>
    <t>0.026843828867193054</t>
  </si>
  <si>
    <t>47636</t>
  </si>
  <si>
    <t>16.196229934692383</t>
  </si>
  <si>
    <t>1107.00439453125</t>
  </si>
  <si>
    <t>-0.0018037295940835918</t>
  </si>
  <si>
    <t>47374</t>
  </si>
  <si>
    <t>15.336565971374512</t>
  </si>
  <si>
    <t>1104.4632568359375</t>
  </si>
  <si>
    <t>-0.005515222905360773</t>
  </si>
  <si>
    <t>15.521864891052246</t>
  </si>
  <si>
    <t>1613.8455810546875</t>
  </si>
  <si>
    <t>-0.00120391604027148</t>
  </si>
  <si>
    <t>48315</t>
  </si>
  <si>
    <t>16.06125259399414</t>
  </si>
  <si>
    <t>1217.6544189453125</t>
  </si>
  <si>
    <t>0.02087243249115467</t>
  </si>
  <si>
    <t>45573</t>
  </si>
  <si>
    <t>15.47765064239502</t>
  </si>
  <si>
    <t>1552.6744384765625</t>
  </si>
  <si>
    <t>-0.058426635557637496</t>
  </si>
  <si>
    <t>48216</t>
  </si>
  <si>
    <t>15.298965454101562</t>
  </si>
  <si>
    <t>1095.446533203125</t>
  </si>
  <si>
    <t>0.05637548028710704</t>
  </si>
  <si>
    <t>15.729167938232422</t>
  </si>
  <si>
    <t>1165.496826171875</t>
  </si>
  <si>
    <t>0.01559862886049146</t>
  </si>
  <si>
    <t>17.83677101135254</t>
  </si>
  <si>
    <t>1184.6483154296875</t>
  </si>
  <si>
    <t>313.2610778808594</t>
  </si>
  <si>
    <t>Greenville, NC</t>
  </si>
  <si>
    <t>29253</t>
  </si>
  <si>
    <t>17.588212966918945</t>
  </si>
  <si>
    <t>1285.795166015625</t>
  </si>
  <si>
    <t>-0.014390202502230665</t>
  </si>
  <si>
    <t>16.518936157226562</t>
  </si>
  <si>
    <t>1377.2401123046875</t>
  </si>
  <si>
    <t>0.02080554065236484</t>
  </si>
  <si>
    <t>30290</t>
  </si>
  <si>
    <t>16.362558364868164</t>
  </si>
  <si>
    <t>1169.8863525390625</t>
  </si>
  <si>
    <t>0.014029951865689227</t>
  </si>
  <si>
    <t>31128</t>
  </si>
  <si>
    <t>17.146093368530273</t>
  </si>
  <si>
    <t>1275.0985107421875</t>
  </si>
  <si>
    <t>0.027290110643107823</t>
  </si>
  <si>
    <t>31587</t>
  </si>
  <si>
    <t>16.374927520751953</t>
  </si>
  <si>
    <t>1361.796630859375</t>
  </si>
  <si>
    <t>0.014637907860478805</t>
  </si>
  <si>
    <t>16.264833450317383</t>
  </si>
  <si>
    <t>1493.490478515625</t>
  </si>
  <si>
    <t>0.025134962890380308</t>
  </si>
  <si>
    <t>16.26395034790039</t>
  </si>
  <si>
    <t>1315.9361572265625</t>
  </si>
  <si>
    <t>0.031243994084183768</t>
  </si>
  <si>
    <t>17.488718032836914</t>
  </si>
  <si>
    <t>1442.8143310546875</t>
  </si>
  <si>
    <t>0.03195065882824544</t>
  </si>
  <si>
    <t>35738</t>
  </si>
  <si>
    <t>16.695398330688477</t>
  </si>
  <si>
    <t>1339.1822509765625</t>
  </si>
  <si>
    <t>0.03513928911092812</t>
  </si>
  <si>
    <t>16.302167892456055</t>
  </si>
  <si>
    <t>1215.403564453125</t>
  </si>
  <si>
    <t>0.028603718031032344</t>
  </si>
  <si>
    <t>17.16912269592285</t>
  </si>
  <si>
    <t>1131.66015625</t>
  </si>
  <si>
    <t>-0.00027196083931713133</t>
  </si>
  <si>
    <t>16.92116355895996</t>
  </si>
  <si>
    <t>1210.9049072265625</t>
  </si>
  <si>
    <t>-0.011379612363441538</t>
  </si>
  <si>
    <t>16.467966079711914</t>
  </si>
  <si>
    <t>1644.310302734375</t>
  </si>
  <si>
    <t>0.015099056834946722</t>
  </si>
  <si>
    <t>17.22838592529297</t>
  </si>
  <si>
    <t>1268.7110595703125</t>
  </si>
  <si>
    <t>0.01107604127835593</t>
  </si>
  <si>
    <t>17.17045021057129</t>
  </si>
  <si>
    <t>1289.8629150390625</t>
  </si>
  <si>
    <t>0.04821187600113852</t>
  </si>
  <si>
    <t>39995</t>
  </si>
  <si>
    <t>17.21272087097168</t>
  </si>
  <si>
    <t>1470.233642578125</t>
  </si>
  <si>
    <t>0.021200778901601325</t>
  </si>
  <si>
    <t>17.527318954467773</t>
  </si>
  <si>
    <t>936.4339599609375</t>
  </si>
  <si>
    <t>0.033463067423660675</t>
  </si>
  <si>
    <t>41863</t>
  </si>
  <si>
    <t>16.936843872070312</t>
  </si>
  <si>
    <t>1318.3218994140625</t>
  </si>
  <si>
    <t>0.012184868188388265</t>
  </si>
  <si>
    <t>16.759611129760742</t>
  </si>
  <si>
    <t>1321.896240234375</t>
  </si>
  <si>
    <t>0.01721710202228799</t>
  </si>
  <si>
    <t>42602</t>
  </si>
  <si>
    <t>16.81715202331543</t>
  </si>
  <si>
    <t>1183.6077880859375</t>
  </si>
  <si>
    <t>0.000281716594969339</t>
  </si>
  <si>
    <t>42924</t>
  </si>
  <si>
    <t>18.229196548461914</t>
  </si>
  <si>
    <t>1219.8011474609375</t>
  </si>
  <si>
    <t>0.007529909534788715</t>
  </si>
  <si>
    <t>42013</t>
  </si>
  <si>
    <t>18.088937759399414</t>
  </si>
  <si>
    <t>1263.9932861328125</t>
  </si>
  <si>
    <t>-0.021452015864600327</t>
  </si>
  <si>
    <t>16.49201774597168</t>
  </si>
  <si>
    <t>1342.466796875</t>
  </si>
  <si>
    <t>0.024870822613385357</t>
  </si>
  <si>
    <t>43788</t>
  </si>
  <si>
    <t>16.752111434936523</t>
  </si>
  <si>
    <t>1446.3673095703125</t>
  </si>
  <si>
    <t>0.01650989042864559</t>
  </si>
  <si>
    <t>17.569133758544922</t>
  </si>
  <si>
    <t>1493.580078125</t>
  </si>
  <si>
    <t>0.030497573424527857</t>
  </si>
  <si>
    <t>46185</t>
  </si>
  <si>
    <t>18.28375816345215</t>
  </si>
  <si>
    <t>1597.237060546875</t>
  </si>
  <si>
    <t>0.022797689377734187</t>
  </si>
  <si>
    <t>17.654279708862305</t>
  </si>
  <si>
    <t>1366.6875</t>
  </si>
  <si>
    <t>-0.010053616472751159</t>
  </si>
  <si>
    <t>45592</t>
  </si>
  <si>
    <t>17.91385269165039</t>
  </si>
  <si>
    <t>1759.5455322265625</t>
  </si>
  <si>
    <t>-0.00286919103912453</t>
  </si>
  <si>
    <t>46194</t>
  </si>
  <si>
    <t>18.5306453704834</t>
  </si>
  <si>
    <t>1365.6458740234375</t>
  </si>
  <si>
    <t>0.013117656991269655</t>
  </si>
  <si>
    <t>43867</t>
  </si>
  <si>
    <t>18.092668533325195</t>
  </si>
  <si>
    <t>1732.843505859375</t>
  </si>
  <si>
    <t>-0.051687590545537176</t>
  </si>
  <si>
    <t>46411</t>
  </si>
  <si>
    <t>17.74410629272461</t>
  </si>
  <si>
    <t>1353.7835693359375</t>
  </si>
  <si>
    <t>0.056374171122890004</t>
  </si>
  <si>
    <t>47140</t>
  </si>
  <si>
    <t>18.117340087890625</t>
  </si>
  <si>
    <t>1127.938232421875</t>
  </si>
  <si>
    <t>0.015585397406665535</t>
  </si>
  <si>
    <t>16.90787696838379</t>
  </si>
  <si>
    <t>1345.5445556640625</t>
  </si>
  <si>
    <t>522.2188110351562</t>
  </si>
  <si>
    <t>Greenville-Spartanburg-Anderson, SC</t>
  </si>
  <si>
    <t>34856</t>
  </si>
  <si>
    <t>16.625490188598633</t>
  </si>
  <si>
    <t>1222.670166015625</t>
  </si>
  <si>
    <t>-0.014384229097400336</t>
  </si>
  <si>
    <t>15.603955268859863</t>
  </si>
  <si>
    <t>1576.84033203125</t>
  </si>
  <si>
    <t>0.02081131253193469</t>
  </si>
  <si>
    <t>36091</t>
  </si>
  <si>
    <t>15.508221626281738</t>
  </si>
  <si>
    <t>1072.1600341796875</t>
  </si>
  <si>
    <t>0.014006925430258832</t>
  </si>
  <si>
    <t>16.254026412963867</t>
  </si>
  <si>
    <t>1427.236083984375</t>
  </si>
  <si>
    <t>0.02730386472416413</t>
  </si>
  <si>
    <t>15.723471641540527</t>
  </si>
  <si>
    <t>1367.78076171875</t>
  </si>
  <si>
    <t>0.014613647643020755</t>
  </si>
  <si>
    <t>15.5267972946167</t>
  </si>
  <si>
    <t>1264.118896484375</t>
  </si>
  <si>
    <t>0.025161695257297723</t>
  </si>
  <si>
    <t>39820</t>
  </si>
  <si>
    <t>15.455997467041016</t>
  </si>
  <si>
    <t>1429.09521484375</t>
  </si>
  <si>
    <t>0.031246564234233887</t>
  </si>
  <si>
    <t>16.876699447631836</t>
  </si>
  <si>
    <t>1312.56396484375</t>
  </si>
  <si>
    <t>0.03195507455646229</t>
  </si>
  <si>
    <t>16.025070190429688</t>
  </si>
  <si>
    <t>1036.4189453125</t>
  </si>
  <si>
    <t>0.03513073940390399</t>
  </si>
  <si>
    <t>43819</t>
  </si>
  <si>
    <t>15.59706974029541</t>
  </si>
  <si>
    <t>950.5940551757812</t>
  </si>
  <si>
    <t>0.028612400680659178</t>
  </si>
  <si>
    <t>43807</t>
  </si>
  <si>
    <t>16.256315231323242</t>
  </si>
  <si>
    <t>1052.874755859375</t>
  </si>
  <si>
    <t>-0.00027389131250998844</t>
  </si>
  <si>
    <t>44702</t>
  </si>
  <si>
    <t>15.900279998779297</t>
  </si>
  <si>
    <t>1195.220458984375</t>
  </si>
  <si>
    <t>0.020224621383336583</t>
  </si>
  <si>
    <t>45202</t>
  </si>
  <si>
    <t>15.73095703125</t>
  </si>
  <si>
    <t>1500.12451171875</t>
  </si>
  <si>
    <t>0.011123090298989169</t>
  </si>
  <si>
    <t>16.307693481445312</t>
  </si>
  <si>
    <t>1190.3455810546875</t>
  </si>
  <si>
    <t>-0.05963925505384715</t>
  </si>
  <si>
    <t>16.172882080078125</t>
  </si>
  <si>
    <t>1340.813720703125</t>
  </si>
  <si>
    <t>-0.009579611741898475</t>
  </si>
  <si>
    <t>16.126697540283203</t>
  </si>
  <si>
    <t>1123.784912109375</t>
  </si>
  <si>
    <t>0.0013267943283139516</t>
  </si>
  <si>
    <t>42461</t>
  </si>
  <si>
    <t>16.510597229003906</t>
  </si>
  <si>
    <t>802.4752197265625</t>
  </si>
  <si>
    <t>0.005336746396270797</t>
  </si>
  <si>
    <t>41861</t>
  </si>
  <si>
    <t>15.910872459411621</t>
  </si>
  <si>
    <t>1060.9256591796875</t>
  </si>
  <si>
    <t>-0.014231401688894252</t>
  </si>
  <si>
    <t>15.703225135803223</t>
  </si>
  <si>
    <t>1567.9571533203125</t>
  </si>
  <si>
    <t>-0.03706065317188312</t>
  </si>
  <si>
    <t>15.926726341247559</t>
  </si>
  <si>
    <t>999.0489501953125</t>
  </si>
  <si>
    <t>0.019589697808580553</t>
  </si>
  <si>
    <t>17.101089477539062</t>
  </si>
  <si>
    <t>1207.52490234375</t>
  </si>
  <si>
    <t>0.01606053475250313</t>
  </si>
  <si>
    <t>17.21034812927246</t>
  </si>
  <si>
    <t>1108.5704345703125</t>
  </si>
  <si>
    <t>42790</t>
  </si>
  <si>
    <t>15.320557594299316</t>
  </si>
  <si>
    <t>1661.3656005859375</t>
  </si>
  <si>
    <t>0.023360245152687753</t>
  </si>
  <si>
    <t>15.965858459472656</t>
  </si>
  <si>
    <t>1270.620849609375</t>
  </si>
  <si>
    <t>0.018339790646004772</t>
  </si>
  <si>
    <t>45533</t>
  </si>
  <si>
    <t>16.922685623168945</t>
  </si>
  <si>
    <t>1530.46142578125</t>
  </si>
  <si>
    <t>0.0437931167228367</t>
  </si>
  <si>
    <t>17.848365783691406</t>
  </si>
  <si>
    <t>1013.888916015625</t>
  </si>
  <si>
    <t>0.023913994381260295</t>
  </si>
  <si>
    <t>47276</t>
  </si>
  <si>
    <t>16.81102180480957</t>
  </si>
  <si>
    <t>1319.15625</t>
  </si>
  <si>
    <t>0.01365143497116783</t>
  </si>
  <si>
    <t>48051</t>
  </si>
  <si>
    <t>17.178407669067383</t>
  </si>
  <si>
    <t>1773.9366455078125</t>
  </si>
  <si>
    <t>0.016260179704273625</t>
  </si>
  <si>
    <t>48939</t>
  </si>
  <si>
    <t>17.64377784729004</t>
  </si>
  <si>
    <t>1384.059326171875</t>
  </si>
  <si>
    <t>0.018311677768005907</t>
  </si>
  <si>
    <t>46995</t>
  </si>
  <si>
    <t>16.99811363220215</t>
  </si>
  <si>
    <t>1712.76171875</t>
  </si>
  <si>
    <t>-0.04053341155001</t>
  </si>
  <si>
    <t>49720</t>
  </si>
  <si>
    <t>16.645919799804688</t>
  </si>
  <si>
    <t>1334.0615234375</t>
  </si>
  <si>
    <t>0.05636605357024571</t>
  </si>
  <si>
    <t>50501</t>
  </si>
  <si>
    <t>16.98091697692871</t>
  </si>
  <si>
    <t>1366.1434326171875</t>
  </si>
  <si>
    <t>0.015585871422945985</t>
  </si>
  <si>
    <t>2660</t>
  </si>
  <si>
    <t>29420</t>
  </si>
  <si>
    <t>20.128564834594727</t>
  </si>
  <si>
    <t>1616.067138671875</t>
  </si>
  <si>
    <t>171.1637725830078</t>
  </si>
  <si>
    <t>Gulfport-Biloxi-Pascagoula, MS</t>
  </si>
  <si>
    <t>19.757455825805664</t>
  </si>
  <si>
    <t>1940.0284423828125</t>
  </si>
  <si>
    <t>-0.014378885186816959</t>
  </si>
  <si>
    <t>19.33645248413086</t>
  </si>
  <si>
    <t>1927.6925048828125</t>
  </si>
  <si>
    <t>0.020816312127026393</t>
  </si>
  <si>
    <t>30028</t>
  </si>
  <si>
    <t>18.738340377807617</t>
  </si>
  <si>
    <t>1636.8876953125</t>
  </si>
  <si>
    <t>0.014018137597254565</t>
  </si>
  <si>
    <t>19.527109146118164</t>
  </si>
  <si>
    <t>1472.5260009765625</t>
  </si>
  <si>
    <t>0.027298162292225925</t>
  </si>
  <si>
    <t>19.28145408630371</t>
  </si>
  <si>
    <t>1739.2618408203125</t>
  </si>
  <si>
    <t>0.014636839886350117</t>
  </si>
  <si>
    <t>18.996915817260742</t>
  </si>
  <si>
    <t>1510.0330810546875</t>
  </si>
  <si>
    <t>0.02513336867328242</t>
  </si>
  <si>
    <t>33130</t>
  </si>
  <si>
    <t>19.190673828125</t>
  </si>
  <si>
    <t>1963.71875</t>
  </si>
  <si>
    <t>0.031240565749190097</t>
  </si>
  <si>
    <t>20.583114624023438</t>
  </si>
  <si>
    <t>1424.8868408203125</t>
  </si>
  <si>
    <t>0.03196185096569515</t>
  </si>
  <si>
    <t>35429</t>
  </si>
  <si>
    <t>19.936006546020508</t>
  </si>
  <si>
    <t>1182.2886962890625</t>
  </si>
  <si>
    <t>0.03512962653319818</t>
  </si>
  <si>
    <t>36457</t>
  </si>
  <si>
    <t>19.4716739654541</t>
  </si>
  <si>
    <t>1208.4720458984375</t>
  </si>
  <si>
    <t>0.028602790101649234</t>
  </si>
  <si>
    <t>36447</t>
  </si>
  <si>
    <t>19.671119689941406</t>
  </si>
  <si>
    <t>1628.833251953125</t>
  </si>
  <si>
    <t>-0.0002743333716317409</t>
  </si>
  <si>
    <t>36220</t>
  </si>
  <si>
    <t>19.262239456176758</t>
  </si>
  <si>
    <t>1704.318603515625</t>
  </si>
  <si>
    <t>-0.00624769808544734</t>
  </si>
  <si>
    <t>39378</t>
  </si>
  <si>
    <t>19.563554763793945</t>
  </si>
  <si>
    <t>1593.97265625</t>
  </si>
  <si>
    <t>0.08359583226437373</t>
  </si>
  <si>
    <t>38530</t>
  </si>
  <si>
    <t>19.934894561767578</t>
  </si>
  <si>
    <t>1693.433837890625</t>
  </si>
  <si>
    <t>-0.02177012608157547</t>
  </si>
  <si>
    <t>19.780452728271484</t>
  </si>
  <si>
    <t>1396.32373046875</t>
  </si>
  <si>
    <t>0.03774225048486812</t>
  </si>
  <si>
    <t>45756</t>
  </si>
  <si>
    <t>19.715118408203125</t>
  </si>
  <si>
    <t>1453.0626220703125</t>
  </si>
  <si>
    <t>0.13414352154049247</t>
  </si>
  <si>
    <t>60109</t>
  </si>
  <si>
    <t>19.794448852539062</t>
  </si>
  <si>
    <t>1433.776611328125</t>
  </si>
  <si>
    <t>0.272836650082235</t>
  </si>
  <si>
    <t>52322</t>
  </si>
  <si>
    <t>19.577341079711914</t>
  </si>
  <si>
    <t>1481.9261474609375</t>
  </si>
  <si>
    <t>-0.13874264802763037</t>
  </si>
  <si>
    <t>19.319002151489258</t>
  </si>
  <si>
    <t>1663.4451904296875</t>
  </si>
  <si>
    <t>-0.08236916341478029</t>
  </si>
  <si>
    <t>47676</t>
  </si>
  <si>
    <t>19.204893112182617</t>
  </si>
  <si>
    <t>1274.3868408203125</t>
  </si>
  <si>
    <t>-0.010619642682788921</t>
  </si>
  <si>
    <t>45636</t>
  </si>
  <si>
    <t>20.4082088470459</t>
  </si>
  <si>
    <t>1345.044921875</t>
  </si>
  <si>
    <t>-0.04373124788633831</t>
  </si>
  <si>
    <t>45730</t>
  </si>
  <si>
    <t>20.62022590637207</t>
  </si>
  <si>
    <t>1795.9241943359375</t>
  </si>
  <si>
    <t>0.002057658935839868</t>
  </si>
  <si>
    <t>18.84288215637207</t>
  </si>
  <si>
    <t>1693.0277099609375</t>
  </si>
  <si>
    <t>-0.10128689396287527</t>
  </si>
  <si>
    <t>43084</t>
  </si>
  <si>
    <t>19.20379066467285</t>
  </si>
  <si>
    <t>1592.2579345703125</t>
  </si>
  <si>
    <t>0.04168405478143633</t>
  </si>
  <si>
    <t>41797</t>
  </si>
  <si>
    <t>20.6163272857666</t>
  </si>
  <si>
    <t>1800.788818359375</t>
  </si>
  <si>
    <t>-0.030327131868356005</t>
  </si>
  <si>
    <t>40984</t>
  </si>
  <si>
    <t>21.450468063354492</t>
  </si>
  <si>
    <t>1726.820556640625</t>
  </si>
  <si>
    <t>-0.019642819983266335</t>
  </si>
  <si>
    <t>41753</t>
  </si>
  <si>
    <t>20.36167335510254</t>
  </si>
  <si>
    <t>1816.168701171875</t>
  </si>
  <si>
    <t>0.01858955836584819</t>
  </si>
  <si>
    <t>43056</t>
  </si>
  <si>
    <t>20.867013931274414</t>
  </si>
  <si>
    <t>1775.9365234375</t>
  </si>
  <si>
    <t>0.030730288981800413</t>
  </si>
  <si>
    <t>42423</t>
  </si>
  <si>
    <t>21.150022506713867</t>
  </si>
  <si>
    <t>1633.911376953125</t>
  </si>
  <si>
    <t>-0.014810925990801138</t>
  </si>
  <si>
    <t>40199</t>
  </si>
  <si>
    <t>20.724462509155273</t>
  </si>
  <si>
    <t>1589.5799560546875</t>
  </si>
  <si>
    <t>-0.0538485483000688</t>
  </si>
  <si>
    <t>42530</t>
  </si>
  <si>
    <t>20.127573013305664</t>
  </si>
  <si>
    <t>2140.13525390625</t>
  </si>
  <si>
    <t>0.05636758957186139</t>
  </si>
  <si>
    <t>43198</t>
  </si>
  <si>
    <t>20.724016189575195</t>
  </si>
  <si>
    <t>1622.718505859375</t>
  </si>
  <si>
    <t>0.015584488616520176</t>
  </si>
  <si>
    <t>35719</t>
  </si>
  <si>
    <t>11.504005432128906</t>
  </si>
  <si>
    <t>1117.7843017578125</t>
  </si>
  <si>
    <t>670.9326171875</t>
  </si>
  <si>
    <t>Harrisburg-Carlisle-Lebanon, PA</t>
  </si>
  <si>
    <t>11.982268333435059</t>
  </si>
  <si>
    <t>854.1910400390625</t>
  </si>
  <si>
    <t>-0.014381028354492287</t>
  </si>
  <si>
    <t>35949</t>
  </si>
  <si>
    <t>10.210803031921387</t>
  </si>
  <si>
    <t>1030.6024169921875</t>
  </si>
  <si>
    <t>0.02079953562728143</t>
  </si>
  <si>
    <t>36456</t>
  </si>
  <si>
    <t>9.910879135131836</t>
  </si>
  <si>
    <t>1258.0166015625</t>
  </si>
  <si>
    <t>0.014004786593091012</t>
  </si>
  <si>
    <t>37465</t>
  </si>
  <si>
    <t>11.147476196289062</t>
  </si>
  <si>
    <t>1155.5726318359375</t>
  </si>
  <si>
    <t>0.027301109854693806</t>
  </si>
  <si>
    <t>10.478358268737793</t>
  </si>
  <si>
    <t>1022.8864135742188</t>
  </si>
  <si>
    <t>0.014626264291747404</t>
  </si>
  <si>
    <t>10.21126937866211</t>
  </si>
  <si>
    <t>1374.1072998046875</t>
  </si>
  <si>
    <t>0.02516917921593098</t>
  </si>
  <si>
    <t>40223</t>
  </si>
  <si>
    <t>10.411979675292969</t>
  </si>
  <si>
    <t>953.2417602539062</t>
  </si>
  <si>
    <t>0.03123636399521601</t>
  </si>
  <si>
    <t>11.787013053894043</t>
  </si>
  <si>
    <t>1041.6436767578125</t>
  </si>
  <si>
    <t>0.03195300705453974</t>
  </si>
  <si>
    <t>43014</t>
  </si>
  <si>
    <t>11.214688301086426</t>
  </si>
  <si>
    <t>1009.4804077148438</t>
  </si>
  <si>
    <t>0.03513366572508225</t>
  </si>
  <si>
    <t>44262</t>
  </si>
  <si>
    <t>10.362269401550293</t>
  </si>
  <si>
    <t>1068.06591796875</t>
  </si>
  <si>
    <t>0.02860087703142966</t>
  </si>
  <si>
    <t>44250</t>
  </si>
  <si>
    <t>11.766263008117676</t>
  </si>
  <si>
    <t>862.1693115234375</t>
  </si>
  <si>
    <t>-0.0002711496762817234</t>
  </si>
  <si>
    <t>10.993605613708496</t>
  </si>
  <si>
    <t>1068.624267578125</t>
  </si>
  <si>
    <t>0.012486687570799404</t>
  </si>
  <si>
    <t>10.04623031616211</t>
  </si>
  <si>
    <t>1439.52734375</t>
  </si>
  <si>
    <t>0.019537396550441954</t>
  </si>
  <si>
    <t>10.818428039550781</t>
  </si>
  <si>
    <t>1333.310302734375</t>
  </si>
  <si>
    <t>0.028523432695427786</t>
  </si>
  <si>
    <t>47511</t>
  </si>
  <si>
    <t>11.575299263000488</t>
  </si>
  <si>
    <t>1076.7156982421875</t>
  </si>
  <si>
    <t>0.010558374907089885</t>
  </si>
  <si>
    <t>47741</t>
  </si>
  <si>
    <t>11.704258918762207</t>
  </si>
  <si>
    <t>1179.02294921875</t>
  </si>
  <si>
    <t>0.004829304308746174</t>
  </si>
  <si>
    <t>48269</t>
  </si>
  <si>
    <t>11.128307342529297</t>
  </si>
  <si>
    <t>1078.5201416015625</t>
  </si>
  <si>
    <t>0.01099896517003529</t>
  </si>
  <si>
    <t>10.486617088317871</t>
  </si>
  <si>
    <t>1136.44384765625</t>
  </si>
  <si>
    <t>-0.0012645502685337817</t>
  </si>
  <si>
    <t>10.727424621582031</t>
  </si>
  <si>
    <t>1163.9140625</t>
  </si>
  <si>
    <t>-0.014774218937374073</t>
  </si>
  <si>
    <t>48238</t>
  </si>
  <si>
    <t>11.657859802246094</t>
  </si>
  <si>
    <t>1057.957763671875</t>
  </si>
  <si>
    <t>0.015396328739077703</t>
  </si>
  <si>
    <t>48488</t>
  </si>
  <si>
    <t>12.081055641174316</t>
  </si>
  <si>
    <t>1316.8311767578125</t>
  </si>
  <si>
    <t>0.005169252459335638</t>
  </si>
  <si>
    <t>48736</t>
  </si>
  <si>
    <t>12.472334861755371</t>
  </si>
  <si>
    <t>1036.4532470703125</t>
  </si>
  <si>
    <t>0.005101632063766459</t>
  </si>
  <si>
    <t>49493</t>
  </si>
  <si>
    <t>10.556488037109375</t>
  </si>
  <si>
    <t>1201.3619384765625</t>
  </si>
  <si>
    <t>0.015413268720557483</t>
  </si>
  <si>
    <t>10.324399948120117</t>
  </si>
  <si>
    <t>1194.0892333984375</t>
  </si>
  <si>
    <t>0.020933856526738737</t>
  </si>
  <si>
    <t>51662</t>
  </si>
  <si>
    <t>11.471467018127441</t>
  </si>
  <si>
    <t>1138.1278076171875</t>
  </si>
  <si>
    <t>0.021957399631114427</t>
  </si>
  <si>
    <t>51621</t>
  </si>
  <si>
    <t>12.311535835266113</t>
  </si>
  <si>
    <t>1004.2181396484375</t>
  </si>
  <si>
    <t>-0.000793935152032077</t>
  </si>
  <si>
    <t>52013</t>
  </si>
  <si>
    <t>11.477972984313965</t>
  </si>
  <si>
    <t>1128.4271240234375</t>
  </si>
  <si>
    <t>0.00756512089750494</t>
  </si>
  <si>
    <t>52573</t>
  </si>
  <si>
    <t>11.419154167175293</t>
  </si>
  <si>
    <t>1586.3936767578125</t>
  </si>
  <si>
    <t>0.010708992634594239</t>
  </si>
  <si>
    <t>53302</t>
  </si>
  <si>
    <t>11.655498504638672</t>
  </si>
  <si>
    <t>1166.364501953125</t>
  </si>
  <si>
    <t>0.013771173948740056</t>
  </si>
  <si>
    <t>51528</t>
  </si>
  <si>
    <t>12.1524019241333</t>
  </si>
  <si>
    <t>1272.0445556640625</t>
  </si>
  <si>
    <t>-0.03384850467537959</t>
  </si>
  <si>
    <t>54516</t>
  </si>
  <si>
    <t>12.024199485778809</t>
  </si>
  <si>
    <t>1250.5045166015625</t>
  </si>
  <si>
    <t>0.056368887320676464</t>
  </si>
  <si>
    <t>55372</t>
  </si>
  <si>
    <t>12.290431022644043</t>
  </si>
  <si>
    <t>1178.451416015625</t>
  </si>
  <si>
    <t>0.01557981426022259</t>
  </si>
  <si>
    <t>12.857834815979004</t>
  </si>
  <si>
    <t>1146.7081298828125</t>
  </si>
  <si>
    <t>109.39756774902344</t>
  </si>
  <si>
    <t>Harrisonburg, VA</t>
  </si>
  <si>
    <t>13.008610725402832</t>
  </si>
  <si>
    <t>911.3069458007812</t>
  </si>
  <si>
    <t>-0.014404681202549341</t>
  </si>
  <si>
    <t>40253</t>
  </si>
  <si>
    <t>11.5215425491333</t>
  </si>
  <si>
    <t>1071.516845703125</t>
  </si>
  <si>
    <t>0.02080976733747697</t>
  </si>
  <si>
    <t>11.434009552001953</t>
  </si>
  <si>
    <t>1141.7655029296875</t>
  </si>
  <si>
    <t>0.014012119628299402</t>
  </si>
  <si>
    <t>41951</t>
  </si>
  <si>
    <t>12.443232536315918</t>
  </si>
  <si>
    <t>1110.33544921875</t>
  </si>
  <si>
    <t>0.027305615654531934</t>
  </si>
  <si>
    <t>42569</t>
  </si>
  <si>
    <t>11.626164436340332</t>
  </si>
  <si>
    <t>1119.5023193359375</t>
  </si>
  <si>
    <t>0.014624018311621967</t>
  </si>
  <si>
    <t>11.372052192687988</t>
  </si>
  <si>
    <t>1399.5086669921875</t>
  </si>
  <si>
    <t>0.025168627273901123</t>
  </si>
  <si>
    <t>11.480851173400879</t>
  </si>
  <si>
    <t>1094.8094482421875</t>
  </si>
  <si>
    <t>0.03123386498139169</t>
  </si>
  <si>
    <t>46501</t>
  </si>
  <si>
    <t>12.812178611755371</t>
  </si>
  <si>
    <t>1065.731201171875</t>
  </si>
  <si>
    <t>0.031945036640140145</t>
  </si>
  <si>
    <t>48164</t>
  </si>
  <si>
    <t>12.076278686523438</t>
  </si>
  <si>
    <t>892.7777709960938</t>
  </si>
  <si>
    <t>0.03513803629155632</t>
  </si>
  <si>
    <t>49562</t>
  </si>
  <si>
    <t>11.490933418273926</t>
  </si>
  <si>
    <t>1006.982421875</t>
  </si>
  <si>
    <t>0.028612557041823194</t>
  </si>
  <si>
    <t>12.580227851867676</t>
  </si>
  <si>
    <t>836.9520263671875</t>
  </si>
  <si>
    <t>-0.00028251437984394556</t>
  </si>
  <si>
    <t>45421</t>
  </si>
  <si>
    <t>12.14376449584961</t>
  </si>
  <si>
    <t>1037.429931640625</t>
  </si>
  <si>
    <t>-0.08696734352418822</t>
  </si>
  <si>
    <t>44263</t>
  </si>
  <si>
    <t>11.581356048583984</t>
  </si>
  <si>
    <t>1558.2161865234375</t>
  </si>
  <si>
    <t>-0.025825439549546303</t>
  </si>
  <si>
    <t>12.466983795166016</t>
  </si>
  <si>
    <t>1188.3282470703125</t>
  </si>
  <si>
    <t>0.018112097515798453</t>
  </si>
  <si>
    <t>46471</t>
  </si>
  <si>
    <t>12.577252388000488</t>
  </si>
  <si>
    <t>1001.0032348632812</t>
  </si>
  <si>
    <t>0.03056725099107105</t>
  </si>
  <si>
    <t>46093</t>
  </si>
  <si>
    <t>12.592818260192871</t>
  </si>
  <si>
    <t>1112.968505859375</t>
  </si>
  <si>
    <t>-0.008167367469711806</t>
  </si>
  <si>
    <t>46053</t>
  </si>
  <si>
    <t>12.71243667602539</t>
  </si>
  <si>
    <t>891.3720703125</t>
  </si>
  <si>
    <t>-0.0008681874962022107</t>
  </si>
  <si>
    <t>45725</t>
  </si>
  <si>
    <t>12.051864624023438</t>
  </si>
  <si>
    <t>1009.56298828125</t>
  </si>
  <si>
    <t>-0.007147712882243695</t>
  </si>
  <si>
    <t>48414</t>
  </si>
  <si>
    <t>12.080435752868652</t>
  </si>
  <si>
    <t>1265.1356201171875</t>
  </si>
  <si>
    <t>0.05714383381749499</t>
  </si>
  <si>
    <t>49897</t>
  </si>
  <si>
    <t>12.339674949645996</t>
  </si>
  <si>
    <t>908.98095703125</t>
  </si>
  <si>
    <t>0.030171852615273664</t>
  </si>
  <si>
    <t>48796</t>
  </si>
  <si>
    <t>13.381360054016113</t>
  </si>
  <si>
    <t>1128.754638671875</t>
  </si>
  <si>
    <t>-0.022312538423207684</t>
  </si>
  <si>
    <t>48946</t>
  </si>
  <si>
    <t>13.455646514892578</t>
  </si>
  <si>
    <t>977.8838500976562</t>
  </si>
  <si>
    <t>0.003069307314319758</t>
  </si>
  <si>
    <t>11.730754852294922</t>
  </si>
  <si>
    <t>1117.025390625</t>
  </si>
  <si>
    <t>0.012365514257860255</t>
  </si>
  <si>
    <t>48579</t>
  </si>
  <si>
    <t>11.762389183044434</t>
  </si>
  <si>
    <t>1135.4217529296875</t>
  </si>
  <si>
    <t>-0.01989182509922749</t>
  </si>
  <si>
    <t>48276</t>
  </si>
  <si>
    <t>12.63705062866211</t>
  </si>
  <si>
    <t>1174.9761962890625</t>
  </si>
  <si>
    <t>-0.006256796003791365</t>
  </si>
  <si>
    <t>13.505878448486328</t>
  </si>
  <si>
    <t>1045.659912109375</t>
  </si>
  <si>
    <t>-0.022349990374774364</t>
  </si>
  <si>
    <t>46724</t>
  </si>
  <si>
    <t>12.880351066589355</t>
  </si>
  <si>
    <t>1014.5155029296875</t>
  </si>
  <si>
    <t>-0.010326601087427889</t>
  </si>
  <si>
    <t>46172</t>
  </si>
  <si>
    <t>12.885540962219238</t>
  </si>
  <si>
    <t>1590.897216796875</t>
  </si>
  <si>
    <t>-0.01188439754078452</t>
  </si>
  <si>
    <t>13.400681495666504</t>
  </si>
  <si>
    <t>1103.0599365234375</t>
  </si>
  <si>
    <t>0.01100651895281679</t>
  </si>
  <si>
    <t>46894</t>
  </si>
  <si>
    <t>13.141921043395996</t>
  </si>
  <si>
    <t>1408.95361328125</t>
  </si>
  <si>
    <t>0.004509662793061864</t>
  </si>
  <si>
    <t>49614</t>
  </si>
  <si>
    <t>12.962516784667969</t>
  </si>
  <si>
    <t>1052.1016845703125</t>
  </si>
  <si>
    <t>0.056383316469540645</t>
  </si>
  <si>
    <t>50393</t>
  </si>
  <si>
    <t>13.26551342010498</t>
  </si>
  <si>
    <t>1149.6865234375</t>
  </si>
  <si>
    <t>0.015579224574395312</t>
  </si>
  <si>
    <t>2663</t>
  </si>
  <si>
    <t>46966</t>
  </si>
  <si>
    <t>10.425745010375977</t>
  </si>
  <si>
    <t>1301.8966064453125</t>
  </si>
  <si>
    <t>1186.66015625</t>
  </si>
  <si>
    <t>Hartford-West Hartford-Willimantic, CT</t>
  </si>
  <si>
    <t>10.778060913085938</t>
  </si>
  <si>
    <t>1167.2349853515625</t>
  </si>
  <si>
    <t>-0.014368371400085067</t>
  </si>
  <si>
    <t>47269</t>
  </si>
  <si>
    <t>8.989141464233398</t>
  </si>
  <si>
    <t>1133.995849609375</t>
  </si>
  <si>
    <t>0.02079912524319738</t>
  </si>
  <si>
    <t>47936</t>
  </si>
  <si>
    <t>8.858942985534668</t>
  </si>
  <si>
    <t>1230.73193359375</t>
  </si>
  <si>
    <t>0.014012098380018045</t>
  </si>
  <si>
    <t>49262</t>
  </si>
  <si>
    <t>10.146522521972656</t>
  </si>
  <si>
    <t>1222.4368896484375</t>
  </si>
  <si>
    <t>0.02728620486666422</t>
  </si>
  <si>
    <t>9.301148414611816</t>
  </si>
  <si>
    <t>1117.2735595703125</t>
  </si>
  <si>
    <t>0.01462998386212</t>
  </si>
  <si>
    <t>51262</t>
  </si>
  <si>
    <t>9.2026948928833</t>
  </si>
  <si>
    <t>1457.7198486328125</t>
  </si>
  <si>
    <t>0.02516676032846732</t>
  </si>
  <si>
    <t>9.423526763916016</t>
  </si>
  <si>
    <t>1073.6256103515625</t>
  </si>
  <si>
    <t>0.03124564078132508</t>
  </si>
  <si>
    <t>54606</t>
  </si>
  <si>
    <t>10.484365463256836</t>
  </si>
  <si>
    <t>1253.3753662109375</t>
  </si>
  <si>
    <t>0.03194838908994413</t>
  </si>
  <si>
    <t>56558</t>
  </si>
  <si>
    <t>10.176822662353516</t>
  </si>
  <si>
    <t>1117.93310546875</t>
  </si>
  <si>
    <t>0.03512289346091357</t>
  </si>
  <si>
    <t>58200</t>
  </si>
  <si>
    <t>9.160240173339844</t>
  </si>
  <si>
    <t>1229.1533203125</t>
  </si>
  <si>
    <t>0.028618694453204085</t>
  </si>
  <si>
    <t>58184</t>
  </si>
  <si>
    <t>10.482030868530273</t>
  </si>
  <si>
    <t>989.4436645507812</t>
  </si>
  <si>
    <t>-0.0002749518851530297</t>
  </si>
  <si>
    <t>57276</t>
  </si>
  <si>
    <t>9.7218599319458</t>
  </si>
  <si>
    <t>1216.309814453125</t>
  </si>
  <si>
    <t>-0.015728715040479457</t>
  </si>
  <si>
    <t>58569</t>
  </si>
  <si>
    <t>8.794740676879883</t>
  </si>
  <si>
    <t>1409.8297119140625</t>
  </si>
  <si>
    <t>0.022323858557015797</t>
  </si>
  <si>
    <t>62138</t>
  </si>
  <si>
    <t>9.543807983398438</t>
  </si>
  <si>
    <t>1335.96337890625</t>
  </si>
  <si>
    <t>0.05915217169033049</t>
  </si>
  <si>
    <t>62818</t>
  </si>
  <si>
    <t>10.295361518859863</t>
  </si>
  <si>
    <t>1304.25732421875</t>
  </si>
  <si>
    <t>0.010883938549998362</t>
  </si>
  <si>
    <t>64999</t>
  </si>
  <si>
    <t>10.584619522094727</t>
  </si>
  <si>
    <t>1301.5084228515625</t>
  </si>
  <si>
    <t>0.034130228552804454</t>
  </si>
  <si>
    <t>67450</t>
  </si>
  <si>
    <t>9.877776145935059</t>
  </si>
  <si>
    <t>1188.097412109375</t>
  </si>
  <si>
    <t>0.037014697491855486</t>
  </si>
  <si>
    <t>65984</t>
  </si>
  <si>
    <t>9.402155876159668</t>
  </si>
  <si>
    <t>1473.2117919921875</t>
  </si>
  <si>
    <t>-0.021974294259269556</t>
  </si>
  <si>
    <t>65492</t>
  </si>
  <si>
    <t>9.5472412109375</t>
  </si>
  <si>
    <t>1255.0501708984375</t>
  </si>
  <si>
    <t>-0.007484290617249201</t>
  </si>
  <si>
    <t>65288</t>
  </si>
  <si>
    <t>10.639876365661621</t>
  </si>
  <si>
    <t>1228.5096435546875</t>
  </si>
  <si>
    <t>-0.0031197456103040366</t>
  </si>
  <si>
    <t>64884</t>
  </si>
  <si>
    <t>10.935067176818848</t>
  </si>
  <si>
    <t>1559.2252197265625</t>
  </si>
  <si>
    <t>-0.0062071919790724905</t>
  </si>
  <si>
    <t>65132</t>
  </si>
  <si>
    <t>11.285321235656738</t>
  </si>
  <si>
    <t>1106.9705810546875</t>
  </si>
  <si>
    <t>0.0038149197141041924</t>
  </si>
  <si>
    <t>63938</t>
  </si>
  <si>
    <t>9.5665864944458</t>
  </si>
  <si>
    <t>1258.7557373046875</t>
  </si>
  <si>
    <t>-0.018502116083853437</t>
  </si>
  <si>
    <t>64542</t>
  </si>
  <si>
    <t>9.326811790466309</t>
  </si>
  <si>
    <t>1353.8267822265625</t>
  </si>
  <si>
    <t>0.009402310859803364</t>
  </si>
  <si>
    <t>68383</t>
  </si>
  <si>
    <t>10.305858612060547</t>
  </si>
  <si>
    <t>1090.3739013671875</t>
  </si>
  <si>
    <t>0.05780808104819535</t>
  </si>
  <si>
    <t>69005</t>
  </si>
  <si>
    <t>11.107987403869629</t>
  </si>
  <si>
    <t>1037.52783203125</t>
  </si>
  <si>
    <t>0.009054710013884915</t>
  </si>
  <si>
    <t>69636</t>
  </si>
  <si>
    <t>10.178303718566895</t>
  </si>
  <si>
    <t>1266.0364990234375</t>
  </si>
  <si>
    <t>0.009102709256469055</t>
  </si>
  <si>
    <t>69556</t>
  </si>
  <si>
    <t>10.358234405517578</t>
  </si>
  <si>
    <t>1592.7607421875</t>
  </si>
  <si>
    <t>-0.0011494914766494446</t>
  </si>
  <si>
    <t>70465</t>
  </si>
  <si>
    <t>10.427850723266602</t>
  </si>
  <si>
    <t>1343.767333984375</t>
  </si>
  <si>
    <t>0.012983949123650973</t>
  </si>
  <si>
    <t>66071</t>
  </si>
  <si>
    <t>10.933371543884277</t>
  </si>
  <si>
    <t>1180.95458984375</t>
  </si>
  <si>
    <t>-0.06438621125383115</t>
  </si>
  <si>
    <t>69903</t>
  </si>
  <si>
    <t>10.8004732131958</t>
  </si>
  <si>
    <t>1387.7725830078125</t>
  </si>
  <si>
    <t>0.05637864538408621</t>
  </si>
  <si>
    <t>71001</t>
  </si>
  <si>
    <t>11.22185230255127</t>
  </si>
  <si>
    <t>1208.2608642578125</t>
  </si>
  <si>
    <t>0.015585394675442288</t>
  </si>
  <si>
    <t>5.418089389801025</t>
  </si>
  <si>
    <t>353.0597229003906</t>
  </si>
  <si>
    <t>108.21833038330078</t>
  </si>
  <si>
    <t>Helena, MT</t>
  </si>
  <si>
    <t>25903</t>
  </si>
  <si>
    <t>6.261770248413086</t>
  </si>
  <si>
    <t>-0.014373295106098638</t>
  </si>
  <si>
    <t>26447</t>
  </si>
  <si>
    <t>5.676258563995361</t>
  </si>
  <si>
    <t>413.3350524902344</t>
  </si>
  <si>
    <t>0.02078393820797153</t>
  </si>
  <si>
    <t>26820</t>
  </si>
  <si>
    <t>4.836767196655273</t>
  </si>
  <si>
    <t>547.4229736328125</t>
  </si>
  <si>
    <t>0.014005147532028417</t>
  </si>
  <si>
    <t>6.460451126098633</t>
  </si>
  <si>
    <t>374.491455078125</t>
  </si>
  <si>
    <t>0.02729013459942209</t>
  </si>
  <si>
    <t>5.486204624176025</t>
  </si>
  <si>
    <t>524.7828979492188</t>
  </si>
  <si>
    <t>0.014658741529713026</t>
  </si>
  <si>
    <t>4.828638553619385</t>
  </si>
  <si>
    <t>409.0476379394531</t>
  </si>
  <si>
    <t>0.025138128644382363</t>
  </si>
  <si>
    <t>29591</t>
  </si>
  <si>
    <t>5.283419609069824</t>
  </si>
  <si>
    <t>487.2174987792969</t>
  </si>
  <si>
    <t>0.03123537841510604</t>
  </si>
  <si>
    <t>6.358062267303467</t>
  </si>
  <si>
    <t>460.5624694824219</t>
  </si>
  <si>
    <t>0.03195988888105994</t>
  </si>
  <si>
    <t>6.019464015960693</t>
  </si>
  <si>
    <t>326.3779296875</t>
  </si>
  <si>
    <t>0.03511840723593451</t>
  </si>
  <si>
    <t>5.221085071563721</t>
  </si>
  <si>
    <t>339.5374450683594</t>
  </si>
  <si>
    <t>0.028628117322920588</t>
  </si>
  <si>
    <t>32554</t>
  </si>
  <si>
    <t>6.174779415130615</t>
  </si>
  <si>
    <t>327.4332275390625</t>
  </si>
  <si>
    <t>-0.000276425512764078</t>
  </si>
  <si>
    <t>5.298269748687744</t>
  </si>
  <si>
    <t>394.6680908203125</t>
  </si>
  <si>
    <t>0.043548507048468466</t>
  </si>
  <si>
    <t>5.862240314483643</t>
  </si>
  <si>
    <t>372.26824951171875</t>
  </si>
  <si>
    <t>0.022421225087823515</t>
  </si>
  <si>
    <t>6.0204854011535645</t>
  </si>
  <si>
    <t>394.5035400390625</t>
  </si>
  <si>
    <t>0.05229785090431527</t>
  </si>
  <si>
    <t>6.3528876304626465</t>
  </si>
  <si>
    <t>452.1610107421875</t>
  </si>
  <si>
    <t>0.07682760550194345</t>
  </si>
  <si>
    <t>40999</t>
  </si>
  <si>
    <t>6.210476398468018</t>
  </si>
  <si>
    <t>402.1009521484375</t>
  </si>
  <si>
    <t>0.035552238651101575</t>
  </si>
  <si>
    <t>6.4186110496521</t>
  </si>
  <si>
    <t>428.078125</t>
  </si>
  <si>
    <t>0.02071137082368857</t>
  </si>
  <si>
    <t>5.517099857330322</t>
  </si>
  <si>
    <t>384.4952697753906</t>
  </si>
  <si>
    <t>-0.012210809606235884</t>
  </si>
  <si>
    <t>5.093479633331299</t>
  </si>
  <si>
    <t>419.0127868652344</t>
  </si>
  <si>
    <t>-0.003585709474826615</t>
  </si>
  <si>
    <t>5.155614376068115</t>
  </si>
  <si>
    <t>497.0771179199219</t>
  </si>
  <si>
    <t>0.028968813157966622</t>
  </si>
  <si>
    <t>5.2736945152282715</t>
  </si>
  <si>
    <t>445.9827575683594</t>
  </si>
  <si>
    <t>0.023120261694410615</t>
  </si>
  <si>
    <t>43324</t>
  </si>
  <si>
    <t>6.541635990142822</t>
  </si>
  <si>
    <t>370.3558349609375</t>
  </si>
  <si>
    <t>-0.001844848784470443</t>
  </si>
  <si>
    <t>42977</t>
  </si>
  <si>
    <t>5.840705871582031</t>
  </si>
  <si>
    <t>398.05389404296875</t>
  </si>
  <si>
    <t>-0.008041665102187068</t>
  </si>
  <si>
    <t>43358</t>
  </si>
  <si>
    <t>5.6004319190979</t>
  </si>
  <si>
    <t>473.0790100097656</t>
  </si>
  <si>
    <t>0.008826141735019277</t>
  </si>
  <si>
    <t>44918</t>
  </si>
  <si>
    <t>6.86482572555542</t>
  </si>
  <si>
    <t>375.01275634765625</t>
  </si>
  <si>
    <t>0.03534737467520799</t>
  </si>
  <si>
    <t>6.244526386260986</t>
  </si>
  <si>
    <t>442.63946533203125</t>
  </si>
  <si>
    <t>0.00789431099940252</t>
  </si>
  <si>
    <t>45561</t>
  </si>
  <si>
    <t>6.213490962982178</t>
  </si>
  <si>
    <t>429.762939453125</t>
  </si>
  <si>
    <t>0.00631917113530811</t>
  </si>
  <si>
    <t>45920</t>
  </si>
  <si>
    <t>5.3675103187561035</t>
  </si>
  <si>
    <t>463.216064453125</t>
  </si>
  <si>
    <t>0.007848664595069721</t>
  </si>
  <si>
    <t>47460</t>
  </si>
  <si>
    <t>4.726935863494873</t>
  </si>
  <si>
    <t>464.4195861816406</t>
  </si>
  <si>
    <t>0.0329864989963049</t>
  </si>
  <si>
    <t>46970</t>
  </si>
  <si>
    <t>6.207921504974365</t>
  </si>
  <si>
    <t>406.53363037109375</t>
  </si>
  <si>
    <t>-0.010378150968712418</t>
  </si>
  <si>
    <t>49694</t>
  </si>
  <si>
    <t>6.419431209564209</t>
  </si>
  <si>
    <t>334.978271484375</t>
  </si>
  <si>
    <t>0.0563751014298326</t>
  </si>
  <si>
    <t>50474</t>
  </si>
  <si>
    <t>5.481220245361328</t>
  </si>
  <si>
    <t>407.78753662109375</t>
  </si>
  <si>
    <t>0.015574150745894855</t>
  </si>
  <si>
    <t>23.67738151550293</t>
  </si>
  <si>
    <t>2015.6751708984375</t>
  </si>
  <si>
    <t>1090.82421875</t>
  </si>
  <si>
    <t>Honolulu, HI</t>
  </si>
  <si>
    <t>38014</t>
  </si>
  <si>
    <t>24.006216049194336</t>
  </si>
  <si>
    <t>2132.554443359375</t>
  </si>
  <si>
    <t>-0.014390616457315986</t>
  </si>
  <si>
    <t>23.947458267211914</t>
  </si>
  <si>
    <t>2605.179931640625</t>
  </si>
  <si>
    <t>0.02080072912973918</t>
  </si>
  <si>
    <t>23.70240020751953</t>
  </si>
  <si>
    <t>1643.1390380859375</t>
  </si>
  <si>
    <t>0.014020236306993894</t>
  </si>
  <si>
    <t>40450</t>
  </si>
  <si>
    <t>24.270240783691406</t>
  </si>
  <si>
    <t>1682.7281494140625</t>
  </si>
  <si>
    <t>0.027291165139121887</t>
  </si>
  <si>
    <t>24.17560577392578</t>
  </si>
  <si>
    <t>1847.224365234375</t>
  </si>
  <si>
    <t>0.014626745502415162</t>
  </si>
  <si>
    <t>42092</t>
  </si>
  <si>
    <t>23.98700523376465</t>
  </si>
  <si>
    <t>2442.514892578125</t>
  </si>
  <si>
    <t>0.025164309871650303</t>
  </si>
  <si>
    <t>43428</t>
  </si>
  <si>
    <t>23.866445541381836</t>
  </si>
  <si>
    <t>2437.705810546875</t>
  </si>
  <si>
    <t>0.0312466954910402</t>
  </si>
  <si>
    <t>44838</t>
  </si>
  <si>
    <t>23.24683380126953</t>
  </si>
  <si>
    <t>1209.9464111328125</t>
  </si>
  <si>
    <t>0.031951599806602005</t>
  </si>
  <si>
    <t>46441</t>
  </si>
  <si>
    <t>23.165794372558594</t>
  </si>
  <si>
    <t>1649.507080078125</t>
  </si>
  <si>
    <t>0.03512669558271497</t>
  </si>
  <si>
    <t>47789</t>
  </si>
  <si>
    <t>23.809297561645508</t>
  </si>
  <si>
    <t>1453.5440673828125</t>
  </si>
  <si>
    <t>0.028612797732533224</t>
  </si>
  <si>
    <t>47775</t>
  </si>
  <si>
    <t>23.733657836914062</t>
  </si>
  <si>
    <t>1931.361572265625</t>
  </si>
  <si>
    <t>-0.0002929973651202289</t>
  </si>
  <si>
    <t>49157</t>
  </si>
  <si>
    <t>23.70213508605957</t>
  </si>
  <si>
    <t>2007.3245849609375</t>
  </si>
  <si>
    <t>0.028516767485623262</t>
  </si>
  <si>
    <t>51440</t>
  </si>
  <si>
    <t>24.11600685119629</t>
  </si>
  <si>
    <t>2371.656005859375</t>
  </si>
  <si>
    <t>0.04539682231740372</t>
  </si>
  <si>
    <t>24.2736873626709</t>
  </si>
  <si>
    <t>3369.998046875</t>
  </si>
  <si>
    <t>0.05004835180534606</t>
  </si>
  <si>
    <t>56341</t>
  </si>
  <si>
    <t>24.25682258605957</t>
  </si>
  <si>
    <t>1423.1610107421875</t>
  </si>
  <si>
    <t>0.04095807993476974</t>
  </si>
  <si>
    <t>57299</t>
  </si>
  <si>
    <t>23.67043113708496</t>
  </si>
  <si>
    <t>2120.118896484375</t>
  </si>
  <si>
    <t>0.01686065989194674</t>
  </si>
  <si>
    <t>58179</t>
  </si>
  <si>
    <t>23.985292434692383</t>
  </si>
  <si>
    <t>1392.3939208984375</t>
  </si>
  <si>
    <t>0.015241293320787719</t>
  </si>
  <si>
    <t>57928</t>
  </si>
  <si>
    <t>23.763877868652344</t>
  </si>
  <si>
    <t>2032.8284912109375</t>
  </si>
  <si>
    <t>-0.004323604795693825</t>
  </si>
  <si>
    <t>55922</t>
  </si>
  <si>
    <t>23.462196350097656</t>
  </si>
  <si>
    <t>1769.1434326171875</t>
  </si>
  <si>
    <t>-0.035242997421418565</t>
  </si>
  <si>
    <t>56801</t>
  </si>
  <si>
    <t>23.604278564453125</t>
  </si>
  <si>
    <t>1431.001953125</t>
  </si>
  <si>
    <t>0.015596068540830288</t>
  </si>
  <si>
    <t>56951</t>
  </si>
  <si>
    <t>23.93975830078125</t>
  </si>
  <si>
    <t>2111.465576171875</t>
  </si>
  <si>
    <t>0.002637317795608496</t>
  </si>
  <si>
    <t>57671</t>
  </si>
  <si>
    <t>23.55854606628418</t>
  </si>
  <si>
    <t>2072.509033203125</t>
  </si>
  <si>
    <t>0.012563198513593221</t>
  </si>
  <si>
    <t>57760</t>
  </si>
  <si>
    <t>23.756860733032227</t>
  </si>
  <si>
    <t>1718.9669189453125</t>
  </si>
  <si>
    <t>0.001542047069436947</t>
  </si>
  <si>
    <t>57819</t>
  </si>
  <si>
    <t>24.10858154296875</t>
  </si>
  <si>
    <t>1957.51708984375</t>
  </si>
  <si>
    <t>0.0010209468004536149</t>
  </si>
  <si>
    <t>60277</t>
  </si>
  <si>
    <t>24.634042739868164</t>
  </si>
  <si>
    <t>1608.8515625</t>
  </si>
  <si>
    <t>0.04163316338431855</t>
  </si>
  <si>
    <t>61742</t>
  </si>
  <si>
    <t>24.269332885742188</t>
  </si>
  <si>
    <t>1430.1893310546875</t>
  </si>
  <si>
    <t>0.02401380768994521</t>
  </si>
  <si>
    <t>63353</t>
  </si>
  <si>
    <t>24.254587173461914</t>
  </si>
  <si>
    <t>1591.9573974609375</t>
  </si>
  <si>
    <t>0.02575784914556145</t>
  </si>
  <si>
    <t>64471</t>
  </si>
  <si>
    <t>24.334945678710938</t>
  </si>
  <si>
    <t>2694.459716796875</t>
  </si>
  <si>
    <t>0.017493248687813434</t>
  </si>
  <si>
    <t>65374</t>
  </si>
  <si>
    <t>24.94547462463379</t>
  </si>
  <si>
    <t>1810.762451171875</t>
  </si>
  <si>
    <t>0.013909115608321088</t>
  </si>
  <si>
    <t>24.95134162902832</t>
  </si>
  <si>
    <t>2292.80615234375</t>
  </si>
  <si>
    <t>-0.17012227877986952</t>
  </si>
  <si>
    <t>58345</t>
  </si>
  <si>
    <t>24.13016700744629</t>
  </si>
  <si>
    <t>2158.0712890625</t>
  </si>
  <si>
    <t>0.05637131813695717</t>
  </si>
  <si>
    <t>59261</t>
  </si>
  <si>
    <t>24.373228073120117</t>
  </si>
  <si>
    <t>1475.013427734375</t>
  </si>
  <si>
    <t>0.0155777515340354</t>
  </si>
  <si>
    <t>45844</t>
  </si>
  <si>
    <t>20.969209671020508</t>
  </si>
  <si>
    <t>1168.6201171875</t>
  </si>
  <si>
    <t>2424.191162109375</t>
  </si>
  <si>
    <t>Houston-Baytown-Huntsville, TX</t>
  </si>
  <si>
    <t>20.88028907775879</t>
  </si>
  <si>
    <t>1489.5177001953125</t>
  </si>
  <si>
    <t>-0.014390634245664558</t>
  </si>
  <si>
    <t>20.480220794677734</t>
  </si>
  <si>
    <t>1456.639892578125</t>
  </si>
  <si>
    <t>0.020804884953335545</t>
  </si>
  <si>
    <t>20.296733856201172</t>
  </si>
  <si>
    <t>1143.4058837890625</t>
  </si>
  <si>
    <t>0.014032297395674576</t>
  </si>
  <si>
    <t>20.92039680480957</t>
  </si>
  <si>
    <t>1240.580078125</t>
  </si>
  <si>
    <t>0.027279401426646643</t>
  </si>
  <si>
    <t>48794</t>
  </si>
  <si>
    <t>20.73158073425293</t>
  </si>
  <si>
    <t>1051.9613037109375</t>
  </si>
  <si>
    <t>0.014637076315912267</t>
  </si>
  <si>
    <t>50037</t>
  </si>
  <si>
    <t>20.58307456970215</t>
  </si>
  <si>
    <t>1124.4947509765625</t>
  </si>
  <si>
    <t>0.025155377282789715</t>
  </si>
  <si>
    <t>51625</t>
  </si>
  <si>
    <t>20.275482177734375</t>
  </si>
  <si>
    <t>1481.6162109375</t>
  </si>
  <si>
    <t>0.031243319518051038</t>
  </si>
  <si>
    <t>53301</t>
  </si>
  <si>
    <t>21.554311752319336</t>
  </si>
  <si>
    <t>1337.8626708984375</t>
  </si>
  <si>
    <t>0.031949041440681114</t>
  </si>
  <si>
    <t>55206</t>
  </si>
  <si>
    <t>21.27727699279785</t>
  </si>
  <si>
    <t>785.8875122070312</t>
  </si>
  <si>
    <t>0.03511655030639993</t>
  </si>
  <si>
    <t>56809</t>
  </si>
  <si>
    <t>20.6905460357666</t>
  </si>
  <si>
    <t>1204.7215576171875</t>
  </si>
  <si>
    <t>0.028623120851065664</t>
  </si>
  <si>
    <t>56793</t>
  </si>
  <si>
    <t>20.72687339782715</t>
  </si>
  <si>
    <t>1301.715576171875</t>
  </si>
  <si>
    <t>-0.0002816851834612777</t>
  </si>
  <si>
    <t>54303</t>
  </si>
  <si>
    <t>20.24202537536621</t>
  </si>
  <si>
    <t>1372.6663818359375</t>
  </si>
  <si>
    <t>-0.04483360466335817</t>
  </si>
  <si>
    <t>54697</t>
  </si>
  <si>
    <t>20.72373390197754</t>
  </si>
  <si>
    <t>1141.6348876953125</t>
  </si>
  <si>
    <t>0.007229389284443499</t>
  </si>
  <si>
    <t>58775</t>
  </si>
  <si>
    <t>20.851999282836914</t>
  </si>
  <si>
    <t>1539.3978271484375</t>
  </si>
  <si>
    <t>0.0719077311091656</t>
  </si>
  <si>
    <t>60502</t>
  </si>
  <si>
    <t>21.35402488708496</t>
  </si>
  <si>
    <t>883.1243286132812</t>
  </si>
  <si>
    <t>0.02895982791550189</t>
  </si>
  <si>
    <t>21.289188385009766</t>
  </si>
  <si>
    <t>1204.6837158203125</t>
  </si>
  <si>
    <t>0.042060194940495066</t>
  </si>
  <si>
    <t>66904</t>
  </si>
  <si>
    <t>20.811845779418945</t>
  </si>
  <si>
    <t>1282.119384765625</t>
  </si>
  <si>
    <t>0.05852213879709289</t>
  </si>
  <si>
    <t>65813</t>
  </si>
  <si>
    <t>20.976484298706055</t>
  </si>
  <si>
    <t>863.984619140625</t>
  </si>
  <si>
    <t>-0.016441368872959217</t>
  </si>
  <si>
    <t>61233</t>
  </si>
  <si>
    <t>20.885770797729492</t>
  </si>
  <si>
    <t>1253.7037353515625</t>
  </si>
  <si>
    <t>-0.07213112732624971</t>
  </si>
  <si>
    <t>63808</t>
  </si>
  <si>
    <t>20.726503372192383</t>
  </si>
  <si>
    <t>1054.0377197265625</t>
  </si>
  <si>
    <t>0.04119231445935867</t>
  </si>
  <si>
    <t>66561</t>
  </si>
  <si>
    <t>22.1924991607666</t>
  </si>
  <si>
    <t>713.9091796875</t>
  </si>
  <si>
    <t>0.04224024609918153</t>
  </si>
  <si>
    <t>68126</t>
  </si>
  <si>
    <t>22.0322322845459</t>
  </si>
  <si>
    <t>1386.305908203125</t>
  </si>
  <si>
    <t>0.023240111336201963</t>
  </si>
  <si>
    <t>69875</t>
  </si>
  <si>
    <t>20.602495193481445</t>
  </si>
  <si>
    <t>1020.5989990234375</t>
  </si>
  <si>
    <t>0.025348999700506525</t>
  </si>
  <si>
    <t>69032</t>
  </si>
  <si>
    <t>20.58429527282715</t>
  </si>
  <si>
    <t>1045.0362548828125</t>
  </si>
  <si>
    <t>-0.012137766269257</t>
  </si>
  <si>
    <t>68302</t>
  </si>
  <si>
    <t>21.561782836914062</t>
  </si>
  <si>
    <t>1526.5345458984375</t>
  </si>
  <si>
    <t>-0.010631116481121694</t>
  </si>
  <si>
    <t>64707</t>
  </si>
  <si>
    <t>22.302820205688477</t>
  </si>
  <si>
    <t>1467.873046875</t>
  </si>
  <si>
    <t>-0.054069661416537684</t>
  </si>
  <si>
    <t>65524</t>
  </si>
  <si>
    <t>21.574012756347656</t>
  </si>
  <si>
    <t>1075.6287841796875</t>
  </si>
  <si>
    <t>0.012547100434037617</t>
  </si>
  <si>
    <t>67328</t>
  </si>
  <si>
    <t>21.5863037109375</t>
  </si>
  <si>
    <t>1312.1639404296875</t>
  </si>
  <si>
    <t>0.027159709932805143</t>
  </si>
  <si>
    <t>21.778512954711914</t>
  </si>
  <si>
    <t>1335.526123046875</t>
  </si>
  <si>
    <t>0.00043063444998558964</t>
  </si>
  <si>
    <t>63384</t>
  </si>
  <si>
    <t>21.733863830566406</t>
  </si>
  <si>
    <t>957.2800903320312</t>
  </si>
  <si>
    <t>-0.060795368462235544</t>
  </si>
  <si>
    <t>67060</t>
  </si>
  <si>
    <t>21.20100212097168</t>
  </si>
  <si>
    <t>1191.440673828125</t>
  </si>
  <si>
    <t>0.056376277375141726</t>
  </si>
  <si>
    <t>68113</t>
  </si>
  <si>
    <t>21.780168533325195</t>
  </si>
  <si>
    <t>930.1569213867188</t>
  </si>
  <si>
    <t>0.015580349640668345</t>
  </si>
  <si>
    <t>16.170106887817383</t>
  </si>
  <si>
    <t>1555.09716796875</t>
  </si>
  <si>
    <t>333.5999450683594</t>
  </si>
  <si>
    <t>Huntsville-Decatur, AL</t>
  </si>
  <si>
    <t>16.12749671936035</t>
  </si>
  <si>
    <t>1669.9708251953125</t>
  </si>
  <si>
    <t>-0.014392563676466352</t>
  </si>
  <si>
    <t>15.144844055175781</t>
  </si>
  <si>
    <t>1481.0999755859375</t>
  </si>
  <si>
    <t>0.020807164858725358</t>
  </si>
  <si>
    <t>14.719635009765625</t>
  </si>
  <si>
    <t>1225.8316650390625</t>
  </si>
  <si>
    <t>0.014033604346073147</t>
  </si>
  <si>
    <t>15.583106994628906</t>
  </si>
  <si>
    <t>1708.188232421875</t>
  </si>
  <si>
    <t>0.02730109604632247</t>
  </si>
  <si>
    <t>15.126907348632812</t>
  </si>
  <si>
    <t>1572.1021728515625</t>
  </si>
  <si>
    <t>0.014617038310477781</t>
  </si>
  <si>
    <t>33074</t>
  </si>
  <si>
    <t>14.864630699157715</t>
  </si>
  <si>
    <t>1521.76953125</t>
  </si>
  <si>
    <t>0.025167418405228403</t>
  </si>
  <si>
    <t>34123</t>
  </si>
  <si>
    <t>14.934807777404785</t>
  </si>
  <si>
    <t>1600.484375</t>
  </si>
  <si>
    <t>0.031224168500992633</t>
  </si>
  <si>
    <t>16.46120834350586</t>
  </si>
  <si>
    <t>1546.5411376953125</t>
  </si>
  <si>
    <t>0.0319547331205392</t>
  </si>
  <si>
    <t>15.767777442932129</t>
  </si>
  <si>
    <t>1181.564208984375</t>
  </si>
  <si>
    <t>0.0351392779917461</t>
  </si>
  <si>
    <t>15.271998405456543</t>
  </si>
  <si>
    <t>1261.6044921875</t>
  </si>
  <si>
    <t>0.02860772336886086</t>
  </si>
  <si>
    <t>37540</t>
  </si>
  <si>
    <t>15.683795928955078</t>
  </si>
  <si>
    <t>1595.89453125</t>
  </si>
  <si>
    <t>-0.0002663470517809685</t>
  </si>
  <si>
    <t>15.286526679992676</t>
  </si>
  <si>
    <t>1447.1082763671875</t>
  </si>
  <si>
    <t>0.014990961132669511</t>
  </si>
  <si>
    <t>15.214152336120605</t>
  </si>
  <si>
    <t>1642.88916015625</t>
  </si>
  <si>
    <t>0.025775624287266652</t>
  </si>
  <si>
    <t>15.854331970214844</t>
  </si>
  <si>
    <t>1638.7674560546875</t>
  </si>
  <si>
    <t>0.06291164224994183</t>
  </si>
  <si>
    <t>15.631403923034668</t>
  </si>
  <si>
    <t>1370.9437255859375</t>
  </si>
  <si>
    <t>-0.0016343407392032105</t>
  </si>
  <si>
    <t>15.628565788269043</t>
  </si>
  <si>
    <t>1198.677001953125</t>
  </si>
  <si>
    <t>0.012074120693791102</t>
  </si>
  <si>
    <t>15.91977310180664</t>
  </si>
  <si>
    <t>882.2264404296875</t>
  </si>
  <si>
    <t>0.003605830163024848</t>
  </si>
  <si>
    <t>15.295756340026855</t>
  </si>
  <si>
    <t>1402.2213134765625</t>
  </si>
  <si>
    <t>-0.012318038125696873</t>
  </si>
  <si>
    <t>41402</t>
  </si>
  <si>
    <t>15.060730934143066</t>
  </si>
  <si>
    <t>1763.4754638671875</t>
  </si>
  <si>
    <t>-0.007483641976994804</t>
  </si>
  <si>
    <t>15.414816856384277</t>
  </si>
  <si>
    <t>1180.367919921875</t>
  </si>
  <si>
    <t>0.022426694912471845</t>
  </si>
  <si>
    <t>16.477447509765625</t>
  </si>
  <si>
    <t>1611.4124755859375</t>
  </si>
  <si>
    <t>-0.005138234237282546</t>
  </si>
  <si>
    <t>42178</t>
  </si>
  <si>
    <t>16.736093521118164</t>
  </si>
  <si>
    <t>1421.51025390625</t>
  </si>
  <si>
    <t>0.0012811085712218784</t>
  </si>
  <si>
    <t>43010</t>
  </si>
  <si>
    <t>14.691023826599121</t>
  </si>
  <si>
    <t>1642.3372802734375</t>
  </si>
  <si>
    <t>0.0195338887060732</t>
  </si>
  <si>
    <t>42818</t>
  </si>
  <si>
    <t>15.270706176757812</t>
  </si>
  <si>
    <t>1422.4530029296875</t>
  </si>
  <si>
    <t>-0.00447407187111537</t>
  </si>
  <si>
    <t>16.380586624145508</t>
  </si>
  <si>
    <t>1654.2156982421875</t>
  </si>
  <si>
    <t>0.019473776197267867</t>
  </si>
  <si>
    <t>17.526609420776367</t>
  </si>
  <si>
    <t>1223.8043212890625</t>
  </si>
  <si>
    <t>0.010140803588932101</t>
  </si>
  <si>
    <t>43945</t>
  </si>
  <si>
    <t>16.295827865600586</t>
  </si>
  <si>
    <t>1532.3734130859375</t>
  </si>
  <si>
    <t>-0.003634302694122127</t>
  </si>
  <si>
    <t>44757</t>
  </si>
  <si>
    <t>16.7070255279541</t>
  </si>
  <si>
    <t>1892.8228759765625</t>
  </si>
  <si>
    <t>0.018309005052213223</t>
  </si>
  <si>
    <t>45399</t>
  </si>
  <si>
    <t>17.20223045349121</t>
  </si>
  <si>
    <t>1646.3914794921875</t>
  </si>
  <si>
    <t>0.01424222130417796</t>
  </si>
  <si>
    <t>44602</t>
  </si>
  <si>
    <t>16.512184143066406</t>
  </si>
  <si>
    <t>1680.1351318359375</t>
  </si>
  <si>
    <t>-0.017711377303072595</t>
  </si>
  <si>
    <t>47189</t>
  </si>
  <si>
    <t>16.10187530517578</t>
  </si>
  <si>
    <t>1755.00927734375</t>
  </si>
  <si>
    <t>0.05638211351355693</t>
  </si>
  <si>
    <t>16.55697250366211</t>
  </si>
  <si>
    <t>1605.6158447265625</t>
  </si>
  <si>
    <t>0.015580798588056055</t>
  </si>
  <si>
    <t>5.859640121459961</t>
  </si>
  <si>
    <t>280.28515625</t>
  </si>
  <si>
    <t>133.01016235351562</t>
  </si>
  <si>
    <t>Idaho Falls-Blackfoot, ID</t>
  </si>
  <si>
    <t>5.828477382659912</t>
  </si>
  <si>
    <t>361.4796447753906</t>
  </si>
  <si>
    <t>-0.014389749940640684</t>
  </si>
  <si>
    <t>6.416566371917725</t>
  </si>
  <si>
    <t>303.5387878417969</t>
  </si>
  <si>
    <t>0.020831164249759837</t>
  </si>
  <si>
    <t>4.823537349700928</t>
  </si>
  <si>
    <t>377.9079284667969</t>
  </si>
  <si>
    <t>0.013992508416619032</t>
  </si>
  <si>
    <t>6.766506195068359</t>
  </si>
  <si>
    <t>344.95440673828125</t>
  </si>
  <si>
    <t>0.027311097108665194</t>
  </si>
  <si>
    <t>6.5903754234313965</t>
  </si>
  <si>
    <t>422.35748291015625</t>
  </si>
  <si>
    <t>0.014612313286862744</t>
  </si>
  <si>
    <t>6.327818393707275</t>
  </si>
  <si>
    <t>450.1683044433594</t>
  </si>
  <si>
    <t>0.025180778576498142</t>
  </si>
  <si>
    <t>5.943459987640381</t>
  </si>
  <si>
    <t>385.861572265625</t>
  </si>
  <si>
    <t>0.031222509400622656</t>
  </si>
  <si>
    <t>33285</t>
  </si>
  <si>
    <t>6.1249213218688965</t>
  </si>
  <si>
    <t>424.91064453125</t>
  </si>
  <si>
    <t>0.03196096407792837</t>
  </si>
  <si>
    <t>34475</t>
  </si>
  <si>
    <t>6.25747537612915</t>
  </si>
  <si>
    <t>322.6314392089844</t>
  </si>
  <si>
    <t>0.0351275786266978</t>
  </si>
  <si>
    <t>6.0340495109558105</t>
  </si>
  <si>
    <t>281.0121154785156</t>
  </si>
  <si>
    <t>0.028621987834840823</t>
  </si>
  <si>
    <t>35466</t>
  </si>
  <si>
    <t>6.641551971435547</t>
  </si>
  <si>
    <t>274.6625061035156</t>
  </si>
  <si>
    <t>-0.00028192044391772697</t>
  </si>
  <si>
    <t>6.061974048614502</t>
  </si>
  <si>
    <t>252.3070526123047</t>
  </si>
  <si>
    <t>-0.00534329756090024</t>
  </si>
  <si>
    <t>6.434455871582031</t>
  </si>
  <si>
    <t>285.9873046875</t>
  </si>
  <si>
    <t>-0.022996769830022856</t>
  </si>
  <si>
    <t>6.362337589263916</t>
  </si>
  <si>
    <t>385.390380859375</t>
  </si>
  <si>
    <t>0.03309387727446911</t>
  </si>
  <si>
    <t>6.48877477645874</t>
  </si>
  <si>
    <t>441.44854736328125</t>
  </si>
  <si>
    <t>0.017359325393567104</t>
  </si>
  <si>
    <t>38616</t>
  </si>
  <si>
    <t>6.2004876136779785</t>
  </si>
  <si>
    <t>310.6405029296875</t>
  </si>
  <si>
    <t>0.06297907201079056</t>
  </si>
  <si>
    <t>39139</t>
  </si>
  <si>
    <t>6.794620513916016</t>
  </si>
  <si>
    <t>288.71832275390625</t>
  </si>
  <si>
    <t>0.013452713973180153</t>
  </si>
  <si>
    <t>39592</t>
  </si>
  <si>
    <t>5.9980950355529785</t>
  </si>
  <si>
    <t>288.3753356933594</t>
  </si>
  <si>
    <t>0.0115076653182129</t>
  </si>
  <si>
    <t>5.526400089263916</t>
  </si>
  <si>
    <t>348.21209716796875</t>
  </si>
  <si>
    <t>-0.013041839338731265</t>
  </si>
  <si>
    <t>5.799005031585693</t>
  </si>
  <si>
    <t>379.98895263671875</t>
  </si>
  <si>
    <t>-0.03597819566198801</t>
  </si>
  <si>
    <t>38117</t>
  </si>
  <si>
    <t>5.741408824920654</t>
  </si>
  <si>
    <t>377.1029968261719</t>
  </si>
  <si>
    <t>0.011053334194468079</t>
  </si>
  <si>
    <t>37609</t>
  </si>
  <si>
    <t>6.992922306060791</t>
  </si>
  <si>
    <t>292.2698974609375</t>
  </si>
  <si>
    <t>-0.013416993387798115</t>
  </si>
  <si>
    <t>6.424474239349365</t>
  </si>
  <si>
    <t>315.7251281738281</t>
  </si>
  <si>
    <t>0.01810206863467201</t>
  </si>
  <si>
    <t>6.880835056304932</t>
  </si>
  <si>
    <t>367.6961975097656</t>
  </si>
  <si>
    <t>-0.026137671225590964</t>
  </si>
  <si>
    <t>38333</t>
  </si>
  <si>
    <t>7.374716281890869</t>
  </si>
  <si>
    <t>364.0798645019531</t>
  </si>
  <si>
    <t>0.02710336314054196</t>
  </si>
  <si>
    <t>38481</t>
  </si>
  <si>
    <t>6.7231292724609375</t>
  </si>
  <si>
    <t>357.2451477050781</t>
  </si>
  <si>
    <t>0.0038534689806652977</t>
  </si>
  <si>
    <t>39326</t>
  </si>
  <si>
    <t>7.1674041748046875</t>
  </si>
  <si>
    <t>361.7641906738281</t>
  </si>
  <si>
    <t>0.021721264751541014</t>
  </si>
  <si>
    <t>6.464592456817627</t>
  </si>
  <si>
    <t>350.1824035644531</t>
  </si>
  <si>
    <t>0.03841254374987102</t>
  </si>
  <si>
    <t>42163</t>
  </si>
  <si>
    <t>5.67624044418335</t>
  </si>
  <si>
    <t>381.9257507324219</t>
  </si>
  <si>
    <t>0.03124463770955188</t>
  </si>
  <si>
    <t>41194</t>
  </si>
  <si>
    <t>6.920898914337158</t>
  </si>
  <si>
    <t>303.12103271484375</t>
  </si>
  <si>
    <t>-0.023250444514502533</t>
  </si>
  <si>
    <t>7.198739528656006</t>
  </si>
  <si>
    <t>336.7824401855469</t>
  </si>
  <si>
    <t>0.05637455138183434</t>
  </si>
  <si>
    <t>44268</t>
  </si>
  <si>
    <t>6.295053958892822</t>
  </si>
  <si>
    <t>351.73681640625</t>
  </si>
  <si>
    <t>0.015594902338419203</t>
  </si>
  <si>
    <t>11.788033485412598</t>
  </si>
  <si>
    <t>1361.2899169921875</t>
  </si>
  <si>
    <t>1317.1934814453125</t>
  </si>
  <si>
    <t>Indianapolis-Anderson-Columbus, IN</t>
  </si>
  <si>
    <t>12.660319328308105</t>
  </si>
  <si>
    <t>916.9208984375</t>
  </si>
  <si>
    <t>-0.01439203035047143</t>
  </si>
  <si>
    <t>11.202774047851562</t>
  </si>
  <si>
    <t>1141.2274169921875</t>
  </si>
  <si>
    <t>0.020809003185936703</t>
  </si>
  <si>
    <t>10.450379371643066</t>
  </si>
  <si>
    <t>1266.219970703125</t>
  </si>
  <si>
    <t>0.014023518937875679</t>
  </si>
  <si>
    <t>41547</t>
  </si>
  <si>
    <t>11.753584861755371</t>
  </si>
  <si>
    <t>892.4692993164062</t>
  </si>
  <si>
    <t>0.027277967290240568</t>
  </si>
  <si>
    <t>42160</t>
  </si>
  <si>
    <t>11.024678230285645</t>
  </si>
  <si>
    <t>983.7315063476562</t>
  </si>
  <si>
    <t>0.014646587704415737</t>
  </si>
  <si>
    <t>10.36130142211914</t>
  </si>
  <si>
    <t>1251.3839111328125</t>
  </si>
  <si>
    <t>0.025155318502754653</t>
  </si>
  <si>
    <t>11.09298038482666</t>
  </si>
  <si>
    <t>959.4346923828125</t>
  </si>
  <si>
    <t>0.0312411563899051</t>
  </si>
  <si>
    <t>12.649369239807129</t>
  </si>
  <si>
    <t>1228.4952392578125</t>
  </si>
  <si>
    <t>0.031946241909661666</t>
  </si>
  <si>
    <t>47700</t>
  </si>
  <si>
    <t>12.076933860778809</t>
  </si>
  <si>
    <t>803.2687377929688</t>
  </si>
  <si>
    <t>0.03511677685886738</t>
  </si>
  <si>
    <t>49085</t>
  </si>
  <si>
    <t>11.221936225891113</t>
  </si>
  <si>
    <t>1060.198974609375</t>
  </si>
  <si>
    <t>0.028622091250189996</t>
  </si>
  <si>
    <t>49071</t>
  </si>
  <si>
    <t>12.414115905761719</t>
  </si>
  <si>
    <t>1170.0413818359375</t>
  </si>
  <si>
    <t>-0.00028526019998764696</t>
  </si>
  <si>
    <t>49460</t>
  </si>
  <si>
    <t>11.523358345031738</t>
  </si>
  <si>
    <t>1093.7398681640625</t>
  </si>
  <si>
    <t>0.007896033148773185</t>
  </si>
  <si>
    <t>10.96871280670166</t>
  </si>
  <si>
    <t>1302.978759765625</t>
  </si>
  <si>
    <t>0.02191737069160915</t>
  </si>
  <si>
    <t>51849</t>
  </si>
  <si>
    <t>11.756566047668457</t>
  </si>
  <si>
    <t>1184.6021728515625</t>
  </si>
  <si>
    <t>0.025254015301586108</t>
  </si>
  <si>
    <t>51107</t>
  </si>
  <si>
    <t>12.426980018615723</t>
  </si>
  <si>
    <t>1022.1653442382812</t>
  </si>
  <si>
    <t>-0.014414173957204568</t>
  </si>
  <si>
    <t>51450</t>
  </si>
  <si>
    <t>12.042338371276855</t>
  </si>
  <si>
    <t>1346.9368896484375</t>
  </si>
  <si>
    <t>52522</t>
  </si>
  <si>
    <t>12.09708309173584</t>
  </si>
  <si>
    <t>1009.3365478515625</t>
  </si>
  <si>
    <t>0.020621667160634516</t>
  </si>
  <si>
    <t>10.7314453125</t>
  </si>
  <si>
    <t>1262.9827880859375</t>
  </si>
  <si>
    <t>0.018187807973504277</t>
  </si>
  <si>
    <t>52577</t>
  </si>
  <si>
    <t>11.292574882507324</t>
  </si>
  <si>
    <t>1165.6302490234375</t>
  </si>
  <si>
    <t>-0.017141175655009278</t>
  </si>
  <si>
    <t>54034</t>
  </si>
  <si>
    <t>12.034453392028809</t>
  </si>
  <si>
    <t>958.4125366210938</t>
  </si>
  <si>
    <t>0.027334716301142592</t>
  </si>
  <si>
    <t>53588</t>
  </si>
  <si>
    <t>12.580506324768066</t>
  </si>
  <si>
    <t>1449.2662353515625</t>
  </si>
  <si>
    <t>-0.008288315645591737</t>
  </si>
  <si>
    <t>53735</t>
  </si>
  <si>
    <t>13.155097007751465</t>
  </si>
  <si>
    <t>951.176025390625</t>
  </si>
  <si>
    <t>0.0027393958783772376</t>
  </si>
  <si>
    <t>55202</t>
  </si>
  <si>
    <t>10.7600736618042</t>
  </si>
  <si>
    <t>1157.91748046875</t>
  </si>
  <si>
    <t>0.026934626217633095</t>
  </si>
  <si>
    <t>55881</t>
  </si>
  <si>
    <t>1118.022216796875</t>
  </si>
  <si>
    <t>0.012225245208226099</t>
  </si>
  <si>
    <t>54934</t>
  </si>
  <si>
    <t>12.073260307312012</t>
  </si>
  <si>
    <t>1227.527099609375</t>
  </si>
  <si>
    <t>-0.017091965063023906</t>
  </si>
  <si>
    <t>55354</t>
  </si>
  <si>
    <t>13.223251342773438</t>
  </si>
  <si>
    <t>1187.056884765625</t>
  </si>
  <si>
    <t>0.007616459276873044</t>
  </si>
  <si>
    <t>55776</t>
  </si>
  <si>
    <t>12.448317527770996</t>
  </si>
  <si>
    <t>1165.2869873046875</t>
  </si>
  <si>
    <t>0.007594745404785996</t>
  </si>
  <si>
    <t>57109</t>
  </si>
  <si>
    <t>12.178450584411621</t>
  </si>
  <si>
    <t>1342.97021484375</t>
  </si>
  <si>
    <t>0.02361805311756804</t>
  </si>
  <si>
    <t>12.373847961425781</t>
  </si>
  <si>
    <t>1331.2491455078125</t>
  </si>
  <si>
    <t>0.009792725059954321</t>
  </si>
  <si>
    <t>57428</t>
  </si>
  <si>
    <t>12.270047187805176</t>
  </si>
  <si>
    <t>1146.8585205078125</t>
  </si>
  <si>
    <t>-0.004222458249685701</t>
  </si>
  <si>
    <t>60759</t>
  </si>
  <si>
    <t>12.340460777282715</t>
  </si>
  <si>
    <t>1218.36865234375</t>
  </si>
  <si>
    <t>0.05638323013050517</t>
  </si>
  <si>
    <t>61713</t>
  </si>
  <si>
    <t>12.521086692810059</t>
  </si>
  <si>
    <t>1107.6697998046875</t>
  </si>
  <si>
    <t>0.015579386242494664</t>
  </si>
  <si>
    <t>26205</t>
  </si>
  <si>
    <t>18.910860061645508</t>
  </si>
  <si>
    <t>1443.664306640625</t>
  </si>
  <si>
    <t>623.3043823242188</t>
  </si>
  <si>
    <t>Jackson-Yazoo City, MS</t>
  </si>
  <si>
    <t>18.725404739379883</t>
  </si>
  <si>
    <t>1769.0101318359375</t>
  </si>
  <si>
    <t>-0.014374911222912345</t>
  </si>
  <si>
    <t>18.09903907775879</t>
  </si>
  <si>
    <t>1527.6580810546875</t>
  </si>
  <si>
    <t>0.020803355354290787</t>
  </si>
  <si>
    <t>17.564363479614258</t>
  </si>
  <si>
    <t>1443.9140625</t>
  </si>
  <si>
    <t>0.014006253065097951</t>
  </si>
  <si>
    <t>27486</t>
  </si>
  <si>
    <t>18.52098846435547</t>
  </si>
  <si>
    <t>1420.5633544921875</t>
  </si>
  <si>
    <t>0.02729185468205486</t>
  </si>
  <si>
    <t>27891</t>
  </si>
  <si>
    <t>18.310455322265625</t>
  </si>
  <si>
    <t>1493.6873779296875</t>
  </si>
  <si>
    <t>0.0146272720091698</t>
  </si>
  <si>
    <t>17.940723419189453</t>
  </si>
  <si>
    <t>1348.1170654296875</t>
  </si>
  <si>
    <t>0.025172589308914084</t>
  </si>
  <si>
    <t>29509</t>
  </si>
  <si>
    <t>17.824220657348633</t>
  </si>
  <si>
    <t>1748.746337890625</t>
  </si>
  <si>
    <t>0.03121865611190522</t>
  </si>
  <si>
    <t>19.260726928710938</t>
  </si>
  <si>
    <t>1405.6243896484375</t>
  </si>
  <si>
    <t>0.03194882908853103</t>
  </si>
  <si>
    <t>31557</t>
  </si>
  <si>
    <t>18.69797706604004</t>
  </si>
  <si>
    <t>1058.6602783203125</t>
  </si>
  <si>
    <t>0.03515130377406628</t>
  </si>
  <si>
    <t>32473</t>
  </si>
  <si>
    <t>18.164443969726562</t>
  </si>
  <si>
    <t>1193.1822509765625</t>
  </si>
  <si>
    <t>0.028613540399673454</t>
  </si>
  <si>
    <t>18.446033477783203</t>
  </si>
  <si>
    <t>1609.0810546875</t>
  </si>
  <si>
    <t>-0.0002771917414605696</t>
  </si>
  <si>
    <t>18.024776458740234</t>
  </si>
  <si>
    <t>1490.865478515625</t>
  </si>
  <si>
    <t>0.01482912839085948</t>
  </si>
  <si>
    <t>18.272735595703125</t>
  </si>
  <si>
    <t>1473.1622314453125</t>
  </si>
  <si>
    <t>0.0408839064705564</t>
  </si>
  <si>
    <t>35351</t>
  </si>
  <si>
    <t>18.699710845947266</t>
  </si>
  <si>
    <t>1650.0343017578125</t>
  </si>
  <si>
    <t>0.029481862540732706</t>
  </si>
  <si>
    <t>35670</t>
  </si>
  <si>
    <t>18.689058303833008</t>
  </si>
  <si>
    <t>1301.7296142578125</t>
  </si>
  <si>
    <t>0.00898331888519266</t>
  </si>
  <si>
    <t>18.60577964782715</t>
  </si>
  <si>
    <t>1300.6942138671875</t>
  </si>
  <si>
    <t>0.016046619884509283</t>
  </si>
  <si>
    <t>34780</t>
  </si>
  <si>
    <t>18.707674026489258</t>
  </si>
  <si>
    <t>1017.5549926757812</t>
  </si>
  <si>
    <t>-0.041314110329173204</t>
  </si>
  <si>
    <t>18.26801109313965</t>
  </si>
  <si>
    <t>1395.9163818359375</t>
  </si>
  <si>
    <t>0.08949057075106204</t>
  </si>
  <si>
    <t>36505</t>
  </si>
  <si>
    <t>18.063819885253906</t>
  </si>
  <si>
    <t>1602.064208984375</t>
  </si>
  <si>
    <t>-0.041083842169149065</t>
  </si>
  <si>
    <t>36757</t>
  </si>
  <si>
    <t>18.182546615600586</t>
  </si>
  <si>
    <t>1044.3717041015625</t>
  </si>
  <si>
    <t>0.0068794462029853065</t>
  </si>
  <si>
    <t>19.232315063476562</t>
  </si>
  <si>
    <t>1281.7955322265625</t>
  </si>
  <si>
    <t>-0.010391976913009415</t>
  </si>
  <si>
    <t>19.449542999267578</t>
  </si>
  <si>
    <t>1537.9501953125</t>
  </si>
  <si>
    <t>0.017656653355837548</t>
  </si>
  <si>
    <t>17.577224731445312</t>
  </si>
  <si>
    <t>1509.62255859375</t>
  </si>
  <si>
    <t>0.024939613587864784</t>
  </si>
  <si>
    <t>17.883832931518555</t>
  </si>
  <si>
    <t>1435.61181640625</t>
  </si>
  <si>
    <t>-0.006713740757335884</t>
  </si>
  <si>
    <t>19.257190704345703</t>
  </si>
  <si>
    <t>1642.5394287109375</t>
  </si>
  <si>
    <t>-0.0020973551819114533</t>
  </si>
  <si>
    <t>20.211400985717773</t>
  </si>
  <si>
    <t>1500.913818359375</t>
  </si>
  <si>
    <t>-0.009828351421830916</t>
  </si>
  <si>
    <t>37722</t>
  </si>
  <si>
    <t>19.095678329467773</t>
  </si>
  <si>
    <t>1526.2767333984375</t>
  </si>
  <si>
    <t>0.012349952248330354</t>
  </si>
  <si>
    <t>38249</t>
  </si>
  <si>
    <t>19.42741584777832</t>
  </si>
  <si>
    <t>1699.3331298828125</t>
  </si>
  <si>
    <t>0.013873937510959777</t>
  </si>
  <si>
    <t>19.669553756713867</t>
  </si>
  <si>
    <t>1614.9278564453125</t>
  </si>
  <si>
    <t>0.009290288665743773</t>
  </si>
  <si>
    <t>19.182893753051758</t>
  </si>
  <si>
    <t>1469.17529296875</t>
  </si>
  <si>
    <t>-0.02746805046562173</t>
  </si>
  <si>
    <t>39739</t>
  </si>
  <si>
    <t>18.799636840820312</t>
  </si>
  <si>
    <t>1773.5411376953125</t>
  </si>
  <si>
    <t>0.05639341890384131</t>
  </si>
  <si>
    <t>19.324684143066406</t>
  </si>
  <si>
    <t>1542.8814697265625</t>
  </si>
  <si>
    <t>0.015580450499903975</t>
  </si>
  <si>
    <t>21.7546329498291</t>
  </si>
  <si>
    <t>1059.363037109375</t>
  </si>
  <si>
    <t>533.2003173828125</t>
  </si>
  <si>
    <t>Jacksonville, FL</t>
  </si>
  <si>
    <t>21.270383834838867</t>
  </si>
  <si>
    <t>1483.8966064453125</t>
  </si>
  <si>
    <t>-0.014381601705217406</t>
  </si>
  <si>
    <t>20.799631118774414</t>
  </si>
  <si>
    <t>1413.72216796875</t>
  </si>
  <si>
    <t>0.020789170900764375</t>
  </si>
  <si>
    <t>20.35363006591797</t>
  </si>
  <si>
    <t>1208.616943359375</t>
  </si>
  <si>
    <t>0.014034181708087345</t>
  </si>
  <si>
    <t>21.258821487426758</t>
  </si>
  <si>
    <t>1459.413330078125</t>
  </si>
  <si>
    <t>0.027282349818776197</t>
  </si>
  <si>
    <t>20.705989837646484</t>
  </si>
  <si>
    <t>1236.2845458984375</t>
  </si>
  <si>
    <t>0.01462714577963986</t>
  </si>
  <si>
    <t>20.37046241760254</t>
  </si>
  <si>
    <t>1185.9166259765625</t>
  </si>
  <si>
    <t>0.02517516095640815</t>
  </si>
  <si>
    <t>41168</t>
  </si>
  <si>
    <t>20.509910583496094</t>
  </si>
  <si>
    <t>1285.3795166015625</t>
  </si>
  <si>
    <t>0.031234807586518087</t>
  </si>
  <si>
    <t>21.594512939453125</t>
  </si>
  <si>
    <t>1260.360107421875</t>
  </si>
  <si>
    <t>0.031960460529933954</t>
  </si>
  <si>
    <t>44024</t>
  </si>
  <si>
    <t>20.719160079956055</t>
  </si>
  <si>
    <t>1097.245849609375</t>
  </si>
  <si>
    <t>0.03511322368813552</t>
  </si>
  <si>
    <t>20.239065170288086</t>
  </si>
  <si>
    <t>1024.0865478515625</t>
  </si>
  <si>
    <t>0.028616241867318593</t>
  </si>
  <si>
    <t>20.72486114501953</t>
  </si>
  <si>
    <t>1215.4849853515625</t>
  </si>
  <si>
    <t>-0.0002870042297633546</t>
  </si>
  <si>
    <t>45989</t>
  </si>
  <si>
    <t>20.44618034362793</t>
  </si>
  <si>
    <t>1156.1014404296875</t>
  </si>
  <si>
    <t>0.015338060063058379</t>
  </si>
  <si>
    <t>47509</t>
  </si>
  <si>
    <t>20.560142517089844</t>
  </si>
  <si>
    <t>1356.519287109375</t>
  </si>
  <si>
    <t>0.032516929318862964</t>
  </si>
  <si>
    <t>48663</t>
  </si>
  <si>
    <t>20.86012077331543</t>
  </si>
  <si>
    <t>1353.2127685546875</t>
  </si>
  <si>
    <t>0.023999820959152984</t>
  </si>
  <si>
    <t>49579</t>
  </si>
  <si>
    <t>20.70627212524414</t>
  </si>
  <si>
    <t>1430.3433837890625</t>
  </si>
  <si>
    <t>0.0186483692443975</t>
  </si>
  <si>
    <t>50658</t>
  </si>
  <si>
    <t>20.806507110595703</t>
  </si>
  <si>
    <t>914.4598999023438</t>
  </si>
  <si>
    <t>0.02152980793493242</t>
  </si>
  <si>
    <t>50066</t>
  </si>
  <si>
    <t>20.97193717956543</t>
  </si>
  <si>
    <t>1102.1473388671875</t>
  </si>
  <si>
    <t>-0.011755029921372895</t>
  </si>
  <si>
    <t>20.604642868041992</t>
  </si>
  <si>
    <t>1216.7073974609375</t>
  </si>
  <si>
    <t>-0.048117279114537226</t>
  </si>
  <si>
    <t>45581</t>
  </si>
  <si>
    <t>20.437381744384766</t>
  </si>
  <si>
    <t>1442.89599609375</t>
  </si>
  <si>
    <t>-0.045733892855508884</t>
  </si>
  <si>
    <t>45342</t>
  </si>
  <si>
    <t>20.14180564880371</t>
  </si>
  <si>
    <t>1060.5833740234375</t>
  </si>
  <si>
    <t>-0.0052572077573600495</t>
  </si>
  <si>
    <t>44241</t>
  </si>
  <si>
    <t>21.532114028930664</t>
  </si>
  <si>
    <t>1160.29638671875</t>
  </si>
  <si>
    <t>-0.02458179432972507</t>
  </si>
  <si>
    <t>21.71473503112793</t>
  </si>
  <si>
    <t>1235.4998779296875</t>
  </si>
  <si>
    <t>0.003925289284751443</t>
  </si>
  <si>
    <t>45029</t>
  </si>
  <si>
    <t>20.52327537536621</t>
  </si>
  <si>
    <t>1485.1148681640625</t>
  </si>
  <si>
    <t>0.01372947642795097</t>
  </si>
  <si>
    <t>45488</t>
  </si>
  <si>
    <t>20.8708438873291</t>
  </si>
  <si>
    <t>1460.228515625</t>
  </si>
  <si>
    <t>0.01014182825902843</t>
  </si>
  <si>
    <t>46693</t>
  </si>
  <si>
    <t>21.88471221923828</t>
  </si>
  <si>
    <t>1566.160888671875</t>
  </si>
  <si>
    <t>0.02614570559751961</t>
  </si>
  <si>
    <t>22.3359317779541</t>
  </si>
  <si>
    <t>1312.5732421875</t>
  </si>
  <si>
    <t>0.015871494183306467</t>
  </si>
  <si>
    <t>48345</t>
  </si>
  <si>
    <t>21.534650802612305</t>
  </si>
  <si>
    <t>1415.1678466796875</t>
  </si>
  <si>
    <t>0.018897049246040964</t>
  </si>
  <si>
    <t>21.86565399169922</t>
  </si>
  <si>
    <t>1484.040771484375</t>
  </si>
  <si>
    <t>0.019804655202193544</t>
  </si>
  <si>
    <t>22.371488571166992</t>
  </si>
  <si>
    <t>1423.7802734375</t>
  </si>
  <si>
    <t>0.01691087401944813</t>
  </si>
  <si>
    <t>50564</t>
  </si>
  <si>
    <t>21.96782875061035</t>
  </si>
  <si>
    <t>1379.9539794921875</t>
  </si>
  <si>
    <t>0.00816152747615817</t>
  </si>
  <si>
    <t>53496</t>
  </si>
  <si>
    <t>21.24996566772461</t>
  </si>
  <si>
    <t>1447.6094970703125</t>
  </si>
  <si>
    <t>0.056367024118365805</t>
  </si>
  <si>
    <t>54336</t>
  </si>
  <si>
    <t>21.834508895874023</t>
  </si>
  <si>
    <t>1415.3189697265625</t>
  </si>
  <si>
    <t>0.015580105937205602</t>
  </si>
  <si>
    <t>13.222968101501465</t>
  </si>
  <si>
    <t>1161.6275634765625</t>
  </si>
  <si>
    <t>340.73272705078125</t>
  </si>
  <si>
    <t>Johnson City-Kingsport-Bristol (Tri-Cities), TN-VA</t>
  </si>
  <si>
    <t>12.988314628601074</t>
  </si>
  <si>
    <t>1163.993408203125</t>
  </si>
  <si>
    <t>-0.014381053094760787</t>
  </si>
  <si>
    <t>26575</t>
  </si>
  <si>
    <t>11.874698638916016</t>
  </si>
  <si>
    <t>1078.2744140625</t>
  </si>
  <si>
    <t>0.02083646349624857</t>
  </si>
  <si>
    <t>11.679404258728027</t>
  </si>
  <si>
    <t>1048.5625</t>
  </si>
  <si>
    <t>0.014012373126995215</t>
  </si>
  <si>
    <t>27695</t>
  </si>
  <si>
    <t>12.447230339050293</t>
  </si>
  <si>
    <t>1277.6939697265625</t>
  </si>
  <si>
    <t>0.02726859413006011</t>
  </si>
  <si>
    <t>11.872631072998047</t>
  </si>
  <si>
    <t>1094.953125</t>
  </si>
  <si>
    <t>0.014624440721858534</t>
  </si>
  <si>
    <t>28819</t>
  </si>
  <si>
    <t>11.608352661132812</t>
  </si>
  <si>
    <t>1239.1859130859375</t>
  </si>
  <si>
    <t>0.02515855963615543</t>
  </si>
  <si>
    <t>11.750897407531738</t>
  </si>
  <si>
    <t>1088.89794921875</t>
  </si>
  <si>
    <t>0.031256280348078036</t>
  </si>
  <si>
    <t>30699</t>
  </si>
  <si>
    <t>13.138191223144531</t>
  </si>
  <si>
    <t>1185.240966796875</t>
  </si>
  <si>
    <t>0.031938908581569336</t>
  </si>
  <si>
    <t>12.272139549255371</t>
  </si>
  <si>
    <t>926.8123779296875</t>
  </si>
  <si>
    <t>0.03514186494049909</t>
  </si>
  <si>
    <t>32720</t>
  </si>
  <si>
    <t>11.837536811828613</t>
  </si>
  <si>
    <t>994.2437133789062</t>
  </si>
  <si>
    <t>0.028614566021317955</t>
  </si>
  <si>
    <t>12.578059196472168</t>
  </si>
  <si>
    <t>1058.7587890625</t>
  </si>
  <si>
    <t>-0.00027509896094279895</t>
  </si>
  <si>
    <t>12.196972846984863</t>
  </si>
  <si>
    <t>1121.9173583984375</t>
  </si>
  <si>
    <t>0.011429043218516455</t>
  </si>
  <si>
    <t>11.971680641174316</t>
  </si>
  <si>
    <t>1416.736572265625</t>
  </si>
  <si>
    <t>0.01886170521212094</t>
  </si>
  <si>
    <t>12.664883613586426</t>
  </si>
  <si>
    <t>1293.61865234375</t>
  </si>
  <si>
    <t>0.04483209439236724</t>
  </si>
  <si>
    <t>35329</t>
  </si>
  <si>
    <t>12.591144561767578</t>
  </si>
  <si>
    <t>989.11669921875</t>
  </si>
  <si>
    <t>0.0018699008168319153</t>
  </si>
  <si>
    <t>37085</t>
  </si>
  <si>
    <t>12.492648124694824</t>
  </si>
  <si>
    <t>1071.9195556640625</t>
  </si>
  <si>
    <t>0.04850841877508216</t>
  </si>
  <si>
    <t>12.920580863952637</t>
  </si>
  <si>
    <t>799.9046630859375</t>
  </si>
  <si>
    <t>0.0034187147177906496</t>
  </si>
  <si>
    <t>12.17578411102295</t>
  </si>
  <si>
    <t>1000.467529296875</t>
  </si>
  <si>
    <t>0.019928027007924953</t>
  </si>
  <si>
    <t>11.955395698547363</t>
  </si>
  <si>
    <t>1336.52001953125</t>
  </si>
  <si>
    <t>-0.02323888722133738</t>
  </si>
  <si>
    <t>12.171440124511719</t>
  </si>
  <si>
    <t>991.9747314453125</t>
  </si>
  <si>
    <t>0.009365801686238129</t>
  </si>
  <si>
    <t>37991</t>
  </si>
  <si>
    <t>13.338231086730957</t>
  </si>
  <si>
    <t>1282.6658935546875</t>
  </si>
  <si>
    <t>0.01466305819046454</t>
  </si>
  <si>
    <t>13.438076972961426</t>
  </si>
  <si>
    <t>1099.42529296875</t>
  </si>
  <si>
    <t>-0.003374907624998258</t>
  </si>
  <si>
    <t>11.462479591369629</t>
  </si>
  <si>
    <t>1397.4739990234375</t>
  </si>
  <si>
    <t>-0.010940970068181954</t>
  </si>
  <si>
    <t>36361</t>
  </si>
  <si>
    <t>12.051135063171387</t>
  </si>
  <si>
    <t>1214.362548828125</t>
  </si>
  <si>
    <t>-0.029536640195063413</t>
  </si>
  <si>
    <t>13.098766326904297</t>
  </si>
  <si>
    <t>1328.6302490234375</t>
  </si>
  <si>
    <t>0.019446116342637154</t>
  </si>
  <si>
    <t>14.060612678527832</t>
  </si>
  <si>
    <t>1038.5299072265625</t>
  </si>
  <si>
    <t>-0.0025656620650167383</t>
  </si>
  <si>
    <t>37917</t>
  </si>
  <si>
    <t>13.109862327575684</t>
  </si>
  <si>
    <t>1223.4681396484375</t>
  </si>
  <si>
    <t>0.02502233437411938</t>
  </si>
  <si>
    <t>13.441192626953125</t>
  </si>
  <si>
    <t>1646.3563232421875</t>
  </si>
  <si>
    <t>0.01497292585082377</t>
  </si>
  <si>
    <t>13.98029613494873</t>
  </si>
  <si>
    <t>1292.402587890625</t>
  </si>
  <si>
    <t>0.014470390101772423</t>
  </si>
  <si>
    <t>13.298773765563965</t>
  </si>
  <si>
    <t>1444.031005859375</t>
  </si>
  <si>
    <t>-0.06479463587837486</t>
  </si>
  <si>
    <t>38722</t>
  </si>
  <si>
    <t>13.020740509033203</t>
  </si>
  <si>
    <t>1242.5413818359375</t>
  </si>
  <si>
    <t>0.05635967355965299</t>
  </si>
  <si>
    <t>39330</t>
  </si>
  <si>
    <t>13.366409301757812</t>
  </si>
  <si>
    <t>1232.14697265625</t>
  </si>
  <si>
    <t>0.015579672476745188</t>
  </si>
  <si>
    <t>16.038616180419922</t>
  </si>
  <si>
    <t>1550.155029296875</t>
  </si>
  <si>
    <t>100.54117584228516</t>
  </si>
  <si>
    <t>Jonesboro, AR</t>
  </si>
  <si>
    <t>23740</t>
  </si>
  <si>
    <t>16.63790512084961</t>
  </si>
  <si>
    <t>1258.28271484375</t>
  </si>
  <si>
    <t>-0.014386330420679272</t>
  </si>
  <si>
    <t>15.485373497009277</t>
  </si>
  <si>
    <t>1175.9766845703125</t>
  </si>
  <si>
    <t>0.020801517043203432</t>
  </si>
  <si>
    <t>24581</t>
  </si>
  <si>
    <t>14.90346908569336</t>
  </si>
  <si>
    <t>1274.941162109375</t>
  </si>
  <si>
    <t>0.014010880568118722</t>
  </si>
  <si>
    <t>25262</t>
  </si>
  <si>
    <t>15.984917640686035</t>
  </si>
  <si>
    <t>1276.459228515625</t>
  </si>
  <si>
    <t>0.027327503558938204</t>
  </si>
  <si>
    <t>25634</t>
  </si>
  <si>
    <t>15.645550727844238</t>
  </si>
  <si>
    <t>1063.25244140625</t>
  </si>
  <si>
    <t>0.014618304955849482</t>
  </si>
  <si>
    <t>15.106776237487793</t>
  </si>
  <si>
    <t>1293.2169189453125</t>
  </si>
  <si>
    <t>0.025154925093314517</t>
  </si>
  <si>
    <t>15.28260326385498</t>
  </si>
  <si>
    <t>1263.825927734375</t>
  </si>
  <si>
    <t>0.031233815147791333</t>
  </si>
  <si>
    <t>16.857744216918945</t>
  </si>
  <si>
    <t>1307.0916748046875</t>
  </si>
  <si>
    <t>0.03196760064699511</t>
  </si>
  <si>
    <t>16.50232696533203</t>
  </si>
  <si>
    <t>955.1552124023438</t>
  </si>
  <si>
    <t>15.571392059326172</t>
  </si>
  <si>
    <t>1001.1094970703125</t>
  </si>
  <si>
    <t>0.028618048708681343</t>
  </si>
  <si>
    <t>16.320871353149414</t>
  </si>
  <si>
    <t>1354.9710693359375</t>
  </si>
  <si>
    <t>-0.0003016035276957041</t>
  </si>
  <si>
    <t>15.670689582824707</t>
  </si>
  <si>
    <t>1310.2783203125</t>
  </si>
  <si>
    <t>0.035946204373058066</t>
  </si>
  <si>
    <t>15.705340385437012</t>
  </si>
  <si>
    <t>1287.366943359375</t>
  </si>
  <si>
    <t>0.06880747751344884</t>
  </si>
  <si>
    <t>16.26243019104004</t>
  </si>
  <si>
    <t>1335.317626953125</t>
  </si>
  <si>
    <t>0.03114202040466374</t>
  </si>
  <si>
    <t>34006</t>
  </si>
  <si>
    <t>16.663494110107422</t>
  </si>
  <si>
    <t>955.8399658203125</t>
  </si>
  <si>
    <t>-0.005074440748794373</t>
  </si>
  <si>
    <t>16.386119842529297</t>
  </si>
  <si>
    <t>1395.2607421875</t>
  </si>
  <si>
    <t>0.04549962171178201</t>
  </si>
  <si>
    <t>16.682823181152344</t>
  </si>
  <si>
    <t>1015.8675537109375</t>
  </si>
  <si>
    <t>-0.01586031150490186</t>
  </si>
  <si>
    <t>15.626498222351074</t>
  </si>
  <si>
    <t>1388.4552001953125</t>
  </si>
  <si>
    <t>-0.011802511837966989</t>
  </si>
  <si>
    <t>15.546473503112793</t>
  </si>
  <si>
    <t>1619.048828125</t>
  </si>
  <si>
    <t>-0.08393312030141331</t>
  </si>
  <si>
    <t>16.196582794189453</t>
  </si>
  <si>
    <t>900.48095703125</t>
  </si>
  <si>
    <t>0.05572097575988266</t>
  </si>
  <si>
    <t>16.989227294921875</t>
  </si>
  <si>
    <t>1437.5406494140625</t>
  </si>
  <si>
    <t>0.07504986347310094</t>
  </si>
  <si>
    <t>17.521596908569336</t>
  </si>
  <si>
    <t>1090.0089111328125</t>
  </si>
  <si>
    <t>-0.008192683521349053</t>
  </si>
  <si>
    <t>15.19693660736084</t>
  </si>
  <si>
    <t>1278.4466552734375</t>
  </si>
  <si>
    <t>0.02429802855614227</t>
  </si>
  <si>
    <t>34689</t>
  </si>
  <si>
    <t>15.367305755615234</t>
  </si>
  <si>
    <t>1180.78662109375</t>
  </si>
  <si>
    <t>-0.060894208155636065</t>
  </si>
  <si>
    <t>34853</t>
  </si>
  <si>
    <t>16.555631637573242</t>
  </si>
  <si>
    <t>1459.966796875</t>
  </si>
  <si>
    <t>0.0047165829004249815</t>
  </si>
  <si>
    <t>17.64944839477539</t>
  </si>
  <si>
    <t>1226.6978759765625</t>
  </si>
  <si>
    <t>0.023254883408192484</t>
  </si>
  <si>
    <t>16.7663631439209</t>
  </si>
  <si>
    <t>1224.59423828125</t>
  </si>
  <si>
    <t>0.012950843166088077</t>
  </si>
  <si>
    <t>16.479177474975586</t>
  </si>
  <si>
    <t>1430.23583984375</t>
  </si>
  <si>
    <t>0.03387111233920059</t>
  </si>
  <si>
    <t>38407</t>
  </si>
  <si>
    <t>16.52895164489746</t>
  </si>
  <si>
    <t>1670.04638671875</t>
  </si>
  <si>
    <t>0.027023679018400415</t>
  </si>
  <si>
    <t>16.296030044555664</t>
  </si>
  <si>
    <t>1365.0533447265625</t>
  </si>
  <si>
    <t>-0.01948190387468607</t>
  </si>
  <si>
    <t>39851</t>
  </si>
  <si>
    <t>16.36163330078125</t>
  </si>
  <si>
    <t>1307.3599853515625</t>
  </si>
  <si>
    <t>0.056389668251703995</t>
  </si>
  <si>
    <t>40477</t>
  </si>
  <si>
    <t>16.7711124420166</t>
  </si>
  <si>
    <t>1358.367431640625</t>
  </si>
  <si>
    <t>0.015586412536682914</t>
  </si>
  <si>
    <t>14.244765281677246</t>
  </si>
  <si>
    <t>1280.965576171875</t>
  </si>
  <si>
    <t>145.66909790039062</t>
  </si>
  <si>
    <t>Joplin, MO</t>
  </si>
  <si>
    <t>15.0567626953125</t>
  </si>
  <si>
    <t>892.3338623046875</t>
  </si>
  <si>
    <t>-0.014365469664483044</t>
  </si>
  <si>
    <t>13.605934143066406</t>
  </si>
  <si>
    <t>1329.1522216796875</t>
  </si>
  <si>
    <t>0.0208040188612042</t>
  </si>
  <si>
    <t>12.88565731048584</t>
  </si>
  <si>
    <t>1320.78857421875</t>
  </si>
  <si>
    <t>0.013998607729019952</t>
  </si>
  <si>
    <t>14.111957550048828</t>
  </si>
  <si>
    <t>1263.259033203125</t>
  </si>
  <si>
    <t>0.027315920173295538</t>
  </si>
  <si>
    <t>13.585071563720703</t>
  </si>
  <si>
    <t>1079.2647705078125</t>
  </si>
  <si>
    <t>0.014629236165218273</t>
  </si>
  <si>
    <t>13.077738761901855</t>
  </si>
  <si>
    <t>1067.1673583984375</t>
  </si>
  <si>
    <t>0.025148536984962888</t>
  </si>
  <si>
    <t>30161</t>
  </si>
  <si>
    <t>13.542128562927246</t>
  </si>
  <si>
    <t>1183.0145263671875</t>
  </si>
  <si>
    <t>0.03125149095229851</t>
  </si>
  <si>
    <t>14.969277381896973</t>
  </si>
  <si>
    <t>1273.03515625</t>
  </si>
  <si>
    <t>0.031943467317086416</t>
  </si>
  <si>
    <t>14.787631034851074</t>
  </si>
  <si>
    <t>1201.9051513671875</t>
  </si>
  <si>
    <t>0.035117895765349516</t>
  </si>
  <si>
    <t>13.891854286193848</t>
  </si>
  <si>
    <t>1059.047607421875</t>
  </si>
  <si>
    <t>0.028607433549682426</t>
  </si>
  <si>
    <t>14.65283203125</t>
  </si>
  <si>
    <t>1103.6422119140625</t>
  </si>
  <si>
    <t>-0.00027121095858539945</t>
  </si>
  <si>
    <t>13.743553161621094</t>
  </si>
  <si>
    <t>909.0189208984375</t>
  </si>
  <si>
    <t>0.011268400221750241</t>
  </si>
  <si>
    <t>13.902091979980469</t>
  </si>
  <si>
    <t>1147.947265625</t>
  </si>
  <si>
    <t>0.012114897659216695</t>
  </si>
  <si>
    <t>14.211316108703613</t>
  </si>
  <si>
    <t>1318.107666015625</t>
  </si>
  <si>
    <t>0.0246315722840027</t>
  </si>
  <si>
    <t>15.131949424743652</t>
  </si>
  <si>
    <t>826.9463500976562</t>
  </si>
  <si>
    <t>-0.0015523935847259196</t>
  </si>
  <si>
    <t>14.919513702392578</t>
  </si>
  <si>
    <t>883.7076416015625</t>
  </si>
  <si>
    <t>0.023486337285575587</t>
  </si>
  <si>
    <t>14.759188652038574</t>
  </si>
  <si>
    <t>1189.437255859375</t>
  </si>
  <si>
    <t>0.006359010152893418</t>
  </si>
  <si>
    <t>37023</t>
  </si>
  <si>
    <t>13.440035820007324</t>
  </si>
  <si>
    <t>1461.5634765625</t>
  </si>
  <si>
    <t>0.03328423235814526</t>
  </si>
  <si>
    <t>13.530731201171875</t>
  </si>
  <si>
    <t>1375.7984619140625</t>
  </si>
  <si>
    <t>-0.02148624133211463</t>
  </si>
  <si>
    <t>37063</t>
  </si>
  <si>
    <t>14.381805419921875</t>
  </si>
  <si>
    <t>1104.5906982421875</t>
  </si>
  <si>
    <t>0.022566067585030325</t>
  </si>
  <si>
    <t>15.09927749633789</t>
  </si>
  <si>
    <t>1052.603515625</t>
  </si>
  <si>
    <t>-0.0007827577764469851</t>
  </si>
  <si>
    <t>38101</t>
  </si>
  <si>
    <t>16.0353946685791</t>
  </si>
  <si>
    <t>850.2449951171875</t>
  </si>
  <si>
    <t>0.02840411889175165</t>
  </si>
  <si>
    <t>38283</t>
  </si>
  <si>
    <t>13.233268737792969</t>
  </si>
  <si>
    <t>1182.6065673828125</t>
  </si>
  <si>
    <t>0.0047654049125718245</t>
  </si>
  <si>
    <t>13.634272575378418</t>
  </si>
  <si>
    <t>1021.9940795898438</t>
  </si>
  <si>
    <t>-0.0010976949510546063</t>
  </si>
  <si>
    <t>39003</t>
  </si>
  <si>
    <t>14.806175231933594</t>
  </si>
  <si>
    <t>1409.162353515625</t>
  </si>
  <si>
    <t>0.019730327779248213</t>
  </si>
  <si>
    <t>38920</t>
  </si>
  <si>
    <t>15.889411926269531</t>
  </si>
  <si>
    <t>1190.9610595703125</t>
  </si>
  <si>
    <t>-0.002130308930338387</t>
  </si>
  <si>
    <t>39392</t>
  </si>
  <si>
    <t>15.073027610778809</t>
  </si>
  <si>
    <t>1141.6600341796875</t>
  </si>
  <si>
    <t>0.012054492684239193</t>
  </si>
  <si>
    <t>40354</t>
  </si>
  <si>
    <t>14.404463768005371</t>
  </si>
  <si>
    <t>1152.6326904296875</t>
  </si>
  <si>
    <t>0.02412777239044317</t>
  </si>
  <si>
    <t>41250</t>
  </si>
  <si>
    <t>14.314801216125488</t>
  </si>
  <si>
    <t>1473.3743896484375</t>
  </si>
  <si>
    <t>0.021960590388204082</t>
  </si>
  <si>
    <t>14.485909461975098</t>
  </si>
  <si>
    <t>1153.6026611328125</t>
  </si>
  <si>
    <t>-0.04423690962032367</t>
  </si>
  <si>
    <t>41754</t>
  </si>
  <si>
    <t>14.685142517089844</t>
  </si>
  <si>
    <t>1112.0946044921875</t>
  </si>
  <si>
    <t>0.05638105193040133</t>
  </si>
  <si>
    <t>42409</t>
  </si>
  <si>
    <t>14.84760570526123</t>
  </si>
  <si>
    <t>1084.216796875</t>
  </si>
  <si>
    <t>0.015565348773240117</t>
  </si>
  <si>
    <t>2675</t>
  </si>
  <si>
    <t>39944</t>
  </si>
  <si>
    <t>12.868769645690918</t>
  </si>
  <si>
    <t>1071.68310546875</t>
  </si>
  <si>
    <t>1012.3765258789062</t>
  </si>
  <si>
    <t>Kansas City-Overland Park-Kansas City, MO-KS</t>
  </si>
  <si>
    <t>14.066182136535645</t>
  </si>
  <si>
    <t>768.80810546875</t>
  </si>
  <si>
    <t>-0.01437277320041197</t>
  </si>
  <si>
    <t>12.208847045898438</t>
  </si>
  <si>
    <t>1104.4742431640625</t>
  </si>
  <si>
    <t>0.020811045633308822</t>
  </si>
  <si>
    <t>11.448814392089844</t>
  </si>
  <si>
    <t>1302.6016845703125</t>
  </si>
  <si>
    <t>0.01400524306004769</t>
  </si>
  <si>
    <t>12.973075866699219</t>
  </si>
  <si>
    <t>929.6146240234375</t>
  </si>
  <si>
    <t>0.027292236628159827</t>
  </si>
  <si>
    <t>42515</t>
  </si>
  <si>
    <t>12.295584678649902</t>
  </si>
  <si>
    <t>999.6062622070312</t>
  </si>
  <si>
    <t>0.014642729518344666</t>
  </si>
  <si>
    <t>43598</t>
  </si>
  <si>
    <t>11.597098350524902</t>
  </si>
  <si>
    <t>1029.4881591796875</t>
  </si>
  <si>
    <t>0.025154322905466486</t>
  </si>
  <si>
    <t>12.370445251464844</t>
  </si>
  <si>
    <t>949.8798828125</t>
  </si>
  <si>
    <t>0.0312289006439741</t>
  </si>
  <si>
    <t>46442</t>
  </si>
  <si>
    <t>13.617640495300293</t>
  </si>
  <si>
    <t>1340.287841796875</t>
  </si>
  <si>
    <t>0.031964043837302114</t>
  </si>
  <si>
    <t>13.52151107788086</t>
  </si>
  <si>
    <t>948.0022583007812</t>
  </si>
  <si>
    <t>0.03511953406436952</t>
  </si>
  <si>
    <t>49499</t>
  </si>
  <si>
    <t>12.725499153137207</t>
  </si>
  <si>
    <t>843.0396118164062</t>
  </si>
  <si>
    <t>0.02862871106150955</t>
  </si>
  <si>
    <t>49485</t>
  </si>
  <si>
    <t>13.66021728515625</t>
  </si>
  <si>
    <t>1119.7481689453125</t>
  </si>
  <si>
    <t>-0.0002828740017246645</t>
  </si>
  <si>
    <t>50149</t>
  </si>
  <si>
    <t>12.726482391357422</t>
  </si>
  <si>
    <t>755.5631713867188</t>
  </si>
  <si>
    <t>0.013328980681022173</t>
  </si>
  <si>
    <t>12.712359428405762</t>
  </si>
  <si>
    <t>881.7316284179688</t>
  </si>
  <si>
    <t>0.0026088096923704285</t>
  </si>
  <si>
    <t>50962</t>
  </si>
  <si>
    <t>13.058110237121582</t>
  </si>
  <si>
    <t>1167.6898193359375</t>
  </si>
  <si>
    <t>0.01347287323955726</t>
  </si>
  <si>
    <t>14.1452054977417</t>
  </si>
  <si>
    <t>941.531005859375</t>
  </si>
  <si>
    <t>0.00756520502664948</t>
  </si>
  <si>
    <t>51757</t>
  </si>
  <si>
    <t>13.752358436584473</t>
  </si>
  <si>
    <t>831.7859497070312</t>
  </si>
  <si>
    <t>0.007914226710129313</t>
  </si>
  <si>
    <t>52503</t>
  </si>
  <si>
    <t>13.528586387634277</t>
  </si>
  <si>
    <t>1039.59423828125</t>
  </si>
  <si>
    <t>0.014310622123748118</t>
  </si>
  <si>
    <t>12.062300682067871</t>
  </si>
  <si>
    <t>1222.2269287109375</t>
  </si>
  <si>
    <t>0.02058546932135208</t>
  </si>
  <si>
    <t>12.3463716506958</t>
  </si>
  <si>
    <t>1212.636962890625</t>
  </si>
  <si>
    <t>-0.020071345177612443</t>
  </si>
  <si>
    <t>51752</t>
  </si>
  <si>
    <t>13.132888793945312</t>
  </si>
  <si>
    <t>1141.6956787109375</t>
  </si>
  <si>
    <t>-0.014921356224185445</t>
  </si>
  <si>
    <t>51651</t>
  </si>
  <si>
    <t>13.773255348205566</t>
  </si>
  <si>
    <t>934.4431762695312</t>
  </si>
  <si>
    <t>-0.0019535222792388396</t>
  </si>
  <si>
    <t>14.902320861816406</t>
  </si>
  <si>
    <t>737.8934936523438</t>
  </si>
  <si>
    <t>0.026480226729550083</t>
  </si>
  <si>
    <t>53657</t>
  </si>
  <si>
    <t>12.034018516540527</t>
  </si>
  <si>
    <t>1014.5095825195312</t>
  </si>
  <si>
    <t>0.011622152676439512</t>
  </si>
  <si>
    <t>54512</t>
  </si>
  <si>
    <t>12.397477149963379</t>
  </si>
  <si>
    <t>1031.3173828125</t>
  </si>
  <si>
    <t>0.01580892505017495</t>
  </si>
  <si>
    <t>55270</t>
  </si>
  <si>
    <t>13.697371482849121</t>
  </si>
  <si>
    <t>1270.4027099609375</t>
  </si>
  <si>
    <t>0.013809404926561797</t>
  </si>
  <si>
    <t>55153</t>
  </si>
  <si>
    <t>14.763018608093262</t>
  </si>
  <si>
    <t>1191.9134521484375</t>
  </si>
  <si>
    <t>-0.002119124526307914</t>
  </si>
  <si>
    <t>55828</t>
  </si>
  <si>
    <t>14.000805854797363</t>
  </si>
  <si>
    <t>1055.5020751953125</t>
  </si>
  <si>
    <t>0.012164394327534467</t>
  </si>
  <si>
    <t>56387</t>
  </si>
  <si>
    <t>13.125792503356934</t>
  </si>
  <si>
    <t>976.2388305664062</t>
  </si>
  <si>
    <t>0.009963099835323064</t>
  </si>
  <si>
    <t>56996</t>
  </si>
  <si>
    <t>12.97225570678711</t>
  </si>
  <si>
    <t>1296.9754638671875</t>
  </si>
  <si>
    <t>0.010742454451820649</t>
  </si>
  <si>
    <t>57675</t>
  </si>
  <si>
    <t>13.471116065979004</t>
  </si>
  <si>
    <t>1011.83154296875</t>
  </si>
  <si>
    <t>0.011842714126274245</t>
  </si>
  <si>
    <t>61020</t>
  </si>
  <si>
    <t>13.647141456604004</t>
  </si>
  <si>
    <t>1040.68310546875</t>
  </si>
  <si>
    <t>0.05637787522870674</t>
  </si>
  <si>
    <t>61978</t>
  </si>
  <si>
    <t>13.522231101989746</t>
  </si>
  <si>
    <t>906.1611328125</t>
  </si>
  <si>
    <t>0.01557780407673981</t>
  </si>
  <si>
    <t>10.245562553405762</t>
  </si>
  <si>
    <t>598.1233520507812</t>
  </si>
  <si>
    <t>141.85183715820312</t>
  </si>
  <si>
    <t>Kearney, NE</t>
  </si>
  <si>
    <t>11.506542205810547</t>
  </si>
  <si>
    <t>589.30615234375</t>
  </si>
  <si>
    <t>-0.014391944528192369</t>
  </si>
  <si>
    <t>9.468546867370605</t>
  </si>
  <si>
    <t>677.0110473632812</t>
  </si>
  <si>
    <t>0.02078878998733913</t>
  </si>
  <si>
    <t>32286</t>
  </si>
  <si>
    <t>8.791659355163574</t>
  </si>
  <si>
    <t>859.3474731445312</t>
  </si>
  <si>
    <t>0.014035974791733352</t>
  </si>
  <si>
    <t>33179</t>
  </si>
  <si>
    <t>10.478635787963867</t>
  </si>
  <si>
    <t>596.6246337890625</t>
  </si>
  <si>
    <t>0.0272834459350495</t>
  </si>
  <si>
    <t>9.790003776550293</t>
  </si>
  <si>
    <t>608.2528076171875</t>
  </si>
  <si>
    <t>0.014630685678943323</t>
  </si>
  <si>
    <t>34526</t>
  </si>
  <si>
    <t>9.041613578796387</t>
  </si>
  <si>
    <t>695.200927734375</t>
  </si>
  <si>
    <t>0.02516483204502684</t>
  </si>
  <si>
    <t>35621</t>
  </si>
  <si>
    <t>9.819300651550293</t>
  </si>
  <si>
    <t>575.5472412109375</t>
  </si>
  <si>
    <t>0.031222688188753622</t>
  </si>
  <si>
    <t>36778</t>
  </si>
  <si>
    <t>11.005867958068848</t>
  </si>
  <si>
    <t>665.27099609375</t>
  </si>
  <si>
    <t>0.03196448873555191</t>
  </si>
  <si>
    <t>11.02503490447998</t>
  </si>
  <si>
    <t>617.4942016601562</t>
  </si>
  <si>
    <t>0.03513069789999257</t>
  </si>
  <si>
    <t>10.394469261169434</t>
  </si>
  <si>
    <t>553.37744140625</t>
  </si>
  <si>
    <t>0.028620698048289483</t>
  </si>
  <si>
    <t>39188</t>
  </si>
  <si>
    <t>10.780291557312012</t>
  </si>
  <si>
    <t>628.7393798828125</t>
  </si>
  <si>
    <t>-0.0002806587845487485</t>
  </si>
  <si>
    <t>39980</t>
  </si>
  <si>
    <t>10.32592487335205</t>
  </si>
  <si>
    <t>408.09173583984375</t>
  </si>
  <si>
    <t>0.020008751589859486</t>
  </si>
  <si>
    <t>43749</t>
  </si>
  <si>
    <t>10.289501190185547</t>
  </si>
  <si>
    <t>548.5842895507812</t>
  </si>
  <si>
    <t>0.09008942632728356</t>
  </si>
  <si>
    <t>10.462554931640625</t>
  </si>
  <si>
    <t>615.4839477539062</t>
  </si>
  <si>
    <t>-0.004582014477174212</t>
  </si>
  <si>
    <t>11.73861312866211</t>
  </si>
  <si>
    <t>577.6242065429688</t>
  </si>
  <si>
    <t>0.028455318102373894</t>
  </si>
  <si>
    <t>10.917939186096191</t>
  </si>
  <si>
    <t>630.4293823242188</t>
  </si>
  <si>
    <t>0.029771563175106763</t>
  </si>
  <si>
    <t>49511</t>
  </si>
  <si>
    <t>10.678215980529785</t>
  </si>
  <si>
    <t>770.8012084960938</t>
  </si>
  <si>
    <t>0.07008124490932133</t>
  </si>
  <si>
    <t>52169</t>
  </si>
  <si>
    <t>9.638594627380371</t>
  </si>
  <si>
    <t>787.5184326171875</t>
  </si>
  <si>
    <t>0.0522935816371497</t>
  </si>
  <si>
    <t>51180</t>
  </si>
  <si>
    <t>9.430142402648926</t>
  </si>
  <si>
    <t>624.8853759765625</t>
  </si>
  <si>
    <t>-0.019139618014673232</t>
  </si>
  <si>
    <t>53209</t>
  </si>
  <si>
    <t>10.327882766723633</t>
  </si>
  <si>
    <t>687.026611328125</t>
  </si>
  <si>
    <t>0.03887872424015981</t>
  </si>
  <si>
    <t>58595</t>
  </si>
  <si>
    <t>10.830341339111328</t>
  </si>
  <si>
    <t>649.32275390625</t>
  </si>
  <si>
    <t>0.09642181373876291</t>
  </si>
  <si>
    <t>59492</t>
  </si>
  <si>
    <t>12.087653160095215</t>
  </si>
  <si>
    <t>426.91583251953125</t>
  </si>
  <si>
    <t>0.015192481019786541</t>
  </si>
  <si>
    <t>64402</t>
  </si>
  <si>
    <t>9.744152069091797</t>
  </si>
  <si>
    <t>660.5982055664062</t>
  </si>
  <si>
    <t>0.07930283879835187</t>
  </si>
  <si>
    <t>9.872015953063965</t>
  </si>
  <si>
    <t>709.6710205078125</t>
  </si>
  <si>
    <t>-0.03353645511643499</t>
  </si>
  <si>
    <t>62331</t>
  </si>
  <si>
    <t>11.118388175964355</t>
  </si>
  <si>
    <t>743.445068359375</t>
  </si>
  <si>
    <t>0.0008506609184895098</t>
  </si>
  <si>
    <t>61596</t>
  </si>
  <si>
    <t>11.778278350830078</t>
  </si>
  <si>
    <t>724.3402709960938</t>
  </si>
  <si>
    <t>-0.011861960964591134</t>
  </si>
  <si>
    <t>58682</t>
  </si>
  <si>
    <t>11.194908142089844</t>
  </si>
  <si>
    <t>749.515869140625</t>
  </si>
  <si>
    <t>-0.04846389750928637</t>
  </si>
  <si>
    <t>59095</t>
  </si>
  <si>
    <t>10.242217063903809</t>
  </si>
  <si>
    <t>752.4714965820312</t>
  </si>
  <si>
    <t>0.007013282607323035</t>
  </si>
  <si>
    <t>60517</t>
  </si>
  <si>
    <t>9.95290756225586</t>
  </si>
  <si>
    <t>851.6728515625</t>
  </si>
  <si>
    <t>0.023777998837346104</t>
  </si>
  <si>
    <t>59030</t>
  </si>
  <si>
    <t>11.222369194030762</t>
  </si>
  <si>
    <t>548.3687133789062</t>
  </si>
  <si>
    <t>-0.02487852804895141</t>
  </si>
  <si>
    <t>634.6316528320312</t>
  </si>
  <si>
    <t>0.05638449650878741</t>
  </si>
  <si>
    <t>63434</t>
  </si>
  <si>
    <t>10.799162864685059</t>
  </si>
  <si>
    <t>457.7795104980469</t>
  </si>
  <si>
    <t>0.015569709538873155</t>
  </si>
  <si>
    <t>257.01904296875</t>
  </si>
  <si>
    <t>238.4542999267578</t>
  </si>
  <si>
    <t>Kennewick-Richland-Pasco, WA</t>
  </si>
  <si>
    <t>10.329577445983887</t>
  </si>
  <si>
    <t>311.1514892578125</t>
  </si>
  <si>
    <t>-0.014387827446634915</t>
  </si>
  <si>
    <t>10.34681224822998</t>
  </si>
  <si>
    <t>329.09588623046875</t>
  </si>
  <si>
    <t>0.02080322130674972</t>
  </si>
  <si>
    <t>32510</t>
  </si>
  <si>
    <t>9.376849174499512</t>
  </si>
  <si>
    <t>297.7079162597656</t>
  </si>
  <si>
    <t>0.014032166060500728</t>
  </si>
  <si>
    <t>10.539257049560547</t>
  </si>
  <si>
    <t>358.8701171875</t>
  </si>
  <si>
    <t>0.027277590446569633</t>
  </si>
  <si>
    <t>10.209126472473145</t>
  </si>
  <si>
    <t>437.1044921875</t>
  </si>
  <si>
    <t>0.014648684933911582</t>
  </si>
  <si>
    <t>34765</t>
  </si>
  <si>
    <t>9.286141395568848</t>
  </si>
  <si>
    <t>491.4010314941406</t>
  </si>
  <si>
    <t>0.025137123854685584</t>
  </si>
  <si>
    <t>35869</t>
  </si>
  <si>
    <t>10.118111610412598</t>
  </si>
  <si>
    <t>347.9984130859375</t>
  </si>
  <si>
    <t>0.03126227915464064</t>
  </si>
  <si>
    <t>11.019486427307129</t>
  </si>
  <si>
    <t>332.95355224609375</t>
  </si>
  <si>
    <t>0.03193599433125449</t>
  </si>
  <si>
    <t>9.931059837341309</t>
  </si>
  <si>
    <t>260.55340576171875</t>
  </si>
  <si>
    <t>0.03512763345500858</t>
  </si>
  <si>
    <t>39471</t>
  </si>
  <si>
    <t>9.594086647033691</t>
  </si>
  <si>
    <t>297.6591796875</t>
  </si>
  <si>
    <t>0.028629184559926912</t>
  </si>
  <si>
    <t>39460</t>
  </si>
  <si>
    <t>10.176545143127441</t>
  </si>
  <si>
    <t>276.4307861328125</t>
  </si>
  <si>
    <t>-0.00027872445734189455</t>
  </si>
  <si>
    <t>40427</t>
  </si>
  <si>
    <t>10.053114891052246</t>
  </si>
  <si>
    <t>291.47119140625</t>
  </si>
  <si>
    <t>0.024210377980075748</t>
  </si>
  <si>
    <t>10.450469017028809</t>
  </si>
  <si>
    <t>310.9502258300781</t>
  </si>
  <si>
    <t>0.015804397770494916</t>
  </si>
  <si>
    <t>10.776630401611328</t>
  </si>
  <si>
    <t>264.6882629394531</t>
  </si>
  <si>
    <t>0.0191001055677944</t>
  </si>
  <si>
    <t>10.484173774719238</t>
  </si>
  <si>
    <t>365.2603454589844</t>
  </si>
  <si>
    <t>0.002981481260716734</t>
  </si>
  <si>
    <t>43720</t>
  </si>
  <si>
    <t>10.260966300964355</t>
  </si>
  <si>
    <t>350.71112060546875</t>
  </si>
  <si>
    <t>0.040421800134787134</t>
  </si>
  <si>
    <t>45638</t>
  </si>
  <si>
    <t>10.343672752380371</t>
  </si>
  <si>
    <t>302.275390625</t>
  </si>
  <si>
    <t>0.0429350395158945</t>
  </si>
  <si>
    <t>44800</t>
  </si>
  <si>
    <t>9.80774211883545</t>
  </si>
  <si>
    <t>272.18994140625</t>
  </si>
  <si>
    <t>-0.018532563403294233</t>
  </si>
  <si>
    <t>44945</t>
  </si>
  <si>
    <t>10.065224647521973</t>
  </si>
  <si>
    <t>311.1531066894531</t>
  </si>
  <si>
    <t>0.0032313806044239612</t>
  </si>
  <si>
    <t>46867</t>
  </si>
  <si>
    <t>9.843049049377441</t>
  </si>
  <si>
    <t>402.9532165527344</t>
  </si>
  <si>
    <t>0.04187428303333185</t>
  </si>
  <si>
    <t>46545</t>
  </si>
  <si>
    <t>9.39096736907959</t>
  </si>
  <si>
    <t>316.018310546875</t>
  </si>
  <si>
    <t>-0.006894216490241689</t>
  </si>
  <si>
    <t>45356</t>
  </si>
  <si>
    <t>10.402057647705078</t>
  </si>
  <si>
    <t>357.3919982910156</t>
  </si>
  <si>
    <t>-0.02587711445885965</t>
  </si>
  <si>
    <t>45231</t>
  </si>
  <si>
    <t>10.548375129699707</t>
  </si>
  <si>
    <t>231.06483459472656</t>
  </si>
  <si>
    <t>-0.002759779644701865</t>
  </si>
  <si>
    <t>10.986109733581543</t>
  </si>
  <si>
    <t>341.5292053222656</t>
  </si>
  <si>
    <t>0.023294471711608367</t>
  </si>
  <si>
    <t>11.682662010192871</t>
  </si>
  <si>
    <t>328.84576416015625</t>
  </si>
  <si>
    <t>0.01757792944429326</t>
  </si>
  <si>
    <t>48434</t>
  </si>
  <si>
    <t>10.776729583740234</t>
  </si>
  <si>
    <t>335.9201965332031</t>
  </si>
  <si>
    <t>0.027546952817516512</t>
  </si>
  <si>
    <t>49183</t>
  </si>
  <si>
    <t>10.679360389709473</t>
  </si>
  <si>
    <t>418.85675048828125</t>
  </si>
  <si>
    <t>0.015345988895957063</t>
  </si>
  <si>
    <t>50524</t>
  </si>
  <si>
    <t>10.499116897583008</t>
  </si>
  <si>
    <t>273.1493225097656</t>
  </si>
  <si>
    <t>0.02690043557746158</t>
  </si>
  <si>
    <t>52155</t>
  </si>
  <si>
    <t>9.87852954864502</t>
  </si>
  <si>
    <t>314.35076904296875</t>
  </si>
  <si>
    <t>0.03177158321620688</t>
  </si>
  <si>
    <t>48020</t>
  </si>
  <si>
    <t>10.745857238769531</t>
  </si>
  <si>
    <t>312.8331604003906</t>
  </si>
  <si>
    <t>-0.0826024633348279</t>
  </si>
  <si>
    <t>10.945773124694824</t>
  </si>
  <si>
    <t>295.57562255859375</t>
  </si>
  <si>
    <t>0.056377184144738024</t>
  </si>
  <si>
    <t>51602</t>
  </si>
  <si>
    <t>10.200851440429688</t>
  </si>
  <si>
    <t>326.1255798339844</t>
  </si>
  <si>
    <t>0.01556565648845698</t>
  </si>
  <si>
    <t>19.216655731201172</t>
  </si>
  <si>
    <t>1018.0252685546875</t>
  </si>
  <si>
    <t>238.00790405273438</t>
  </si>
  <si>
    <t>Killeen-Temple-Fort Hood, TX</t>
  </si>
  <si>
    <t>19.08243751525879</t>
  </si>
  <si>
    <t>1085.6767578125</t>
  </si>
  <si>
    <t>-0.014405813566032322</t>
  </si>
  <si>
    <t>18.859182357788086</t>
  </si>
  <si>
    <t>1057.97998046875</t>
  </si>
  <si>
    <t>0.02083271767145689</t>
  </si>
  <si>
    <t>18.4531307220459</t>
  </si>
  <si>
    <t>825.3352661132812</t>
  </si>
  <si>
    <t>0.014014695929130738</t>
  </si>
  <si>
    <t>19.27924919128418</t>
  </si>
  <si>
    <t>903.3154296875</t>
  </si>
  <si>
    <t>0.0272663652633387</t>
  </si>
  <si>
    <t>18.872549057006836</t>
  </si>
  <si>
    <t>771.110107421875</t>
  </si>
  <si>
    <t>0.014651709438185279</t>
  </si>
  <si>
    <t>18.996950149536133</t>
  </si>
  <si>
    <t>760.6915283203125</t>
  </si>
  <si>
    <t>0.025142515868756377</t>
  </si>
  <si>
    <t>34406</t>
  </si>
  <si>
    <t>18.56387710571289</t>
  </si>
  <si>
    <t>1133.4849853515625</t>
  </si>
  <si>
    <t>0.031233167226480063</t>
  </si>
  <si>
    <t>35524</t>
  </si>
  <si>
    <t>20.01872444152832</t>
  </si>
  <si>
    <t>958.5433349609375</t>
  </si>
  <si>
    <t>0.031977556621409775</t>
  </si>
  <si>
    <t>19.8614444732666</t>
  </si>
  <si>
    <t>586.614501953125</t>
  </si>
  <si>
    <t>0.035126264007335095</t>
  </si>
  <si>
    <t>19.230506896972656</t>
  </si>
  <si>
    <t>981.8978271484375</t>
  </si>
  <si>
    <t>0.028613182184125563</t>
  </si>
  <si>
    <t>19.1926212310791</t>
  </si>
  <si>
    <t>854.7725219726562</t>
  </si>
  <si>
    <t>-0.00029057097400375653</t>
  </si>
  <si>
    <t>18.650388717651367</t>
  </si>
  <si>
    <t>905.462158203125</t>
  </si>
  <si>
    <t>0.0248143920787971</t>
  </si>
  <si>
    <t>19.16025161743164</t>
  </si>
  <si>
    <t>748.595703125</t>
  </si>
  <si>
    <t>0.08735494286317547</t>
  </si>
  <si>
    <t>43618</t>
  </si>
  <si>
    <t>19.21613883972168</t>
  </si>
  <si>
    <t>1207.160400390625</t>
  </si>
  <si>
    <t>0.029643174639348402</t>
  </si>
  <si>
    <t>19.770273208618164</t>
  </si>
  <si>
    <t>607.5838623046875</t>
  </si>
  <si>
    <t>0.057574821849403435</t>
  </si>
  <si>
    <t>48251</t>
  </si>
  <si>
    <t>19.760801315307617</t>
  </si>
  <si>
    <t>773.38427734375</t>
  </si>
  <si>
    <t>0.043371821914389486</t>
  </si>
  <si>
    <t>19.221187591552734</t>
  </si>
  <si>
    <t>1012.2708740234375</t>
  </si>
  <si>
    <t>0.015995406820202618</t>
  </si>
  <si>
    <t>19.457799911499023</t>
  </si>
  <si>
    <t>612.8591918945312</t>
  </si>
  <si>
    <t>0.038864502571001935</t>
  </si>
  <si>
    <t>19.303529739379883</t>
  </si>
  <si>
    <t>1055.3258056640625</t>
  </si>
  <si>
    <t>-0.05865978730097865</t>
  </si>
  <si>
    <t>19.293315887451172</t>
  </si>
  <si>
    <t>741.040283203125</t>
  </si>
  <si>
    <t>-0.018646601069525204</t>
  </si>
  <si>
    <t>46812</t>
  </si>
  <si>
    <t>20.670995712280273</t>
  </si>
  <si>
    <t>640.3914184570312</t>
  </si>
  <si>
    <t>-0.007830493667007943</t>
  </si>
  <si>
    <t>45148</t>
  </si>
  <si>
    <t>20.598201751708984</t>
  </si>
  <si>
    <t>895.6580200195312</t>
  </si>
  <si>
    <t>-0.03619359821914081</t>
  </si>
  <si>
    <t>45700</t>
  </si>
  <si>
    <t>19.01442527770996</t>
  </si>
  <si>
    <t>791.4266967773438</t>
  </si>
  <si>
    <t>0.012152315806780223</t>
  </si>
  <si>
    <t>18.948820114135742</t>
  </si>
  <si>
    <t>750.4144287109375</t>
  </si>
  <si>
    <t>0.003909198133936087</t>
  </si>
  <si>
    <t>19.790630340576172</t>
  </si>
  <si>
    <t>1139.3529052734375</t>
  </si>
  <si>
    <t>-0.01491040919590958</t>
  </si>
  <si>
    <t>44118</t>
  </si>
  <si>
    <t>20.635570526123047</t>
  </si>
  <si>
    <t>1124.9893798828125</t>
  </si>
  <si>
    <t>-0.02422922439604669</t>
  </si>
  <si>
    <t>19.992645263671875</t>
  </si>
  <si>
    <t>729.2340698242188</t>
  </si>
  <si>
    <t>0.01315038090576337</t>
  </si>
  <si>
    <t>19.81633186340332</t>
  </si>
  <si>
    <t>955.98828125</t>
  </si>
  <si>
    <t>-0.001970532233313449</t>
  </si>
  <si>
    <t>44429</t>
  </si>
  <si>
    <t>19.855199813842773</t>
  </si>
  <si>
    <t>840.29443359375</t>
  </si>
  <si>
    <t>-0.004155301734943606</t>
  </si>
  <si>
    <t>44098</t>
  </si>
  <si>
    <t>19.99306297302246</t>
  </si>
  <si>
    <t>797.6558227539062</t>
  </si>
  <si>
    <t>-0.007477979429177495</t>
  </si>
  <si>
    <t>19.5429630279541</t>
  </si>
  <si>
    <t>860.6046142578125</t>
  </si>
  <si>
    <t>0.05638710643572509</t>
  </si>
  <si>
    <t>20.27385139465332</t>
  </si>
  <si>
    <t>606.058837890625</t>
  </si>
  <si>
    <t>0.015567495706319434</t>
  </si>
  <si>
    <t>30539</t>
  </si>
  <si>
    <t>14.7807035446167</t>
  </si>
  <si>
    <t>1407.63037109375</t>
  </si>
  <si>
    <t>437.293701171875</t>
  </si>
  <si>
    <t>Knoxville-Sevierville-La Follette, TN</t>
  </si>
  <si>
    <t>30102</t>
  </si>
  <si>
    <t>14.76756763458252</t>
  </si>
  <si>
    <t>1408.1400146484375</t>
  </si>
  <si>
    <t>-0.01441294058185072</t>
  </si>
  <si>
    <t>13.681983947753906</t>
  </si>
  <si>
    <t>1402.0443115234375</t>
  </si>
  <si>
    <t>0.020810455628803126</t>
  </si>
  <si>
    <t>13.248673439025879</t>
  </si>
  <si>
    <t>1130.0126953125</t>
  </si>
  <si>
    <t>0.014021940775375441</t>
  </si>
  <si>
    <t>14.213841438293457</t>
  </si>
  <si>
    <t>0.027280172729925667</t>
  </si>
  <si>
    <t>13.571590423583984</t>
  </si>
  <si>
    <t>1404.77392578125</t>
  </si>
  <si>
    <t>0.01465897482115075</t>
  </si>
  <si>
    <t>13.179884910583496</t>
  </si>
  <si>
    <t>1375.8804931640625</t>
  </si>
  <si>
    <t>0.025154737834535368</t>
  </si>
  <si>
    <t>13.378987312316895</t>
  </si>
  <si>
    <t>1400.9449462890625</t>
  </si>
  <si>
    <t>0.031218849281021477</t>
  </si>
  <si>
    <t>35506</t>
  </si>
  <si>
    <t>14.878352165222168</t>
  </si>
  <si>
    <t>1378.238525390625</t>
  </si>
  <si>
    <t>0.0319649504836228</t>
  </si>
  <si>
    <t>14.129469871520996</t>
  </si>
  <si>
    <t>1085.157958984375</t>
  </si>
  <si>
    <t>0.035116570202896824</t>
  </si>
  <si>
    <t>13.668697357177734</t>
  </si>
  <si>
    <t>1134.363037109375</t>
  </si>
  <si>
    <t>0.028627755737520744</t>
  </si>
  <si>
    <t>14.27513599395752</t>
  </si>
  <si>
    <t>1275.02099609375</t>
  </si>
  <si>
    <t>-0.00029071688344828317</t>
  </si>
  <si>
    <t>13.88351058959961</t>
  </si>
  <si>
    <t>1271.1798095703125</t>
  </si>
  <si>
    <t>0.03722916613611815</t>
  </si>
  <si>
    <t>13.673873901367188</t>
  </si>
  <si>
    <t>1552.260009765625</t>
  </si>
  <si>
    <t>0.012577508872206877</t>
  </si>
  <si>
    <t>14.418879508972168</t>
  </si>
  <si>
    <t>1453.978271484375</t>
  </si>
  <si>
    <t>0.03702846878908872</t>
  </si>
  <si>
    <t>14.206315040588379</t>
  </si>
  <si>
    <t>1236.3323974609375</t>
  </si>
  <si>
    <t>0.007556680615786959</t>
  </si>
  <si>
    <t>14.120247840881348</t>
  </si>
  <si>
    <t>1136.0570068359375</t>
  </si>
  <si>
    <t>0.004248125335992725</t>
  </si>
  <si>
    <t>41075</t>
  </si>
  <si>
    <t>14.582610130310059</t>
  </si>
  <si>
    <t>854.1171264648438</t>
  </si>
  <si>
    <t>-0.016395591167436052</t>
  </si>
  <si>
    <t>13.784886360168457</t>
  </si>
  <si>
    <t>1156.5535888671875</t>
  </si>
  <si>
    <t>-0.009515610993572565</t>
  </si>
  <si>
    <t>13.5953950881958</t>
  </si>
  <si>
    <t>1586.13037109375</t>
  </si>
  <si>
    <t>-0.039071287165070245</t>
  </si>
  <si>
    <t>13.979304313659668</t>
  </si>
  <si>
    <t>1143.7344970703125</t>
  </si>
  <si>
    <t>0.009032106078787905</t>
  </si>
  <si>
    <t>15.15966796875</t>
  </si>
  <si>
    <t>1537.4681396484375</t>
  </si>
  <si>
    <t>0.018096747862724527</t>
  </si>
  <si>
    <t>40907</t>
  </si>
  <si>
    <t>15.322274208068848</t>
  </si>
  <si>
    <t>1306.5357666015625</t>
  </si>
  <si>
    <t>0.017359577842464446</t>
  </si>
  <si>
    <t>13.285140991210938</t>
  </si>
  <si>
    <t>1718.384521484375</t>
  </si>
  <si>
    <t>0.009125372063399695</t>
  </si>
  <si>
    <t>13.90760326385498</t>
  </si>
  <si>
    <t>1380.260009765625</t>
  </si>
  <si>
    <t>0.011967251332830386</t>
  </si>
  <si>
    <t>14.975391387939453</t>
  </si>
  <si>
    <t>1613.82275390625</t>
  </si>
  <si>
    <t>0.03006132082735924</t>
  </si>
  <si>
    <t>43637</t>
  </si>
  <si>
    <t>15.985312461853027</t>
  </si>
  <si>
    <t>1145.4688720703125</t>
  </si>
  <si>
    <t>0.013450272558308995</t>
  </si>
  <si>
    <t>14.864910125732422</t>
  </si>
  <si>
    <t>1451.6278076171875</t>
  </si>
  <si>
    <t>0.006623750863125721</t>
  </si>
  <si>
    <t>44699</t>
  </si>
  <si>
    <t>15.238131523132324</t>
  </si>
  <si>
    <t>1933.426513671875</t>
  </si>
  <si>
    <t>0.017421964810937496</t>
  </si>
  <si>
    <t>15.76601791381836</t>
  </si>
  <si>
    <t>1557.5455322265625</t>
  </si>
  <si>
    <t>0.009817641384762155</t>
  </si>
  <si>
    <t>15.016348838806152</t>
  </si>
  <si>
    <t>1684.1094970703125</t>
  </si>
  <si>
    <t>-0.009079642223447593</t>
  </si>
  <si>
    <t>14.662688255310059</t>
  </si>
  <si>
    <t>1545.018798828125</t>
  </si>
  <si>
    <t>0.05639182799791165</t>
  </si>
  <si>
    <t>15.031876564025879</t>
  </si>
  <si>
    <t>1457.5604248046875</t>
  </si>
  <si>
    <t>0.015577324742015008</t>
  </si>
  <si>
    <t>7.804897308349609</t>
  </si>
  <si>
    <t>949.2308959960938</t>
  </si>
  <si>
    <t>110.97186279296875</t>
  </si>
  <si>
    <t>La Crosse, WI-MN</t>
  </si>
  <si>
    <t>8.307991981506348</t>
  </si>
  <si>
    <t>1000.2254638671875</t>
  </si>
  <si>
    <t>-0.014399543531599335</t>
  </si>
  <si>
    <t>31046</t>
  </si>
  <si>
    <t>7.023958206176758</t>
  </si>
  <si>
    <t>799.160400390625</t>
  </si>
  <si>
    <t>0.02083001824560604</t>
  </si>
  <si>
    <t>5.913084030151367</t>
  </si>
  <si>
    <t>1038.907470703125</t>
  </si>
  <si>
    <t>0.0140095046759523</t>
  </si>
  <si>
    <t>8.082119941711426</t>
  </si>
  <si>
    <t>755.8276977539062</t>
  </si>
  <si>
    <t>0.027289088229025538</t>
  </si>
  <si>
    <t>7.246337890625</t>
  </si>
  <si>
    <t>794.6434326171875</t>
  </si>
  <si>
    <t>0.01463508103907607</t>
  </si>
  <si>
    <t>6.147156238555908</t>
  </si>
  <si>
    <t>747.307373046875</t>
  </si>
  <si>
    <t>0.025144181801024956</t>
  </si>
  <si>
    <t>7.403985977172852</t>
  </si>
  <si>
    <t>732.4571533203125</t>
  </si>
  <si>
    <t>0.0312575699489166</t>
  </si>
  <si>
    <t>9.146346092224121</t>
  </si>
  <si>
    <t>918.5928344726562</t>
  </si>
  <si>
    <t>0.03195648828015152</t>
  </si>
  <si>
    <t>8.799378395080566</t>
  </si>
  <si>
    <t>847.32373046875</t>
  </si>
  <si>
    <t>0.03512112462340333</t>
  </si>
  <si>
    <t>7.901651382446289</t>
  </si>
  <si>
    <t>897.1470947265625</t>
  </si>
  <si>
    <t>0.028606737613324995</t>
  </si>
  <si>
    <t>38215</t>
  </si>
  <si>
    <t>8.670483589172363</t>
  </si>
  <si>
    <t>863.2037963867188</t>
  </si>
  <si>
    <t>-0.00026164312027887604</t>
  </si>
  <si>
    <t>7.744655609130859</t>
  </si>
  <si>
    <t>861.7588500976562</t>
  </si>
  <si>
    <t>0.016016540289397696</t>
  </si>
  <si>
    <t>40139</t>
  </si>
  <si>
    <t>7.395242214202881</t>
  </si>
  <si>
    <t>650.1229858398438</t>
  </si>
  <si>
    <t>0.033103781268435384</t>
  </si>
  <si>
    <t>8.028437614440918</t>
  </si>
  <si>
    <t>907.6151123046875</t>
  </si>
  <si>
    <t>0.03543918817623748</t>
  </si>
  <si>
    <t>9.264330863952637</t>
  </si>
  <si>
    <t>767.4595947265625</t>
  </si>
  <si>
    <t>0.019525824522046875</t>
  </si>
  <si>
    <t>8.750496864318848</t>
  </si>
  <si>
    <t>778.5744018554688</t>
  </si>
  <si>
    <t>0.019776271699532444</t>
  </si>
  <si>
    <t>43721</t>
  </si>
  <si>
    <t>8.214245796203613</t>
  </si>
  <si>
    <t>931.2745971679688</t>
  </si>
  <si>
    <t>0.010738821223343464</t>
  </si>
  <si>
    <t>6.656429290771484</t>
  </si>
  <si>
    <t>836.6610717773438</t>
  </si>
  <si>
    <t>0.007292482353182805</t>
  </si>
  <si>
    <t>44594</t>
  </si>
  <si>
    <t>7.458134174346924</t>
  </si>
  <si>
    <t>798.460693359375</t>
  </si>
  <si>
    <t>0.012478302601154567</t>
  </si>
  <si>
    <t>8.465559959411621</t>
  </si>
  <si>
    <t>987.4727172851562</t>
  </si>
  <si>
    <t>0.027645007806274435</t>
  </si>
  <si>
    <t>46474</t>
  </si>
  <si>
    <t>8.729640007019043</t>
  </si>
  <si>
    <t>793.6680297851562</t>
  </si>
  <si>
    <t>0.013648687796969483</t>
  </si>
  <si>
    <t>9.910378456115723</t>
  </si>
  <si>
    <t>743.5924072265625</t>
  </si>
  <si>
    <t>0.008164710144365372</t>
  </si>
  <si>
    <t>6.596566677093506</t>
  </si>
  <si>
    <t>911.1804809570312</t>
  </si>
  <si>
    <t>0.03250406869697642</t>
  </si>
  <si>
    <t>51058</t>
  </si>
  <si>
    <t>6.890251636505127</t>
  </si>
  <si>
    <t>922.015380859375</t>
  </si>
  <si>
    <t>0.05340044616903761</t>
  </si>
  <si>
    <t>53166</t>
  </si>
  <si>
    <t>8.684224128723145</t>
  </si>
  <si>
    <t>925.71728515625</t>
  </si>
  <si>
    <t>0.040456852851418645</t>
  </si>
  <si>
    <t>50599</t>
  </si>
  <si>
    <t>9.676753044128418</t>
  </si>
  <si>
    <t>1005.953857421875</t>
  </si>
  <si>
    <t>-0.04948728104093725</t>
  </si>
  <si>
    <t>52237</t>
  </si>
  <si>
    <t>8.747992515563965</t>
  </si>
  <si>
    <t>870.0668334960938</t>
  </si>
  <si>
    <t>0.03185924280807839</t>
  </si>
  <si>
    <t>53982</t>
  </si>
  <si>
    <t>7.703830242156982</t>
  </si>
  <si>
    <t>1038.640625</t>
  </si>
  <si>
    <t>0.032859601602675426</t>
  </si>
  <si>
    <t>53682</t>
  </si>
  <si>
    <t>7.722391128540039</t>
  </si>
  <si>
    <t>1169.324462890625</t>
  </si>
  <si>
    <t>-0.005572907869522581</t>
  </si>
  <si>
    <t>8.653828620910645</t>
  </si>
  <si>
    <t>865.3276977539062</t>
  </si>
  <si>
    <t>-0.05896808323022107</t>
  </si>
  <si>
    <t>53543</t>
  </si>
  <si>
    <t>8.739241600036621</t>
  </si>
  <si>
    <t>689.7769165039062</t>
  </si>
  <si>
    <t>0.056375402831749355</t>
  </si>
  <si>
    <t>8.271862030029297</t>
  </si>
  <si>
    <t>843.5350341796875</t>
  </si>
  <si>
    <t>0.015584923558717989</t>
  </si>
  <si>
    <t>20.520442962646484</t>
  </si>
  <si>
    <t>1471.9149169921875</t>
  </si>
  <si>
    <t>321.6524963378906</t>
  </si>
  <si>
    <t>Lafayette-Acadiana, LA</t>
  </si>
  <si>
    <t>20.314382553100586</t>
  </si>
  <si>
    <t>1909.29150390625</t>
  </si>
  <si>
    <t>-0.014379741369893395</t>
  </si>
  <si>
    <t>30806</t>
  </si>
  <si>
    <t>19.85843276977539</t>
  </si>
  <si>
    <t>1749.2674560546875</t>
  </si>
  <si>
    <t>0.020795134210880306</t>
  </si>
  <si>
    <t>19.189332962036133</t>
  </si>
  <si>
    <t>1555.6907958984375</t>
  </si>
  <si>
    <t>0.014021858500180784</t>
  </si>
  <si>
    <t>20.18361473083496</t>
  </si>
  <si>
    <t>1515.0721435546875</t>
  </si>
  <si>
    <t>0.027280446543565873</t>
  </si>
  <si>
    <t>20.029024124145508</t>
  </si>
  <si>
    <t>1720.938232421875</t>
  </si>
  <si>
    <t>0.014656127779725026</t>
  </si>
  <si>
    <t>19.58394432067871</t>
  </si>
  <si>
    <t>1497.5555419921875</t>
  </si>
  <si>
    <t>0.025157415736646982</t>
  </si>
  <si>
    <t>19.515661239624023</t>
  </si>
  <si>
    <t>1787.771728515625</t>
  </si>
  <si>
    <t>0.03123504461159854</t>
  </si>
  <si>
    <t>20.77548599243164</t>
  </si>
  <si>
    <t>1404.531005859375</t>
  </si>
  <si>
    <t>0.03194813300853916</t>
  </si>
  <si>
    <t>20.335651397705078</t>
  </si>
  <si>
    <t>1075.429931640625</t>
  </si>
  <si>
    <t>0.03511844985915502</t>
  </si>
  <si>
    <t>37930</t>
  </si>
  <si>
    <t>19.846059799194336</t>
  </si>
  <si>
    <t>1184.9949951171875</t>
  </si>
  <si>
    <t>0.028615403459131272</t>
  </si>
  <si>
    <t>19.976224899291992</t>
  </si>
  <si>
    <t>1625.8623046875</t>
  </si>
  <si>
    <t>-0.0002636783139866594</t>
  </si>
  <si>
    <t>19.63639259338379</t>
  </si>
  <si>
    <t>1656.8037109375</t>
  </si>
  <si>
    <t>-0.05215420228192791</t>
  </si>
  <si>
    <t>37458</t>
  </si>
  <si>
    <t>19.99888801574707</t>
  </si>
  <si>
    <t>1507.0213623046875</t>
  </si>
  <si>
    <t>0.03989583020276832</t>
  </si>
  <si>
    <t>20.451004028320312</t>
  </si>
  <si>
    <t>1780.2269287109375</t>
  </si>
  <si>
    <t>0.034993734495389006</t>
  </si>
  <si>
    <t>20.438772201538086</t>
  </si>
  <si>
    <t>1220.4945068359375</t>
  </si>
  <si>
    <t>0.06591189449795465</t>
  </si>
  <si>
    <t>45277</t>
  </si>
  <si>
    <t>20.280763626098633</t>
  </si>
  <si>
    <t>1467.3525390625</t>
  </si>
  <si>
    <t>0.08867324298203982</t>
  </si>
  <si>
    <t>44325</t>
  </si>
  <si>
    <t>20.272104263305664</t>
  </si>
  <si>
    <t>1343.1285400390625</t>
  </si>
  <si>
    <t>-0.021250325322773378</t>
  </si>
  <si>
    <t>46579</t>
  </si>
  <si>
    <t>20.021310806274414</t>
  </si>
  <si>
    <t>1348.3077392578125</t>
  </si>
  <si>
    <t>0.04960094382408187</t>
  </si>
  <si>
    <t>19.83156967163086</t>
  </si>
  <si>
    <t>1583.15380859375</t>
  </si>
  <si>
    <t>-0.050345721948492184</t>
  </si>
  <si>
    <t>45307</t>
  </si>
  <si>
    <t>19.68612289428711</t>
  </si>
  <si>
    <t>1256.0875244140625</t>
  </si>
  <si>
    <t>0.02265747210162239</t>
  </si>
  <si>
    <t>46090</t>
  </si>
  <si>
    <t>20.943851470947266</t>
  </si>
  <si>
    <t>1190.51708984375</t>
  </si>
  <si>
    <t>0.017134460794933304</t>
  </si>
  <si>
    <t>21.006864547729492</t>
  </si>
  <si>
    <t>1762.1610107421875</t>
  </si>
  <si>
    <t>0.019572871347042664</t>
  </si>
  <si>
    <t>19.406112670898438</t>
  </si>
  <si>
    <t>1480.97412109375</t>
  </si>
  <si>
    <t>-0.024292169385335072</t>
  </si>
  <si>
    <t>19.529870986938477</t>
  </si>
  <si>
    <t>1423.1888427734375</t>
  </si>
  <si>
    <t>-0.010562861184011396</t>
  </si>
  <si>
    <t>20.857254028320312</t>
  </si>
  <si>
    <t>1798.561767578125</t>
  </si>
  <si>
    <t>-0.08579641580599784</t>
  </si>
  <si>
    <t>21.67337989807129</t>
  </si>
  <si>
    <t>1662.4132080078125</t>
  </si>
  <si>
    <t>-0.0774835137110017</t>
  </si>
  <si>
    <t>20.69767951965332</t>
  </si>
  <si>
    <t>1637.91015625</t>
  </si>
  <si>
    <t>0.008857499580653183</t>
  </si>
  <si>
    <t>39965</t>
  </si>
  <si>
    <t>21.15818214416504</t>
  </si>
  <si>
    <t>1731.44677734375</t>
  </si>
  <si>
    <t>0.02711265350421499</t>
  </si>
  <si>
    <t>21.328413009643555</t>
  </si>
  <si>
    <t>1678.6307373046875</t>
  </si>
  <si>
    <t>0.014507048266901634</t>
  </si>
  <si>
    <t>20.866161346435547</t>
  </si>
  <si>
    <t>1551.740966796875</t>
  </si>
  <si>
    <t>-0.045664274812258654</t>
  </si>
  <si>
    <t>20.39753532409668</t>
  </si>
  <si>
    <t>1800.3226318359375</t>
  </si>
  <si>
    <t>0.05638370044514218</t>
  </si>
  <si>
    <t>20.86808204650879</t>
  </si>
  <si>
    <t>1553.7799072265625</t>
  </si>
  <si>
    <t>0.015590516229117668</t>
  </si>
  <si>
    <t>20.52996063232422</t>
  </si>
  <si>
    <t>1347.60546875</t>
  </si>
  <si>
    <t>212.7500457763672</t>
  </si>
  <si>
    <t>Lake Charles-Jennings, LA</t>
  </si>
  <si>
    <t>20.433170318603516</t>
  </si>
  <si>
    <t>1823.7388916015625</t>
  </si>
  <si>
    <t>-0.01438448976482043</t>
  </si>
  <si>
    <t>37773</t>
  </si>
  <si>
    <t>19.973106384277344</t>
  </si>
  <si>
    <t>1655.63037109375</t>
  </si>
  <si>
    <t>0.020811793310159032</t>
  </si>
  <si>
    <t>19.516407012939453</t>
  </si>
  <si>
    <t>1469.4031982421875</t>
  </si>
  <si>
    <t>0.014011980192796258</t>
  </si>
  <si>
    <t>20.37772560119629</t>
  </si>
  <si>
    <t>1537.8260498046875</t>
  </si>
  <si>
    <t>0.02729595771032578</t>
  </si>
  <si>
    <t>20.230409622192383</t>
  </si>
  <si>
    <t>1639.62939453125</t>
  </si>
  <si>
    <t>0.014626042452183796</t>
  </si>
  <si>
    <t>19.864723205566406</t>
  </si>
  <si>
    <t>1450.5186767578125</t>
  </si>
  <si>
    <t>0.025165090170212068</t>
  </si>
  <si>
    <t>19.69706916809082</t>
  </si>
  <si>
    <t>1692.368408203125</t>
  </si>
  <si>
    <t>0.031242027648822557</t>
  </si>
  <si>
    <t>20.97785758972168</t>
  </si>
  <si>
    <t>1389.268310546875</t>
  </si>
  <si>
    <t>0.03194683787349639</t>
  </si>
  <si>
    <t>45196</t>
  </si>
  <si>
    <t>20.6253662109375</t>
  </si>
  <si>
    <t>0.035126089611489775</t>
  </si>
  <si>
    <t>46508</t>
  </si>
  <si>
    <t>20.10845375061035</t>
  </si>
  <si>
    <t>1172.940673828125</t>
  </si>
  <si>
    <t>0.02861575345936096</t>
  </si>
  <si>
    <t>46495</t>
  </si>
  <si>
    <t>20.19626808166504</t>
  </si>
  <si>
    <t>1532.5035400390625</t>
  </si>
  <si>
    <t>-0.00027956087620140124</t>
  </si>
  <si>
    <t>45609</t>
  </si>
  <si>
    <t>19.783994674682617</t>
  </si>
  <si>
    <t>1551.147705078125</t>
  </si>
  <si>
    <t>-0.019239714463351376</t>
  </si>
  <si>
    <t>55408</t>
  </si>
  <si>
    <t>20.218286514282227</t>
  </si>
  <si>
    <t>1361.16259765625</t>
  </si>
  <si>
    <t>0.19461892219325705</t>
  </si>
  <si>
    <t>61421</t>
  </si>
  <si>
    <t>20.49239730834961</t>
  </si>
  <si>
    <t>1688.3778076171875</t>
  </si>
  <si>
    <t>0.10302780856165406</t>
  </si>
  <si>
    <t>80883</t>
  </si>
  <si>
    <t>20.714014053344727</t>
  </si>
  <si>
    <t>1064.1376953125</t>
  </si>
  <si>
    <t>0.27525186979073624</t>
  </si>
  <si>
    <t>75701</t>
  </si>
  <si>
    <t>20.60432243347168</t>
  </si>
  <si>
    <t>1442.338134765625</t>
  </si>
  <si>
    <t>-0.06621229561667441</t>
  </si>
  <si>
    <t>20.408384323120117</t>
  </si>
  <si>
    <t>1275.1024169921875</t>
  </si>
  <si>
    <t>-0.1302212012113415</t>
  </si>
  <si>
    <t>61878</t>
  </si>
  <si>
    <t>20.316436767578125</t>
  </si>
  <si>
    <t>1285.5654296875</t>
  </si>
  <si>
    <t>-0.0714054646224529</t>
  </si>
  <si>
    <t>20.175676345825195</t>
  </si>
  <si>
    <t>1424.828857421875</t>
  </si>
  <si>
    <t>-0.1973077208313132</t>
  </si>
  <si>
    <t>20.0289363861084</t>
  </si>
  <si>
    <t>1122.5703125</t>
  </si>
  <si>
    <t>-0.04586028980950019</t>
  </si>
  <si>
    <t>58816</t>
  </si>
  <si>
    <t>21.3536376953125</t>
  </si>
  <si>
    <t>968.818359375</t>
  </si>
  <si>
    <t>0.1924172328120477</t>
  </si>
  <si>
    <t>21.320751190185547</t>
  </si>
  <si>
    <t>1655.2396240234375</t>
  </si>
  <si>
    <t>-0.018602314227903705</t>
  </si>
  <si>
    <t>19.745241165161133</t>
  </si>
  <si>
    <t>1318.3336181640625</t>
  </si>
  <si>
    <t>-0.137866179325405</t>
  </si>
  <si>
    <t>50416</t>
  </si>
  <si>
    <t>19.85280418395996</t>
  </si>
  <si>
    <t>1292.5914306640625</t>
  </si>
  <si>
    <t>0.0023631518350057945</t>
  </si>
  <si>
    <t>49207</t>
  </si>
  <si>
    <t>21.041643142700195</t>
  </si>
  <si>
    <t>1783.6744384765625</t>
  </si>
  <si>
    <t>-0.02427269521422204</t>
  </si>
  <si>
    <t>21.801916122436523</t>
  </si>
  <si>
    <t>1603.7677001953125</t>
  </si>
  <si>
    <t>0.01578709562478231</t>
  </si>
  <si>
    <t>20.914920806884766</t>
  </si>
  <si>
    <t>1428.766845703125</t>
  </si>
  <si>
    <t>0.15206236931191341</t>
  </si>
  <si>
    <t>63490</t>
  </si>
  <si>
    <t>21.179689407348633</t>
  </si>
  <si>
    <t>1648.6016845703125</t>
  </si>
  <si>
    <t>0.08699705844496641</t>
  </si>
  <si>
    <t>62380</t>
  </si>
  <si>
    <t>21.376420974731445</t>
  </si>
  <si>
    <t>1665.1580810546875</t>
  </si>
  <si>
    <t>-0.01763770200270187</t>
  </si>
  <si>
    <t>53043</t>
  </si>
  <si>
    <t>21.08745765686035</t>
  </si>
  <si>
    <t>1405.40234375</t>
  </si>
  <si>
    <t>-0.1621418058155939</t>
  </si>
  <si>
    <t>56119</t>
  </si>
  <si>
    <t>20.624238967895508</t>
  </si>
  <si>
    <t>1534.7567138671875</t>
  </si>
  <si>
    <t>0.05637153075206491</t>
  </si>
  <si>
    <t>21.0909423828125</t>
  </si>
  <si>
    <t>1417.5888671875</t>
  </si>
  <si>
    <t>0.015576831718423279</t>
  </si>
  <si>
    <t>16.96497344970703</t>
  </si>
  <si>
    <t>155.03155517578125</t>
  </si>
  <si>
    <t>659.558837890625</t>
  </si>
  <si>
    <t>Las Vegas-Paradise-Pahrump, NV</t>
  </si>
  <si>
    <t>16.681791305541992</t>
  </si>
  <si>
    <t>172.56492614746094</t>
  </si>
  <si>
    <t>-0.014383459697045353</t>
  </si>
  <si>
    <t>17.072572708129883</t>
  </si>
  <si>
    <t>288.3620300292969</t>
  </si>
  <si>
    <t>0.020813683056308818</t>
  </si>
  <si>
    <t>16.822507858276367</t>
  </si>
  <si>
    <t>153.12399291992188</t>
  </si>
  <si>
    <t>0.014012804678335655</t>
  </si>
  <si>
    <t>40323</t>
  </si>
  <si>
    <t>17.40720558166504</t>
  </si>
  <si>
    <t>200.23876953125</t>
  </si>
  <si>
    <t>0.02727636075848494</t>
  </si>
  <si>
    <t>17.70665740966797</t>
  </si>
  <si>
    <t>128.52322387695312</t>
  </si>
  <si>
    <t>0.01464803827651373</t>
  </si>
  <si>
    <t>41960</t>
  </si>
  <si>
    <t>18.082483291625977</t>
  </si>
  <si>
    <t>143.9755859375</t>
  </si>
  <si>
    <t>0.025146719494461678</t>
  </si>
  <si>
    <t>17.345842361450195</t>
  </si>
  <si>
    <t>149.84800720214844</t>
  </si>
  <si>
    <t>0.031251076904803554</t>
  </si>
  <si>
    <t>16.606435775756836</t>
  </si>
  <si>
    <t>224.04502868652344</t>
  </si>
  <si>
    <t>0.031938524840411375</t>
  </si>
  <si>
    <t>46295</t>
  </si>
  <si>
    <t>17.280858993530273</t>
  </si>
  <si>
    <t>141.48193359375</t>
  </si>
  <si>
    <t>0.035127578626699574</t>
  </si>
  <si>
    <t>47639</t>
  </si>
  <si>
    <t>17.529296875</t>
  </si>
  <si>
    <t>142.69949340820312</t>
  </si>
  <si>
    <t>0.02861778960271444</t>
  </si>
  <si>
    <t>47626</t>
  </si>
  <si>
    <t>18.043432235717773</t>
  </si>
  <si>
    <t>99.10647583007812</t>
  </si>
  <si>
    <t>-0.0002729229009741374</t>
  </si>
  <si>
    <t>18.085477828979492</t>
  </si>
  <si>
    <t>64.80888366699219</t>
  </si>
  <si>
    <t>0.008134631488184496</t>
  </si>
  <si>
    <t>18.01267433166504</t>
  </si>
  <si>
    <t>174.03843688964844</t>
  </si>
  <si>
    <t>0.009761634389429119</t>
  </si>
  <si>
    <t>17.834428787231445</t>
  </si>
  <si>
    <t>269.2478332519531</t>
  </si>
  <si>
    <t>0.06717626556233292</t>
  </si>
  <si>
    <t>55030</t>
  </si>
  <si>
    <t>18.09659767150879</t>
  </si>
  <si>
    <t>157.6423797607422</t>
  </si>
  <si>
    <t>0.05942712902997016</t>
  </si>
  <si>
    <t>55543</t>
  </si>
  <si>
    <t>17.71076011657715</t>
  </si>
  <si>
    <t>106.52489471435547</t>
  </si>
  <si>
    <t>0.009279004472455554</t>
  </si>
  <si>
    <t>54482</t>
  </si>
  <si>
    <t>18.3494930267334</t>
  </si>
  <si>
    <t>137.5547637939453</t>
  </si>
  <si>
    <t>-0.019287123657159455</t>
  </si>
  <si>
    <t>51238</t>
  </si>
  <si>
    <t>18.01985740661621</t>
  </si>
  <si>
    <t>114.57618713378906</t>
  </si>
  <si>
    <t>-0.0613889276264441</t>
  </si>
  <si>
    <t>17.689062118530273</t>
  </si>
  <si>
    <t>129.39920043945312</t>
  </si>
  <si>
    <t>-0.09470924404344139</t>
  </si>
  <si>
    <t>17.538471221923828</t>
  </si>
  <si>
    <t>156.5221710205078</t>
  </si>
  <si>
    <t>-0.015350657084658437</t>
  </si>
  <si>
    <t>45815</t>
  </si>
  <si>
    <t>17.41917610168457</t>
  </si>
  <si>
    <t>133.42359924316406</t>
  </si>
  <si>
    <t>-0.001809994715243235</t>
  </si>
  <si>
    <t>44928</t>
  </si>
  <si>
    <t>18.282773971557617</t>
  </si>
  <si>
    <t>226.64483642578125</t>
  </si>
  <si>
    <t>-0.019550340013831047</t>
  </si>
  <si>
    <t>18.349275588989258</t>
  </si>
  <si>
    <t>115.90486145019531</t>
  </si>
  <si>
    <t>0.008885795860456014</t>
  </si>
  <si>
    <t>19.23110580444336</t>
  </si>
  <si>
    <t>126.34931182861328</t>
  </si>
  <si>
    <t>0.004072966673223988</t>
  </si>
  <si>
    <t>47138</t>
  </si>
  <si>
    <t>18.7198429107666</t>
  </si>
  <si>
    <t>178.67282104492188</t>
  </si>
  <si>
    <t>0.0350594988571693</t>
  </si>
  <si>
    <t>47864</t>
  </si>
  <si>
    <t>18.601882934570312</t>
  </si>
  <si>
    <t>141.26002502441406</t>
  </si>
  <si>
    <t>0.015284186293534674</t>
  </si>
  <si>
    <t>48103</t>
  </si>
  <si>
    <t>19.193208694458008</t>
  </si>
  <si>
    <t>128.4990234375</t>
  </si>
  <si>
    <t>0.004980889141423361</t>
  </si>
  <si>
    <t>18.638626098632812</t>
  </si>
  <si>
    <t>124.33850860595703</t>
  </si>
  <si>
    <t>0.03677665290939558</t>
  </si>
  <si>
    <t>50544</t>
  </si>
  <si>
    <t>17.78950309753418</t>
  </si>
  <si>
    <t>206.63755798339844</t>
  </si>
  <si>
    <t>0.012723045921180898</t>
  </si>
  <si>
    <t>18.75768280029297</t>
  </si>
  <si>
    <t>112.95630645751953</t>
  </si>
  <si>
    <t>-0.0624514318684426</t>
  </si>
  <si>
    <t>50238</t>
  </si>
  <si>
    <t>18.682214736938477</t>
  </si>
  <si>
    <t>110.32194519042969</t>
  </si>
  <si>
    <t>0.05637890025906245</t>
  </si>
  <si>
    <t>51027</t>
  </si>
  <si>
    <t>18.171310424804688</t>
  </si>
  <si>
    <t>141.20437622070312</t>
  </si>
  <si>
    <t>0.015583191949714248</t>
  </si>
  <si>
    <t>27436</t>
  </si>
  <si>
    <t>8.098664283752441</t>
  </si>
  <si>
    <t>599.7888793945312</t>
  </si>
  <si>
    <t>40.74708938598633</t>
  </si>
  <si>
    <t>Lewiston, ID-WA</t>
  </si>
  <si>
    <t>27044</t>
  </si>
  <si>
    <t>8.440106391906738</t>
  </si>
  <si>
    <t>594.8446044921875</t>
  </si>
  <si>
    <t>-0.01439085040864363</t>
  </si>
  <si>
    <t>8.658699035644531</t>
  </si>
  <si>
    <t>498.4319763183594</t>
  </si>
  <si>
    <t>0.020821507094920477</t>
  </si>
  <si>
    <t>7.67741060256958</t>
  </si>
  <si>
    <t>588.59521484375</t>
  </si>
  <si>
    <t>0.01402497096960964</t>
  </si>
  <si>
    <t>28778</t>
  </si>
  <si>
    <t>8.521063804626465</t>
  </si>
  <si>
    <t>594.3506469726562</t>
  </si>
  <si>
    <t>0.027299559048264754</t>
  </si>
  <si>
    <t>8.295555114746094</t>
  </si>
  <si>
    <t>804.1513061523438</t>
  </si>
  <si>
    <t>0.014625993738146548</t>
  </si>
  <si>
    <t>29946</t>
  </si>
  <si>
    <t>7.471750259399414</t>
  </si>
  <si>
    <t>856.4661865234375</t>
  </si>
  <si>
    <t>8.2170991897583</t>
  </si>
  <si>
    <t>701.8907470703125</t>
  </si>
  <si>
    <t>0.031230965970630464</t>
  </si>
  <si>
    <t>31899</t>
  </si>
  <si>
    <t>9.022351264953613</t>
  </si>
  <si>
    <t>675.4347534179688</t>
  </si>
  <si>
    <t>0.03194793565090137</t>
  </si>
  <si>
    <t>8.090214729309082</t>
  </si>
  <si>
    <t>557.6944580078125</t>
  </si>
  <si>
    <t>0.03511402051385737</t>
  </si>
  <si>
    <t>7.700727462768555</t>
  </si>
  <si>
    <t>605.6470947265625</t>
  </si>
  <si>
    <t>0.028642430568003974</t>
  </si>
  <si>
    <t>33989</t>
  </si>
  <si>
    <t>8.42807674407959</t>
  </si>
  <si>
    <t>569.7423706054688</t>
  </si>
  <si>
    <t>-0.00029416956145489337</t>
  </si>
  <si>
    <t>35268</t>
  </si>
  <si>
    <t>8.169379234313965</t>
  </si>
  <si>
    <t>552.0244750976562</t>
  </si>
  <si>
    <t>0.03693909436731424</t>
  </si>
  <si>
    <t>8.579821586608887</t>
  </si>
  <si>
    <t>604.3312377929688</t>
  </si>
  <si>
    <t>-0.004490047044440004</t>
  </si>
  <si>
    <t>8.889801979064941</t>
  </si>
  <si>
    <t>540.0067138671875</t>
  </si>
  <si>
    <t>0.01806427895967566</t>
  </si>
  <si>
    <t>8.659136772155762</t>
  </si>
  <si>
    <t>606.2864379882812</t>
  </si>
  <si>
    <t>0.007274178199057957</t>
  </si>
  <si>
    <t>37596</t>
  </si>
  <si>
    <t>8.513894081115723</t>
  </si>
  <si>
    <t>596.0210571289062</t>
  </si>
  <si>
    <t>0.04307321441898182</t>
  </si>
  <si>
    <t>8.614701271057129</t>
  </si>
  <si>
    <t>548.02734375</t>
  </si>
  <si>
    <t>0.02568081262954891</t>
  </si>
  <si>
    <t>39453</t>
  </si>
  <si>
    <t>8.036347389221191</t>
  </si>
  <si>
    <t>557.8491821289062</t>
  </si>
  <si>
    <t>0.022531615640332348</t>
  </si>
  <si>
    <t>39359</t>
  </si>
  <si>
    <t>8.196051597595215</t>
  </si>
  <si>
    <t>583.5873413085938</t>
  </si>
  <si>
    <t>-0.0023854246707006865</t>
  </si>
  <si>
    <t>7.9166107177734375</t>
  </si>
  <si>
    <t>724.0737915039062</t>
  </si>
  <si>
    <t>0.01264864942741184</t>
  </si>
  <si>
    <t>39623</t>
  </si>
  <si>
    <t>7.470080852508545</t>
  </si>
  <si>
    <t>608.9508666992188</t>
  </si>
  <si>
    <t>-0.005963557047136803</t>
  </si>
  <si>
    <t>40285</t>
  </si>
  <si>
    <t>8.384503364562988</t>
  </si>
  <si>
    <t>636.955322265625</t>
  </si>
  <si>
    <t>0.01656943349164841</t>
  </si>
  <si>
    <t>8.435245513916016</t>
  </si>
  <si>
    <t>447.248291015625</t>
  </si>
  <si>
    <t>0.021852084834543817</t>
  </si>
  <si>
    <t>40366</t>
  </si>
  <si>
    <t>8.937171936035156</t>
  </si>
  <si>
    <t>655.4288330078125</t>
  </si>
  <si>
    <t>-0.019843429585776562</t>
  </si>
  <si>
    <t>9.699812889099121</t>
  </si>
  <si>
    <t>521.3778686523438</t>
  </si>
  <si>
    <t>0.03763205351982357</t>
  </si>
  <si>
    <t>8.829129219055176</t>
  </si>
  <si>
    <t>619.254150390625</t>
  </si>
  <si>
    <t>0.001835409608867522</t>
  </si>
  <si>
    <t>8.722023010253906</t>
  </si>
  <si>
    <t>759.141357421875</t>
  </si>
  <si>
    <t>0.007804477943425425</t>
  </si>
  <si>
    <t>43717</t>
  </si>
  <si>
    <t>8.576323509216309</t>
  </si>
  <si>
    <t>577.8546142578125</t>
  </si>
  <si>
    <t>0.0324772549226946</t>
  </si>
  <si>
    <t>44596</t>
  </si>
  <si>
    <t>7.832749843597412</t>
  </si>
  <si>
    <t>619.7322387695312</t>
  </si>
  <si>
    <t>0.019907126432586963</t>
  </si>
  <si>
    <t>41821</t>
  </si>
  <si>
    <t>8.55136775970459</t>
  </si>
  <si>
    <t>607.9041137695312</t>
  </si>
  <si>
    <t>-0.06424556318689945</t>
  </si>
  <si>
    <t>44246</t>
  </si>
  <si>
    <t>8.906782150268555</t>
  </si>
  <si>
    <t>500.0821533203125</t>
  </si>
  <si>
    <t>0.056366366169369186</t>
  </si>
  <si>
    <t>44941</t>
  </si>
  <si>
    <t>8.179486274719238</t>
  </si>
  <si>
    <t>621.2476196289062</t>
  </si>
  <si>
    <t>0.015585546513229076</t>
  </si>
  <si>
    <t>13.806801795959473</t>
  </si>
  <si>
    <t>1367.469970703125</t>
  </si>
  <si>
    <t>634.9928588867188</t>
  </si>
  <si>
    <t>Lexington-Fayette--Frankfort--Richmond, KY</t>
  </si>
  <si>
    <t>27434</t>
  </si>
  <si>
    <t>14.226818084716797</t>
  </si>
  <si>
    <t>1181.962646484375</t>
  </si>
  <si>
    <t>-0.014367387283028776</t>
  </si>
  <si>
    <t>12.875597953796387</t>
  </si>
  <si>
    <t>1140.231201171875</t>
  </si>
  <si>
    <t>0.020778469215802176</t>
  </si>
  <si>
    <t>12.291526794433594</t>
  </si>
  <si>
    <t>1173.328369140625</t>
  </si>
  <si>
    <t>0.014038801186918803</t>
  </si>
  <si>
    <t>13.519124031066895</t>
  </si>
  <si>
    <t>1272.0604248046875</t>
  </si>
  <si>
    <t>0.027294308675209322</t>
  </si>
  <si>
    <t>12.915305137634277</t>
  </si>
  <si>
    <t>1230.5625</t>
  </si>
  <si>
    <t>0.014622629370634854</t>
  </si>
  <si>
    <t>12.489654541015625</t>
  </si>
  <si>
    <t>1370.6944580078125</t>
  </si>
  <si>
    <t>0.025168414609735734</t>
  </si>
  <si>
    <t>31340</t>
  </si>
  <si>
    <t>12.656249046325684</t>
  </si>
  <si>
    <t>1250.9697265625</t>
  </si>
  <si>
    <t>0.03120949381335869</t>
  </si>
  <si>
    <t>32358</t>
  </si>
  <si>
    <t>14.10814380645752</t>
  </si>
  <si>
    <t>1333.066162109375</t>
  </si>
  <si>
    <t>0.03196604865527064</t>
  </si>
  <si>
    <t>33515</t>
  </si>
  <si>
    <t>13.494457244873047</t>
  </si>
  <si>
    <t>916.2305908203125</t>
  </si>
  <si>
    <t>0.035131814226774694</t>
  </si>
  <si>
    <t>12.811264038085938</t>
  </si>
  <si>
    <t>1124.0609130859375</t>
  </si>
  <si>
    <t>0.028618337634913615</t>
  </si>
  <si>
    <t>13.626116752624512</t>
  </si>
  <si>
    <t>1182.3486328125</t>
  </si>
  <si>
    <t>-0.0002899979720467627</t>
  </si>
  <si>
    <t>35330</t>
  </si>
  <si>
    <t>13.146746635437012</t>
  </si>
  <si>
    <t>1255.106201171875</t>
  </si>
  <si>
    <t>0.024411021898266938</t>
  </si>
  <si>
    <t>12.887396812438965</t>
  </si>
  <si>
    <t>1497.138671875</t>
  </si>
  <si>
    <t>-0.0027209358661064442</t>
  </si>
  <si>
    <t>13.656982421875</t>
  </si>
  <si>
    <t>1444.8729248046875</t>
  </si>
  <si>
    <t>0.015321653864075913</t>
  </si>
  <si>
    <t>13.72085189819336</t>
  </si>
  <si>
    <t>1045.2060546875</t>
  </si>
  <si>
    <t>0.022113787413360342</t>
  </si>
  <si>
    <t>13.510017395019531</t>
  </si>
  <si>
    <t>1236.2274169921875</t>
  </si>
  <si>
    <t>0.01734554843665137</t>
  </si>
  <si>
    <t>13.9860200881958</t>
  </si>
  <si>
    <t>1018.8357543945312</t>
  </si>
  <si>
    <t>-0.0008870610637714549</t>
  </si>
  <si>
    <t>37213</t>
  </si>
  <si>
    <t>12.883877754211426</t>
  </si>
  <si>
    <t>1205.354736328125</t>
  </si>
  <si>
    <t>0.0007527084416771856</t>
  </si>
  <si>
    <t>12.848782539367676</t>
  </si>
  <si>
    <t>1322.6026611328125</t>
  </si>
  <si>
    <t>-0.04100339919763307</t>
  </si>
  <si>
    <t>37004</t>
  </si>
  <si>
    <t>13.285065650939941</t>
  </si>
  <si>
    <t>1041.37744140625</t>
  </si>
  <si>
    <t>0.035371251509763724</t>
  </si>
  <si>
    <t>14.257030487060547</t>
  </si>
  <si>
    <t>1705.845947265625</t>
  </si>
  <si>
    <t>-0.0004054437637464048</t>
  </si>
  <si>
    <t>36872</t>
  </si>
  <si>
    <t>14.558938026428223</t>
  </si>
  <si>
    <t>1226.2523193359375</t>
  </si>
  <si>
    <t>-0.0031681157271190585</t>
  </si>
  <si>
    <t>12.543228149414062</t>
  </si>
  <si>
    <t>1453.3365478515625</t>
  </si>
  <si>
    <t>0.0041409047356566475</t>
  </si>
  <si>
    <t>36810</t>
  </si>
  <si>
    <t>12.813701629638672</t>
  </si>
  <si>
    <t>1328.41064453125</t>
  </si>
  <si>
    <t>-0.0058238127629337555</t>
  </si>
  <si>
    <t>37426</t>
  </si>
  <si>
    <t>13.828628540039062</t>
  </si>
  <si>
    <t>1483.5565185546875</t>
  </si>
  <si>
    <t>0.01659610266466771</t>
  </si>
  <si>
    <t>15.058571815490723</t>
  </si>
  <si>
    <t>1288.2066650390625</t>
  </si>
  <si>
    <t>-0.005707487458655791</t>
  </si>
  <si>
    <t>37135</t>
  </si>
  <si>
    <t>14.05713176727295</t>
  </si>
  <si>
    <t>1360.7899169921875</t>
  </si>
  <si>
    <t>-0.002098241475682272</t>
  </si>
  <si>
    <t>37408</t>
  </si>
  <si>
    <t>14.225406646728516</t>
  </si>
  <si>
    <t>1801.7261962890625</t>
  </si>
  <si>
    <t>0.007324664168399053</t>
  </si>
  <si>
    <t>14.773112297058105</t>
  </si>
  <si>
    <t>1529.5355224609375</t>
  </si>
  <si>
    <t>0.018775791553675703</t>
  </si>
  <si>
    <t>14.183326721191406</t>
  </si>
  <si>
    <t>1450.3172607421875</t>
  </si>
  <si>
    <t>-0.033072326366003324</t>
  </si>
  <si>
    <t>13.98428726196289</t>
  </si>
  <si>
    <t>1460.1998291015625</t>
  </si>
  <si>
    <t>0.0563581370913937</t>
  </si>
  <si>
    <t>14.384215354919434</t>
  </si>
  <si>
    <t>1359.15380859375</t>
  </si>
  <si>
    <t>0.015589751542059105</t>
  </si>
  <si>
    <t>10.871406555175781</t>
  </si>
  <si>
    <t>673.027099609375</t>
  </si>
  <si>
    <t>166.17626953125</t>
  </si>
  <si>
    <t>Lincoln, NE</t>
  </si>
  <si>
    <t>12.2269287109375</t>
  </si>
  <si>
    <t>647.6903686523438</t>
  </si>
  <si>
    <t>-0.014393632774110543</t>
  </si>
  <si>
    <t>10.214606285095215</t>
  </si>
  <si>
    <t>830.659912109375</t>
  </si>
  <si>
    <t>0.02081669492266336</t>
  </si>
  <si>
    <t>9.493647575378418</t>
  </si>
  <si>
    <t>1009.95166015625</t>
  </si>
  <si>
    <t>0.013997357326815063</t>
  </si>
  <si>
    <t>11.142051696777344</t>
  </si>
  <si>
    <t>659.4893798828125</t>
  </si>
  <si>
    <t>0.027296450488019985</t>
  </si>
  <si>
    <t>10.55971622467041</t>
  </si>
  <si>
    <t>710.1737670898438</t>
  </si>
  <si>
    <t>0.014631828337973829</t>
  </si>
  <si>
    <t>42007</t>
  </si>
  <si>
    <t>9.645058631896973</t>
  </si>
  <si>
    <t>811.0242309570312</t>
  </si>
  <si>
    <t>0.025167050826013337</t>
  </si>
  <si>
    <t>10.576689720153809</t>
  </si>
  <si>
    <t>738.4971923828125</t>
  </si>
  <si>
    <t>0.03123972504552519</t>
  </si>
  <si>
    <t>44747</t>
  </si>
  <si>
    <t>11.772491455078125</t>
  </si>
  <si>
    <t>827.119384765625</t>
  </si>
  <si>
    <t>0.03194840725928394</t>
  </si>
  <si>
    <t>46347</t>
  </si>
  <si>
    <t>11.77432918548584</t>
  </si>
  <si>
    <t>699.8037109375</t>
  </si>
  <si>
    <t>0.035132161630524905</t>
  </si>
  <si>
    <t>47692</t>
  </si>
  <si>
    <t>11.040756225585938</t>
  </si>
  <si>
    <t>639.6581420898438</t>
  </si>
  <si>
    <t>0.028607103945862633</t>
  </si>
  <si>
    <t>47679</t>
  </si>
  <si>
    <t>11.745278358459473</t>
  </si>
  <si>
    <t>824.4669799804688</t>
  </si>
  <si>
    <t>-0.00027261956109292385</t>
  </si>
  <si>
    <t>47390</t>
  </si>
  <si>
    <t>11.118844032287598</t>
  </si>
  <si>
    <t>586.960693359375</t>
  </si>
  <si>
    <t>-0.006079813403294665</t>
  </si>
  <si>
    <t>49621</t>
  </si>
  <si>
    <t>10.986129760742188</t>
  </si>
  <si>
    <t>674.0137939453125</t>
  </si>
  <si>
    <t>0.04600289524513279</t>
  </si>
  <si>
    <t>50964</t>
  </si>
  <si>
    <t>11.259540557861328</t>
  </si>
  <si>
    <t>687.1567993164062</t>
  </si>
  <si>
    <t>0.026705369894504116</t>
  </si>
  <si>
    <t>51447</t>
  </si>
  <si>
    <t>12.60411548614502</t>
  </si>
  <si>
    <t>643.8693237304688</t>
  </si>
  <si>
    <t>0.009432650422985134</t>
  </si>
  <si>
    <t>52152</t>
  </si>
  <si>
    <t>11.866225242614746</t>
  </si>
  <si>
    <t>759.5922241210938</t>
  </si>
  <si>
    <t>0.01361038008011839</t>
  </si>
  <si>
    <t>52926</t>
  </si>
  <si>
    <t>11.47561264038086</t>
  </si>
  <si>
    <t>1001.794189453125</t>
  </si>
  <si>
    <t>0.014732179882447127</t>
  </si>
  <si>
    <t>52585</t>
  </si>
  <si>
    <t>10.145237922668457</t>
  </si>
  <si>
    <t>907.1099243164062</t>
  </si>
  <si>
    <t>-0.0064638035326929355</t>
  </si>
  <si>
    <t>10.293204307556152</t>
  </si>
  <si>
    <t>690.1267700195312</t>
  </si>
  <si>
    <t>0.007634564850024006</t>
  </si>
  <si>
    <t>53637</t>
  </si>
  <si>
    <t>11.191276550292969</t>
  </si>
  <si>
    <t>846.4646606445312</t>
  </si>
  <si>
    <t>0.012173655615777434</t>
  </si>
  <si>
    <t>55180</t>
  </si>
  <si>
    <t>11.736815452575684</t>
  </si>
  <si>
    <t>720.3977661132812</t>
  </si>
  <si>
    <t>0.0283614403513468</t>
  </si>
  <si>
    <t>55406</t>
  </si>
  <si>
    <t>13.028732299804688</t>
  </si>
  <si>
    <t>541.889404296875</t>
  </si>
  <si>
    <t>0.004087322348821587</t>
  </si>
  <si>
    <t>56618</t>
  </si>
  <si>
    <t>10.338278770446777</t>
  </si>
  <si>
    <t>731.6907348632812</t>
  </si>
  <si>
    <t>0.021639064714564782</t>
  </si>
  <si>
    <t>55731</t>
  </si>
  <si>
    <t>10.63851261138916</t>
  </si>
  <si>
    <t>792.2208251953125</t>
  </si>
  <si>
    <t>-0.015790410775149866</t>
  </si>
  <si>
    <t>56666</t>
  </si>
  <si>
    <t>11.833072662353516</t>
  </si>
  <si>
    <t>896.6332397460938</t>
  </si>
  <si>
    <t>0.0166378385296877</t>
  </si>
  <si>
    <t>12.746227264404297</t>
  </si>
  <si>
    <t>885.240234375</t>
  </si>
  <si>
    <t>0.008330013195562813</t>
  </si>
  <si>
    <t>58638</t>
  </si>
  <si>
    <t>11.959571838378906</t>
  </si>
  <si>
    <t>882.3906860351562</t>
  </si>
  <si>
    <t>0.025878553782126446</t>
  </si>
  <si>
    <t>59096</t>
  </si>
  <si>
    <t>11.01286792755127</t>
  </si>
  <si>
    <t>824.7326049804688</t>
  </si>
  <si>
    <t>0.007780289641683424</t>
  </si>
  <si>
    <t>60374</t>
  </si>
  <si>
    <t>10.813347816467285</t>
  </si>
  <si>
    <t>971.9788818359375</t>
  </si>
  <si>
    <t>0.021395308462130558</t>
  </si>
  <si>
    <t>60704</t>
  </si>
  <si>
    <t>11.86846923828125</t>
  </si>
  <si>
    <t>690.989990234375</t>
  </si>
  <si>
    <t>0.005451045064036819</t>
  </si>
  <si>
    <t>64224</t>
  </si>
  <si>
    <t>12.010239601135254</t>
  </si>
  <si>
    <t>698.8494873046875</t>
  </si>
  <si>
    <t>0.05636737886132259</t>
  </si>
  <si>
    <t>65233</t>
  </si>
  <si>
    <t>11.667991638183594</t>
  </si>
  <si>
    <t>596.244140625</t>
  </si>
  <si>
    <t>0.015588503244904572</t>
  </si>
  <si>
    <t>2687</t>
  </si>
  <si>
    <t>30121</t>
  </si>
  <si>
    <t>16.971162796020508</t>
  </si>
  <si>
    <t>1552.6134033203125</t>
  </si>
  <si>
    <t>610.69873046875</t>
  </si>
  <si>
    <t>Little Rock-North Little Rock-Pine Bluff, AR</t>
  </si>
  <si>
    <t>17.25342559814453</t>
  </si>
  <si>
    <t>1433.76953125</t>
  </si>
  <si>
    <t>-0.014378633329112489</t>
  </si>
  <si>
    <t>16.279560089111328</t>
  </si>
  <si>
    <t>1230.145263671875</t>
  </si>
  <si>
    <t>0.020798669941031633</t>
  </si>
  <si>
    <t>30743</t>
  </si>
  <si>
    <t>15.876412391662598</t>
  </si>
  <si>
    <t>1274.645751953125</t>
  </si>
  <si>
    <t>0.014019686537974252</t>
  </si>
  <si>
    <t>16.887248992919922</t>
  </si>
  <si>
    <t>1352.7418212890625</t>
  </si>
  <si>
    <t>0.02730490308523592</t>
  </si>
  <si>
    <t>16.576929092407227</t>
  </si>
  <si>
    <t>1014.5858764648438</t>
  </si>
  <si>
    <t>0.014610726032129762</t>
  </si>
  <si>
    <t>32876</t>
  </si>
  <si>
    <t>16.123628616333008</t>
  </si>
  <si>
    <t>1329.2186279296875</t>
  </si>
  <si>
    <t>0.025164953107218224</t>
  </si>
  <si>
    <t>16.22493553161621</t>
  </si>
  <si>
    <t>1455.8807373046875</t>
  </si>
  <si>
    <t>0.031232421070797045</t>
  </si>
  <si>
    <t>17.813650131225586</t>
  </si>
  <si>
    <t>1244.6990966796875</t>
  </si>
  <si>
    <t>0.031972552204331706</t>
  </si>
  <si>
    <t>17.450693130493164</t>
  </si>
  <si>
    <t>981.2526245117188</t>
  </si>
  <si>
    <t>0.03512578129883792</t>
  </si>
  <si>
    <t>16.582244873046875</t>
  </si>
  <si>
    <t>1081.4012451171875</t>
  </si>
  <si>
    <t>0.02861647190071892</t>
  </si>
  <si>
    <t>17.11427116394043</t>
  </si>
  <si>
    <t>1456.3919677734375</t>
  </si>
  <si>
    <t>-0.00029474417758734717</t>
  </si>
  <si>
    <t>37927</t>
  </si>
  <si>
    <t>16.495336532592773</t>
  </si>
  <si>
    <t>1288.3084716796875</t>
  </si>
  <si>
    <t>0.0162678689232596</t>
  </si>
  <si>
    <t>39126</t>
  </si>
  <si>
    <t>16.65947723388672</t>
  </si>
  <si>
    <t>1235.949462890625</t>
  </si>
  <si>
    <t>0.031123948132510293</t>
  </si>
  <si>
    <t>17.080852508544922</t>
  </si>
  <si>
    <t>1445.8592529296875</t>
  </si>
  <si>
    <t>0.03048195424843847</t>
  </si>
  <si>
    <t>17.505308151245117</t>
  </si>
  <si>
    <t>941.2874755859375</t>
  </si>
  <si>
    <t>0.01949293321262857</t>
  </si>
  <si>
    <t>17.305034637451172</t>
  </si>
  <si>
    <t>1293.9755859375</t>
  </si>
  <si>
    <t>0.008304629775460981</t>
  </si>
  <si>
    <t>17.442649841308594</t>
  </si>
  <si>
    <t>999.5896606445312</t>
  </si>
  <si>
    <t>0.007925303856607613</t>
  </si>
  <si>
    <t>16.655447006225586</t>
  </si>
  <si>
    <t>1430.9388427734375</t>
  </si>
  <si>
    <t>0.005034668647924789</t>
  </si>
  <si>
    <t>16.50789451599121</t>
  </si>
  <si>
    <t>1722.8873291015625</t>
  </si>
  <si>
    <t>-0.019734082697896227</t>
  </si>
  <si>
    <t>41710</t>
  </si>
  <si>
    <t>17.018390655517578</t>
  </si>
  <si>
    <t>925.3650512695312</t>
  </si>
  <si>
    <t>0.012448293526569287</t>
  </si>
  <si>
    <t>42189</t>
  </si>
  <si>
    <t>17.819011688232422</t>
  </si>
  <si>
    <t>1311.2095947265625</t>
  </si>
  <si>
    <t>0.011418615347364991</t>
  </si>
  <si>
    <t>18.232744216918945</t>
  </si>
  <si>
    <t>1167.63818359375</t>
  </si>
  <si>
    <t>-0.001779296579879741</t>
  </si>
  <si>
    <t>16.060773849487305</t>
  </si>
  <si>
    <t>1300.707763671875</t>
  </si>
  <si>
    <t>0.02128489686324464</t>
  </si>
  <si>
    <t>43373</t>
  </si>
  <si>
    <t>16.14650535583496</t>
  </si>
  <si>
    <t>1175.343505859375</t>
  </si>
  <si>
    <t>0.008172003854276966</t>
  </si>
  <si>
    <t>42577</t>
  </si>
  <si>
    <t>17.446130752563477</t>
  </si>
  <si>
    <t>1590.8255615234375</t>
  </si>
  <si>
    <t>-0.018522926323605304</t>
  </si>
  <si>
    <t>18.45244026184082</t>
  </si>
  <si>
    <t>1185.508056640625</t>
  </si>
  <si>
    <t>-0.008278056304364512</t>
  </si>
  <si>
    <t>42051</t>
  </si>
  <si>
    <t>17.463069915771484</t>
  </si>
  <si>
    <t>1235.9129638671875</t>
  </si>
  <si>
    <t>-0.004152977716861628</t>
  </si>
  <si>
    <t>17.261959075927734</t>
  </si>
  <si>
    <t>1611.3184814453125</t>
  </si>
  <si>
    <t>0.01085617502166869</t>
  </si>
  <si>
    <t>17.378639221191406</t>
  </si>
  <si>
    <t>1648.5928955078125</t>
  </si>
  <si>
    <t>0.004974667664784604</t>
  </si>
  <si>
    <t>17.18046760559082</t>
  </si>
  <si>
    <t>1445.4373779296875</t>
  </si>
  <si>
    <t>-0.014856311156917101</t>
  </si>
  <si>
    <t>44533</t>
  </si>
  <si>
    <t>17.216596603393555</t>
  </si>
  <si>
    <t>1330.0797119140625</t>
  </si>
  <si>
    <t>0.05637278849791727</t>
  </si>
  <si>
    <t>45232</t>
  </si>
  <si>
    <t>17.68031883239746</t>
  </si>
  <si>
    <t>1398.80859375</t>
  </si>
  <si>
    <t>0.01557431357475103</t>
  </si>
  <si>
    <t>17.046323776245117</t>
  </si>
  <si>
    <t>164.63839721679688</t>
  </si>
  <si>
    <t>9132.548828125</t>
  </si>
  <si>
    <t>Los Angeles-Long Beach-Riverside, CA</t>
  </si>
  <si>
    <t>16.711029052734375</t>
  </si>
  <si>
    <t>383.7596130371094</t>
  </si>
  <si>
    <t>-0.014394746221014998</t>
  </si>
  <si>
    <t>17.606103897094727</t>
  </si>
  <si>
    <t>656.031982421875</t>
  </si>
  <si>
    <t>0.020812660556035922</t>
  </si>
  <si>
    <t>17.23407554626465</t>
  </si>
  <si>
    <t>292.6570129394531</t>
  </si>
  <si>
    <t>0.014028647841294983</t>
  </si>
  <si>
    <t>16.782777786254883</t>
  </si>
  <si>
    <t>514.673583984375</t>
  </si>
  <si>
    <t>0.027294347965201027</t>
  </si>
  <si>
    <t>43642</t>
  </si>
  <si>
    <t>17.5439453125</t>
  </si>
  <si>
    <t>329.4630432128906</t>
  </si>
  <si>
    <t>0.014633844528251672</t>
  </si>
  <si>
    <t>17.75965690612793</t>
  </si>
  <si>
    <t>492.55609130859375</t>
  </si>
  <si>
    <t>0.02513849215105246</t>
  </si>
  <si>
    <t>46173</t>
  </si>
  <si>
    <t>17.453062057495117</t>
  </si>
  <si>
    <t>276.07086181640625</t>
  </si>
  <si>
    <t>0.03123673008593819</t>
  </si>
  <si>
    <t>47673</t>
  </si>
  <si>
    <t>16.37392807006836</t>
  </si>
  <si>
    <t>495.95074462890625</t>
  </si>
  <si>
    <t>0.0319699882326816</t>
  </si>
  <si>
    <t>49377</t>
  </si>
  <si>
    <t>16.603349685668945</t>
  </si>
  <si>
    <t>162.78749084472656</t>
  </si>
  <si>
    <t>0.03511952883143188</t>
  </si>
  <si>
    <t>50810</t>
  </si>
  <si>
    <t>17.00075340270996</t>
  </si>
  <si>
    <t>360.3283996582031</t>
  </si>
  <si>
    <t>0.028608456875600652</t>
  </si>
  <si>
    <t>17.044462203979492</t>
  </si>
  <si>
    <t>292.5193786621094</t>
  </si>
  <si>
    <t>-0.0002755742788540516</t>
  </si>
  <si>
    <t>51865</t>
  </si>
  <si>
    <t>17.174543380737305</t>
  </si>
  <si>
    <t>174.9084014892578</t>
  </si>
  <si>
    <t>0.020826577557004455</t>
  </si>
  <si>
    <t>17.221200942993164</t>
  </si>
  <si>
    <t>316.17510986328125</t>
  </si>
  <si>
    <t>0.035029486287706746</t>
  </si>
  <si>
    <t>55704</t>
  </si>
  <si>
    <t>17.466821670532227</t>
  </si>
  <si>
    <t>468.0173645019531</t>
  </si>
  <si>
    <t>0.03637828246874797</t>
  </si>
  <si>
    <t>57476</t>
  </si>
  <si>
    <t>17.439687728881836</t>
  </si>
  <si>
    <t>363.1245422363281</t>
  </si>
  <si>
    <t>0.03131551172671365</t>
  </si>
  <si>
    <t>59526</t>
  </si>
  <si>
    <t>17.199522018432617</t>
  </si>
  <si>
    <t>265.5346984863281</t>
  </si>
  <si>
    <t>0.03504572252886007</t>
  </si>
  <si>
    <t>60150</t>
  </si>
  <si>
    <t>17.290742874145508</t>
  </si>
  <si>
    <t>276.8741149902344</t>
  </si>
  <si>
    <t>0.010428250524867622</t>
  </si>
  <si>
    <t>17.357152938842773</t>
  </si>
  <si>
    <t>168.15139770507812</t>
  </si>
  <si>
    <t>-0.011285386231666195</t>
  </si>
  <si>
    <t>56189</t>
  </si>
  <si>
    <t>17.090002059936523</t>
  </si>
  <si>
    <t>336.33447265625</t>
  </si>
  <si>
    <t>-0.05683504798426853</t>
  </si>
  <si>
    <t>16.90418815612793</t>
  </si>
  <si>
    <t>384.3299865722656</t>
  </si>
  <si>
    <t>0.010005130254334915</t>
  </si>
  <si>
    <t>16.762653350830078</t>
  </si>
  <si>
    <t>295.0787658691406</t>
  </si>
  <si>
    <t>0.0035529014596598074</t>
  </si>
  <si>
    <t>57592</t>
  </si>
  <si>
    <t>17.346149444580078</t>
  </si>
  <si>
    <t>255.2464599609375</t>
  </si>
  <si>
    <t>0.011104629248254838</t>
  </si>
  <si>
    <t>17.72138786315918</t>
  </si>
  <si>
    <t>115.85527801513672</t>
  </si>
  <si>
    <t>0.018544853770766423</t>
  </si>
  <si>
    <t>59934</t>
  </si>
  <si>
    <t>19.047826766967773</t>
  </si>
  <si>
    <t>253.04183959960938</t>
  </si>
  <si>
    <t>0.021315433840298326</t>
  </si>
  <si>
    <t>62248</t>
  </si>
  <si>
    <t>18.61582374572754</t>
  </si>
  <si>
    <t>267.0146484375</t>
  </si>
  <si>
    <t>0.03788244953656239</t>
  </si>
  <si>
    <t>18.120676040649414</t>
  </si>
  <si>
    <t>372.4433288574219</t>
  </si>
  <si>
    <t>0.017627423936241726</t>
  </si>
  <si>
    <t>65026</t>
  </si>
  <si>
    <t>18.54426383972168</t>
  </si>
  <si>
    <t>264.4211730957031</t>
  </si>
  <si>
    <t>0.026033359666092437</t>
  </si>
  <si>
    <t>65937</t>
  </si>
  <si>
    <t>18.125337600708008</t>
  </si>
  <si>
    <t>297.4434509277344</t>
  </si>
  <si>
    <t>0.013912550786281841</t>
  </si>
  <si>
    <t>68271</t>
  </si>
  <si>
    <t>17.467378616333008</t>
  </si>
  <si>
    <t>404.7681884765625</t>
  </si>
  <si>
    <t>0.03478533834194586</t>
  </si>
  <si>
    <t>63642</t>
  </si>
  <si>
    <t>18.237972259521484</t>
  </si>
  <si>
    <t>308.7302551269531</t>
  </si>
  <si>
    <t>-0.07021144929380263</t>
  </si>
  <si>
    <t>67332</t>
  </si>
  <si>
    <t>17.810361862182617</t>
  </si>
  <si>
    <t>202.93170166015625</t>
  </si>
  <si>
    <t>0.05636197680544619</t>
  </si>
  <si>
    <t>68390</t>
  </si>
  <si>
    <t>17.497812271118164</t>
  </si>
  <si>
    <t>361.2861022949219</t>
  </si>
  <si>
    <t>0.015591008553169416</t>
  </si>
  <si>
    <t>13.544445991516113</t>
  </si>
  <si>
    <t>1454.7135009765625</t>
  </si>
  <si>
    <t>598.00830078125</t>
  </si>
  <si>
    <t>Louisville-Elizabethtown-Scottsburg, KY-IN</t>
  </si>
  <si>
    <t>35885</t>
  </si>
  <si>
    <t>14.320167541503906</t>
  </si>
  <si>
    <t>1009.792236328125</t>
  </si>
  <si>
    <t>-0.014386746964639485</t>
  </si>
  <si>
    <t>12.937529563903809</t>
  </si>
  <si>
    <t>1072.1802978515625</t>
  </si>
  <si>
    <t>0.020793865975026193</t>
  </si>
  <si>
    <t>12.145119667053223</t>
  </si>
  <si>
    <t>1228.386962890625</t>
  </si>
  <si>
    <t>0.014012018668214665</t>
  </si>
  <si>
    <t>13.459633827209473</t>
  </si>
  <si>
    <t>1040.0125732421875</t>
  </si>
  <si>
    <t>0.027291314178320647</t>
  </si>
  <si>
    <t>38747</t>
  </si>
  <si>
    <t>12.929920196533203</t>
  </si>
  <si>
    <t>1201.573486328125</t>
  </si>
  <si>
    <t>0.014636753743888065</t>
  </si>
  <si>
    <t>12.322388648986816</t>
  </si>
  <si>
    <t>1420.6728515625</t>
  </si>
  <si>
    <t>0.025153910898387366</t>
  </si>
  <si>
    <t>12.578388214111328</t>
  </si>
  <si>
    <t>1156.786376953125</t>
  </si>
  <si>
    <t>0.031242863702269474</t>
  </si>
  <si>
    <t>14.076493263244629</t>
  </si>
  <si>
    <t>1350.3402099609375</t>
  </si>
  <si>
    <t>0.03195144639012071</t>
  </si>
  <si>
    <t>13.536079406738281</t>
  </si>
  <si>
    <t>956.2473754882812</t>
  </si>
  <si>
    <t>0.03512227772236365</t>
  </si>
  <si>
    <t>12.690238952636719</t>
  </si>
  <si>
    <t>1203.4866943359375</t>
  </si>
  <si>
    <t>0.028624454344255312</t>
  </si>
  <si>
    <t>13.763510704040527</t>
  </si>
  <si>
    <t>1239.8099365234375</t>
  </si>
  <si>
    <t>-0.0002882131910730834</t>
  </si>
  <si>
    <t>13.181591987609863</t>
  </si>
  <si>
    <t>1277.59130859375</t>
  </si>
  <si>
    <t>0.0034972810005111654</t>
  </si>
  <si>
    <t>45894</t>
  </si>
  <si>
    <t>12.75173282623291</t>
  </si>
  <si>
    <t>1390.4783935546875</t>
  </si>
  <si>
    <t>0.01397703525346472</t>
  </si>
  <si>
    <t>13.599568367004395</t>
  </si>
  <si>
    <t>1413.270263671875</t>
  </si>
  <si>
    <t>0.024344985619311643</t>
  </si>
  <si>
    <t>47444</t>
  </si>
  <si>
    <t>13.784775733947754</t>
  </si>
  <si>
    <t>1065.343017578125</t>
  </si>
  <si>
    <t>0.008870692979934702</t>
  </si>
  <si>
    <t>13.443553924560547</t>
  </si>
  <si>
    <t>1498.316162109375</t>
  </si>
  <si>
    <t>0.013004193350749205</t>
  </si>
  <si>
    <t>13.931374549865723</t>
  </si>
  <si>
    <t>1098.2962646484375</t>
  </si>
  <si>
    <t>-0.015832571874721424</t>
  </si>
  <si>
    <t>46518</t>
  </si>
  <si>
    <t>12.800827980041504</t>
  </si>
  <si>
    <t>1338.7431640625</t>
  </si>
  <si>
    <t>-0.01688235517818093</t>
  </si>
  <si>
    <t>45058</t>
  </si>
  <si>
    <t>12.921591758728027</t>
  </si>
  <si>
    <t>1327.353271484375</t>
  </si>
  <si>
    <t>-0.031888785709925926</t>
  </si>
  <si>
    <t>46902</t>
  </si>
  <si>
    <t>13.425993919372559</t>
  </si>
  <si>
    <t>984.65478515625</t>
  </si>
  <si>
    <t>0.040109769711298426</t>
  </si>
  <si>
    <t>47150</t>
  </si>
  <si>
    <t>14.281842231750488</t>
  </si>
  <si>
    <t>1792.9029541015625</t>
  </si>
  <si>
    <t>0.005273690613217141</t>
  </si>
  <si>
    <t>48520</t>
  </si>
  <si>
    <t>14.685750007629395</t>
  </si>
  <si>
    <t>1155.1873779296875</t>
  </si>
  <si>
    <t>0.028642074996383826</t>
  </si>
  <si>
    <t>12.584945678710938</t>
  </si>
  <si>
    <t>1331.4403076171875</t>
  </si>
  <si>
    <t>0.006245911166343987</t>
  </si>
  <si>
    <t>12.705815315246582</t>
  </si>
  <si>
    <t>1240.5543212890625</t>
  </si>
  <si>
    <t>0.0054129818726735834</t>
  </si>
  <si>
    <t>13.74084186553955</t>
  </si>
  <si>
    <t>1435.65625</t>
  </si>
  <si>
    <t>0.03302045035758994</t>
  </si>
  <si>
    <t>51612</t>
  </si>
  <si>
    <t>14.94929027557373</t>
  </si>
  <si>
    <t>1302.574462890625</t>
  </si>
  <si>
    <t>0.017098776117142833</t>
  </si>
  <si>
    <t>14.027332305908203</t>
  </si>
  <si>
    <t>1320.0146484375</t>
  </si>
  <si>
    <t>-0.012595459852978053</t>
  </si>
  <si>
    <t>51256</t>
  </si>
  <si>
    <t>14.044517517089844</t>
  </si>
  <si>
    <t>1687.6484375</t>
  </si>
  <si>
    <t>0.005673940600098959</t>
  </si>
  <si>
    <t>52138</t>
  </si>
  <si>
    <t>14.452763557434082</t>
  </si>
  <si>
    <t>1510.197265625</t>
  </si>
  <si>
    <t>0.017061365166730624</t>
  </si>
  <si>
    <t>51813</t>
  </si>
  <si>
    <t>13.872258186340332</t>
  </si>
  <si>
    <t>1361.1439208984375</t>
  </si>
  <si>
    <t>-0.006252966473560662</t>
  </si>
  <si>
    <t>54818</t>
  </si>
  <si>
    <t>13.80911636352539</t>
  </si>
  <si>
    <t>1391.838134765625</t>
  </si>
  <si>
    <t>0.05637752414383712</t>
  </si>
  <si>
    <t>55679</t>
  </si>
  <si>
    <t>14.282916069030762</t>
  </si>
  <si>
    <t>1273.9476318359375</t>
  </si>
  <si>
    <t>0.015584448921043048</t>
  </si>
  <si>
    <t>37964</t>
  </si>
  <si>
    <t>15.888997077941895</t>
  </si>
  <si>
    <t>483.503173828125</t>
  </si>
  <si>
    <t>158.44412231445312</t>
  </si>
  <si>
    <t>Lubbock-Levelland, TX</t>
  </si>
  <si>
    <t>16.094736099243164</t>
  </si>
  <si>
    <t>621.794677734375</t>
  </si>
  <si>
    <t>-0.014406298102194626</t>
  </si>
  <si>
    <t>38208</t>
  </si>
  <si>
    <t>15.516715049743652</t>
  </si>
  <si>
    <t>542.834228515625</t>
  </si>
  <si>
    <t>0.020812873604086235</t>
  </si>
  <si>
    <t>38748</t>
  </si>
  <si>
    <t>15.160489082336426</t>
  </si>
  <si>
    <t>442.3785095214844</t>
  </si>
  <si>
    <t>0.014034223794002543</t>
  </si>
  <si>
    <t>16.188488006591797</t>
  </si>
  <si>
    <t>456.5476379394531</t>
  </si>
  <si>
    <t>0.027290157071911736</t>
  </si>
  <si>
    <t>15.553852081298828</t>
  </si>
  <si>
    <t>529.5016479492188</t>
  </si>
  <si>
    <t>0.014633738648736738</t>
  </si>
  <si>
    <t>41436</t>
  </si>
  <si>
    <t>15.793456077575684</t>
  </si>
  <si>
    <t>484.3682556152344</t>
  </si>
  <si>
    <t>0.025147030911067958</t>
  </si>
  <si>
    <t>42751</t>
  </si>
  <si>
    <t>15.146615028381348</t>
  </si>
  <si>
    <t>591.1978759765625</t>
  </si>
  <si>
    <t>0.0312425187261951</t>
  </si>
  <si>
    <t>44139</t>
  </si>
  <si>
    <t>16.755374908447266</t>
  </si>
  <si>
    <t>404.36822509765625</t>
  </si>
  <si>
    <t>0.0319511584618688</t>
  </si>
  <si>
    <t>45717</t>
  </si>
  <si>
    <t>16.46001625061035</t>
  </si>
  <si>
    <t>481.39959716796875</t>
  </si>
  <si>
    <t>0.0351264745919142</t>
  </si>
  <si>
    <t>16.06977653503418</t>
  </si>
  <si>
    <t>481.61883544921875</t>
  </si>
  <si>
    <t>0.02861311401295552</t>
  </si>
  <si>
    <t>47031</t>
  </si>
  <si>
    <t>16.28359031677246</t>
  </si>
  <si>
    <t>399.8434143066406</t>
  </si>
  <si>
    <t>-0.00027637523428580835</t>
  </si>
  <si>
    <t>15.496405601501465</t>
  </si>
  <si>
    <t>462.35699462890625</t>
  </si>
  <si>
    <t>0.032528464809388424</t>
  </si>
  <si>
    <t>51824</t>
  </si>
  <si>
    <t>16.00223731994629</t>
  </si>
  <si>
    <t>347.74908447265625</t>
  </si>
  <si>
    <t>0.06451793886508206</t>
  </si>
  <si>
    <t>15.874238014221191</t>
  </si>
  <si>
    <t>693.18994140625</t>
  </si>
  <si>
    <t>0.08594469992509346</t>
  </si>
  <si>
    <t>58792</t>
  </si>
  <si>
    <t>16.528690338134766</t>
  </si>
  <si>
    <t>431.4569091796875</t>
  </si>
  <si>
    <t>0.04020772887250246</t>
  </si>
  <si>
    <t>62973</t>
  </si>
  <si>
    <t>16.48258399963379</t>
  </si>
  <si>
    <t>481.587158203125</t>
  </si>
  <si>
    <t>0.06870027187340888</t>
  </si>
  <si>
    <t>67246</t>
  </si>
  <si>
    <t>16.04890251159668</t>
  </si>
  <si>
    <t>496.5528259277344</t>
  </si>
  <si>
    <t>0.06565147405908789</t>
  </si>
  <si>
    <t>72365</t>
  </si>
  <si>
    <t>16.232770919799805</t>
  </si>
  <si>
    <t>456.3460998535156</t>
  </si>
  <si>
    <t>0.07336521993050127</t>
  </si>
  <si>
    <t>58620</t>
  </si>
  <si>
    <t>15.869800567626953</t>
  </si>
  <si>
    <t>501.64361572265625</t>
  </si>
  <si>
    <t>-0.21064682180682226</t>
  </si>
  <si>
    <t>65830</t>
  </si>
  <si>
    <t>16.07088279724121</t>
  </si>
  <si>
    <t>515.0839233398438</t>
  </si>
  <si>
    <t>0.11599972619703891</t>
  </si>
  <si>
    <t>66172</t>
  </si>
  <si>
    <t>17.327713012695312</t>
  </si>
  <si>
    <t>259.8843994140625</t>
  </si>
  <si>
    <t>0.005181751264984769</t>
  </si>
  <si>
    <t>66328</t>
  </si>
  <si>
    <t>17.409374237060547</t>
  </si>
  <si>
    <t>370.7508239746094</t>
  </si>
  <si>
    <t>0.0023547180691476655</t>
  </si>
  <si>
    <t>67176</t>
  </si>
  <si>
    <t>15.848977088928223</t>
  </si>
  <si>
    <t>355.6143493652344</t>
  </si>
  <si>
    <t>0.012703910067344282</t>
  </si>
  <si>
    <t>60480</t>
  </si>
  <si>
    <t>15.884200096130371</t>
  </si>
  <si>
    <t>432.3042297363281</t>
  </si>
  <si>
    <t>-0.10500330900998378</t>
  </si>
  <si>
    <t>16.499536514282227</t>
  </si>
  <si>
    <t>735.7564697265625</t>
  </si>
  <si>
    <t>-0.1820636535459208</t>
  </si>
  <si>
    <t>48752</t>
  </si>
  <si>
    <t>17.217769622802734</t>
  </si>
  <si>
    <t>533.89404296875</t>
  </si>
  <si>
    <t>-0.03350285608200387</t>
  </si>
  <si>
    <t>52754</t>
  </si>
  <si>
    <t>16.84705352783203</t>
  </si>
  <si>
    <t>500.8945617675781</t>
  </si>
  <si>
    <t>0.07889337662180651</t>
  </si>
  <si>
    <t>16.399900436401367</t>
  </si>
  <si>
    <t>486.23040771484375</t>
  </si>
  <si>
    <t>0.04682584829684444</t>
  </si>
  <si>
    <t>53828</t>
  </si>
  <si>
    <t>16.24315071105957</t>
  </si>
  <si>
    <t>490.9679870605469</t>
  </si>
  <si>
    <t>-0.026671669282709587</t>
  </si>
  <si>
    <t>16.564672470092773</t>
  </si>
  <si>
    <t>317.81915283203125</t>
  </si>
  <si>
    <t>-0.11989848409493398</t>
  </si>
  <si>
    <t>50515</t>
  </si>
  <si>
    <t>16.280092239379883</t>
  </si>
  <si>
    <t>468.14892578125</t>
  </si>
  <si>
    <t>0.05637502809533501</t>
  </si>
  <si>
    <t>51308</t>
  </si>
  <si>
    <t>16.912343978881836</t>
  </si>
  <si>
    <t>368.33349609375</t>
  </si>
  <si>
    <t>0.01557636355790848</t>
  </si>
  <si>
    <t>19.01784324645996</t>
  </si>
  <si>
    <t>1107.1727294921875</t>
  </si>
  <si>
    <t>216.5087890625</t>
  </si>
  <si>
    <t>Macon-Warner Robins-Fort Valley, GA</t>
  </si>
  <si>
    <t>18.678009033203125</t>
  </si>
  <si>
    <t>1266.842041015625</t>
  </si>
  <si>
    <t>-0.014374645290727628</t>
  </si>
  <si>
    <t>17.799461364746094</t>
  </si>
  <si>
    <t>1385.9256591796875</t>
  </si>
  <si>
    <t>0.02081538791601467</t>
  </si>
  <si>
    <t>32540</t>
  </si>
  <si>
    <t>17.523950576782227</t>
  </si>
  <si>
    <t>1083.334228515625</t>
  </si>
  <si>
    <t>0.01401913810693678</t>
  </si>
  <si>
    <t>18.308916091918945</t>
  </si>
  <si>
    <t>1389.3780517578125</t>
  </si>
  <si>
    <t>0.02728268642560927</t>
  </si>
  <si>
    <t>17.993864059448242</t>
  </si>
  <si>
    <t>1077.2027587890625</t>
  </si>
  <si>
    <t>0.014635204000853719</t>
  </si>
  <si>
    <t>17.64459991455078</t>
  </si>
  <si>
    <t>1061.9432373046875</t>
  </si>
  <si>
    <t>0.025143183950493864</t>
  </si>
  <si>
    <t>17.536752700805664</t>
  </si>
  <si>
    <t>1383.3829345703125</t>
  </si>
  <si>
    <t>0.031261828081030174</t>
  </si>
  <si>
    <t>37067</t>
  </si>
  <si>
    <t>18.887697219848633</t>
  </si>
  <si>
    <t>1202.7044677734375</t>
  </si>
  <si>
    <t>0.03193408166481504</t>
  </si>
  <si>
    <t>18.14230728149414</t>
  </si>
  <si>
    <t>922.2733154296875</t>
  </si>
  <si>
    <t>0.03512201864225162</t>
  </si>
  <si>
    <t>39507</t>
  </si>
  <si>
    <t>17.641111373901367</t>
  </si>
  <si>
    <t>880.3765258789062</t>
  </si>
  <si>
    <t>0.02862876684024762</t>
  </si>
  <si>
    <t>18.240379333496094</t>
  </si>
  <si>
    <t>926.8142700195312</t>
  </si>
  <si>
    <t>-0.00027847043963014073</t>
  </si>
  <si>
    <t>39643</t>
  </si>
  <si>
    <t>17.894271850585938</t>
  </si>
  <si>
    <t>1047.3182373046875</t>
  </si>
  <si>
    <t>0.003714986771724327</t>
  </si>
  <si>
    <t>17.955703735351562</t>
  </si>
  <si>
    <t>1337.58251953125</t>
  </si>
  <si>
    <t>-0.003714986771724327</t>
  </si>
  <si>
    <t>39973</t>
  </si>
  <si>
    <t>18.393619537353516</t>
  </si>
  <si>
    <t>1013.8038330078125</t>
  </si>
  <si>
    <t>0.012004825242305728</t>
  </si>
  <si>
    <t>18.1777400970459</t>
  </si>
  <si>
    <t>1221.0706787109375</t>
  </si>
  <si>
    <t>-0.011194944655418482</t>
  </si>
  <si>
    <t>18.164796829223633</t>
  </si>
  <si>
    <t>923.0009155273438</t>
  </si>
  <si>
    <t>0.016608926917660582</t>
  </si>
  <si>
    <t>18.384918212890625</t>
  </si>
  <si>
    <t>927.7406005859375</t>
  </si>
  <si>
    <t>-0.01650773794717253</t>
  </si>
  <si>
    <t>18.014535903930664</t>
  </si>
  <si>
    <t>1070.21826171875</t>
  </si>
  <si>
    <t>-0.012395643399299772</t>
  </si>
  <si>
    <t>39047</t>
  </si>
  <si>
    <t>17.73335075378418</t>
  </si>
  <si>
    <t>1442.2882080078125</t>
  </si>
  <si>
    <t>5.12216360313289e-05</t>
  </si>
  <si>
    <t>39328</t>
  </si>
  <si>
    <t>17.78336524963379</t>
  </si>
  <si>
    <t>911.0496215820312</t>
  </si>
  <si>
    <t>0.0071706846329551155</t>
  </si>
  <si>
    <t>19.038551330566406</t>
  </si>
  <si>
    <t>899.1137084960938</t>
  </si>
  <si>
    <t>0.006260872383451854</t>
  </si>
  <si>
    <t>39119</t>
  </si>
  <si>
    <t>19.210636138916016</t>
  </si>
  <si>
    <t>939.353759765625</t>
  </si>
  <si>
    <t>-0.011589323299370236</t>
  </si>
  <si>
    <t>17.41526985168457</t>
  </si>
  <si>
    <t>1469.0660400390625</t>
  </si>
  <si>
    <t>0.003648847518135767</t>
  </si>
  <si>
    <t>39510</t>
  </si>
  <si>
    <t>17.998056411743164</t>
  </si>
  <si>
    <t>1176.0794677734375</t>
  </si>
  <si>
    <t>0.006296674437457739</t>
  </si>
  <si>
    <t>18.96597671508789</t>
  </si>
  <si>
    <t>1322.016357421875</t>
  </si>
  <si>
    <t>0.020244214934932003</t>
  </si>
  <si>
    <t>40569</t>
  </si>
  <si>
    <t>19.909095764160156</t>
  </si>
  <si>
    <t>1107.4088134765625</t>
  </si>
  <si>
    <t>0.006206208801101454</t>
  </si>
  <si>
    <t>18.95833396911621</t>
  </si>
  <si>
    <t>1144.7208251953125</t>
  </si>
  <si>
    <t>0.012298048185707344</t>
  </si>
  <si>
    <t>41984</t>
  </si>
  <si>
    <t>19.404809951782227</t>
  </si>
  <si>
    <t>1439.990966796875</t>
  </si>
  <si>
    <t>0.02198631697658371</t>
  </si>
  <si>
    <t>19.81792640686035</t>
  </si>
  <si>
    <t>1119.3421630859375</t>
  </si>
  <si>
    <t>0.019366324872825302</t>
  </si>
  <si>
    <t>19.252878189086914</t>
  </si>
  <si>
    <t>1414.1785888671875</t>
  </si>
  <si>
    <t>-0.06917644499614184</t>
  </si>
  <si>
    <t>42260</t>
  </si>
  <si>
    <t>18.55598258972168</t>
  </si>
  <si>
    <t>1255.0244140625</t>
  </si>
  <si>
    <t>0.056362538989603195</t>
  </si>
  <si>
    <t>19.140695571899414</t>
  </si>
  <si>
    <t>1196.4815673828125</t>
  </si>
  <si>
    <t>0.015590097876970077</t>
  </si>
  <si>
    <t>7.888334274291992</t>
  </si>
  <si>
    <t>506.5348205566406</t>
  </si>
  <si>
    <t>Madison-Baraboo, WI</t>
  </si>
  <si>
    <t>8.665499687194824</t>
  </si>
  <si>
    <t>947.2772827148438</t>
  </si>
  <si>
    <t>-0.014397777572151327</t>
  </si>
  <si>
    <t>7.245893955230713</t>
  </si>
  <si>
    <t>843.9349975585938</t>
  </si>
  <si>
    <t>0.02082267013960859</t>
  </si>
  <si>
    <t>6.466201305389404</t>
  </si>
  <si>
    <t>1072.4803466796875</t>
  </si>
  <si>
    <t>0.014001305732092462</t>
  </si>
  <si>
    <t>8.069409370422363</t>
  </si>
  <si>
    <t>806.6572265625</t>
  </si>
  <si>
    <t>0.02730399311199072</t>
  </si>
  <si>
    <t>40952</t>
  </si>
  <si>
    <t>7.424418926239014</t>
  </si>
  <si>
    <t>875.540283203125</t>
  </si>
  <si>
    <t>0.014635787453373794</t>
  </si>
  <si>
    <t>6.301843643188477</t>
  </si>
  <si>
    <t>776.0819091796875</t>
  </si>
  <si>
    <t>0.025149914422307518</t>
  </si>
  <si>
    <t>7.505518436431885</t>
  </si>
  <si>
    <t>779.43701171875</t>
  </si>
  <si>
    <t>0.03124851371221915</t>
  </si>
  <si>
    <t>9.235929489135742</t>
  </si>
  <si>
    <t>988.50634765625</t>
  </si>
  <si>
    <t>0.03193476159826858</t>
  </si>
  <si>
    <t>46334</t>
  </si>
  <si>
    <t>8.763339042663574</t>
  </si>
  <si>
    <t>832.066162109375</t>
  </si>
  <si>
    <t>0.035142193960199464</t>
  </si>
  <si>
    <t>7.890552997589111</t>
  </si>
  <si>
    <t>930.7161254882812</t>
  </si>
  <si>
    <t>0.02861501653451448</t>
  </si>
  <si>
    <t>47665</t>
  </si>
  <si>
    <t>8.798948287963867</t>
  </si>
  <si>
    <t>929.9413452148438</t>
  </si>
  <si>
    <t>-0.0002936734372500638</t>
  </si>
  <si>
    <t>7.898315906524658</t>
  </si>
  <si>
    <t>803.8284912109375</t>
  </si>
  <si>
    <t>0.0337875551786766</t>
  </si>
  <si>
    <t>7.4144206047058105</t>
  </si>
  <si>
    <t>773.7235107421875</t>
  </si>
  <si>
    <t>0.019602563776340176</t>
  </si>
  <si>
    <t>52261</t>
  </si>
  <si>
    <t>8.17351245880127</t>
  </si>
  <si>
    <t>927.0201416015625</t>
  </si>
  <si>
    <t>0.03866290010259554</t>
  </si>
  <si>
    <t>53025</t>
  </si>
  <si>
    <t>9.277726173400879</t>
  </si>
  <si>
    <t>688.646484375</t>
  </si>
  <si>
    <t>0.014513105447591101</t>
  </si>
  <si>
    <t>8.799447059631348</t>
  </si>
  <si>
    <t>880.5957641601562</t>
  </si>
  <si>
    <t>-0.0006980276287293918</t>
  </si>
  <si>
    <t>53482</t>
  </si>
  <si>
    <t>8.461133003234863</t>
  </si>
  <si>
    <t>967.368408203125</t>
  </si>
  <si>
    <t>0.009279675870287107</t>
  </si>
  <si>
    <t>51706</t>
  </si>
  <si>
    <t>6.926433563232422</t>
  </si>
  <si>
    <t>995.6676635742188</t>
  </si>
  <si>
    <t>-0.033771319753075346</t>
  </si>
  <si>
    <t>51154</t>
  </si>
  <si>
    <t>7.610813617706299</t>
  </si>
  <si>
    <t>995.5385131835938</t>
  </si>
  <si>
    <t>-0.01073313823063593</t>
  </si>
  <si>
    <t>52863</t>
  </si>
  <si>
    <t>8.57020092010498</t>
  </si>
  <si>
    <t>1013.3214111328125</t>
  </si>
  <si>
    <t>0.03286297054611076</t>
  </si>
  <si>
    <t>8.711945533752441</t>
  </si>
  <si>
    <t>909.9757080078125</t>
  </si>
  <si>
    <t>0.022464868717230857</t>
  </si>
  <si>
    <t>9.843420028686523</t>
  </si>
  <si>
    <t>738.2286376953125</t>
  </si>
  <si>
    <t>0.023453927171804168</t>
  </si>
  <si>
    <t>56108</t>
  </si>
  <si>
    <t>6.693790435791016</t>
  </si>
  <si>
    <t>977.0716552734375</t>
  </si>
  <si>
    <t>0.013655947713687056</t>
  </si>
  <si>
    <t>57264</t>
  </si>
  <si>
    <t>6.860697269439697</t>
  </si>
  <si>
    <t>953.5230712890625</t>
  </si>
  <si>
    <t>0.02039374916624581</t>
  </si>
  <si>
    <t>59436</t>
  </si>
  <si>
    <t>8.691618919372559</t>
  </si>
  <si>
    <t>947.9944458007812</t>
  </si>
  <si>
    <t>0.037227949370430835</t>
  </si>
  <si>
    <t>60026</t>
  </si>
  <si>
    <t>9.724848747253418</t>
  </si>
  <si>
    <t>1003.7250366210938</t>
  </si>
  <si>
    <t>0.00987769829955809</t>
  </si>
  <si>
    <t>60367</t>
  </si>
  <si>
    <t>8.919690132141113</t>
  </si>
  <si>
    <t>879.4173583984375</t>
  </si>
  <si>
    <t>0.005664796323507915</t>
  </si>
  <si>
    <t>62089</t>
  </si>
  <si>
    <t>7.9807891845703125</t>
  </si>
  <si>
    <t>1163.1875</t>
  </si>
  <si>
    <t>0.02812624157685306</t>
  </si>
  <si>
    <t>63362</t>
  </si>
  <si>
    <t>8.129932403564453</t>
  </si>
  <si>
    <t>1237.696044921875</t>
  </si>
  <si>
    <t>0.020295473070531145</t>
  </si>
  <si>
    <t>61461</t>
  </si>
  <si>
    <t>8.896332740783691</t>
  </si>
  <si>
    <t>960.0978393554688</t>
  </si>
  <si>
    <t>-0.030461485349379203</t>
  </si>
  <si>
    <t>65025</t>
  </si>
  <si>
    <t>8.974812507629395</t>
  </si>
  <si>
    <t>728.6885375976562</t>
  </si>
  <si>
    <t>0.05636898401954227</t>
  </si>
  <si>
    <t>66046</t>
  </si>
  <si>
    <t>8.693388938903809</t>
  </si>
  <si>
    <t>883.3551025390625</t>
  </si>
  <si>
    <t>0.015579657618097542</t>
  </si>
  <si>
    <t>5.270413875579834</t>
  </si>
  <si>
    <t>800.6306762695312</t>
  </si>
  <si>
    <t>185.98326110839844</t>
  </si>
  <si>
    <t>Marinette, WI-MI</t>
  </si>
  <si>
    <t>6.017155170440674</t>
  </si>
  <si>
    <t>919.2655029296875</t>
  </si>
  <si>
    <t>-0.014393708112775627</t>
  </si>
  <si>
    <t>26410</t>
  </si>
  <si>
    <t>4.587565898895264</t>
  </si>
  <si>
    <t>821.8711547851562</t>
  </si>
  <si>
    <t>0.0208133613159891</t>
  </si>
  <si>
    <t>3.9929425716400146</t>
  </si>
  <si>
    <t>775.7303466796875</t>
  </si>
  <si>
    <t>0.014024631578207547</t>
  </si>
  <si>
    <t>5.832685470581055</t>
  </si>
  <si>
    <t>694.032958984375</t>
  </si>
  <si>
    <t>0.02729099345298458</t>
  </si>
  <si>
    <t>4.823369979858398</t>
  </si>
  <si>
    <t>948.5687866210938</t>
  </si>
  <si>
    <t>0.014607224180679168</t>
  </si>
  <si>
    <t>28641</t>
  </si>
  <si>
    <t>4.033925533294678</t>
  </si>
  <si>
    <t>936.577880859375</t>
  </si>
  <si>
    <t>0.025173682163092792</t>
  </si>
  <si>
    <t>4.890718936920166</t>
  </si>
  <si>
    <t>689.3707275390625</t>
  </si>
  <si>
    <t>0.03124448616810227</t>
  </si>
  <si>
    <t>6.739771366119385</t>
  </si>
  <si>
    <t>772.1954956054688</t>
  </si>
  <si>
    <t>0.03193797820035016</t>
  </si>
  <si>
    <t>6.244239330291748</t>
  </si>
  <si>
    <t>795.3681030273438</t>
  </si>
  <si>
    <t>0.03513539854040815</t>
  </si>
  <si>
    <t>5.467236042022705</t>
  </si>
  <si>
    <t>800.4014892578125</t>
  </si>
  <si>
    <t>0.028605908908856392</t>
  </si>
  <si>
    <t>6.450083255767822</t>
  </si>
  <si>
    <t>814.3472290039062</t>
  </si>
  <si>
    <t>-0.00027681661076428554</t>
  </si>
  <si>
    <t>33085</t>
  </si>
  <si>
    <t>5.268911838531494</t>
  </si>
  <si>
    <t>899.6678466796875</t>
  </si>
  <si>
    <t>0.01759379457306487</t>
  </si>
  <si>
    <t>4.836121559143066</t>
  </si>
  <si>
    <t>763.0032958984375</t>
  </si>
  <si>
    <t>0.019129742596405208</t>
  </si>
  <si>
    <t>5.4159159660339355</t>
  </si>
  <si>
    <t>871.22607421875</t>
  </si>
  <si>
    <t>0.02570173380090246</t>
  </si>
  <si>
    <t>34705</t>
  </si>
  <si>
    <t>6.728231430053711</t>
  </si>
  <si>
    <t>755.55615234375</t>
  </si>
  <si>
    <t>0.0029722849302160625</t>
  </si>
  <si>
    <t>6.39839506149292</t>
  </si>
  <si>
    <t>747.37890625</t>
  </si>
  <si>
    <t>0.029918216916943408</t>
  </si>
  <si>
    <t>35515</t>
  </si>
  <si>
    <t>5.848254680633545</t>
  </si>
  <si>
    <t>779.5853881835938</t>
  </si>
  <si>
    <t>-0.006846843258717428</t>
  </si>
  <si>
    <t>4.312652111053467</t>
  </si>
  <si>
    <t>737.9851684570312</t>
  </si>
  <si>
    <t>0.0009850137994771302</t>
  </si>
  <si>
    <t>5.169729709625244</t>
  </si>
  <si>
    <t>727.5208740234375</t>
  </si>
  <si>
    <t>-0.009070549198195721</t>
  </si>
  <si>
    <t>6.28915548324585</t>
  </si>
  <si>
    <t>896.9201049804688</t>
  </si>
  <si>
    <t>0.04866985561162984</t>
  </si>
  <si>
    <t>38045</t>
  </si>
  <si>
    <t>6.265003204345703</t>
  </si>
  <si>
    <t>854.5938110351562</t>
  </si>
  <si>
    <t>0.028230206965801585</t>
  </si>
  <si>
    <t>38097</t>
  </si>
  <si>
    <t>7.334007263183594</t>
  </si>
  <si>
    <t>845.60009765625</t>
  </si>
  <si>
    <t>0.0013658692465199351</t>
  </si>
  <si>
    <t>4.2529449462890625</t>
  </si>
  <si>
    <t>994.7650756835938</t>
  </si>
  <si>
    <t>0.005209913215201922</t>
  </si>
  <si>
    <t>4.253532886505127</t>
  </si>
  <si>
    <t>922.7936401367188</t>
  </si>
  <si>
    <t>-0.000365640266290157</t>
  </si>
  <si>
    <t>6.146579742431641</t>
  </si>
  <si>
    <t>825.1400146484375</t>
  </si>
  <si>
    <t>0.0028692927320275174</t>
  </si>
  <si>
    <t>7.039570331573486</t>
  </si>
  <si>
    <t>949.5916748046875</t>
  </si>
  <si>
    <t>0.014763373307271621</t>
  </si>
  <si>
    <t>38715</t>
  </si>
  <si>
    <t>6.059695720672607</t>
  </si>
  <si>
    <t>962.4910278320312</t>
  </si>
  <si>
    <t>-0.006385356024528832</t>
  </si>
  <si>
    <t>5.3290629386901855</t>
  </si>
  <si>
    <t>969.6597900390625</t>
  </si>
  <si>
    <t>0.017589454598203602</t>
  </si>
  <si>
    <t>5.471893310546875</t>
  </si>
  <si>
    <t>1116.3677978515625</t>
  </si>
  <si>
    <t>0.02203849141347014</t>
  </si>
  <si>
    <t>6.348106861114502</t>
  </si>
  <si>
    <t>943.9888305664062</t>
  </si>
  <si>
    <t>-0.07624530924989692</t>
  </si>
  <si>
    <t>39488</t>
  </si>
  <si>
    <t>6.49058723449707</t>
  </si>
  <si>
    <t>776.0364990234375</t>
  </si>
  <si>
    <t>0.05638706968245799</t>
  </si>
  <si>
    <t>40108</t>
  </si>
  <si>
    <t>6.118143081665039</t>
  </si>
  <si>
    <t>976.3090209960938</t>
  </si>
  <si>
    <t>0.015578987378756182</t>
  </si>
  <si>
    <t>29832</t>
  </si>
  <si>
    <t>7.835502624511719</t>
  </si>
  <si>
    <t>962.1345825195312</t>
  </si>
  <si>
    <t>72.86506652832031</t>
  </si>
  <si>
    <t>Mason City, IA</t>
  </si>
  <si>
    <t>8.462512016296387</t>
  </si>
  <si>
    <t>1119.337158203125</t>
  </si>
  <si>
    <t>-0.014382907721055105</t>
  </si>
  <si>
    <t>7.082936763763428</t>
  </si>
  <si>
    <t>834.381103515625</t>
  </si>
  <si>
    <t>0.02079832667725512</t>
  </si>
  <si>
    <t>5.987054824829102</t>
  </si>
  <si>
    <t>1141.73583984375</t>
  </si>
  <si>
    <t>0.014023248721073855</t>
  </si>
  <si>
    <t>31290</t>
  </si>
  <si>
    <t>7.994047164916992</t>
  </si>
  <si>
    <t>812.3018188476562</t>
  </si>
  <si>
    <t>0.027278247126997</t>
  </si>
  <si>
    <t>7.30177640914917</t>
  </si>
  <si>
    <t>807.78271484375</t>
  </si>
  <si>
    <t>0.014657157799973675</t>
  </si>
  <si>
    <t>32560</t>
  </si>
  <si>
    <t>6.154860019683838</t>
  </si>
  <si>
    <t>757.0623779296875</t>
  </si>
  <si>
    <t>0.025128825653574438</t>
  </si>
  <si>
    <t>7.485482692718506</t>
  </si>
  <si>
    <t>713.7259521484375</t>
  </si>
  <si>
    <t>0.0312629384604719</t>
  </si>
  <si>
    <t>9.134858131408691</t>
  </si>
  <si>
    <t>983.1700439453125</t>
  </si>
  <si>
    <t>0.03193100592010367</t>
  </si>
  <si>
    <t>8.865669250488281</t>
  </si>
  <si>
    <t>893.4365234375</t>
  </si>
  <si>
    <t>0.03512711029378934</t>
  </si>
  <si>
    <t>36967</t>
  </si>
  <si>
    <t>7.950101375579834</t>
  </si>
  <si>
    <t>862.84716796875</t>
  </si>
  <si>
    <t>0.02862002697140653</t>
  </si>
  <si>
    <t>8.611529350280762</t>
  </si>
  <si>
    <t>838.4100952148438</t>
  </si>
  <si>
    <t>-0.00027054813216409457</t>
  </si>
  <si>
    <t>7.877479553222656</t>
  </si>
  <si>
    <t>783.8910522460938</t>
  </si>
  <si>
    <t>0.059202245029116085</t>
  </si>
  <si>
    <t>7.563901901245117</t>
  </si>
  <si>
    <t>677.0953979492188</t>
  </si>
  <si>
    <t>0.029674425879552047</t>
  </si>
  <si>
    <t>45180</t>
  </si>
  <si>
    <t>8.165626525878906</t>
  </si>
  <si>
    <t>988.529052734375</t>
  </si>
  <si>
    <t>0.11202276548324264</t>
  </si>
  <si>
    <t>45017</t>
  </si>
  <si>
    <t>9.451680183410645</t>
  </si>
  <si>
    <t>897.1756591796875</t>
  </si>
  <si>
    <t>-0.0036143148318181773</t>
  </si>
  <si>
    <t>8.768242835998535</t>
  </si>
  <si>
    <t>834.7608032226562</t>
  </si>
  <si>
    <t>0.02892216260714342</t>
  </si>
  <si>
    <t>8.26369571685791</t>
  </si>
  <si>
    <t>1008.5523681640625</t>
  </si>
  <si>
    <t>0.03939666224137284</t>
  </si>
  <si>
    <t>6.780435085296631</t>
  </si>
  <si>
    <t>951.0089111328125</t>
  </si>
  <si>
    <t>-0.009568453570111046</t>
  </si>
  <si>
    <t>7.440990924835205</t>
  </si>
  <si>
    <t>873.9495239257812</t>
  </si>
  <si>
    <t>-0.06662275947838481</t>
  </si>
  <si>
    <t>8.458511352539062</t>
  </si>
  <si>
    <t>1024.8309326171875</t>
  </si>
  <si>
    <t>0.10090406630033222</t>
  </si>
  <si>
    <t>52655</t>
  </si>
  <si>
    <t>8.80611515045166</t>
  </si>
  <si>
    <t>794.2542724609375</t>
  </si>
  <si>
    <t>0.06368932652416959</t>
  </si>
  <si>
    <t>53916</t>
  </si>
  <si>
    <t>9.98859691619873</t>
  </si>
  <si>
    <t>721.1253662109375</t>
  </si>
  <si>
    <t>0.023666079043461963</t>
  </si>
  <si>
    <t>59433</t>
  </si>
  <si>
    <t>6.628633499145508</t>
  </si>
  <si>
    <t>886.8687744140625</t>
  </si>
  <si>
    <t>0.09742234778427594</t>
  </si>
  <si>
    <t>60335</t>
  </si>
  <si>
    <t>6.936712265014648</t>
  </si>
  <si>
    <t>992.1610717773438</t>
  </si>
  <si>
    <t>0.015062738865266212</t>
  </si>
  <si>
    <t>8.67723560333252</t>
  </si>
  <si>
    <t>972.90576171875</t>
  </si>
  <si>
    <t>-0.0022898493395828723</t>
  </si>
  <si>
    <t>9.770302772521973</t>
  </si>
  <si>
    <t>1006.3621826171875</t>
  </si>
  <si>
    <t>-0.03373716244859004</t>
  </si>
  <si>
    <t>55833</t>
  </si>
  <si>
    <t>8.833727836608887</t>
  </si>
  <si>
    <t>869.9575805664062</t>
  </si>
  <si>
    <t>-0.04152026230745598</t>
  </si>
  <si>
    <t>57514</t>
  </si>
  <si>
    <t>7.715850830078125</t>
  </si>
  <si>
    <t>1021.3887939453125</t>
  </si>
  <si>
    <t>0.02966330399821615</t>
  </si>
  <si>
    <t>59708</t>
  </si>
  <si>
    <t>7.724053859710693</t>
  </si>
  <si>
    <t>1144.4764404296875</t>
  </si>
  <si>
    <t>0.03743761834284065</t>
  </si>
  <si>
    <t>53846</t>
  </si>
  <si>
    <t>8.723477363586426</t>
  </si>
  <si>
    <t>833.8963623046875</t>
  </si>
  <si>
    <t>-0.10333789433606455</t>
  </si>
  <si>
    <t>56969</t>
  </si>
  <si>
    <t>8.77103328704834</t>
  </si>
  <si>
    <t>699.3614501953125</t>
  </si>
  <si>
    <t>0.05637913980519649</t>
  </si>
  <si>
    <t>57863</t>
  </si>
  <si>
    <t>8.248946189880371</t>
  </si>
  <si>
    <t>776.2890014648438</t>
  </si>
  <si>
    <t>0.01557088725512834</t>
  </si>
  <si>
    <t>18738</t>
  </si>
  <si>
    <t>23.941152572631836</t>
  </si>
  <si>
    <t>449.6265563964844</t>
  </si>
  <si>
    <t>459.7690734863281</t>
  </si>
  <si>
    <t>McAllen-Edinburg-Pharr, TX</t>
  </si>
  <si>
    <t>23.890016555786133</t>
  </si>
  <si>
    <t>652.5679321289062</t>
  </si>
  <si>
    <t>-0.014405753317847214</t>
  </si>
  <si>
    <t>23.579423904418945</t>
  </si>
  <si>
    <t>596.3997802734375</t>
  </si>
  <si>
    <t>0.0208424593190788</t>
  </si>
  <si>
    <t>23.47441864013672</t>
  </si>
  <si>
    <t>642.0641479492188</t>
  </si>
  <si>
    <t>0.014006126182371403</t>
  </si>
  <si>
    <t>19654</t>
  </si>
  <si>
    <t>24.036069869995117</t>
  </si>
  <si>
    <t>476.0718688964844</t>
  </si>
  <si>
    <t>0.027284500227636954</t>
  </si>
  <si>
    <t>23.746091842651367</t>
  </si>
  <si>
    <t>471.453125</t>
  </si>
  <si>
    <t>0.014647466281020982</t>
  </si>
  <si>
    <t>23.787879943847656</t>
  </si>
  <si>
    <t>349.859130859375</t>
  </si>
  <si>
    <t>0.025152330996496275</t>
  </si>
  <si>
    <t>21101</t>
  </si>
  <si>
    <t>23.2313232421875</t>
  </si>
  <si>
    <t>584.797119140625</t>
  </si>
  <si>
    <t>0.0312397555061672</t>
  </si>
  <si>
    <t>24.475799560546875</t>
  </si>
  <si>
    <t>461.1739196777344</t>
  </si>
  <si>
    <t>0.031947128936334224</t>
  </si>
  <si>
    <t>22565</t>
  </si>
  <si>
    <t>24.34356689453125</t>
  </si>
  <si>
    <t>464.8498840332031</t>
  </si>
  <si>
    <t>0.03513247161870936</t>
  </si>
  <si>
    <t>23.93639373779297</t>
  </si>
  <si>
    <t>400.1812438964844</t>
  </si>
  <si>
    <t>0.02861394299078235</t>
  </si>
  <si>
    <t>23.87799644470215</t>
  </si>
  <si>
    <t>517.9968872070312</t>
  </si>
  <si>
    <t>-0.00030150970443720837</t>
  </si>
  <si>
    <t>23.434598922729492</t>
  </si>
  <si>
    <t>651.538330078125</t>
  </si>
  <si>
    <t>0.008408097237424528</t>
  </si>
  <si>
    <t>23.75624656677246</t>
  </si>
  <si>
    <t>644.013671875</t>
  </si>
  <si>
    <t>0.05181859532659416</t>
  </si>
  <si>
    <t>24.05461883544922</t>
  </si>
  <si>
    <t>583.1643676757812</t>
  </si>
  <si>
    <t>-0.0010551520803634418</t>
  </si>
  <si>
    <t>24.32292366027832</t>
  </si>
  <si>
    <t>411.0000305175781</t>
  </si>
  <si>
    <t>0.02778957604909671</t>
  </si>
  <si>
    <t>24.327917098999023</t>
  </si>
  <si>
    <t>570.93701171875</t>
  </si>
  <si>
    <t>0.014506076297484682</t>
  </si>
  <si>
    <t>26417</t>
  </si>
  <si>
    <t>23.7123966217041</t>
  </si>
  <si>
    <t>578.3867797851562</t>
  </si>
  <si>
    <t>0.027828082910653862</t>
  </si>
  <si>
    <t>24.14626121520996</t>
  </si>
  <si>
    <t>489.4146728515625</t>
  </si>
  <si>
    <t>0.011965826094495924</t>
  </si>
  <si>
    <t>24.165109634399414</t>
  </si>
  <si>
    <t>494.1051940917969</t>
  </si>
  <si>
    <t>-0.09245657799938556</t>
  </si>
  <si>
    <t>24474</t>
  </si>
  <si>
    <t>23.836854934692383</t>
  </si>
  <si>
    <t>668.0676879882812</t>
  </si>
  <si>
    <t>0.00409433916216706</t>
  </si>
  <si>
    <t>24314</t>
  </si>
  <si>
    <t>25.296804428100586</t>
  </si>
  <si>
    <t>366.0579528808594</t>
  </si>
  <si>
    <t>-0.006559013429875193</t>
  </si>
  <si>
    <t>23951</t>
  </si>
  <si>
    <t>511.8360595703125</t>
  </si>
  <si>
    <t>-0.015042239494892584</t>
  </si>
  <si>
    <t>23.810256958007812</t>
  </si>
  <si>
    <t>701.0576171875</t>
  </si>
  <si>
    <t>0.03176435515831777</t>
  </si>
  <si>
    <t>24522</t>
  </si>
  <si>
    <t>23.65468406677246</t>
  </si>
  <si>
    <t>689.7417602539062</t>
  </si>
  <si>
    <t>-0.008203757986832372</t>
  </si>
  <si>
    <t>24.35902214050293</t>
  </si>
  <si>
    <t>685.7562255859375</t>
  </si>
  <si>
    <t>-0.01070055102839973</t>
  </si>
  <si>
    <t>24283</t>
  </si>
  <si>
    <t>25.204505920410156</t>
  </si>
  <si>
    <t>611.5817260742188</t>
  </si>
  <si>
    <t>0.0009063942611309272</t>
  </si>
  <si>
    <t>24.720739364624023</t>
  </si>
  <si>
    <t>528.12744140625</t>
  </si>
  <si>
    <t>0.00456068337811999</t>
  </si>
  <si>
    <t>24.70850372314453</t>
  </si>
  <si>
    <t>570.2180786132812</t>
  </si>
  <si>
    <t>0.017594570212724037</t>
  </si>
  <si>
    <t>24.799100875854492</t>
  </si>
  <si>
    <t>450.21588134765625</t>
  </si>
  <si>
    <t>0.02545172579017141</t>
  </si>
  <si>
    <t>25701</t>
  </si>
  <si>
    <t>24.928550720214844</t>
  </si>
  <si>
    <t>490.79327392578125</t>
  </si>
  <si>
    <t>24.21368408203125</t>
  </si>
  <si>
    <t>765.52294921875</t>
  </si>
  <si>
    <t>0.056392910743797486</t>
  </si>
  <si>
    <t>27619</t>
  </si>
  <si>
    <t>24.946779251098633</t>
  </si>
  <si>
    <t>473.5929870605469</t>
  </si>
  <si>
    <t>0.015581129283809503</t>
  </si>
  <si>
    <t>36122</t>
  </si>
  <si>
    <t>16.524681091308594</t>
  </si>
  <si>
    <t>1547.9808349609375</t>
  </si>
  <si>
    <t>773.0621337890625</t>
  </si>
  <si>
    <t>Memphis, TN-MS-AR</t>
  </si>
  <si>
    <t>16.722631454467773</t>
  </si>
  <si>
    <t>1509.7216796875</t>
  </si>
  <si>
    <t>-0.014387935018801201</t>
  </si>
  <si>
    <t>36355</t>
  </si>
  <si>
    <t>15.83768081665039</t>
  </si>
  <si>
    <t>1205.1741943359375</t>
  </si>
  <si>
    <t>0.020817583119349337</t>
  </si>
  <si>
    <t>36868</t>
  </si>
  <si>
    <t>15.347119331359863</t>
  </si>
  <si>
    <t>1318.310302734375</t>
  </si>
  <si>
    <t>0.014012220029398392</t>
  </si>
  <si>
    <t>37888</t>
  </si>
  <si>
    <t>16.32823371887207</t>
  </si>
  <si>
    <t>1379.8997802734375</t>
  </si>
  <si>
    <t>0.02729047313012245</t>
  </si>
  <si>
    <t>15.928932189941406</t>
  </si>
  <si>
    <t>1165.582275390625</t>
  </si>
  <si>
    <t>0.01462022006912811</t>
  </si>
  <si>
    <t>39426</t>
  </si>
  <si>
    <t>15.523133277893066</t>
  </si>
  <si>
    <t>1467.98388671875</t>
  </si>
  <si>
    <t>0.025170837813117686</t>
  </si>
  <si>
    <t>40677</t>
  </si>
  <si>
    <t>15.68076229095459</t>
  </si>
  <si>
    <t>1586.825927734375</t>
  </si>
  <si>
    <t>0.031237325004495275</t>
  </si>
  <si>
    <t>17.277355194091797</t>
  </si>
  <si>
    <t>1351.89501953125</t>
  </si>
  <si>
    <t>0.03195917595364506</t>
  </si>
  <si>
    <t>43499</t>
  </si>
  <si>
    <t>16.813535690307617</t>
  </si>
  <si>
    <t>992.4348754882812</t>
  </si>
  <si>
    <t>0.03511595122272482</t>
  </si>
  <si>
    <t>16.032346725463867</t>
  </si>
  <si>
    <t>1091.2698974609375</t>
  </si>
  <si>
    <t>0.028621615873285933</t>
  </si>
  <si>
    <t>16.598600387573242</t>
  </si>
  <si>
    <t>1630.6710205078125</t>
  </si>
  <si>
    <t>-0.00029046709547309035</t>
  </si>
  <si>
    <t>44921</t>
  </si>
  <si>
    <t>15.991738319396973</t>
  </si>
  <si>
    <t>1462.4451904296875</t>
  </si>
  <si>
    <t>0.0038362933187414683</t>
  </si>
  <si>
    <t>45357</t>
  </si>
  <si>
    <t>16.052778244018555</t>
  </si>
  <si>
    <t>1386.8095703125</t>
  </si>
  <si>
    <t>0.009659128244967619</t>
  </si>
  <si>
    <t>46118</t>
  </si>
  <si>
    <t>16.56546401977539</t>
  </si>
  <si>
    <t>1474.2926025390625</t>
  </si>
  <si>
    <t>0.016638809659957232</t>
  </si>
  <si>
    <t>16.842164993286133</t>
  </si>
  <si>
    <t>1131.235595703125</t>
  </si>
  <si>
    <t>0.0051689760938540275</t>
  </si>
  <si>
    <t>16.658418655395508</t>
  </si>
  <si>
    <t>1240.62548828125</t>
  </si>
  <si>
    <t>-0.0025703345864389604</t>
  </si>
  <si>
    <t>16.995065689086914</t>
  </si>
  <si>
    <t>1014.2022705078125</t>
  </si>
  <si>
    <t>-0.021731906164411896</t>
  </si>
  <si>
    <t>45227</t>
  </si>
  <si>
    <t>15.898211479187012</t>
  </si>
  <si>
    <t>1405.5654296875</t>
  </si>
  <si>
    <t>-0.00037581103779160685</t>
  </si>
  <si>
    <t>15.815905570983887</t>
  </si>
  <si>
    <t>1646.0284423828125</t>
  </si>
  <si>
    <t>-0.01798192303665047</t>
  </si>
  <si>
    <t>44468</t>
  </si>
  <si>
    <t>16.45299530029297</t>
  </si>
  <si>
    <t>1062.22802734375</t>
  </si>
  <si>
    <t>0.001057498776676269</t>
  </si>
  <si>
    <t>17.20027732849121</t>
  </si>
  <si>
    <t>1551.7562255859375</t>
  </si>
  <si>
    <t>0.022062989053029725</t>
  </si>
  <si>
    <t>17.615882873535156</t>
  </si>
  <si>
    <t>1242.2137451171875</t>
  </si>
  <si>
    <t>0.011569419033673256</t>
  </si>
  <si>
    <t>46681</t>
  </si>
  <si>
    <t>15.453845024108887</t>
  </si>
  <si>
    <t>1381.56591796875</t>
  </si>
  <si>
    <t>0.014934992181554918</t>
  </si>
  <si>
    <t>45921</t>
  </si>
  <si>
    <t>15.702102661132812</t>
  </si>
  <si>
    <t>1300.4100341796875</t>
  </si>
  <si>
    <t>-0.01641470086194552</t>
  </si>
  <si>
    <t>47321</t>
  </si>
  <si>
    <t>16.889753341674805</t>
  </si>
  <si>
    <t>1503.946044921875</t>
  </si>
  <si>
    <t>0.030031642822653026</t>
  </si>
  <si>
    <t>48156</t>
  </si>
  <si>
    <t>18.04917335510254</t>
  </si>
  <si>
    <t>1301.912841796875</t>
  </si>
  <si>
    <t>0.01749156947244579</t>
  </si>
  <si>
    <t>48670</t>
  </si>
  <si>
    <t>16.924091339111328</t>
  </si>
  <si>
    <t>1352.3197021484375</t>
  </si>
  <si>
    <t>0.01061708277258333</t>
  </si>
  <si>
    <t>49480</t>
  </si>
  <si>
    <t>16.94974708557129</t>
  </si>
  <si>
    <t>1605.7716064453125</t>
  </si>
  <si>
    <t>0.016505723678923445</t>
  </si>
  <si>
    <t>50023</t>
  </si>
  <si>
    <t>17.2016544342041</t>
  </si>
  <si>
    <t>1729.958984375</t>
  </si>
  <si>
    <t>0.010914352136293104</t>
  </si>
  <si>
    <t>48901</t>
  </si>
  <si>
    <t>16.733936309814453</t>
  </si>
  <si>
    <t>1437.123046875</t>
  </si>
  <si>
    <t>-0.022685053491098728</t>
  </si>
  <si>
    <t>51737</t>
  </si>
  <si>
    <t>16.67827033996582</t>
  </si>
  <si>
    <t>1481.567138671875</t>
  </si>
  <si>
    <t>0.056375346688582795</t>
  </si>
  <si>
    <t>52549</t>
  </si>
  <si>
    <t>17.2202205657959</t>
  </si>
  <si>
    <t>1431.8988037109375</t>
  </si>
  <si>
    <t>0.015572874788114532</t>
  </si>
  <si>
    <t>24.94915008544922</t>
  </si>
  <si>
    <t>1357.4400634765625</t>
  </si>
  <si>
    <t>2927.958740234375</t>
  </si>
  <si>
    <t>Miami-Fort Lauderdale-Miami Beach, FL</t>
  </si>
  <si>
    <t>24.389060974121094</t>
  </si>
  <si>
    <t>1541.7528076171875</t>
  </si>
  <si>
    <t>-0.014387576577519212</t>
  </si>
  <si>
    <t>37694</t>
  </si>
  <si>
    <t>24.140777587890625</t>
  </si>
  <si>
    <t>1604.876953125</t>
  </si>
  <si>
    <t>0.02080169360802664</t>
  </si>
  <si>
    <t>23.838699340820312</t>
  </si>
  <si>
    <t>1563.5291748046875</t>
  </si>
  <si>
    <t>0.014041141630894316</t>
  </si>
  <si>
    <t>24.673828125</t>
  </si>
  <si>
    <t>2013.071533203125</t>
  </si>
  <si>
    <t>0.0272752390701978</t>
  </si>
  <si>
    <t>24.23482322692871</t>
  </si>
  <si>
    <t>1920.207763671875</t>
  </si>
  <si>
    <t>0.014631264078948547</t>
  </si>
  <si>
    <t>40879</t>
  </si>
  <si>
    <t>23.90582275390625</t>
  </si>
  <si>
    <t>1464.17431640625</t>
  </si>
  <si>
    <t>0.02516790838224736</t>
  </si>
  <si>
    <t>42176</t>
  </si>
  <si>
    <t>24.35910987854004</t>
  </si>
  <si>
    <t>1721.732421875</t>
  </si>
  <si>
    <t>0.03123485512331925</t>
  </si>
  <si>
    <t>43545</t>
  </si>
  <si>
    <t>24.664535522460938</t>
  </si>
  <si>
    <t>1621.0579833984375</t>
  </si>
  <si>
    <t>0.03194354726466031</t>
  </si>
  <si>
    <t>23.991052627563477</t>
  </si>
  <si>
    <t>1562.2479248046875</t>
  </si>
  <si>
    <t>0.035131705278683256</t>
  </si>
  <si>
    <t>23.685026168823242</t>
  </si>
  <si>
    <t>1280.52880859375</t>
  </si>
  <si>
    <t>0.028609908677934115</t>
  </si>
  <si>
    <t>24.348182678222656</t>
  </si>
  <si>
    <t>1611.0758056640625</t>
  </si>
  <si>
    <t>-0.0002801452463661036</t>
  </si>
  <si>
    <t>24.072633743286133</t>
  </si>
  <si>
    <t>1569.437255859375</t>
  </si>
  <si>
    <t>0.022904773520517452</t>
  </si>
  <si>
    <t>24.39471435546875</t>
  </si>
  <si>
    <t>1591.6834716796875</t>
  </si>
  <si>
    <t>0.02004091806283803</t>
  </si>
  <si>
    <t>50350</t>
  </si>
  <si>
    <t>24.177644729614258</t>
  </si>
  <si>
    <t>1350.453125</t>
  </si>
  <si>
    <t>0.03879657272626247</t>
  </si>
  <si>
    <t>52673</t>
  </si>
  <si>
    <t>24.029035568237305</t>
  </si>
  <si>
    <t>1652.072265625</t>
  </si>
  <si>
    <t>0.045104371129010445</t>
  </si>
  <si>
    <t>53473</t>
  </si>
  <si>
    <t>24.316904067993164</t>
  </si>
  <si>
    <t>1273.0599365234375</t>
  </si>
  <si>
    <t>0.015073863320953507</t>
  </si>
  <si>
    <t>53380</t>
  </si>
  <si>
    <t>24.51593017578125</t>
  </si>
  <si>
    <t>1430.6204833984375</t>
  </si>
  <si>
    <t>-0.0017407096381578668</t>
  </si>
  <si>
    <t>50793</t>
  </si>
  <si>
    <t>24.122482299804688</t>
  </si>
  <si>
    <t>1506.2666015625</t>
  </si>
  <si>
    <t>-0.04967759416217454</t>
  </si>
  <si>
    <t>48076</t>
  </si>
  <si>
    <t>24.197816848754883</t>
  </si>
  <si>
    <t>1377.505615234375</t>
  </si>
  <si>
    <t>-0.054975457723660526</t>
  </si>
  <si>
    <t>48649</t>
  </si>
  <si>
    <t>23.42070960998535</t>
  </si>
  <si>
    <t>1482.7216796875</t>
  </si>
  <si>
    <t>0.011848161345630714</t>
  </si>
  <si>
    <t>24.841291427612305</t>
  </si>
  <si>
    <t>1424.7120361328125</t>
  </si>
  <si>
    <t>-0.023122898249205548</t>
  </si>
  <si>
    <t>47219</t>
  </si>
  <si>
    <t>24.664093017578125</t>
  </si>
  <si>
    <t>1791.603515625</t>
  </si>
  <si>
    <t>-0.006712001221021779</t>
  </si>
  <si>
    <t>24.290292739868164</t>
  </si>
  <si>
    <t>1894.5384521484375</t>
  </si>
  <si>
    <t>0.017882730719174234</t>
  </si>
  <si>
    <t>49133</t>
  </si>
  <si>
    <t>24.421043395996094</t>
  </si>
  <si>
    <t>1519.1959228515625</t>
  </si>
  <si>
    <t>0.02185182211847625</t>
  </si>
  <si>
    <t>51161</t>
  </si>
  <si>
    <t>25.226953506469727</t>
  </si>
  <si>
    <t>1706.9813232421875</t>
  </si>
  <si>
    <t>0.040446616236733846</t>
  </si>
  <si>
    <t>25.043184280395508</t>
  </si>
  <si>
    <t>1517.415283203125</t>
  </si>
  <si>
    <t>0.022324728586575304</t>
  </si>
  <si>
    <t>53586</t>
  </si>
  <si>
    <t>24.80204200744629</t>
  </si>
  <si>
    <t>1703.5614013671875</t>
  </si>
  <si>
    <t>0.023985588302897654</t>
  </si>
  <si>
    <t>24.8128662109375</t>
  </si>
  <si>
    <t>1616.33984375</t>
  </si>
  <si>
    <t>0.028097783065106796</t>
  </si>
  <si>
    <t>25.4721736907959</t>
  </si>
  <si>
    <t>1725.2891845703125</t>
  </si>
  <si>
    <t>0.031118544081776278</t>
  </si>
  <si>
    <t>55532</t>
  </si>
  <si>
    <t>25.227445602416992</t>
  </si>
  <si>
    <t>2026.681396484375</t>
  </si>
  <si>
    <t>-0.023544735904131642</t>
  </si>
  <si>
    <t>58752</t>
  </si>
  <si>
    <t>24.930532455444336</t>
  </si>
  <si>
    <t>1540.2413330078125</t>
  </si>
  <si>
    <t>0.05636576382546998</t>
  </si>
  <si>
    <t>59675</t>
  </si>
  <si>
    <t>25.24641227722168</t>
  </si>
  <si>
    <t>1699.0150146484375</t>
  </si>
  <si>
    <t>0.015587977226868333</t>
  </si>
  <si>
    <t>17.369260787963867</t>
  </si>
  <si>
    <t>430.55181884765625</t>
  </si>
  <si>
    <t>209.52493286132812</t>
  </si>
  <si>
    <t>Midland-Odessa, TX</t>
  </si>
  <si>
    <t>17.255203247070312</t>
  </si>
  <si>
    <t>559.6942749023438</t>
  </si>
  <si>
    <t>-0.014396591569719064</t>
  </si>
  <si>
    <t>17.172603607177734</t>
  </si>
  <si>
    <t>477.0003356933594</t>
  </si>
  <si>
    <t>0.020811414877073275</t>
  </si>
  <si>
    <t>16.971351623535156</t>
  </si>
  <si>
    <t>306.826416015625</t>
  </si>
  <si>
    <t>0.014013663514861108</t>
  </si>
  <si>
    <t>46451</t>
  </si>
  <si>
    <t>17.93602752685547</t>
  </si>
  <si>
    <t>306.7226257324219</t>
  </si>
  <si>
    <t>0.02730090671522234</t>
  </si>
  <si>
    <t>47135</t>
  </si>
  <si>
    <t>17.495365142822266</t>
  </si>
  <si>
    <t>307.4520568847656</t>
  </si>
  <si>
    <t>0.014617831294705397</t>
  </si>
  <si>
    <t>48336</t>
  </si>
  <si>
    <t>17.589950561523438</t>
  </si>
  <si>
    <t>348.230224609375</t>
  </si>
  <si>
    <t>0.025160799796202227</t>
  </si>
  <si>
    <t>49870</t>
  </si>
  <si>
    <t>16.836149215698242</t>
  </si>
  <si>
    <t>440.5401306152344</t>
  </si>
  <si>
    <t>0.03124299491371474</t>
  </si>
  <si>
    <t>51489</t>
  </si>
  <si>
    <t>18.300806045532227</t>
  </si>
  <si>
    <t>260.48101806640625</t>
  </si>
  <si>
    <t>0.03194857306458054</t>
  </si>
  <si>
    <t>53330</t>
  </si>
  <si>
    <t>18.07632827758789</t>
  </si>
  <si>
    <t>324.79144287109375</t>
  </si>
  <si>
    <t>0.03513083198989975</t>
  </si>
  <si>
    <t>54878</t>
  </si>
  <si>
    <t>17.799209594726562</t>
  </si>
  <si>
    <t>316.0662841796875</t>
  </si>
  <si>
    <t>0.02861351499236342</t>
  </si>
  <si>
    <t>54863</t>
  </si>
  <si>
    <t>17.842330932617188</t>
  </si>
  <si>
    <t>243.0399932861328</t>
  </si>
  <si>
    <t>-0.0002733709387268135</t>
  </si>
  <si>
    <t>53324</t>
  </si>
  <si>
    <t>17.25084686279297</t>
  </si>
  <si>
    <t>329.52239990234375</t>
  </si>
  <si>
    <t>-0.02845265741471792</t>
  </si>
  <si>
    <t>59448</t>
  </si>
  <si>
    <t>17.75548553466797</t>
  </si>
  <si>
    <t>256.73883056640625</t>
  </si>
  <si>
    <t>0.10871546960373735</t>
  </si>
  <si>
    <t>63681</t>
  </si>
  <si>
    <t>17.44724464416504</t>
  </si>
  <si>
    <t>571.5001831054688</t>
  </si>
  <si>
    <t>0.06878426407524962</t>
  </si>
  <si>
    <t>74933</t>
  </si>
  <si>
    <t>17.978069305419922</t>
  </si>
  <si>
    <t>344.25341796875</t>
  </si>
  <si>
    <t>0.16270813601253842</t>
  </si>
  <si>
    <t>84208</t>
  </si>
  <si>
    <t>18.018409729003906</t>
  </si>
  <si>
    <t>378.8332214355469</t>
  </si>
  <si>
    <t>0.11669554766846701</t>
  </si>
  <si>
    <t>93808</t>
  </si>
  <si>
    <t>17.455747604370117</t>
  </si>
  <si>
    <t>423.04962158203125</t>
  </si>
  <si>
    <t>0.10796021161043612</t>
  </si>
  <si>
    <t>111087</t>
  </si>
  <si>
    <t>17.921682357788086</t>
  </si>
  <si>
    <t>321.6404724121094</t>
  </si>
  <si>
    <t>0.16906353787615203</t>
  </si>
  <si>
    <t>82525</t>
  </si>
  <si>
    <t>17.825366973876953</t>
  </si>
  <si>
    <t>367.1970520019531</t>
  </si>
  <si>
    <t>-0.2972124003587542</t>
  </si>
  <si>
    <t>95015</t>
  </si>
  <si>
    <t>17.700525283813477</t>
  </si>
  <si>
    <t>402.1541442871094</t>
  </si>
  <si>
    <t>0.14093349613406403</t>
  </si>
  <si>
    <t>111591</t>
  </si>
  <si>
    <t>19.05615234375</t>
  </si>
  <si>
    <t>198.39471435546875</t>
  </si>
  <si>
    <t>0.16080562766060424</t>
  </si>
  <si>
    <t>122233</t>
  </si>
  <si>
    <t>18.981767654418945</t>
  </si>
  <si>
    <t>291.78887939453125</t>
  </si>
  <si>
    <t>0.09108865784671138</t>
  </si>
  <si>
    <t>126681</t>
  </si>
  <si>
    <t>17.685565948486328</t>
  </si>
  <si>
    <t>276.3808288574219</t>
  </si>
  <si>
    <t>0.035743056164550424</t>
  </si>
  <si>
    <t>130042</t>
  </si>
  <si>
    <t>17.7133731842041</t>
  </si>
  <si>
    <t>333.8056945800781</t>
  </si>
  <si>
    <t>0.026185359655361395</t>
  </si>
  <si>
    <t>93081</t>
  </si>
  <si>
    <t>18.165611267089844</t>
  </si>
  <si>
    <t>553.4664916992188</t>
  </si>
  <si>
    <t>-0.33438739337766954</t>
  </si>
  <si>
    <t>86959</t>
  </si>
  <si>
    <t>18.893823623657227</t>
  </si>
  <si>
    <t>410.4954528808594</t>
  </si>
  <si>
    <t>-0.06803333861606298</t>
  </si>
  <si>
    <t>113620</t>
  </si>
  <si>
    <t>366.82769775390625</t>
  </si>
  <si>
    <t>0.267422803922166</t>
  </si>
  <si>
    <t>150316</t>
  </si>
  <si>
    <t>18.344560623168945</t>
  </si>
  <si>
    <t>395.5997619628906</t>
  </si>
  <si>
    <t>0.27988019772329586</t>
  </si>
  <si>
    <t>148617</t>
  </si>
  <si>
    <t>18.30302619934082</t>
  </si>
  <si>
    <t>365.21240234375</t>
  </si>
  <si>
    <t>-0.011367218035205795</t>
  </si>
  <si>
    <t>95570</t>
  </si>
  <si>
    <t>18.549833297729492</t>
  </si>
  <si>
    <t>198.6446533203125</t>
  </si>
  <si>
    <t>-0.4415135635389831</t>
  </si>
  <si>
    <t>101113</t>
  </si>
  <si>
    <t>18.02454948425293</t>
  </si>
  <si>
    <t>373.8503112792969</t>
  </si>
  <si>
    <t>0.05637974004077506</t>
  </si>
  <si>
    <t>102700</t>
  </si>
  <si>
    <t>18.65498924255371</t>
  </si>
  <si>
    <t>289.2962341308594</t>
  </si>
  <si>
    <t>0.015573413615650011</t>
  </si>
  <si>
    <t>8.377017974853516</t>
  </si>
  <si>
    <t>958.8272094726562</t>
  </si>
  <si>
    <t>728.315185546875</t>
  </si>
  <si>
    <t>Milwaukee-Racine-Waukesha, WI</t>
  </si>
  <si>
    <t>9.1930570602417</t>
  </si>
  <si>
    <t>857.2574462890625</t>
  </si>
  <si>
    <t>-0.014371960798490235</t>
  </si>
  <si>
    <t>7.69356107711792</t>
  </si>
  <si>
    <t>819.6996459960938</t>
  </si>
  <si>
    <t>0.02080073098219337</t>
  </si>
  <si>
    <t>43203</t>
  </si>
  <si>
    <t>7.0469970703125</t>
  </si>
  <si>
    <t>964.8629150390625</t>
  </si>
  <si>
    <t>0.014008736753263307</t>
  </si>
  <si>
    <t>8.628092765808105</t>
  </si>
  <si>
    <t>785.3208618164062</t>
  </si>
  <si>
    <t>0.027284486095220828</t>
  </si>
  <si>
    <t>45053</t>
  </si>
  <si>
    <t>7.953020095825195</t>
  </si>
  <si>
    <t>840.4793701171875</t>
  </si>
  <si>
    <t>0.014645151133382939</t>
  </si>
  <si>
    <t>46201</t>
  </si>
  <si>
    <t>6.802780628204346</t>
  </si>
  <si>
    <t>734.2027587890625</t>
  </si>
  <si>
    <t>0.025161868363129614</t>
  </si>
  <si>
    <t>47667</t>
  </si>
  <si>
    <t>7.845483303070068</t>
  </si>
  <si>
    <t>748.2568359375</t>
  </si>
  <si>
    <t>0.031237891699250397</t>
  </si>
  <si>
    <t>49215</t>
  </si>
  <si>
    <t>9.635310173034668</t>
  </si>
  <si>
    <t>940.0096435546875</t>
  </si>
  <si>
    <t>0.03195912050683525</t>
  </si>
  <si>
    <t>50974</t>
  </si>
  <si>
    <t>9.158787727355957</t>
  </si>
  <si>
    <t>776.4666137695312</t>
  </si>
  <si>
    <t>0.03511724372738101</t>
  </si>
  <si>
    <t>52454</t>
  </si>
  <si>
    <t>8.308248519897461</t>
  </si>
  <si>
    <t>946.2666625976562</t>
  </si>
  <si>
    <t>0.028620896233588766</t>
  </si>
  <si>
    <t>52439</t>
  </si>
  <si>
    <t>9.210112571716309</t>
  </si>
  <si>
    <t>885.1868286132812</t>
  </si>
  <si>
    <t>-0.00028600574113113453</t>
  </si>
  <si>
    <t>52308</t>
  </si>
  <si>
    <t>8.31017017364502</t>
  </si>
  <si>
    <t>742.561767578125</t>
  </si>
  <si>
    <t>-0.002501266256757617</t>
  </si>
  <si>
    <t>53128</t>
  </si>
  <si>
    <t>7.802116870880127</t>
  </si>
  <si>
    <t>732.1495361328125</t>
  </si>
  <si>
    <t>0.015554773194157434</t>
  </si>
  <si>
    <t>8.539315223693848</t>
  </si>
  <si>
    <t>883.786865234375</t>
  </si>
  <si>
    <t>0.02045640198267229</t>
  </si>
  <si>
    <t>54974</t>
  </si>
  <si>
    <t>9.620705604553223</t>
  </si>
  <si>
    <t>636.3778686523438</t>
  </si>
  <si>
    <t>0.013699847967895806</t>
  </si>
  <si>
    <t>55533</t>
  </si>
  <si>
    <t>9.143553733825684</t>
  </si>
  <si>
    <t>880.2721557617188</t>
  </si>
  <si>
    <t>0.010117092456676247</t>
  </si>
  <si>
    <t>55589</t>
  </si>
  <si>
    <t>8.8290433883667</t>
  </si>
  <si>
    <t>879.6943359375</t>
  </si>
  <si>
    <t>0.0010079013110040336</t>
  </si>
  <si>
    <t>54609</t>
  </si>
  <si>
    <t>7.293969631195068</t>
  </si>
  <si>
    <t>943.24462890625</t>
  </si>
  <si>
    <t>-0.017786635624789326</t>
  </si>
  <si>
    <t>7.999282360076904</t>
  </si>
  <si>
    <t>960.3582763671875</t>
  </si>
  <si>
    <t>-0.014813719218921051</t>
  </si>
  <si>
    <t>54924</t>
  </si>
  <si>
    <t>9.076883316040039</t>
  </si>
  <si>
    <t>908.95751953125</t>
  </si>
  <si>
    <t>0.020565426346554005</t>
  </si>
  <si>
    <t>55541</t>
  </si>
  <si>
    <t>9.140155792236328</t>
  </si>
  <si>
    <t>930.490234375</t>
  </si>
  <si>
    <t>0.011171075298470612</t>
  </si>
  <si>
    <t>56241</t>
  </si>
  <si>
    <t>10.256580352783203</t>
  </si>
  <si>
    <t>721.748291015625</t>
  </si>
  <si>
    <t>0.012524541525188226</t>
  </si>
  <si>
    <t>56173</t>
  </si>
  <si>
    <t>7.102875232696533</t>
  </si>
  <si>
    <t>937.2938842773438</t>
  </si>
  <si>
    <t>-0.0012098138718315</t>
  </si>
  <si>
    <t>7.197825908660889</t>
  </si>
  <si>
    <t>908.1771850585938</t>
  </si>
  <si>
    <t>0.004476108292267966</t>
  </si>
  <si>
    <t>57545</t>
  </si>
  <si>
    <t>8.975760459899902</t>
  </si>
  <si>
    <t>877.9365234375</t>
  </si>
  <si>
    <t>0.01965492771685362</t>
  </si>
  <si>
    <t>58020</t>
  </si>
  <si>
    <t>10.092652320861816</t>
  </si>
  <si>
    <t>963.7644653320312</t>
  </si>
  <si>
    <t>0.008220528272804728</t>
  </si>
  <si>
    <t>57994</t>
  </si>
  <si>
    <t>9.343683242797852</t>
  </si>
  <si>
    <t>836.6168212890625</t>
  </si>
  <si>
    <t>-0.00044822177384240547</t>
  </si>
  <si>
    <t>59181</t>
  </si>
  <si>
    <t>8.395712852478027</t>
  </si>
  <si>
    <t>1103.7513427734375</t>
  </si>
  <si>
    <t>0.02026098751042582</t>
  </si>
  <si>
    <t>60043</t>
  </si>
  <si>
    <t>8.595932960510254</t>
  </si>
  <si>
    <t>1163.5045166015625</t>
  </si>
  <si>
    <t>0.014460427775999207</t>
  </si>
  <si>
    <t>57105</t>
  </si>
  <si>
    <t>9.414175987243652</t>
  </si>
  <si>
    <t>911.59912109375</t>
  </si>
  <si>
    <t>-0.05016929370327006</t>
  </si>
  <si>
    <t>60417</t>
  </si>
  <si>
    <t>9.491369247436523</t>
  </si>
  <si>
    <t>708.587646484375</t>
  </si>
  <si>
    <t>0.056378843790263033</t>
  </si>
  <si>
    <t>9.232037544250488</t>
  </si>
  <si>
    <t>858.7509155273438</t>
  </si>
  <si>
    <t>0.015569117756637496</t>
  </si>
  <si>
    <t>7.098707675933838</t>
  </si>
  <si>
    <t>837.1735229492188</t>
  </si>
  <si>
    <t>2339.423828125</t>
  </si>
  <si>
    <t>Minneapolis-St. Paul-St. Cloud, MN-WI</t>
  </si>
  <si>
    <t>7.6280436515808105</t>
  </si>
  <si>
    <t>951.71533203125</t>
  </si>
  <si>
    <t>-0.014386714550834512</t>
  </si>
  <si>
    <t>6.299403667449951</t>
  </si>
  <si>
    <t>728.7755737304688</t>
  </si>
  <si>
    <t>0.020809999513794253</t>
  </si>
  <si>
    <t>43874</t>
  </si>
  <si>
    <t>5.124767780303955</t>
  </si>
  <si>
    <t>915.192626953125</t>
  </si>
  <si>
    <t>0.014024123255452992</t>
  </si>
  <si>
    <t>45088</t>
  </si>
  <si>
    <t>7.424526691436768</t>
  </si>
  <si>
    <t>761.5995483398438</t>
  </si>
  <si>
    <t>0.027294246212772322</t>
  </si>
  <si>
    <t>45752</t>
  </si>
  <si>
    <t>6.367349147796631</t>
  </si>
  <si>
    <t>808.5343627929688</t>
  </si>
  <si>
    <t>0.01461937089674592</t>
  </si>
  <si>
    <t>5.301315784454346</t>
  </si>
  <si>
    <t>716.3477783203125</t>
  </si>
  <si>
    <t>0.02516589051780649</t>
  </si>
  <si>
    <t>6.695682048797607</t>
  </si>
  <si>
    <t>668.6271362304688</t>
  </si>
  <si>
    <t>0.031243034233302325</t>
  </si>
  <si>
    <t>49979</t>
  </si>
  <si>
    <t>8.313986778259277</t>
  </si>
  <si>
    <t>839.08935546875</t>
  </si>
  <si>
    <t>0.031958485839318485</t>
  </si>
  <si>
    <t>51765</t>
  </si>
  <si>
    <t>8.108110427856445</t>
  </si>
  <si>
    <t>792.3106079101562</t>
  </si>
  <si>
    <t>0.03511132801463468</t>
  </si>
  <si>
    <t>53268</t>
  </si>
  <si>
    <t>7.173208236694336</t>
  </si>
  <si>
    <t>773.9824829101562</t>
  </si>
  <si>
    <t>0.028621530421821362</t>
  </si>
  <si>
    <t>53253</t>
  </si>
  <si>
    <t>7.755566120147705</t>
  </si>
  <si>
    <t>759.07373046875</t>
  </si>
  <si>
    <t>-0.00028163460912189464</t>
  </si>
  <si>
    <t>53976</t>
  </si>
  <si>
    <t>6.954046726226807</t>
  </si>
  <si>
    <t>869.1934204101562</t>
  </si>
  <si>
    <t>0.01348536229434849</t>
  </si>
  <si>
    <t>6.653501987457275</t>
  </si>
  <si>
    <t>589.836181640625</t>
  </si>
  <si>
    <t>0.028762014398663993</t>
  </si>
  <si>
    <t>57608</t>
  </si>
  <si>
    <t>7.127126216888428</t>
  </si>
  <si>
    <t>834.5055541992188</t>
  </si>
  <si>
    <t>0.03635992922277609</t>
  </si>
  <si>
    <t>58492</t>
  </si>
  <si>
    <t>8.511213302612305</t>
  </si>
  <si>
    <t>835.072265625</t>
  </si>
  <si>
    <t>0.015228545803067206</t>
  </si>
  <si>
    <t>57691</t>
  </si>
  <si>
    <t>7.964073657989502</t>
  </si>
  <si>
    <t>668.5206909179688</t>
  </si>
  <si>
    <t>-0.01378881060437287</t>
  </si>
  <si>
    <t>57902</t>
  </si>
  <si>
    <t>7.289316177368164</t>
  </si>
  <si>
    <t>790.1849975585938</t>
  </si>
  <si>
    <t>0.003650744151453722</t>
  </si>
  <si>
    <t>5.773429870605469</t>
  </si>
  <si>
    <t>695.0233764648438</t>
  </si>
  <si>
    <t>-0.009056115743494075</t>
  </si>
  <si>
    <t>55949</t>
  </si>
  <si>
    <t>6.519253253936768</t>
  </si>
  <si>
    <t>704.0477294921875</t>
  </si>
  <si>
    <t>-0.02525524905599319</t>
  </si>
  <si>
    <t>57338</t>
  </si>
  <si>
    <t>7.641244411468506</t>
  </si>
  <si>
    <t>940.160888671875</t>
  </si>
  <si>
    <t>0.024523018684533326</t>
  </si>
  <si>
    <t>58353</t>
  </si>
  <si>
    <t>7.951570510864258</t>
  </si>
  <si>
    <t>716.4068603515625</t>
  </si>
  <si>
    <t>0.017547191110905302</t>
  </si>
  <si>
    <t>59322</t>
  </si>
  <si>
    <t>9.063672065734863</t>
  </si>
  <si>
    <t>682.3699340820312</t>
  </si>
  <si>
    <t>0.01646946085038614</t>
  </si>
  <si>
    <t>60343</t>
  </si>
  <si>
    <t>5.6945953369140625</t>
  </si>
  <si>
    <t>825.3823852539062</t>
  </si>
  <si>
    <t>0.017064718615127816</t>
  </si>
  <si>
    <t>61594</t>
  </si>
  <si>
    <t>6.121462345123291</t>
  </si>
  <si>
    <t>864.6295166015625</t>
  </si>
  <si>
    <t>0.02051951243995198</t>
  </si>
  <si>
    <t>62718</t>
  </si>
  <si>
    <t>8.020082473754883</t>
  </si>
  <si>
    <t>887.8676147460938</t>
  </si>
  <si>
    <t>0.018084024580494074</t>
  </si>
  <si>
    <t>62923</t>
  </si>
  <si>
    <t>8.88342571258545</t>
  </si>
  <si>
    <t>930.8500366210938</t>
  </si>
  <si>
    <t>0.003263268867950586</t>
  </si>
  <si>
    <t>63182</t>
  </si>
  <si>
    <t>7.824588775634766</t>
  </si>
  <si>
    <t>805.61962890625</t>
  </si>
  <si>
    <t>0.004107693813548252</t>
  </si>
  <si>
    <t>64462</t>
  </si>
  <si>
    <t>6.728359222412109</t>
  </si>
  <si>
    <t>859.8187866210938</t>
  </si>
  <si>
    <t>0.020056452439325412</t>
  </si>
  <si>
    <t>64901</t>
  </si>
  <si>
    <t>6.736841201782227</t>
  </si>
  <si>
    <t>1054.107421875</t>
  </si>
  <si>
    <t>0.006787129012382209</t>
  </si>
  <si>
    <t>62786</t>
  </si>
  <si>
    <t>7.9742960929870605</t>
  </si>
  <si>
    <t>695.1880493164062</t>
  </si>
  <si>
    <t>-0.03313091322655559</t>
  </si>
  <si>
    <t>66427</t>
  </si>
  <si>
    <t>8.100043296813965</t>
  </si>
  <si>
    <t>659.1053466796875</t>
  </si>
  <si>
    <t>0.056371481652984556</t>
  </si>
  <si>
    <t>7.311366558074951</t>
  </si>
  <si>
    <t>741.145751953125</t>
  </si>
  <si>
    <t>0.01557945430107388</t>
  </si>
  <si>
    <t>4.73779821395874</t>
  </si>
  <si>
    <t>369.5794982910156</t>
  </si>
  <si>
    <t>60.7346076965332</t>
  </si>
  <si>
    <t>Minot, ND</t>
  </si>
  <si>
    <t>6.151767253875732</t>
  </si>
  <si>
    <t>540.9725952148438</t>
  </si>
  <si>
    <t>-0.014354957961840498</t>
  </si>
  <si>
    <t>4.300101280212402</t>
  </si>
  <si>
    <t>344.9799499511719</t>
  </si>
  <si>
    <t>0.020791726772191765</t>
  </si>
  <si>
    <t>2.9865529537200928</t>
  </si>
  <si>
    <t>508.79632568359375</t>
  </si>
  <si>
    <t>0.014024206326217481</t>
  </si>
  <si>
    <t>4.765435218811035</t>
  </si>
  <si>
    <t>450.8557434082031</t>
  </si>
  <si>
    <t>0.027289694523130237</t>
  </si>
  <si>
    <t>3.635234832763672</t>
  </si>
  <si>
    <t>489.1473083496094</t>
  </si>
  <si>
    <t>0.014609886308296183</t>
  </si>
  <si>
    <t>2.2707011699676514</t>
  </si>
  <si>
    <t>470.05279541015625</t>
  </si>
  <si>
    <t>0.025169708703646876</t>
  </si>
  <si>
    <t>4.935118675231934</t>
  </si>
  <si>
    <t>363.5722351074219</t>
  </si>
  <si>
    <t>0.031258467896469355</t>
  </si>
  <si>
    <t>30428</t>
  </si>
  <si>
    <t>5.604272365570068</t>
  </si>
  <si>
    <t>576.3192749023438</t>
  </si>
  <si>
    <t>0.03192257706215962</t>
  </si>
  <si>
    <t>5.810966491699219</t>
  </si>
  <si>
    <t>459.87579345703125</t>
  </si>
  <si>
    <t>0.03513211624838597</t>
  </si>
  <si>
    <t>4.718996524810791</t>
  </si>
  <si>
    <t>526.3279418945312</t>
  </si>
  <si>
    <t>0.028619402106382807</t>
  </si>
  <si>
    <t>5.227780342102051</t>
  </si>
  <si>
    <t>416.225830078125</t>
  </si>
  <si>
    <t>-0.0002775507704431135</t>
  </si>
  <si>
    <t>33593</t>
  </si>
  <si>
    <t>4.040274143218994</t>
  </si>
  <si>
    <t>433.78594970703125</t>
  </si>
  <si>
    <t>0.03548050721204099</t>
  </si>
  <si>
    <t>4.1792449951171875</t>
  </si>
  <si>
    <t>407.628173828125</t>
  </si>
  <si>
    <t>0.11489135244180382</t>
  </si>
  <si>
    <t>4.3265180587768555</t>
  </si>
  <si>
    <t>485.2042541503906</t>
  </si>
  <si>
    <t>0.004976583318063277</t>
  </si>
  <si>
    <t>6.220901966094971</t>
  </si>
  <si>
    <t>526.7042236328125</t>
  </si>
  <si>
    <t>0.03507766173750504</t>
  </si>
  <si>
    <t>5.469402313232422</t>
  </si>
  <si>
    <t>369.6930847167969</t>
  </si>
  <si>
    <t>0.056092711495159264</t>
  </si>
  <si>
    <t>4.8565754890441895</t>
  </si>
  <si>
    <t>443.173828125</t>
  </si>
  <si>
    <t>0.11448331354092289</t>
  </si>
  <si>
    <t>57868</t>
  </si>
  <si>
    <t>3.726454019546509</t>
  </si>
  <si>
    <t>504.6498107910156</t>
  </si>
  <si>
    <t>0.21832522030246793</t>
  </si>
  <si>
    <t>3.545664072036743</t>
  </si>
  <si>
    <t>460.6281433105469</t>
  </si>
  <si>
    <t>0.01944068345045835</t>
  </si>
  <si>
    <t>69501</t>
  </si>
  <si>
    <t>4.210447788238525</t>
  </si>
  <si>
    <t>656.7606811523438</t>
  </si>
  <si>
    <t>0.16373590273863847</t>
  </si>
  <si>
    <t>89238</t>
  </si>
  <si>
    <t>4.960414409637451</t>
  </si>
  <si>
    <t>557.4789428710938</t>
  </si>
  <si>
    <t>0.24996581688207442</t>
  </si>
  <si>
    <t>121405</t>
  </si>
  <si>
    <t>5.69318962097168</t>
  </si>
  <si>
    <t>419.92822265625</t>
  </si>
  <si>
    <t>0.3078251061002053</t>
  </si>
  <si>
    <t>124219</t>
  </si>
  <si>
    <t>3.487933397293091</t>
  </si>
  <si>
    <t>630.6254272460938</t>
  </si>
  <si>
    <t>0.022914072926575102</t>
  </si>
  <si>
    <t>128304</t>
  </si>
  <si>
    <t>3.993215560913086</t>
  </si>
  <si>
    <t>458.0143737792969</t>
  </si>
  <si>
    <t>0.03235631119937743</t>
  </si>
  <si>
    <t>99111</t>
  </si>
  <si>
    <t>5.883604049682617</t>
  </si>
  <si>
    <t>449.9406433105469</t>
  </si>
  <si>
    <t>-0.2581620138977456</t>
  </si>
  <si>
    <t>78964</t>
  </si>
  <si>
    <t>6.274083614349365</t>
  </si>
  <si>
    <t>551.9822998046875</t>
  </si>
  <si>
    <t>-0.2272483817635056</t>
  </si>
  <si>
    <t>81894</t>
  </si>
  <si>
    <t>5.301086902618408</t>
  </si>
  <si>
    <t>406.6230773925781</t>
  </si>
  <si>
    <t>0.03643367569869049</t>
  </si>
  <si>
    <t>93021</t>
  </si>
  <si>
    <t>3.9727184772491455</t>
  </si>
  <si>
    <t>498.6401672363281</t>
  </si>
  <si>
    <t>0.12739954601231673</t>
  </si>
  <si>
    <t>88175</t>
  </si>
  <si>
    <t>3.434628486633301</t>
  </si>
  <si>
    <t>664.4338989257812</t>
  </si>
  <si>
    <t>-0.053501797992312916</t>
  </si>
  <si>
    <t>79986</t>
  </si>
  <si>
    <t>5.74437141418457</t>
  </si>
  <si>
    <t>342.1609802246094</t>
  </si>
  <si>
    <t>-0.09747185676252101</t>
  </si>
  <si>
    <t>84625</t>
  </si>
  <si>
    <t>5.756530284881592</t>
  </si>
  <si>
    <t>411.23480224609375</t>
  </si>
  <si>
    <t>0.05637811187284392</t>
  </si>
  <si>
    <t>85954</t>
  </si>
  <si>
    <t>4.631474018096924</t>
  </si>
  <si>
    <t>459.33782958984375</t>
  </si>
  <si>
    <t>0.01558253819881017</t>
  </si>
  <si>
    <t>25394</t>
  </si>
  <si>
    <t>5.6510138511657715</t>
  </si>
  <si>
    <t>466.90301513671875</t>
  </si>
  <si>
    <t>131.62026977539062</t>
  </si>
  <si>
    <t>Missoula, MT</t>
  </si>
  <si>
    <t>6.317286968231201</t>
  </si>
  <si>
    <t>429.3463439941406</t>
  </si>
  <si>
    <t>-0.014397868944447723</t>
  </si>
  <si>
    <t>25557</t>
  </si>
  <si>
    <t>6.029561996459961</t>
  </si>
  <si>
    <t>461.1278991699219</t>
  </si>
  <si>
    <t>0.020796195025660325</t>
  </si>
  <si>
    <t>5.370632171630859</t>
  </si>
  <si>
    <t>538.2647094726562</t>
  </si>
  <si>
    <t>0.014026456284410571</t>
  </si>
  <si>
    <t>26635</t>
  </si>
  <si>
    <t>6.481043338775635</t>
  </si>
  <si>
    <t>393.0565490722656</t>
  </si>
  <si>
    <t>0.02728843235573919</t>
  </si>
  <si>
    <t>5.877525329589844</t>
  </si>
  <si>
    <t>606.408447265625</t>
  </si>
  <si>
    <t>0.014610225968450408</t>
  </si>
  <si>
    <t>4.969352722167969</t>
  </si>
  <si>
    <t>574.5054931640625</t>
  </si>
  <si>
    <t>5.867532730102539</t>
  </si>
  <si>
    <t>501.99993896484375</t>
  </si>
  <si>
    <t>0.031256984139469424</t>
  </si>
  <si>
    <t>7.057806015014648</t>
  </si>
  <si>
    <t>558.9720458984375</t>
  </si>
  <si>
    <t>0.031936644003200954</t>
  </si>
  <si>
    <t>6.186391830444336</t>
  </si>
  <si>
    <t>402.19122314453125</t>
  </si>
  <si>
    <t>5.419013977050781</t>
  </si>
  <si>
    <t>386.68572998046875</t>
  </si>
  <si>
    <t>0.028593177146660764</t>
  </si>
  <si>
    <t>31458</t>
  </si>
  <si>
    <t>6.291441440582275</t>
  </si>
  <si>
    <t>405.02001953125</t>
  </si>
  <si>
    <t>-0.0002860548291252485</t>
  </si>
  <si>
    <t>5.619969844818115</t>
  </si>
  <si>
    <t>434.7921142578125</t>
  </si>
  <si>
    <t>0.03951654618825273</t>
  </si>
  <si>
    <t>6.128097057342529</t>
  </si>
  <si>
    <t>427.37005615234375</t>
  </si>
  <si>
    <t>0.013385536690487143</t>
  </si>
  <si>
    <t>6.500291347503662</t>
  </si>
  <si>
    <t>464.9353942871094</t>
  </si>
  <si>
    <t>0.02427556696637545</t>
  </si>
  <si>
    <t>34963</t>
  </si>
  <si>
    <t>6.572086334228516</t>
  </si>
  <si>
    <t>503.2026062011719</t>
  </si>
  <si>
    <t>0.02845938679907789</t>
  </si>
  <si>
    <t>35549</t>
  </si>
  <si>
    <t>6.481050491333008</t>
  </si>
  <si>
    <t>464.53302001953125</t>
  </si>
  <si>
    <t>0.016621666995748186</t>
  </si>
  <si>
    <t>6.51676607131958</t>
  </si>
  <si>
    <t>415.2776184082031</t>
  </si>
  <si>
    <t>0.0190306797955202</t>
  </si>
  <si>
    <t>5.827126979827881</t>
  </si>
  <si>
    <t>440.1715393066406</t>
  </si>
  <si>
    <t>-0.014399937478978941</t>
  </si>
  <si>
    <t>5.644469738006592</t>
  </si>
  <si>
    <t>400.6288146972656</t>
  </si>
  <si>
    <t>-0.023571831928457243</t>
  </si>
  <si>
    <t>5.636348724365234</t>
  </si>
  <si>
    <t>561.8718872070312</t>
  </si>
  <si>
    <t>0.0005158923619053013</t>
  </si>
  <si>
    <t>35168</t>
  </si>
  <si>
    <t>5.395572185516357</t>
  </si>
  <si>
    <t>492.8915710449219</t>
  </si>
  <si>
    <t>0.007649749012829332</t>
  </si>
  <si>
    <t>6.416172504425049</t>
  </si>
  <si>
    <t>480.9351806640625</t>
  </si>
  <si>
    <t>-0.005846218758566835</t>
  </si>
  <si>
    <t>35204</t>
  </si>
  <si>
    <t>6.263332843780518</t>
  </si>
  <si>
    <t>403.8448181152344</t>
  </si>
  <si>
    <t>0.006869353048921667</t>
  </si>
  <si>
    <t>5.948421955108643</t>
  </si>
  <si>
    <t>540.6637573242188</t>
  </si>
  <si>
    <t>0.009752313946826519</t>
  </si>
  <si>
    <t>37026</t>
  </si>
  <si>
    <t>7.172075271606445</t>
  </si>
  <si>
    <t>404.3890686035156</t>
  </si>
  <si>
    <t>0.04070834210859253</t>
  </si>
  <si>
    <t>37481</t>
  </si>
  <si>
    <t>6.402521133422852</t>
  </si>
  <si>
    <t>477.0022888183594</t>
  </si>
  <si>
    <t>0.01221376934378604</t>
  </si>
  <si>
    <t>6.326333999633789</t>
  </si>
  <si>
    <t>530.739501953125</t>
  </si>
  <si>
    <t>0.024796074295480253</t>
  </si>
  <si>
    <t>5.705486297607422</t>
  </si>
  <si>
    <t>480.4173889160156</t>
  </si>
  <si>
    <t>0.0040260317501594756</t>
  </si>
  <si>
    <t>5.038971900939941</t>
  </si>
  <si>
    <t>488.5651550292969</t>
  </si>
  <si>
    <t>0.003932429458963327</t>
  </si>
  <si>
    <t>39418</t>
  </si>
  <si>
    <t>6.291344165802002</t>
  </si>
  <si>
    <t>465.1702575683594</t>
  </si>
  <si>
    <t>0.017633891354929432</t>
  </si>
  <si>
    <t>6.472276210784912</t>
  </si>
  <si>
    <t>392.236083984375</t>
  </si>
  <si>
    <t>0.05637448269550127</t>
  </si>
  <si>
    <t>42358</t>
  </si>
  <si>
    <t>5.704686641693115</t>
  </si>
  <si>
    <t>467.5022277832031</t>
  </si>
  <si>
    <t>0.015560257799604571</t>
  </si>
  <si>
    <t>20.084260940551758</t>
  </si>
  <si>
    <t>1481.078125</t>
  </si>
  <si>
    <t>305.69671630859375</t>
  </si>
  <si>
    <t>Mobile-Daphne-Fairhope, AL</t>
  </si>
  <si>
    <t>19.79261589050293</t>
  </si>
  <si>
    <t>1753.6473388671875</t>
  </si>
  <si>
    <t>19.31723403930664</t>
  </si>
  <si>
    <t>1687.7489013671875</t>
  </si>
  <si>
    <t>0.020842623495223478</t>
  </si>
  <si>
    <t>18.677560806274414</t>
  </si>
  <si>
    <t>1534.486328125</t>
  </si>
  <si>
    <t>0.014005340789806198</t>
  </si>
  <si>
    <t>19.497045516967773</t>
  </si>
  <si>
    <t>1639.8360595703125</t>
  </si>
  <si>
    <t>0.027266466163432312</t>
  </si>
  <si>
    <t>29992</t>
  </si>
  <si>
    <t>19.406198501586914</t>
  </si>
  <si>
    <t>1850.0753173828125</t>
  </si>
  <si>
    <t>0.014643910507208702</t>
  </si>
  <si>
    <t>19.093320846557617</t>
  </si>
  <si>
    <t>1657.5904541015625</t>
  </si>
  <si>
    <t>0.02515441773632432</t>
  </si>
  <si>
    <t>18.970748901367188</t>
  </si>
  <si>
    <t>1955.16552734375</t>
  </si>
  <si>
    <t>0.031240538269821982</t>
  </si>
  <si>
    <t>20.342679977416992</t>
  </si>
  <si>
    <t>1557.8499755859375</t>
  </si>
  <si>
    <t>0.031974194443945336</t>
  </si>
  <si>
    <t>33934</t>
  </si>
  <si>
    <t>19.697587966918945</t>
  </si>
  <si>
    <t>1277.4490966796875</t>
  </si>
  <si>
    <t>0.035117631737046295</t>
  </si>
  <si>
    <t>19.2477970123291</t>
  </si>
  <si>
    <t>1118.0081787109375</t>
  </si>
  <si>
    <t>0.028613632056302407</t>
  </si>
  <si>
    <t>34909</t>
  </si>
  <si>
    <t>19.487762451171875</t>
  </si>
  <si>
    <t>1475.3319091796875</t>
  </si>
  <si>
    <t>-0.0002864180577510922</t>
  </si>
  <si>
    <t>19.120853424072266</t>
  </si>
  <si>
    <t>1694.6212158203125</t>
  </si>
  <si>
    <t>0.008415036892266414</t>
  </si>
  <si>
    <t>19.34185028076172</t>
  </si>
  <si>
    <t>1807.2176513671875</t>
  </si>
  <si>
    <t>0.016341153618981252</t>
  </si>
  <si>
    <t>37647</t>
  </si>
  <si>
    <t>19.78289031982422</t>
  </si>
  <si>
    <t>1708.554443359375</t>
  </si>
  <si>
    <t>0.05075240366573297</t>
  </si>
  <si>
    <t>19.59845542907715</t>
  </si>
  <si>
    <t>1687.372802734375</t>
  </si>
  <si>
    <t>0.048730712904589524</t>
  </si>
  <si>
    <t>41084</t>
  </si>
  <si>
    <t>19.53375816345215</t>
  </si>
  <si>
    <t>1280.9805908203125</t>
  </si>
  <si>
    <t>0.03863476860268911</t>
  </si>
  <si>
    <t>19.64743423461914</t>
  </si>
  <si>
    <t>1405.0252685546875</t>
  </si>
  <si>
    <t>-0.0010471842661665676</t>
  </si>
  <si>
    <t>40723</t>
  </si>
  <si>
    <t>19.384313583374023</t>
  </si>
  <si>
    <t>1461.7176513671875</t>
  </si>
  <si>
    <t>-0.007778523638577894</t>
  </si>
  <si>
    <t>39633</t>
  </si>
  <si>
    <t>19.12912368774414</t>
  </si>
  <si>
    <t>1938.91455078125</t>
  </si>
  <si>
    <t>-0.02713093883448714</t>
  </si>
  <si>
    <t>40051</t>
  </si>
  <si>
    <t>19.05177116394043</t>
  </si>
  <si>
    <t>1255.2833251953125</t>
  </si>
  <si>
    <t>0.010491537427339992</t>
  </si>
  <si>
    <t>20.247295379638672</t>
  </si>
  <si>
    <t>1387.6300048828125</t>
  </si>
  <si>
    <t>0.01275198385536136</t>
  </si>
  <si>
    <t>40209</t>
  </si>
  <si>
    <t>20.483877182006836</t>
  </si>
  <si>
    <t>1743.3895263671875</t>
  </si>
  <si>
    <t>-0.00881477468255909</t>
  </si>
  <si>
    <t>40543</t>
  </si>
  <si>
    <t>18.659353256225586</t>
  </si>
  <si>
    <t>1732.6768798828125</t>
  </si>
  <si>
    <t>0.008272288108125636</t>
  </si>
  <si>
    <t>19.080720901489258</t>
  </si>
  <si>
    <t>1603.495849609375</t>
  </si>
  <si>
    <t>-0.0014316041345168173</t>
  </si>
  <si>
    <t>40022</t>
  </si>
  <si>
    <t>20.417268753051758</t>
  </si>
  <si>
    <t>1805.829833984375</t>
  </si>
  <si>
    <t>-0.01150223221870661</t>
  </si>
  <si>
    <t>21.31544303894043</t>
  </si>
  <si>
    <t>1703.3751220703125</t>
  </si>
  <si>
    <t>0.007666305965905451</t>
  </si>
  <si>
    <t>20.198759078979492</t>
  </si>
  <si>
    <t>1838.6094970703125</t>
  </si>
  <si>
    <t>0.004082900815676638</t>
  </si>
  <si>
    <t>41545</t>
  </si>
  <si>
    <t>20.688560485839844</t>
  </si>
  <si>
    <t>1858.8963623046875</t>
  </si>
  <si>
    <t>0.025598667415991372</t>
  </si>
  <si>
    <t>41917</t>
  </si>
  <si>
    <t>21.045372009277344</t>
  </si>
  <si>
    <t>1618.3310546875</t>
  </si>
  <si>
    <t>0.008914295449457654</t>
  </si>
  <si>
    <t>20.56850242614746</t>
  </si>
  <si>
    <t>1616.5096435546875</t>
  </si>
  <si>
    <t>-0.002340690855637817</t>
  </si>
  <si>
    <t>19.96244239807129</t>
  </si>
  <si>
    <t>2161.739013671875</t>
  </si>
  <si>
    <t>0.056368987329243225</t>
  </si>
  <si>
    <t>20.56138801574707</t>
  </si>
  <si>
    <t>1659.6729736328125</t>
  </si>
  <si>
    <t>0.015586245578187885</t>
  </si>
  <si>
    <t>25893</t>
  </si>
  <si>
    <t>18.75531768798828</t>
  </si>
  <si>
    <t>1398.7969970703125</t>
  </si>
  <si>
    <t>133.8668975830078</t>
  </si>
  <si>
    <t>Monroe-Bastrop, LA</t>
  </si>
  <si>
    <t>25523</t>
  </si>
  <si>
    <t>18.655168533325195</t>
  </si>
  <si>
    <t>1690.7568359375</t>
  </si>
  <si>
    <t>-0.014392655479136707</t>
  </si>
  <si>
    <t>17.890188217163086</t>
  </si>
  <si>
    <t>1305.1741943359375</t>
  </si>
  <si>
    <t>0.02082156527020551</t>
  </si>
  <si>
    <t>17.540904998779297</t>
  </si>
  <si>
    <t>1262.7012939453125</t>
  </si>
  <si>
    <t>0.01402248247094029</t>
  </si>
  <si>
    <t>18.38670539855957</t>
  </si>
  <si>
    <t>1360.41064453125</t>
  </si>
  <si>
    <t>0.0272844289937737</t>
  </si>
  <si>
    <t>27559</t>
  </si>
  <si>
    <t>18.175172805786133</t>
  </si>
  <si>
    <t>1275.59033203125</t>
  </si>
  <si>
    <t>0.014620677855500475</t>
  </si>
  <si>
    <t>28261</t>
  </si>
  <si>
    <t>17.814088821411133</t>
  </si>
  <si>
    <t>1296.8695068359375</t>
  </si>
  <si>
    <t>0.025153601317585483</t>
  </si>
  <si>
    <t>17.687326431274414</t>
  </si>
  <si>
    <t>1616.126953125</t>
  </si>
  <si>
    <t>0.031246555348131366</t>
  </si>
  <si>
    <t>19.254718780517578</t>
  </si>
  <si>
    <t>1434.8067626953125</t>
  </si>
  <si>
    <t>0.031961953233780704</t>
  </si>
  <si>
    <t>18.682971954345703</t>
  </si>
  <si>
    <t>952.6824951171875</t>
  </si>
  <si>
    <t>0.035117664039853835</t>
  </si>
  <si>
    <t>32086</t>
  </si>
  <si>
    <t>18.054609298706055</t>
  </si>
  <si>
    <t>1331.30419921875</t>
  </si>
  <si>
    <t>0.028610862972620055</t>
  </si>
  <si>
    <t>1594.7474365234375</t>
  </si>
  <si>
    <t>-0.00028053551296025603</t>
  </si>
  <si>
    <t>17.89975929260254</t>
  </si>
  <si>
    <t>1365.01953125</t>
  </si>
  <si>
    <t>0.04361510981087591</t>
  </si>
  <si>
    <t>35722</t>
  </si>
  <si>
    <t>18.13532066345215</t>
  </si>
  <si>
    <t>1309.091552734375</t>
  </si>
  <si>
    <t>0.06401237325549225</t>
  </si>
  <si>
    <t>37972</t>
  </si>
  <si>
    <t>18.60824203491211</t>
  </si>
  <si>
    <t>1637.80419921875</t>
  </si>
  <si>
    <t>0.061082300537259826</t>
  </si>
  <si>
    <t>18.796743392944336</t>
  </si>
  <si>
    <t>1085.794189453125</t>
  </si>
  <si>
    <t>0.05520037842520509</t>
  </si>
  <si>
    <t>39715</t>
  </si>
  <si>
    <t>18.674177169799805</t>
  </si>
  <si>
    <t>1295.80322265625</t>
  </si>
  <si>
    <t>-0.010320474359660992</t>
  </si>
  <si>
    <t>35103</t>
  </si>
  <si>
    <t>18.815263748168945</t>
  </si>
  <si>
    <t>942.7664794921875</t>
  </si>
  <si>
    <t>-0.12344235318016494</t>
  </si>
  <si>
    <t>18.2731876373291</t>
  </si>
  <si>
    <t>1387.604736328125</t>
  </si>
  <si>
    <t>-0.003824642177894688</t>
  </si>
  <si>
    <t>17.935266494750977</t>
  </si>
  <si>
    <t>1488.7593994140625</t>
  </si>
  <si>
    <t>0.019118875023437454</t>
  </si>
  <si>
    <t>35676</t>
  </si>
  <si>
    <t>18.25531005859375</t>
  </si>
  <si>
    <t>871.3845825195312</t>
  </si>
  <si>
    <t>0.0008973640534861715</t>
  </si>
  <si>
    <t>34663</t>
  </si>
  <si>
    <t>19.13742446899414</t>
  </si>
  <si>
    <t>1221.060302734375</t>
  </si>
  <si>
    <t>-0.02880535815542551</t>
  </si>
  <si>
    <t>19.390470504760742</t>
  </si>
  <si>
    <t>1398.6522216796875</t>
  </si>
  <si>
    <t>0.014776478015258832</t>
  </si>
  <si>
    <t>17.48109245300293</t>
  </si>
  <si>
    <t>1348.505615234375</t>
  </si>
  <si>
    <t>0.05679986549881555</t>
  </si>
  <si>
    <t>37607</t>
  </si>
  <si>
    <t>17.70458984375</t>
  </si>
  <si>
    <t>1299.2318115234375</t>
  </si>
  <si>
    <t>0.009941024118482744</t>
  </si>
  <si>
    <t>37117</t>
  </si>
  <si>
    <t>19.1050968170166</t>
  </si>
  <si>
    <t>1577.1910400390625</t>
  </si>
  <si>
    <t>-0.013115117594637127</t>
  </si>
  <si>
    <t>20.083940505981445</t>
  </si>
  <si>
    <t>1267.0045166015625</t>
  </si>
  <si>
    <t>0.00783623149568946</t>
  </si>
  <si>
    <t>18.956405639648438</t>
  </si>
  <si>
    <t>1283.4268798828125</t>
  </si>
  <si>
    <t>0.0014958466341301602</t>
  </si>
  <si>
    <t>19.0617733001709</t>
  </si>
  <si>
    <t>1677.25390625</t>
  </si>
  <si>
    <t>0.0322256965040264</t>
  </si>
  <si>
    <t>38537</t>
  </si>
  <si>
    <t>19.247119903564453</t>
  </si>
  <si>
    <t>1547.034912109375</t>
  </si>
  <si>
    <t>-0.004014041567808491</t>
  </si>
  <si>
    <t>18.88328742980957</t>
  </si>
  <si>
    <t>1481.4500732421875</t>
  </si>
  <si>
    <t>-0.0810162722296095</t>
  </si>
  <si>
    <t>1466.750244140625</t>
  </si>
  <si>
    <t>0.05637490777461274</t>
  </si>
  <si>
    <t>19.233518600463867</t>
  </si>
  <si>
    <t>1426.929443359375</t>
  </si>
  <si>
    <t>0.015596246939930225</t>
  </si>
  <si>
    <t>18.974843978881836</t>
  </si>
  <si>
    <t>1354.140380859375</t>
  </si>
  <si>
    <t>228.18165588378906</t>
  </si>
  <si>
    <t>Montgomery-Alexander City, AL</t>
  </si>
  <si>
    <t>18.576906204223633</t>
  </si>
  <si>
    <t>1459.5087890625</t>
  </si>
  <si>
    <t>17.92057228088379</t>
  </si>
  <si>
    <t>1514.0557861328125</t>
  </si>
  <si>
    <t>0.020801889108531313</t>
  </si>
  <si>
    <t>17.4092960357666</t>
  </si>
  <si>
    <t>1260.063720703125</t>
  </si>
  <si>
    <t>0.01402681564830388</t>
  </si>
  <si>
    <t>30323</t>
  </si>
  <si>
    <t>18.21828269958496</t>
  </si>
  <si>
    <t>1487.918701171875</t>
  </si>
  <si>
    <t>0.02727897713751659</t>
  </si>
  <si>
    <t>30770</t>
  </si>
  <si>
    <t>17.91425132751465</t>
  </si>
  <si>
    <t>1404.8988037109375</t>
  </si>
  <si>
    <t>0.014633688863442629</t>
  </si>
  <si>
    <t>17.59599494934082</t>
  </si>
  <si>
    <t>1345.1708984375</t>
  </si>
  <si>
    <t>0.025160174501312582</t>
  </si>
  <si>
    <t>32555</t>
  </si>
  <si>
    <t>17.767696380615234</t>
  </si>
  <si>
    <t>1543.406494140625</t>
  </si>
  <si>
    <t>0.031230602853563383</t>
  </si>
  <si>
    <t>19.146995544433594</t>
  </si>
  <si>
    <t>1320.1925048828125</t>
  </si>
  <si>
    <t>0.03195217937714645</t>
  </si>
  <si>
    <t>18.47905731201172</t>
  </si>
  <si>
    <t>1127.3853759765625</t>
  </si>
  <si>
    <t>0.03513645866454418</t>
  </si>
  <si>
    <t>18.013010025024414</t>
  </si>
  <si>
    <t>997.0095825195312</t>
  </si>
  <si>
    <t>0.028626368983719175</t>
  </si>
  <si>
    <t>18.261350631713867</t>
  </si>
  <si>
    <t>1374.47216796875</t>
  </si>
  <si>
    <t>-0.00027917364782226173</t>
  </si>
  <si>
    <t>17.905607223510742</t>
  </si>
  <si>
    <t>1299.66162109375</t>
  </si>
  <si>
    <t>0.017492350474300977</t>
  </si>
  <si>
    <t>37350</t>
  </si>
  <si>
    <t>18.056854248046875</t>
  </si>
  <si>
    <t>1626.63134765625</t>
  </si>
  <si>
    <t>0.024473761038111164</t>
  </si>
  <si>
    <t>18.56671905517578</t>
  </si>
  <si>
    <t>1288.9647216796875</t>
  </si>
  <si>
    <t>0.049083357621846346</t>
  </si>
  <si>
    <t>40147</t>
  </si>
  <si>
    <t>18.354711532592773</t>
  </si>
  <si>
    <t>1447.511474609375</t>
  </si>
  <si>
    <t>0.023131448599688298</t>
  </si>
  <si>
    <t>18.335811614990234</t>
  </si>
  <si>
    <t>1076.670166015625</t>
  </si>
  <si>
    <t>0.005068459755959154</t>
  </si>
  <si>
    <t>18.44440269470215</t>
  </si>
  <si>
    <t>980.5555419921875</t>
  </si>
  <si>
    <t>-0.010363045186966957</t>
  </si>
  <si>
    <t>39333</t>
  </si>
  <si>
    <t>18.12455940246582</t>
  </si>
  <si>
    <t>1257.7069091796875</t>
  </si>
  <si>
    <t>-0.015189271183977837</t>
  </si>
  <si>
    <t>17.87615966796875</t>
  </si>
  <si>
    <t>1790.178466796875</t>
  </si>
  <si>
    <t>-0.017361858873025326</t>
  </si>
  <si>
    <t>17.9398250579834</t>
  </si>
  <si>
    <t>1106.8291015625</t>
  </si>
  <si>
    <t>0.030871994792860846</t>
  </si>
  <si>
    <t>40132</t>
  </si>
  <si>
    <t>19.14357566833496</t>
  </si>
  <si>
    <t>1244.3035888671875</t>
  </si>
  <si>
    <t>0.006600023958155177</t>
  </si>
  <si>
    <t>19.38089942932129</t>
  </si>
  <si>
    <t>1301.230224609375</t>
  </si>
  <si>
    <t>0.012504960584474034</t>
  </si>
  <si>
    <t>17.600675582885742</t>
  </si>
  <si>
    <t>1641.6610107421875</t>
  </si>
  <si>
    <t>0.008551563329927347</t>
  </si>
  <si>
    <t>18.018823623657227</t>
  </si>
  <si>
    <t>1426.1326904296875</t>
  </si>
  <si>
    <t>-0.004793591648299511</t>
  </si>
  <si>
    <t>19.296791076660156</t>
  </si>
  <si>
    <t>1596.97900390625</t>
  </si>
  <si>
    <t>0.026466939095747932</t>
  </si>
  <si>
    <t>42684</t>
  </si>
  <si>
    <t>20.138235092163086</t>
  </si>
  <si>
    <t>1323.41943359375</t>
  </si>
  <si>
    <t>0.018920250329102828</t>
  </si>
  <si>
    <t>42441</t>
  </si>
  <si>
    <t>19.040327072143555</t>
  </si>
  <si>
    <t>1419.353515625</t>
  </si>
  <si>
    <t>-0.005709266609411401</t>
  </si>
  <si>
    <t>19.42279052734375</t>
  </si>
  <si>
    <t>1703.0899658203125</t>
  </si>
  <si>
    <t>0.008890407016629354</t>
  </si>
  <si>
    <t>19.814237594604492</t>
  </si>
  <si>
    <t>1378.10888671875</t>
  </si>
  <si>
    <t>0.019014706267400427</t>
  </si>
  <si>
    <t>41990</t>
  </si>
  <si>
    <t>19.336801528930664</t>
  </si>
  <si>
    <t>1534.999267578125</t>
  </si>
  <si>
    <t>-0.03858849473283499</t>
  </si>
  <si>
    <t>18.720388412475586</t>
  </si>
  <si>
    <t>1654.23828125</t>
  </si>
  <si>
    <t>0.056370879344614266</t>
  </si>
  <si>
    <t>19.30607795715332</t>
  </si>
  <si>
    <t>1474.5631103515625</t>
  </si>
  <si>
    <t>0.015589720300470233</t>
  </si>
  <si>
    <t>18.839223861694336</t>
  </si>
  <si>
    <t>1237.29248046875</t>
  </si>
  <si>
    <t>480.66741943359375</t>
  </si>
  <si>
    <t>Myrtle Beach-Conway-Georgetown, SC</t>
  </si>
  <si>
    <t>30432</t>
  </si>
  <si>
    <t>18.382598876953125</t>
  </si>
  <si>
    <t>1316.779541015625</t>
  </si>
  <si>
    <t>-0.014387329159085027</t>
  </si>
  <si>
    <t>17.468751907348633</t>
  </si>
  <si>
    <t>1476.0821533203125</t>
  </si>
  <si>
    <t>0.02081240574593579</t>
  </si>
  <si>
    <t>17.31960105895996</t>
  </si>
  <si>
    <t>1149.2484130859375</t>
  </si>
  <si>
    <t>0.014029599113532853</t>
  </si>
  <si>
    <t>17.95216941833496</t>
  </si>
  <si>
    <t>1466.2257080078125</t>
  </si>
  <si>
    <t>0.027266021642113003</t>
  </si>
  <si>
    <t>17.3403377532959</t>
  </si>
  <si>
    <t>1409.531982421875</t>
  </si>
  <si>
    <t>0.014653399744560147</t>
  </si>
  <si>
    <t>17.18190574645996</t>
  </si>
  <si>
    <t>1327.5902099609375</t>
  </si>
  <si>
    <t>0.02515270001509684</t>
  </si>
  <si>
    <t>34766</t>
  </si>
  <si>
    <t>17.148103713989258</t>
  </si>
  <si>
    <t>1458.9466552734375</t>
  </si>
  <si>
    <t>0.03123108507513095</t>
  </si>
  <si>
    <t>18.44986915588379</t>
  </si>
  <si>
    <t>1447.531494140625</t>
  </si>
  <si>
    <t>0.03195811232909662</t>
  </si>
  <si>
    <t>17.66169548034668</t>
  </si>
  <si>
    <t>1307.317626953125</t>
  </si>
  <si>
    <t>0.03511917845650636</t>
  </si>
  <si>
    <t>17.264211654663086</t>
  </si>
  <si>
    <t>1124.7518310546875</t>
  </si>
  <si>
    <t>0.02860936157988725</t>
  </si>
  <si>
    <t>17.97568130493164</t>
  </si>
  <si>
    <t>1027.2156982421875</t>
  </si>
  <si>
    <t>-0.0002614242407439349</t>
  </si>
  <si>
    <t>17.66978645324707</t>
  </si>
  <si>
    <t>1174.875732421875</t>
  </si>
  <si>
    <t>0.0036276839595910104</t>
  </si>
  <si>
    <t>17.398754119873047</t>
  </si>
  <si>
    <t>1535.8377685546875</t>
  </si>
  <si>
    <t>0.018199451684242973</t>
  </si>
  <si>
    <t>18.060516357421875</t>
  </si>
  <si>
    <t>1232.986083984375</t>
  </si>
  <si>
    <t>0.022462054785254537</t>
  </si>
  <si>
    <t>17.951969146728516</t>
  </si>
  <si>
    <t>1246.42138671875</t>
  </si>
  <si>
    <t>0.027751124114343995</t>
  </si>
  <si>
    <t>40897</t>
  </si>
  <si>
    <t>17.885826110839844</t>
  </si>
  <si>
    <t>1352.8653564453125</t>
  </si>
  <si>
    <t>-0.00504872964223857</t>
  </si>
  <si>
    <t>18.284814834594727</t>
  </si>
  <si>
    <t>905.4151611328125</t>
  </si>
  <si>
    <t>-0.0024236501245162856</t>
  </si>
  <si>
    <t>39492</t>
  </si>
  <si>
    <t>17.689069747924805</t>
  </si>
  <si>
    <t>1312.165283203125</t>
  </si>
  <si>
    <t>-0.03253494085156916</t>
  </si>
  <si>
    <t>17.47965431213379</t>
  </si>
  <si>
    <t>1370.3328857421875</t>
  </si>
  <si>
    <t>-0.0384067024046999</t>
  </si>
  <si>
    <t>17.587614059448242</t>
  </si>
  <si>
    <t>1106.15869140625</t>
  </si>
  <si>
    <t>-0.005276500211694568</t>
  </si>
  <si>
    <t>37759</t>
  </si>
  <si>
    <t>18.91431999206543</t>
  </si>
  <si>
    <t>1180.333984375</t>
  </si>
  <si>
    <t>-0.0011910592570387735</t>
  </si>
  <si>
    <t>18.851137161254883</t>
  </si>
  <si>
    <t>1225.0185546875</t>
  </si>
  <si>
    <t>-0.03382940888406161</t>
  </si>
  <si>
    <t>37630</t>
  </si>
  <si>
    <t>17.100339889526367</t>
  </si>
  <si>
    <t>1420.7432861328125</t>
  </si>
  <si>
    <t>0.030407155613637826</t>
  </si>
  <si>
    <t>17.677976608276367</t>
  </si>
  <si>
    <t>1430.966796875</t>
  </si>
  <si>
    <t>0.024543524780614945</t>
  </si>
  <si>
    <t>18.545942306518555</t>
  </si>
  <si>
    <t>1496.6866455078125</t>
  </si>
  <si>
    <t>0.014186461064067402</t>
  </si>
  <si>
    <t>39546</t>
  </si>
  <si>
    <t>19.408390045166016</t>
  </si>
  <si>
    <t>1520.0477294921875</t>
  </si>
  <si>
    <t>0.010932960848608175</t>
  </si>
  <si>
    <t>18.49635887145996</t>
  </si>
  <si>
    <t>1376.3612060546875</t>
  </si>
  <si>
    <t>0.0017685257634934004</t>
  </si>
  <si>
    <t>39956</t>
  </si>
  <si>
    <t>18.801746368408203</t>
  </si>
  <si>
    <t>1672.4202880859375</t>
  </si>
  <si>
    <t>0.008545771607773034</t>
  </si>
  <si>
    <t>41037</t>
  </si>
  <si>
    <t>19.333223342895508</t>
  </si>
  <si>
    <t>1335.3699951171875</t>
  </si>
  <si>
    <t>0.026695250105513324</t>
  </si>
  <si>
    <t>18.750131607055664</t>
  </si>
  <si>
    <t>1687.04248046875</t>
  </si>
  <si>
    <t>0.028325197327950136</t>
  </si>
  <si>
    <t>18.366979598999023</t>
  </si>
  <si>
    <t>1368.5186767578125</t>
  </si>
  <si>
    <t>0.05636851190469194</t>
  </si>
  <si>
    <t>18.71748924255371</t>
  </si>
  <si>
    <t>1155.08349609375</t>
  </si>
  <si>
    <t>0.015573074613532967</t>
  </si>
  <si>
    <t>15.15560531616211</t>
  </si>
  <si>
    <t>1455.8814697265625</t>
  </si>
  <si>
    <t>1025.526611328125</t>
  </si>
  <si>
    <t>Nashville-Davidson--Murfreesboro--Columbia, TN</t>
  </si>
  <si>
    <t>34708</t>
  </si>
  <si>
    <t>15.336666107177734</t>
  </si>
  <si>
    <t>1392.442138671875</t>
  </si>
  <si>
    <t>-0.014388325854852724</t>
  </si>
  <si>
    <t>14.259262084960938</t>
  </si>
  <si>
    <t>1203.2469482421875</t>
  </si>
  <si>
    <t>0.020814482804633272</t>
  </si>
  <si>
    <t>13.751826286315918</t>
  </si>
  <si>
    <t>1228.713134765625</t>
  </si>
  <si>
    <t>0.014010540768385482</t>
  </si>
  <si>
    <t>36932</t>
  </si>
  <si>
    <t>14.733311653137207</t>
  </si>
  <si>
    <t>1506.784423828125</t>
  </si>
  <si>
    <t>0.02728315240611856</t>
  </si>
  <si>
    <t>14.360023498535156</t>
  </si>
  <si>
    <t>1319.511962890625</t>
  </si>
  <si>
    <t>0.014649027566818518</t>
  </si>
  <si>
    <t>38431</t>
  </si>
  <si>
    <t>13.965584754943848</t>
  </si>
  <si>
    <t>1469.6378173828125</t>
  </si>
  <si>
    <t>0.025137014098500998</t>
  </si>
  <si>
    <t>39651</t>
  </si>
  <si>
    <t>14.0250883102417</t>
  </si>
  <si>
    <t>1444.52880859375</t>
  </si>
  <si>
    <t>0.03125174286807919</t>
  </si>
  <si>
    <t>40938</t>
  </si>
  <si>
    <t>15.59295654296875</t>
  </si>
  <si>
    <t>1517.3428955078125</t>
  </si>
  <si>
    <t>0.0319425586175619</t>
  </si>
  <si>
    <t>15.0258150100708</t>
  </si>
  <si>
    <t>982.2031860351562</t>
  </si>
  <si>
    <t>0.03513680387543161</t>
  </si>
  <si>
    <t>43633</t>
  </si>
  <si>
    <t>14.324153900146484</t>
  </si>
  <si>
    <t>1139.0364990234375</t>
  </si>
  <si>
    <t>0.028618213862387165</t>
  </si>
  <si>
    <t>43621</t>
  </si>
  <si>
    <t>15.100064277648926</t>
  </si>
  <si>
    <t>1415.923095703125</t>
  </si>
  <si>
    <t>-0.0002750590248172813</t>
  </si>
  <si>
    <t>45156</t>
  </si>
  <si>
    <t>14.62794017791748</t>
  </si>
  <si>
    <t>1372.72705078125</t>
  </si>
  <si>
    <t>0.03458447562495692</t>
  </si>
  <si>
    <t>14.364350318908691</t>
  </si>
  <si>
    <t>1520.1356201171875</t>
  </si>
  <si>
    <t>0.02454352478061672</t>
  </si>
  <si>
    <t>47989</t>
  </si>
  <si>
    <t>15.073684692382812</t>
  </si>
  <si>
    <t>1510.0509033203125</t>
  </si>
  <si>
    <t>0.036305131798615164</t>
  </si>
  <si>
    <t>15.12073802947998</t>
  </si>
  <si>
    <t>1162.8843994140625</t>
  </si>
  <si>
    <t>0.005278921561465921</t>
  </si>
  <si>
    <t>48655</t>
  </si>
  <si>
    <t>14.912845611572266</t>
  </si>
  <si>
    <t>1207.0185546875</t>
  </si>
  <si>
    <t>0.008503838733954439</t>
  </si>
  <si>
    <t>15.442246437072754</t>
  </si>
  <si>
    <t>976.248046875</t>
  </si>
  <si>
    <t>-0.03027594351044982</t>
  </si>
  <si>
    <t>14.414527893066406</t>
  </si>
  <si>
    <t>1260.5145263671875</t>
  </si>
  <si>
    <t>0.010494690972983278</t>
  </si>
  <si>
    <t>1474.060302734375</t>
  </si>
  <si>
    <t>-0.02137906523032207</t>
  </si>
  <si>
    <t>47207</t>
  </si>
  <si>
    <t>14.779987335205078</t>
  </si>
  <si>
    <t>1140.086181640625</t>
  </si>
  <si>
    <t>0.010947926173979994</t>
  </si>
  <si>
    <t>47974</t>
  </si>
  <si>
    <t>15.696003913879395</t>
  </si>
  <si>
    <t>1794.4354248046875</t>
  </si>
  <si>
    <t>0.016117010806695475</t>
  </si>
  <si>
    <t>49899</t>
  </si>
  <si>
    <t>16.01231575012207</t>
  </si>
  <si>
    <t>1328.1556396484375</t>
  </si>
  <si>
    <t>0.03934176498966835</t>
  </si>
  <si>
    <t>50224</t>
  </si>
  <si>
    <t>13.81515121459961</t>
  </si>
  <si>
    <t>1529.984375</t>
  </si>
  <si>
    <t>0.006492037623090141</t>
  </si>
  <si>
    <t>14.252461433410645</t>
  </si>
  <si>
    <t>1399.4498291015625</t>
  </si>
  <si>
    <t>0.01975421555273016</t>
  </si>
  <si>
    <t>15.305728912353516</t>
  </si>
  <si>
    <t>1593.4786376953125</t>
  </si>
  <si>
    <t>0.047705677338804264</t>
  </si>
  <si>
    <t>16.532573699951172</t>
  </si>
  <si>
    <t>1310.21533203125</t>
  </si>
  <si>
    <t>0.010626581041393024</t>
  </si>
  <si>
    <t>54695</t>
  </si>
  <si>
    <t>15.431639671325684</t>
  </si>
  <si>
    <t>1415.2054443359375</t>
  </si>
  <si>
    <t>0.007192823539229565</t>
  </si>
  <si>
    <t>55199</t>
  </si>
  <si>
    <t>15.64687728881836</t>
  </si>
  <si>
    <t>1872.0899658203125</t>
  </si>
  <si>
    <t>0.009172539605170726</t>
  </si>
  <si>
    <t>16.09345054626465</t>
  </si>
  <si>
    <t>1685.611083984375</t>
  </si>
  <si>
    <t>0.013316974141075022</t>
  </si>
  <si>
    <t>15.346997261047363</t>
  </si>
  <si>
    <t>1577.7364501953125</t>
  </si>
  <si>
    <t>-0.03978792023161226</t>
  </si>
  <si>
    <t>56874</t>
  </si>
  <si>
    <t>15.194987297058105</t>
  </si>
  <si>
    <t>1619.1597900390625</t>
  </si>
  <si>
    <t>0.05636440361257122</t>
  </si>
  <si>
    <t>57767</t>
  </si>
  <si>
    <t>15.724215507507324</t>
  </si>
  <si>
    <t>1482.519775390625</t>
  </si>
  <si>
    <t>0.015579383678293368</t>
  </si>
  <si>
    <t>2708</t>
  </si>
  <si>
    <t>20.843626022338867</t>
  </si>
  <si>
    <t>1575.942626953125</t>
  </si>
  <si>
    <t>926.1146240234375</t>
  </si>
  <si>
    <t>New Orleans-Metairie-Bogalusa, LA</t>
  </si>
  <si>
    <t>20.507732391357422</t>
  </si>
  <si>
    <t>2056.95166015625</t>
  </si>
  <si>
    <t>-0.014402988048843213</t>
  </si>
  <si>
    <t>20.190603256225586</t>
  </si>
  <si>
    <t>1952.846923828125</t>
  </si>
  <si>
    <t>0.020815869349405602</t>
  </si>
  <si>
    <t>19.521181106567383</t>
  </si>
  <si>
    <t>1599.5775146484375</t>
  </si>
  <si>
    <t>0.01402578637671148</t>
  </si>
  <si>
    <t>20.46190643310547</t>
  </si>
  <si>
    <t>1476.187255859375</t>
  </si>
  <si>
    <t>0.027287378254554184</t>
  </si>
  <si>
    <t>37885</t>
  </si>
  <si>
    <t>20.302610397338867</t>
  </si>
  <si>
    <t>1711.3052978515625</t>
  </si>
  <si>
    <t>0.014624030895671325</t>
  </si>
  <si>
    <t>19.924772262573242</t>
  </si>
  <si>
    <t>1525.114990234375</t>
  </si>
  <si>
    <t>0.025152821430319605</t>
  </si>
  <si>
    <t>19.972164154052734</t>
  </si>
  <si>
    <t>1939.9215087890625</t>
  </si>
  <si>
    <t>0.031244227461211693</t>
  </si>
  <si>
    <t>21.3215389251709</t>
  </si>
  <si>
    <t>1493.664306640625</t>
  </si>
  <si>
    <t>20.707857131958008</t>
  </si>
  <si>
    <t>1215.3255615234375</t>
  </si>
  <si>
    <t>0.035113816464894754</t>
  </si>
  <si>
    <t>20.276796340942383</t>
  </si>
  <si>
    <t>1161.8875732421875</t>
  </si>
  <si>
    <t>0.028631530461376897</t>
  </si>
  <si>
    <t>20.47398567199707</t>
  </si>
  <si>
    <t>1576.4722900390625</t>
  </si>
  <si>
    <t>-0.0002947678724360969</t>
  </si>
  <si>
    <t>43579</t>
  </si>
  <si>
    <t>20.07901382446289</t>
  </si>
  <si>
    <t>1659.3990478515625</t>
  </si>
  <si>
    <t>-0.011793692443635706</t>
  </si>
  <si>
    <t>46922</t>
  </si>
  <si>
    <t>20.34055519104004</t>
  </si>
  <si>
    <t>1674.4638671875</t>
  </si>
  <si>
    <t>0.07391126567521589</t>
  </si>
  <si>
    <t>20.772415161132812</t>
  </si>
  <si>
    <t>1824.11767578125</t>
  </si>
  <si>
    <t>0.03881324374986583</t>
  </si>
  <si>
    <t>53388</t>
  </si>
  <si>
    <t>20.623727798461914</t>
  </si>
  <si>
    <t>1426.7642822265625</t>
  </si>
  <si>
    <t>0.0902861092392655</t>
  </si>
  <si>
    <t>65285</t>
  </si>
  <si>
    <t>20.5346622467041</t>
  </si>
  <si>
    <t>1436.82763671875</t>
  </si>
  <si>
    <t>0.20117629924809677</t>
  </si>
  <si>
    <t>65969</t>
  </si>
  <si>
    <t>20.60502052307129</t>
  </si>
  <si>
    <t>1421.64892578125</t>
  </si>
  <si>
    <t>0.010422633854551222</t>
  </si>
  <si>
    <t>67411</t>
  </si>
  <si>
    <t>20.414525985717773</t>
  </si>
  <si>
    <t>1398.0972900390625</t>
  </si>
  <si>
    <t>0.021623274635036438</t>
  </si>
  <si>
    <t>61184</t>
  </si>
  <si>
    <t>20.23503303527832</t>
  </si>
  <si>
    <t>1657.5902099609375</t>
  </si>
  <si>
    <t>-0.09692249192065461</t>
  </si>
  <si>
    <t>67821</t>
  </si>
  <si>
    <t>20.12407875061035</t>
  </si>
  <si>
    <t>1304.4049072265625</t>
  </si>
  <si>
    <t>0.10298616407285621</t>
  </si>
  <si>
    <t>57611</t>
  </si>
  <si>
    <t>21.27549171447754</t>
  </si>
  <si>
    <t>1375.4549560546875</t>
  </si>
  <si>
    <t>-0.16315835981059656</t>
  </si>
  <si>
    <t>57852</t>
  </si>
  <si>
    <t>21.49359893798828</t>
  </si>
  <si>
    <t>1828.22265625</t>
  </si>
  <si>
    <t>0.00417450352029114</t>
  </si>
  <si>
    <t>54898</t>
  </si>
  <si>
    <t>19.7065372467041</t>
  </si>
  <si>
    <t>1692.1697998046875</t>
  </si>
  <si>
    <t>-0.05241110723208031</t>
  </si>
  <si>
    <t>54840</t>
  </si>
  <si>
    <t>20.074350357055664</t>
  </si>
  <si>
    <t>1577.2857666015625</t>
  </si>
  <si>
    <t>-0.0010570632852928696</t>
  </si>
  <si>
    <t>21.489107131958008</t>
  </si>
  <si>
    <t>1807.40576171875</t>
  </si>
  <si>
    <t>-0.03529843722609094</t>
  </si>
  <si>
    <t>22.331375122070312</t>
  </si>
  <si>
    <t>1735.0936279296875</t>
  </si>
  <si>
    <t>-0.03657055758841565</t>
  </si>
  <si>
    <t>53935</t>
  </si>
  <si>
    <t>21.197031021118164</t>
  </si>
  <si>
    <t>1834.739013671875</t>
  </si>
  <si>
    <t>0.05522875794778592</t>
  </si>
  <si>
    <t>56052</t>
  </si>
  <si>
    <t>21.61200714111328</t>
  </si>
  <si>
    <t>1763.1468505859375</t>
  </si>
  <si>
    <t>0.03850021348057986</t>
  </si>
  <si>
    <t>21.891305923461914</t>
  </si>
  <si>
    <t>1675.3494873046875</t>
  </si>
  <si>
    <t>0.0038817021372157257</t>
  </si>
  <si>
    <t>21.417823791503906</t>
  </si>
  <si>
    <t>1599.352783203125</t>
  </si>
  <si>
    <t>-0.07989906536337266</t>
  </si>
  <si>
    <t>54961</t>
  </si>
  <si>
    <t>20.833097457885742</t>
  </si>
  <si>
    <t>2181.643310546875</t>
  </si>
  <si>
    <t>0.05636137471769764</t>
  </si>
  <si>
    <t>55824</t>
  </si>
  <si>
    <t>21.46845054626465</t>
  </si>
  <si>
    <t>1627.111572265625</t>
  </si>
  <si>
    <t>0.015580041644906117</t>
  </si>
  <si>
    <t>55031</t>
  </si>
  <si>
    <t>12.28485107421875</t>
  </si>
  <si>
    <t>1297.4149169921875</t>
  </si>
  <si>
    <t>12712.046875</t>
  </si>
  <si>
    <t>New York-Newark-Bridgeport, NY-NJ-CT-PA</t>
  </si>
  <si>
    <t>54245</t>
  </si>
  <si>
    <t>12.705081939697266</t>
  </si>
  <si>
    <t>1031.51904296875</t>
  </si>
  <si>
    <t>-0.014385840538379213</t>
  </si>
  <si>
    <t>55386</t>
  </si>
  <si>
    <t>10.946244239807129</t>
  </si>
  <si>
    <t>1075.0977783203125</t>
  </si>
  <si>
    <t>0.020816031961654602</t>
  </si>
  <si>
    <t>56167</t>
  </si>
  <si>
    <t>10.835807800292969</t>
  </si>
  <si>
    <t>1182.8145751953125</t>
  </si>
  <si>
    <t>0.014002541588729045</t>
  </si>
  <si>
    <t>12.178428649902344</t>
  </si>
  <si>
    <t>1183.686279296875</t>
  </si>
  <si>
    <t>0.027291662948121242</t>
  </si>
  <si>
    <t>58572</t>
  </si>
  <si>
    <t>11.374492645263672</t>
  </si>
  <si>
    <t>1065.390625</t>
  </si>
  <si>
    <t>0.0146357079200925</t>
  </si>
  <si>
    <t>60064</t>
  </si>
  <si>
    <t>11.234410285949707</t>
  </si>
  <si>
    <t>1416.27197265625</t>
  </si>
  <si>
    <t>0.025153893711086894</t>
  </si>
  <si>
    <t>11.386116981506348</t>
  </si>
  <si>
    <t>1076.103759765625</t>
  </si>
  <si>
    <t>0.031239736569917298</t>
  </si>
  <si>
    <t>63982</t>
  </si>
  <si>
    <t>12.574658393859863</t>
  </si>
  <si>
    <t>1206.5455322265625</t>
  </si>
  <si>
    <t>0.0319513968274574</t>
  </si>
  <si>
    <t>66270</t>
  </si>
  <si>
    <t>12.205734252929688</t>
  </si>
  <si>
    <t>1058.7557373046875</t>
  </si>
  <si>
    <t>0.03513551229866252</t>
  </si>
  <si>
    <t>68194</t>
  </si>
  <si>
    <t>11.23953914642334</t>
  </si>
  <si>
    <t>1177.22900390625</t>
  </si>
  <si>
    <t>0.028619278339528265</t>
  </si>
  <si>
    <t>68174</t>
  </si>
  <si>
    <t>12.55258846282959</t>
  </si>
  <si>
    <t>937.064697265625</t>
  </si>
  <si>
    <t>-0.00029332394906944614</t>
  </si>
  <si>
    <t>67911</t>
  </si>
  <si>
    <t>11.848443031311035</t>
  </si>
  <si>
    <t>1196.725830078125</t>
  </si>
  <si>
    <t>-0.003865236101496805</t>
  </si>
  <si>
    <t>67610</t>
  </si>
  <si>
    <t>10.862747192382812</t>
  </si>
  <si>
    <t>1463.92724609375</t>
  </si>
  <si>
    <t>-0.004442123286510835</t>
  </si>
  <si>
    <t>69190</t>
  </si>
  <si>
    <t>11.631068229675293</t>
  </si>
  <si>
    <t>1355.9476318359375</t>
  </si>
  <si>
    <t>0.023100442408132693</t>
  </si>
  <si>
    <t>12.326859474182129</t>
  </si>
  <si>
    <t>1232.6068115234375</t>
  </si>
  <si>
    <t>0.02583761793845163</t>
  </si>
  <si>
    <t>72398</t>
  </si>
  <si>
    <t>12.56121826171875</t>
  </si>
  <si>
    <t>1304.5816650390625</t>
  </si>
  <si>
    <t>0.01948471325154877</t>
  </si>
  <si>
    <t>73301</t>
  </si>
  <si>
    <t>11.944243431091309</t>
  </si>
  <si>
    <t>1262.8294677734375</t>
  </si>
  <si>
    <t>0.01239557666362856</t>
  </si>
  <si>
    <t>71710</t>
  </si>
  <si>
    <t>11.484854698181152</t>
  </si>
  <si>
    <t>1309.6575927734375</t>
  </si>
  <si>
    <t>-0.02194404346986545</t>
  </si>
  <si>
    <t>72382</t>
  </si>
  <si>
    <t>11.646315574645996</t>
  </si>
  <si>
    <t>1220.0352783203125</t>
  </si>
  <si>
    <t>0.00932744180188294</t>
  </si>
  <si>
    <t>74283</t>
  </si>
  <si>
    <t>12.633179664611816</t>
  </si>
  <si>
    <t>1211.2740478515625</t>
  </si>
  <si>
    <t>0.02592447369470996</t>
  </si>
  <si>
    <t>73518</t>
  </si>
  <si>
    <t>13.001994132995605</t>
  </si>
  <si>
    <t>1557.59814453125</t>
  </si>
  <si>
    <t>-0.010351849195711083</t>
  </si>
  <si>
    <t>76565</t>
  </si>
  <si>
    <t>13.291205406188965</t>
  </si>
  <si>
    <t>1136.809326171875</t>
  </si>
  <si>
    <t>0.040609779071806074</t>
  </si>
  <si>
    <t>77245</t>
  </si>
  <si>
    <t>11.5716552734375</t>
  </si>
  <si>
    <t>1313.3189697265625</t>
  </si>
  <si>
    <t>0.008842135496841763</t>
  </si>
  <si>
    <t>78425</t>
  </si>
  <si>
    <t>11.335559844970703</t>
  </si>
  <si>
    <t>1378.5164794921875</t>
  </si>
  <si>
    <t>0.015160565312729801</t>
  </si>
  <si>
    <t>80669</t>
  </si>
  <si>
    <t>12.30526351928711</t>
  </si>
  <si>
    <t>1160.999267578125</t>
  </si>
  <si>
    <t>0.028211608613331052</t>
  </si>
  <si>
    <t>82829</t>
  </si>
  <si>
    <t>13.163960456848145</t>
  </si>
  <si>
    <t>1095.7921142578125</t>
  </si>
  <si>
    <t>0.02642387892678144</t>
  </si>
  <si>
    <t>84056</t>
  </si>
  <si>
    <t>12.283835411071777</t>
  </si>
  <si>
    <t>1277.86865234375</t>
  </si>
  <si>
    <t>0.01470500176961842</t>
  </si>
  <si>
    <t>86708</t>
  </si>
  <si>
    <t>12.368396759033203</t>
  </si>
  <si>
    <t>1679.72607421875</t>
  </si>
  <si>
    <t>0.031062908346203955</t>
  </si>
  <si>
    <t>88522</t>
  </si>
  <si>
    <t>12.473832130432129</t>
  </si>
  <si>
    <t>1315.9044189453125</t>
  </si>
  <si>
    <t>0.020704956959058052</t>
  </si>
  <si>
    <t>82981</t>
  </si>
  <si>
    <t>12.970237731933594</t>
  </si>
  <si>
    <t>1306.248291015625</t>
  </si>
  <si>
    <t>-0.06463944276297795</t>
  </si>
  <si>
    <t>87794</t>
  </si>
  <si>
    <t>12.873481750488281</t>
  </si>
  <si>
    <t>1410.9857177734375</t>
  </si>
  <si>
    <t>0.05638149524738445</t>
  </si>
  <si>
    <t>89172</t>
  </si>
  <si>
    <t>13.164642333984375</t>
  </si>
  <si>
    <t>1264.7835693359375</t>
  </si>
  <si>
    <t>0.015573927787190911</t>
  </si>
  <si>
    <t>15.971135139465332</t>
  </si>
  <si>
    <t>967.1300048828125</t>
  </si>
  <si>
    <t>770.1483764648438</t>
  </si>
  <si>
    <t>Oklahoma City-Shawnee, OK</t>
  </si>
  <si>
    <t>16.62113380432129</t>
  </si>
  <si>
    <t>932.7107543945312</t>
  </si>
  <si>
    <t>15.428577423095703</t>
  </si>
  <si>
    <t>1071.8265380859375</t>
  </si>
  <si>
    <t>15.002998352050781</t>
  </si>
  <si>
    <t>931.3082885742188</t>
  </si>
  <si>
    <t>16.409467697143555</t>
  </si>
  <si>
    <t>869.6963500976562</t>
  </si>
  <si>
    <t>15.78015422821045</t>
  </si>
  <si>
    <t>954.4192504882812</t>
  </si>
  <si>
    <t>15.683239936828613</t>
  </si>
  <si>
    <t>836.1708374023438</t>
  </si>
  <si>
    <t>15.376606941223145</t>
  </si>
  <si>
    <t>997.8341674804688</t>
  </si>
  <si>
    <t>16.93931007385254</t>
  </si>
  <si>
    <t>796.2899169921875</t>
  </si>
  <si>
    <t>16.705167770385742</t>
  </si>
  <si>
    <t>898.2858276367188</t>
  </si>
  <si>
    <t>15.960273742675781</t>
  </si>
  <si>
    <t>950.3624267578125</t>
  </si>
  <si>
    <t>16.469202041625977</t>
  </si>
  <si>
    <t>745.9757080078125</t>
  </si>
  <si>
    <t>15.623587608337402</t>
  </si>
  <si>
    <t>831.6510009765625</t>
  </si>
  <si>
    <t>0.01178427590751241</t>
  </si>
  <si>
    <t>15.965752601623535</t>
  </si>
  <si>
    <t>716.8804321289062</t>
  </si>
  <si>
    <t>0.05094540104632728</t>
  </si>
  <si>
    <t>16.097570419311523</t>
  </si>
  <si>
    <t>1002.564208984375</t>
  </si>
  <si>
    <t>0.033377111953742045</t>
  </si>
  <si>
    <t>16.947853088378906</t>
  </si>
  <si>
    <t>0.04542275677984087</t>
  </si>
  <si>
    <t>16.71783447265625</t>
  </si>
  <si>
    <t>722.7014770507812</t>
  </si>
  <si>
    <t>0.04640230698843695</t>
  </si>
  <si>
    <t>46940</t>
  </si>
  <si>
    <t>16.486366271972656</t>
  </si>
  <si>
    <t>1130.6190185546875</t>
  </si>
  <si>
    <t>0.017710229052170234</t>
  </si>
  <si>
    <t>51714</t>
  </si>
  <si>
    <t>15.848870277404785</t>
  </si>
  <si>
    <t>878.4430541992188</t>
  </si>
  <si>
    <t>0.09685834747044098</t>
  </si>
  <si>
    <t>46673</t>
  </si>
  <si>
    <t>15.614158630371094</t>
  </si>
  <si>
    <t>923.5889282226562</t>
  </si>
  <si>
    <t>-0.10256269887475966</t>
  </si>
  <si>
    <t>48378</t>
  </si>
  <si>
    <t>16.32035255432129</t>
  </si>
  <si>
    <t>762.4395141601562</t>
  </si>
  <si>
    <t>0.03587932591238108</t>
  </si>
  <si>
    <t>51030</t>
  </si>
  <si>
    <t>17.218564987182617</t>
  </si>
  <si>
    <t>714.6867065429688</t>
  </si>
  <si>
    <t>0.05336853014494025</t>
  </si>
  <si>
    <t>52223</t>
  </si>
  <si>
    <t>17.784374237060547</t>
  </si>
  <si>
    <t>671.3781127929688</t>
  </si>
  <si>
    <t>0.023109315798118146</t>
  </si>
  <si>
    <t>53516</t>
  </si>
  <si>
    <t>15.558501243591309</t>
  </si>
  <si>
    <t>998.9760131835938</t>
  </si>
  <si>
    <t>0.024457663737374347</t>
  </si>
  <si>
    <t>54889</t>
  </si>
  <si>
    <t>15.734641075134277</t>
  </si>
  <si>
    <t>741.1513671875</t>
  </si>
  <si>
    <t>0.025332289529780283</t>
  </si>
  <si>
    <t>50705</t>
  </si>
  <si>
    <t>16.70362663269043</t>
  </si>
  <si>
    <t>1109.2843017578125</t>
  </si>
  <si>
    <t>-0.07928843907719241</t>
  </si>
  <si>
    <t>48630</t>
  </si>
  <si>
    <t>17.52411460876465</t>
  </si>
  <si>
    <t>871.794189453125</t>
  </si>
  <si>
    <t>-0.04178390064826587</t>
  </si>
  <si>
    <t>16.92532730102539</t>
  </si>
  <si>
    <t>825.9406127929688</t>
  </si>
  <si>
    <t>0.01506181660307071</t>
  </si>
  <si>
    <t>16.344741821289062</t>
  </si>
  <si>
    <t>940.5418701171875</t>
  </si>
  <si>
    <t>0.040063320801088764</t>
  </si>
  <si>
    <t>50665</t>
  </si>
  <si>
    <t>1120.489501953125</t>
  </si>
  <si>
    <t>-0.014130424919573059</t>
  </si>
  <si>
    <t>16.455312728881836</t>
  </si>
  <si>
    <t>874.3624267578125</t>
  </si>
  <si>
    <t>-0.07024839985541753</t>
  </si>
  <si>
    <t>49967</t>
  </si>
  <si>
    <t>16.48871612548828</t>
  </si>
  <si>
    <t>785.8845825195312</t>
  </si>
  <si>
    <t>0.05637585048740412</t>
  </si>
  <si>
    <t>50752</t>
  </si>
  <si>
    <t>16.8404598236084</t>
  </si>
  <si>
    <t>748.3753662109375</t>
  </si>
  <si>
    <t>0.015588238480114924</t>
  </si>
  <si>
    <t>10.092429161071777</t>
  </si>
  <si>
    <t>727.9054565429688</t>
  </si>
  <si>
    <t>433.223876953125</t>
  </si>
  <si>
    <t>Omaha-Council Bluffs-Fremont, NE-IA</t>
  </si>
  <si>
    <t>11.352221488952637</t>
  </si>
  <si>
    <t>798.0689697265625</t>
  </si>
  <si>
    <t>-0.014384333708036934</t>
  </si>
  <si>
    <t>39746</t>
  </si>
  <si>
    <t>9.536099433898926</t>
  </si>
  <si>
    <t>875.4481811523438</t>
  </si>
  <si>
    <t>0.0207954210649266</t>
  </si>
  <si>
    <t>8.67651653289795</t>
  </si>
  <si>
    <t>1066.654052734375</t>
  </si>
  <si>
    <t>41422</t>
  </si>
  <si>
    <t>10.243290901184082</t>
  </si>
  <si>
    <t>619.18798828125</t>
  </si>
  <si>
    <t>0.027286989514475835</t>
  </si>
  <si>
    <t>9.727307319641113</t>
  </si>
  <si>
    <t>666.3059692382812</t>
  </si>
  <si>
    <t>0.014642883403244156</t>
  </si>
  <si>
    <t>43104</t>
  </si>
  <si>
    <t>8.615692138671875</t>
  </si>
  <si>
    <t>799.2615356445312</t>
  </si>
  <si>
    <t>0.025160776170748633</t>
  </si>
  <si>
    <t>9.785335540771484</t>
  </si>
  <si>
    <t>713.71240234375</t>
  </si>
  <si>
    <t>0.03124397742321605</t>
  </si>
  <si>
    <t>10.985572814941406</t>
  </si>
  <si>
    <t>926.5285034179688</t>
  </si>
  <si>
    <t>0.03195386255208099</t>
  </si>
  <si>
    <t>47557</t>
  </si>
  <si>
    <t>11.062824249267578</t>
  </si>
  <si>
    <t>753.1339111328125</t>
  </si>
  <si>
    <t>0.03511535141282707</t>
  </si>
  <si>
    <t>10.303478240966797</t>
  </si>
  <si>
    <t>679.1080322265625</t>
  </si>
  <si>
    <t>0.028625199196415707</t>
  </si>
  <si>
    <t>10.948470115661621</t>
  </si>
  <si>
    <t>789.2814331054688</t>
  </si>
  <si>
    <t>-0.0002861171873753676</t>
  </si>
  <si>
    <t>50253</t>
  </si>
  <si>
    <t>10.330794334411621</t>
  </si>
  <si>
    <t>604.6471557617188</t>
  </si>
  <si>
    <t>0.026802173024542242</t>
  </si>
  <si>
    <t>10.209349632263184</t>
  </si>
  <si>
    <t>677.931884765625</t>
  </si>
  <si>
    <t>0.029895101976050498</t>
  </si>
  <si>
    <t>53992</t>
  </si>
  <si>
    <t>10.479083061218262</t>
  </si>
  <si>
    <t>739.5034790039062</t>
  </si>
  <si>
    <t>0.041870538815395264</t>
  </si>
  <si>
    <t>54325</t>
  </si>
  <si>
    <t>11.859402656555176</t>
  </si>
  <si>
    <t>677.1115112304688</t>
  </si>
  <si>
    <t>0.006148638701388265</t>
  </si>
  <si>
    <t>11.099525451660156</t>
  </si>
  <si>
    <t>754.92919921875</t>
  </si>
  <si>
    <t>0.01590596074681372</t>
  </si>
  <si>
    <t>56591</t>
  </si>
  <si>
    <t>10.713738441467285</t>
  </si>
  <si>
    <t>989.474853515625</t>
  </si>
  <si>
    <t>0.02495947507559748</t>
  </si>
  <si>
    <t>56577</t>
  </si>
  <si>
    <t>9.337105751037598</t>
  </si>
  <si>
    <t>954.6554565429688</t>
  </si>
  <si>
    <t>-0.0002474197665662814</t>
  </si>
  <si>
    <t>57369</t>
  </si>
  <si>
    <t>9.49480152130127</t>
  </si>
  <si>
    <t>759.6845092773438</t>
  </si>
  <si>
    <t>0.013901545550607963</t>
  </si>
  <si>
    <t>58401</t>
  </si>
  <si>
    <t>10.233969688415527</t>
  </si>
  <si>
    <t>932.321044921875</t>
  </si>
  <si>
    <t>0.017828925226304193</t>
  </si>
  <si>
    <t>61047</t>
  </si>
  <si>
    <t>10.809371948242188</t>
  </si>
  <si>
    <t>756.380126953125</t>
  </si>
  <si>
    <t>0.044311046324910563</t>
  </si>
  <si>
    <t>61512</t>
  </si>
  <si>
    <t>12.13385009765625</t>
  </si>
  <si>
    <t>593.2857055664062</t>
  </si>
  <si>
    <t>0.007588218429718907</t>
  </si>
  <si>
    <t>60668</t>
  </si>
  <si>
    <t>9.378493309020996</t>
  </si>
  <si>
    <t>754.6298217773438</t>
  </si>
  <si>
    <t>-0.013815901540729314</t>
  </si>
  <si>
    <t>62475</t>
  </si>
  <si>
    <t>9.682670593261719</t>
  </si>
  <si>
    <t>896.1038208007812</t>
  </si>
  <si>
    <t>0.029350100531864598</t>
  </si>
  <si>
    <t>63890</t>
  </si>
  <si>
    <t>11.028780937194824</t>
  </si>
  <si>
    <t>967.2930908203125</t>
  </si>
  <si>
    <t>0.02239637789323723</t>
  </si>
  <si>
    <t>63231</t>
  </si>
  <si>
    <t>11.963214874267578</t>
  </si>
  <si>
    <t>897.0516967773438</t>
  </si>
  <si>
    <t>-0.01036816739123303</t>
  </si>
  <si>
    <t>64652</t>
  </si>
  <si>
    <t>11.132929801940918</t>
  </si>
  <si>
    <t>876.1102905273438</t>
  </si>
  <si>
    <t>0.022224353324542534</t>
  </si>
  <si>
    <t>64546</t>
  </si>
  <si>
    <t>9.991547584533691</t>
  </si>
  <si>
    <t>905.8416748046875</t>
  </si>
  <si>
    <t>-0.0016408926420528047</t>
  </si>
  <si>
    <t>66138</t>
  </si>
  <si>
    <t>9.844761848449707</t>
  </si>
  <si>
    <t>1014.8817138671875</t>
  </si>
  <si>
    <t>0.024365320303724403</t>
  </si>
  <si>
    <t>67018</t>
  </si>
  <si>
    <t>11.086102485656738</t>
  </si>
  <si>
    <t>720.7557983398438</t>
  </si>
  <si>
    <t>0.013217771816396606</t>
  </si>
  <si>
    <t>70905</t>
  </si>
  <si>
    <t>11.193892478942871</t>
  </si>
  <si>
    <t>704.5619506835938</t>
  </si>
  <si>
    <t>0.05637971288767929</t>
  </si>
  <si>
    <t>72018</t>
  </si>
  <si>
    <t>10.703083038330078</t>
  </si>
  <si>
    <t>608.9722290039062</t>
  </si>
  <si>
    <t>0.015575134857952477</t>
  </si>
  <si>
    <t>23.242280960083008</t>
  </si>
  <si>
    <t>1041.5133056640625</t>
  </si>
  <si>
    <t>1506.1678466796875</t>
  </si>
  <si>
    <t>Orlando-The Villages, FL</t>
  </si>
  <si>
    <t>22.547372817993164</t>
  </si>
  <si>
    <t>1449.6937255859375</t>
  </si>
  <si>
    <t>-0.014384739949207415</t>
  </si>
  <si>
    <t>32839</t>
  </si>
  <si>
    <t>22.264989852905273</t>
  </si>
  <si>
    <t>1414.2105712890625</t>
  </si>
  <si>
    <t>0.020800109908469366</t>
  </si>
  <si>
    <t>21.77850341796875</t>
  </si>
  <si>
    <t>1229.4190673828125</t>
  </si>
  <si>
    <t>0.01403064956793898</t>
  </si>
  <si>
    <t>22.84761619567871</t>
  </si>
  <si>
    <t>1392.0794677734375</t>
  </si>
  <si>
    <t>0.027279669321430333</t>
  </si>
  <si>
    <t>22.35546112060547</t>
  </si>
  <si>
    <t>1423.63427734375</t>
  </si>
  <si>
    <t>0.014647920451144714</t>
  </si>
  <si>
    <t>22.034881591796875</t>
  </si>
  <si>
    <t>1164.64794921875</t>
  </si>
  <si>
    <t>0.025163746187926606</t>
  </si>
  <si>
    <t>36744</t>
  </si>
  <si>
    <t>22.30030059814453</t>
  </si>
  <si>
    <t>1467.80224609375</t>
  </si>
  <si>
    <t>0.03123612804437137</t>
  </si>
  <si>
    <t>23.018821716308594</t>
  </si>
  <si>
    <t>1238.8590087890625</t>
  </si>
  <si>
    <t>0.031951942137709466</t>
  </si>
  <si>
    <t>39293</t>
  </si>
  <si>
    <t>22.192411422729492</t>
  </si>
  <si>
    <t>1092.5050048828125</t>
  </si>
  <si>
    <t>0.03511949680094162</t>
  </si>
  <si>
    <t>21.775461196899414</t>
  </si>
  <si>
    <t>957.705078125</t>
  </si>
  <si>
    <t>0.028624629229991427</t>
  </si>
  <si>
    <t>22.44463348388672</t>
  </si>
  <si>
    <t>1304.05419921875</t>
  </si>
  <si>
    <t>-0.0002968239855576371</t>
  </si>
  <si>
    <t>22.144742965698242</t>
  </si>
  <si>
    <t>1408.3568115234375</t>
  </si>
  <si>
    <t>0.019622161811168937</t>
  </si>
  <si>
    <t>42222</t>
  </si>
  <si>
    <t>22.315645217895508</t>
  </si>
  <si>
    <t>1381.9068603515625</t>
  </si>
  <si>
    <t>0.023945059194719676</t>
  </si>
  <si>
    <t>22.303375244140625</t>
  </si>
  <si>
    <t>1373.14794921875</t>
  </si>
  <si>
    <t>0.027909657266613763</t>
  </si>
  <si>
    <t>22.140230178833008</t>
  </si>
  <si>
    <t>1423.6761474609375</t>
  </si>
  <si>
    <t>0.03133474826416105</t>
  </si>
  <si>
    <t>45362</t>
  </si>
  <si>
    <t>22.40306854248047</t>
  </si>
  <si>
    <t>1083.0086669921875</t>
  </si>
  <si>
    <t>0.012488932415003262</t>
  </si>
  <si>
    <t>22.609285354614258</t>
  </si>
  <si>
    <t>1191.86181640625</t>
  </si>
  <si>
    <t>-0.0003748332587143466</t>
  </si>
  <si>
    <t>43589</t>
  </si>
  <si>
    <t>22.24555015563965</t>
  </si>
  <si>
    <t>1217.534423828125</t>
  </si>
  <si>
    <t>-0.03949509195390277</t>
  </si>
  <si>
    <t>41197</t>
  </si>
  <si>
    <t>22.196706771850586</t>
  </si>
  <si>
    <t>1266.933837890625</t>
  </si>
  <si>
    <t>-0.05643938677530791</t>
  </si>
  <si>
    <t>21.667089462280273</t>
  </si>
  <si>
    <t>1196.220458984375</t>
  </si>
  <si>
    <t>-0.012407652521632784</t>
  </si>
  <si>
    <t>39754</t>
  </si>
  <si>
    <t>23.15399932861328</t>
  </si>
  <si>
    <t>1260.4208984375</t>
  </si>
  <si>
    <t>-0.023247320680280126</t>
  </si>
  <si>
    <t>39833</t>
  </si>
  <si>
    <t>23.135414123535156</t>
  </si>
  <si>
    <t>1451.8941650390625</t>
  </si>
  <si>
    <t>0.00198524949919765</t>
  </si>
  <si>
    <t>22.312108993530273</t>
  </si>
  <si>
    <t>1484.6927490234375</t>
  </si>
  <si>
    <t>0.007827094561131176</t>
  </si>
  <si>
    <t>22.55461883544922</t>
  </si>
  <si>
    <t>1452.1038818359375</t>
  </si>
  <si>
    <t>0.004151188551112739</t>
  </si>
  <si>
    <t>23.431198120117188</t>
  </si>
  <si>
    <t>1547.2943115234375</t>
  </si>
  <si>
    <t>0.030127249532643674</t>
  </si>
  <si>
    <t>23.626121520996094</t>
  </si>
  <si>
    <t>1263.6644287109375</t>
  </si>
  <si>
    <t>0.0171344127495221</t>
  </si>
  <si>
    <t>23.18269920349121</t>
  </si>
  <si>
    <t>1605.2569580078125</t>
  </si>
  <si>
    <t>0.012555712661942664</t>
  </si>
  <si>
    <t>23.27443504333496</t>
  </si>
  <si>
    <t>1503.692626953125</t>
  </si>
  <si>
    <t>0.014359696955123624</t>
  </si>
  <si>
    <t>23.822547912597656</t>
  </si>
  <si>
    <t>1475.9954833984375</t>
  </si>
  <si>
    <t>0.023603877183495214</t>
  </si>
  <si>
    <t>23.535125732421875</t>
  </si>
  <si>
    <t>1410.713134765625</t>
  </si>
  <si>
    <t>-0.014433076728424865</t>
  </si>
  <si>
    <t>46358</t>
  </si>
  <si>
    <t>22.98195457458496</t>
  </si>
  <si>
    <t>1488.0894775390625</t>
  </si>
  <si>
    <t>0.05637200696833489</t>
  </si>
  <si>
    <t>23.480026245117188</t>
  </si>
  <si>
    <t>1503.5648193359375</t>
  </si>
  <si>
    <t>14.676910400390625</t>
  </si>
  <si>
    <t>1524.5911865234375</t>
  </si>
  <si>
    <t>102.61580657958984</t>
  </si>
  <si>
    <t>Paducah, KY-IL</t>
  </si>
  <si>
    <t>15.407217979431152</t>
  </si>
  <si>
    <t>1172.4013671875</t>
  </si>
  <si>
    <t>-0.014384198548018645</t>
  </si>
  <si>
    <t>14.220370292663574</t>
  </si>
  <si>
    <t>1112.8482666015625</t>
  </si>
  <si>
    <t>0.020815088878308075</t>
  </si>
  <si>
    <t>13.435661315917969</t>
  </si>
  <si>
    <t>1392.3984375</t>
  </si>
  <si>
    <t>0.013997911062743285</t>
  </si>
  <si>
    <t>33491</t>
  </si>
  <si>
    <t>14.534740447998047</t>
  </si>
  <si>
    <t>1236.2794189453125</t>
  </si>
  <si>
    <t>0.02730193790019797</t>
  </si>
  <si>
    <t>14.112658500671387</t>
  </si>
  <si>
    <t>1200.555908203125</t>
  </si>
  <si>
    <t>0.014642504778679566</t>
  </si>
  <si>
    <t>13.434077262878418</t>
  </si>
  <si>
    <t>1465.7801513671875</t>
  </si>
  <si>
    <t>0.025133886407932238</t>
  </si>
  <si>
    <t>35956</t>
  </si>
  <si>
    <t>13.806729316711426</t>
  </si>
  <si>
    <t>1263.3348388671875</t>
  </si>
  <si>
    <t>0.031242831504618707</t>
  </si>
  <si>
    <t>15.355639457702637</t>
  </si>
  <si>
    <t>1531.0692138671875</t>
  </si>
  <si>
    <t>0.031967692021993344</t>
  </si>
  <si>
    <t>14.939276695251465</t>
  </si>
  <si>
    <t>1018.9898681640625</t>
  </si>
  <si>
    <t>0.03512104268265048</t>
  </si>
  <si>
    <t>14.031192779541016</t>
  </si>
  <si>
    <t>1161.7191162109375</t>
  </si>
  <si>
    <t>0.028610734096060852</t>
  </si>
  <si>
    <t>39556</t>
  </si>
  <si>
    <t>15.085774421691895</t>
  </si>
  <si>
    <t>1359.66943359375</t>
  </si>
  <si>
    <t>-0.0002780481041124716</t>
  </si>
  <si>
    <t>14.408663749694824</t>
  </si>
  <si>
    <t>1354.801025390625</t>
  </si>
  <si>
    <t>-0.015798116876590385</t>
  </si>
  <si>
    <t>39445</t>
  </si>
  <si>
    <t>14.176146507263184</t>
  </si>
  <si>
    <t>1355.23046875</t>
  </si>
  <si>
    <t>0.012988024015898603</t>
  </si>
  <si>
    <t>14.895819664001465</t>
  </si>
  <si>
    <t>1397.8797607421875</t>
  </si>
  <si>
    <t>0.013997157254388881</t>
  </si>
  <si>
    <t>40901</t>
  </si>
  <si>
    <t>15.21420669555664</t>
  </si>
  <si>
    <t>1152.837646484375</t>
  </si>
  <si>
    <t>0.022250058826172037</t>
  </si>
  <si>
    <t>14.87056827545166</t>
  </si>
  <si>
    <t>1476.1334228515625</t>
  </si>
  <si>
    <t>0.03427066767151743</t>
  </si>
  <si>
    <t>15.348681449890137</t>
  </si>
  <si>
    <t>1102.6707763671875</t>
  </si>
  <si>
    <t>-0.015835737937408112</t>
  </si>
  <si>
    <t>42342</t>
  </si>
  <si>
    <t>13.972681999206543</t>
  </si>
  <si>
    <t>1476.9041748046875</t>
  </si>
  <si>
    <t>0.016190058885024783</t>
  </si>
  <si>
    <t>14.111491203308105</t>
  </si>
  <si>
    <t>1466.9691162109375</t>
  </si>
  <si>
    <t>-0.0032171102166262955</t>
  </si>
  <si>
    <t>43293</t>
  </si>
  <si>
    <t>14.656050682067871</t>
  </si>
  <si>
    <t>1014.55078125</t>
  </si>
  <si>
    <t>0.025428568091928838</t>
  </si>
  <si>
    <t>15.402665138244629</t>
  </si>
  <si>
    <t>1753.0709228515625</t>
  </si>
  <si>
    <t>-0.0027756592659038404</t>
  </si>
  <si>
    <t>42709</t>
  </si>
  <si>
    <t>15.973958015441895</t>
  </si>
  <si>
    <t>1193.7689208984375</t>
  </si>
  <si>
    <t>-0.010805628997315964</t>
  </si>
  <si>
    <t>43707</t>
  </si>
  <si>
    <t>13.569003105163574</t>
  </si>
  <si>
    <t>1371.8916015625</t>
  </si>
  <si>
    <t>0.023098601481137848</t>
  </si>
  <si>
    <t>43370</t>
  </si>
  <si>
    <t>13.855681419372559</t>
  </si>
  <si>
    <t>1348.671630859375</t>
  </si>
  <si>
    <t>-0.007740314492693301</t>
  </si>
  <si>
    <t>43486</t>
  </si>
  <si>
    <t>14.993836402893066</t>
  </si>
  <si>
    <t>1498.3074951171875</t>
  </si>
  <si>
    <t>0.0026710893655916834</t>
  </si>
  <si>
    <t>43559</t>
  </si>
  <si>
    <t>16.166227340698242</t>
  </si>
  <si>
    <t>1349.732421875</t>
  </si>
  <si>
    <t>0.0016772937472424587</t>
  </si>
  <si>
    <t>43410</t>
  </si>
  <si>
    <t>15.281743049621582</t>
  </si>
  <si>
    <t>1264.87109375</t>
  </si>
  <si>
    <t>-0.003426511648607189</t>
  </si>
  <si>
    <t>43433</t>
  </si>
  <si>
    <t>15.222844123840332</t>
  </si>
  <si>
    <t>1660.685302734375</t>
  </si>
  <si>
    <t>0.0005296915246546519</t>
  </si>
  <si>
    <t>15.40310001373291</t>
  </si>
  <si>
    <t>1746.0274658203125</t>
  </si>
  <si>
    <t>0.02285293490591478</t>
  </si>
  <si>
    <t>42662</t>
  </si>
  <si>
    <t>14.998294830322266</t>
  </si>
  <si>
    <t>1501.80078125</t>
  </si>
  <si>
    <t>-0.040763861472445484</t>
  </si>
  <si>
    <t>14.999743461608887</t>
  </si>
  <si>
    <t>1404.2235107421875</t>
  </si>
  <si>
    <t>0.056371559990013864</t>
  </si>
  <si>
    <t>15.405255317687988</t>
  </si>
  <si>
    <t>1425.959228515625</t>
  </si>
  <si>
    <t>0.015585987242223709</t>
  </si>
  <si>
    <t>20.578153610229492</t>
  </si>
  <si>
    <t>1179.7958984375</t>
  </si>
  <si>
    <t>137.0303955078125</t>
  </si>
  <si>
    <t>Panama City-Lynn Haven, FL</t>
  </si>
  <si>
    <t>24992</t>
  </si>
  <si>
    <t>20.278888702392578</t>
  </si>
  <si>
    <t>1385.9716796875</t>
  </si>
  <si>
    <t>-0.014380734859260613</t>
  </si>
  <si>
    <t>19.873292922973633</t>
  </si>
  <si>
    <t>1594.5867919921875</t>
  </si>
  <si>
    <t>0.0207891230502657</t>
  </si>
  <si>
    <t>19.24774742126465</t>
  </si>
  <si>
    <t>1234.5560302734375</t>
  </si>
  <si>
    <t>0.014048290186220669</t>
  </si>
  <si>
    <t>26594</t>
  </si>
  <si>
    <t>20.155582427978516</t>
  </si>
  <si>
    <t>1875.9227294921875</t>
  </si>
  <si>
    <t>0.02729243954075322</t>
  </si>
  <si>
    <t>26986</t>
  </si>
  <si>
    <t>19.861249923706055</t>
  </si>
  <si>
    <t>1313.6937255859375</t>
  </si>
  <si>
    <t>0.01463258657408062</t>
  </si>
  <si>
    <t>19.60338020324707</t>
  </si>
  <si>
    <t>1516.9300537109375</t>
  </si>
  <si>
    <t>0.025138995585351154</t>
  </si>
  <si>
    <t>19.599348068237305</t>
  </si>
  <si>
    <t>1579.7835693359375</t>
  </si>
  <si>
    <t>0.031234753164369522</t>
  </si>
  <si>
    <t>29478</t>
  </si>
  <si>
    <t>20.848257064819336</t>
  </si>
  <si>
    <t>1486.1873779296875</t>
  </si>
  <si>
    <t>0.031952260656250786</t>
  </si>
  <si>
    <t>20.127771377563477</t>
  </si>
  <si>
    <t>1143.830322265625</t>
  </si>
  <si>
    <t>0.03513109152165761</t>
  </si>
  <si>
    <t>19.58470916748047</t>
  </si>
  <si>
    <t>1149.8463134765625</t>
  </si>
  <si>
    <t>0.028605663141522797</t>
  </si>
  <si>
    <t>19.96378517150879</t>
  </si>
  <si>
    <t>1317.592529296875</t>
  </si>
  <si>
    <t>-0.00025466352719227814</t>
  </si>
  <si>
    <t>19.578340530395508</t>
  </si>
  <si>
    <t>1371.03173828125</t>
  </si>
  <si>
    <t>0.04853240290042571</t>
  </si>
  <si>
    <t>19.783212661743164</t>
  </si>
  <si>
    <t>1730.614013671875</t>
  </si>
  <si>
    <t>0.03966154953665324</t>
  </si>
  <si>
    <t>20.07056427001953</t>
  </si>
  <si>
    <t>1354.64306640625</t>
  </si>
  <si>
    <t>0.05556039724420003</t>
  </si>
  <si>
    <t>19.890581130981445</t>
  </si>
  <si>
    <t>1578.0574951171875</t>
  </si>
  <si>
    <t>0.04317294859832366</t>
  </si>
  <si>
    <t>19.90755844116211</t>
  </si>
  <si>
    <t>1043.8726806640625</t>
  </si>
  <si>
    <t>0.045507561644784644</t>
  </si>
  <si>
    <t>39869</t>
  </si>
  <si>
    <t>20.034137725830078</t>
  </si>
  <si>
    <t>1099.185791015625</t>
  </si>
  <si>
    <t>0.0060379060888511304</t>
  </si>
  <si>
    <t>19.838245391845703</t>
  </si>
  <si>
    <t>1368.2646484375</t>
  </si>
  <si>
    <t>-0.03190648553924014</t>
  </si>
  <si>
    <t>37412</t>
  </si>
  <si>
    <t>19.688465118408203</t>
  </si>
  <si>
    <t>1836.2320556640625</t>
  </si>
  <si>
    <t>-0.031701085452247924</t>
  </si>
  <si>
    <t>19.473215103149414</t>
  </si>
  <si>
    <t>1093.349853515625</t>
  </si>
  <si>
    <t>-0.01679262112430635</t>
  </si>
  <si>
    <t>20.812211990356445</t>
  </si>
  <si>
    <t>1189.9910888671875</t>
  </si>
  <si>
    <t>-0.025492764097588605</t>
  </si>
  <si>
    <t>20.94255256652832</t>
  </si>
  <si>
    <t>1437.6944580078125</t>
  </si>
  <si>
    <t>-0.02053680075921882</t>
  </si>
  <si>
    <t>19.35004234313965</t>
  </si>
  <si>
    <t>1727.2105712890625</t>
  </si>
  <si>
    <t>0.0006259781112074592</t>
  </si>
  <si>
    <t>19.732696533203125</t>
  </si>
  <si>
    <t>1541.1077880859375</t>
  </si>
  <si>
    <t>0.007481331652288148</t>
  </si>
  <si>
    <t>36403</t>
  </si>
  <si>
    <t>20.928821563720703</t>
  </si>
  <si>
    <t>1665.55322265625</t>
  </si>
  <si>
    <t>0.02737455647428355</t>
  </si>
  <si>
    <t>36851</t>
  </si>
  <si>
    <t>21.652685165405273</t>
  </si>
  <si>
    <t>1480.838134765625</t>
  </si>
  <si>
    <t>0.012231566480235045</t>
  </si>
  <si>
    <t>20.745262145996094</t>
  </si>
  <si>
    <t>1716.947265625</t>
  </si>
  <si>
    <t>0.012941325364572265</t>
  </si>
  <si>
    <t>21.111370086669922</t>
  </si>
  <si>
    <t>1686.482177734375</t>
  </si>
  <si>
    <t>0.01060494884306351</t>
  </si>
  <si>
    <t>40902</t>
  </si>
  <si>
    <t>21.46276092529297</t>
  </si>
  <si>
    <t>1411.092041015625</t>
  </si>
  <si>
    <t>0.08074993209186232</t>
  </si>
  <si>
    <t>21.033910751342773</t>
  </si>
  <si>
    <t>1626.7723388671875</t>
  </si>
  <si>
    <t>-0.010692134453051949</t>
  </si>
  <si>
    <t>42813</t>
  </si>
  <si>
    <t>20.299579620361328</t>
  </si>
  <si>
    <t>1919.4140625</t>
  </si>
  <si>
    <t>0.05635496763071224</t>
  </si>
  <si>
    <t>20.902978897094727</t>
  </si>
  <si>
    <t>1591.242431640625</t>
  </si>
  <si>
    <t>0.01559725242650245</t>
  </si>
  <si>
    <t>8.97619342803955</t>
  </si>
  <si>
    <t>358.056884765625</t>
  </si>
  <si>
    <t>65.29363250732422</t>
  </si>
  <si>
    <t>Pendleton-Hermiston, OR</t>
  </si>
  <si>
    <t>9.283585548400879</t>
  </si>
  <si>
    <t>420.9510498046875</t>
  </si>
  <si>
    <t>-0.01440997992429871</t>
  </si>
  <si>
    <t>9.351566314697266</t>
  </si>
  <si>
    <t>394.3114929199219</t>
  </si>
  <si>
    <t>0.0208257554649105</t>
  </si>
  <si>
    <t>32032</t>
  </si>
  <si>
    <t>8.324828147888184</t>
  </si>
  <si>
    <t>430.64788818359375</t>
  </si>
  <si>
    <t>0.014021418684947662</t>
  </si>
  <si>
    <t>9.500227928161621</t>
  </si>
  <si>
    <t>454.48272705078125</t>
  </si>
  <si>
    <t>0.02728421748906662</t>
  </si>
  <si>
    <t>9.209687232971191</t>
  </si>
  <si>
    <t>573.265380859375</t>
  </si>
  <si>
    <t>0.014626095686452345</t>
  </si>
  <si>
    <t>8.445111274719238</t>
  </si>
  <si>
    <t>596.7014770507812</t>
  </si>
  <si>
    <t>0.02515762990184811</t>
  </si>
  <si>
    <t>35341</t>
  </si>
  <si>
    <t>9.031086921691895</t>
  </si>
  <si>
    <t>440.00982666015625</t>
  </si>
  <si>
    <t>0.031240416828854478</t>
  </si>
  <si>
    <t>9.853495597839355</t>
  </si>
  <si>
    <t>458.5071716308594</t>
  </si>
  <si>
    <t>0.03193967637036721</t>
  </si>
  <si>
    <t>37793</t>
  </si>
  <si>
    <t>8.949260711669922</t>
  </si>
  <si>
    <t>363.7016906738281</t>
  </si>
  <si>
    <t>0.03514046088206335</t>
  </si>
  <si>
    <t>38890</t>
  </si>
  <si>
    <t>8.552939414978027</t>
  </si>
  <si>
    <t>441.1654968261719</t>
  </si>
  <si>
    <t>0.028613247876194237</t>
  </si>
  <si>
    <t>38879</t>
  </si>
  <si>
    <t>9.14138412475586</t>
  </si>
  <si>
    <t>358.601806640625</t>
  </si>
  <si>
    <t>-0.0002828890707959886</t>
  </si>
  <si>
    <t>8.983124732971191</t>
  </si>
  <si>
    <t>368.0315246582031</t>
  </si>
  <si>
    <t>0.0168585586456107</t>
  </si>
  <si>
    <t>39607</t>
  </si>
  <si>
    <t>9.409337043762207</t>
  </si>
  <si>
    <t>448.61456298828125</t>
  </si>
  <si>
    <t>0.0016930525731666535</t>
  </si>
  <si>
    <t>41073</t>
  </si>
  <si>
    <t>9.643267631530762</t>
  </si>
  <si>
    <t>361.1477966308594</t>
  </si>
  <si>
    <t>0.03634510100409116</t>
  </si>
  <si>
    <t>39084</t>
  </si>
  <si>
    <t>9.369282722473145</t>
  </si>
  <si>
    <t>450.3437194824219</t>
  </si>
  <si>
    <t>-0.04963779523763279</t>
  </si>
  <si>
    <t>9.156720161437988</t>
  </si>
  <si>
    <t>437.0292053222656</t>
  </si>
  <si>
    <t>0.05896769049522277</t>
  </si>
  <si>
    <t>9.355219841003418</t>
  </si>
  <si>
    <t>395.4608459472656</t>
  </si>
  <si>
    <t>0.0793336760288188</t>
  </si>
  <si>
    <t>42564</t>
  </si>
  <si>
    <t>8.771895408630371</t>
  </si>
  <si>
    <t>360.3174743652344</t>
  </si>
  <si>
    <t>-0.0530057170266538</t>
  </si>
  <si>
    <t>43415</t>
  </si>
  <si>
    <t>8.9393949508667</t>
  </si>
  <si>
    <t>417.52001953125</t>
  </si>
  <si>
    <t>0.019796177933123715</t>
  </si>
  <si>
    <t>45948</t>
  </si>
  <si>
    <t>8.791081428527832</t>
  </si>
  <si>
    <t>528.2252197265625</t>
  </si>
  <si>
    <t>0.056705318770550406</t>
  </si>
  <si>
    <t>8.408717155456543</t>
  </si>
  <si>
    <t>435.74090576171875</t>
  </si>
  <si>
    <t>-0.006616250266114676</t>
  </si>
  <si>
    <t>43986</t>
  </si>
  <si>
    <t>9.444785118103027</t>
  </si>
  <si>
    <t>451.3934020996094</t>
  </si>
  <si>
    <t>-0.037022670547539605</t>
  </si>
  <si>
    <t>9.441497802734375</t>
  </si>
  <si>
    <t>308.98004150390625</t>
  </si>
  <si>
    <t>0.05843704354544421</t>
  </si>
  <si>
    <t>9.934125900268555</t>
  </si>
  <si>
    <t>457.8963317871094</t>
  </si>
  <si>
    <t>0.03543362643632442</t>
  </si>
  <si>
    <t>47850</t>
  </si>
  <si>
    <t>10.591032981872559</t>
  </si>
  <si>
    <t>394.7478942871094</t>
  </si>
  <si>
    <t>-0.009670953552308958</t>
  </si>
  <si>
    <t>49301</t>
  </si>
  <si>
    <t>9.670647621154785</t>
  </si>
  <si>
    <t>442.8446350097656</t>
  </si>
  <si>
    <t>0.029873246919622787</t>
  </si>
  <si>
    <t>49267</t>
  </si>
  <si>
    <t>9.735773086547852</t>
  </si>
  <si>
    <t>541.6239013671875</t>
  </si>
  <si>
    <t>-0.000689879095618906</t>
  </si>
  <si>
    <t>49300</t>
  </si>
  <si>
    <t>9.435132026672363</t>
  </si>
  <si>
    <t>378.87652587890625</t>
  </si>
  <si>
    <t>0.0006695953256770082</t>
  </si>
  <si>
    <t>51224</t>
  </si>
  <si>
    <t>8.785975456237793</t>
  </si>
  <si>
    <t>444.15008544921875</t>
  </si>
  <si>
    <t>0.03828409116785636</t>
  </si>
  <si>
    <t>47660</t>
  </si>
  <si>
    <t>9.780915260314941</t>
  </si>
  <si>
    <t>428.57147216796875</t>
  </si>
  <si>
    <t>-0.0721157005459041</t>
  </si>
  <si>
    <t>50424</t>
  </si>
  <si>
    <t>10.055615425109863</t>
  </si>
  <si>
    <t>369.658203125</t>
  </si>
  <si>
    <t>0.056374780540211944</t>
  </si>
  <si>
    <t>51215</t>
  </si>
  <si>
    <t>9.2495756149292</t>
  </si>
  <si>
    <t>450.3236083984375</t>
  </si>
  <si>
    <t>0.01556520567768871</t>
  </si>
  <si>
    <t>19.751771926879883</t>
  </si>
  <si>
    <t>1384.1021728515625</t>
  </si>
  <si>
    <t>101.37196350097656</t>
  </si>
  <si>
    <t>Pensacola-Ferry Pass-Brent, FL</t>
  </si>
  <si>
    <t>19.554662704467773</t>
  </si>
  <si>
    <t>1660.768310546875</t>
  </si>
  <si>
    <t>-0.014371504837653148</t>
  </si>
  <si>
    <t>19.130552291870117</t>
  </si>
  <si>
    <t>1667.9593505859375</t>
  </si>
  <si>
    <t>0.020791597016206254</t>
  </si>
  <si>
    <t>30901</t>
  </si>
  <si>
    <t>18.512405395507812</t>
  </si>
  <si>
    <t>1464.6036376953125</t>
  </si>
  <si>
    <t>0.014013134214119205</t>
  </si>
  <si>
    <t>31756</t>
  </si>
  <si>
    <t>19.388944625854492</t>
  </si>
  <si>
    <t>1740.141357421875</t>
  </si>
  <si>
    <t>0.027293138023273045</t>
  </si>
  <si>
    <t>19.30230140686035</t>
  </si>
  <si>
    <t>1808.5535888671875</t>
  </si>
  <si>
    <t>0.014629832673286103</t>
  </si>
  <si>
    <t>19.0628719329834</t>
  </si>
  <si>
    <t>1661.4520263671875</t>
  </si>
  <si>
    <t>0.02515875238626286</t>
  </si>
  <si>
    <t>18.826082229614258</t>
  </si>
  <si>
    <t>1891.610107421875</t>
  </si>
  <si>
    <t>0.031251146806317465</t>
  </si>
  <si>
    <t>20.184444427490234</t>
  </si>
  <si>
    <t>1601.5772705078125</t>
  </si>
  <si>
    <t>0.03195307556269711</t>
  </si>
  <si>
    <t>19.5107364654541</t>
  </si>
  <si>
    <t>1232.8466796875</t>
  </si>
  <si>
    <t>0.035113850265343416</t>
  </si>
  <si>
    <t>19.011028289794922</t>
  </si>
  <si>
    <t>1173.691650390625</t>
  </si>
  <si>
    <t>0.028632476256442274</t>
  </si>
  <si>
    <t>19.26442527770996</t>
  </si>
  <si>
    <t>1415.1058349609375</t>
  </si>
  <si>
    <t>-0.00029323559023808343</t>
  </si>
  <si>
    <t>38864</t>
  </si>
  <si>
    <t>18.959924697875977</t>
  </si>
  <si>
    <t>1569.471923828125</t>
  </si>
  <si>
    <t>0.03554079003683874</t>
  </si>
  <si>
    <t>40956</t>
  </si>
  <si>
    <t>19.1162109375</t>
  </si>
  <si>
    <t>1782.3946533203125</t>
  </si>
  <si>
    <t>0.05242994745275453</t>
  </si>
  <si>
    <t>42950</t>
  </si>
  <si>
    <t>19.545942306518555</t>
  </si>
  <si>
    <t>1709.2137451171875</t>
  </si>
  <si>
    <t>0.047538328717694256</t>
  </si>
  <si>
    <t>44848</t>
  </si>
  <si>
    <t>19.402132034301758</t>
  </si>
  <si>
    <t>1858.1239013671875</t>
  </si>
  <si>
    <t>0.043242345992167586</t>
  </si>
  <si>
    <t>45759</t>
  </si>
  <si>
    <t>19.355993270874023</t>
  </si>
  <si>
    <t>1199.78955078125</t>
  </si>
  <si>
    <t>0.02010949926347294</t>
  </si>
  <si>
    <t>45718</t>
  </si>
  <si>
    <t>19.490081787109375</t>
  </si>
  <si>
    <t>1333.5133056640625</t>
  </si>
  <si>
    <t>-0.0008964002480489341</t>
  </si>
  <si>
    <t>19.225561141967773</t>
  </si>
  <si>
    <t>1487.4520263671875</t>
  </si>
  <si>
    <t>-0.03369943335432524</t>
  </si>
  <si>
    <t>43287</t>
  </si>
  <si>
    <t>18.951372146606445</t>
  </si>
  <si>
    <t>1965.5113525390625</t>
  </si>
  <si>
    <t>-0.020940301100303316</t>
  </si>
  <si>
    <t>42863</t>
  </si>
  <si>
    <t>18.9016056060791</t>
  </si>
  <si>
    <t>1306.463134765625</t>
  </si>
  <si>
    <t>-0.00984337605371266</t>
  </si>
  <si>
    <t>20.096363067626953</t>
  </si>
  <si>
    <t>1397.24951171875</t>
  </si>
  <si>
    <t>-0.00897560599583258</t>
  </si>
  <si>
    <t>20.30427360534668</t>
  </si>
  <si>
    <t>1727.2860107421875</t>
  </si>
  <si>
    <t>0.00021184196668677657</t>
  </si>
  <si>
    <t>18.510196685791016</t>
  </si>
  <si>
    <t>1784.7099609375</t>
  </si>
  <si>
    <t>0.0006117359373867259</t>
  </si>
  <si>
    <t>18.936433792114258</t>
  </si>
  <si>
    <t>1601.734375</t>
  </si>
  <si>
    <t>-0.0038413093530103026</t>
  </si>
  <si>
    <t>20.250574111938477</t>
  </si>
  <si>
    <t>1801.2769775390625</t>
  </si>
  <si>
    <t>0.03076021053537481</t>
  </si>
  <si>
    <t>21.14049530029297</t>
  </si>
  <si>
    <t>1648.3480224609375</t>
  </si>
  <si>
    <t>0.01022799608701419</t>
  </si>
  <si>
    <t>44561</t>
  </si>
  <si>
    <t>20.067392349243164</t>
  </si>
  <si>
    <t>1893.23486328125</t>
  </si>
  <si>
    <t>0.009855184911788939</t>
  </si>
  <si>
    <t>45080</t>
  </si>
  <si>
    <t>20.46497344970703</t>
  </si>
  <si>
    <t>1867.10205078125</t>
  </si>
  <si>
    <t>0.01157965215265122</t>
  </si>
  <si>
    <t>46663</t>
  </si>
  <si>
    <t>20.825395584106445</t>
  </si>
  <si>
    <t>1631.7880859375</t>
  </si>
  <si>
    <t>0.03451287025415084</t>
  </si>
  <si>
    <t>46714</t>
  </si>
  <si>
    <t>20.4251766204834</t>
  </si>
  <si>
    <t>1664.3670654296875</t>
  </si>
  <si>
    <t>0.0010923461895586684</t>
  </si>
  <si>
    <t>49423</t>
  </si>
  <si>
    <t>19.783292770385742</t>
  </si>
  <si>
    <t>2168.367431640625</t>
  </si>
  <si>
    <t>0.056371997271108754</t>
  </si>
  <si>
    <t>50199</t>
  </si>
  <si>
    <t>20.326265335083008</t>
  </si>
  <si>
    <t>1696.2554931640625</t>
  </si>
  <si>
    <t>0.015579203294151966</t>
  </si>
  <si>
    <t>36615</t>
  </si>
  <si>
    <t>10.881461143493652</t>
  </si>
  <si>
    <t>1240.648193359375</t>
  </si>
  <si>
    <t>396.75689697265625</t>
  </si>
  <si>
    <t>Peoria-Canton, IL</t>
  </si>
  <si>
    <t>36092</t>
  </si>
  <si>
    <t>12.115108489990234</t>
  </si>
  <si>
    <t>913.7613525390625</t>
  </si>
  <si>
    <t>-0.01438675838077863</t>
  </si>
  <si>
    <t>10.543868064880371</t>
  </si>
  <si>
    <t>945.6430053710938</t>
  </si>
  <si>
    <t>0.02081152117695062</t>
  </si>
  <si>
    <t>37371</t>
  </si>
  <si>
    <t>9.729805946350098</t>
  </si>
  <si>
    <t>1224.2764892578125</t>
  </si>
  <si>
    <t>0.0140122472628601</t>
  </si>
  <si>
    <t>11.087311744689941</t>
  </si>
  <si>
    <t>906.6844482421875</t>
  </si>
  <si>
    <t>0.02729265687857918</t>
  </si>
  <si>
    <t>10.490290641784668</t>
  </si>
  <si>
    <t>928.7567138671875</t>
  </si>
  <si>
    <t>0.01463012033543265</t>
  </si>
  <si>
    <t>39964</t>
  </si>
  <si>
    <t>9.576663970947266</t>
  </si>
  <si>
    <t>843.565673828125</t>
  </si>
  <si>
    <t>0.025161269084694737</t>
  </si>
  <si>
    <t>10.452900886535645</t>
  </si>
  <si>
    <t>830.1058959960938</t>
  </si>
  <si>
    <t>0.031235605039237058</t>
  </si>
  <si>
    <t>42571</t>
  </si>
  <si>
    <t>11.96239185333252</t>
  </si>
  <si>
    <t>1150.1676025390625</t>
  </si>
  <si>
    <t>0.03195861637531472</t>
  </si>
  <si>
    <t>44093</t>
  </si>
  <si>
    <t>11.5654935836792</t>
  </si>
  <si>
    <t>807.46728515625</t>
  </si>
  <si>
    <t>0.03512776940978135</t>
  </si>
  <si>
    <t>10.665364265441895</t>
  </si>
  <si>
    <t>893.3074340820312</t>
  </si>
  <si>
    <t>0.028616174783497428</t>
  </si>
  <si>
    <t>45360</t>
  </si>
  <si>
    <t>11.641132354736328</t>
  </si>
  <si>
    <t>996.6771240234375</t>
  </si>
  <si>
    <t>-0.00028655505910712975</t>
  </si>
  <si>
    <t>10.73925495147705</t>
  </si>
  <si>
    <t>907.0860595703125</t>
  </si>
  <si>
    <t>0.008255074542173446</t>
  </si>
  <si>
    <t>10.362544059753418</t>
  </si>
  <si>
    <t>918.664306640625</t>
  </si>
  <si>
    <t>0.0204514956779569</t>
  </si>
  <si>
    <t>11.066120147705078</t>
  </si>
  <si>
    <t>1038.275390625</t>
  </si>
  <si>
    <t>0.03572860563041225</t>
  </si>
  <si>
    <t>12.057278633117676</t>
  </si>
  <si>
    <t>666.95263671875</t>
  </si>
  <si>
    <t>0.006654261737054412</t>
  </si>
  <si>
    <t>11.517193794250488</t>
  </si>
  <si>
    <t>908.0255737304688</t>
  </si>
  <si>
    <t>0.06359869316474942</t>
  </si>
  <si>
    <t>53601</t>
  </si>
  <si>
    <t>11.423660278320312</t>
  </si>
  <si>
    <t>930.439697265625</t>
  </si>
  <si>
    <t>0.03224893444729737</t>
  </si>
  <si>
    <t>53640</t>
  </si>
  <si>
    <t>9.796911239624023</t>
  </si>
  <si>
    <t>1176.4720458984375</t>
  </si>
  <si>
    <t>0.0007273337943374258</t>
  </si>
  <si>
    <t>53497</t>
  </si>
  <si>
    <t>10.439190864562988</t>
  </si>
  <si>
    <t>1253.6273193359375</t>
  </si>
  <si>
    <t>-0.0026694808501197542</t>
  </si>
  <si>
    <t>55938</t>
  </si>
  <si>
    <t>11.373115539550781</t>
  </si>
  <si>
    <t>1054.19580078125</t>
  </si>
  <si>
    <t>0.04461835697925487</t>
  </si>
  <si>
    <t>59815</t>
  </si>
  <si>
    <t>11.788158416748047</t>
  </si>
  <si>
    <t>1041.49951171875</t>
  </si>
  <si>
    <t>0.0670125310802554</t>
  </si>
  <si>
    <t>64089</t>
  </si>
  <si>
    <t>12.713851928710938</t>
  </si>
  <si>
    <t>798.3987426757812</t>
  </si>
  <si>
    <t>0.06901627671333976</t>
  </si>
  <si>
    <t>59668</t>
  </si>
  <si>
    <t>9.781224250793457</t>
  </si>
  <si>
    <t>1036.972412109375</t>
  </si>
  <si>
    <t>-0.07147687904452305</t>
  </si>
  <si>
    <t>61068</t>
  </si>
  <si>
    <t>9.8933687210083</t>
  </si>
  <si>
    <t>1084.899169921875</t>
  </si>
  <si>
    <t>0.02319213410301124</t>
  </si>
  <si>
    <t>11.55298137664795</t>
  </si>
  <si>
    <t>1136.141357421875</t>
  </si>
  <si>
    <t>-0.023125098741832772</t>
  </si>
  <si>
    <t>59367</t>
  </si>
  <si>
    <t>12.656107902526855</t>
  </si>
  <si>
    <t>1072.6895751953125</t>
  </si>
  <si>
    <t>-0.0051243822179856124</t>
  </si>
  <si>
    <t>57837</t>
  </si>
  <si>
    <t>11.911974906921387</t>
  </si>
  <si>
    <t>934.05908203125</t>
  </si>
  <si>
    <t>-0.026109807149435227</t>
  </si>
  <si>
    <t>59583</t>
  </si>
  <si>
    <t>11.159455299377441</t>
  </si>
  <si>
    <t>1156.1514892578125</t>
  </si>
  <si>
    <t>0.029741589199321794</t>
  </si>
  <si>
    <t>59516</t>
  </si>
  <si>
    <t>11.169753074645996</t>
  </si>
  <si>
    <t>1297.347900390625</t>
  </si>
  <si>
    <t>-0.0011251145193131862</t>
  </si>
  <si>
    <t>55923</t>
  </si>
  <si>
    <t>11.62768840789795</t>
  </si>
  <si>
    <t>1044.3590087890625</t>
  </si>
  <si>
    <t>-0.06226943941023322</t>
  </si>
  <si>
    <t>59166</t>
  </si>
  <si>
    <t>11.731276512145996</t>
  </si>
  <si>
    <t>1001.18359375</t>
  </si>
  <si>
    <t>0.0563713080230297</t>
  </si>
  <si>
    <t>60095</t>
  </si>
  <si>
    <t>11.666905403137207</t>
  </si>
  <si>
    <t>936.045654296875</t>
  </si>
  <si>
    <t>0.015579590826504841</t>
  </si>
  <si>
    <t>2718</t>
  </si>
  <si>
    <t>12.915356636047363</t>
  </si>
  <si>
    <t>1175.2989501953125</t>
  </si>
  <si>
    <t>3148.632080078125</t>
  </si>
  <si>
    <t>Philadelphia-Camden-Vineland, PA-NJ-DE-MD</t>
  </si>
  <si>
    <t>44242</t>
  </si>
  <si>
    <t>13.28705883026123</t>
  </si>
  <si>
    <t>971.2227172851562</t>
  </si>
  <si>
    <t>-0.014384539751373993</t>
  </si>
  <si>
    <t>11.612662315368652</t>
  </si>
  <si>
    <t>1057.8875732421875</t>
  </si>
  <si>
    <t>0.020802861712594378</t>
  </si>
  <si>
    <t>45810</t>
  </si>
  <si>
    <t>11.46863842010498</t>
  </si>
  <si>
    <t>1283.467041015625</t>
  </si>
  <si>
    <t>0.014024982037225797</t>
  </si>
  <si>
    <t>12.687488555908203</t>
  </si>
  <si>
    <t>1177.985595703125</t>
  </si>
  <si>
    <t>0.027282151137731248</t>
  </si>
  <si>
    <t>12.005471229553223</t>
  </si>
  <si>
    <t>1079.767822265625</t>
  </si>
  <si>
    <t>0.014634201786742906</t>
  </si>
  <si>
    <t>11.663177490234375</t>
  </si>
  <si>
    <t>1464.559326171875</t>
  </si>
  <si>
    <t>0.025156609335915903</t>
  </si>
  <si>
    <t>50543</t>
  </si>
  <si>
    <t>11.901966094970703</t>
  </si>
  <si>
    <t>1053.5091552734375</t>
  </si>
  <si>
    <t>0.03124908896296219</t>
  </si>
  <si>
    <t>52184</t>
  </si>
  <si>
    <t>13.143795013427734</t>
  </si>
  <si>
    <t>1087.6246337890625</t>
  </si>
  <si>
    <t>0.03195147537179288</t>
  </si>
  <si>
    <t>54050</t>
  </si>
  <si>
    <t>12.562870025634766</t>
  </si>
  <si>
    <t>1125.421630859375</t>
  </si>
  <si>
    <t>0.03513360959142098</t>
  </si>
  <si>
    <t>55619</t>
  </si>
  <si>
    <t>11.738303184509277</t>
  </si>
  <si>
    <t>1183.7542724609375</t>
  </si>
  <si>
    <t>0.0286153254147834</t>
  </si>
  <si>
    <t>55603</t>
  </si>
  <si>
    <t>13.026564598083496</t>
  </si>
  <si>
    <t>912.2368774414062</t>
  </si>
  <si>
    <t>-0.0002877128645479843</t>
  </si>
  <si>
    <t>55919</t>
  </si>
  <si>
    <t>12.432726860046387</t>
  </si>
  <si>
    <t>1138.137451171875</t>
  </si>
  <si>
    <t>0.005667058440648631</t>
  </si>
  <si>
    <t>57851</t>
  </si>
  <si>
    <t>11.534333229064941</t>
  </si>
  <si>
    <t>1520.30078125</t>
  </si>
  <si>
    <t>0.03396652449888471</t>
  </si>
  <si>
    <t>59724</t>
  </si>
  <si>
    <t>12.359519004821777</t>
  </si>
  <si>
    <t>1392.7001953125</t>
  </si>
  <si>
    <t>0.031863210089431604</t>
  </si>
  <si>
    <t>60020</t>
  </si>
  <si>
    <t>12.935028076171875</t>
  </si>
  <si>
    <t>1160.034423828125</t>
  </si>
  <si>
    <t>0.0049438903478034035</t>
  </si>
  <si>
    <t>60432</t>
  </si>
  <si>
    <t>13.212651252746582</t>
  </si>
  <si>
    <t>1243.36083984375</t>
  </si>
  <si>
    <t>0.0068409259578814385</t>
  </si>
  <si>
    <t>62074</t>
  </si>
  <si>
    <t>12.66980266571045</t>
  </si>
  <si>
    <t>1124.1710205078125</t>
  </si>
  <si>
    <t>0.02680845574946389</t>
  </si>
  <si>
    <t>62866</t>
  </si>
  <si>
    <t>12.186229705810547</t>
  </si>
  <si>
    <t>1175.551025390625</t>
  </si>
  <si>
    <t>0.012678255301583619</t>
  </si>
  <si>
    <t>61078</t>
  </si>
  <si>
    <t>12.237454414367676</t>
  </si>
  <si>
    <t>1302.956298828125</t>
  </si>
  <si>
    <t>-0.02885374114918271</t>
  </si>
  <si>
    <t>61753</t>
  </si>
  <si>
    <t>13.012749671936035</t>
  </si>
  <si>
    <t>1153.8126220703125</t>
  </si>
  <si>
    <t>0.010990821451956734</t>
  </si>
  <si>
    <t>61863</t>
  </si>
  <si>
    <t>13.66698169708252</t>
  </si>
  <si>
    <t>1415.7491455078125</t>
  </si>
  <si>
    <t>0.0017797053623151982</t>
  </si>
  <si>
    <t>63187</t>
  </si>
  <si>
    <t>13.887203216552734</t>
  </si>
  <si>
    <t>1134.5294189453125</t>
  </si>
  <si>
    <t>0.02117632110567591</t>
  </si>
  <si>
    <t>63602</t>
  </si>
  <si>
    <t>12.151801109313965</t>
  </si>
  <si>
    <t>1259.5042724609375</t>
  </si>
  <si>
    <t>0.006546332600610327</t>
  </si>
  <si>
    <t>64759</t>
  </si>
  <si>
    <t>11.975563049316406</t>
  </si>
  <si>
    <t>1323.8349609375</t>
  </si>
  <si>
    <t>0.01802777066705019</t>
  </si>
  <si>
    <t>12.867323875427246</t>
  </si>
  <si>
    <t>1187.2200927734375</t>
  </si>
  <si>
    <t>0.022732588671823706</t>
  </si>
  <si>
    <t>66830</t>
  </si>
  <si>
    <t>13.691170692443848</t>
  </si>
  <si>
    <t>1071.5750732421875</t>
  </si>
  <si>
    <t>0.008746805791579604</t>
  </si>
  <si>
    <t>66110</t>
  </si>
  <si>
    <t>12.983085632324219</t>
  </si>
  <si>
    <t>1201.2235107421875</t>
  </si>
  <si>
    <t>-0.010832060177492053</t>
  </si>
  <si>
    <t>67048</t>
  </si>
  <si>
    <t>13.03178882598877</t>
  </si>
  <si>
    <t>1737.0341796875</t>
  </si>
  <si>
    <t>0.014088759451118094</t>
  </si>
  <si>
    <t>68595</t>
  </si>
  <si>
    <t>13.27129077911377</t>
  </si>
  <si>
    <t>1232.02685546875</t>
  </si>
  <si>
    <t>0.022810864981524404</t>
  </si>
  <si>
    <t>64523</t>
  </si>
  <si>
    <t>13.593487739562988</t>
  </si>
  <si>
    <t>1411.19091796875</t>
  </si>
  <si>
    <t>-0.06119789639191531</t>
  </si>
  <si>
    <t>68264</t>
  </si>
  <si>
    <t>13.363831520080566</t>
  </si>
  <si>
    <t>1358.4613037109375</t>
  </si>
  <si>
    <t>0.056360791848069525</t>
  </si>
  <si>
    <t>69336</t>
  </si>
  <si>
    <t>13.669997215270996</t>
  </si>
  <si>
    <t>1237.094970703125</t>
  </si>
  <si>
    <t>0.015581710597761145</t>
  </si>
  <si>
    <t>38110</t>
  </si>
  <si>
    <t>19.939037322998047</t>
  </si>
  <si>
    <t>313.88336181640625</t>
  </si>
  <si>
    <t>1470.6048583984375</t>
  </si>
  <si>
    <t>Phoenix-Mesa-Scottsdale, AZ</t>
  </si>
  <si>
    <t>19.667600631713867</t>
  </si>
  <si>
    <t>312.011474609375</t>
  </si>
  <si>
    <t>-0.01440394906464526</t>
  </si>
  <si>
    <t>38355</t>
  </si>
  <si>
    <t>20.058835983276367</t>
  </si>
  <si>
    <t>491.54986572265625</t>
  </si>
  <si>
    <t>0.020812131590135508</t>
  </si>
  <si>
    <t>19.91777229309082</t>
  </si>
  <si>
    <t>249.7155303955078</t>
  </si>
  <si>
    <t>0.01400652016250703</t>
  </si>
  <si>
    <t>20.388853073120117</t>
  </si>
  <si>
    <t>334.1530456542969</t>
  </si>
  <si>
    <t>0.027312808625101326</t>
  </si>
  <si>
    <t>20.687143325805664</t>
  </si>
  <si>
    <t>196.3023681640625</t>
  </si>
  <si>
    <t>0.014627441533072272</t>
  </si>
  <si>
    <t>41595</t>
  </si>
  <si>
    <t>21.077096939086914</t>
  </si>
  <si>
    <t>210.97866821289062</t>
  </si>
  <si>
    <t>0.025148300003911217</t>
  </si>
  <si>
    <t>42915</t>
  </si>
  <si>
    <t>20.17607307434082</t>
  </si>
  <si>
    <t>201.61019897460938</t>
  </si>
  <si>
    <t>0.031241447434330993</t>
  </si>
  <si>
    <t>19.582504272460938</t>
  </si>
  <si>
    <t>300.97454833984375</t>
  </si>
  <si>
    <t>0.0319438324845045</t>
  </si>
  <si>
    <t>20.244237899780273</t>
  </si>
  <si>
    <t>217.32679748535156</t>
  </si>
  <si>
    <t>0.03512556228220909</t>
  </si>
  <si>
    <t>20.470508575439453</t>
  </si>
  <si>
    <t>263.95611572265625</t>
  </si>
  <si>
    <t>0.028632603450677863</t>
  </si>
  <si>
    <t>47212</t>
  </si>
  <si>
    <t>20.738866806030273</t>
  </si>
  <si>
    <t>209.49636840820312</t>
  </si>
  <si>
    <t>-0.0002753158207511319</t>
  </si>
  <si>
    <t>47522</t>
  </si>
  <si>
    <t>20.812604904174805</t>
  </si>
  <si>
    <t>125.2313461303711</t>
  </si>
  <si>
    <t>0.006544664143998347</t>
  </si>
  <si>
    <t>49026</t>
  </si>
  <si>
    <t>20.731225967407227</t>
  </si>
  <si>
    <t>247.8223876953125</t>
  </si>
  <si>
    <t>0.03115800791980483</t>
  </si>
  <si>
    <t>49819</t>
  </si>
  <si>
    <t>20.510406494140625</t>
  </si>
  <si>
    <t>328.3123474121094</t>
  </si>
  <si>
    <t>0.016045667741821035</t>
  </si>
  <si>
    <t>52087</t>
  </si>
  <si>
    <t>20.811372756958008</t>
  </si>
  <si>
    <t>214.7777862548828</t>
  </si>
  <si>
    <t>0.0445189600979905</t>
  </si>
  <si>
    <t>53096</t>
  </si>
  <si>
    <t>20.423233032226562</t>
  </si>
  <si>
    <t>210.2115936279297</t>
  </si>
  <si>
    <t>0.019186198373185803</t>
  </si>
  <si>
    <t>53028</t>
  </si>
  <si>
    <t>21.00615882873535</t>
  </si>
  <si>
    <t>245.8838653564453</t>
  </si>
  <si>
    <t>-0.001281519907021078</t>
  </si>
  <si>
    <t>50339</t>
  </si>
  <si>
    <t>20.687236785888672</t>
  </si>
  <si>
    <t>227.2737274169922</t>
  </si>
  <si>
    <t>-0.05203995134529649</t>
  </si>
  <si>
    <t>20.545377731323242</t>
  </si>
  <si>
    <t>216.24359130859375</t>
  </si>
  <si>
    <t>-0.08558389970913005</t>
  </si>
  <si>
    <t>45841</t>
  </si>
  <si>
    <t>20.442913055419922</t>
  </si>
  <si>
    <t>212.18296813964844</t>
  </si>
  <si>
    <t>-0.008017337704909977</t>
  </si>
  <si>
    <t>46419</t>
  </si>
  <si>
    <t>20.50667381286621</t>
  </si>
  <si>
    <t>252.70118713378906</t>
  </si>
  <si>
    <t>0.01252997099837927</t>
  </si>
  <si>
    <t>47011</t>
  </si>
  <si>
    <t>21.14842414855957</t>
  </si>
  <si>
    <t>217.10948181152344</t>
  </si>
  <si>
    <t>0.012672758703919484</t>
  </si>
  <si>
    <t>46671</t>
  </si>
  <si>
    <t>21.000608444213867</t>
  </si>
  <si>
    <t>233.52804565429688</t>
  </si>
  <si>
    <t>-0.007258630106470321</t>
  </si>
  <si>
    <t>46682</t>
  </si>
  <si>
    <t>21.678686141967773</t>
  </si>
  <si>
    <t>275.46844482421875</t>
  </si>
  <si>
    <t>0.00023566462890123319</t>
  </si>
  <si>
    <t>47593</t>
  </si>
  <si>
    <t>21.36269187927246</t>
  </si>
  <si>
    <t>302.17999267578125</t>
  </si>
  <si>
    <t>0.019327040197639533</t>
  </si>
  <si>
    <t>48354</t>
  </si>
  <si>
    <t>248.00015258789062</t>
  </si>
  <si>
    <t>0.01586325697079438</t>
  </si>
  <si>
    <t>49127</t>
  </si>
  <si>
    <t>22.118186950683594</t>
  </si>
  <si>
    <t>147.5942840576172</t>
  </si>
  <si>
    <t>0.015859833258458522</t>
  </si>
  <si>
    <t>21.315771102905273</t>
  </si>
  <si>
    <t>252.72560119628906</t>
  </si>
  <si>
    <t>0.021984659316792943</t>
  </si>
  <si>
    <t>51196</t>
  </si>
  <si>
    <t>20.575551986694336</t>
  </si>
  <si>
    <t>283.33795166015625</t>
  </si>
  <si>
    <t>0.019267962847864695</t>
  </si>
  <si>
    <t>53384</t>
  </si>
  <si>
    <t>21.57624626159668</t>
  </si>
  <si>
    <t>167.94586181640625</t>
  </si>
  <si>
    <t>0.04184967160776054</t>
  </si>
  <si>
    <t>56480</t>
  </si>
  <si>
    <t>21.471969604492188</t>
  </si>
  <si>
    <t>219.85728454589844</t>
  </si>
  <si>
    <t>0.05637551758367998</t>
  </si>
  <si>
    <t>57367</t>
  </si>
  <si>
    <t>20.927753448486328</t>
  </si>
  <si>
    <t>230.76300048828125</t>
  </si>
  <si>
    <t>0.015582631922763213</t>
  </si>
  <si>
    <t>11.191197395324707</t>
  </si>
  <si>
    <t>1301.2293701171875</t>
  </si>
  <si>
    <t>1196.4307861328125</t>
  </si>
  <si>
    <t>Pittsburgh-New Castle, PA</t>
  </si>
  <si>
    <t>11.95866870880127</t>
  </si>
  <si>
    <t>834.4683227539062</t>
  </si>
  <si>
    <t>-0.014383896056228807</t>
  </si>
  <si>
    <t>10.35138988494873</t>
  </si>
  <si>
    <t>1011.4749145507812</t>
  </si>
  <si>
    <t>0.020793907598323003</t>
  </si>
  <si>
    <t>9.786295890808105</t>
  </si>
  <si>
    <t>1061.7484130859375</t>
  </si>
  <si>
    <t>0.014008139410609743</t>
  </si>
  <si>
    <t>10.73997974395752</t>
  </si>
  <si>
    <t>1102.635009765625</t>
  </si>
  <si>
    <t>0.027308297619208943</t>
  </si>
  <si>
    <t>10.119285583496094</t>
  </si>
  <si>
    <t>978.5210571289062</t>
  </si>
  <si>
    <t>0.014622647290211788</t>
  </si>
  <si>
    <t>9.628523826599121</t>
  </si>
  <si>
    <t>1230.7869873046875</t>
  </si>
  <si>
    <t>0.02515628524961322</t>
  </si>
  <si>
    <t>40451</t>
  </si>
  <si>
    <t>9.922600746154785</t>
  </si>
  <si>
    <t>1056.7735595703125</t>
  </si>
  <si>
    <t>0.03123606279477542</t>
  </si>
  <si>
    <t>41765</t>
  </si>
  <si>
    <t>11.393543243408203</t>
  </si>
  <si>
    <t>1077.6983642578125</t>
  </si>
  <si>
    <t>0.03196730313008622</t>
  </si>
  <si>
    <t>43258</t>
  </si>
  <si>
    <t>10.79223346710205</t>
  </si>
  <si>
    <t>873.1448974609375</t>
  </si>
  <si>
    <t>0.03512351916324086</t>
  </si>
  <si>
    <t>44514</t>
  </si>
  <si>
    <t>10.060729026794434</t>
  </si>
  <si>
    <t>0.028621559064333724</t>
  </si>
  <si>
    <t>44501</t>
  </si>
  <si>
    <t>11.338882446289062</t>
  </si>
  <si>
    <t>956.555419921875</t>
  </si>
  <si>
    <t>-0.0002920856056274346</t>
  </si>
  <si>
    <t>10.570049285888672</t>
  </si>
  <si>
    <t>1034.4666748046875</t>
  </si>
  <si>
    <t>0.015209249068004027</t>
  </si>
  <si>
    <t>46392</t>
  </si>
  <si>
    <t>9.96730899810791</t>
  </si>
  <si>
    <t>1327.7049560546875</t>
  </si>
  <si>
    <t>0.026406120676318423</t>
  </si>
  <si>
    <t>10.841023445129395</t>
  </si>
  <si>
    <t>1402.9410400390625</t>
  </si>
  <si>
    <t>0.028831093724928536</t>
  </si>
  <si>
    <t>11.223816871643066</t>
  </si>
  <si>
    <t>1014.1712646484375</t>
  </si>
  <si>
    <t>0.023962411221130964</t>
  </si>
  <si>
    <t>49584</t>
  </si>
  <si>
    <t>10.917489051818848</t>
  </si>
  <si>
    <t>0.013747665525194463</t>
  </si>
  <si>
    <t>11.190232276916504</t>
  </si>
  <si>
    <t>1059.9093017578125</t>
  </si>
  <si>
    <t>0.03499673532917491</t>
  </si>
  <si>
    <t>52912</t>
  </si>
  <si>
    <t>10.030329704284668</t>
  </si>
  <si>
    <t>1173.1080322265625</t>
  </si>
  <si>
    <t>0.02996521986486833</t>
  </si>
  <si>
    <t>52283</t>
  </si>
  <si>
    <t>10.377769470214844</t>
  </si>
  <si>
    <t>957.6447143554688</t>
  </si>
  <si>
    <t>-0.01195888580919302</t>
  </si>
  <si>
    <t>54347</t>
  </si>
  <si>
    <t>10.814082145690918</t>
  </si>
  <si>
    <t>1000.7303466796875</t>
  </si>
  <si>
    <t>0.03871814382143235</t>
  </si>
  <si>
    <t>55657</t>
  </si>
  <si>
    <t>11.593960762023926</t>
  </si>
  <si>
    <t>1363.5247802734375</t>
  </si>
  <si>
    <t>0.023818441722983863</t>
  </si>
  <si>
    <t>56286</t>
  </si>
  <si>
    <t>12.031547546386719</t>
  </si>
  <si>
    <t>1026.3934326171875</t>
  </si>
  <si>
    <t>0.011237980397210023</t>
  </si>
  <si>
    <t>57638</t>
  </si>
  <si>
    <t>10.118426322937012</t>
  </si>
  <si>
    <t>1143.8150634765625</t>
  </si>
  <si>
    <t>0.02373623603115682</t>
  </si>
  <si>
    <t>59741</t>
  </si>
  <si>
    <t>9.937397003173828</t>
  </si>
  <si>
    <t>1100.14892578125</t>
  </si>
  <si>
    <t>0.03583647944805257</t>
  </si>
  <si>
    <t>60749</t>
  </si>
  <si>
    <t>10.942036628723145</t>
  </si>
  <si>
    <t>1132.0726318359375</t>
  </si>
  <si>
    <t>0.01673206932874649</t>
  </si>
  <si>
    <t>60426</t>
  </si>
  <si>
    <t>12.210185050964355</t>
  </si>
  <si>
    <t>1050.4625244140625</t>
  </si>
  <si>
    <t>-0.005331145285762062</t>
  </si>
  <si>
    <t>63350</t>
  </si>
  <si>
    <t>11.331727027893066</t>
  </si>
  <si>
    <t>1223.837890625</t>
  </si>
  <si>
    <t>0.04725543087308459</t>
  </si>
  <si>
    <t>66714</t>
  </si>
  <si>
    <t>11.442862510681152</t>
  </si>
  <si>
    <t>1511.417724609375</t>
  </si>
  <si>
    <t>0.05173991918201892</t>
  </si>
  <si>
    <t>67571</t>
  </si>
  <si>
    <t>11.86282730102539</t>
  </si>
  <si>
    <t>1245.2486572265625</t>
  </si>
  <si>
    <t>0.012764070972623998</t>
  </si>
  <si>
    <t>60732</t>
  </si>
  <si>
    <t>11.636610984802246</t>
  </si>
  <si>
    <t>1181.77587890625</t>
  </si>
  <si>
    <t>-0.10670815490184893</t>
  </si>
  <si>
    <t>64254</t>
  </si>
  <si>
    <t>11.590060234069824</t>
  </si>
  <si>
    <t>1141.7982177734375</t>
  </si>
  <si>
    <t>0.05637323662685034</t>
  </si>
  <si>
    <t>65263</t>
  </si>
  <si>
    <t>11.765880584716797</t>
  </si>
  <si>
    <t>1219.0133056640625</t>
  </si>
  <si>
    <t>0.015581281428083571</t>
  </si>
  <si>
    <t>33944</t>
  </si>
  <si>
    <t>8.216699600219727</t>
  </si>
  <si>
    <t>1288.9517822265625</t>
  </si>
  <si>
    <t>608.429443359375</t>
  </si>
  <si>
    <t>Portland-Lewiston-South Portland, ME</t>
  </si>
  <si>
    <t>8.364477157592773</t>
  </si>
  <si>
    <t>1175.1707763671875</t>
  </si>
  <si>
    <t>-0.014361412341346025</t>
  </si>
  <si>
    <t>34163</t>
  </si>
  <si>
    <t>6.942148685455322</t>
  </si>
  <si>
    <t>969.5767822265625</t>
  </si>
  <si>
    <t>0.020792491519616263</t>
  </si>
  <si>
    <t>34645</t>
  </si>
  <si>
    <t>6.6357550621032715</t>
  </si>
  <si>
    <t>1170.18701171875</t>
  </si>
  <si>
    <t>0.014010228001049896</t>
  </si>
  <si>
    <t>35604</t>
  </si>
  <si>
    <t>8.263638496398926</t>
  </si>
  <si>
    <t>1105.8792724609375</t>
  </si>
  <si>
    <t>0.027304576017341375</t>
  </si>
  <si>
    <t>7.521554470062256</t>
  </si>
  <si>
    <t>1119.9349365234375</t>
  </si>
  <si>
    <t>0.014637875849766502</t>
  </si>
  <si>
    <t>37049</t>
  </si>
  <si>
    <t>7.59411096572876</t>
  </si>
  <si>
    <t>1330.767333984375</t>
  </si>
  <si>
    <t>0.02514549387808529</t>
  </si>
  <si>
    <t>7.398684024810791</t>
  </si>
  <si>
    <t>1041.8172607421875</t>
  </si>
  <si>
    <t>0.03124839099058896</t>
  </si>
  <si>
    <t>8.923563003540039</t>
  </si>
  <si>
    <t>1279.377197265625</t>
  </si>
  <si>
    <t>0.031949789932108175</t>
  </si>
  <si>
    <t>40877</t>
  </si>
  <si>
    <t>8.825724601745605</t>
  </si>
  <si>
    <t>1052.9033203125</t>
  </si>
  <si>
    <t>0.03512801593677395</t>
  </si>
  <si>
    <t>42063</t>
  </si>
  <si>
    <t>7.408962249755859</t>
  </si>
  <si>
    <t>1120.0552978515625</t>
  </si>
  <si>
    <t>0.028600936723096382</t>
  </si>
  <si>
    <t>42052</t>
  </si>
  <si>
    <t>8.542449951171875</t>
  </si>
  <si>
    <t>886.826416015625</t>
  </si>
  <si>
    <t>-0.0002615466935207422</t>
  </si>
  <si>
    <t>7.674459934234619</t>
  </si>
  <si>
    <t>1150.6492919921875</t>
  </si>
  <si>
    <t>0.01613470865402178</t>
  </si>
  <si>
    <t>43658</t>
  </si>
  <si>
    <t>7.0321221351623535</t>
  </si>
  <si>
    <t>1158.379638671875</t>
  </si>
  <si>
    <t>0.021344885184564788</t>
  </si>
  <si>
    <t>7.510087490081787</t>
  </si>
  <si>
    <t>1105.14697265625</t>
  </si>
  <si>
    <t>0.02972023828442616</t>
  </si>
  <si>
    <t>8.420880317687988</t>
  </si>
  <si>
    <t>1471.3560791015625</t>
  </si>
  <si>
    <t>-0.007745315105664119</t>
  </si>
  <si>
    <t>44904</t>
  </si>
  <si>
    <t>8.738131523132324</t>
  </si>
  <si>
    <t>1351.9102783203125</t>
  </si>
  <si>
    <t>0.006165412908964996</t>
  </si>
  <si>
    <t>7.843789577484131</t>
  </si>
  <si>
    <t>1188.98828125</t>
  </si>
  <si>
    <t>0.0013130516981068041</t>
  </si>
  <si>
    <t>7.565141201019287</t>
  </si>
  <si>
    <t>1489.49365234375</t>
  </si>
  <si>
    <t>0.0019996451739547894</t>
  </si>
  <si>
    <t>45160</t>
  </si>
  <si>
    <t>7.863601207733154</t>
  </si>
  <si>
    <t>1325.7257080078125</t>
  </si>
  <si>
    <t>0.002372164769502305</t>
  </si>
  <si>
    <t>8.940207481384277</t>
  </si>
  <si>
    <t>1270.654296875</t>
  </si>
  <si>
    <t>0.01217098206148215</t>
  </si>
  <si>
    <t>8.965706825256348</t>
  </si>
  <si>
    <t>1443.6741943359375</t>
  </si>
  <si>
    <t>-0.014543146830984455</t>
  </si>
  <si>
    <t>9.435758590698242</t>
  </si>
  <si>
    <t>1049.96484375</t>
  </si>
  <si>
    <t>0.00285920292307118</t>
  </si>
  <si>
    <t>7.8883514404296875</t>
  </si>
  <si>
    <t>1288.55224609375</t>
  </si>
  <si>
    <t>-0.0030367873316272664</t>
  </si>
  <si>
    <t>7.639345645904541</t>
  </si>
  <si>
    <t>1299.0672607421875</t>
  </si>
  <si>
    <t>0.019456508234299008</t>
  </si>
  <si>
    <t>8.494443893432617</t>
  </si>
  <si>
    <t>1063.1824951171875</t>
  </si>
  <si>
    <t>0.018700599967139908</t>
  </si>
  <si>
    <t>47999</t>
  </si>
  <si>
    <t>9.354925155639648</t>
  </si>
  <si>
    <t>1040.84228515625</t>
  </si>
  <si>
    <t>0.0253610790526988</t>
  </si>
  <si>
    <t>8.378984451293945</t>
  </si>
  <si>
    <t>0.010259901592812426</t>
  </si>
  <si>
    <t>8.531164169311523</t>
  </si>
  <si>
    <t>1430.2996826171875</t>
  </si>
  <si>
    <t>0.01863179535803816</t>
  </si>
  <si>
    <t>50507</t>
  </si>
  <si>
    <t>8.365038871765137</t>
  </si>
  <si>
    <t>1292.949462890625</t>
  </si>
  <si>
    <t>0.02204006622829624</t>
  </si>
  <si>
    <t>51156</t>
  </si>
  <si>
    <t>9.24730110168457</t>
  </si>
  <si>
    <t>1101.550537109375</t>
  </si>
  <si>
    <t>0.012767847034385937</t>
  </si>
  <si>
    <t>54123</t>
  </si>
  <si>
    <t>9.002902030944824</t>
  </si>
  <si>
    <t>1243.4398193359375</t>
  </si>
  <si>
    <t>0.05637944656770166</t>
  </si>
  <si>
    <t>54973</t>
  </si>
  <si>
    <t>9.523247718811035</t>
  </si>
  <si>
    <t>1223.8349609375</t>
  </si>
  <si>
    <t>0.015582921467469646</t>
  </si>
  <si>
    <t>10.525113105773926</t>
  </si>
  <si>
    <t>1211.3570556640625</t>
  </si>
  <si>
    <t>1379.8621826171875</t>
  </si>
  <si>
    <t>Portland-Vancouver-Beaverton, OR-WA</t>
  </si>
  <si>
    <t>38886</t>
  </si>
  <si>
    <t>11.02560806274414</t>
  </si>
  <si>
    <t>1266.344970703125</t>
  </si>
  <si>
    <t>-0.01437440975451132</t>
  </si>
  <si>
    <t>39703</t>
  </si>
  <si>
    <t>11.50048542022705</t>
  </si>
  <si>
    <t>1060.890380859375</t>
  </si>
  <si>
    <t>0.020792462915117937</t>
  </si>
  <si>
    <t>40264</t>
  </si>
  <si>
    <t>10.594406127929688</t>
  </si>
  <si>
    <t>1081.90966796875</t>
  </si>
  <si>
    <t>0.014031017885306696</t>
  </si>
  <si>
    <t>10.96083927154541</t>
  </si>
  <si>
    <t>1402.56884765625</t>
  </si>
  <si>
    <t>0.027267401423486604</t>
  </si>
  <si>
    <t>11.264069557189941</t>
  </si>
  <si>
    <t>1607.436767578125</t>
  </si>
  <si>
    <t>0.014634875663917413</t>
  </si>
  <si>
    <t>43057</t>
  </si>
  <si>
    <t>10.444849014282227</t>
  </si>
  <si>
    <t>1953.42626953125</t>
  </si>
  <si>
    <t>0.025164772720081885</t>
  </si>
  <si>
    <t>44423</t>
  </si>
  <si>
    <t>10.927777290344238</t>
  </si>
  <si>
    <t>1590.8275146484375</t>
  </si>
  <si>
    <t>0.031232534049635774</t>
  </si>
  <si>
    <t>45866</t>
  </si>
  <si>
    <t>11.161197662353516</t>
  </si>
  <si>
    <t>1616.7701416015625</t>
  </si>
  <si>
    <t>0.031966748510599885</t>
  </si>
  <si>
    <t>10.383160591125488</t>
  </si>
  <si>
    <t>1548.8385009765625</t>
  </si>
  <si>
    <t>0.03513191701112106</t>
  </si>
  <si>
    <t>10.463149070739746</t>
  </si>
  <si>
    <t>942.7907104492188</t>
  </si>
  <si>
    <t>0.028614582104733444</t>
  </si>
  <si>
    <t>10.632975578308105</t>
  </si>
  <si>
    <t>1366.6002197265625</t>
  </si>
  <si>
    <t>-0.00028642743352236266</t>
  </si>
  <si>
    <t>10.89530086517334</t>
  </si>
  <si>
    <t>1135.6661376953125</t>
  </si>
  <si>
    <t>-0.0062604759212412375</t>
  </si>
  <si>
    <t>49741</t>
  </si>
  <si>
    <t>11.121512413024902</t>
  </si>
  <si>
    <t>1357.7833251953125</t>
  </si>
  <si>
    <t>0.02390584511392113</t>
  </si>
  <si>
    <t>51566</t>
  </si>
  <si>
    <t>11.583895683288574</t>
  </si>
  <si>
    <t>992.4415893554688</t>
  </si>
  <si>
    <t>0.036032997862324834</t>
  </si>
  <si>
    <t>11.202579498291016</t>
  </si>
  <si>
    <t>1546.3287353515625</t>
  </si>
  <si>
    <t>0.013273039467350145</t>
  </si>
  <si>
    <t>53686</t>
  </si>
  <si>
    <t>10.759913444519043</t>
  </si>
  <si>
    <t>1307.625732421875</t>
  </si>
  <si>
    <t>0.027016679843198332</t>
  </si>
  <si>
    <t>10.676281929016113</t>
  </si>
  <si>
    <t>1305.2987060546875</t>
  </si>
  <si>
    <t>-0.0009131314518722178</t>
  </si>
  <si>
    <t>53881</t>
  </si>
  <si>
    <t>10.334273338317871</t>
  </si>
  <si>
    <t>1116.1055908203125</t>
  </si>
  <si>
    <t>0.004538782694574195</t>
  </si>
  <si>
    <t>51270</t>
  </si>
  <si>
    <t>10.86086368560791</t>
  </si>
  <si>
    <t>1191.5970458984375</t>
  </si>
  <si>
    <t>-0.04967212533675891</t>
  </si>
  <si>
    <t>10.660412788391113</t>
  </si>
  <si>
    <t>1538.61669921875</t>
  </si>
  <si>
    <t>0.00612514675673026</t>
  </si>
  <si>
    <t>52247</t>
  </si>
  <si>
    <t>10.017210960388184</t>
  </si>
  <si>
    <t>1373.2183837890625</t>
  </si>
  <si>
    <t>0.012751540376262582</t>
  </si>
  <si>
    <t>52227</t>
  </si>
  <si>
    <t>10.703876495361328</t>
  </si>
  <si>
    <t>1627.791748046875</t>
  </si>
  <si>
    <t>-0.00038287038391082717</t>
  </si>
  <si>
    <t>52235</t>
  </si>
  <si>
    <t>11.185507774353027</t>
  </si>
  <si>
    <t>982.8954467773438</t>
  </si>
  <si>
    <t>0.00015316574478063671</t>
  </si>
  <si>
    <t>53082</t>
  </si>
  <si>
    <t>12.102134704589844</t>
  </si>
  <si>
    <t>1515.6810302734375</t>
  </si>
  <si>
    <t>0.016085119439832596</t>
  </si>
  <si>
    <t>55337</t>
  </si>
  <si>
    <t>12.448569297790527</t>
  </si>
  <si>
    <t>1545.574462890625</t>
  </si>
  <si>
    <t>0.041603874823938014</t>
  </si>
  <si>
    <t>11.740829467773438</t>
  </si>
  <si>
    <t>1492.6689453125</t>
  </si>
  <si>
    <t>0.025971316142641143</t>
  </si>
  <si>
    <t>58324</t>
  </si>
  <si>
    <t>11.404685020446777</t>
  </si>
  <si>
    <t>1697.0679931640625</t>
  </si>
  <si>
    <t>0.02660059375815571</t>
  </si>
  <si>
    <t>60493</t>
  </si>
  <si>
    <t>11.352971076965332</t>
  </si>
  <si>
    <t>1080.573974609375</t>
  </si>
  <si>
    <t>0.03651398340936929</t>
  </si>
  <si>
    <t>61979</t>
  </si>
  <si>
    <t>10.943603515625</t>
  </si>
  <si>
    <t>1291.6904296875</t>
  </si>
  <si>
    <t>0.02426796212918525</t>
  </si>
  <si>
    <t>11.410576820373535</t>
  </si>
  <si>
    <t>1244.16064453125</t>
  </si>
  <si>
    <t>-0.047361668506246346</t>
  </si>
  <si>
    <t>62540</t>
  </si>
  <si>
    <t>11.495757102966309</t>
  </si>
  <si>
    <t>1358.7685546875</t>
  </si>
  <si>
    <t>0.05637240254334763</t>
  </si>
  <si>
    <t>11.127676963806152</t>
  </si>
  <si>
    <t>1278.913818359375</t>
  </si>
  <si>
    <t>0.01559569301306496</t>
  </si>
  <si>
    <t>10.520818710327148</t>
  </si>
  <si>
    <t>388.3874816894531</t>
  </si>
  <si>
    <t>97.5163803100586</t>
  </si>
  <si>
    <t>Pueblo, CO</t>
  </si>
  <si>
    <t>10.766948699951172</t>
  </si>
  <si>
    <t>391.17303466796875</t>
  </si>
  <si>
    <t>-0.01437206008412062</t>
  </si>
  <si>
    <t>10.315237998962402</t>
  </si>
  <si>
    <t>362.0096435546875</t>
  </si>
  <si>
    <t>0.020795573797549594</t>
  </si>
  <si>
    <t>9.983631134033203</t>
  </si>
  <si>
    <t>378.9388732910156</t>
  </si>
  <si>
    <t>0.014003180791732461</t>
  </si>
  <si>
    <t>27344</t>
  </si>
  <si>
    <t>11.390098571777344</t>
  </si>
  <si>
    <t>408.8201904296875</t>
  </si>
  <si>
    <t>0.02728520392266276</t>
  </si>
  <si>
    <t>10.73790454864502</t>
  </si>
  <si>
    <t>377.86016845703125</t>
  </si>
  <si>
    <t>0.014630599866999106</t>
  </si>
  <si>
    <t>10.89574146270752</t>
  </si>
  <si>
    <t>387.4323425292969</t>
  </si>
  <si>
    <t>0.02516102198874215</t>
  </si>
  <si>
    <t>9.897635459899902</t>
  </si>
  <si>
    <t>405.5415344238281</t>
  </si>
  <si>
    <t>0.031242270460111854</t>
  </si>
  <si>
    <t>11.117825508117676</t>
  </si>
  <si>
    <t>407.37469482421875</t>
  </si>
  <si>
    <t>0.03197966424813181</t>
  </si>
  <si>
    <t>11.133416175842285</t>
  </si>
  <si>
    <t>398.40338134765625</t>
  </si>
  <si>
    <t>0.03510610891579624</t>
  </si>
  <si>
    <t>32306</t>
  </si>
  <si>
    <t>11.01531982421875</t>
  </si>
  <si>
    <t>339.6033935546875</t>
  </si>
  <si>
    <t>0.028636179638551695</t>
  </si>
  <si>
    <t>32296</t>
  </si>
  <si>
    <t>11.476348876953125</t>
  </si>
  <si>
    <t>329.9770812988281</t>
  </si>
  <si>
    <t>-0.00030958794092761366</t>
  </si>
  <si>
    <t>10.89577865600586</t>
  </si>
  <si>
    <t>228.76052856445312</t>
  </si>
  <si>
    <t>-0.011992605613002638</t>
  </si>
  <si>
    <t>11.186240196228027</t>
  </si>
  <si>
    <t>256.1457214355469</t>
  </si>
  <si>
    <t>0.05080117996258515</t>
  </si>
  <si>
    <t>10.970471382141113</t>
  </si>
  <si>
    <t>463.74456787109375</t>
  </si>
  <si>
    <t>0.05408916783665774</t>
  </si>
  <si>
    <t>35365</t>
  </si>
  <si>
    <t>11.484382629394531</t>
  </si>
  <si>
    <t>336.9236145019531</t>
  </si>
  <si>
    <t>-0.0021184952489257114</t>
  </si>
  <si>
    <t>36985</t>
  </si>
  <si>
    <t>10.988162994384766</t>
  </si>
  <si>
    <t>400.60394287109375</t>
  </si>
  <si>
    <t>0.04478979455187648</t>
  </si>
  <si>
    <t>37351</t>
  </si>
  <si>
    <t>11.217643737792969</t>
  </si>
  <si>
    <t>310.2923889160156</t>
  </si>
  <si>
    <t>0.009847259942297626</t>
  </si>
  <si>
    <t>39821</t>
  </si>
  <si>
    <t>10.887012481689453</t>
  </si>
  <si>
    <t>315.93145751953125</t>
  </si>
  <si>
    <t>0.06403472634713481</t>
  </si>
  <si>
    <t>10.603635787963867</t>
  </si>
  <si>
    <t>346.21246337890625</t>
  </si>
  <si>
    <t>-0.04670299398475919</t>
  </si>
  <si>
    <t>11.14157772064209</t>
  </si>
  <si>
    <t>347.74810791015625</t>
  </si>
  <si>
    <t>0.010522280043417709</t>
  </si>
  <si>
    <t>11.50311279296875</t>
  </si>
  <si>
    <t>271.18402099609375</t>
  </si>
  <si>
    <t>0.017499478694174897</t>
  </si>
  <si>
    <t>12.198322296142578</t>
  </si>
  <si>
    <t>197.8865509033203</t>
  </si>
  <si>
    <t>-0.01083010572646792</t>
  </si>
  <si>
    <t>39131</t>
  </si>
  <si>
    <t>10.721858978271484</t>
  </si>
  <si>
    <t>310.8050231933594</t>
  </si>
  <si>
    <t>0.012031921379657362</t>
  </si>
  <si>
    <t>38639</t>
  </si>
  <si>
    <t>11.067195892333984</t>
  </si>
  <si>
    <t>349.99969482421875</t>
  </si>
  <si>
    <t>-0.012652862643044216</t>
  </si>
  <si>
    <t>11.715920448303223</t>
  </si>
  <si>
    <t>475.33709716796875</t>
  </si>
  <si>
    <t>-0.010615424258062944</t>
  </si>
  <si>
    <t>12.100430488586426</t>
  </si>
  <si>
    <t>385.8799743652344</t>
  </si>
  <si>
    <t>0.009424208040964999</t>
  </si>
  <si>
    <t>12.155482292175293</t>
  </si>
  <si>
    <t>374.7059631347656</t>
  </si>
  <si>
    <t>0.014150694085989457</t>
  </si>
  <si>
    <t>39777</t>
  </si>
  <si>
    <t>11.552127838134766</t>
  </si>
  <si>
    <t>318.7323913574219</t>
  </si>
  <si>
    <t>0.016067248839558346</t>
  </si>
  <si>
    <t>11.049290657043457</t>
  </si>
  <si>
    <t>362.6868896484375</t>
  </si>
  <si>
    <t>0.03643498160822567</t>
  </si>
  <si>
    <t>36528</t>
  </si>
  <si>
    <t>11.843382835388184</t>
  </si>
  <si>
    <t>223.6796112060547</t>
  </si>
  <si>
    <t>-0.12164474762147748</t>
  </si>
  <si>
    <t>11.81149959564209</t>
  </si>
  <si>
    <t>316.80438232421875</t>
  </si>
  <si>
    <t>0.05639006256978085</t>
  </si>
  <si>
    <t>11.517130851745605</t>
  </si>
  <si>
    <t>268.28826904296875</t>
  </si>
  <si>
    <t>0.015584197506667508</t>
  </si>
  <si>
    <t>39297</t>
  </si>
  <si>
    <t>16.63245964050293</t>
  </si>
  <si>
    <t>1161.237060546875</t>
  </si>
  <si>
    <t>1046.641845703125</t>
  </si>
  <si>
    <t>Raleigh-Durham-Cary, NC</t>
  </si>
  <si>
    <t>38736</t>
  </si>
  <si>
    <t>16.55904197692871</t>
  </si>
  <si>
    <t>1089.702392578125</t>
  </si>
  <si>
    <t>-0.01437877988791847</t>
  </si>
  <si>
    <t>39550</t>
  </si>
  <si>
    <t>15.34447193145752</t>
  </si>
  <si>
    <t>1241.2818603515625</t>
  </si>
  <si>
    <t>0.020796294017960903</t>
  </si>
  <si>
    <t>15.311812400817871</t>
  </si>
  <si>
    <t>1077.4049072265625</t>
  </si>
  <si>
    <t>0.014035053818959753</t>
  </si>
  <si>
    <t>41218</t>
  </si>
  <si>
    <t>15.926260948181152</t>
  </si>
  <si>
    <t>1128.4853515625</t>
  </si>
  <si>
    <t>0.027274306116693126</t>
  </si>
  <si>
    <t>15.16778564453125</t>
  </si>
  <si>
    <t>1286.94091796875</t>
  </si>
  <si>
    <t>0.014643101582999307</t>
  </si>
  <si>
    <t>42892</t>
  </si>
  <si>
    <t>15.045571327209473</t>
  </si>
  <si>
    <t>1284.06884765625</t>
  </si>
  <si>
    <t>0.02516717262558288</t>
  </si>
  <si>
    <t>44253</t>
  </si>
  <si>
    <t>15.063847541809082</t>
  </si>
  <si>
    <t>1186.7237548828125</t>
  </si>
  <si>
    <t>0.03123783740812236</t>
  </si>
  <si>
    <t>45689</t>
  </si>
  <si>
    <t>16.37131690979004</t>
  </si>
  <si>
    <t>1265.63623046875</t>
  </si>
  <si>
    <t>0.031934402942372486</t>
  </si>
  <si>
    <t>15.565281867980957</t>
  </si>
  <si>
    <t>1111.799072265625</t>
  </si>
  <si>
    <t>0.035138866532536284</t>
  </si>
  <si>
    <t>48697</t>
  </si>
  <si>
    <t>15.149834632873535</t>
  </si>
  <si>
    <t>1001.0700073242188</t>
  </si>
  <si>
    <t>0.02862099130744511</t>
  </si>
  <si>
    <t>48683</t>
  </si>
  <si>
    <t>15.94821834564209</t>
  </si>
  <si>
    <t>1010.6702270507812</t>
  </si>
  <si>
    <t>-0.0002875333763903143</t>
  </si>
  <si>
    <t>15.601168632507324</t>
  </si>
  <si>
    <t>1088.5870361328125</t>
  </si>
  <si>
    <t>-0.004054796692619433</t>
  </si>
  <si>
    <t>49007</t>
  </si>
  <si>
    <t>15.15429401397705</t>
  </si>
  <si>
    <t>1504.7479248046875</t>
  </si>
  <si>
    <t>0.01068804857100858</t>
  </si>
  <si>
    <t>49550</t>
  </si>
  <si>
    <t>15.954487800598145</t>
  </si>
  <si>
    <t>1215.8062744140625</t>
  </si>
  <si>
    <t>0.011019115725623863</t>
  </si>
  <si>
    <t>15.969449043273926</t>
  </si>
  <si>
    <t>1076.7138671875</t>
  </si>
  <si>
    <t>0.024165782397217228</t>
  </si>
  <si>
    <t>53603</t>
  </si>
  <si>
    <t>15.983159065246582</t>
  </si>
  <si>
    <t>1320.4117431640625</t>
  </si>
  <si>
    <t>0.05445699348652511</t>
  </si>
  <si>
    <t>53513</t>
  </si>
  <si>
    <t>16.385011672973633</t>
  </si>
  <si>
    <t>856.14453125</t>
  </si>
  <si>
    <t>-0.001680421621021111</t>
  </si>
  <si>
    <t>52818</t>
  </si>
  <si>
    <t>15.72624683380127</t>
  </si>
  <si>
    <t>1228.7459716796875</t>
  </si>
  <si>
    <t>-0.013072573331895043</t>
  </si>
  <si>
    <t>15.503457069396973</t>
  </si>
  <si>
    <t>1235.211669921875</t>
  </si>
  <si>
    <t>-0.020833489020718687</t>
  </si>
  <si>
    <t>15.789887428283691</t>
  </si>
  <si>
    <t>1018.0245971679688</t>
  </si>
  <si>
    <t>0.020303226149419373</t>
  </si>
  <si>
    <t>51736</t>
  </si>
  <si>
    <t>16.900178909301758</t>
  </si>
  <si>
    <t>1077.592041015625</t>
  </si>
  <si>
    <t>-0.02016791469123369</t>
  </si>
  <si>
    <t>51019</t>
  </si>
  <si>
    <t>16.92198371887207</t>
  </si>
  <si>
    <t>1096.84716796875</t>
  </si>
  <si>
    <t>-0.013955751779512582</t>
  </si>
  <si>
    <t>52055</t>
  </si>
  <si>
    <t>15.170454978942871</t>
  </si>
  <si>
    <t>1288.7362060546875</t>
  </si>
  <si>
    <t>0.02010273956193842</t>
  </si>
  <si>
    <t>15.517207145690918</t>
  </si>
  <si>
    <t>1272.4547119140625</t>
  </si>
  <si>
    <t>0.013566191973540143</t>
  </si>
  <si>
    <t>16.408517837524414</t>
  </si>
  <si>
    <t>1331.12158203125</t>
  </si>
  <si>
    <t>0.03145253574997042</t>
  </si>
  <si>
    <t>54770</t>
  </si>
  <si>
    <t>17.27126121520996</t>
  </si>
  <si>
    <t>1308.9005126953125</t>
  </si>
  <si>
    <t>0.005823019145402952</t>
  </si>
  <si>
    <t>55284</t>
  </si>
  <si>
    <t>16.451946258544922</t>
  </si>
  <si>
    <t>1180.7398681640625</t>
  </si>
  <si>
    <t>0.00934093694615079</t>
  </si>
  <si>
    <t>16.631120681762695</t>
  </si>
  <si>
    <t>1588.1270751953125</t>
  </si>
  <si>
    <t>0.019187431952261136</t>
  </si>
  <si>
    <t>56843</t>
  </si>
  <si>
    <t>17.223649978637695</t>
  </si>
  <si>
    <t>1222.7222900390625</t>
  </si>
  <si>
    <t>0.008622113874640291</t>
  </si>
  <si>
    <t>16.601654052734375</t>
  </si>
  <si>
    <t>1574.8079833984375</t>
  </si>
  <si>
    <t>0.002863443883985184</t>
  </si>
  <si>
    <t>60312</t>
  </si>
  <si>
    <t>16.447927474975586</t>
  </si>
  <si>
    <t>1162.65625</t>
  </si>
  <si>
    <t>0.05637456345673364</t>
  </si>
  <si>
    <t>61259</t>
  </si>
  <si>
    <t>16.863258361816406</t>
  </si>
  <si>
    <t>1089.48095703125</t>
  </si>
  <si>
    <t>0.015579688496501376</t>
  </si>
  <si>
    <t>8.060650825500488</t>
  </si>
  <si>
    <t>401.099609375</t>
  </si>
  <si>
    <t>100.78380584716797</t>
  </si>
  <si>
    <t>Rapid City, SD</t>
  </si>
  <si>
    <t>9.372130393981934</t>
  </si>
  <si>
    <t>498.80059814453125</t>
  </si>
  <si>
    <t>-0.014394117107855209</t>
  </si>
  <si>
    <t>7.597120761871338</t>
  </si>
  <si>
    <t>418.829833984375</t>
  </si>
  <si>
    <t>0.0208321457828351</t>
  </si>
  <si>
    <t>27496</t>
  </si>
  <si>
    <t>6.431545257568359</t>
  </si>
  <si>
    <t>539.8275146484375</t>
  </si>
  <si>
    <t>0.013990339890334269</t>
  </si>
  <si>
    <t>8.445269584655762</t>
  </si>
  <si>
    <t>347.94024658203125</t>
  </si>
  <si>
    <t>0.027300674961256988</t>
  </si>
  <si>
    <t>7.416015148162842</t>
  </si>
  <si>
    <t>570.7913208007812</t>
  </si>
  <si>
    <t>0.01464957431528724</t>
  </si>
  <si>
    <t>6.625805377960205</t>
  </si>
  <si>
    <t>503.8577575683594</t>
  </si>
  <si>
    <t>0.025139930687764434</t>
  </si>
  <si>
    <t>7.799561977386475</t>
  </si>
  <si>
    <t>503.548095703125</t>
  </si>
  <si>
    <t>0.031237370152487287</t>
  </si>
  <si>
    <t>8.789149284362793</t>
  </si>
  <si>
    <t>537.980712890625</t>
  </si>
  <si>
    <t>0.03195263637991452</t>
  </si>
  <si>
    <t>9.0195951461792</t>
  </si>
  <si>
    <t>512.5662231445312</t>
  </si>
  <si>
    <t>0.035133153583680965</t>
  </si>
  <si>
    <t>8.211020469665527</t>
  </si>
  <si>
    <t>412.41986083984375</t>
  </si>
  <si>
    <t>0.028622863661327713</t>
  </si>
  <si>
    <t>8.646852493286133</t>
  </si>
  <si>
    <t>404.76959228515625</t>
  </si>
  <si>
    <t>-0.00029958956453945973</t>
  </si>
  <si>
    <t>8.12517261505127</t>
  </si>
  <si>
    <t>312.173583984375</t>
  </si>
  <si>
    <t>0.10197792092323432</t>
  </si>
  <si>
    <t>8.2899751663208</t>
  </si>
  <si>
    <t>370.6927795410156</t>
  </si>
  <si>
    <t>0.0353030999171402</t>
  </si>
  <si>
    <t>8.546010971069336</t>
  </si>
  <si>
    <t>364.7460632324219</t>
  </si>
  <si>
    <t>-0.053488397919265296</t>
  </si>
  <si>
    <t>37621</t>
  </si>
  <si>
    <t>9.578121185302734</t>
  </si>
  <si>
    <t>427.0758361816406</t>
  </si>
  <si>
    <t>0.03599262847930795</t>
  </si>
  <si>
    <t>8.736349105834961</t>
  </si>
  <si>
    <t>323.9027404785156</t>
  </si>
  <si>
    <t>-0.04212863446424642</t>
  </si>
  <si>
    <t>8.63451099395752</t>
  </si>
  <si>
    <t>412.07659912109375</t>
  </si>
  <si>
    <t>0.019520448515292443</t>
  </si>
  <si>
    <t>36863</t>
  </si>
  <si>
    <t>7.542996883392334</t>
  </si>
  <si>
    <t>510.7021179199219</t>
  </si>
  <si>
    <t>0.0022541187932034745</t>
  </si>
  <si>
    <t>35923</t>
  </si>
  <si>
    <t>7.2752227783203125</t>
  </si>
  <si>
    <t>495.4889221191406</t>
  </si>
  <si>
    <t>-0.025830579091934425</t>
  </si>
  <si>
    <t>8.047820091247559</t>
  </si>
  <si>
    <t>501.8695983886719</t>
  </si>
  <si>
    <t>0.043203145303527535</t>
  </si>
  <si>
    <t>39039</t>
  </si>
  <si>
    <t>8.301740646362305</t>
  </si>
  <si>
    <t>513.5194702148438</t>
  </si>
  <si>
    <t>0.039980242281759004</t>
  </si>
  <si>
    <t>38689</t>
  </si>
  <si>
    <t>9.798880577087402</t>
  </si>
  <si>
    <t>304.7526550292969</t>
  </si>
  <si>
    <t>-0.009005824556291842</t>
  </si>
  <si>
    <t>7.943872928619385</t>
  </si>
  <si>
    <t>506.7990417480469</t>
  </si>
  <si>
    <t>0.0019882518976448438</t>
  </si>
  <si>
    <t>7.678314685821533</t>
  </si>
  <si>
    <t>523.8502197265625</t>
  </si>
  <si>
    <t>0.047233835462625606</t>
  </si>
  <si>
    <t>41825</t>
  </si>
  <si>
    <t>9.14755916595459</t>
  </si>
  <si>
    <t>585.9879150390625</t>
  </si>
  <si>
    <t>0.02871683760617927</t>
  </si>
  <si>
    <t>9.260032653808594</t>
  </si>
  <si>
    <t>491.3594055175781</t>
  </si>
  <si>
    <t>-0.024444585969568777</t>
  </si>
  <si>
    <t>40740</t>
  </si>
  <si>
    <t>8.977005958557129</t>
  </si>
  <si>
    <t>400.4573669433594</t>
  </si>
  <si>
    <t>-0.0018392501046591292</t>
  </si>
  <si>
    <t>40416</t>
  </si>
  <si>
    <t>7.859310626983643</t>
  </si>
  <si>
    <t>596.9344482421875</t>
  </si>
  <si>
    <t>-0.00798466463058034</t>
  </si>
  <si>
    <t>7.332809925079346</t>
  </si>
  <si>
    <t>663.9586181640625</t>
  </si>
  <si>
    <t>0.004295984682725518</t>
  </si>
  <si>
    <t>42313</t>
  </si>
  <si>
    <t>9.062224388122559</t>
  </si>
  <si>
    <t>353.9422607421875</t>
  </si>
  <si>
    <t>0.04157263659086574</t>
  </si>
  <si>
    <t>9.20572280883789</t>
  </si>
  <si>
    <t>439.0556945800781</t>
  </si>
  <si>
    <t>0.05637689340807128</t>
  </si>
  <si>
    <t>45470</t>
  </si>
  <si>
    <t>8.261981010437012</t>
  </si>
  <si>
    <t>377.420166015625</t>
  </si>
  <si>
    <t>0.015581506987176752</t>
  </si>
  <si>
    <t>12.308429718017578</t>
  </si>
  <si>
    <t>458.9703063964844</t>
  </si>
  <si>
    <t>143.06903076171875</t>
  </si>
  <si>
    <t>Redding, CA</t>
  </si>
  <si>
    <t>27691</t>
  </si>
  <si>
    <t>12.62895679473877</t>
  </si>
  <si>
    <t>754.4442749023438</t>
  </si>
  <si>
    <t>-0.014412984334892798</t>
  </si>
  <si>
    <t>13.178643226623535</t>
  </si>
  <si>
    <t>1071.668701171875</t>
  </si>
  <si>
    <t>0.020835203793447832</t>
  </si>
  <si>
    <t>12.13769817352295</t>
  </si>
  <si>
    <t>820.2648315429688</t>
  </si>
  <si>
    <t>0.014013258971624865</t>
  </si>
  <si>
    <t>12.51651668548584</t>
  </si>
  <si>
    <t>974.3140869140625</t>
  </si>
  <si>
    <t>0.02728114286869676</t>
  </si>
  <si>
    <t>12.979011535644531</t>
  </si>
  <si>
    <t>1155.921630859375</t>
  </si>
  <si>
    <t>0.014621424111478376</t>
  </si>
  <si>
    <t>30662</t>
  </si>
  <si>
    <t>13.147744178771973</t>
  </si>
  <si>
    <t>1281.9091796875</t>
  </si>
  <si>
    <t>0.02516562249162213</t>
  </si>
  <si>
    <t>12.838760375976562</t>
  </si>
  <si>
    <t>892.2095336914062</t>
  </si>
  <si>
    <t>0.031239999710583888</t>
  </si>
  <si>
    <t>12.013267517089844</t>
  </si>
  <si>
    <t>1079.6507568359375</t>
  </si>
  <si>
    <t>0.03194822005570508</t>
  </si>
  <si>
    <t>33830</t>
  </si>
  <si>
    <t>12.374800682067871</t>
  </si>
  <si>
    <t>832.43896484375</t>
  </si>
  <si>
    <t>0.03513566013806546</t>
  </si>
  <si>
    <t>12.542683601379395</t>
  </si>
  <si>
    <t>818.4756469726562</t>
  </si>
  <si>
    <t>0.028614172134650673</t>
  </si>
  <si>
    <t>13.133475303649902</t>
  </si>
  <si>
    <t>867.852783203125</t>
  </si>
  <si>
    <t>-0.0002872985338822076</t>
  </si>
  <si>
    <t>13.183728218078613</t>
  </si>
  <si>
    <t>835.6873168945312</t>
  </si>
  <si>
    <t>0.08064814826052746</t>
  </si>
  <si>
    <t>13.233348846435547</t>
  </si>
  <si>
    <t>841.026611328125</t>
  </si>
  <si>
    <t>0.01070459494037479</t>
  </si>
  <si>
    <t>38344</t>
  </si>
  <si>
    <t>13.243483543395996</t>
  </si>
  <si>
    <t>832.36865234375</t>
  </si>
  <si>
    <t>0.005570462263042586</t>
  </si>
  <si>
    <t>13.176292419433594</t>
  </si>
  <si>
    <t>1142.287353515625</t>
  </si>
  <si>
    <t>-0.0037101915943864583</t>
  </si>
  <si>
    <t>12.780829429626465</t>
  </si>
  <si>
    <t>790.6240234375</t>
  </si>
  <si>
    <t>0.06567165461781954</t>
  </si>
  <si>
    <t>39958</t>
  </si>
  <si>
    <t>13.140624046325684</t>
  </si>
  <si>
    <t>815.5553588867188</t>
  </si>
  <si>
    <t>-0.02073062240300594</t>
  </si>
  <si>
    <t>38140</t>
  </si>
  <si>
    <t>12.964322090148926</t>
  </si>
  <si>
    <t>399.86456298828125</t>
  </si>
  <si>
    <t>-0.046565302305484835</t>
  </si>
  <si>
    <t>12.924819946289062</t>
  </si>
  <si>
    <t>837.492431640625</t>
  </si>
  <si>
    <t>-0.03383826597235284</t>
  </si>
  <si>
    <t>12.61483383178711</t>
  </si>
  <si>
    <t>942.95654296875</t>
  </si>
  <si>
    <t>0.014272107831027725</t>
  </si>
  <si>
    <t>12.22134780883789</t>
  </si>
  <si>
    <t>823.4912719726562</t>
  </si>
  <si>
    <t>0.012382578366150199</t>
  </si>
  <si>
    <t>36764</t>
  </si>
  <si>
    <t>13.086878776550293</t>
  </si>
  <si>
    <t>922.95849609375</t>
  </si>
  <si>
    <t>-0.02956091490123569</t>
  </si>
  <si>
    <t>13.260254859924316</t>
  </si>
  <si>
    <t>312.1958923339844</t>
  </si>
  <si>
    <t>0.028556898752636783</t>
  </si>
  <si>
    <t>38731</t>
  </si>
  <si>
    <t>14.58715534210205</t>
  </si>
  <si>
    <t>867.87158203125</t>
  </si>
  <si>
    <t>0.023564308722786365</t>
  </si>
  <si>
    <t>40574</t>
  </si>
  <si>
    <t>14.303961753845215</t>
  </si>
  <si>
    <t>896.872314453125</t>
  </si>
  <si>
    <t>0.04648715440785267</t>
  </si>
  <si>
    <t>13.739513397216797</t>
  </si>
  <si>
    <t>1050.17822265625</t>
  </si>
  <si>
    <t>0.03544650375864933</t>
  </si>
  <si>
    <t>43606</t>
  </si>
  <si>
    <t>14.04456615447998</t>
  </si>
  <si>
    <t>840.8038940429688</t>
  </si>
  <si>
    <t>0.036620784428068376</t>
  </si>
  <si>
    <t>13.64505672454834</t>
  </si>
  <si>
    <t>823.5316772460938</t>
  </si>
  <si>
    <t>0.0032968572377676253</t>
  </si>
  <si>
    <t>13.274514198303223</t>
  </si>
  <si>
    <t>937.026123046875</t>
  </si>
  <si>
    <t>0.06854477110496937</t>
  </si>
  <si>
    <t>41254</t>
  </si>
  <si>
    <t>13.946995735168457</t>
  </si>
  <si>
    <t>529.35498046875</t>
  </si>
  <si>
    <t>-0.1272883061321899</t>
  </si>
  <si>
    <t>43646</t>
  </si>
  <si>
    <t>13.81867504119873</t>
  </si>
  <si>
    <t>639.5474243164062</t>
  </si>
  <si>
    <t>0.05636356228040462</t>
  </si>
  <si>
    <t>44332</t>
  </si>
  <si>
    <t>13.61538314819336</t>
  </si>
  <si>
    <t>743.3280029296875</t>
  </si>
  <si>
    <t>0.015595123856599002</t>
  </si>
  <si>
    <t>8.527748107910156</t>
  </si>
  <si>
    <t>240.67686462402344</t>
  </si>
  <si>
    <t>268.905517578125</t>
  </si>
  <si>
    <t>Reno-Sparks, NV</t>
  </si>
  <si>
    <t>41430</t>
  </si>
  <si>
    <t>8.87657356262207</t>
  </si>
  <si>
    <t>355.2789306640625</t>
  </si>
  <si>
    <t>-0.014402185173821636</t>
  </si>
  <si>
    <t>42302</t>
  </si>
  <si>
    <t>9.245030403137207</t>
  </si>
  <si>
    <t>481.58404541015625</t>
  </si>
  <si>
    <t>0.020829110169071186</t>
  </si>
  <si>
    <t>8.12752914428711</t>
  </si>
  <si>
    <t>354.40484619140625</t>
  </si>
  <si>
    <t>0.014014149380596308</t>
  </si>
  <si>
    <t>9.020101547241211</t>
  </si>
  <si>
    <t>446.58984375</t>
  </si>
  <si>
    <t>0.027271072900012072</t>
  </si>
  <si>
    <t>44735</t>
  </si>
  <si>
    <t>9.329416275024414</t>
  </si>
  <si>
    <t>535.146728515625</t>
  </si>
  <si>
    <t>0.014636604460568137</t>
  </si>
  <si>
    <t>45875</t>
  </si>
  <si>
    <t>9.286673545837402</t>
  </si>
  <si>
    <t>593.5142211914062</t>
  </si>
  <si>
    <t>0.0251641133751761</t>
  </si>
  <si>
    <t>8.849166870117188</t>
  </si>
  <si>
    <t>368.5852966308594</t>
  </si>
  <si>
    <t>0.03124516556869139</t>
  </si>
  <si>
    <t>48868</t>
  </si>
  <si>
    <t>8.124679565429688</t>
  </si>
  <si>
    <t>511.9678039550781</t>
  </si>
  <si>
    <t>0.031957313598386605</t>
  </si>
  <si>
    <t>50615</t>
  </si>
  <si>
    <t>8.865934371948242</t>
  </si>
  <si>
    <t>338.6455383300781</t>
  </si>
  <si>
    <t>0.035125189508901755</t>
  </si>
  <si>
    <t>8.957186698913574</t>
  </si>
  <si>
    <t>398.038330078125</t>
  </si>
  <si>
    <t>0.028609824815767126</t>
  </si>
  <si>
    <t>52069</t>
  </si>
  <si>
    <t>9.643258094787598</t>
  </si>
  <si>
    <t>358.5861511230469</t>
  </si>
  <si>
    <t>-0.00028803779254893414</t>
  </si>
  <si>
    <t>51956</t>
  </si>
  <si>
    <t>9.56522274017334</t>
  </si>
  <si>
    <t>357.1886291503906</t>
  </si>
  <si>
    <t>-0.0021725555288956144</t>
  </si>
  <si>
    <t>52823</t>
  </si>
  <si>
    <t>9.58273983001709</t>
  </si>
  <si>
    <t>379.9283752441406</t>
  </si>
  <si>
    <t>0.016549495379008405</t>
  </si>
  <si>
    <t>9.462448120117188</t>
  </si>
  <si>
    <t>407.2535095214844</t>
  </si>
  <si>
    <t>0.05358984315333082</t>
  </si>
  <si>
    <t>57617</t>
  </si>
  <si>
    <t>9.497960090637207</t>
  </si>
  <si>
    <t>528.9494018554688</t>
  </si>
  <si>
    <t>0.033281117968442686</t>
  </si>
  <si>
    <t>60107</t>
  </si>
  <si>
    <t>9.045103073120117</t>
  </si>
  <si>
    <t>319.23797607421875</t>
  </si>
  <si>
    <t>0.04230864425869996</t>
  </si>
  <si>
    <t>58659</t>
  </si>
  <si>
    <t>9.64148235321045</t>
  </si>
  <si>
    <t>332.4243469238281</t>
  </si>
  <si>
    <t>-0.024385291292272626</t>
  </si>
  <si>
    <t>57061</t>
  </si>
  <si>
    <t>9.356851577758789</t>
  </si>
  <si>
    <t>177.58160400390625</t>
  </si>
  <si>
    <t>-0.027620144968613758</t>
  </si>
  <si>
    <t>54660</t>
  </si>
  <si>
    <t>9.09374713897705</t>
  </si>
  <si>
    <t>387.6242370605469</t>
  </si>
  <si>
    <t>-0.04298869054371046</t>
  </si>
  <si>
    <t>58107</t>
  </si>
  <si>
    <t>8.907423973083496</t>
  </si>
  <si>
    <t>433.058837890625</t>
  </si>
  <si>
    <t>0.06115395802828871</t>
  </si>
  <si>
    <t>58250</t>
  </si>
  <si>
    <t>8.561185836791992</t>
  </si>
  <si>
    <t>383.02386474609375</t>
  </si>
  <si>
    <t>0.002457953917598843</t>
  </si>
  <si>
    <t>57127</t>
  </si>
  <si>
    <t>9.574905395507812</t>
  </si>
  <si>
    <t>333.78009033203125</t>
  </si>
  <si>
    <t>-0.019467232903391363</t>
  </si>
  <si>
    <t>9.639433860778809</t>
  </si>
  <si>
    <t>175.22874450683594</t>
  </si>
  <si>
    <t>-0.0385802405115907</t>
  </si>
  <si>
    <t>53579</t>
  </si>
  <si>
    <t>10.756937980651855</t>
  </si>
  <si>
    <t>343.4642639160156</t>
  </si>
  <si>
    <t>-0.025539418769012556</t>
  </si>
  <si>
    <t>10.419964790344238</t>
  </si>
  <si>
    <t>423.4566955566406</t>
  </si>
  <si>
    <t>0.02940712285414726</t>
  </si>
  <si>
    <t>57217</t>
  </si>
  <si>
    <t>9.98787784576416</t>
  </si>
  <si>
    <t>446.88616943359375</t>
  </si>
  <si>
    <t>0.036286733910989355</t>
  </si>
  <si>
    <t>60274</t>
  </si>
  <si>
    <t>10.493223190307617</t>
  </si>
  <si>
    <t>358.92095947265625</t>
  </si>
  <si>
    <t>0.05204977627636076</t>
  </si>
  <si>
    <t>58721</t>
  </si>
  <si>
    <t>10.018576622009277</t>
  </si>
  <si>
    <t>408.82025146484375</t>
  </si>
  <si>
    <t>-0.02610341916930814</t>
  </si>
  <si>
    <t>60620</t>
  </si>
  <si>
    <t>9.315265655517578</t>
  </si>
  <si>
    <t>425.3633117675781</t>
  </si>
  <si>
    <t>0.031827457495651856</t>
  </si>
  <si>
    <t>60188</t>
  </si>
  <si>
    <t>10.268924713134766</t>
  </si>
  <si>
    <t>237.95529174804688</t>
  </si>
  <si>
    <t>-0.007151874733024144</t>
  </si>
  <si>
    <t>63679</t>
  </si>
  <si>
    <t>10.323813438415527</t>
  </si>
  <si>
    <t>310.76727294921875</t>
  </si>
  <si>
    <t>0.05638184099860588</t>
  </si>
  <si>
    <t>64679</t>
  </si>
  <si>
    <t>9.883282661437988</t>
  </si>
  <si>
    <t>368.2329406738281</t>
  </si>
  <si>
    <t>0.015581735964403265</t>
  </si>
  <si>
    <t>43384</t>
  </si>
  <si>
    <t>15.259174346923828</t>
  </si>
  <si>
    <t>1165.9658203125</t>
  </si>
  <si>
    <t>575.907470703125</t>
  </si>
  <si>
    <t>Richmond, VA</t>
  </si>
  <si>
    <t>42764</t>
  </si>
  <si>
    <t>15.362824440002441</t>
  </si>
  <si>
    <t>967.1937866210938</t>
  </si>
  <si>
    <t>-0.014394082387505946</t>
  </si>
  <si>
    <t>43663</t>
  </si>
  <si>
    <t>13.892849922180176</t>
  </si>
  <si>
    <t>1150.180908203125</t>
  </si>
  <si>
    <t>0.020804434390505833</t>
  </si>
  <si>
    <t>44280</t>
  </si>
  <si>
    <t>13.743708610534668</t>
  </si>
  <si>
    <t>1203.5882568359375</t>
  </si>
  <si>
    <t>0.014032046298677159</t>
  </si>
  <si>
    <t>45505</t>
  </si>
  <si>
    <t>14.942437171936035</t>
  </si>
  <si>
    <t>1179.380615234375</t>
  </si>
  <si>
    <t>0.027289102188882808</t>
  </si>
  <si>
    <t>46175</t>
  </si>
  <si>
    <t>14.248897552490234</t>
  </si>
  <si>
    <t>1166.51904296875</t>
  </si>
  <si>
    <t>0.014616316055983347</t>
  </si>
  <si>
    <t>13.889147758483887</t>
  </si>
  <si>
    <t>1394.4708251953125</t>
  </si>
  <si>
    <t>0.025170531303121635</t>
  </si>
  <si>
    <t>48854</t>
  </si>
  <si>
    <t>13.669258117675781</t>
  </si>
  <si>
    <t>1145.171875</t>
  </si>
  <si>
    <t>0.031227201064385923</t>
  </si>
  <si>
    <t>50441</t>
  </si>
  <si>
    <t>14.882163047790527</t>
  </si>
  <si>
    <t>1123.3497314453125</t>
  </si>
  <si>
    <t>0.03196807798267365</t>
  </si>
  <si>
    <t>52244</t>
  </si>
  <si>
    <t>14.119034767150879</t>
  </si>
  <si>
    <t>1064.7606201171875</t>
  </si>
  <si>
    <t>0.035120715279790105</t>
  </si>
  <si>
    <t>53760</t>
  </si>
  <si>
    <t>13.633309364318848</t>
  </si>
  <si>
    <t>1019.3363037109375</t>
  </si>
  <si>
    <t>0.028604644499619525</t>
  </si>
  <si>
    <t>53745</t>
  </si>
  <si>
    <t>14.823189735412598</t>
  </si>
  <si>
    <t>873.3584594726562</t>
  </si>
  <si>
    <t>-0.0002790567898660612</t>
  </si>
  <si>
    <t>52189</t>
  </si>
  <si>
    <t>14.480669975280762</t>
  </si>
  <si>
    <t>1068.0032958984375</t>
  </si>
  <si>
    <t>-0.029378894712040804</t>
  </si>
  <si>
    <t>52686</t>
  </si>
  <si>
    <t>13.872814178466797</t>
  </si>
  <si>
    <t>1617.400634765625</t>
  </si>
  <si>
    <t>0.009478020892926153</t>
  </si>
  <si>
    <t>52879</t>
  </si>
  <si>
    <t>14.69789981842041</t>
  </si>
  <si>
    <t>1239.1025390625</t>
  </si>
  <si>
    <t>0.003656519017406268</t>
  </si>
  <si>
    <t>54623</t>
  </si>
  <si>
    <t>14.816043853759766</t>
  </si>
  <si>
    <t>1038.6678466796875</t>
  </si>
  <si>
    <t>0.03244875484984178</t>
  </si>
  <si>
    <t>54978</t>
  </si>
  <si>
    <t>14.970101356506348</t>
  </si>
  <si>
    <t>1188.2337646484375</t>
  </si>
  <si>
    <t>0.006478065737969274</t>
  </si>
  <si>
    <t>55092</t>
  </si>
  <si>
    <t>14.953883171081543</t>
  </si>
  <si>
    <t>862.10400390625</t>
  </si>
  <si>
    <t>0.002071409843955152</t>
  </si>
  <si>
    <t>54228</t>
  </si>
  <si>
    <t>14.484503746032715</t>
  </si>
  <si>
    <t>1118.058837890625</t>
  </si>
  <si>
    <t>-0.01580713483794227</t>
  </si>
  <si>
    <t>54162</t>
  </si>
  <si>
    <t>14.41946029663086</t>
  </si>
  <si>
    <t>1335.3514404296875</t>
  </si>
  <si>
    <t>-0.001217824673069856</t>
  </si>
  <si>
    <t>55158</t>
  </si>
  <si>
    <t>14.500560760498047</t>
  </si>
  <si>
    <t>1034.6337890625</t>
  </si>
  <si>
    <t>0.018222238565599014</t>
  </si>
  <si>
    <t>55634</t>
  </si>
  <si>
    <t>15.700257301330566</t>
  </si>
  <si>
    <t>1139.8515625</t>
  </si>
  <si>
    <t>0.008592731041696666</t>
  </si>
  <si>
    <t>56569</t>
  </si>
  <si>
    <t>15.630311012268066</t>
  </si>
  <si>
    <t>1033.56689453125</t>
  </si>
  <si>
    <t>0.016666606833380726</t>
  </si>
  <si>
    <t>14.03696346282959</t>
  </si>
  <si>
    <t>1202.4375</t>
  </si>
  <si>
    <t>0.016062912220954573</t>
  </si>
  <si>
    <t>57505</t>
  </si>
  <si>
    <t>14.00045108795166</t>
  </si>
  <si>
    <t>1193.0294189453125</t>
  </si>
  <si>
    <t>0.0003478563388412681</t>
  </si>
  <si>
    <t>59850</t>
  </si>
  <si>
    <t>14.761062622070312</t>
  </si>
  <si>
    <t>1252.6990966796875</t>
  </si>
  <si>
    <t>0.039969531459435714</t>
  </si>
  <si>
    <t>60708</t>
  </si>
  <si>
    <t>15.520317077636719</t>
  </si>
  <si>
    <t>1157.8421630859375</t>
  </si>
  <si>
    <t>0.014234053093817423</t>
  </si>
  <si>
    <t>61576</t>
  </si>
  <si>
    <t>14.973565101623535</t>
  </si>
  <si>
    <t>1070.4571533203125</t>
  </si>
  <si>
    <t>0.014196699134217283</t>
  </si>
  <si>
    <t>61883</t>
  </si>
  <si>
    <t>15.09540843963623</t>
  </si>
  <si>
    <t>1629.8245849609375</t>
  </si>
  <si>
    <t>0.004973321228520788</t>
  </si>
  <si>
    <t>63229</t>
  </si>
  <si>
    <t>15.66763973236084</t>
  </si>
  <si>
    <t>1123.3101806640625</t>
  </si>
  <si>
    <t>0.02151755120736354</t>
  </si>
  <si>
    <t>61885</t>
  </si>
  <si>
    <t>15.495318412780762</t>
  </si>
  <si>
    <t>1562.4906005859375</t>
  </si>
  <si>
    <t>-0.02148523267591429</t>
  </si>
  <si>
    <t>65474</t>
  </si>
  <si>
    <t>15.163533210754395</t>
  </si>
  <si>
    <t>1124.3663330078125</t>
  </si>
  <si>
    <t>0.056375293280192196</t>
  </si>
  <si>
    <t>66502</t>
  </si>
  <si>
    <t>15.490455627441406</t>
  </si>
  <si>
    <t>1172.4459228515625</t>
  </si>
  <si>
    <t>0.015578905125350317</t>
  </si>
  <si>
    <t>13.580008506774902</t>
  </si>
  <si>
    <t>1168.7283935546875</t>
  </si>
  <si>
    <t>320.72021484375</t>
  </si>
  <si>
    <t>Roanoke, VA</t>
  </si>
  <si>
    <t>13.603660583496094</t>
  </si>
  <si>
    <t>984.3184814453125</t>
  </si>
  <si>
    <t>-0.014410336423988923</t>
  </si>
  <si>
    <t>12.332024574279785</t>
  </si>
  <si>
    <t>1120.901611328125</t>
  </si>
  <si>
    <t>0.020827852061300334</t>
  </si>
  <si>
    <t>12.16749095916748</t>
  </si>
  <si>
    <t>1179.53955078125</t>
  </si>
  <si>
    <t>0.01399858172762336</t>
  </si>
  <si>
    <t>13.026331901550293</t>
  </si>
  <si>
    <t>1143.375244140625</t>
  </si>
  <si>
    <t>0.027308990550867662</t>
  </si>
  <si>
    <t>12.272876739501953</t>
  </si>
  <si>
    <t>1124.992431640625</t>
  </si>
  <si>
    <t>0.014612801983622248</t>
  </si>
  <si>
    <t>11.97221851348877</t>
  </si>
  <si>
    <t>1339.76513671875</t>
  </si>
  <si>
    <t>0.025165169473297055</t>
  </si>
  <si>
    <t>11.999751091003418</t>
  </si>
  <si>
    <t>1097.4019775390625</t>
  </si>
  <si>
    <t>0.031239939282951212</t>
  </si>
  <si>
    <t>13.347186088562012</t>
  </si>
  <si>
    <t>1097.179931640625</t>
  </si>
  <si>
    <t>0.03196125512987358</t>
  </si>
  <si>
    <t>12.605267524719238</t>
  </si>
  <si>
    <t>945.5509643554688</t>
  </si>
  <si>
    <t>0.03511341993277739</t>
  </si>
  <si>
    <t>12.085062980651855</t>
  </si>
  <si>
    <t>975.7708740234375</t>
  </si>
  <si>
    <t>0.028620434737284484</t>
  </si>
  <si>
    <t>13.072644233703613</t>
  </si>
  <si>
    <t>833.0233764648438</t>
  </si>
  <si>
    <t>-0.0002886836047757413</t>
  </si>
  <si>
    <t>12.639893531799316</t>
  </si>
  <si>
    <t>1025.2926025390625</t>
  </si>
  <si>
    <t>0.007407174926093774</t>
  </si>
  <si>
    <t>42725</t>
  </si>
  <si>
    <t>12.215706825256348</t>
  </si>
  <si>
    <t>1559.0506591796875</t>
  </si>
  <si>
    <t>0.020190765807036826</t>
  </si>
  <si>
    <t>13.085060119628906</t>
  </si>
  <si>
    <t>1212.869873046875</t>
  </si>
  <si>
    <t>-0.0013115677454536012</t>
  </si>
  <si>
    <t>13.174076080322266</t>
  </si>
  <si>
    <t>980.1773681640625</t>
  </si>
  <si>
    <t>0.023463456678019412</t>
  </si>
  <si>
    <t>13.00986385345459</t>
  </si>
  <si>
    <t>1113.9571533203125</t>
  </si>
  <si>
    <t>0.037496109100461084</t>
  </si>
  <si>
    <t>13.43104076385498</t>
  </si>
  <si>
    <t>853.5656127929688</t>
  </si>
  <si>
    <t>0.005387766339850941</t>
  </si>
  <si>
    <t>44502</t>
  </si>
  <si>
    <t>12.566523551940918</t>
  </si>
  <si>
    <t>1009.6697387695312</t>
  </si>
  <si>
    <t>-0.024285861392055352</t>
  </si>
  <si>
    <t>44442</t>
  </si>
  <si>
    <t>12.537554740905762</t>
  </si>
  <si>
    <t>1318.8802490234375</t>
  </si>
  <si>
    <t>-0.0013491637232689868</t>
  </si>
  <si>
    <t>12.827088356018066</t>
  </si>
  <si>
    <t>979.372314453125</t>
  </si>
  <si>
    <t>0.004714130893278323</t>
  </si>
  <si>
    <t>44448</t>
  </si>
  <si>
    <t>13.87743091583252</t>
  </si>
  <si>
    <t>1107.5361328125</t>
  </si>
  <si>
    <t>-0.004579132580552425</t>
  </si>
  <si>
    <t>44156</t>
  </si>
  <si>
    <t>13.892155647277832</t>
  </si>
  <si>
    <t>987.7979125976562</t>
  </si>
  <si>
    <t>-0.006591148415827419</t>
  </si>
  <si>
    <t>12.095229148864746</t>
  </si>
  <si>
    <t>1244.776123046875</t>
  </si>
  <si>
    <t>0.010117142209640662</t>
  </si>
  <si>
    <t>12.382023811340332</t>
  </si>
  <si>
    <t>1200.0126953125</t>
  </si>
  <si>
    <t>0.00474157136254405</t>
  </si>
  <si>
    <t>13.268223762512207</t>
  </si>
  <si>
    <t>1252.9598388671875</t>
  </si>
  <si>
    <t>0.03688628601012667</t>
  </si>
  <si>
    <t>14.23340129852295</t>
  </si>
  <si>
    <t>1057.7437744140625</t>
  </si>
  <si>
    <t>-0.0007959985360859179</t>
  </si>
  <si>
    <t>45705</t>
  </si>
  <si>
    <t>13.44887638092041</t>
  </si>
  <si>
    <t>1039.5885009765625</t>
  </si>
  <si>
    <t>-0.016470118096549413</t>
  </si>
  <si>
    <t>46193</t>
  </si>
  <si>
    <t>13.54240894317627</t>
  </si>
  <si>
    <t>1577.585693359375</t>
  </si>
  <si>
    <t>0.01062057035081665</t>
  </si>
  <si>
    <t>14.129973411560059</t>
  </si>
  <si>
    <t>1131.0394287109375</t>
  </si>
  <si>
    <t>0.02412590014373528</t>
  </si>
  <si>
    <t>13.63919448852539</t>
  </si>
  <si>
    <t>1477.7076416015625</t>
  </si>
  <si>
    <t>-0.06696321611798517</t>
  </si>
  <si>
    <t>46822</t>
  </si>
  <si>
    <t>13.4622220993042</t>
  </si>
  <si>
    <t>1072.8194580078125</t>
  </si>
  <si>
    <t>0.056362222455778266</t>
  </si>
  <si>
    <t>47558</t>
  </si>
  <si>
    <t>13.823899269104004</t>
  </si>
  <si>
    <t>1131.2950439453125</t>
  </si>
  <si>
    <t>0.01559684085557933</t>
  </si>
  <si>
    <t>36567</t>
  </si>
  <si>
    <t>9.376277923583984</t>
  </si>
  <si>
    <t>1025.259033203125</t>
  </si>
  <si>
    <t>1004.7476806640625</t>
  </si>
  <si>
    <t>Rochester-Batavia-Seneca Falls, NY</t>
  </si>
  <si>
    <t>9.839362144470215</t>
  </si>
  <si>
    <t>739.2930908203125</t>
  </si>
  <si>
    <t>-0.014378036485267032</t>
  </si>
  <si>
    <t>36803</t>
  </si>
  <si>
    <t>7.898003101348877</t>
  </si>
  <si>
    <t>985.771728515625</t>
  </si>
  <si>
    <t>0.020811205734757365</t>
  </si>
  <si>
    <t>37322</t>
  </si>
  <si>
    <t>7.411027908325195</t>
  </si>
  <si>
    <t>856.2520751953125</t>
  </si>
  <si>
    <t>0.014003601519981146</t>
  </si>
  <si>
    <t>8.959968566894531</t>
  </si>
  <si>
    <t>888.92724609375</t>
  </si>
  <si>
    <t>0.027301932299979015</t>
  </si>
  <si>
    <t>8.330769538879395</t>
  </si>
  <si>
    <t>765.2991333007812</t>
  </si>
  <si>
    <t>0.014623359906543953</t>
  </si>
  <si>
    <t>39912</t>
  </si>
  <si>
    <t>8.17370319366455</t>
  </si>
  <si>
    <t>996.5346069335938</t>
  </si>
  <si>
    <t>0.025168773240933362</t>
  </si>
  <si>
    <t>8.232702255249023</t>
  </si>
  <si>
    <t>867.9065551757812</t>
  </si>
  <si>
    <t>0.031227102595815737</t>
  </si>
  <si>
    <t>9.947649955749512</t>
  </si>
  <si>
    <t>847.670654296875</t>
  </si>
  <si>
    <t>0.03195282168320368</t>
  </si>
  <si>
    <t>9.349274635314941</t>
  </si>
  <si>
    <t>759.744384765625</t>
  </si>
  <si>
    <t>0.035127817419667196</t>
  </si>
  <si>
    <t>45314</t>
  </si>
  <si>
    <t>8.429083824157715</t>
  </si>
  <si>
    <t>881.1064453125</t>
  </si>
  <si>
    <t>0.02863126325783938</t>
  </si>
  <si>
    <t>9.762351036071777</t>
  </si>
  <si>
    <t>749.2138061523438</t>
  </si>
  <si>
    <t>-0.00028692821473796926</t>
  </si>
  <si>
    <t>45629</t>
  </si>
  <si>
    <t>8.822545051574707</t>
  </si>
  <si>
    <t>929.2564697265625</t>
  </si>
  <si>
    <t>0.007214371992109392</t>
  </si>
  <si>
    <t>45960</t>
  </si>
  <si>
    <t>7.949733734130859</t>
  </si>
  <si>
    <t>948.836669921875</t>
  </si>
  <si>
    <t>0.007227973687919942</t>
  </si>
  <si>
    <t>46048</t>
  </si>
  <si>
    <t>8.678372383117676</t>
  </si>
  <si>
    <t>1039.720458984375</t>
  </si>
  <si>
    <t>0.0019128777244024064</t>
  </si>
  <si>
    <t>9.598458290100098</t>
  </si>
  <si>
    <t>915.4198608398438</t>
  </si>
  <si>
    <t>0.009853999694092508</t>
  </si>
  <si>
    <t>47795</t>
  </si>
  <si>
    <t>9.639620780944824</t>
  </si>
  <si>
    <t>1034.6185302734375</t>
  </si>
  <si>
    <t>0.027382701116676955</t>
  </si>
  <si>
    <t>48021</t>
  </si>
  <si>
    <t>9.108915328979492</t>
  </si>
  <si>
    <t>836.907958984375</t>
  </si>
  <si>
    <t>0.004717383716943857</t>
  </si>
  <si>
    <t>48793</t>
  </si>
  <si>
    <t>8.36023998260498</t>
  </si>
  <si>
    <t>969.2393798828125</t>
  </si>
  <si>
    <t>0.015948444714602772</t>
  </si>
  <si>
    <t>50220</t>
  </si>
  <si>
    <t>8.711840629577637</t>
  </si>
  <si>
    <t>865.130859375</t>
  </si>
  <si>
    <t>0.02882649378216584</t>
  </si>
  <si>
    <t>52073</t>
  </si>
  <si>
    <t>9.566819190979004</t>
  </si>
  <si>
    <t>900.773681640625</t>
  </si>
  <si>
    <t>0.03623322653507799</t>
  </si>
  <si>
    <t>51759</t>
  </si>
  <si>
    <t>10.021903991699219</t>
  </si>
  <si>
    <t>1136.0780029296875</t>
  </si>
  <si>
    <t>-0.006048250196680982</t>
  </si>
  <si>
    <t>52077</t>
  </si>
  <si>
    <t>10.609682083129883</t>
  </si>
  <si>
    <t>809.4547119140625</t>
  </si>
  <si>
    <t>0.006125062486686872</t>
  </si>
  <si>
    <t>52367</t>
  </si>
  <si>
    <t>8.49121379852295</t>
  </si>
  <si>
    <t>1009.3252563476562</t>
  </si>
  <si>
    <t>0.005553229391058068</t>
  </si>
  <si>
    <t>52731</t>
  </si>
  <si>
    <t>8.223278045654297</t>
  </si>
  <si>
    <t>898.9692993164062</t>
  </si>
  <si>
    <t>0.006926895953290213</t>
  </si>
  <si>
    <t>52847</t>
  </si>
  <si>
    <t>9.36179256439209</t>
  </si>
  <si>
    <t>871.8123168945312</t>
  </si>
  <si>
    <t>0.0021974283785901605</t>
  </si>
  <si>
    <t>53184</t>
  </si>
  <si>
    <t>10.329848289489746</t>
  </si>
  <si>
    <t>833.8018798828125</t>
  </si>
  <si>
    <t>0.00635665295552279</t>
  </si>
  <si>
    <t>53869</t>
  </si>
  <si>
    <t>9.491860389709473</t>
  </si>
  <si>
    <t>1050.242431640625</t>
  </si>
  <si>
    <t>0.012797574079437268</t>
  </si>
  <si>
    <t>9.509079933166504</t>
  </si>
  <si>
    <t>1042.62353515625</t>
  </si>
  <si>
    <t>0.014778230994785702</t>
  </si>
  <si>
    <t>56371</t>
  </si>
  <si>
    <t>9.610827445983887</t>
  </si>
  <si>
    <t>950.1573486328125</t>
  </si>
  <si>
    <t>0.030621437561514142</t>
  </si>
  <si>
    <t>10.09850025177002</t>
  </si>
  <si>
    <t>872.4461059570312</t>
  </si>
  <si>
    <t>-0.05066700193891727</t>
  </si>
  <si>
    <t>56694</t>
  </si>
  <si>
    <t>10.053056716918945</t>
  </si>
  <si>
    <t>981.5852661132812</t>
  </si>
  <si>
    <t>0.05638054509874024</t>
  </si>
  <si>
    <t>57584</t>
  </si>
  <si>
    <t>10.285786628723145</t>
  </si>
  <si>
    <t>953.0621948242188</t>
  </si>
  <si>
    <t>0.01557636630813164</t>
  </si>
  <si>
    <t>15.331679344177246</t>
  </si>
  <si>
    <t>311.9026794433594</t>
  </si>
  <si>
    <t>1056.46484375</t>
  </si>
  <si>
    <t>Sacramento--Arden-Arcade--Truckee, CA-NV</t>
  </si>
  <si>
    <t>15.299494743347168</t>
  </si>
  <si>
    <t>585.1237182617188</t>
  </si>
  <si>
    <t>-0.014378108426354785</t>
  </si>
  <si>
    <t>38424</t>
  </si>
  <si>
    <t>16.093029022216797</t>
  </si>
  <si>
    <t>928.8528442382812</t>
  </si>
  <si>
    <t>0.020800939310168687</t>
  </si>
  <si>
    <t>38967</t>
  </si>
  <si>
    <t>15.4634428024292</t>
  </si>
  <si>
    <t>604.2366333007812</t>
  </si>
  <si>
    <t>0.014032869730732145</t>
  </si>
  <si>
    <t>40045</t>
  </si>
  <si>
    <t>15.409488677978516</t>
  </si>
  <si>
    <t>844.7017211914062</t>
  </si>
  <si>
    <t>0.02728868768238968</t>
  </si>
  <si>
    <t>16.00425148010254</t>
  </si>
  <si>
    <t>842.198974609375</t>
  </si>
  <si>
    <t>0.01462594242952342</t>
  </si>
  <si>
    <t>41670</t>
  </si>
  <si>
    <t>16.271333694458008</t>
  </si>
  <si>
    <t>1001.7479858398438</t>
  </si>
  <si>
    <t>0.0251516812291932</t>
  </si>
  <si>
    <t>15.909709930419922</t>
  </si>
  <si>
    <t>631.5510864257812</t>
  </si>
  <si>
    <t>0.031232606438774013</t>
  </si>
  <si>
    <t>44388</t>
  </si>
  <si>
    <t>14.735954284667969</t>
  </si>
  <si>
    <t>847.2261352539062</t>
  </si>
  <si>
    <t>0.03195511076518187</t>
  </si>
  <si>
    <t>14.977370262145996</t>
  </si>
  <si>
    <t>573.1246948242188</t>
  </si>
  <si>
    <t>0.03512860785206762</t>
  </si>
  <si>
    <t>15.294671058654785</t>
  </si>
  <si>
    <t>679.16748046875</t>
  </si>
  <si>
    <t>0.028623919152671817</t>
  </si>
  <si>
    <t>47297</t>
  </si>
  <si>
    <t>15.867485046386719</t>
  </si>
  <si>
    <t>727.32666015625</t>
  </si>
  <si>
    <t>-0.000274821103763756</t>
  </si>
  <si>
    <t>48408</t>
  </si>
  <si>
    <t>15.941441535949707</t>
  </si>
  <si>
    <t>626.8463134765625</t>
  </si>
  <si>
    <t>0.023218220780726995</t>
  </si>
  <si>
    <t>50192</t>
  </si>
  <si>
    <t>15.964903831481934</t>
  </si>
  <si>
    <t>652.12841796875</t>
  </si>
  <si>
    <t>0.03619056212830252</t>
  </si>
  <si>
    <t>51312</t>
  </si>
  <si>
    <t>16.00893211364746</t>
  </si>
  <si>
    <t>703.8551635742188</t>
  </si>
  <si>
    <t>0.022068991502475654</t>
  </si>
  <si>
    <t>52839</t>
  </si>
  <si>
    <t>15.992480278015137</t>
  </si>
  <si>
    <t>817.6019897460938</t>
  </si>
  <si>
    <t>0.029324911467469406</t>
  </si>
  <si>
    <t>53939</t>
  </si>
  <si>
    <t>15.522454261779785</t>
  </si>
  <si>
    <t>602.3732299804688</t>
  </si>
  <si>
    <t>0.02060422400392703</t>
  </si>
  <si>
    <t>53851</t>
  </si>
  <si>
    <t>15.876721382141113</t>
  </si>
  <si>
    <t>604.1180419921875</t>
  </si>
  <si>
    <t>-0.0016328048900842163</t>
  </si>
  <si>
    <t>52990</t>
  </si>
  <si>
    <t>15.73873519897461</t>
  </si>
  <si>
    <t>270.0674743652344</t>
  </si>
  <si>
    <t>-0.016117757027441115</t>
  </si>
  <si>
    <t>51130</t>
  </si>
  <si>
    <t>15.730208396911621</t>
  </si>
  <si>
    <t>699.5391845703125</t>
  </si>
  <si>
    <t>-0.035731807412762606</t>
  </si>
  <si>
    <t>49701</t>
  </si>
  <si>
    <t>15.260384559631348</t>
  </si>
  <si>
    <t>699.7843017578125</t>
  </si>
  <si>
    <t>-0.028346355467396833</t>
  </si>
  <si>
    <t>49804</t>
  </si>
  <si>
    <t>14.939167022705078</t>
  </si>
  <si>
    <t>597.8746948242188</t>
  </si>
  <si>
    <t>0.002070248465654956</t>
  </si>
  <si>
    <t>49706</t>
  </si>
  <si>
    <t>15.69543170928955</t>
  </si>
  <si>
    <t>642.0004272460938</t>
  </si>
  <si>
    <t>-0.0019696519281033886</t>
  </si>
  <si>
    <t>51315</t>
  </si>
  <si>
    <t>15.974038124084473</t>
  </si>
  <si>
    <t>177.09376525878906</t>
  </si>
  <si>
    <t>0.03185745693561515</t>
  </si>
  <si>
    <t>17.376466751098633</t>
  </si>
  <si>
    <t>596.7689819335938</t>
  </si>
  <si>
    <t>0.013587481132967483</t>
  </si>
  <si>
    <t>54315</t>
  </si>
  <si>
    <t>16.92204475402832</t>
  </si>
  <si>
    <t>607.5680541992188</t>
  </si>
  <si>
    <t>0.043229843655069544</t>
  </si>
  <si>
    <t>16.414766311645508</t>
  </si>
  <si>
    <t>787.94921875</t>
  </si>
  <si>
    <t>0.015800136903425965</t>
  </si>
  <si>
    <t>55962</t>
  </si>
  <si>
    <t>16.807069778442383</t>
  </si>
  <si>
    <t>597.4100952148438</t>
  </si>
  <si>
    <t>0.014072320183641907</t>
  </si>
  <si>
    <t>57145</t>
  </si>
  <si>
    <t>16.386518478393555</t>
  </si>
  <si>
    <t>619.7816162109375</t>
  </si>
  <si>
    <t>0.020919008376779402</t>
  </si>
  <si>
    <t>59946</t>
  </si>
  <si>
    <t>16.14594841003418</t>
  </si>
  <si>
    <t>671.4685668945312</t>
  </si>
  <si>
    <t>0.04785225962937467</t>
  </si>
  <si>
    <t>16.70497703552246</t>
  </si>
  <si>
    <t>371.9446716308594</t>
  </si>
  <si>
    <t>-0.076466718333279</t>
  </si>
  <si>
    <t>58754</t>
  </si>
  <si>
    <t>16.289615631103516</t>
  </si>
  <si>
    <t>483.3705749511719</t>
  </si>
  <si>
    <t>0.05638179716730818</t>
  </si>
  <si>
    <t>59676</t>
  </si>
  <si>
    <t>16.29689598083496</t>
  </si>
  <si>
    <t>629.0481567382812</t>
  </si>
  <si>
    <t>0.015570693707635641</t>
  </si>
  <si>
    <t>29982</t>
  </si>
  <si>
    <t>12.432044982910156</t>
  </si>
  <si>
    <t>637.5795288085938</t>
  </si>
  <si>
    <t>88.08160400390625</t>
  </si>
  <si>
    <t>Salina, KS</t>
  </si>
  <si>
    <t>13.598488807678223</t>
  </si>
  <si>
    <t>555.326904296875</t>
  </si>
  <si>
    <t>-0.014378103108681373</t>
  </si>
  <si>
    <t>11.555977821350098</t>
  </si>
  <si>
    <t>795.966064453125</t>
  </si>
  <si>
    <t>0.020794668502153613</t>
  </si>
  <si>
    <t>11.037174224853516</t>
  </si>
  <si>
    <t>946.6314697265625</t>
  </si>
  <si>
    <t>0.014018921179330235</t>
  </si>
  <si>
    <t>12.733745574951172</t>
  </si>
  <si>
    <t>545.654052734375</t>
  </si>
  <si>
    <t>0.027302699956633703</t>
  </si>
  <si>
    <t>11.92124080657959</t>
  </si>
  <si>
    <t>657.4170532226562</t>
  </si>
  <si>
    <t>0.014615389818077418</t>
  </si>
  <si>
    <t>32724</t>
  </si>
  <si>
    <t>11.589984893798828</t>
  </si>
  <si>
    <t>758.9796142578125</t>
  </si>
  <si>
    <t>0.025157975713815617</t>
  </si>
  <si>
    <t>11.892803192138672</t>
  </si>
  <si>
    <t>715.2808837890625</t>
  </si>
  <si>
    <t>0.03125677468750254</t>
  </si>
  <si>
    <t>34859</t>
  </si>
  <si>
    <t>13.195405006408691</t>
  </si>
  <si>
    <t>759.9072875976562</t>
  </si>
  <si>
    <t>0.031945825168198994</t>
  </si>
  <si>
    <t>36105</t>
  </si>
  <si>
    <t>13.118069648742676</t>
  </si>
  <si>
    <t>662.2960815429688</t>
  </si>
  <si>
    <t>0.035120006395990444</t>
  </si>
  <si>
    <t>37153</t>
  </si>
  <si>
    <t>12.491787910461426</t>
  </si>
  <si>
    <t>624.8480224609375</t>
  </si>
  <si>
    <t>0.02861316170143091</t>
  </si>
  <si>
    <t>12.9650297164917</t>
  </si>
  <si>
    <t>727.7905883789062</t>
  </si>
  <si>
    <t>-0.000269193497910436</t>
  </si>
  <si>
    <t>12.429875373840332</t>
  </si>
  <si>
    <t>498.2607727050781</t>
  </si>
  <si>
    <t>-0.03100642089534844</t>
  </si>
  <si>
    <t>12.456169128417969</t>
  </si>
  <si>
    <t>597.1766357421875</t>
  </si>
  <si>
    <t>0.07935674645152879</t>
  </si>
  <si>
    <t>37789</t>
  </si>
  <si>
    <t>12.58383846282959</t>
  </si>
  <si>
    <t>678.0309448242188</t>
  </si>
  <si>
    <t>-0.03110759867856494</t>
  </si>
  <si>
    <t>40178</t>
  </si>
  <si>
    <t>13.720723152160645</t>
  </si>
  <si>
    <t>618.4921264648438</t>
  </si>
  <si>
    <t>0.061301527155677604</t>
  </si>
  <si>
    <t>13.049054145812988</t>
  </si>
  <si>
    <t>650.509765625</t>
  </si>
  <si>
    <t>0.043182688391404156</t>
  </si>
  <si>
    <t>12.884068489074707</t>
  </si>
  <si>
    <t>815.0301513671875</t>
  </si>
  <si>
    <t>0.11890805447020547</t>
  </si>
  <si>
    <t>49065</t>
  </si>
  <si>
    <t>12.022562980651855</t>
  </si>
  <si>
    <t>751.0115966796875</t>
  </si>
  <si>
    <t>0.0377356246568894</t>
  </si>
  <si>
    <t>11.673447608947754</t>
  </si>
  <si>
    <t>688.9258422851562</t>
  </si>
  <si>
    <t>-0.050494458822086585</t>
  </si>
  <si>
    <t>12.547934532165527</t>
  </si>
  <si>
    <t>687.5036010742188</t>
  </si>
  <si>
    <t>0.0493932718761112</t>
  </si>
  <si>
    <t>13.12117862701416</t>
  </si>
  <si>
    <t>562.4305419921875</t>
  </si>
  <si>
    <t>0.10111573550860342</t>
  </si>
  <si>
    <t>51854</t>
  </si>
  <si>
    <t>14.21657943725586</t>
  </si>
  <si>
    <t>481.3230895996094</t>
  </si>
  <si>
    <t>-0.04472842090877549</t>
  </si>
  <si>
    <t>55228</t>
  </si>
  <si>
    <t>11.947264671325684</t>
  </si>
  <si>
    <t>684.9171142578125</t>
  </si>
  <si>
    <t>0.06303799374159702</t>
  </si>
  <si>
    <t>12.08436107635498</t>
  </si>
  <si>
    <t>670.1276245117188</t>
  </si>
  <si>
    <t>-0.06005329052548447</t>
  </si>
  <si>
    <t>50785</t>
  </si>
  <si>
    <t>13.253449440002441</t>
  </si>
  <si>
    <t>784.60205078125</t>
  </si>
  <si>
    <t>-0.02381574513695739</t>
  </si>
  <si>
    <t>51023</t>
  </si>
  <si>
    <t>13.855975151062012</t>
  </si>
  <si>
    <t>784.0587158203125</t>
  </si>
  <si>
    <t>0.004675476063924933</t>
  </si>
  <si>
    <t>50344</t>
  </si>
  <si>
    <t>13.313918113708496</t>
  </si>
  <si>
    <t>760.45751953125</t>
  </si>
  <si>
    <t>-0.013397065230757121</t>
  </si>
  <si>
    <t>12.501739501953125</t>
  </si>
  <si>
    <t>705.6383666992188</t>
  </si>
  <si>
    <t>0.04065671787219749</t>
  </si>
  <si>
    <t>12.211261749267578</t>
  </si>
  <si>
    <t>850.8919067382812</t>
  </si>
  <si>
    <t>0.05839520689197464</t>
  </si>
  <si>
    <t>13.219170570373535</t>
  </si>
  <si>
    <t>617.4228515625</t>
  </si>
  <si>
    <t>-0.08928726454442248</t>
  </si>
  <si>
    <t>53786</t>
  </si>
  <si>
    <t>13.262596130371094</t>
  </si>
  <si>
    <t>635.6420288085938</t>
  </si>
  <si>
    <t>0.05636910381113758</t>
  </si>
  <si>
    <t>54631</t>
  </si>
  <si>
    <t>13.015205383300781</t>
  </si>
  <si>
    <t>523.7305297851562</t>
  </si>
  <si>
    <t>0.01558827694521625</t>
  </si>
  <si>
    <t>8.10766315460205</t>
  </si>
  <si>
    <t>434.8711242675781</t>
  </si>
  <si>
    <t>1070.8348388671875</t>
  </si>
  <si>
    <t>Salt Lake City-Ogden-Clearfield, UT</t>
  </si>
  <si>
    <t>7.899599552154541</t>
  </si>
  <si>
    <t>523.201171875</t>
  </si>
  <si>
    <t>-0.01437261212606522</t>
  </si>
  <si>
    <t>8.674040794372559</t>
  </si>
  <si>
    <t>512.7445068359375</t>
  </si>
  <si>
    <t>0.02080528555807959</t>
  </si>
  <si>
    <t>7.3058342933654785</t>
  </si>
  <si>
    <t>524.7296752929688</t>
  </si>
  <si>
    <t>0.014024243574265682</t>
  </si>
  <si>
    <t>9.244885444641113</t>
  </si>
  <si>
    <t>562.3082275390625</t>
  </si>
  <si>
    <t>0.02728627236056802</t>
  </si>
  <si>
    <t>38264</t>
  </si>
  <si>
    <t>8.936908721923828</t>
  </si>
  <si>
    <t>607.3756103515625</t>
  </si>
  <si>
    <t>0.014637232844092907</t>
  </si>
  <si>
    <t>8.829174041748047</t>
  </si>
  <si>
    <t>654.1817016601562</t>
  </si>
  <si>
    <t>0.025136158620640003</t>
  </si>
  <si>
    <t>8.181099891662598</t>
  </si>
  <si>
    <t>582.1339111328125</t>
  </si>
  <si>
    <t>0.031236467906449406</t>
  </si>
  <si>
    <t>41798</t>
  </si>
  <si>
    <t>8.186407089233398</t>
  </si>
  <si>
    <t>648.2378540039062</t>
  </si>
  <si>
    <t>0.03196635859097441</t>
  </si>
  <si>
    <t>8.438912391662598</t>
  </si>
  <si>
    <t>484.1590576171875</t>
  </si>
  <si>
    <t>0.03511936893684009</t>
  </si>
  <si>
    <t>8.364387512207031</t>
  </si>
  <si>
    <t>457.5164489746094</t>
  </si>
  <si>
    <t>0.028621846542874252</t>
  </si>
  <si>
    <t>9.002718925476074</t>
  </si>
  <si>
    <t>413.9473571777344</t>
  </si>
  <si>
    <t>-0.0002694026013649875</t>
  </si>
  <si>
    <t>8.549171447753906</t>
  </si>
  <si>
    <t>350.8634033203125</t>
  </si>
  <si>
    <t>0.0032728117086033848</t>
  </si>
  <si>
    <t>44894</t>
  </si>
  <si>
    <t>8.77226734161377</t>
  </si>
  <si>
    <t>454.10687255859375</t>
  </si>
  <si>
    <t>0.004711039446339882</t>
  </si>
  <si>
    <t>8.655327796936035</t>
  </si>
  <si>
    <t>565.6403198242188</t>
  </si>
  <si>
    <t>0.03748950000167106</t>
  </si>
  <si>
    <t>48633</t>
  </si>
  <si>
    <t>8.805912971496582</t>
  </si>
  <si>
    <t>573.6494140625</t>
  </si>
  <si>
    <t>0.042508657296522756</t>
  </si>
  <si>
    <t>51663</t>
  </si>
  <si>
    <t>8.445000648498535</t>
  </si>
  <si>
    <t>457.70684814453125</t>
  </si>
  <si>
    <t>0.06043954516332484</t>
  </si>
  <si>
    <t>9.17538070678711</t>
  </si>
  <si>
    <t>448.7370300292969</t>
  </si>
  <si>
    <t>0.02705835147313529</t>
  </si>
  <si>
    <t>51557</t>
  </si>
  <si>
    <t>8.45895767211914</t>
  </si>
  <si>
    <t>423.381591796875</t>
  </si>
  <si>
    <t>-0.02911221772506778</t>
  </si>
  <si>
    <t>49050</t>
  </si>
  <si>
    <t>7.899759292602539</t>
  </si>
  <si>
    <t>426.3395690917969</t>
  </si>
  <si>
    <t>-0.0498478057275662</t>
  </si>
  <si>
    <t>49646</t>
  </si>
  <si>
    <t>8.244730949401855</t>
  </si>
  <si>
    <t>584.7042236328125</t>
  </si>
  <si>
    <t>0.012077637286726173</t>
  </si>
  <si>
    <t>50709</t>
  </si>
  <si>
    <t>8.125654220581055</t>
  </si>
  <si>
    <t>605.182861328125</t>
  </si>
  <si>
    <t>0.02118558633805101</t>
  </si>
  <si>
    <t>50691</t>
  </si>
  <si>
    <t>9.29857063293457</t>
  </si>
  <si>
    <t>471.4276123046875</t>
  </si>
  <si>
    <t>-0.0003550295895280442</t>
  </si>
  <si>
    <t>51155</t>
  </si>
  <si>
    <t>8.708296775817871</t>
  </si>
  <si>
    <t>506.58447265625</t>
  </si>
  <si>
    <t>0.00911185928428182</t>
  </si>
  <si>
    <t>51994</t>
  </si>
  <si>
    <t>9.40696907043457</t>
  </si>
  <si>
    <t>505.8702697753906</t>
  </si>
  <si>
    <t>0.016268087977822532</t>
  </si>
  <si>
    <t>53196</t>
  </si>
  <si>
    <t>9.575757026672363</t>
  </si>
  <si>
    <t>598.810302734375</t>
  </si>
  <si>
    <t>0.02285487824219068</t>
  </si>
  <si>
    <t>54515</t>
  </si>
  <si>
    <t>9.075858116149902</t>
  </si>
  <si>
    <t>567.0662231445312</t>
  </si>
  <si>
    <t>0.0244926876074274</t>
  </si>
  <si>
    <t>55738</t>
  </si>
  <si>
    <t>9.738332748413086</t>
  </si>
  <si>
    <t>494.676025390625</t>
  </si>
  <si>
    <t>0.022186247376231094</t>
  </si>
  <si>
    <t>57985</t>
  </si>
  <si>
    <t>9.004966735839844</t>
  </si>
  <si>
    <t>487.27313232421875</t>
  </si>
  <si>
    <t>0.03952221587409177</t>
  </si>
  <si>
    <t>59706</t>
  </si>
  <si>
    <t>8.171408653259277</t>
  </si>
  <si>
    <t>602.9830932617188</t>
  </si>
  <si>
    <t>0.029248161452413157</t>
  </si>
  <si>
    <t>59623</t>
  </si>
  <si>
    <t>9.284368515014648</t>
  </si>
  <si>
    <t>373.1496887207031</t>
  </si>
  <si>
    <t>-0.0013911121920919811</t>
  </si>
  <si>
    <t>63080</t>
  </si>
  <si>
    <t>9.606607437133789</t>
  </si>
  <si>
    <t>530.344482421875</t>
  </si>
  <si>
    <t>0.05636235642584886</t>
  </si>
  <si>
    <t>64071</t>
  </si>
  <si>
    <t>8.694924354553223</t>
  </si>
  <si>
    <t>564.7525634765625</t>
  </si>
  <si>
    <t>0.015588081363118178</t>
  </si>
  <si>
    <t>18.462854385375977</t>
  </si>
  <si>
    <t>720.0950927734375</t>
  </si>
  <si>
    <t>55.73906326293945</t>
  </si>
  <si>
    <t>San Angelo, TX</t>
  </si>
  <si>
    <t>18.45960807800293</t>
  </si>
  <si>
    <t>701.7012939453125</t>
  </si>
  <si>
    <t>-0.01438799408175484</t>
  </si>
  <si>
    <t>18.12627601623535</t>
  </si>
  <si>
    <t>663.2240600585938</t>
  </si>
  <si>
    <t>0.020804581573104386</t>
  </si>
  <si>
    <t>17.777097702026367</t>
  </si>
  <si>
    <t>493.208251953125</t>
  </si>
  <si>
    <t>0.014018448190791233</t>
  </si>
  <si>
    <t>18.80158042907715</t>
  </si>
  <si>
    <t>522.475341796875</t>
  </si>
  <si>
    <t>0.02728962953263192</t>
  </si>
  <si>
    <t>18.33068084716797</t>
  </si>
  <si>
    <t>512.9013671875</t>
  </si>
  <si>
    <t>0.01463636123425971</t>
  </si>
  <si>
    <t>18.44976043701172</t>
  </si>
  <si>
    <t>526.7653198242188</t>
  </si>
  <si>
    <t>0.025173825184864995</t>
  </si>
  <si>
    <t>43909</t>
  </si>
  <si>
    <t>17.80432891845703</t>
  </si>
  <si>
    <t>651.2191772460938</t>
  </si>
  <si>
    <t>0.03122796194193711</t>
  </si>
  <si>
    <t>45335</t>
  </si>
  <si>
    <t>19.306188583374023</t>
  </si>
  <si>
    <t>485.6784973144531</t>
  </si>
  <si>
    <t>0.031960050639336046</t>
  </si>
  <si>
    <t>19.043312072753906</t>
  </si>
  <si>
    <t>388.31634521484375</t>
  </si>
  <si>
    <t>0.03511033515855644</t>
  </si>
  <si>
    <t>18.600954055786133</t>
  </si>
  <si>
    <t>540.4302978515625</t>
  </si>
  <si>
    <t>0.028635161791592978</t>
  </si>
  <si>
    <t>48305</t>
  </si>
  <si>
    <t>18.529447555541992</t>
  </si>
  <si>
    <t>530.15283203125</t>
  </si>
  <si>
    <t>-0.00028978307869742537</t>
  </si>
  <si>
    <t>17.943403244018555</t>
  </si>
  <si>
    <t>583.32177734375</t>
  </si>
  <si>
    <t>-0.035076532927234894</t>
  </si>
  <si>
    <t>18.488962173461914</t>
  </si>
  <si>
    <t>508.66632080078125</t>
  </si>
  <si>
    <t>0.10011306687467503</t>
  </si>
  <si>
    <t>53552</t>
  </si>
  <si>
    <t>18.4567813873291</t>
  </si>
  <si>
    <t>803.3229370117188</t>
  </si>
  <si>
    <t>0.038081535552057844</t>
  </si>
  <si>
    <t>60216</t>
  </si>
  <si>
    <t>19.005443572998047</t>
  </si>
  <si>
    <t>472.6312255859375</t>
  </si>
  <si>
    <t>0.11728495326326005</t>
  </si>
  <si>
    <t>63331</t>
  </si>
  <si>
    <t>19.150259017944336</t>
  </si>
  <si>
    <t>498.8665771484375</t>
  </si>
  <si>
    <t>0.05043684297619677</t>
  </si>
  <si>
    <t>66352</t>
  </si>
  <si>
    <t>18.39984893798828</t>
  </si>
  <si>
    <t>697.0573120117188</t>
  </si>
  <si>
    <t>0.046598962795599164</t>
  </si>
  <si>
    <t>73468</t>
  </si>
  <si>
    <t>18.825403213500977</t>
  </si>
  <si>
    <t>426.85687255859375</t>
  </si>
  <si>
    <t>0.10187603376226306</t>
  </si>
  <si>
    <t>57433</t>
  </si>
  <si>
    <t>18.65821647644043</t>
  </si>
  <si>
    <t>597.0441284179688</t>
  </si>
  <si>
    <t>-0.24623088624788458</t>
  </si>
  <si>
    <t>60129</t>
  </si>
  <si>
    <t>18.630165100097656</t>
  </si>
  <si>
    <t>546.2061157226562</t>
  </si>
  <si>
    <t>0.04587320326115574</t>
  </si>
  <si>
    <t>63789</t>
  </si>
  <si>
    <t>20.063236236572266</t>
  </si>
  <si>
    <t>366.26324462890625</t>
  </si>
  <si>
    <t>0.059088507413113334</t>
  </si>
  <si>
    <t>64896</t>
  </si>
  <si>
    <t>19.919815063476562</t>
  </si>
  <si>
    <t>532.0731811523438</t>
  </si>
  <si>
    <t>0.017205226835988796</t>
  </si>
  <si>
    <t>73193</t>
  </si>
  <si>
    <t>18.518409729003906</t>
  </si>
  <si>
    <t>416.5849609375</t>
  </si>
  <si>
    <t>0.1203137994506136</t>
  </si>
  <si>
    <t>76769</t>
  </si>
  <si>
    <t>18.49387550354004</t>
  </si>
  <si>
    <t>414.9571838378906</t>
  </si>
  <si>
    <t>0.04770112485410927</t>
  </si>
  <si>
    <t>58809</t>
  </si>
  <si>
    <t>19.102163314819336</t>
  </si>
  <si>
    <t>764.3951416015625</t>
  </si>
  <si>
    <t>-0.2665060084169877</t>
  </si>
  <si>
    <t>52977</t>
  </si>
  <si>
    <t>19.881258010864258</t>
  </si>
  <si>
    <t>752.5729370117188</t>
  </si>
  <si>
    <t>-0.10443704731730108</t>
  </si>
  <si>
    <t>55579</t>
  </si>
  <si>
    <t>19.5097713470459</t>
  </si>
  <si>
    <t>506.28155517578125</t>
  </si>
  <si>
    <t>0.04794757496991764</t>
  </si>
  <si>
    <t>58510</t>
  </si>
  <si>
    <t>19.079818725585938</t>
  </si>
  <si>
    <t>600.4275512695312</t>
  </si>
  <si>
    <t>0.051392247731129714</t>
  </si>
  <si>
    <t>57401</t>
  </si>
  <si>
    <t>19.05887794494629</t>
  </si>
  <si>
    <t>503.1353759765625</t>
  </si>
  <si>
    <t>-0.019135955023589446</t>
  </si>
  <si>
    <t>52803</t>
  </si>
  <si>
    <t>19.26424217224121</t>
  </si>
  <si>
    <t>386.9363098144531</t>
  </si>
  <si>
    <t>-0.08349371749661216</t>
  </si>
  <si>
    <t>55865</t>
  </si>
  <si>
    <t>18.844316482543945</t>
  </si>
  <si>
    <t>533.1620483398438</t>
  </si>
  <si>
    <t>0.056370058719359406</t>
  </si>
  <si>
    <t>19.658016204833984</t>
  </si>
  <si>
    <t>330.7384948730469</t>
  </si>
  <si>
    <t>0.01559423473659649</t>
  </si>
  <si>
    <t>20.655160903930664</t>
  </si>
  <si>
    <t>842.2549438476562</t>
  </si>
  <si>
    <t>773.7604370117188</t>
  </si>
  <si>
    <t>San Antonio, TX</t>
  </si>
  <si>
    <t>30902</t>
  </si>
  <si>
    <t>20.4963436126709</t>
  </si>
  <si>
    <t>822.4039306640625</t>
  </si>
  <si>
    <t>-0.014393360350702267</t>
  </si>
  <si>
    <t>20.302658081054688</t>
  </si>
  <si>
    <t>893.4421997070312</t>
  </si>
  <si>
    <t>0.02081607169199806</t>
  </si>
  <si>
    <t>19.932218551635742</t>
  </si>
  <si>
    <t>635.9075927734375</t>
  </si>
  <si>
    <t>0.014005169984695698</t>
  </si>
  <si>
    <t>20.739734649658203</t>
  </si>
  <si>
    <t>766.636962890625</t>
  </si>
  <si>
    <t>0.027313658496774806</t>
  </si>
  <si>
    <t>20.363656997680664</t>
  </si>
  <si>
    <t>557.5439453125</t>
  </si>
  <si>
    <t>0.014611580711459737</t>
  </si>
  <si>
    <t>34217</t>
  </si>
  <si>
    <t>20.49074363708496</t>
  </si>
  <si>
    <t>525.998291015625</t>
  </si>
  <si>
    <t>0.025155208977434285</t>
  </si>
  <si>
    <t>35303</t>
  </si>
  <si>
    <t>19.925254821777344</t>
  </si>
  <si>
    <t>882.546875</t>
  </si>
  <si>
    <t>0.031245349573264747</t>
  </si>
  <si>
    <t>21.453882217407227</t>
  </si>
  <si>
    <t>794.1915283203125</t>
  </si>
  <si>
    <t>0.03194607707222019</t>
  </si>
  <si>
    <t>21.26728057861328</t>
  </si>
  <si>
    <t>490.0912780761719</t>
  </si>
  <si>
    <t>0.03512443118801123</t>
  </si>
  <si>
    <t>20.759902954101562</t>
  </si>
  <si>
    <t>730.5926513671875</t>
  </si>
  <si>
    <t>0.028618141012946907</t>
  </si>
  <si>
    <t>38838</t>
  </si>
  <si>
    <t>20.573488235473633</t>
  </si>
  <si>
    <t>736.458740234375</t>
  </si>
  <si>
    <t>-0.0002574466456053415</t>
  </si>
  <si>
    <t>20.05122947692871</t>
  </si>
  <si>
    <t>834.9163818359375</t>
  </si>
  <si>
    <t>0.016724292221308446</t>
  </si>
  <si>
    <t>40704</t>
  </si>
  <si>
    <t>20.50311851501465</t>
  </si>
  <si>
    <t>651.1070556640625</t>
  </si>
  <si>
    <t>0.03020292670492175</t>
  </si>
  <si>
    <t>41145</t>
  </si>
  <si>
    <t>20.697364807128906</t>
  </si>
  <si>
    <t>997.2401733398438</t>
  </si>
  <si>
    <t>0.010776045340017859</t>
  </si>
  <si>
    <t>41728</t>
  </si>
  <si>
    <t>21.16810417175293</t>
  </si>
  <si>
    <t>452.3391418457031</t>
  </si>
  <si>
    <t>0.014069953246512057</t>
  </si>
  <si>
    <t>42694</t>
  </si>
  <si>
    <t>21.083349227905273</t>
  </si>
  <si>
    <t>577.2327880859375</t>
  </si>
  <si>
    <t>0.02288602883471924</t>
  </si>
  <si>
    <t>43181</t>
  </si>
  <si>
    <t>20.571619033813477</t>
  </si>
  <si>
    <t>807.5062255859375</t>
  </si>
  <si>
    <t>0.011342188549440024</t>
  </si>
  <si>
    <t>20.85853385925293</t>
  </si>
  <si>
    <t>348.3520202636719</t>
  </si>
  <si>
    <t>-0.005526928750345661</t>
  </si>
  <si>
    <t>41507</t>
  </si>
  <si>
    <t>20.73048210144043</t>
  </si>
  <si>
    <t>737.6069946289062</t>
  </si>
  <si>
    <t>-0.034011567226530204</t>
  </si>
  <si>
    <t>42632</t>
  </si>
  <si>
    <t>20.624544143676758</t>
  </si>
  <si>
    <t>687.3451538085938</t>
  </si>
  <si>
    <t>0.026743057283010074</t>
  </si>
  <si>
    <t>45306</t>
  </si>
  <si>
    <t>22.109407424926758</t>
  </si>
  <si>
    <t>522.659423828125</t>
  </si>
  <si>
    <t>0.06083432905486319</t>
  </si>
  <si>
    <t>49382</t>
  </si>
  <si>
    <t>21.985586166381836</t>
  </si>
  <si>
    <t>711.8673095703125</t>
  </si>
  <si>
    <t>0.08614651127511941</t>
  </si>
  <si>
    <t>54152</t>
  </si>
  <si>
    <t>20.585195541381836</t>
  </si>
  <si>
    <t>616.6730346679688</t>
  </si>
  <si>
    <t>0.09220892188184315</t>
  </si>
  <si>
    <t>56713</t>
  </si>
  <si>
    <t>20.477460861206055</t>
  </si>
  <si>
    <t>633.348388671875</t>
  </si>
  <si>
    <t>0.04620855414341207</t>
  </si>
  <si>
    <t>21.12206268310547</t>
  </si>
  <si>
    <t>942.50341796875</t>
  </si>
  <si>
    <t>-0.08110269714348739</t>
  </si>
  <si>
    <t>21.921417236328125</t>
  </si>
  <si>
    <t>983.7872314453125</t>
  </si>
  <si>
    <t>-0.03552166385406075</t>
  </si>
  <si>
    <t>51109</t>
  </si>
  <si>
    <t>21.46889305114746</t>
  </si>
  <si>
    <t>592.2562255859375</t>
  </si>
  <si>
    <t>0.012581506593877023</t>
  </si>
  <si>
    <t>53461</t>
  </si>
  <si>
    <t>21.297832489013672</t>
  </si>
  <si>
    <t>750.6953735351562</t>
  </si>
  <si>
    <t>0.04499180916403844</t>
  </si>
  <si>
    <t>52562</t>
  </si>
  <si>
    <t>21.434036254882812</t>
  </si>
  <si>
    <t>591.4814453125</t>
  </si>
  <si>
    <t>-0.01695899090730002</t>
  </si>
  <si>
    <t>21.676177978515625</t>
  </si>
  <si>
    <t>529.1640014648438</t>
  </si>
  <si>
    <t>-0.04192288819533907</t>
  </si>
  <si>
    <t>53327</t>
  </si>
  <si>
    <t>21.17723274230957</t>
  </si>
  <si>
    <t>659.4135131835938</t>
  </si>
  <si>
    <t>0.056372232506930686</t>
  </si>
  <si>
    <t>54165</t>
  </si>
  <si>
    <t>21.863027572631836</t>
  </si>
  <si>
    <t>425.03521728515625</t>
  </si>
  <si>
    <t>0.015592173883153038</t>
  </si>
  <si>
    <t>44877</t>
  </si>
  <si>
    <t>17.166383743286133</t>
  </si>
  <si>
    <t>172.26800537109375</t>
  </si>
  <si>
    <t>2410.607177734375</t>
  </si>
  <si>
    <t>San Diego-Carlsbad-San Marcos, CA</t>
  </si>
  <si>
    <t>16.766756057739258</t>
  </si>
  <si>
    <t>380.822998046875</t>
  </si>
  <si>
    <t>-0.014386476847318974</t>
  </si>
  <si>
    <t>45167</t>
  </si>
  <si>
    <t>17.999225616455078</t>
  </si>
  <si>
    <t>666.8114624023438</t>
  </si>
  <si>
    <t>0.020827794485100526</t>
  </si>
  <si>
    <t>45804</t>
  </si>
  <si>
    <t>17.586456298828125</t>
  </si>
  <si>
    <t>269.0496826171875</t>
  </si>
  <si>
    <t>0.014004691852878892</t>
  </si>
  <si>
    <t>47071</t>
  </si>
  <si>
    <t>16.92638397216797</t>
  </si>
  <si>
    <t>516.5991821289062</t>
  </si>
  <si>
    <t>0.02728567659061021</t>
  </si>
  <si>
    <t>17.6343936920166</t>
  </si>
  <si>
    <t>304.4566345214844</t>
  </si>
  <si>
    <t>0.014636053580268538</t>
  </si>
  <si>
    <t>17.61412811279297</t>
  </si>
  <si>
    <t>383.9710388183594</t>
  </si>
  <si>
    <t>0.025159729961464095</t>
  </si>
  <si>
    <t>17.666976928710938</t>
  </si>
  <si>
    <t>248.91188049316406</t>
  </si>
  <si>
    <t>0.03123306991296282</t>
  </si>
  <si>
    <t>52177</t>
  </si>
  <si>
    <t>16.404699325561523</t>
  </si>
  <si>
    <t>437.84063720703125</t>
  </si>
  <si>
    <t>0.03195583116693079</t>
  </si>
  <si>
    <t>16.66499900817871</t>
  </si>
  <si>
    <t>110.49486541748047</t>
  </si>
  <si>
    <t>0.03513824122155107</t>
  </si>
  <si>
    <t>55611</t>
  </si>
  <si>
    <t>17.026878356933594</t>
  </si>
  <si>
    <t>296.0815734863281</t>
  </si>
  <si>
    <t>0.028600997430180186</t>
  </si>
  <si>
    <t>55596</t>
  </si>
  <si>
    <t>17.12004852294922</t>
  </si>
  <si>
    <t>213.97857666015625</t>
  </si>
  <si>
    <t>-0.0002697671925488976</t>
  </si>
  <si>
    <t>57711</t>
  </si>
  <si>
    <t>17.34332275390625</t>
  </si>
  <si>
    <t>120.73804473876953</t>
  </si>
  <si>
    <t>0.03733654036964218</t>
  </si>
  <si>
    <t>60657</t>
  </si>
  <si>
    <t>17.31360626220703</t>
  </si>
  <si>
    <t>315.8457336425781</t>
  </si>
  <si>
    <t>0.049787248461118594</t>
  </si>
  <si>
    <t>63710</t>
  </si>
  <si>
    <t>17.46493911743164</t>
  </si>
  <si>
    <t>455.56158447265625</t>
  </si>
  <si>
    <t>0.04910649107512377</t>
  </si>
  <si>
    <t>66474</t>
  </si>
  <si>
    <t>17.531957626342773</t>
  </si>
  <si>
    <t>283.0838623046875</t>
  </si>
  <si>
    <t>0.04246935763819337</t>
  </si>
  <si>
    <t>67380</t>
  </si>
  <si>
    <t>17.386903762817383</t>
  </si>
  <si>
    <t>195.76742553710938</t>
  </si>
  <si>
    <t>0.01353734421181585</t>
  </si>
  <si>
    <t>67645</t>
  </si>
  <si>
    <t>17.585603713989258</t>
  </si>
  <si>
    <t>218.5594024658203</t>
  </si>
  <si>
    <t>0.003925204076917765</t>
  </si>
  <si>
    <t>65342</t>
  </si>
  <si>
    <t>17.550661087036133</t>
  </si>
  <si>
    <t>167.18833923339844</t>
  </si>
  <si>
    <t>-0.03463842722933208</t>
  </si>
  <si>
    <t>62165</t>
  </si>
  <si>
    <t>17.28946876525879</t>
  </si>
  <si>
    <t>299.40966796875</t>
  </si>
  <si>
    <t>-0.04984287442109192</t>
  </si>
  <si>
    <t>61695</t>
  </si>
  <si>
    <t>17.072168350219727</t>
  </si>
  <si>
    <t>347.78155517578125</t>
  </si>
  <si>
    <t>-0.0075892500544032515</t>
  </si>
  <si>
    <t>61904</t>
  </si>
  <si>
    <t>16.961971282958984</t>
  </si>
  <si>
    <t>256.6513671875</t>
  </si>
  <si>
    <t>0.0033819076076611054</t>
  </si>
  <si>
    <t>62004</t>
  </si>
  <si>
    <t>17.502696990966797</t>
  </si>
  <si>
    <t>219.92648315429688</t>
  </si>
  <si>
    <t>0.0016141011348906886</t>
  </si>
  <si>
    <t>63832</t>
  </si>
  <si>
    <t>17.860595703125</t>
  </si>
  <si>
    <t>103.19924926757812</t>
  </si>
  <si>
    <t>0.02905573291293173</t>
  </si>
  <si>
    <t>65120</t>
  </si>
  <si>
    <t>18.9244327545166</t>
  </si>
  <si>
    <t>225.7886505126953</t>
  </si>
  <si>
    <t>0.019977089688303806</t>
  </si>
  <si>
    <t>67480</t>
  </si>
  <si>
    <t>18.564767837524414</t>
  </si>
  <si>
    <t>198.31640625</t>
  </si>
  <si>
    <t>0.035599535983482866</t>
  </si>
  <si>
    <t>68300</t>
  </si>
  <si>
    <t>18.203039169311523</t>
  </si>
  <si>
    <t>328.9914245605469</t>
  </si>
  <si>
    <t>0.012078508898976992</t>
  </si>
  <si>
    <t>69816</t>
  </si>
  <si>
    <t>18.713407516479492</t>
  </si>
  <si>
    <t>207.87698364257812</t>
  </si>
  <si>
    <t>0.021953443284266072</t>
  </si>
  <si>
    <t>71272</t>
  </si>
  <si>
    <t>18.22256851196289</t>
  </si>
  <si>
    <t>265.6614074707031</t>
  </si>
  <si>
    <t>0.02064033355733308</t>
  </si>
  <si>
    <t>73462</t>
  </si>
  <si>
    <t>17.597379684448242</t>
  </si>
  <si>
    <t>381.0765686035156</t>
  </si>
  <si>
    <t>0.030264722303627423</t>
  </si>
  <si>
    <t>70436</t>
  </si>
  <si>
    <t>18.325708389282227</t>
  </si>
  <si>
    <t>276.7629089355469</t>
  </si>
  <si>
    <t>-0.042063769623439384</t>
  </si>
  <si>
    <t>74521</t>
  </si>
  <si>
    <t>17.82136344909668</t>
  </si>
  <si>
    <t>192.7670135498047</t>
  </si>
  <si>
    <t>0.05637646876113678</t>
  </si>
  <si>
    <t>75691</t>
  </si>
  <si>
    <t>17.594274520874023</t>
  </si>
  <si>
    <t>308.16290283203125</t>
  </si>
  <si>
    <t>0.015578298159045545</t>
  </si>
  <si>
    <t>14.320708274841309</t>
  </si>
  <si>
    <t>282.8022155761719</t>
  </si>
  <si>
    <t>4435.017578125</t>
  </si>
  <si>
    <t>San Jose-San Francisco-Oakland, CA</t>
  </si>
  <si>
    <t>54115</t>
  </si>
  <si>
    <t>14.217483520507812</t>
  </si>
  <si>
    <t>569.3668212890625</t>
  </si>
  <si>
    <t>-0.014383721666234806</t>
  </si>
  <si>
    <t>55253</t>
  </si>
  <si>
    <t>15.237754821777344</t>
  </si>
  <si>
    <t>877.1063232421875</t>
  </si>
  <si>
    <t>0.02081122581916972</t>
  </si>
  <si>
    <t>14.638077735900879</t>
  </si>
  <si>
    <t>549.179443359375</t>
  </si>
  <si>
    <t>0.014018165322511322</t>
  </si>
  <si>
    <t>57583</t>
  </si>
  <si>
    <t>14.290729522705078</t>
  </si>
  <si>
    <t>774.5413208007812</t>
  </si>
  <si>
    <t>0.027286582362112455</t>
  </si>
  <si>
    <t>14.925763130187988</t>
  </si>
  <si>
    <t>779.4283447265625</t>
  </si>
  <si>
    <t>0.014636299721599855</t>
  </si>
  <si>
    <t>59921</t>
  </si>
  <si>
    <t>15.1519136428833</t>
  </si>
  <si>
    <t>1001.4574584960938</t>
  </si>
  <si>
    <t>0.02516334301576073</t>
  </si>
  <si>
    <t>61822</t>
  </si>
  <si>
    <t>14.663575172424316</t>
  </si>
  <si>
    <t>611.8983764648438</t>
  </si>
  <si>
    <t>0.031232260182040505</t>
  </si>
  <si>
    <t>63829</t>
  </si>
  <si>
    <t>13.436236381530762</t>
  </si>
  <si>
    <t>826.5673217773438</t>
  </si>
  <si>
    <t>0.03194834436049554</t>
  </si>
  <si>
    <t>13.898364067077637</t>
  </si>
  <si>
    <t>612.8043823242188</t>
  </si>
  <si>
    <t>0.03512751500493039</t>
  </si>
  <si>
    <t>68031</t>
  </si>
  <si>
    <t>14.069090843200684</t>
  </si>
  <si>
    <t>639.658935546875</t>
  </si>
  <si>
    <t>0.028628336110529062</t>
  </si>
  <si>
    <t>68011</t>
  </si>
  <si>
    <t>14.607901573181152</t>
  </si>
  <si>
    <t>714.89990234375</t>
  </si>
  <si>
    <t>-0.00029402684676860247</t>
  </si>
  <si>
    <t>66780</t>
  </si>
  <si>
    <t>14.693344116210938</t>
  </si>
  <si>
    <t>625.5568237304688</t>
  </si>
  <si>
    <t>-0.01826582228398088</t>
  </si>
  <si>
    <t>68191</t>
  </si>
  <si>
    <t>14.759883880615234</t>
  </si>
  <si>
    <t>623.5882568359375</t>
  </si>
  <si>
    <t>0.020908956816400703</t>
  </si>
  <si>
    <t>69116</t>
  </si>
  <si>
    <t>14.835331916809082</t>
  </si>
  <si>
    <t>689.1968383789062</t>
  </si>
  <si>
    <t>0.013473661118965197</t>
  </si>
  <si>
    <t>71626</t>
  </si>
  <si>
    <t>14.843342781066895</t>
  </si>
  <si>
    <t>810.6453857421875</t>
  </si>
  <si>
    <t>0.035671884092151274</t>
  </si>
  <si>
    <t>73900</t>
  </si>
  <si>
    <t>14.460838317871094</t>
  </si>
  <si>
    <t>629.9785766601562</t>
  </si>
  <si>
    <t>0.0312546914111298</t>
  </si>
  <si>
    <t>74986</t>
  </si>
  <si>
    <t>14.778396606445312</t>
  </si>
  <si>
    <t>622.3281860351562</t>
  </si>
  <si>
    <t>0.014588601491096753</t>
  </si>
  <si>
    <t>75589</t>
  </si>
  <si>
    <t>14.625287055969238</t>
  </si>
  <si>
    <t>283.06207275390625</t>
  </si>
  <si>
    <t>0.00800934050819535</t>
  </si>
  <si>
    <t>71719</t>
  </si>
  <si>
    <t>14.617859840393066</t>
  </si>
  <si>
    <t>688.216552734375</t>
  </si>
  <si>
    <t>-0.05255506442582458</t>
  </si>
  <si>
    <t>72805</t>
  </si>
  <si>
    <t>14.192038536071777</t>
  </si>
  <si>
    <t>705.955810546875</t>
  </si>
  <si>
    <t>0.015028928635244299</t>
  </si>
  <si>
    <t>73943</t>
  </si>
  <si>
    <t>14.01436996459961</t>
  </si>
  <si>
    <t>584.2449951171875</t>
  </si>
  <si>
    <t>0.01550989196046082</t>
  </si>
  <si>
    <t>77086</t>
  </si>
  <si>
    <t>14.876800537109375</t>
  </si>
  <si>
    <t>624.091552734375</t>
  </si>
  <si>
    <t>0.041627155597311116</t>
  </si>
  <si>
    <t>80146</t>
  </si>
  <si>
    <t>15.294631004333496</t>
  </si>
  <si>
    <t>160.02642822265625</t>
  </si>
  <si>
    <t>0.03892828966410278</t>
  </si>
  <si>
    <t>83706</t>
  </si>
  <si>
    <t>16.389341354370117</t>
  </si>
  <si>
    <t>592.0774536132812</t>
  </si>
  <si>
    <t>0.04346068812928294</t>
  </si>
  <si>
    <t>88446</t>
  </si>
  <si>
    <t>16.01418113708496</t>
  </si>
  <si>
    <t>597.724609375</t>
  </si>
  <si>
    <t>0.05508153677916994</t>
  </si>
  <si>
    <t>92042</t>
  </si>
  <si>
    <t>15.509986877441406</t>
  </si>
  <si>
    <t>809.4973754882812</t>
  </si>
  <si>
    <t>0.03985279832063071</t>
  </si>
  <si>
    <t>96814</t>
  </si>
  <si>
    <t>15.951512336730957</t>
  </si>
  <si>
    <t>593.4017944335938</t>
  </si>
  <si>
    <t>0.05054661731024268</t>
  </si>
  <si>
    <t>100370</t>
  </si>
  <si>
    <t>15.57326889038086</t>
  </si>
  <si>
    <t>613.8834228515625</t>
  </si>
  <si>
    <t>0.03607174590164064</t>
  </si>
  <si>
    <t>104321</t>
  </si>
  <si>
    <t>15.219131469726562</t>
  </si>
  <si>
    <t>641.5403442382812</t>
  </si>
  <si>
    <t>0.038609326196258564</t>
  </si>
  <si>
    <t>104463</t>
  </si>
  <si>
    <t>15.836640357971191</t>
  </si>
  <si>
    <t>381.9000549316406</t>
  </si>
  <si>
    <t>0.0013602577007372219</t>
  </si>
  <si>
    <t>110521</t>
  </si>
  <si>
    <t>15.38720703125</t>
  </si>
  <si>
    <t>459.4381408691406</t>
  </si>
  <si>
    <t>0.05637260642765973</t>
  </si>
  <si>
    <t>112257</t>
  </si>
  <si>
    <t>15.46814250946045</t>
  </si>
  <si>
    <t>650.4127807617188</t>
  </si>
  <si>
    <t>0.015585337329426352</t>
  </si>
  <si>
    <t>8.137730598449707</t>
  </si>
  <si>
    <t>496.86444091796875</t>
  </si>
  <si>
    <t>99.50717163085938</t>
  </si>
  <si>
    <t>Santa Fe-Espanola, NM</t>
  </si>
  <si>
    <t>33804</t>
  </si>
  <si>
    <t>8.069844245910645</t>
  </si>
  <si>
    <t>561.278564453125</t>
  </si>
  <si>
    <t>-0.014391273074423339</t>
  </si>
  <si>
    <t>8.109711647033691</t>
  </si>
  <si>
    <t>432.58856201171875</t>
  </si>
  <si>
    <t>0.020814873473202766</t>
  </si>
  <si>
    <t>7.921606540679932</t>
  </si>
  <si>
    <t>397.1266174316406</t>
  </si>
  <si>
    <t>0.0140111905585254</t>
  </si>
  <si>
    <t>35970</t>
  </si>
  <si>
    <t>9.07655143737793</t>
  </si>
  <si>
    <t>500.330810546875</t>
  </si>
  <si>
    <t>0.027280054993568115</t>
  </si>
  <si>
    <t>8.893340110778809</t>
  </si>
  <si>
    <t>355.9581604003906</t>
  </si>
  <si>
    <t>0.014654399765888115</t>
  </si>
  <si>
    <t>8.940597534179688</t>
  </si>
  <si>
    <t>395.94354248046875</t>
  </si>
  <si>
    <t>0.025159580623572708</t>
  </si>
  <si>
    <t>7.819202423095703</t>
  </si>
  <si>
    <t>540.8623657226562</t>
  </si>
  <si>
    <t>0.031219250923353314</t>
  </si>
  <si>
    <t>8.628630638122559</t>
  </si>
  <si>
    <t>475.8840026855469</t>
  </si>
  <si>
    <t>0.031955834144641315</t>
  </si>
  <si>
    <t>41298</t>
  </si>
  <si>
    <t>8.729207038879395</t>
  </si>
  <si>
    <t>470.07537841796875</t>
  </si>
  <si>
    <t>0.03513974947929377</t>
  </si>
  <si>
    <t>8.751070976257324</t>
  </si>
  <si>
    <t>481.7087707519531</t>
  </si>
  <si>
    <t>0.028595881209685814</t>
  </si>
  <si>
    <t>9.15086841583252</t>
  </si>
  <si>
    <t>372.5494384765625</t>
  </si>
  <si>
    <t>-0.00025888139846408365</t>
  </si>
  <si>
    <t>46061</t>
  </si>
  <si>
    <t>8.87088394165039</t>
  </si>
  <si>
    <t>336.3375244140625</t>
  </si>
  <si>
    <t>0.08081553251334306</t>
  </si>
  <si>
    <t>45448</t>
  </si>
  <si>
    <t>9.093276023864746</t>
  </si>
  <si>
    <t>308.7202453613281</t>
  </si>
  <si>
    <t>-0.013397789714021613</t>
  </si>
  <si>
    <t>8.607151985168457</t>
  </si>
  <si>
    <t>538.0764770507812</t>
  </si>
  <si>
    <t>0.011963879674295796</t>
  </si>
  <si>
    <t>48028</t>
  </si>
  <si>
    <t>9.137548446655273</t>
  </si>
  <si>
    <t>415.8265075683594</t>
  </si>
  <si>
    <t>0.04325147923935013</t>
  </si>
  <si>
    <t>8.744648933410645</t>
  </si>
  <si>
    <t>445.939208984375</t>
  </si>
  <si>
    <t>-0.002773059333616601</t>
  </si>
  <si>
    <t>8.97655200958252</t>
  </si>
  <si>
    <t>406.3412780761719</t>
  </si>
  <si>
    <t>0.027146701403708562</t>
  </si>
  <si>
    <t>51073</t>
  </si>
  <si>
    <t>8.892931938171387</t>
  </si>
  <si>
    <t>373.26953125</t>
  </si>
  <si>
    <t>0.037098165597592825</t>
  </si>
  <si>
    <t>46677</t>
  </si>
  <si>
    <t>8.85387897491455</t>
  </si>
  <si>
    <t>394.8773193359375</t>
  </si>
  <si>
    <t>-0.09000444383522144</t>
  </si>
  <si>
    <t>46643</t>
  </si>
  <si>
    <t>8.94676399230957</t>
  </si>
  <si>
    <t>412.6776123046875</t>
  </si>
  <si>
    <t>-0.0007286755573154835</t>
  </si>
  <si>
    <t>45741</t>
  </si>
  <si>
    <t>9.29711627960205</t>
  </si>
  <si>
    <t>302.5651550292969</t>
  </si>
  <si>
    <t>-0.019527811385739113</t>
  </si>
  <si>
    <t>44056</t>
  </si>
  <si>
    <t>9.816812515258789</t>
  </si>
  <si>
    <t>284.5003356933594</t>
  </si>
  <si>
    <t>-0.037533499097699874</t>
  </si>
  <si>
    <t>8.644676208496094</t>
  </si>
  <si>
    <t>362.6195068359375</t>
  </si>
  <si>
    <t>-0.01677788014764303</t>
  </si>
  <si>
    <t>43423</t>
  </si>
  <si>
    <t>9.060132026672363</t>
  </si>
  <si>
    <t>453.92791748046875</t>
  </si>
  <si>
    <t>0.0023055828348894636</t>
  </si>
  <si>
    <t>9.440206527709961</t>
  </si>
  <si>
    <t>612.4828491210938</t>
  </si>
  <si>
    <t>-0.016696661985259098</t>
  </si>
  <si>
    <t>9.834789276123047</t>
  </si>
  <si>
    <t>440.3506774902344</t>
  </si>
  <si>
    <t>0.01110799102617932</t>
  </si>
  <si>
    <t>10.033600807189941</t>
  </si>
  <si>
    <t>402.4316711425781</t>
  </si>
  <si>
    <t>-0.007858312549441138</t>
  </si>
  <si>
    <t>9.506537437438965</t>
  </si>
  <si>
    <t>420.8648376464844</t>
  </si>
  <si>
    <t>0.010079044915519475</t>
  </si>
  <si>
    <t>8.990311622619629</t>
  </si>
  <si>
    <t>413.6493225097656</t>
  </si>
  <si>
    <t>0.02629360089339272</t>
  </si>
  <si>
    <t>9.73930835723877</t>
  </si>
  <si>
    <t>306.9708251953125</t>
  </si>
  <si>
    <t>-0.055317158091627405</t>
  </si>
  <si>
    <t>9.63956356048584</t>
  </si>
  <si>
    <t>361.6116943359375</t>
  </si>
  <si>
    <t>0.05637444276838366</t>
  </si>
  <si>
    <t>9.280640602111816</t>
  </si>
  <si>
    <t>387.70086669921875</t>
  </si>
  <si>
    <t>0.015593770745962132</t>
  </si>
  <si>
    <t>30274</t>
  </si>
  <si>
    <t>24.3221492767334</t>
  </si>
  <si>
    <t>1194.6981201171875</t>
  </si>
  <si>
    <t>614.8219604492188</t>
  </si>
  <si>
    <t>Sarasota-Bradenton-Venice, FL</t>
  </si>
  <si>
    <t>23.685270309448242</t>
  </si>
  <si>
    <t>1409.188232421875</t>
  </si>
  <si>
    <t>-0.014405971501986414</t>
  </si>
  <si>
    <t>23.38176918029785</t>
  </si>
  <si>
    <t>1455.3817138671875</t>
  </si>
  <si>
    <t>0.020826486454277315</t>
  </si>
  <si>
    <t>30899</t>
  </si>
  <si>
    <t>23.005096435546875</t>
  </si>
  <si>
    <t>1296.7335205078125</t>
  </si>
  <si>
    <t>0.014014047627812332</t>
  </si>
  <si>
    <t>24.054405212402344</t>
  </si>
  <si>
    <t>1550.486572265625</t>
  </si>
  <si>
    <t>0.027294880734842764</t>
  </si>
  <si>
    <t>32222</t>
  </si>
  <si>
    <t>23.548479080200195</t>
  </si>
  <si>
    <t>1643.8204345703125</t>
  </si>
  <si>
    <t>0.014630747413475476</t>
  </si>
  <si>
    <t>23.198793411254883</t>
  </si>
  <si>
    <t>1215.052734375</t>
  </si>
  <si>
    <t>0.025160294493476343</t>
  </si>
  <si>
    <t>23.587995529174805</t>
  </si>
  <si>
    <t>1551.0162353515625</t>
  </si>
  <si>
    <t>0.03122367627288014</t>
  </si>
  <si>
    <t>35198</t>
  </si>
  <si>
    <t>24.11136817932129</t>
  </si>
  <si>
    <t>1465.001220703125</t>
  </si>
  <si>
    <t>0.031955842972868354</t>
  </si>
  <si>
    <t>23.400667190551758</t>
  </si>
  <si>
    <t>1262.0621337890625</t>
  </si>
  <si>
    <t>0.03511679115356081</t>
  </si>
  <si>
    <t>23.027158737182617</t>
  </si>
  <si>
    <t>1148.3992919921875</t>
  </si>
  <si>
    <t>0.028634799036112213</t>
  </si>
  <si>
    <t>37504</t>
  </si>
  <si>
    <t>23.623414993286133</t>
  </si>
  <si>
    <t>1449.483154296875</t>
  </si>
  <si>
    <t>-0.0002932590431452553</t>
  </si>
  <si>
    <t>39018</t>
  </si>
  <si>
    <t>23.397958755493164</t>
  </si>
  <si>
    <t>1508.1318359375</t>
  </si>
  <si>
    <t>0.03957548416052248</t>
  </si>
  <si>
    <t>23.611696243286133</t>
  </si>
  <si>
    <t>1568.6553955078125</t>
  </si>
  <si>
    <t>0.03279974375317707</t>
  </si>
  <si>
    <t>23.498016357421875</t>
  </si>
  <si>
    <t>1477.2093505859375</t>
  </si>
  <si>
    <t>0.055969957989342234</t>
  </si>
  <si>
    <t>23.390947341918945</t>
  </si>
  <si>
    <t>1561.656982421875</t>
  </si>
  <si>
    <t>0.06348995328972151</t>
  </si>
  <si>
    <t>46590</t>
  </si>
  <si>
    <t>23.61952781677246</t>
  </si>
  <si>
    <t>1245.401611328125</t>
  </si>
  <si>
    <t>0.02510319268139405</t>
  </si>
  <si>
    <t>44868</t>
  </si>
  <si>
    <t>23.869821548461914</t>
  </si>
  <si>
    <t>1221.663818359375</t>
  </si>
  <si>
    <t>-0.03766108004572821</t>
  </si>
  <si>
    <t>40835</t>
  </si>
  <si>
    <t>23.48138999938965</t>
  </si>
  <si>
    <t>1331.1844482421875</t>
  </si>
  <si>
    <t>-0.09418528897273681</t>
  </si>
  <si>
    <t>23.4771785736084</t>
  </si>
  <si>
    <t>1318.013427734375</t>
  </si>
  <si>
    <t>-0.06531756824072588</t>
  </si>
  <si>
    <t>22.804094314575195</t>
  </si>
  <si>
    <t>1329.208251953125</t>
  </si>
  <si>
    <t>-0.022604761514745775</t>
  </si>
  <si>
    <t>36543</t>
  </si>
  <si>
    <t>24.217445373535156</t>
  </si>
  <si>
    <t>1364.0826416015625</t>
  </si>
  <si>
    <t>-0.023127577668835997</t>
  </si>
  <si>
    <t>24.140321731567383</t>
  </si>
  <si>
    <t>1686.45458984375</t>
  </si>
  <si>
    <t>-0.012030592871465018</t>
  </si>
  <si>
    <t>36303</t>
  </si>
  <si>
    <t>23.56513023376465</t>
  </si>
  <si>
    <t>1765.3486328125</t>
  </si>
  <si>
    <t>0.005441325969558264</t>
  </si>
  <si>
    <t>37233</t>
  </si>
  <si>
    <t>23.754430770874023</t>
  </si>
  <si>
    <t>1517.841552734375</t>
  </si>
  <si>
    <t>0.02529508233146771</t>
  </si>
  <si>
    <t>24.589689254760742</t>
  </si>
  <si>
    <t>1666.8994140625</t>
  </si>
  <si>
    <t>0.041018574987557344</t>
  </si>
  <si>
    <t>24.598648071289062</t>
  </si>
  <si>
    <t>1456.89404296875</t>
  </si>
  <si>
    <t>0.019452787096783553</t>
  </si>
  <si>
    <t>39744</t>
  </si>
  <si>
    <t>24.25286293029785</t>
  </si>
  <si>
    <t>1625.8280029296875</t>
  </si>
  <si>
    <t>0.004792059411180105</t>
  </si>
  <si>
    <t>24.362051010131836</t>
  </si>
  <si>
    <t>1480.5452880859375</t>
  </si>
  <si>
    <t>0.017311050634095437</t>
  </si>
  <si>
    <t>41324</t>
  </si>
  <si>
    <t>24.94105339050293</t>
  </si>
  <si>
    <t>1626.471435546875</t>
  </si>
  <si>
    <t>0.021673508042090006</t>
  </si>
  <si>
    <t>24.623123168945312</t>
  </si>
  <si>
    <t>1576.4708251953125</t>
  </si>
  <si>
    <t>0.08225911294822552</t>
  </si>
  <si>
    <t>47469</t>
  </si>
  <si>
    <t>24.099853515625</t>
  </si>
  <si>
    <t>1503.6158447265625</t>
  </si>
  <si>
    <t>0.05637430846953073</t>
  </si>
  <si>
    <t>48214</t>
  </si>
  <si>
    <t>24.509363174438477</t>
  </si>
  <si>
    <t>1558.5269775390625</t>
  </si>
  <si>
    <t>0.015572568908831741</t>
  </si>
  <si>
    <t>20.2936954498291</t>
  </si>
  <si>
    <t>1166.593994140625</t>
  </si>
  <si>
    <t>334.5000305175781</t>
  </si>
  <si>
    <t>Savannah-Hinesville-Fort Stewart, GA</t>
  </si>
  <si>
    <t>19.884668350219727</t>
  </si>
  <si>
    <t>1385.7608642578125</t>
  </si>
  <si>
    <t>-0.014386313512300575</t>
  </si>
  <si>
    <t>19.02130126953125</t>
  </si>
  <si>
    <t>1488.2862548828125</t>
  </si>
  <si>
    <t>0.020788255953613444</t>
  </si>
  <si>
    <t>18.701416015625</t>
  </si>
  <si>
    <t>1118.541748046875</t>
  </si>
  <si>
    <t>0.014026864083882984</t>
  </si>
  <si>
    <t>19.512598037719727</t>
  </si>
  <si>
    <t>1547.3798828125</t>
  </si>
  <si>
    <t>0.02728558746841081</t>
  </si>
  <si>
    <t>31818</t>
  </si>
  <si>
    <t>19.104190826416016</t>
  </si>
  <si>
    <t>1302.211669921875</t>
  </si>
  <si>
    <t>0.014626531056572745</t>
  </si>
  <si>
    <t>18.716272354125977</t>
  </si>
  <si>
    <t>1098.940673828125</t>
  </si>
  <si>
    <t>0.025169296108371597</t>
  </si>
  <si>
    <t>18.708219528198242</t>
  </si>
  <si>
    <t>1458.7994384765625</t>
  </si>
  <si>
    <t>0.031227553623825344</t>
  </si>
  <si>
    <t>20.00817108154297</t>
  </si>
  <si>
    <t>1280.712890625</t>
  </si>
  <si>
    <t>0.031980744227297464</t>
  </si>
  <si>
    <t>36000</t>
  </si>
  <si>
    <t>19.197179794311523</t>
  </si>
  <si>
    <t>1137.188720703125</t>
  </si>
  <si>
    <t>0.035109177113568535</t>
  </si>
  <si>
    <t>18.701128005981445</t>
  </si>
  <si>
    <t>1010.1410522460938</t>
  </si>
  <si>
    <t>0.028614451412510178</t>
  </si>
  <si>
    <t>19.27923011779785</t>
  </si>
  <si>
    <t>982.9105834960938</t>
  </si>
  <si>
    <t>-0.0002699784033683983</t>
  </si>
  <si>
    <t>19.005910873413086</t>
  </si>
  <si>
    <t>1177.9774169921875</t>
  </si>
  <si>
    <t>0.003369502480385478</t>
  </si>
  <si>
    <t>18.95600128173828</t>
  </si>
  <si>
    <t>1450.6591796875</t>
  </si>
  <si>
    <t>0.04298112585741265</t>
  </si>
  <si>
    <t>39945</t>
  </si>
  <si>
    <t>19.53068733215332</t>
  </si>
  <si>
    <t>1132.4097900390625</t>
  </si>
  <si>
    <t>0.029289468130954788</t>
  </si>
  <si>
    <t>41408</t>
  </si>
  <si>
    <t>19.25120735168457</t>
  </si>
  <si>
    <t>1204.420654296875</t>
  </si>
  <si>
    <t>0.035970590944430114</t>
  </si>
  <si>
    <t>19.255535125732422</t>
  </si>
  <si>
    <t>1006.150146484375</t>
  </si>
  <si>
    <t>0.018756530732495946</t>
  </si>
  <si>
    <t>42447</t>
  </si>
  <si>
    <t>19.480186462402344</t>
  </si>
  <si>
    <t>964.328369140625</t>
  </si>
  <si>
    <t>0.006025609270993826</t>
  </si>
  <si>
    <t>18.997539520263672</t>
  </si>
  <si>
    <t>1171.6595458984375</t>
  </si>
  <si>
    <t>-0.02400964093069824</t>
  </si>
  <si>
    <t>40353</t>
  </si>
  <si>
    <t>18.799753189086914</t>
  </si>
  <si>
    <t>1449.58447265625</t>
  </si>
  <si>
    <t>-0.02658085655667186</t>
  </si>
  <si>
    <t>18.72077751159668</t>
  </si>
  <si>
    <t>979.482177734375</t>
  </si>
  <si>
    <t>0.004894699775245925</t>
  </si>
  <si>
    <t>20.078725814819336</t>
  </si>
  <si>
    <t>951.3115844726562</t>
  </si>
  <si>
    <t>-0.00563841541267962</t>
  </si>
  <si>
    <t>20.308284759521484</t>
  </si>
  <si>
    <t>1071.9598388671875</t>
  </si>
  <si>
    <t>0.0027489894350143373</t>
  </si>
  <si>
    <t>18.61751365661621</t>
  </si>
  <si>
    <t>1490.4312744140625</t>
  </si>
  <si>
    <t>0.013510731444766222</t>
  </si>
  <si>
    <t>41420</t>
  </si>
  <si>
    <t>19.101118087768555</t>
  </si>
  <si>
    <t>1252.4495849609375</t>
  </si>
  <si>
    <t>0.010582109330536937</t>
  </si>
  <si>
    <t>20.26383399963379</t>
  </si>
  <si>
    <t>1313.5560302734375</t>
  </si>
  <si>
    <t>0.03240034495209443</t>
  </si>
  <si>
    <t>20.93549346923828</t>
  </si>
  <si>
    <t>1230.4193115234375</t>
  </si>
  <si>
    <t>0.009375323117312817</t>
  </si>
  <si>
    <t>43581</t>
  </si>
  <si>
    <t>20.042478561401367</t>
  </si>
  <si>
    <t>1286.12158203125</t>
  </si>
  <si>
    <t>0.009081751522009185</t>
  </si>
  <si>
    <t>20.34284782409668</t>
  </si>
  <si>
    <t>1393.8121337890625</t>
  </si>
  <si>
    <t>0.019091055035836746</t>
  </si>
  <si>
    <t>44583</t>
  </si>
  <si>
    <t>20.91307258605957</t>
  </si>
  <si>
    <t>1203.4881591796875</t>
  </si>
  <si>
    <t>0.003640289849849765</t>
  </si>
  <si>
    <t>20.404598236083984</t>
  </si>
  <si>
    <t>1478.4315185546875</t>
  </si>
  <si>
    <t>-0.005352657616125356</t>
  </si>
  <si>
    <t>19.71045684814453</t>
  </si>
  <si>
    <t>1347.5279541015625</t>
  </si>
  <si>
    <t>0.05638012029377215</t>
  </si>
  <si>
    <t>47653</t>
  </si>
  <si>
    <t>20.076059341430664</t>
  </si>
  <si>
    <t>1205.08056640625</t>
  </si>
  <si>
    <t>0.015565504072784009</t>
  </si>
  <si>
    <t>8.8351469039917</t>
  </si>
  <si>
    <t>465.7467041015625</t>
  </si>
  <si>
    <t>40.133628845214844</t>
  </si>
  <si>
    <t>Scotts Bluff, NE</t>
  </si>
  <si>
    <t>9.823101997375488</t>
  </si>
  <si>
    <t>445.3853454589844</t>
  </si>
  <si>
    <t>-0.014377302162067451</t>
  </si>
  <si>
    <t>8.801462173461914</t>
  </si>
  <si>
    <t>394.4299621582031</t>
  </si>
  <si>
    <t>0.02081233080297551</t>
  </si>
  <si>
    <t>7.8056640625</t>
  </si>
  <si>
    <t>497.8514709472656</t>
  </si>
  <si>
    <t>0.014012968151694949</t>
  </si>
  <si>
    <t>9.868584632873535</t>
  </si>
  <si>
    <t>324.8025817871094</t>
  </si>
  <si>
    <t>0.02727930277148971</t>
  </si>
  <si>
    <t>8.719212532043457</t>
  </si>
  <si>
    <t>516.2410278320312</t>
  </si>
  <si>
    <t>0.014630019432289032</t>
  </si>
  <si>
    <t>8.548973083496094</t>
  </si>
  <si>
    <t>421.0818176269531</t>
  </si>
  <si>
    <t>0.025156048035700707</t>
  </si>
  <si>
    <t>8.421083450317383</t>
  </si>
  <si>
    <t>464.2150573730469</t>
  </si>
  <si>
    <t>0.03124951025514555</t>
  </si>
  <si>
    <t>9.328377723693848</t>
  </si>
  <si>
    <t>494.5010986328125</t>
  </si>
  <si>
    <t>0.031969627471859496</t>
  </si>
  <si>
    <t>9.672560691833496</t>
  </si>
  <si>
    <t>462.16033935546875</t>
  </si>
  <si>
    <t>0.03509770194130546</t>
  </si>
  <si>
    <t>34551</t>
  </si>
  <si>
    <t>9.15422248840332</t>
  </si>
  <si>
    <t>402.5176086425781</t>
  </si>
  <si>
    <t>0.028624967323590766</t>
  </si>
  <si>
    <t>9.534842491149902</t>
  </si>
  <si>
    <t>400.38134765625</t>
  </si>
  <si>
    <t>8.99828815460205</t>
  </si>
  <si>
    <t>270.5212097167969</t>
  </si>
  <si>
    <t>0.022980964701190487</t>
  </si>
  <si>
    <t>9.195164680480957</t>
  </si>
  <si>
    <t>411.7312927246094</t>
  </si>
  <si>
    <t>0.10058182204937616</t>
  </si>
  <si>
    <t>38649</t>
  </si>
  <si>
    <t>9.284919738769531</t>
  </si>
  <si>
    <t>400.2704162597656</t>
  </si>
  <si>
    <t>-0.011217860194797424</t>
  </si>
  <si>
    <t>10.18683910369873</t>
  </si>
  <si>
    <t>444.69891357421875</t>
  </si>
  <si>
    <t>0.01581263534934152</t>
  </si>
  <si>
    <t>41237</t>
  </si>
  <si>
    <t>9.288073539733887</t>
  </si>
  <si>
    <t>314.8064880371094</t>
  </si>
  <si>
    <t>0.04900237476802616</t>
  </si>
  <si>
    <t>42538</t>
  </si>
  <si>
    <t>9.499624252319336</t>
  </si>
  <si>
    <t>373.6419982910156</t>
  </si>
  <si>
    <t>0.031061882497489535</t>
  </si>
  <si>
    <t>8.560929298400879</t>
  </si>
  <si>
    <t>434.2747802734375</t>
  </si>
  <si>
    <t>0.0595260383803371</t>
  </si>
  <si>
    <t>8.01992130279541</t>
  </si>
  <si>
    <t>524.255126953125</t>
  </si>
  <si>
    <t>-0.08447139812791526</t>
  </si>
  <si>
    <t>9.052391052246094</t>
  </si>
  <si>
    <t>518.2930297851562</t>
  </si>
  <si>
    <t>0.05388453532973436</t>
  </si>
  <si>
    <t>50264</t>
  </si>
  <si>
    <t>9.227705955505371</t>
  </si>
  <si>
    <t>501.12640380859375</t>
  </si>
  <si>
    <t>0.13795214542613543</t>
  </si>
  <si>
    <t>50982</t>
  </si>
  <si>
    <t>10.63363265991211</t>
  </si>
  <si>
    <t>276.77899169921875</t>
  </si>
  <si>
    <t>0.014183514148813359</t>
  </si>
  <si>
    <t>53509</t>
  </si>
  <si>
    <t>8.812140464782715</t>
  </si>
  <si>
    <t>444.7923889160156</t>
  </si>
  <si>
    <t>0.048377234803446356</t>
  </si>
  <si>
    <t>58028</t>
  </si>
  <si>
    <t>8.709939002990723</t>
  </si>
  <si>
    <t>501.7566223144531</t>
  </si>
  <si>
    <t>0.08107578862375142</t>
  </si>
  <si>
    <t>58030</t>
  </si>
  <si>
    <t>9.935495376586914</t>
  </si>
  <si>
    <t>540.7738647460938</t>
  </si>
  <si>
    <t>3.44655258608384e-05</t>
  </si>
  <si>
    <t>56609</t>
  </si>
  <si>
    <t>10.0022611618042</t>
  </si>
  <si>
    <t>478.7301330566406</t>
  </si>
  <si>
    <t>-0.024792135033518292</t>
  </si>
  <si>
    <t>55036</t>
  </si>
  <si>
    <t>10.060751914978027</t>
  </si>
  <si>
    <t>438.9892578125</t>
  </si>
  <si>
    <t>-0.028180466603428656</t>
  </si>
  <si>
    <t>9.225303649902344</t>
  </si>
  <si>
    <t>521.1141357421875</t>
  </si>
  <si>
    <t>0.0069530228692613605</t>
  </si>
  <si>
    <t>55332</t>
  </si>
  <si>
    <t>8.5016450881958</t>
  </si>
  <si>
    <t>593.5285034179688</t>
  </si>
  <si>
    <t>-0.0015891364222628823</t>
  </si>
  <si>
    <t>9.915946006774902</t>
  </si>
  <si>
    <t>332.2189025878906</t>
  </si>
  <si>
    <t>-0.09197230266039824</t>
  </si>
  <si>
    <t>53397</t>
  </si>
  <si>
    <t>10.09506893157959</t>
  </si>
  <si>
    <t>455.4858093261719</t>
  </si>
  <si>
    <t>0.05637546426055451</t>
  </si>
  <si>
    <t>9.235751152038574</t>
  </si>
  <si>
    <t>308.07830810546875</t>
  </si>
  <si>
    <t>0.015590329987338336</t>
  </si>
  <si>
    <t>30129</t>
  </si>
  <si>
    <t>9.448841094970703</t>
  </si>
  <si>
    <t>1216.9998779296875</t>
  </si>
  <si>
    <t>277.3201599121094</t>
  </si>
  <si>
    <t>Scranton--Wilkes-Barre, PA</t>
  </si>
  <si>
    <t>9.793610572814941</t>
  </si>
  <si>
    <t>893.2865600585938</t>
  </si>
  <si>
    <t>-0.014408459605441237</t>
  </si>
  <si>
    <t>7.936153888702393</t>
  </si>
  <si>
    <t>1050.8399658203125</t>
  </si>
  <si>
    <t>0.020826796996637142</t>
  </si>
  <si>
    <t>7.541581630706787</t>
  </si>
  <si>
    <t>1175.893310546875</t>
  </si>
  <si>
    <t>0.014016013578448394</t>
  </si>
  <si>
    <t>8.954553604125977</t>
  </si>
  <si>
    <t>1196.7220458984375</t>
  </si>
  <si>
    <t>0.027297895680352013</t>
  </si>
  <si>
    <t>8.372519493103027</t>
  </si>
  <si>
    <t>1043.0745849609375</t>
  </si>
  <si>
    <t>0.014607054230610927</t>
  </si>
  <si>
    <t>8.282132148742676</t>
  </si>
  <si>
    <t>1367.7120361328125</t>
  </si>
  <si>
    <t>0.02515875332996842</t>
  </si>
  <si>
    <t>8.321859359741211</t>
  </si>
  <si>
    <t>975.750732421875</t>
  </si>
  <si>
    <t>0.03125441488240277</t>
  </si>
  <si>
    <t>9.818717956542969</t>
  </si>
  <si>
    <t>1094.7667236328125</t>
  </si>
  <si>
    <t>0.03193565766988371</t>
  </si>
  <si>
    <t>9.169066429138184</t>
  </si>
  <si>
    <t>959.144775390625</t>
  </si>
  <si>
    <t>0.035145460676957896</t>
  </si>
  <si>
    <t>8.255940437316895</t>
  </si>
  <si>
    <t>1070.4993896484375</t>
  </si>
  <si>
    <t>0.028609473968533194</t>
  </si>
  <si>
    <t>9.420395851135254</t>
  </si>
  <si>
    <t>869.3304443359375</t>
  </si>
  <si>
    <t>-0.00026788106241149023</t>
  </si>
  <si>
    <t>8.69792652130127</t>
  </si>
  <si>
    <t>1117.0814208984375</t>
  </si>
  <si>
    <t>0.0007766574661616232</t>
  </si>
  <si>
    <t>7.8361382484436035</t>
  </si>
  <si>
    <t>1403.6767578125</t>
  </si>
  <si>
    <t>0.016646033793287884</t>
  </si>
  <si>
    <t>8.60356616973877</t>
  </si>
  <si>
    <t>1289.9830322265625</t>
  </si>
  <si>
    <t>0.019967298762781027</t>
  </si>
  <si>
    <t>38950</t>
  </si>
  <si>
    <t>9.401677131652832</t>
  </si>
  <si>
    <t>1130.7745361328125</t>
  </si>
  <si>
    <t>0.005225438869272736</t>
  </si>
  <si>
    <t>9.540127754211426</t>
  </si>
  <si>
    <t>1224.101806640625</t>
  </si>
  <si>
    <t>0.027200501869147686</t>
  </si>
  <si>
    <t>8.925177574157715</t>
  </si>
  <si>
    <t>1142.120361328125</t>
  </si>
  <si>
    <t>0.01809925736051632</t>
  </si>
  <si>
    <t>41504</t>
  </si>
  <si>
    <t>8.348307609558105</t>
  </si>
  <si>
    <t>1189.241455078125</t>
  </si>
  <si>
    <t>0.018211276587612346</t>
  </si>
  <si>
    <t>42211</t>
  </si>
  <si>
    <t>8.596263885498047</t>
  </si>
  <si>
    <t>1127.9652099609375</t>
  </si>
  <si>
    <t>0.016891042448213156</t>
  </si>
  <si>
    <t>9.460551261901855</t>
  </si>
  <si>
    <t>1082.795166015625</t>
  </si>
  <si>
    <t>0.03203220388129324</t>
  </si>
  <si>
    <t>9.97128963470459</t>
  </si>
  <si>
    <t>1424.63232421875</t>
  </si>
  <si>
    <t>0.012970468708976668</t>
  </si>
  <si>
    <t>44713</t>
  </si>
  <si>
    <t>10.465739250183105</t>
  </si>
  <si>
    <t>1066.3917236328125</t>
  </si>
  <si>
    <t>0.012580763905310377</t>
  </si>
  <si>
    <t>46191</t>
  </si>
  <si>
    <t>8.5397367477417</t>
  </si>
  <si>
    <t>1222.3016357421875</t>
  </si>
  <si>
    <t>0.032520686838065416</t>
  </si>
  <si>
    <t>48400</t>
  </si>
  <si>
    <t>8.316526412963867</t>
  </si>
  <si>
    <t>1231.7955322265625</t>
  </si>
  <si>
    <t>0.046714839806695</t>
  </si>
  <si>
    <t>48161</t>
  </si>
  <si>
    <t>9.451122283935547</t>
  </si>
  <si>
    <t>1092.1409912109375</t>
  </si>
  <si>
    <t>-0.00495024881799111</t>
  </si>
  <si>
    <t>49237</t>
  </si>
  <si>
    <t>10.419576644897461</t>
  </si>
  <si>
    <t>999.3377075195312</t>
  </si>
  <si>
    <t>0.022095808479226875</t>
  </si>
  <si>
    <t>9.580710411071777</t>
  </si>
  <si>
    <t>1182.56103515625</t>
  </si>
  <si>
    <t>0.03500377317950232</t>
  </si>
  <si>
    <t>52284</t>
  </si>
  <si>
    <t>9.658851623535156</t>
  </si>
  <si>
    <t>1497.68310546875</t>
  </si>
  <si>
    <t>0.025041250359979728</t>
  </si>
  <si>
    <t>53250</t>
  </si>
  <si>
    <t>9.778061866760254</t>
  </si>
  <si>
    <t>1229.9403076171875</t>
  </si>
  <si>
    <t>0.018307407666229736</t>
  </si>
  <si>
    <t>46020</t>
  </si>
  <si>
    <t>10.137495040893555</t>
  </si>
  <si>
    <t>1150.7762451171875</t>
  </si>
  <si>
    <t>-0.14592171998231507</t>
  </si>
  <si>
    <t>9.892708778381348</t>
  </si>
  <si>
    <t>1316.5023193359375</t>
  </si>
  <si>
    <t>0.05635650854739538</t>
  </si>
  <si>
    <t>49453</t>
  </si>
  <si>
    <t>10.133106231689453</t>
  </si>
  <si>
    <t>1166.5084228515625</t>
  </si>
  <si>
    <t>0.015590130414665282</t>
  </si>
  <si>
    <t>49758</t>
  </si>
  <si>
    <t>10.418846130371094</t>
  </si>
  <si>
    <t>1300.876708984375</t>
  </si>
  <si>
    <t>2568.676025390625</t>
  </si>
  <si>
    <t>Seattle-Tacoma-Olympia, WA</t>
  </si>
  <si>
    <t>10.90600872039795</t>
  </si>
  <si>
    <t>1112.5927734375</t>
  </si>
  <si>
    <t>-0.014392232635737301</t>
  </si>
  <si>
    <t>11.138537406921387</t>
  </si>
  <si>
    <t>870.142822265625</t>
  </si>
  <si>
    <t>0.020802767830755187</t>
  </si>
  <si>
    <t>10.846118927001953</t>
  </si>
  <si>
    <t>864.3495483398438</t>
  </si>
  <si>
    <t>0.014019245499325095</t>
  </si>
  <si>
    <t>52190</t>
  </si>
  <si>
    <t>10.90822982788086</t>
  </si>
  <si>
    <t>1121.7987060546875</t>
  </si>
  <si>
    <t>0.027289870263857097</t>
  </si>
  <si>
    <t>11.21781063079834</t>
  </si>
  <si>
    <t>1315.5125732421875</t>
  </si>
  <si>
    <t>0.014627123619934679</t>
  </si>
  <si>
    <t>54309</t>
  </si>
  <si>
    <t>10.356147766113281</t>
  </si>
  <si>
    <t>1465.9378662109375</t>
  </si>
  <si>
    <t>0.025171929786660385</t>
  </si>
  <si>
    <t>11.172612190246582</t>
  </si>
  <si>
    <t>1411.04345703125</t>
  </si>
  <si>
    <t>0.031232997041524158</t>
  </si>
  <si>
    <t>11.368521690368652</t>
  </si>
  <si>
    <t>1262.9337158203125</t>
  </si>
  <si>
    <t>0.031947783471544255</t>
  </si>
  <si>
    <t>59919</t>
  </si>
  <si>
    <t>10.426555633544922</t>
  </si>
  <si>
    <t>1314.58984375</t>
  </si>
  <si>
    <t>0.03512291057615968</t>
  </si>
  <si>
    <t>10.661747932434082</t>
  </si>
  <si>
    <t>880.486572265625</t>
  </si>
  <si>
    <t>0.02862555420583668</t>
  </si>
  <si>
    <t>61642</t>
  </si>
  <si>
    <t>10.375945091247559</t>
  </si>
  <si>
    <t>1238.6646728515625</t>
  </si>
  <si>
    <t>-0.0002757479681054775</t>
  </si>
  <si>
    <t>61936</t>
  </si>
  <si>
    <t>10.709519386291504</t>
  </si>
  <si>
    <t>940.1104125976562</t>
  </si>
  <si>
    <t>0.004758137446415844</t>
  </si>
  <si>
    <t>62493</t>
  </si>
  <si>
    <t>10.875161170959473</t>
  </si>
  <si>
    <t>1150.9150390625</t>
  </si>
  <si>
    <t>0.008952956634596276</t>
  </si>
  <si>
    <t>62844</t>
  </si>
  <si>
    <t>11.490764617919922</t>
  </si>
  <si>
    <t>982.7543334960938</t>
  </si>
  <si>
    <t>0.0056009146154618605</t>
  </si>
  <si>
    <t>66489</t>
  </si>
  <si>
    <t>11.13428020477295</t>
  </si>
  <si>
    <t>1270.1173095703125</t>
  </si>
  <si>
    <t>0.05638105536029592</t>
  </si>
  <si>
    <t>67350</t>
  </si>
  <si>
    <t>10.60336685180664</t>
  </si>
  <si>
    <t>1152.42822265625</t>
  </si>
  <si>
    <t>0.012866382410726018</t>
  </si>
  <si>
    <t>70896</t>
  </si>
  <si>
    <t>10.419093132019043</t>
  </si>
  <si>
    <t>1106.189208984375</t>
  </si>
  <si>
    <t>0.05131111160076074</t>
  </si>
  <si>
    <t>70609</t>
  </si>
  <si>
    <t>10.085554122924805</t>
  </si>
  <si>
    <t>1097.89404296875</t>
  </si>
  <si>
    <t>-0.004056399329121163</t>
  </si>
  <si>
    <t>10.662964820861816</t>
  </si>
  <si>
    <t>1074.43115234375</t>
  </si>
  <si>
    <t>-0.03226736305926714</t>
  </si>
  <si>
    <t>69160</t>
  </si>
  <si>
    <t>10.60071086883545</t>
  </si>
  <si>
    <t>1257.0662841796875</t>
  </si>
  <si>
    <t>0.011532408746345979</t>
  </si>
  <si>
    <t>69447</t>
  </si>
  <si>
    <t>9.90200138092041</t>
  </si>
  <si>
    <t>1176.703857421875</t>
  </si>
  <si>
    <t>0.0041412109079885795</t>
  </si>
  <si>
    <t>71660</t>
  </si>
  <si>
    <t>10.368573188781738</t>
  </si>
  <si>
    <t>1307.7760009765625</t>
  </si>
  <si>
    <t>0.03136884015372843</t>
  </si>
  <si>
    <t>73223</t>
  </si>
  <si>
    <t>11.074748992919922</t>
  </si>
  <si>
    <t>924.9307861328125</t>
  </si>
  <si>
    <t>0.0215768673878447</t>
  </si>
  <si>
    <t>74888</t>
  </si>
  <si>
    <t>11.671833992004395</t>
  </si>
  <si>
    <t>1262.9429931640625</t>
  </si>
  <si>
    <t>0.022484084804791138</t>
  </si>
  <si>
    <t>77595</t>
  </si>
  <si>
    <t>12.007439613342285</t>
  </si>
  <si>
    <t>1266.9952392578125</t>
  </si>
  <si>
    <t>0.03550932805414497</t>
  </si>
  <si>
    <t>78829</t>
  </si>
  <si>
    <t>11.430619239807129</t>
  </si>
  <si>
    <t>1241.0947265625</t>
  </si>
  <si>
    <t>0.01577795734195142</t>
  </si>
  <si>
    <t>81273</t>
  </si>
  <si>
    <t>10.96209716796875</t>
  </si>
  <si>
    <t>1465.3944091796875</t>
  </si>
  <si>
    <t>0.03053290860867186</t>
  </si>
  <si>
    <t>85583</t>
  </si>
  <si>
    <t>11.091877937316895</t>
  </si>
  <si>
    <t>958.849609375</t>
  </si>
  <si>
    <t>0.05167280721942369</t>
  </si>
  <si>
    <t>88834</t>
  </si>
  <si>
    <t>10.665172576904297</t>
  </si>
  <si>
    <t>1084.7613525390625</t>
  </si>
  <si>
    <t>0.037282794306426226</t>
  </si>
  <si>
    <t>87339</t>
  </si>
  <si>
    <t>10.988025665283203</t>
  </si>
  <si>
    <t>1093.833984375</t>
  </si>
  <si>
    <t>-0.01697236111586342</t>
  </si>
  <si>
    <t>92404</t>
  </si>
  <si>
    <t>10.903121948242188</t>
  </si>
  <si>
    <t>1194.53955078125</t>
  </si>
  <si>
    <t>0.056373169269743784</t>
  </si>
  <si>
    <t>93855</t>
  </si>
  <si>
    <t>10.758782386779785</t>
  </si>
  <si>
    <t>1053.205810546875</t>
  </si>
  <si>
    <t>0.015580770364493901</t>
  </si>
  <si>
    <t>18.602968215942383</t>
  </si>
  <si>
    <t>1364.707763671875</t>
  </si>
  <si>
    <t>205.9937286376953</t>
  </si>
  <si>
    <t>Shreveport-Bossier City-Minden, LA</t>
  </si>
  <si>
    <t>18.699752807617188</t>
  </si>
  <si>
    <t>1623.5511474609375</t>
  </si>
  <si>
    <t>-0.01435688369457111</t>
  </si>
  <si>
    <t>17.86406898498535</t>
  </si>
  <si>
    <t>1229.3209228515625</t>
  </si>
  <si>
    <t>0.020800620147580773</t>
  </si>
  <si>
    <t>17.601369857788086</t>
  </si>
  <si>
    <t>1185.1668701171875</t>
  </si>
  <si>
    <t>0.014000069214089805</t>
  </si>
  <si>
    <t>18.67026710510254</t>
  </si>
  <si>
    <t>1268.812255859375</t>
  </si>
  <si>
    <t>0.027302251834688818</t>
  </si>
  <si>
    <t>32929</t>
  </si>
  <si>
    <t>18.485437393188477</t>
  </si>
  <si>
    <t>1119.137939453125</t>
  </si>
  <si>
    <t>0.014622469164812912</t>
  </si>
  <si>
    <t>33768</t>
  </si>
  <si>
    <t>17.978544235229492</t>
  </si>
  <si>
    <t>1196.49267578125</t>
  </si>
  <si>
    <t>0.025159879999122836</t>
  </si>
  <si>
    <t>17.83759117126465</t>
  </si>
  <si>
    <t>1542.54150390625</t>
  </si>
  <si>
    <t>35971</t>
  </si>
  <si>
    <t>19.251855850219727</t>
  </si>
  <si>
    <t>1293.9248046875</t>
  </si>
  <si>
    <t>0.031946906282023235</t>
  </si>
  <si>
    <t>18.981996536254883</t>
  </si>
  <si>
    <t>875.7113037109375</t>
  </si>
  <si>
    <t>0.03512678836768046</t>
  </si>
  <si>
    <t>1263.190185546875</t>
  </si>
  <si>
    <t>0.028601724781962545</t>
  </si>
  <si>
    <t>38328</t>
  </si>
  <si>
    <t>18.546091079711914</t>
  </si>
  <si>
    <t>1461.8935546875</t>
  </si>
  <si>
    <t>-0.000260871835147114</t>
  </si>
  <si>
    <t>18.066768646240234</t>
  </si>
  <si>
    <t>1203.6455078125</t>
  </si>
  <si>
    <t>-0.03542496224846303</t>
  </si>
  <si>
    <t>18.4034423828125</t>
  </si>
  <si>
    <t>1158.572021484375</t>
  </si>
  <si>
    <t>0.07964755514992028</t>
  </si>
  <si>
    <t>18.73621368408203</t>
  </si>
  <si>
    <t>1495.271728515625</t>
  </si>
  <si>
    <t>0.06641514463985132</t>
  </si>
  <si>
    <t>47040</t>
  </si>
  <si>
    <t>19.053144454956055</t>
  </si>
  <si>
    <t>944.3377075195312</t>
  </si>
  <si>
    <t>0.09417986646824161</t>
  </si>
  <si>
    <t>47625</t>
  </si>
  <si>
    <t>18.979232788085938</t>
  </si>
  <si>
    <t>1168.04736328125</t>
  </si>
  <si>
    <t>0.012359529856494689</t>
  </si>
  <si>
    <t>43928</t>
  </si>
  <si>
    <t>18.763355255126953</t>
  </si>
  <si>
    <t>956.4478149414062</t>
  </si>
  <si>
    <t>-0.08080590347029393</t>
  </si>
  <si>
    <t>46816</t>
  </si>
  <si>
    <t>18.568750381469727</t>
  </si>
  <si>
    <t>1264.1903076171875</t>
  </si>
  <si>
    <t>0.06367309486114259</t>
  </si>
  <si>
    <t>47888</t>
  </si>
  <si>
    <t>18.42289161682129</t>
  </si>
  <si>
    <t>1389.107177734375</t>
  </si>
  <si>
    <t>0.02263992627262823</t>
  </si>
  <si>
    <t>53899</t>
  </si>
  <si>
    <t>18.414091110229492</t>
  </si>
  <si>
    <t>821.3811645507812</t>
  </si>
  <si>
    <t>0.11824697375680593</t>
  </si>
  <si>
    <t>57541</t>
  </si>
  <si>
    <t>19.596254348754883</t>
  </si>
  <si>
    <t>1017.4636840820312</t>
  </si>
  <si>
    <t>0.06538581231969687</t>
  </si>
  <si>
    <t>52298</t>
  </si>
  <si>
    <t>19.608875274658203</t>
  </si>
  <si>
    <t>1299.254150390625</t>
  </si>
  <si>
    <t>-0.09553960776495352</t>
  </si>
  <si>
    <t>48920</t>
  </si>
  <si>
    <t>17.89534568786621</t>
  </si>
  <si>
    <t>1171.6885986328125</t>
  </si>
  <si>
    <t>-0.06677181860291981</t>
  </si>
  <si>
    <t>48180</t>
  </si>
  <si>
    <t>17.961124420166016</t>
  </si>
  <si>
    <t>1151.29541015625</t>
  </si>
  <si>
    <t>-0.015242313632246152</t>
  </si>
  <si>
    <t>44223</t>
  </si>
  <si>
    <t>19.14240074157715</t>
  </si>
  <si>
    <t>1557.40087890625</t>
  </si>
  <si>
    <t>-0.08569898145347565</t>
  </si>
  <si>
    <t>20.01521873474121</t>
  </si>
  <si>
    <t>1145.0579833984375</t>
  </si>
  <si>
    <t>-0.026743421748699703</t>
  </si>
  <si>
    <t>19.080217361450195</t>
  </si>
  <si>
    <t>1158.581298828125</t>
  </si>
  <si>
    <t>0.08286865688881839</t>
  </si>
  <si>
    <t>50081</t>
  </si>
  <si>
    <t>19.03175926208496</t>
  </si>
  <si>
    <t>1560.6658935546875</t>
  </si>
  <si>
    <t>0.06827144377023409</t>
  </si>
  <si>
    <t>49503</t>
  </si>
  <si>
    <t>19.183807373046875</t>
  </si>
  <si>
    <t>1427.5064697265625</t>
  </si>
  <si>
    <t>-0.011608420844824607</t>
  </si>
  <si>
    <t>19.054542541503906</t>
  </si>
  <si>
    <t>1341.2593994140625</t>
  </si>
  <si>
    <t>-0.127985807314964</t>
  </si>
  <si>
    <t>18.777156829833984</t>
  </si>
  <si>
    <t>1240.5120849609375</t>
  </si>
  <si>
    <t>0.056374951739725176</t>
  </si>
  <si>
    <t>19.29643440246582</t>
  </si>
  <si>
    <t>1267.2452392578125</t>
  </si>
  <si>
    <t>0.015588981610690666</t>
  </si>
  <si>
    <t>9.193215370178223</t>
  </si>
  <si>
    <t>658.459228515625</t>
  </si>
  <si>
    <t>151.8823699951172</t>
  </si>
  <si>
    <t>Sioux City-Vermillion, IA-NE-SD</t>
  </si>
  <si>
    <t>10.37696361541748</t>
  </si>
  <si>
    <t>677.764404296875</t>
  </si>
  <si>
    <t>-0.014382154720744111</t>
  </si>
  <si>
    <t>35453</t>
  </si>
  <si>
    <t>8.488546371459961</t>
  </si>
  <si>
    <t>833.626708984375</t>
  </si>
  <si>
    <t>0.0208055840423107</t>
  </si>
  <si>
    <t>7.3232550621032715</t>
  </si>
  <si>
    <t>881.68994140625</t>
  </si>
  <si>
    <t>0.014004654288740426</t>
  </si>
  <si>
    <t>36948</t>
  </si>
  <si>
    <t>9.167640686035156</t>
  </si>
  <si>
    <t>612.1259765625</t>
  </si>
  <si>
    <t>0.027298988809951297</t>
  </si>
  <si>
    <t>8.61476993560791</t>
  </si>
  <si>
    <t>717.5818481445312</t>
  </si>
  <si>
    <t>0.014642730154944772</t>
  </si>
  <si>
    <t>7.363805294036865</t>
  </si>
  <si>
    <t>702.5986328125</t>
  </si>
  <si>
    <t>0.025152430108805746</t>
  </si>
  <si>
    <t>8.68367862701416</t>
  </si>
  <si>
    <t>556.3934936523438</t>
  </si>
  <si>
    <t>0.03123813832976552</t>
  </si>
  <si>
    <t>9.868653297424316</t>
  </si>
  <si>
    <t>818.3585205078125</t>
  </si>
  <si>
    <t>0.0319535023886921</t>
  </si>
  <si>
    <t>10.043595314025879</t>
  </si>
  <si>
    <t>665.8175048828125</t>
  </si>
  <si>
    <t>0.03512162942396557</t>
  </si>
  <si>
    <t>43652</t>
  </si>
  <si>
    <t>9.166013717651367</t>
  </si>
  <si>
    <t>629.7154541015625</t>
  </si>
  <si>
    <t>0.028629151114307305</t>
  </si>
  <si>
    <t>43639</t>
  </si>
  <si>
    <t>9.681819915771484</t>
  </si>
  <si>
    <t>717.6036376953125</t>
  </si>
  <si>
    <t>-0.0002978543056251226</t>
  </si>
  <si>
    <t>9.205964088439941</t>
  </si>
  <si>
    <t>552.5000610351562</t>
  </si>
  <si>
    <t>-0.012405047248526202</t>
  </si>
  <si>
    <t>9.048094749450684</t>
  </si>
  <si>
    <t>649.4457397460938</t>
  </si>
  <si>
    <t>0.026602914921525667</t>
  </si>
  <si>
    <t>9.326432228088379</t>
  </si>
  <si>
    <t>699.691650390625</t>
  </si>
  <si>
    <t>0.05314527111994494</t>
  </si>
  <si>
    <t>46646</t>
  </si>
  <si>
    <t>10.729408264160156</t>
  </si>
  <si>
    <t>729.1063232421875</t>
  </si>
  <si>
    <t>-0.000707206030011065</t>
  </si>
  <si>
    <t>47891</t>
  </si>
  <si>
    <t>9.899650573730469</t>
  </si>
  <si>
    <t>705.1079711914062</t>
  </si>
  <si>
    <t>0.026340416614408113</t>
  </si>
  <si>
    <t>49913</t>
  </si>
  <si>
    <t>9.456652641296387</t>
  </si>
  <si>
    <t>867.444091796875</t>
  </si>
  <si>
    <t>0.04135389454728333</t>
  </si>
  <si>
    <t>8.163296699523926</t>
  </si>
  <si>
    <t>837.5082397460938</t>
  </si>
  <si>
    <t>0.04667663955204837</t>
  </si>
  <si>
    <t>720.7405395507812</t>
  </si>
  <si>
    <t>-0.03427217582549247</t>
  </si>
  <si>
    <t>53031</t>
  </si>
  <si>
    <t>9.002606391906738</t>
  </si>
  <si>
    <t>0.04819069462545578</t>
  </si>
  <si>
    <t>55235</t>
  </si>
  <si>
    <t>9.549522399902344</t>
  </si>
  <si>
    <t>684.1400756835938</t>
  </si>
  <si>
    <t>0.040720162102383384</t>
  </si>
  <si>
    <t>54141</t>
  </si>
  <si>
    <t>10.925533294677734</t>
  </si>
  <si>
    <t>536.6836547851562</t>
  </si>
  <si>
    <t>-0.020005055676968198</t>
  </si>
  <si>
    <t>54576</t>
  </si>
  <si>
    <t>8.277738571166992</t>
  </si>
  <si>
    <t>705.4087524414062</t>
  </si>
  <si>
    <t>0.008002471029019631</t>
  </si>
  <si>
    <t>55311</t>
  </si>
  <si>
    <t>8.486091613769531</t>
  </si>
  <si>
    <t>752.736083984375</t>
  </si>
  <si>
    <t>0.013377578080072894</t>
  </si>
  <si>
    <t>57189</t>
  </si>
  <si>
    <t>9.903177261352539</t>
  </si>
  <si>
    <t>833.8530883789062</t>
  </si>
  <si>
    <t>0.033389768443585766</t>
  </si>
  <si>
    <t>57404</t>
  </si>
  <si>
    <t>10.70508098602295</t>
  </si>
  <si>
    <t>746.4356079101562</t>
  </si>
  <si>
    <t>0.0037524151087371393</t>
  </si>
  <si>
    <t>9.983468055725098</t>
  </si>
  <si>
    <t>745.739990234375</t>
  </si>
  <si>
    <t>0.015522410776672046</t>
  </si>
  <si>
    <t>59045</t>
  </si>
  <si>
    <t>8.781014442443848</t>
  </si>
  <si>
    <t>808.1188354492188</t>
  </si>
  <si>
    <t>0.01266346696788645</t>
  </si>
  <si>
    <t>59495</t>
  </si>
  <si>
    <t>8.50371265411377</t>
  </si>
  <si>
    <t>928.6587524414062</t>
  </si>
  <si>
    <t>0.007592410353872481</t>
  </si>
  <si>
    <t>57988</t>
  </si>
  <si>
    <t>10.150548934936523</t>
  </si>
  <si>
    <t>610.6182861328125</t>
  </si>
  <si>
    <t>-0.025656182818465822</t>
  </si>
  <si>
    <t>61351</t>
  </si>
  <si>
    <t>10.211530685424805</t>
  </si>
  <si>
    <t>643.4037475585938</t>
  </si>
  <si>
    <t>0.05637537835392692</t>
  </si>
  <si>
    <t>62314</t>
  </si>
  <si>
    <t>9.439669609069824</t>
  </si>
  <si>
    <t>541.7681884765625</t>
  </si>
  <si>
    <t>0.015574648706397909</t>
  </si>
  <si>
    <t>7.673171520233154</t>
  </si>
  <si>
    <t>574.6123657226562</t>
  </si>
  <si>
    <t>216.57518005371094</t>
  </si>
  <si>
    <t>Sioux Falls, SD</t>
  </si>
  <si>
    <t>8.750510215759277</t>
  </si>
  <si>
    <t>635.6195068359375</t>
  </si>
  <si>
    <t>-0.014393161011090783</t>
  </si>
  <si>
    <t>6.868923664093018</t>
  </si>
  <si>
    <t>707.9268188476562</t>
  </si>
  <si>
    <t>36783</t>
  </si>
  <si>
    <t>5.583578109741211</t>
  </si>
  <si>
    <t>802.9625244140625</t>
  </si>
  <si>
    <t>0.014017258008308886</t>
  </si>
  <si>
    <t>37801</t>
  </si>
  <si>
    <t>7.78484582901001</t>
  </si>
  <si>
    <t>548.0662231445312</t>
  </si>
  <si>
    <t>0.027299775383708536</t>
  </si>
  <si>
    <t>38358</t>
  </si>
  <si>
    <t>7.058019161224365</t>
  </si>
  <si>
    <t>764.313232421875</t>
  </si>
  <si>
    <t>0.01462755371057689</t>
  </si>
  <si>
    <t>39335</t>
  </si>
  <si>
    <t>5.771892070770264</t>
  </si>
  <si>
    <t>629.39794921875</t>
  </si>
  <si>
    <t>0.025151596768560935</t>
  </si>
  <si>
    <t>40583</t>
  </si>
  <si>
    <t>7.306936264038086</t>
  </si>
  <si>
    <t>530.2452392578125</t>
  </si>
  <si>
    <t>0.031234551927290966</t>
  </si>
  <si>
    <t>8.657389640808105</t>
  </si>
  <si>
    <t>722.553466796875</t>
  </si>
  <si>
    <t>0.03196043328324727</t>
  </si>
  <si>
    <t>8.788397789001465</t>
  </si>
  <si>
    <t>599.1317749023438</t>
  </si>
  <si>
    <t>0.03512670637450199</t>
  </si>
  <si>
    <t>7.778919219970703</t>
  </si>
  <si>
    <t>588.2417602539062</t>
  </si>
  <si>
    <t>0.02861945539337185</t>
  </si>
  <si>
    <t>44647</t>
  </si>
  <si>
    <t>8.35417366027832</t>
  </si>
  <si>
    <t>653.0150756835938</t>
  </si>
  <si>
    <t>-0.00026873894412915433</t>
  </si>
  <si>
    <t>7.750270843505859</t>
  </si>
  <si>
    <t>538.1372680664062</t>
  </si>
  <si>
    <t>0.10116330837838738</t>
  </si>
  <si>
    <t>50256</t>
  </si>
  <si>
    <t>7.602369785308838</t>
  </si>
  <si>
    <t>559.3309326171875</t>
  </si>
  <si>
    <t>0.017179518602414845</t>
  </si>
  <si>
    <t>7.968108654022217</t>
  </si>
  <si>
    <t>693.6414794921875</t>
  </si>
  <si>
    <t>0.07484961274778179</t>
  </si>
  <si>
    <t>55143</t>
  </si>
  <si>
    <t>9.465834617614746</t>
  </si>
  <si>
    <t>702.040283203125</t>
  </si>
  <si>
    <t>0.017950255535662762</t>
  </si>
  <si>
    <t>56466</t>
  </si>
  <si>
    <t>8.610516548156738</t>
  </si>
  <si>
    <t>575.7631225585938</t>
  </si>
  <si>
    <t>0.023708876024969072</t>
  </si>
  <si>
    <t>8.059765815734863</t>
  </si>
  <si>
    <t>768.7456665039062</t>
  </si>
  <si>
    <t>0.04615045710819743</t>
  </si>
  <si>
    <t>60240</t>
  </si>
  <si>
    <t>6.746009826660156</t>
  </si>
  <si>
    <t>690.5889892578125</t>
  </si>
  <si>
    <t>0.018547439278735922</t>
  </si>
  <si>
    <t>59648</t>
  </si>
  <si>
    <t>6.937575817108154</t>
  </si>
  <si>
    <t>693.3157348632812</t>
  </si>
  <si>
    <t>-0.009875964428513129</t>
  </si>
  <si>
    <t>60245</t>
  </si>
  <si>
    <t>7.7885823249816895</t>
  </si>
  <si>
    <t>832.2860717773438</t>
  </si>
  <si>
    <t>0.009958962312113684</t>
  </si>
  <si>
    <t>65087</t>
  </si>
  <si>
    <t>8.228534698486328</t>
  </si>
  <si>
    <t>620.2726440429688</t>
  </si>
  <si>
    <t>0.07730525511768782</t>
  </si>
  <si>
    <t>66722</t>
  </si>
  <si>
    <t>9.494379997253418</t>
  </si>
  <si>
    <t>504.40985107421875</t>
  </si>
  <si>
    <t>0.024809897127477498</t>
  </si>
  <si>
    <t>66403</t>
  </si>
  <si>
    <t>6.558236598968506</t>
  </si>
  <si>
    <t>688.934814453125</t>
  </si>
  <si>
    <t>-0.004792497435742504</t>
  </si>
  <si>
    <t>6.944751262664795</t>
  </si>
  <si>
    <t>684.5682373046875</t>
  </si>
  <si>
    <t>0.013833961490528068</t>
  </si>
  <si>
    <t>67862</t>
  </si>
  <si>
    <t>8.741473197937012</t>
  </si>
  <si>
    <t>780.309814453125</t>
  </si>
  <si>
    <t>0.00790003368985559</t>
  </si>
  <si>
    <t>68628</t>
  </si>
  <si>
    <t>9.478137016296387</t>
  </si>
  <si>
    <t>706.712158203125</t>
  </si>
  <si>
    <t>0.011224383356134737</t>
  </si>
  <si>
    <t>69434</t>
  </si>
  <si>
    <t>8.575748443603516</t>
  </si>
  <si>
    <t>643.6705322265625</t>
  </si>
  <si>
    <t>0.011676046367787407</t>
  </si>
  <si>
    <t>70907</t>
  </si>
  <si>
    <t>7.289463043212891</t>
  </si>
  <si>
    <t>725.4044799804688</t>
  </si>
  <si>
    <t>0.020992498182057062</t>
  </si>
  <si>
    <t>71955</t>
  </si>
  <si>
    <t>6.992335796356201</t>
  </si>
  <si>
    <t>888.039794921875</t>
  </si>
  <si>
    <t>0.01467176435111206</t>
  </si>
  <si>
    <t>68648</t>
  </si>
  <si>
    <t>8.935574531555176</t>
  </si>
  <si>
    <t>537.4703369140625</t>
  </si>
  <si>
    <t>-0.04704892511731629</t>
  </si>
  <si>
    <t>72629</t>
  </si>
  <si>
    <t>8.989550590515137</t>
  </si>
  <si>
    <t>574.5902709960938</t>
  </si>
  <si>
    <t>0.05637229260321597</t>
  </si>
  <si>
    <t>73769</t>
  </si>
  <si>
    <t>7.982080459594727</t>
  </si>
  <si>
    <t>513.2897338867188</t>
  </si>
  <si>
    <t>0.01557429805036925</t>
  </si>
  <si>
    <t>10.344176292419434</t>
  </si>
  <si>
    <t>1220.4208984375</t>
  </si>
  <si>
    <t>393.5591125488281</t>
  </si>
  <si>
    <t>South Bend-Mishawaka, IN-MI</t>
  </si>
  <si>
    <t>11.263331413269043</t>
  </si>
  <si>
    <t>942.7506713867188</t>
  </si>
  <si>
    <t>-0.014378645056215333</t>
  </si>
  <si>
    <t>9.544136047363281</t>
  </si>
  <si>
    <t>1077.203857421875</t>
  </si>
  <si>
    <t>0.020799491410631532</t>
  </si>
  <si>
    <t>8.893481254577637</t>
  </si>
  <si>
    <t>1069.3272705078125</t>
  </si>
  <si>
    <t>0.014027884550113612</t>
  </si>
  <si>
    <t>10.225205421447754</t>
  </si>
  <si>
    <t>888.2180786132812</t>
  </si>
  <si>
    <t>0.02728525382636171</t>
  </si>
  <si>
    <t>9.669898986816406</t>
  </si>
  <si>
    <t>823.1609497070312</t>
  </si>
  <si>
    <t>0.014636885823970047</t>
  </si>
  <si>
    <t>8.980375289916992</t>
  </si>
  <si>
    <t>983.4259033203125</t>
  </si>
  <si>
    <t>0.025143320268874447</t>
  </si>
  <si>
    <t>9.467105865478516</t>
  </si>
  <si>
    <t>999.7510375976562</t>
  </si>
  <si>
    <t>0.03124845358309969</t>
  </si>
  <si>
    <t>40070</t>
  </si>
  <si>
    <t>11.176586151123047</t>
  </si>
  <si>
    <t>1036.10791015625</t>
  </si>
  <si>
    <t>0.03194997926723886</t>
  </si>
  <si>
    <t>10.512808799743652</t>
  </si>
  <si>
    <t>838.513671875</t>
  </si>
  <si>
    <t>0.0351136941984489</t>
  </si>
  <si>
    <t>9.745911598205566</t>
  </si>
  <si>
    <t>987.5975341796875</t>
  </si>
  <si>
    <t>0.028621222378527378</t>
  </si>
  <si>
    <t>42695</t>
  </si>
  <si>
    <t>11.013999938964844</t>
  </si>
  <si>
    <t>1134.5975341796875</t>
  </si>
  <si>
    <t>-0.00028102386546002833</t>
  </si>
  <si>
    <t>44522</t>
  </si>
  <si>
    <t>10.06159496307373</t>
  </si>
  <si>
    <t>819.8975830078125</t>
  </si>
  <si>
    <t>0.04190163166856742</t>
  </si>
  <si>
    <t>9.4539794921875</t>
  </si>
  <si>
    <t>1026.215576171875</t>
  </si>
  <si>
    <t>0.03671492418190425</t>
  </si>
  <si>
    <t>10.185202598571777</t>
  </si>
  <si>
    <t>0.029609039972172013</t>
  </si>
  <si>
    <t>10.911491394042969</t>
  </si>
  <si>
    <t>803.573486328125</t>
  </si>
  <si>
    <t>0.006244257989060031</t>
  </si>
  <si>
    <t>10.519752502441406</t>
  </si>
  <si>
    <t>1150.6497802734375</t>
  </si>
  <si>
    <t>0.00541634138760827</t>
  </si>
  <si>
    <t>48212</t>
  </si>
  <si>
    <t>10.381360054016113</t>
  </si>
  <si>
    <t>1037.57861328125</t>
  </si>
  <si>
    <t>0.0016399401672160252</t>
  </si>
  <si>
    <t>44189</t>
  </si>
  <si>
    <t>9.01688289642334</t>
  </si>
  <si>
    <t>1093.2728271484375</t>
  </si>
  <si>
    <t>-0.08713206339369961</t>
  </si>
  <si>
    <t>9.669023513793945</t>
  </si>
  <si>
    <t>1111.7099609375</t>
  </si>
  <si>
    <t>-0.106772118967557</t>
  </si>
  <si>
    <t>44916</t>
  </si>
  <si>
    <t>10.596467971801758</t>
  </si>
  <si>
    <t>940.7173461914062</t>
  </si>
  <si>
    <t>0.12309030834545176</t>
  </si>
  <si>
    <t>44346</t>
  </si>
  <si>
    <t>10.904715538024902</t>
  </si>
  <si>
    <t>1220.4849853515625</t>
  </si>
  <si>
    <t>-0.012771565679488006</t>
  </si>
  <si>
    <t>44407</t>
  </si>
  <si>
    <t>11.593985557556152</t>
  </si>
  <si>
    <t>854.8264770507812</t>
  </si>
  <si>
    <t>0.0013746016383695547</t>
  </si>
  <si>
    <t>9.191256523132324</t>
  </si>
  <si>
    <t>1107.4486083984375</t>
  </si>
  <si>
    <t>0.021079211853958668</t>
  </si>
  <si>
    <t>8.85326862335205</t>
  </si>
  <si>
    <t>1046.822998046875</t>
  </si>
  <si>
    <t>0.046295488894218195</t>
  </si>
  <si>
    <t>49864</t>
  </si>
  <si>
    <t>10.364645957946777</t>
  </si>
  <si>
    <t>1029.9052734375</t>
  </si>
  <si>
    <t>0.048527484089198936</t>
  </si>
  <si>
    <t>51253</t>
  </si>
  <si>
    <t>11.520103454589844</t>
  </si>
  <si>
    <t>1089.868408203125</t>
  </si>
  <si>
    <t>0.02747485338413469</t>
  </si>
  <si>
    <t>10.697747230529785</t>
  </si>
  <si>
    <t>996.54345703125</t>
  </si>
  <si>
    <t>0.03938729365369298</t>
  </si>
  <si>
    <t>53449</t>
  </si>
  <si>
    <t>10.371588706970215</t>
  </si>
  <si>
    <t>1201.2774658203125</t>
  </si>
  <si>
    <t>0.0025664816777588584</t>
  </si>
  <si>
    <t>53290</t>
  </si>
  <si>
    <t>10.70940113067627</t>
  </si>
  <si>
    <t>1255.7261962890625</t>
  </si>
  <si>
    <t>-0.0029792319134447354</t>
  </si>
  <si>
    <t>10.972304344177246</t>
  </si>
  <si>
    <t>1003.7881469726562</t>
  </si>
  <si>
    <t>-0.002781120253191105</t>
  </si>
  <si>
    <t>56224</t>
  </si>
  <si>
    <t>11.0379638671875</t>
  </si>
  <si>
    <t>1027.133056640625</t>
  </si>
  <si>
    <t>0.056376135949186335</t>
  </si>
  <si>
    <t>57107</t>
  </si>
  <si>
    <t>11.111285209655762</t>
  </si>
  <si>
    <t>943.9767456054688</t>
  </si>
  <si>
    <t>0.015582989087457477</t>
  </si>
  <si>
    <t>7.95892858505249</t>
  </si>
  <si>
    <t>629.2590942382812</t>
  </si>
  <si>
    <t>363.38726806640625</t>
  </si>
  <si>
    <t>Spokane, WA</t>
  </si>
  <si>
    <t>8.505752563476562</t>
  </si>
  <si>
    <t>570.3052368164062</t>
  </si>
  <si>
    <t>-0.014366745655038926</t>
  </si>
  <si>
    <t>8.53398323059082</t>
  </si>
  <si>
    <t>508.61578369140625</t>
  </si>
  <si>
    <t>0.020786827873624958</t>
  </si>
  <si>
    <t>7.728370189666748</t>
  </si>
  <si>
    <t>544.2505493164062</t>
  </si>
  <si>
    <t>0.014007182585075384</t>
  </si>
  <si>
    <t>8.64725399017334</t>
  </si>
  <si>
    <t>588.3067016601562</t>
  </si>
  <si>
    <t>0.02731056787263242</t>
  </si>
  <si>
    <t>31563</t>
  </si>
  <si>
    <t>8.26993465423584</t>
  </si>
  <si>
    <t>753.08984375</t>
  </si>
  <si>
    <t>0.014616970527276507</t>
  </si>
  <si>
    <t>7.2697224617004395</t>
  </si>
  <si>
    <t>868.8780517578125</t>
  </si>
  <si>
    <t>0.02515383674305305</t>
  </si>
  <si>
    <t>33394</t>
  </si>
  <si>
    <t>8.338347434997559</t>
  </si>
  <si>
    <t>748.9713745117188</t>
  </si>
  <si>
    <t>0.03123685788945174</t>
  </si>
  <si>
    <t>9.474435806274414</t>
  </si>
  <si>
    <t>695.945556640625</t>
  </si>
  <si>
    <t>0.031974199927965685</t>
  </si>
  <si>
    <t>35711</t>
  </si>
  <si>
    <t>8.171417236328125</t>
  </si>
  <si>
    <t>612.6220703125</t>
  </si>
  <si>
    <t>0.035108321519942365</t>
  </si>
  <si>
    <t>7.717713832855225</t>
  </si>
  <si>
    <t>539.2606201171875</t>
  </si>
  <si>
    <t>0.02862503783454784</t>
  </si>
  <si>
    <t>36738</t>
  </si>
  <si>
    <t>8.265395164489746</t>
  </si>
  <si>
    <t>598.8145751953125</t>
  </si>
  <si>
    <t>-0.0002721606853484104</t>
  </si>
  <si>
    <t>8.165510177612305</t>
  </si>
  <si>
    <t>565.2959594726562</t>
  </si>
  <si>
    <t>0.004941767910779049</t>
  </si>
  <si>
    <t>8.570111274719238</t>
  </si>
  <si>
    <t>566.1289672851562</t>
  </si>
  <si>
    <t>38541</t>
  </si>
  <si>
    <t>8.988078117370605</t>
  </si>
  <si>
    <t>552.5548706054688</t>
  </si>
  <si>
    <t>0.024319702705398072</t>
  </si>
  <si>
    <t>39717</t>
  </si>
  <si>
    <t>8.62722110748291</t>
  </si>
  <si>
    <t>679.765380859375</t>
  </si>
  <si>
    <t>0.030056697906047702</t>
  </si>
  <si>
    <t>8.424551963806152</t>
  </si>
  <si>
    <t>609.6131591796875</t>
  </si>
  <si>
    <t>0.04677748614306765</t>
  </si>
  <si>
    <t>8.355605125427246</t>
  </si>
  <si>
    <t>572.66943359375</t>
  </si>
  <si>
    <t>0.03719110460381536</t>
  </si>
  <si>
    <t>43484</t>
  </si>
  <si>
    <t>7.852513790130615</t>
  </si>
  <si>
    <t>539.9909057617188</t>
  </si>
  <si>
    <t>0.0066451559712401576</t>
  </si>
  <si>
    <t>42020</t>
  </si>
  <si>
    <t>8.170049667358398</t>
  </si>
  <si>
    <t>557.2401733398438</t>
  </si>
  <si>
    <t>-0.034247358924899274</t>
  </si>
  <si>
    <t>7.977461338043213</t>
  </si>
  <si>
    <t>738.1214599609375</t>
  </si>
  <si>
    <t>-0.0009047404250388524</t>
  </si>
  <si>
    <t>7.538970947265625</t>
  </si>
  <si>
    <t>606.6226196289062</t>
  </si>
  <si>
    <t>0.0003810431101118894</t>
  </si>
  <si>
    <t>41620</t>
  </si>
  <si>
    <t>8.467499732971191</t>
  </si>
  <si>
    <t>673.3163452148438</t>
  </si>
  <si>
    <t>-0.009041177136438705</t>
  </si>
  <si>
    <t>8.573904991149902</t>
  </si>
  <si>
    <t>470.9372863769531</t>
  </si>
  <si>
    <t>0.016206265086744054</t>
  </si>
  <si>
    <t>42557</t>
  </si>
  <si>
    <t>8.869831085205078</t>
  </si>
  <si>
    <t>673.3535766601562</t>
  </si>
  <si>
    <t>0.006057267774904673</t>
  </si>
  <si>
    <t>9.676277160644531</t>
  </si>
  <si>
    <t>536.05078125</t>
  </si>
  <si>
    <t>0.015297022079728606</t>
  </si>
  <si>
    <t>8.786776542663574</t>
  </si>
  <si>
    <t>615.7073364257812</t>
  </si>
  <si>
    <t>0.012967189399560652</t>
  </si>
  <si>
    <t>8.77733325958252</t>
  </si>
  <si>
    <t>795.1234741210938</t>
  </si>
  <si>
    <t>0.02068594937866486</t>
  </si>
  <si>
    <t>8.635159492492676</t>
  </si>
  <si>
    <t>584.912841796875</t>
  </si>
  <si>
    <t>0.04313561425576928</t>
  </si>
  <si>
    <t>7.780694961547852</t>
  </si>
  <si>
    <t>613.750244140625</t>
  </si>
  <si>
    <t>0.025496202769208054</t>
  </si>
  <si>
    <t>8.732142448425293</t>
  </si>
  <si>
    <t>608.99658203125</t>
  </si>
  <si>
    <t>-0.08619315586292409</t>
  </si>
  <si>
    <t>46461</t>
  </si>
  <si>
    <t>8.918807029724121</t>
  </si>
  <si>
    <t>523.70166015625</t>
  </si>
  <si>
    <t>0.056380075155002984</t>
  </si>
  <si>
    <t>8.248336791992188</t>
  </si>
  <si>
    <t>599.8234252929688</t>
  </si>
  <si>
    <t>0.015589945441906394</t>
  </si>
  <si>
    <t>34819</t>
  </si>
  <si>
    <t>11.82528018951416</t>
  </si>
  <si>
    <t>1242.6375732421875</t>
  </si>
  <si>
    <t>173.99252319335938</t>
  </si>
  <si>
    <t>Springfield, IL</t>
  </si>
  <si>
    <t>12.978897094726562</t>
  </si>
  <si>
    <t>888.7308959960938</t>
  </si>
  <si>
    <t>-0.014405803076293466</t>
  </si>
  <si>
    <t>35043</t>
  </si>
  <si>
    <t>11.466097831726074</t>
  </si>
  <si>
    <t>945.906494140625</t>
  </si>
  <si>
    <t>0.020818467117258876</t>
  </si>
  <si>
    <t>10.66118335723877</t>
  </si>
  <si>
    <t>1265.427978515625</t>
  </si>
  <si>
    <t>0.014026667681214633</t>
  </si>
  <si>
    <t>36521</t>
  </si>
  <si>
    <t>12.158862113952637</t>
  </si>
  <si>
    <t>965.2462158203125</t>
  </si>
  <si>
    <t>0.02728489108529608</t>
  </si>
  <si>
    <t>37059</t>
  </si>
  <si>
    <t>11.483013153076172</t>
  </si>
  <si>
    <t>872.590087890625</t>
  </si>
  <si>
    <t>0.014623799614607691</t>
  </si>
  <si>
    <t>10.593365669250488</t>
  </si>
  <si>
    <t>915.4091186523438</t>
  </si>
  <si>
    <t>0.02515386675583997</t>
  </si>
  <si>
    <t>11.307890892028809</t>
  </si>
  <si>
    <t>815.4795532226562</t>
  </si>
  <si>
    <t>0.031241208302352774</t>
  </si>
  <si>
    <t>12.701445579528809</t>
  </si>
  <si>
    <t>1149.8466796875</t>
  </si>
  <si>
    <t>0.03195111859236377</t>
  </si>
  <si>
    <t>12.37474536895752</t>
  </si>
  <si>
    <t>771.2932739257812</t>
  </si>
  <si>
    <t>0.03512028075233253</t>
  </si>
  <si>
    <t>43147</t>
  </si>
  <si>
    <t>11.525479316711426</t>
  </si>
  <si>
    <t>963.3768920898438</t>
  </si>
  <si>
    <t>0.02863517857369935</t>
  </si>
  <si>
    <t>12.553321838378906</t>
  </si>
  <si>
    <t>1004.2599487304688</t>
  </si>
  <si>
    <t>-0.0002781576708326128</t>
  </si>
  <si>
    <t>43913</t>
  </si>
  <si>
    <t>11.680782318115234</t>
  </si>
  <si>
    <t>974.5808715820312</t>
  </si>
  <si>
    <t>0.017875671278112293</t>
  </si>
  <si>
    <t>44712</t>
  </si>
  <si>
    <t>11.39671802520752</t>
  </si>
  <si>
    <t>1005.6346435546875</t>
  </si>
  <si>
    <t>0.018031518160741555</t>
  </si>
  <si>
    <t>11.946671485900879</t>
  </si>
  <si>
    <t>1124.405029296875</t>
  </si>
  <si>
    <t>0.02633212162826659</t>
  </si>
  <si>
    <t>12.98176097869873</t>
  </si>
  <si>
    <t>733.2706909179688</t>
  </si>
  <si>
    <t>-0.026287391907596103</t>
  </si>
  <si>
    <t>12.518428802490234</t>
  </si>
  <si>
    <t>886.709228515625</t>
  </si>
  <si>
    <t>0.039251678710982674</t>
  </si>
  <si>
    <t>12.376317024230957</t>
  </si>
  <si>
    <t>772.7557373046875</t>
  </si>
  <si>
    <t>0.028511888639945582</t>
  </si>
  <si>
    <t>10.72079849243164</t>
  </si>
  <si>
    <t>1321.0335693359375</t>
  </si>
  <si>
    <t>0.027884054039565953</t>
  </si>
  <si>
    <t>50141</t>
  </si>
  <si>
    <t>11.244458198547363</t>
  </si>
  <si>
    <t>1257.0537109375</t>
  </si>
  <si>
    <t>0.018904763609066677</t>
  </si>
  <si>
    <t>51443</t>
  </si>
  <si>
    <t>12.17524242401123</t>
  </si>
  <si>
    <t>1128.9666748046875</t>
  </si>
  <si>
    <t>0.02563536191441962</t>
  </si>
  <si>
    <t>51042</t>
  </si>
  <si>
    <t>12.639403343200684</t>
  </si>
  <si>
    <t>1062.906005859375</t>
  </si>
  <si>
    <t>-0.007825575380245198</t>
  </si>
  <si>
    <t>13.605874061584473</t>
  </si>
  <si>
    <t>830.7659301757812</t>
  </si>
  <si>
    <t>-0.013650204057229942</t>
  </si>
  <si>
    <t>52665</t>
  </si>
  <si>
    <t>10.758023262023926</t>
  </si>
  <si>
    <t>1047.570556640625</t>
  </si>
  <si>
    <t>0.04495247912393374</t>
  </si>
  <si>
    <t>53172</t>
  </si>
  <si>
    <t>10.857348442077637</t>
  </si>
  <si>
    <t>1098.1776123046875</t>
  </si>
  <si>
    <t>0.009580843716847198</t>
  </si>
  <si>
    <t>53169</t>
  </si>
  <si>
    <t>12.44456958770752</t>
  </si>
  <si>
    <t>1221.234375</t>
  </si>
  <si>
    <t>-5.642226424029673e-05</t>
  </si>
  <si>
    <t>13.55378246307373</t>
  </si>
  <si>
    <t>1089.0435791015625</t>
  </si>
  <si>
    <t>0.0005076858098043147</t>
  </si>
  <si>
    <t>52635</t>
  </si>
  <si>
    <t>12.80440902709961</t>
  </si>
  <si>
    <t>945.379150390625</t>
  </si>
  <si>
    <t>-0.010601907847629377</t>
  </si>
  <si>
    <t>53837</t>
  </si>
  <si>
    <t>12.14481258392334</t>
  </si>
  <si>
    <t>1114.2916259765625</t>
  </si>
  <si>
    <t>0.02257966542694234</t>
  </si>
  <si>
    <t>54210</t>
  </si>
  <si>
    <t>12.0966157913208</t>
  </si>
  <si>
    <t>1327.0902099609375</t>
  </si>
  <si>
    <t>0.006904430142016693</t>
  </si>
  <si>
    <t>50459</t>
  </si>
  <si>
    <t>12.472857475280762</t>
  </si>
  <si>
    <t>1084.7569580078125</t>
  </si>
  <si>
    <t>-0.07170426793307527</t>
  </si>
  <si>
    <t>12.60831069946289</t>
  </si>
  <si>
    <t>1099.2396240234375</t>
  </si>
  <si>
    <t>0.05636868229109382</t>
  </si>
  <si>
    <t>54223</t>
  </si>
  <si>
    <t>12.596108436584473</t>
  </si>
  <si>
    <t>1006.6431274414062</t>
  </si>
  <si>
    <t>0.015575365046080591</t>
  </si>
  <si>
    <t>13.916866302490234</t>
  </si>
  <si>
    <t>1483.352783203125</t>
  </si>
  <si>
    <t>360.0920104980469</t>
  </si>
  <si>
    <t>Springfield, MO</t>
  </si>
  <si>
    <t>26047</t>
  </si>
  <si>
    <t>14.987610816955566</t>
  </si>
  <si>
    <t>1014.7979125976562</t>
  </si>
  <si>
    <t>-0.0144079333365017</t>
  </si>
  <si>
    <t>13.427547454833984</t>
  </si>
  <si>
    <t>1293.5458984375</t>
  </si>
  <si>
    <t>0.020820629774481958</t>
  </si>
  <si>
    <t>12.6439790725708</t>
  </si>
  <si>
    <t>1363.0076904296875</t>
  </si>
  <si>
    <t>0.014001908957357756</t>
  </si>
  <si>
    <t>13.845654487609863</t>
  </si>
  <si>
    <t>1297.63818359375</t>
  </si>
  <si>
    <t>0.027284726613496346</t>
  </si>
  <si>
    <t>13.393238067626953</t>
  </si>
  <si>
    <t>1101.1439208984375</t>
  </si>
  <si>
    <t>0.014648996759449417</t>
  </si>
  <si>
    <t>28841</t>
  </si>
  <si>
    <t>12.85714340209961</t>
  </si>
  <si>
    <t>1182.95166015625</t>
  </si>
  <si>
    <t>0.025139125354833425</t>
  </si>
  <si>
    <t>13.293864250183105</t>
  </si>
  <si>
    <t>1148.6859130859375</t>
  </si>
  <si>
    <t>0.03126641255254903</t>
  </si>
  <si>
    <t>14.771038055419922</t>
  </si>
  <si>
    <t>1260.8966064453125</t>
  </si>
  <si>
    <t>0.031947161329442864</t>
  </si>
  <si>
    <t>14.461532592773438</t>
  </si>
  <si>
    <t>1055.558837890625</t>
  </si>
  <si>
    <t>0.03511488943003371</t>
  </si>
  <si>
    <t>13.501483917236328</t>
  </si>
  <si>
    <t>1000.10986328125</t>
  </si>
  <si>
    <t>0.02862382947857256</t>
  </si>
  <si>
    <t>14.36681079864502</t>
  </si>
  <si>
    <t>1164.62646484375</t>
  </si>
  <si>
    <t>-0.00027488890080107353</t>
  </si>
  <si>
    <t>33391</t>
  </si>
  <si>
    <t>13.540497779846191</t>
  </si>
  <si>
    <t>1032.4410400390625</t>
  </si>
  <si>
    <t>0.019811012824435537</t>
  </si>
  <si>
    <t>13.616446495056152</t>
  </si>
  <si>
    <t>1177.5289306640625</t>
  </si>
  <si>
    <t>0.015865803127281808</t>
  </si>
  <si>
    <t>14.054280281066895</t>
  </si>
  <si>
    <t>1324.2645263671875</t>
  </si>
  <si>
    <t>0.018949748779663267</t>
  </si>
  <si>
    <t>14.838340759277344</t>
  </si>
  <si>
    <t>852.8037109375</t>
  </si>
  <si>
    <t>0.021290794490337106</t>
  </si>
  <si>
    <t>14.588069915771484</t>
  </si>
  <si>
    <t>1065.3497314453125</t>
  </si>
  <si>
    <t>-0.005479621337023843</t>
  </si>
  <si>
    <t>14.557673454284668</t>
  </si>
  <si>
    <t>1035.465087890625</t>
  </si>
  <si>
    <t>-0.009094611676026432</t>
  </si>
  <si>
    <t>13.279815673828125</t>
  </si>
  <si>
    <t>1545.093505859375</t>
  </si>
  <si>
    <t>0.00821165971106197</t>
  </si>
  <si>
    <t>34346</t>
  </si>
  <si>
    <t>13.388862609863281</t>
  </si>
  <si>
    <t>1344.9510498046875</t>
  </si>
  <si>
    <t>-0.021544612127273766</t>
  </si>
  <si>
    <t>14.12969970703125</t>
  </si>
  <si>
    <t>1071.379150390625</t>
  </si>
  <si>
    <t>0.004618677510894287</t>
  </si>
  <si>
    <t>14.89704418182373</t>
  </si>
  <si>
    <t>1170.5828857421875</t>
  </si>
  <si>
    <t>-0.018899398176404958</t>
  </si>
  <si>
    <t>15.739705085754395</t>
  </si>
  <si>
    <t>895.3756713867188</t>
  </si>
  <si>
    <t>0.00023624605135985632</t>
  </si>
  <si>
    <t>13.018494606018066</t>
  </si>
  <si>
    <t>1155.9620361328125</t>
  </si>
  <si>
    <t>0.010602933608288012</t>
  </si>
  <si>
    <t>13.293828010559082</t>
  </si>
  <si>
    <t>1110.4334716796875</t>
  </si>
  <si>
    <t>0.02794524025221179</t>
  </si>
  <si>
    <t>36495</t>
  </si>
  <si>
    <t>14.520255088806152</t>
  </si>
  <si>
    <t>1443.081298828125</t>
  </si>
  <si>
    <t>0.036186002095575986</t>
  </si>
  <si>
    <t>15.59701919555664</t>
  </si>
  <si>
    <t>1100.4930419921875</t>
  </si>
  <si>
    <t>-0.01931117389094439</t>
  </si>
  <si>
    <t>14.80923080444336</t>
  </si>
  <si>
    <t>1138.439208984375</t>
  </si>
  <si>
    <t>0.0029289132362269044</t>
  </si>
  <si>
    <t>14.20589542388916</t>
  </si>
  <si>
    <t>1218.93603515625</t>
  </si>
  <si>
    <t>0.022174468318729268</t>
  </si>
  <si>
    <t>36908</t>
  </si>
  <si>
    <t>14.17723560333252</t>
  </si>
  <si>
    <t>1515.6151123046875</t>
  </si>
  <si>
    <t>0.005460857148701592</t>
  </si>
  <si>
    <t>14.234532356262207</t>
  </si>
  <si>
    <t>1247.8511962890625</t>
  </si>
  <si>
    <t>0.009599383425676677</t>
  </si>
  <si>
    <t>14.417737007141113</t>
  </si>
  <si>
    <t>1195.69482421875</t>
  </si>
  <si>
    <t>0.056372419707116705</t>
  </si>
  <si>
    <t>40044</t>
  </si>
  <si>
    <t>14.6294584274292</t>
  </si>
  <si>
    <t>1168.5816650390625</t>
  </si>
  <si>
    <t>0.015578716708134266</t>
  </si>
  <si>
    <t>13.48306655883789</t>
  </si>
  <si>
    <t>1262.147705078125</t>
  </si>
  <si>
    <t>1376.2818603515625</t>
  </si>
  <si>
    <t>St. Louis-St. Charles-Farmington, MO-IL</t>
  </si>
  <si>
    <t>14.565722465515137</t>
  </si>
  <si>
    <t>847.3863525390625</t>
  </si>
  <si>
    <t>-0.014371066727996151</t>
  </si>
  <si>
    <t>13.036884307861328</t>
  </si>
  <si>
    <t>948.1669921875</t>
  </si>
  <si>
    <t>0.02078416310445519</t>
  </si>
  <si>
    <t>39343</t>
  </si>
  <si>
    <t>12.208657264709473</t>
  </si>
  <si>
    <t>1277.5457763671875</t>
  </si>
  <si>
    <t>0.014026695968798464</t>
  </si>
  <si>
    <t>13.620293617248535</t>
  </si>
  <si>
    <t>1013.8602905273438</t>
  </si>
  <si>
    <t>0.02727874914042161</t>
  </si>
  <si>
    <t>13.010859489440918</t>
  </si>
  <si>
    <t>965.9266967773438</t>
  </si>
  <si>
    <t>0.014633569094472776</t>
  </si>
  <si>
    <t>42073</t>
  </si>
  <si>
    <t>12.284037590026855</t>
  </si>
  <si>
    <t>1091.01318359375</t>
  </si>
  <si>
    <t>0.025175818232298752</t>
  </si>
  <si>
    <t>12.77785587310791</t>
  </si>
  <si>
    <t>866.87109375</t>
  </si>
  <si>
    <t>0.031237551134671193</t>
  </si>
  <si>
    <t>14.279769897460938</t>
  </si>
  <si>
    <t>1124.343505859375</t>
  </si>
  <si>
    <t>0.03194377581171537</t>
  </si>
  <si>
    <t>13.859429359436035</t>
  </si>
  <si>
    <t>816.8283081054688</t>
  </si>
  <si>
    <t>0.03512132644735466</t>
  </si>
  <si>
    <t>12.966156005859375</t>
  </si>
  <si>
    <t>991.1669921875</t>
  </si>
  <si>
    <t>0.028626166333085123</t>
  </si>
  <si>
    <t>14.055461883544922</t>
  </si>
  <si>
    <t>1001.7577514648438</t>
  </si>
  <si>
    <t>-0.0002721914569630002</t>
  </si>
  <si>
    <t>48401</t>
  </si>
  <si>
    <t>13.259196281433105</t>
  </si>
  <si>
    <t>1038.614990234375</t>
  </si>
  <si>
    <t>0.013457641614404992</t>
  </si>
  <si>
    <t>49539</t>
  </si>
  <si>
    <t>12.922513008117676</t>
  </si>
  <si>
    <t>1041.2537841796875</t>
  </si>
  <si>
    <t>0.023239763482788334</t>
  </si>
  <si>
    <t>13.556717872619629</t>
  </si>
  <si>
    <t>1146.2052001953125</t>
  </si>
  <si>
    <t>0.016655374498684594</t>
  </si>
  <si>
    <t>50959</t>
  </si>
  <si>
    <t>14.204644203186035</t>
  </si>
  <si>
    <t>803.1539916992188</t>
  </si>
  <si>
    <t>0.011605775189815759</t>
  </si>
  <si>
    <t>13.819857597351074</t>
  </si>
  <si>
    <t>992.813232421875</t>
  </si>
  <si>
    <t>0.0013923072384187662</t>
  </si>
  <si>
    <t>13.958077430725098</t>
  </si>
  <si>
    <t>792.87353515625</t>
  </si>
  <si>
    <t>0.0052380699860812285</t>
  </si>
  <si>
    <t>52495</t>
  </si>
  <si>
    <t>12.503817558288574</t>
  </si>
  <si>
    <t>1332.2401123046875</t>
  </si>
  <si>
    <t>0.023066161904944593</t>
  </si>
  <si>
    <t>51973</t>
  </si>
  <si>
    <t>12.910475730895996</t>
  </si>
  <si>
    <t>1224.1781005859375</t>
  </si>
  <si>
    <t>-0.00999357400168499</t>
  </si>
  <si>
    <t>13.829794883728027</t>
  </si>
  <si>
    <t>1009.7526245117188</t>
  </si>
  <si>
    <t>0.0174710247681098</t>
  </si>
  <si>
    <t>52767</t>
  </si>
  <si>
    <t>14.389453887939453</t>
  </si>
  <si>
    <t>1162.5341796875</t>
  </si>
  <si>
    <t>-0.002309382415033312</t>
  </si>
  <si>
    <t>53468</t>
  </si>
  <si>
    <t>15.153735160827637</t>
  </si>
  <si>
    <t>849.894287109375</t>
  </si>
  <si>
    <t>0.013197348790930263</t>
  </si>
  <si>
    <t>12.489972114562988</t>
  </si>
  <si>
    <t>1072.7813720703125</t>
  </si>
  <si>
    <t>-0.00916886026530328</t>
  </si>
  <si>
    <t>52763</t>
  </si>
  <si>
    <t>12.670126914978027</t>
  </si>
  <si>
    <t>1095.157958984375</t>
  </si>
  <si>
    <t>-0.0041042963528212795</t>
  </si>
  <si>
    <t>53739</t>
  </si>
  <si>
    <t>14.007904052734375</t>
  </si>
  <si>
    <t>1242.5040283203125</t>
  </si>
  <si>
    <t>0.018328807409972114</t>
  </si>
  <si>
    <t>53658</t>
  </si>
  <si>
    <t>15.108902931213379</t>
  </si>
  <si>
    <t>1077.0086669921875</t>
  </si>
  <si>
    <t>-0.0015084223089765203</t>
  </si>
  <si>
    <t>14.339638710021973</t>
  </si>
  <si>
    <t>964.081298828125</t>
  </si>
  <si>
    <t>0.009515137309755062</t>
  </si>
  <si>
    <t>55393</t>
  </si>
  <si>
    <t>13.80533504486084</t>
  </si>
  <si>
    <t>1140.84033203125</t>
  </si>
  <si>
    <t>0.02230752207745823</t>
  </si>
  <si>
    <t>56025</t>
  </si>
  <si>
    <t>13.911763191223145</t>
  </si>
  <si>
    <t>1337.0335693359375</t>
  </si>
  <si>
    <t>0.011344787707679771</t>
  </si>
  <si>
    <t>54993</t>
  </si>
  <si>
    <t>14.116065979003906</t>
  </si>
  <si>
    <t>1156.0496826171875</t>
  </si>
  <si>
    <t>-0.018592115281654387</t>
  </si>
  <si>
    <t>58183</t>
  </si>
  <si>
    <t>14.162104606628418</t>
  </si>
  <si>
    <t>1128.83349609375</t>
  </si>
  <si>
    <t>0.05638731144371434</t>
  </si>
  <si>
    <t>14.218208312988281</t>
  </si>
  <si>
    <t>1054.8363037109375</t>
  </si>
  <si>
    <t>0.01557002437738575</t>
  </si>
  <si>
    <t>10.359426498413086</t>
  </si>
  <si>
    <t>1184.1561279296875</t>
  </si>
  <si>
    <t>322.624755859375</t>
  </si>
  <si>
    <t>State College, PA</t>
  </si>
  <si>
    <t>10.847663879394531</t>
  </si>
  <si>
    <t>819.28173828125</t>
  </si>
  <si>
    <t>-0.014379481124516147</t>
  </si>
  <si>
    <t>26789</t>
  </si>
  <si>
    <t>9.121593475341797</t>
  </si>
  <si>
    <t>1013.5574340820312</t>
  </si>
  <si>
    <t>0.02082072722737216</t>
  </si>
  <si>
    <t>8.796107292175293</t>
  </si>
  <si>
    <t>1181.4915771484375</t>
  </si>
  <si>
    <t>0.014011645943204698</t>
  </si>
  <si>
    <t>9.94412899017334</t>
  </si>
  <si>
    <t>1173.9188232421875</t>
  </si>
  <si>
    <t>0.027304459191746844</t>
  </si>
  <si>
    <t>28330</t>
  </si>
  <si>
    <t>9.304217338562012</t>
  </si>
  <si>
    <t>1000.9180297851562</t>
  </si>
  <si>
    <t>0.014613853208595984</t>
  </si>
  <si>
    <t>9.002738952636719</t>
  </si>
  <si>
    <t>1283.6182861328125</t>
  </si>
  <si>
    <t>0.025166013901495532</t>
  </si>
  <si>
    <t>9.297760963439941</t>
  </si>
  <si>
    <t>1036.1475830078125</t>
  </si>
  <si>
    <t>0.03124301147888353</t>
  </si>
  <si>
    <t>10.658998489379883</t>
  </si>
  <si>
    <t>1083.98486328125</t>
  </si>
  <si>
    <t>0.03194572467661416</t>
  </si>
  <si>
    <t>10.026250839233398</t>
  </si>
  <si>
    <t>910.2913818359375</t>
  </si>
  <si>
    <t>0.03511471883085271</t>
  </si>
  <si>
    <t>9.266402244567871</t>
  </si>
  <si>
    <t>1046.29443359375</t>
  </si>
  <si>
    <t>0.028631812674326795</t>
  </si>
  <si>
    <t>10.501094818115234</t>
  </si>
  <si>
    <t>901.2478637695312</t>
  </si>
  <si>
    <t>-0.00027289680122066784</t>
  </si>
  <si>
    <t>33120</t>
  </si>
  <si>
    <t>9.74738597869873</t>
  </si>
  <si>
    <t>1092.7099609375</t>
  </si>
  <si>
    <t>0.004387630913681662</t>
  </si>
  <si>
    <t>33689</t>
  </si>
  <si>
    <t>8.95273208618164</t>
  </si>
  <si>
    <t>1397.748779296875</t>
  </si>
  <si>
    <t>0.01703404506253392</t>
  </si>
  <si>
    <t>9.820114135742188</t>
  </si>
  <si>
    <t>1385.9989013671875</t>
  </si>
  <si>
    <t>0.033077996364813345</t>
  </si>
  <si>
    <t>35775</t>
  </si>
  <si>
    <t>10.336481094360352</t>
  </si>
  <si>
    <t>1055.87939453125</t>
  </si>
  <si>
    <t>0.02699995449810899</t>
  </si>
  <si>
    <t>36797</t>
  </si>
  <si>
    <t>10.419060707092285</t>
  </si>
  <si>
    <t>1091.2171630859375</t>
  </si>
  <si>
    <t>0.028166994670161927</t>
  </si>
  <si>
    <t>10.073171615600586</t>
  </si>
  <si>
    <t>1019.91455078125</t>
  </si>
  <si>
    <t>0.023261860060465267</t>
  </si>
  <si>
    <t>9.342828750610352</t>
  </si>
  <si>
    <t>1196.408935546875</t>
  </si>
  <si>
    <t>0.026980524949124174</t>
  </si>
  <si>
    <t>38335</t>
  </si>
  <si>
    <t>9.617716789245605</t>
  </si>
  <si>
    <t>1071.1209716796875</t>
  </si>
  <si>
    <t>-0.009295388111409508</t>
  </si>
  <si>
    <t>39922</t>
  </si>
  <si>
    <t>10.320813179016113</t>
  </si>
  <si>
    <t>998.304931640625</t>
  </si>
  <si>
    <t>0.04056423337783421</t>
  </si>
  <si>
    <t>10.915817260742188</t>
  </si>
  <si>
    <t>1303.7239990234375</t>
  </si>
  <si>
    <t>0.013707534736097315</t>
  </si>
  <si>
    <t>11.309078216552734</t>
  </si>
  <si>
    <t>1013.506591796875</t>
  </si>
  <si>
    <t>-0.014158515627162416</t>
  </si>
  <si>
    <t>9.41539478302002</t>
  </si>
  <si>
    <t>1167.939453125</t>
  </si>
  <si>
    <t>0.012526467787161266</t>
  </si>
  <si>
    <t>9.250409126281738</t>
  </si>
  <si>
    <t>1117.272705078125</t>
  </si>
  <si>
    <t>0.00552828476737055</t>
  </si>
  <si>
    <t>10.304643630981445</t>
  </si>
  <si>
    <t>1141.795654296875</t>
  </si>
  <si>
    <t>0.010308233731310068</t>
  </si>
  <si>
    <t>11.213287353515625</t>
  </si>
  <si>
    <t>996.6865234375</t>
  </si>
  <si>
    <t>-0.0004873056965006839</t>
  </si>
  <si>
    <t>10.428105354309082</t>
  </si>
  <si>
    <t>1162.28271484375</t>
  </si>
  <si>
    <t>0.023912429207712194</t>
  </si>
  <si>
    <t>42354</t>
  </si>
  <si>
    <t>10.407479286193848</t>
  </si>
  <si>
    <t>1502.693359375</t>
  </si>
  <si>
    <t>0.007798188346709978</t>
  </si>
  <si>
    <t>10.705184936523438</t>
  </si>
  <si>
    <t>1211.8814697265625</t>
  </si>
  <si>
    <t>0.03197149778343977</t>
  </si>
  <si>
    <t>41613</t>
  </si>
  <si>
    <t>10.941052436828613</t>
  </si>
  <si>
    <t>1189.5667724609375</t>
  </si>
  <si>
    <t>-0.04962174697556598</t>
  </si>
  <si>
    <t>10.822872161865234</t>
  </si>
  <si>
    <t>1192.385986328125</t>
  </si>
  <si>
    <t>0.05636775004187555</t>
  </si>
  <si>
    <t>44718</t>
  </si>
  <si>
    <t>11.064590454101562</t>
  </si>
  <si>
    <t>1181.1458740234375</t>
  </si>
  <si>
    <t>0.015595736636472068</t>
  </si>
  <si>
    <t>8.304474830627441</t>
  </si>
  <si>
    <t>1232.99169921875</t>
  </si>
  <si>
    <t>831.0176391601562</t>
  </si>
  <si>
    <t>Syracuse-Auburn, NY</t>
  </si>
  <si>
    <t>8.65542221069336</t>
  </si>
  <si>
    <t>926.2462768554688</t>
  </si>
  <si>
    <t>-0.014381586300899585</t>
  </si>
  <si>
    <t>6.826545238494873</t>
  </si>
  <si>
    <t>1096.3436279296875</t>
  </si>
  <si>
    <t>0.020806348260203222</t>
  </si>
  <si>
    <t>6.418872833251953</t>
  </si>
  <si>
    <t>1111.7940673828125</t>
  </si>
  <si>
    <t>0.014027097071929617</t>
  </si>
  <si>
    <t>7.9590744972229</t>
  </si>
  <si>
    <t>1041.76318359375</t>
  </si>
  <si>
    <t>0.027271572544460554</t>
  </si>
  <si>
    <t>7.269312381744385</t>
  </si>
  <si>
    <t>949.8824462890625</t>
  </si>
  <si>
    <t>0.01465206295228505</t>
  </si>
  <si>
    <t>7.248327255249023</t>
  </si>
  <si>
    <t>1202.72705078125</t>
  </si>
  <si>
    <t>0.025149741244012702</t>
  </si>
  <si>
    <t>36515</t>
  </si>
  <si>
    <t>7.236138820648193</t>
  </si>
  <si>
    <t>1004.3554077148438</t>
  </si>
  <si>
    <t>0.031237329172203232</t>
  </si>
  <si>
    <t>37701</t>
  </si>
  <si>
    <t>8.769579887390137</t>
  </si>
  <si>
    <t>1049.72998046875</t>
  </si>
  <si>
    <t>0.031963484229043715</t>
  </si>
  <si>
    <t>39049</t>
  </si>
  <si>
    <t>8.327574729919434</t>
  </si>
  <si>
    <t>910.3446655273438</t>
  </si>
  <si>
    <t>0.03513064846206149</t>
  </si>
  <si>
    <t>40182</t>
  </si>
  <si>
    <t>7.288396835327148</t>
  </si>
  <si>
    <t>1173.0821533203125</t>
  </si>
  <si>
    <t>0.028601866392790498</t>
  </si>
  <si>
    <t>8.6237211227417</t>
  </si>
  <si>
    <t>901.6215209960938</t>
  </si>
  <si>
    <t>-0.00027379189498155654</t>
  </si>
  <si>
    <t>7.688070297241211</t>
  </si>
  <si>
    <t>1152.0748291015625</t>
  </si>
  <si>
    <t>0.009587706141484631</t>
  </si>
  <si>
    <t>6.817728519439697</t>
  </si>
  <si>
    <t>1199.2528076171875</t>
  </si>
  <si>
    <t>0.022815790068476005</t>
  </si>
  <si>
    <t>7.482840061187744</t>
  </si>
  <si>
    <t>1197.8421630859375</t>
  </si>
  <si>
    <t>0.023814051022499783</t>
  </si>
  <si>
    <t>8.453354835510254</t>
  </si>
  <si>
    <t>1180.3055419921875</t>
  </si>
  <si>
    <t>0.015180468541478476</t>
  </si>
  <si>
    <t>45021</t>
  </si>
  <si>
    <t>8.636913299560547</t>
  </si>
  <si>
    <t>1254.7537841796875</t>
  </si>
  <si>
    <t>0.04258568954703712</t>
  </si>
  <si>
    <t>45800</t>
  </si>
  <si>
    <t>7.897738933563232</t>
  </si>
  <si>
    <t>1093.0845947265625</t>
  </si>
  <si>
    <t>0.01715504353817643</t>
  </si>
  <si>
    <t>7.353830814361572</t>
  </si>
  <si>
    <t>1234.952880859375</t>
  </si>
  <si>
    <t>0.005573956253369872</t>
  </si>
  <si>
    <t>47168</t>
  </si>
  <si>
    <t>7.57080602645874</t>
  </si>
  <si>
    <t>1047.043701171875</t>
  </si>
  <si>
    <t>0.023857649193361752</t>
  </si>
  <si>
    <t>8.542840957641602</t>
  </si>
  <si>
    <t>1101.163330078125</t>
  </si>
  <si>
    <t>0.027373762091349008</t>
  </si>
  <si>
    <t>47890</t>
  </si>
  <si>
    <t>8.928048133850098</t>
  </si>
  <si>
    <t>1401.1279296875</t>
  </si>
  <si>
    <t>-0.012182744303702364</t>
  </si>
  <si>
    <t>48474</t>
  </si>
  <si>
    <t>9.461337089538574</t>
  </si>
  <si>
    <t>1007.1917724609375</t>
  </si>
  <si>
    <t>0.012120857371108684</t>
  </si>
  <si>
    <t>49223</t>
  </si>
  <si>
    <t>7.607668399810791</t>
  </si>
  <si>
    <t>1205.971435546875</t>
  </si>
  <si>
    <t>0.015333422212851389</t>
  </si>
  <si>
    <t>49475</t>
  </si>
  <si>
    <t>7.327360153198242</t>
  </si>
  <si>
    <t>1107.5694580078125</t>
  </si>
  <si>
    <t>0.005106497550151801</t>
  </si>
  <si>
    <t>50367</t>
  </si>
  <si>
    <t>8.323625564575195</t>
  </si>
  <si>
    <t>1081.138916015625</t>
  </si>
  <si>
    <t>0.017868707233741787</t>
  </si>
  <si>
    <t>50458</t>
  </si>
  <si>
    <t>9.250031471252441</t>
  </si>
  <si>
    <t>981.7461547851562</t>
  </si>
  <si>
    <t>0.0018051083503021204</t>
  </si>
  <si>
    <t>8.326422691345215</t>
  </si>
  <si>
    <t>1249.407470703125</t>
  </si>
  <si>
    <t>0.012760600073914219</t>
  </si>
  <si>
    <t>51988</t>
  </si>
  <si>
    <t>8.439255714416504</t>
  </si>
  <si>
    <t>1275.376708984375</t>
  </si>
  <si>
    <t>0.01711101557275363</t>
  </si>
  <si>
    <t>54063</t>
  </si>
  <si>
    <t>8.389628410339355</t>
  </si>
  <si>
    <t>1173.450439453125</t>
  </si>
  <si>
    <t>0.039137110484903204</t>
  </si>
  <si>
    <t>50932</t>
  </si>
  <si>
    <t>8.992344856262207</t>
  </si>
  <si>
    <t>1030.09619140625</t>
  </si>
  <si>
    <t>-0.059658623493055174</t>
  </si>
  <si>
    <t>8.877528190612793</t>
  </si>
  <si>
    <t>1191.888427734375</t>
  </si>
  <si>
    <t>0.05637929420567822</t>
  </si>
  <si>
    <t>54732</t>
  </si>
  <si>
    <t>9.202881813049316</t>
  </si>
  <si>
    <t>1150.24609375</t>
  </si>
  <si>
    <t>0.015577843600695473</t>
  </si>
  <si>
    <t>32783</t>
  </si>
  <si>
    <t>20.70600700378418</t>
  </si>
  <si>
    <t>1258.7896728515625</t>
  </si>
  <si>
    <t>205.58660888671875</t>
  </si>
  <si>
    <t>Tallahassee, FL</t>
  </si>
  <si>
    <t>20.380258560180664</t>
  </si>
  <si>
    <t>1603.9393310546875</t>
  </si>
  <si>
    <t>-0.01437856963223183</t>
  </si>
  <si>
    <t>19.9692325592041</t>
  </si>
  <si>
    <t>1659.564453125</t>
  </si>
  <si>
    <t>0.02082451612052516</t>
  </si>
  <si>
    <t>19.364042282104492</t>
  </si>
  <si>
    <t>1351.7645263671875</t>
  </si>
  <si>
    <t>0.01399466072329325</t>
  </si>
  <si>
    <t>20.244306564331055</t>
  </si>
  <si>
    <t>1780.158203125</t>
  </si>
  <si>
    <t>0.027298809238978095</t>
  </si>
  <si>
    <t>19.78299331665039</t>
  </si>
  <si>
    <t>1380.8297119140625</t>
  </si>
  <si>
    <t>0.014636731227355426</t>
  </si>
  <si>
    <t>19.394550323486328</t>
  </si>
  <si>
    <t>1472.172119140625</t>
  </si>
  <si>
    <t>0.02515873764262011</t>
  </si>
  <si>
    <t>36917</t>
  </si>
  <si>
    <t>19.61208152770996</t>
  </si>
  <si>
    <t>1592.41064453125</t>
  </si>
  <si>
    <t>0.03122717589411117</t>
  </si>
  <si>
    <t>20.70745086669922</t>
  </si>
  <si>
    <t>1481.4412841796875</t>
  </si>
  <si>
    <t>0.031961991924198685</t>
  </si>
  <si>
    <t>39479</t>
  </si>
  <si>
    <t>19.883695602416992</t>
  </si>
  <si>
    <t>1183.095703125</t>
  </si>
  <si>
    <t>0.03513474347789902</t>
  </si>
  <si>
    <t>40625</t>
  </si>
  <si>
    <t>19.37018394470215</t>
  </si>
  <si>
    <t>1173.1158447265625</t>
  </si>
  <si>
    <t>0.028614755686060533</t>
  </si>
  <si>
    <t>19.93413734436035</t>
  </si>
  <si>
    <t>1360.739013671875</t>
  </si>
  <si>
    <t>-0.0002954282500127192</t>
  </si>
  <si>
    <t>19.554075241088867</t>
  </si>
  <si>
    <t>1360.3792724609375</t>
  </si>
  <si>
    <t>0.023146195590511454</t>
  </si>
  <si>
    <t>41643</t>
  </si>
  <si>
    <t>19.752195358276367</t>
  </si>
  <si>
    <t>1694.1171875</t>
  </si>
  <si>
    <t>0.0018988792706817748</t>
  </si>
  <si>
    <t>19.980867385864258</t>
  </si>
  <si>
    <t>1362.877197265625</t>
  </si>
  <si>
    <t>0.030064825761808578</t>
  </si>
  <si>
    <t>19.75673484802246</t>
  </si>
  <si>
    <t>1683.9608154296875</t>
  </si>
  <si>
    <t>-0.0025198333445182186</t>
  </si>
  <si>
    <t>19.837995529174805</t>
  </si>
  <si>
    <t>1044.8387451171875</t>
  </si>
  <si>
    <t>0.02133321788837428</t>
  </si>
  <si>
    <t>19.927732467651367</t>
  </si>
  <si>
    <t>1069.5322265625</t>
  </si>
  <si>
    <t>0.012250570835792729</t>
  </si>
  <si>
    <t>42857</t>
  </si>
  <si>
    <t>19.740339279174805</t>
  </si>
  <si>
    <t>1346.8458251953125</t>
  </si>
  <si>
    <t>-0.03239307614053999</t>
  </si>
  <si>
    <t>42121</t>
  </si>
  <si>
    <t>19.653486251831055</t>
  </si>
  <si>
    <t>1712.178955078125</t>
  </si>
  <si>
    <t>-0.017322563587645945</t>
  </si>
  <si>
    <t>19.20842170715332</t>
  </si>
  <si>
    <t>1169.4388427734375</t>
  </si>
  <si>
    <t>-0.012133810225089192</t>
  </si>
  <si>
    <t>20.651243209838867</t>
  </si>
  <si>
    <t>1273.2415771484375</t>
  </si>
  <si>
    <t>-0.0071627843048762685</t>
  </si>
  <si>
    <t>41164</t>
  </si>
  <si>
    <t>20.799333572387695</t>
  </si>
  <si>
    <t>1422.0260009765625</t>
  </si>
  <si>
    <t>-0.003685746170541293</t>
  </si>
  <si>
    <t>41193</t>
  </si>
  <si>
    <t>19.467973709106445</t>
  </si>
  <si>
    <t>1728.65283203125</t>
  </si>
  <si>
    <t>0.0007042510338788333</t>
  </si>
  <si>
    <t>19.6729736328125</t>
  </si>
  <si>
    <t>1601.1761474609375</t>
  </si>
  <si>
    <t>-0.0005342139896846732</t>
  </si>
  <si>
    <t>20.853044509887695</t>
  </si>
  <si>
    <t>1610.7474365234375</t>
  </si>
  <si>
    <t>0.027667429420221268</t>
  </si>
  <si>
    <t>21.379148483276367</t>
  </si>
  <si>
    <t>1452.7042236328125</t>
  </si>
  <si>
    <t>0.013889763916040465</t>
  </si>
  <si>
    <t>43624</t>
  </si>
  <si>
    <t>20.739431381225586</t>
  </si>
  <si>
    <t>1631.0367431640625</t>
  </si>
  <si>
    <t>0.016316139269457963</t>
  </si>
  <si>
    <t>44552</t>
  </si>
  <si>
    <t>21.046924591064453</t>
  </si>
  <si>
    <t>1720.73583984375</t>
  </si>
  <si>
    <t>0.021049588663608176</t>
  </si>
  <si>
    <t>21.43407440185547</t>
  </si>
  <si>
    <t>1447.4842529296875</t>
  </si>
  <si>
    <t>0.03326613705750425</t>
  </si>
  <si>
    <t>21.020429611206055</t>
  </si>
  <si>
    <t>1634.228271484375</t>
  </si>
  <si>
    <t>-0.07350191001129858</t>
  </si>
  <si>
    <t>20.300256729125977</t>
  </si>
  <si>
    <t>1708.4840087890625</t>
  </si>
  <si>
    <t>0.056377903949471175</t>
  </si>
  <si>
    <t>20.94611930847168</t>
  </si>
  <si>
    <t>1633.2449951171875</t>
  </si>
  <si>
    <t>0.015581315608448776</t>
  </si>
  <si>
    <t>23.63960838317871</t>
  </si>
  <si>
    <t>937.2838134765625</t>
  </si>
  <si>
    <t>1534.01904296875</t>
  </si>
  <si>
    <t>Tampa-St. Petersburg-Clearwater, FL</t>
  </si>
  <si>
    <t>22.91325569152832</t>
  </si>
  <si>
    <t>1231.5279541015625</t>
  </si>
  <si>
    <t>-0.014369830716011833</t>
  </si>
  <si>
    <t>22.674789428710938</t>
  </si>
  <si>
    <t>1279.2313232421875</t>
  </si>
  <si>
    <t>0.0207887997167564</t>
  </si>
  <si>
    <t>36771</t>
  </si>
  <si>
    <t>22.178991317749023</t>
  </si>
  <si>
    <t>1120.7080078125</t>
  </si>
  <si>
    <t>0.014021864679737206</t>
  </si>
  <si>
    <t>23.30670166015625</t>
  </si>
  <si>
    <t>1298.4305419921875</t>
  </si>
  <si>
    <t>0.027308563957141985</t>
  </si>
  <si>
    <t>22.876914978027344</t>
  </si>
  <si>
    <t>1340.2174072265625</t>
  </si>
  <si>
    <t>0.014632164911919432</t>
  </si>
  <si>
    <t>39323</t>
  </si>
  <si>
    <t>22.5118350982666</t>
  </si>
  <si>
    <t>1030.6798095703125</t>
  </si>
  <si>
    <t>0.02515936952214126</t>
  </si>
  <si>
    <t>40570</t>
  </si>
  <si>
    <t>22.768234252929688</t>
  </si>
  <si>
    <t>1395.596923828125</t>
  </si>
  <si>
    <t>0.03121928780001504</t>
  </si>
  <si>
    <t>41888</t>
  </si>
  <si>
    <t>23.379348754882812</t>
  </si>
  <si>
    <t>1269.8155517578125</t>
  </si>
  <si>
    <t>0.03197051250913319</t>
  </si>
  <si>
    <t>43385</t>
  </si>
  <si>
    <t>22.660789489746094</t>
  </si>
  <si>
    <t>976.6123657226562</t>
  </si>
  <si>
    <t>0.035114369517962984</t>
  </si>
  <si>
    <t>22.273252487182617</t>
  </si>
  <si>
    <t>916.8048706054688</t>
  </si>
  <si>
    <t>0.02862855972372813</t>
  </si>
  <si>
    <t>44632</t>
  </si>
  <si>
    <t>22.84427833557129</t>
  </si>
  <si>
    <t>1236.2158203125</t>
  </si>
  <si>
    <t>-0.00029122842595263876</t>
  </si>
  <si>
    <t>22.56727409362793</t>
  </si>
  <si>
    <t>1378.7042236328125</t>
  </si>
  <si>
    <t>0.025505436016468153</t>
  </si>
  <si>
    <t>46998</t>
  </si>
  <si>
    <t>22.761720657348633</t>
  </si>
  <si>
    <t>1404.6263427734375</t>
  </si>
  <si>
    <t>0.026148521053460883</t>
  </si>
  <si>
    <t>48635</t>
  </si>
  <si>
    <t>22.680625915527344</t>
  </si>
  <si>
    <t>1346.62890625</t>
  </si>
  <si>
    <t>0.03423838870824625</t>
  </si>
  <si>
    <t>22.570281982421875</t>
  </si>
  <si>
    <t>1362.7198486328125</t>
  </si>
  <si>
    <t>0.025417011452484317</t>
  </si>
  <si>
    <t>50606</t>
  </si>
  <si>
    <t>22.82661247253418</t>
  </si>
  <si>
    <t>1074.15869140625</t>
  </si>
  <si>
    <t>0.01430969856492581</t>
  </si>
  <si>
    <t>23.051836013793945</t>
  </si>
  <si>
    <t>1073.0848388671875</t>
  </si>
  <si>
    <t>-0.00550856407108391</t>
  </si>
  <si>
    <t>48356</t>
  </si>
  <si>
    <t>22.672597885131836</t>
  </si>
  <si>
    <t>1123.146240234375</t>
  </si>
  <si>
    <t>-0.03997127292798375</t>
  </si>
  <si>
    <t>47109</t>
  </si>
  <si>
    <t>22.652727127075195</t>
  </si>
  <si>
    <t>1190.8446044921875</t>
  </si>
  <si>
    <t>-0.02612624376881989</t>
  </si>
  <si>
    <t>46842</t>
  </si>
  <si>
    <t>22.010643005371094</t>
  </si>
  <si>
    <t>1182.5740966796875</t>
  </si>
  <si>
    <t>-0.005683829204716773</t>
  </si>
  <si>
    <t>23.52128791809082</t>
  </si>
  <si>
    <t>1207.688232421875</t>
  </si>
  <si>
    <t>-0.01996659616295915</t>
  </si>
  <si>
    <t>23.496360778808594</t>
  </si>
  <si>
    <t>1417.659912109375</t>
  </si>
  <si>
    <t>0.010938302849609727</t>
  </si>
  <si>
    <t>46891</t>
  </si>
  <si>
    <t>22.790077209472656</t>
  </si>
  <si>
    <t>1499.861328125</t>
  </si>
  <si>
    <t>0.01007381633007931</t>
  </si>
  <si>
    <t>46967</t>
  </si>
  <si>
    <t>23.0223331451416</t>
  </si>
  <si>
    <t>1406.6414794921875</t>
  </si>
  <si>
    <t>0.0016194680604808553</t>
  </si>
  <si>
    <t>48495</t>
  </si>
  <si>
    <t>23.907819747924805</t>
  </si>
  <si>
    <t>1551.0250244140625</t>
  </si>
  <si>
    <t>0.03201547240208669</t>
  </si>
  <si>
    <t>49056</t>
  </si>
  <si>
    <t>24.01368522644043</t>
  </si>
  <si>
    <t>1224.498779296875</t>
  </si>
  <si>
    <t>0.011501802843897124</t>
  </si>
  <si>
    <t>23.591459274291992</t>
  </si>
  <si>
    <t>1492.2225341796875</t>
  </si>
  <si>
    <t>-0.0001630922290161152</t>
  </si>
  <si>
    <t>23.70912742614746</t>
  </si>
  <si>
    <t>1399.44189453125</t>
  </si>
  <si>
    <t>0.019683489200192028</t>
  </si>
  <si>
    <t>24.231931686401367</t>
  </si>
  <si>
    <t>1458.7537841796875</t>
  </si>
  <si>
    <t>0.021145029519951564</t>
  </si>
  <si>
    <t>23.93370819091797</t>
  </si>
  <si>
    <t>1341.059814453125</t>
  </si>
  <si>
    <t>0.005348545807873251</t>
  </si>
  <si>
    <t>54345</t>
  </si>
  <si>
    <t>23.41136360168457</t>
  </si>
  <si>
    <t>1372.6402587890625</t>
  </si>
  <si>
    <t>0.05637613802674579</t>
  </si>
  <si>
    <t>55198</t>
  </si>
  <si>
    <t>23.875722885131836</t>
  </si>
  <si>
    <t>1417.2255859375</t>
  </si>
  <si>
    <t>0.015574107727450937</t>
  </si>
  <si>
    <t>2756</t>
  </si>
  <si>
    <t>17.54245948791504</t>
  </si>
  <si>
    <t>1485.753662109375</t>
  </si>
  <si>
    <t>105.933837890625</t>
  </si>
  <si>
    <t>Texarkana, TX-Texarkana, AR</t>
  </si>
  <si>
    <t>17.68280792236328</t>
  </si>
  <si>
    <t>1552.3424072265625</t>
  </si>
  <si>
    <t>-0.014400510676257028</t>
  </si>
  <si>
    <t>16.779512405395508</t>
  </si>
  <si>
    <t>1279.152587890625</t>
  </si>
  <si>
    <t>0.02079755261349625</t>
  </si>
  <si>
    <t>16.45993423461914</t>
  </si>
  <si>
    <t>1255.025634765625</t>
  </si>
  <si>
    <t>0.014026599542798834</t>
  </si>
  <si>
    <t>17.50978660583496</t>
  </si>
  <si>
    <t>1343.1112060546875</t>
  </si>
  <si>
    <t>0.02728280543350614</t>
  </si>
  <si>
    <t>17.30555534362793</t>
  </si>
  <si>
    <t>1001.3648681640625</t>
  </si>
  <si>
    <t>0.014646503199777783</t>
  </si>
  <si>
    <t>16.811208724975586</t>
  </si>
  <si>
    <t>1265.912353515625</t>
  </si>
  <si>
    <t>0.025172781440360836</t>
  </si>
  <si>
    <t>16.743465423583984</t>
  </si>
  <si>
    <t>1459.06298828125</t>
  </si>
  <si>
    <t>0.03121361174574666</t>
  </si>
  <si>
    <t>18.19798469543457</t>
  </si>
  <si>
    <t>1225.731201171875</t>
  </si>
  <si>
    <t>0.03194706271062664</t>
  </si>
  <si>
    <t>17.92526626586914</t>
  </si>
  <si>
    <t>965.735595703125</t>
  </si>
  <si>
    <t>0.03514914277663905</t>
  </si>
  <si>
    <t>17.194440841674805</t>
  </si>
  <si>
    <t>1280.138916015625</t>
  </si>
  <si>
    <t>0.028627052509454742</t>
  </si>
  <si>
    <t>17.51202964782715</t>
  </si>
  <si>
    <t>1437.16064453125</t>
  </si>
  <si>
    <t>-0.0002950384390913996</t>
  </si>
  <si>
    <t>16.97966766357422</t>
  </si>
  <si>
    <t>1196.9669189453125</t>
  </si>
  <si>
    <t>0.004775464542618124</t>
  </si>
  <si>
    <t>17.322925567626953</t>
  </si>
  <si>
    <t>1090.165771484375</t>
  </si>
  <si>
    <t>17.61839485168457</t>
  </si>
  <si>
    <t>1461.6800537109375</t>
  </si>
  <si>
    <t>0.03835945211263159</t>
  </si>
  <si>
    <t>17.97011375427246</t>
  </si>
  <si>
    <t>844.6473388671875</t>
  </si>
  <si>
    <t>0.007102190488470939</t>
  </si>
  <si>
    <t>17.897911071777344</t>
  </si>
  <si>
    <t>1189.8624267578125</t>
  </si>
  <si>
    <t>0.021255215231470004</t>
  </si>
  <si>
    <t>32643</t>
  </si>
  <si>
    <t>17.7313289642334</t>
  </si>
  <si>
    <t>1044.219970703125</t>
  </si>
  <si>
    <t>0.0051290826367846876</t>
  </si>
  <si>
    <t>17.440404891967773</t>
  </si>
  <si>
    <t>1360.1993408203125</t>
  </si>
  <si>
    <t>-0.0019932237015716225</t>
  </si>
  <si>
    <t>17.25712013244629</t>
  </si>
  <si>
    <t>1633.47509765625</t>
  </si>
  <si>
    <t>-0.02899385656763087</t>
  </si>
  <si>
    <t>32596</t>
  </si>
  <si>
    <t>17.391950607299805</t>
  </si>
  <si>
    <t>865.8718872070312</t>
  </si>
  <si>
    <t>0.029546224090191586</t>
  </si>
  <si>
    <t>32354</t>
  </si>
  <si>
    <t>18.439802169799805</t>
  </si>
  <si>
    <t>1217.7362060546875</t>
  </si>
  <si>
    <t>-0.007451920550471058</t>
  </si>
  <si>
    <t>18.618473052978516</t>
  </si>
  <si>
    <t>1141.261474609375</t>
  </si>
  <si>
    <t>0.018223250566816063</t>
  </si>
  <si>
    <t>16.770336151123047</t>
  </si>
  <si>
    <t>1252.3946533203125</t>
  </si>
  <si>
    <t>0.014073915720555163</t>
  </si>
  <si>
    <t>16.810192108154297</t>
  </si>
  <si>
    <t>1175.4365234375</t>
  </si>
  <si>
    <t>0.009501046884514253</t>
  </si>
  <si>
    <t>18.015329360961914</t>
  </si>
  <si>
    <t>1562.5343017578125</t>
  </si>
  <si>
    <t>0.015617734831392838</t>
  </si>
  <si>
    <t>34186</t>
  </si>
  <si>
    <t>18.907724380493164</t>
  </si>
  <si>
    <t>1090.9461669921875</t>
  </si>
  <si>
    <t>-0.002337405376705348</t>
  </si>
  <si>
    <t>18.017438888549805</t>
  </si>
  <si>
    <t>1182.476318359375</t>
  </si>
  <si>
    <t>0.00833119677946037</t>
  </si>
  <si>
    <t>17.905969619750977</t>
  </si>
  <si>
    <t>1570.638916015625</t>
  </si>
  <si>
    <t>0.009383775854312049</t>
  </si>
  <si>
    <t>18.063077926635742</t>
  </si>
  <si>
    <t>1536.99853515625</t>
  </si>
  <si>
    <t>-0.00011495904596614537</t>
  </si>
  <si>
    <t>17.87483024597168</t>
  </si>
  <si>
    <t>1434.944580078125</t>
  </si>
  <si>
    <t>-0.009152787336729418</t>
  </si>
  <si>
    <t>36475</t>
  </si>
  <si>
    <t>17.694047927856445</t>
  </si>
  <si>
    <t>1263.123046875</t>
  </si>
  <si>
    <t>0.056363664623697574</t>
  </si>
  <si>
    <t>37048</t>
  </si>
  <si>
    <t>18.13304901123047</t>
  </si>
  <si>
    <t>1304.92333984375</t>
  </si>
  <si>
    <t>0.015587274769600867</t>
  </si>
  <si>
    <t>37882</t>
  </si>
  <si>
    <t>10.44261646270752</t>
  </si>
  <si>
    <t>1172.8900146484375</t>
  </si>
  <si>
    <t>346.18035888671875</t>
  </si>
  <si>
    <t>Toledo-Fremont, OH</t>
  </si>
  <si>
    <t>37340</t>
  </si>
  <si>
    <t>11.26888370513916</t>
  </si>
  <si>
    <t>766.0887451171875</t>
  </si>
  <si>
    <t>-0.014410927120973582</t>
  </si>
  <si>
    <t>9.554970741271973</t>
  </si>
  <si>
    <t>1081.695556640625</t>
  </si>
  <si>
    <t>0.020831325978209136</t>
  </si>
  <si>
    <t>38664</t>
  </si>
  <si>
    <t>8.95349407196045</t>
  </si>
  <si>
    <t>911.8763427734375</t>
  </si>
  <si>
    <t>0.014012470450998293</t>
  </si>
  <si>
    <t>39733</t>
  </si>
  <si>
    <t>10.182761192321777</t>
  </si>
  <si>
    <t>780.8089599609375</t>
  </si>
  <si>
    <t>0.02727314212342158</t>
  </si>
  <si>
    <t>9.500258445739746</t>
  </si>
  <si>
    <t>820.00048828125</t>
  </si>
  <si>
    <t>0.014640745202042282</t>
  </si>
  <si>
    <t>41346</t>
  </si>
  <si>
    <t>9.009407997131348</t>
  </si>
  <si>
    <t>955.0838012695312</t>
  </si>
  <si>
    <t>0.02515285973487913</t>
  </si>
  <si>
    <t>9.498550415039062</t>
  </si>
  <si>
    <t>967.1419677734375</t>
  </si>
  <si>
    <t>0.031239148015703933</t>
  </si>
  <si>
    <t>11.204215049743652</t>
  </si>
  <si>
    <t>948.0925903320312</t>
  </si>
  <si>
    <t>10.521913528442383</t>
  </si>
  <si>
    <t>748.8270263671875</t>
  </si>
  <si>
    <t>0.03513594604892312</t>
  </si>
  <si>
    <t>9.764497756958008</t>
  </si>
  <si>
    <t>928.1695556640625</t>
  </si>
  <si>
    <t>0.02861042162499494</t>
  </si>
  <si>
    <t>10.991642951965332</t>
  </si>
  <si>
    <t>967.98828125</t>
  </si>
  <si>
    <t>-0.00027697585160701976</t>
  </si>
  <si>
    <t>9.993241310119629</t>
  </si>
  <si>
    <t>777.1666259765625</t>
  </si>
  <si>
    <t>0.004443648546452295</t>
  </si>
  <si>
    <t>47617</t>
  </si>
  <si>
    <t>9.446755409240723</t>
  </si>
  <si>
    <t>1057.96923828125</t>
  </si>
  <si>
    <t>0.01011037053999253</t>
  </si>
  <si>
    <t>47957</t>
  </si>
  <si>
    <t>10.16390323638916</t>
  </si>
  <si>
    <t>1002.2500610351562</t>
  </si>
  <si>
    <t>0.007114935741887152</t>
  </si>
  <si>
    <t>10.822868347167969</t>
  </si>
  <si>
    <t>835.9398803710938</t>
  </si>
  <si>
    <t>0.015251043136899511</t>
  </si>
  <si>
    <t>49383</t>
  </si>
  <si>
    <t>10.49654483795166</t>
  </si>
  <si>
    <t>1075.865478515625</t>
  </si>
  <si>
    <t>0.014050416200083404</t>
  </si>
  <si>
    <t>49018</t>
  </si>
  <si>
    <t>10.388754844665527</t>
  </si>
  <si>
    <t>979.6097412109375</t>
  </si>
  <si>
    <t>-0.007418657819023622</t>
  </si>
  <si>
    <t>9.079178810119629</t>
  </si>
  <si>
    <t>989.6221313476562</t>
  </si>
  <si>
    <t>-0.04325347783717781</t>
  </si>
  <si>
    <t>45285</t>
  </si>
  <si>
    <t>9.770550727844238</t>
  </si>
  <si>
    <t>897.096435546875</t>
  </si>
  <si>
    <t>-0.035958247929944065</t>
  </si>
  <si>
    <t>47379</t>
  </si>
  <si>
    <t>10.632502555847168</t>
  </si>
  <si>
    <t>862.836181640625</t>
  </si>
  <si>
    <t>0.04520324072911386</t>
  </si>
  <si>
    <t>11.006319999694824</t>
  </si>
  <si>
    <t>1226.558349609375</t>
  </si>
  <si>
    <t>0.060601032035279445</t>
  </si>
  <si>
    <t>50591</t>
  </si>
  <si>
    <t>11.715195655822754</t>
  </si>
  <si>
    <t>809.143798828125</t>
  </si>
  <si>
    <t>0.004993570269501646</t>
  </si>
  <si>
    <t>51634</t>
  </si>
  <si>
    <t>9.377982139587402</t>
  </si>
  <si>
    <t>993.9531860351562</t>
  </si>
  <si>
    <t>0.020406675366395177</t>
  </si>
  <si>
    <t>9.027861595153809</t>
  </si>
  <si>
    <t>937.0140991210938</t>
  </si>
  <si>
    <t>0.05165055325734791</t>
  </si>
  <si>
    <t>10.524249076843262</t>
  </si>
  <si>
    <t>962.5531616210938</t>
  </si>
  <si>
    <t>-0.008514934020972476</t>
  </si>
  <si>
    <t>53390</t>
  </si>
  <si>
    <t>11.65774154663086</t>
  </si>
  <si>
    <t>1003.1781005859375</t>
  </si>
  <si>
    <t>-0.009692526951482705</t>
  </si>
  <si>
    <t>10.785021781921387</t>
  </si>
  <si>
    <t>1002.9571533203125</t>
  </si>
  <si>
    <t>-0.0043548516471716425</t>
  </si>
  <si>
    <t>10.639707565307617</t>
  </si>
  <si>
    <t>1153.5994873046875</t>
  </si>
  <si>
    <t>0.03506407470062989</t>
  </si>
  <si>
    <t>55668</t>
  </si>
  <si>
    <t>10.91318130493164</t>
  </si>
  <si>
    <t>1099.1234130859375</t>
  </si>
  <si>
    <t>0.011072789992052634</t>
  </si>
  <si>
    <t>11.16787338256836</t>
  </si>
  <si>
    <t>950.2197265625</t>
  </si>
  <si>
    <t>-0.03964905809536923</t>
  </si>
  <si>
    <t>56606</t>
  </si>
  <si>
    <t>11.208549499511719</t>
  </si>
  <si>
    <t>1006.4727172851562</t>
  </si>
  <si>
    <t>0.056358569195685604</t>
  </si>
  <si>
    <t>57495</t>
  </si>
  <si>
    <t>11.232830047607422</t>
  </si>
  <si>
    <t>921.2279663085938</t>
  </si>
  <si>
    <t>0.01558300084270492</t>
  </si>
  <si>
    <t>12.914380073547363</t>
  </si>
  <si>
    <t>872.0029296875</t>
  </si>
  <si>
    <t>203.94520568847656</t>
  </si>
  <si>
    <t>Topeka, KS</t>
  </si>
  <si>
    <t>14.229966163635254</t>
  </si>
  <si>
    <t>725.470703125</t>
  </si>
  <si>
    <t>-0.014395376390133663</t>
  </si>
  <si>
    <t>12.212227821350098</t>
  </si>
  <si>
    <t>1017.088623046875</t>
  </si>
  <si>
    <t>0.020818436173460242</t>
  </si>
  <si>
    <t>11.581875801086426</t>
  </si>
  <si>
    <t>1165.535888671875</t>
  </si>
  <si>
    <t>0.01401110646851933</t>
  </si>
  <si>
    <t>13.381142616271973</t>
  </si>
  <si>
    <t>728.2407836914062</t>
  </si>
  <si>
    <t>0.027301118639808664</t>
  </si>
  <si>
    <t>12.604704856872559</t>
  </si>
  <si>
    <t>913.9605102539062</t>
  </si>
  <si>
    <t>0.014624960807369192</t>
  </si>
  <si>
    <t>12.041168212890625</t>
  </si>
  <si>
    <t>989.4601440429688</t>
  </si>
  <si>
    <t>0.025159985362241954</t>
  </si>
  <si>
    <t>12.26990795135498</t>
  </si>
  <si>
    <t>838.2938232421875</t>
  </si>
  <si>
    <t>0.031236185916917236</t>
  </si>
  <si>
    <t>38071</t>
  </si>
  <si>
    <t>13.579354286193848</t>
  </si>
  <si>
    <t>1107.8446044921875</t>
  </si>
  <si>
    <t>0.03194614180337929</t>
  </si>
  <si>
    <t>13.450884819030762</t>
  </si>
  <si>
    <t>848.3989868164062</t>
  </si>
  <si>
    <t>0.035124831951497626</t>
  </si>
  <si>
    <t>12.668621063232422</t>
  </si>
  <si>
    <t>750.0183715820312</t>
  </si>
  <si>
    <t>0.02862373421840836</t>
  </si>
  <si>
    <t>13.339816093444824</t>
  </si>
  <si>
    <t>1007.531494140625</t>
  </si>
  <si>
    <t>-0.0002711262848880125</t>
  </si>
  <si>
    <t>40784</t>
  </si>
  <si>
    <t>12.645211219787598</t>
  </si>
  <si>
    <t>628.4896850585938</t>
  </si>
  <si>
    <t>0.005359570297162719</t>
  </si>
  <si>
    <t>41699</t>
  </si>
  <si>
    <t>12.657112121582031</t>
  </si>
  <si>
    <t>758.8679809570312</t>
  </si>
  <si>
    <t>0.02218730006810432</t>
  </si>
  <si>
    <t>43336</t>
  </si>
  <si>
    <t>12.871306419372559</t>
  </si>
  <si>
    <t>948.6072998046875</t>
  </si>
  <si>
    <t>0.038506550653734095</t>
  </si>
  <si>
    <t>14.077153205871582</t>
  </si>
  <si>
    <t>883.6226196289062</t>
  </si>
  <si>
    <t>-0.011301390806996992</t>
  </si>
  <si>
    <t>13.637496948242188</t>
  </si>
  <si>
    <t>791.6167602539062</t>
  </si>
  <si>
    <t>0.012454500872269847</t>
  </si>
  <si>
    <t>45526</t>
  </si>
  <si>
    <t>13.249190330505371</t>
  </si>
  <si>
    <t>1007.3150024414062</t>
  </si>
  <si>
    <t>0.04814678290432717</t>
  </si>
  <si>
    <t>12.136852264404297</t>
  </si>
  <si>
    <t>1012.9822387695312</t>
  </si>
  <si>
    <t>0.027300421546378573</t>
  </si>
  <si>
    <t>12.118206977844238</t>
  </si>
  <si>
    <t>1013.5603637695312</t>
  </si>
  <si>
    <t>0.01640805895100428</t>
  </si>
  <si>
    <t>12.943130493164062</t>
  </si>
  <si>
    <t>937.6403198242188</t>
  </si>
  <si>
    <t>-0.000673060769139866</t>
  </si>
  <si>
    <t>49363</t>
  </si>
  <si>
    <t>13.618213653564453</t>
  </si>
  <si>
    <t>827.137451171875</t>
  </si>
  <si>
    <t>0.03788214465464712</t>
  </si>
  <si>
    <t>14.721057891845703</t>
  </si>
  <si>
    <t>655.2047729492188</t>
  </si>
  <si>
    <t>-0.010979160465893756</t>
  </si>
  <si>
    <t>48381</t>
  </si>
  <si>
    <t>12.053362846374512</t>
  </si>
  <si>
    <t>889.31298828125</t>
  </si>
  <si>
    <t>-0.009114820575705451</t>
  </si>
  <si>
    <t>12.343387603759766</t>
  </si>
  <si>
    <t>903.02197265625</t>
  </si>
  <si>
    <t>-0.0001860407434595146</t>
  </si>
  <si>
    <t>13.505568504333496</t>
  </si>
  <si>
    <t>1101.6292724609375</t>
  </si>
  <si>
    <t>0.014163670484865776</t>
  </si>
  <si>
    <t>49374</t>
  </si>
  <si>
    <t>14.471907615661621</t>
  </si>
  <si>
    <t>1101.3817138671875</t>
  </si>
  <si>
    <t>13.685629844665527</t>
  </si>
  <si>
    <t>1000.79150390625</t>
  </si>
  <si>
    <t>0.010697228286918659</t>
  </si>
  <si>
    <t>50901</t>
  </si>
  <si>
    <t>12.715214729309082</t>
  </si>
  <si>
    <t>947.4818115234375</t>
  </si>
  <si>
    <t>0.019761371590362842</t>
  </si>
  <si>
    <t>51153</t>
  </si>
  <si>
    <t>12.610228538513184</t>
  </si>
  <si>
    <t>1149.3123779296875</t>
  </si>
  <si>
    <t>0.00493857197521308</t>
  </si>
  <si>
    <t>51134</t>
  </si>
  <si>
    <t>13.337638854980469</t>
  </si>
  <si>
    <t>836.8090209960938</t>
  </si>
  <si>
    <t>-0.0003715037144225164</t>
  </si>
  <si>
    <t>54099</t>
  </si>
  <si>
    <t>13.45592212677002</t>
  </si>
  <si>
    <t>838.3029174804688</t>
  </si>
  <si>
    <t>0.056366063403542555</t>
  </si>
  <si>
    <t>54949</t>
  </si>
  <si>
    <t>13.360369682312012</t>
  </si>
  <si>
    <t>758.0018310546875</t>
  </si>
  <si>
    <t>0.01558978092864649</t>
  </si>
  <si>
    <t>6.917514801025391</t>
  </si>
  <si>
    <t>920.3451538085938</t>
  </si>
  <si>
    <t>118.069580078125</t>
  </si>
  <si>
    <t>Traverse City, MI</t>
  </si>
  <si>
    <t>7.835541248321533</t>
  </si>
  <si>
    <t>903.2747192382812</t>
  </si>
  <si>
    <t>-0.0143692897763259</t>
  </si>
  <si>
    <t>6.055233001708984</t>
  </si>
  <si>
    <t>892.6149291992188</t>
  </si>
  <si>
    <t>0.020810819291890326</t>
  </si>
  <si>
    <t>5.569836139678955</t>
  </si>
  <si>
    <t>817.9884033203125</t>
  </si>
  <si>
    <t>0.014006221580922684</t>
  </si>
  <si>
    <t>7.044866561889648</t>
  </si>
  <si>
    <t>844.3494873046875</t>
  </si>
  <si>
    <t>0.02726898764948693</t>
  </si>
  <si>
    <t>6.436275959014893</t>
  </si>
  <si>
    <t>756.3383178710938</t>
  </si>
  <si>
    <t>0.014638809589596846</t>
  </si>
  <si>
    <t>30908</t>
  </si>
  <si>
    <t>5.851071834564209</t>
  </si>
  <si>
    <t>825.8236083984375</t>
  </si>
  <si>
    <t>0.025161856872987443</t>
  </si>
  <si>
    <t>31889</t>
  </si>
  <si>
    <t>6.318296909332275</t>
  </si>
  <si>
    <t>751.7179565429688</t>
  </si>
  <si>
    <t>0.031246072666551328</t>
  </si>
  <si>
    <t>8.20263385772705</t>
  </si>
  <si>
    <t>768.7823486328125</t>
  </si>
  <si>
    <t>0.03194075237250793</t>
  </si>
  <si>
    <t>7.629382610321045</t>
  </si>
  <si>
    <t>753.4576416015625</t>
  </si>
  <si>
    <t>0.03512483426228563</t>
  </si>
  <si>
    <t>35091</t>
  </si>
  <si>
    <t>6.867715358734131</t>
  </si>
  <si>
    <t>881.5625610351562</t>
  </si>
  <si>
    <t>0.028617977963996566</t>
  </si>
  <si>
    <t>7.9200263023376465</t>
  </si>
  <si>
    <t>886.9228515625</t>
  </si>
  <si>
    <t>-0.0002565089150898814</t>
  </si>
  <si>
    <t>6.961253643035889</t>
  </si>
  <si>
    <t>746.0021362304688</t>
  </si>
  <si>
    <t>0.024969277954257407</t>
  </si>
  <si>
    <t>6.31664514541626</t>
  </si>
  <si>
    <t>757.9976196289062</t>
  </si>
  <si>
    <t>0.008361067534204736</t>
  </si>
  <si>
    <t>6.995052337646484</t>
  </si>
  <si>
    <t>877.8958740234375</t>
  </si>
  <si>
    <t>0.003083108671745549</t>
  </si>
  <si>
    <t>7.887360095977783</t>
  </si>
  <si>
    <t>767.1891479492188</t>
  </si>
  <si>
    <t>2.7484986329540106e-05</t>
  </si>
  <si>
    <t>7.602415084838867</t>
  </si>
  <si>
    <t>964.9542236328125</t>
  </si>
  <si>
    <t>0.01859796834556704</t>
  </si>
  <si>
    <t>7.3465800285339355</t>
  </si>
  <si>
    <t>839.8713989257812</t>
  </si>
  <si>
    <t>-0.020716525768078142</t>
  </si>
  <si>
    <t>34657</t>
  </si>
  <si>
    <t>5.969620227813721</t>
  </si>
  <si>
    <t>885.8424072265625</t>
  </si>
  <si>
    <t>-0.04651083471101636</t>
  </si>
  <si>
    <t>34100</t>
  </si>
  <si>
    <t>6.731870174407959</t>
  </si>
  <si>
    <t>897.9981689453125</t>
  </si>
  <si>
    <t>-0.016202341145127974</t>
  </si>
  <si>
    <t>7.914411544799805</t>
  </si>
  <si>
    <t>783.6301879882812</t>
  </si>
  <si>
    <t>0.024678307359664586</t>
  </si>
  <si>
    <t>7.858718395233154</t>
  </si>
  <si>
    <t>937.8851318359375</t>
  </si>
  <si>
    <t>-0.00020029472004345905</t>
  </si>
  <si>
    <t>8.802522659301758</t>
  </si>
  <si>
    <t>771.24072265625</t>
  </si>
  <si>
    <t>0.004340259804482827</t>
  </si>
  <si>
    <t>35712</t>
  </si>
  <si>
    <t>6.183755874633789</t>
  </si>
  <si>
    <t>935.0578002929688</t>
  </si>
  <si>
    <t>0.017371110025271363</t>
  </si>
  <si>
    <t>36651</t>
  </si>
  <si>
    <t>5.80891752243042</t>
  </si>
  <si>
    <t>850.8826293945312</t>
  </si>
  <si>
    <t>0.025953946331187083</t>
  </si>
  <si>
    <t>7.467491149902344</t>
  </si>
  <si>
    <t>794.990478515625</t>
  </si>
  <si>
    <t>0.030100899323032948</t>
  </si>
  <si>
    <t>8.545413970947266</t>
  </si>
  <si>
    <t>917.3391723632812</t>
  </si>
  <si>
    <t>0.010429655499434531</t>
  </si>
  <si>
    <t>7.666460037231445</t>
  </si>
  <si>
    <t>882.8346557617188</t>
  </si>
  <si>
    <t>0.011073733192219493</t>
  </si>
  <si>
    <t>7.152592182159424</t>
  </si>
  <si>
    <t>983.7984619140625</t>
  </si>
  <si>
    <t>0.014304334458852708</t>
  </si>
  <si>
    <t>7.35064172744751</t>
  </si>
  <si>
    <t>1075.964599609375</t>
  </si>
  <si>
    <t>0.026592284142628486</t>
  </si>
  <si>
    <t>8.042210578918457</t>
  </si>
  <si>
    <t>889.3224487304688</t>
  </si>
  <si>
    <t>-0.008493044331725486</t>
  </si>
  <si>
    <t>42175</t>
  </si>
  <si>
    <t>8.182856559753418</t>
  </si>
  <si>
    <t>771.0146484375</t>
  </si>
  <si>
    <t>0.056379053057556305</t>
  </si>
  <si>
    <t>8.09978199005127</t>
  </si>
  <si>
    <t>861.916259765625</t>
  </si>
  <si>
    <t>0.01557458668423628</t>
  </si>
  <si>
    <t>18.423852920532227</t>
  </si>
  <si>
    <t>463.2967224121094</t>
  </si>
  <si>
    <t>353.903076171875</t>
  </si>
  <si>
    <t>Tucson, AZ</t>
  </si>
  <si>
    <t>18.132837295532227</t>
  </si>
  <si>
    <t>380.3380126953125</t>
  </si>
  <si>
    <t>-0.01438590831367037</t>
  </si>
  <si>
    <t>18.52688217163086</t>
  </si>
  <si>
    <t>599.4892578125</t>
  </si>
  <si>
    <t>0.020807204903418253</t>
  </si>
  <si>
    <t>31371</t>
  </si>
  <si>
    <t>18.46223258972168</t>
  </si>
  <si>
    <t>286.0093994140625</t>
  </si>
  <si>
    <t>0.014027996668612985</t>
  </si>
  <si>
    <t>18.934404373168945</t>
  </si>
  <si>
    <t>421.0853271484375</t>
  </si>
  <si>
    <t>0.027293000503091136</t>
  </si>
  <si>
    <t>19.08796501159668</t>
  </si>
  <si>
    <t>242.83824157714844</t>
  </si>
  <si>
    <t>0.014626221048681387</t>
  </si>
  <si>
    <t>19.435428619384766</t>
  </si>
  <si>
    <t>319.8021545410156</t>
  </si>
  <si>
    <t>0.025174128285831543</t>
  </si>
  <si>
    <t>34612</t>
  </si>
  <si>
    <t>18.691036224365234</t>
  </si>
  <si>
    <t>289.18499755859375</t>
  </si>
  <si>
    <t>0.03122319362232595</t>
  </si>
  <si>
    <t>35736</t>
  </si>
  <si>
    <t>18.177831649780273</t>
  </si>
  <si>
    <t>354.91546630859375</t>
  </si>
  <si>
    <t>0.03195814130532604</t>
  </si>
  <si>
    <t>37014</t>
  </si>
  <si>
    <t>18.793621063232422</t>
  </si>
  <si>
    <t>323.7952575683594</t>
  </si>
  <si>
    <t>0.03513763540573933</t>
  </si>
  <si>
    <t>38088</t>
  </si>
  <si>
    <t>18.993547439575195</t>
  </si>
  <si>
    <t>409.5088806152344</t>
  </si>
  <si>
    <t>0.028603052436661613</t>
  </si>
  <si>
    <t>38077</t>
  </si>
  <si>
    <t>19.400537490844727</t>
  </si>
  <si>
    <t>293.34124755859375</t>
  </si>
  <si>
    <t>-0.0002888465850858779</t>
  </si>
  <si>
    <t>19.53020477294922</t>
  </si>
  <si>
    <t>193.82937622070312</t>
  </si>
  <si>
    <t>-0.011782246513295291</t>
  </si>
  <si>
    <t>39470</t>
  </si>
  <si>
    <t>19.419828414916992</t>
  </si>
  <si>
    <t>340.87652587890625</t>
  </si>
  <si>
    <t>0.04771271088091922</t>
  </si>
  <si>
    <t>19.033966064453125</t>
  </si>
  <si>
    <t>378.93792724609375</t>
  </si>
  <si>
    <t>-0.026702485098004658</t>
  </si>
  <si>
    <t>39690</t>
  </si>
  <si>
    <t>19.46851921081543</t>
  </si>
  <si>
    <t>244.73995971679688</t>
  </si>
  <si>
    <t>0.032260862218222996</t>
  </si>
  <si>
    <t>19.05763053894043</t>
  </si>
  <si>
    <t>353.455810546875</t>
  </si>
  <si>
    <t>0.018992098282808456</t>
  </si>
  <si>
    <t>41706</t>
  </si>
  <si>
    <t>19.65410804748535</t>
  </si>
  <si>
    <t>320.07977294921875</t>
  </si>
  <si>
    <t>0.03055363826862134</t>
  </si>
  <si>
    <t>41342</t>
  </si>
  <si>
    <t>19.339387893676758</t>
  </si>
  <si>
    <t>315.4283752441406</t>
  </si>
  <si>
    <t>-0.008766070969359774</t>
  </si>
  <si>
    <t>19.317663192749023</t>
  </si>
  <si>
    <t>286.0795593261719</t>
  </si>
  <si>
    <t>-0.04951003039009905</t>
  </si>
  <si>
    <t>19.083711624145508</t>
  </si>
  <si>
    <t>325.8246765136719</t>
  </si>
  <si>
    <t>0.016560550877031233</t>
  </si>
  <si>
    <t>19.19833755493164</t>
  </si>
  <si>
    <t>382.0916442871094</t>
  </si>
  <si>
    <t>-0.011844278632752392</t>
  </si>
  <si>
    <t>39674</t>
  </si>
  <si>
    <t>19.698444366455078</t>
  </si>
  <si>
    <t>320.91094970703125</t>
  </si>
  <si>
    <t>0.0036108870746929256</t>
  </si>
  <si>
    <t>39245</t>
  </si>
  <si>
    <t>19.499710083007812</t>
  </si>
  <si>
    <t>333.2706604003906</t>
  </si>
  <si>
    <t>-0.010872013727141194</t>
  </si>
  <si>
    <t>20.077695846557617</t>
  </si>
  <si>
    <t>358.061279296875</t>
  </si>
  <si>
    <t>-0.002321459224425837</t>
  </si>
  <si>
    <t>19.80937385559082</t>
  </si>
  <si>
    <t>427.35455322265625</t>
  </si>
  <si>
    <t>0.0076835386275835305</t>
  </si>
  <si>
    <t>20.074722290039062</t>
  </si>
  <si>
    <t>362.5571594238281</t>
  </si>
  <si>
    <t>0.03511229450530173</t>
  </si>
  <si>
    <t>20.66904067993164</t>
  </si>
  <si>
    <t>283.9206848144531</t>
  </si>
  <si>
    <t>0.03242980898699166</t>
  </si>
  <si>
    <t>19.865446090698242</t>
  </si>
  <si>
    <t>394.8567810058594</t>
  </si>
  <si>
    <t>0.01751794198804646</t>
  </si>
  <si>
    <t>19.221372604370117</t>
  </si>
  <si>
    <t>333.8070068359375</t>
  </si>
  <si>
    <t>0.024579622698871262</t>
  </si>
  <si>
    <t>41563</t>
  </si>
  <si>
    <t>20.118677139282227</t>
  </si>
  <si>
    <t>201.3644561767578</t>
  </si>
  <si>
    <t>-0.05761544674224517</t>
  </si>
  <si>
    <t>43973</t>
  </si>
  <si>
    <t>20.012554168701172</t>
  </si>
  <si>
    <t>430.3797607421875</t>
  </si>
  <si>
    <t>0.05636546078387461</t>
  </si>
  <si>
    <t>19.4837703704834</t>
  </si>
  <si>
    <t>323.64520263671875</t>
  </si>
  <si>
    <t>0.01559199880528439</t>
  </si>
  <si>
    <t>15.801094055175781</t>
  </si>
  <si>
    <t>1328.5289306640625</t>
  </si>
  <si>
    <t>493.2006530761719</t>
  </si>
  <si>
    <t>Tulsa-Bartlesville, OK</t>
  </si>
  <si>
    <t>16.582441329956055</t>
  </si>
  <si>
    <t>1054.0950927734375</t>
  </si>
  <si>
    <t>-0.01438355253192114</t>
  </si>
  <si>
    <t>15.168852806091309</t>
  </si>
  <si>
    <t>1380.0537109375</t>
  </si>
  <si>
    <t>0.02080259388922201</t>
  </si>
  <si>
    <t>14.609440803527832</t>
  </si>
  <si>
    <t>1232.2371826171875</t>
  </si>
  <si>
    <t>0.014031086306289353</t>
  </si>
  <si>
    <t>35182</t>
  </si>
  <si>
    <t>15.97225570678711</t>
  </si>
  <si>
    <t>1185.4564208984375</t>
  </si>
  <si>
    <t>0.02728607560368701</t>
  </si>
  <si>
    <t>15.475452423095703</t>
  </si>
  <si>
    <t>1067.366943359375</t>
  </si>
  <si>
    <t>0.014616100608879634</t>
  </si>
  <si>
    <t>15.089253425598145</t>
  </si>
  <si>
    <t>1051.9691162109375</t>
  </si>
  <si>
    <t>0.025170738346552923</t>
  </si>
  <si>
    <t>37772</t>
  </si>
  <si>
    <t>15.173800468444824</t>
  </si>
  <si>
    <t>1171.819580078125</t>
  </si>
  <si>
    <t>0.031246660268676507</t>
  </si>
  <si>
    <t>38998</t>
  </si>
  <si>
    <t>16.628374099731445</t>
  </si>
  <si>
    <t>1046.297607421875</t>
  </si>
  <si>
    <t>0.03194227536257266</t>
  </si>
  <si>
    <t>16.434480667114258</t>
  </si>
  <si>
    <t>1176.7353515625</t>
  </si>
  <si>
    <t>0.035121382793219524</t>
  </si>
  <si>
    <t>41565</t>
  </si>
  <si>
    <t>15.534468650817871</t>
  </si>
  <si>
    <t>1142.5865478515625</t>
  </si>
  <si>
    <t>0.02862672142643774</t>
  </si>
  <si>
    <t>16.22193717956543</t>
  </si>
  <si>
    <t>1026.715087890625</t>
  </si>
  <si>
    <t>-0.00028874612198137584</t>
  </si>
  <si>
    <t>40945</t>
  </si>
  <si>
    <t>15.372109413146973</t>
  </si>
  <si>
    <t>943.4691772460938</t>
  </si>
  <si>
    <t>-0.014740018138919453</t>
  </si>
  <si>
    <t>15.630209922790527</t>
  </si>
  <si>
    <t>977.4986572265625</t>
  </si>
  <si>
    <t>0.020714482553886526</t>
  </si>
  <si>
    <t>15.847209930419922</t>
  </si>
  <si>
    <t>1247.53955078125</t>
  </si>
  <si>
    <t>0.04415216889251461</t>
  </si>
  <si>
    <t>47438</t>
  </si>
  <si>
    <t>16.80674934387207</t>
  </si>
  <si>
    <t>715.3865356445312</t>
  </si>
  <si>
    <t>0.08232724111620193</t>
  </si>
  <si>
    <t>50622</t>
  </si>
  <si>
    <t>16.595422744750977</t>
  </si>
  <si>
    <t>995.1974487304688</t>
  </si>
  <si>
    <t>0.06496266912679083</t>
  </si>
  <si>
    <t>51378</t>
  </si>
  <si>
    <t>16.440340042114258</t>
  </si>
  <si>
    <t>1168.7115478515625</t>
  </si>
  <si>
    <t>0.014823800860565228</t>
  </si>
  <si>
    <t>15.306214332580566</t>
  </si>
  <si>
    <t>1249.2669677734375</t>
  </si>
  <si>
    <t>0.06091538837758215</t>
  </si>
  <si>
    <t>47723</t>
  </si>
  <si>
    <t>15.2005615234375</t>
  </si>
  <si>
    <t>1199.124267578125</t>
  </si>
  <si>
    <t>-0.13471199167345915</t>
  </si>
  <si>
    <t>16.047115325927734</t>
  </si>
  <si>
    <t>981.9993286132812</t>
  </si>
  <si>
    <t>0.01485052250340857</t>
  </si>
  <si>
    <t>50537</t>
  </si>
  <si>
    <t>16.804296493530273</t>
  </si>
  <si>
    <t>995.8353271484375</t>
  </si>
  <si>
    <t>0.04244175679497175</t>
  </si>
  <si>
    <t>17.61626434326172</t>
  </si>
  <si>
    <t>837.8974609375</t>
  </si>
  <si>
    <t>0.01934197725922715</t>
  </si>
  <si>
    <t>15.066039085388184</t>
  </si>
  <si>
    <t>1212.7294921875</t>
  </si>
  <si>
    <t>0.022188158341240438</t>
  </si>
  <si>
    <t>15.321133613586426</t>
  </si>
  <si>
    <t>918.2730712890625</t>
  </si>
  <si>
    <t>0.05356955519393303</t>
  </si>
  <si>
    <t>51776</t>
  </si>
  <si>
    <t>16.427473068237305</t>
  </si>
  <si>
    <t>1335.101806640625</t>
  </si>
  <si>
    <t>-0.07087871063298756</t>
  </si>
  <si>
    <t>48324</t>
  </si>
  <si>
    <t>17.38581085205078</t>
  </si>
  <si>
    <t>1048.90234375</t>
  </si>
  <si>
    <t>-0.06899838977870942</t>
  </si>
  <si>
    <t>49820</t>
  </si>
  <si>
    <t>16.65291404724121</t>
  </si>
  <si>
    <t>1062.4482421875</t>
  </si>
  <si>
    <t>0.030488178176717895</t>
  </si>
  <si>
    <t>52425</t>
  </si>
  <si>
    <t>15.985960960388184</t>
  </si>
  <si>
    <t>1185.2021484375</t>
  </si>
  <si>
    <t>0.05096706695394815</t>
  </si>
  <si>
    <t>15.896961212158203</t>
  </si>
  <si>
    <t>1419.8160400390625</t>
  </si>
  <si>
    <t>0.007468464918840567</t>
  </si>
  <si>
    <t>48097</t>
  </si>
  <si>
    <t>16.116994857788086</t>
  </si>
  <si>
    <t>1152.535888671875</t>
  </si>
  <si>
    <t>-0.0936322366025717</t>
  </si>
  <si>
    <t>50887</t>
  </si>
  <si>
    <t>16.290361404418945</t>
  </si>
  <si>
    <t>1005.19775390625</t>
  </si>
  <si>
    <t>0.05638768308089759</t>
  </si>
  <si>
    <t>51686</t>
  </si>
  <si>
    <t>16.529165267944336</t>
  </si>
  <si>
    <t>1045.709716796875</t>
  </si>
  <si>
    <t>0.015579463621428147</t>
  </si>
  <si>
    <t>17.179933547973633</t>
  </si>
  <si>
    <t>1500.655029296875</t>
  </si>
  <si>
    <t>230.60626220703125</t>
  </si>
  <si>
    <t>Tupelo, MS</t>
  </si>
  <si>
    <t>17.06822967529297</t>
  </si>
  <si>
    <t>1767.9815673828125</t>
  </si>
  <si>
    <t>-0.01438187754175857</t>
  </si>
  <si>
    <t>25516</t>
  </si>
  <si>
    <t>16.214277267456055</t>
  </si>
  <si>
    <t>1327.940185546875</t>
  </si>
  <si>
    <t>0.020829961532847108</t>
  </si>
  <si>
    <t>15.740998268127441</t>
  </si>
  <si>
    <t>1294.1534423828125</t>
  </si>
  <si>
    <t>0.014010191802031002</t>
  </si>
  <si>
    <t>16.63619041442871</t>
  </si>
  <si>
    <t>1568.845947265625</t>
  </si>
  <si>
    <t>0.027294520491299323</t>
  </si>
  <si>
    <t>16.243745803833008</t>
  </si>
  <si>
    <t>1416.6025390625</t>
  </si>
  <si>
    <t>0.014633679086310636</t>
  </si>
  <si>
    <t>16.02753257751465</t>
  </si>
  <si>
    <t>1504.048583984375</t>
  </si>
  <si>
    <t>0.025140835610512724</t>
  </si>
  <si>
    <t>28549</t>
  </si>
  <si>
    <t>15.911393165588379</t>
  </si>
  <si>
    <t>1624.3582763671875</t>
  </si>
  <si>
    <t>0.031236975849020965</t>
  </si>
  <si>
    <t>29476</t>
  </si>
  <si>
    <t>17.470243453979492</t>
  </si>
  <si>
    <t>1506.7406005859375</t>
  </si>
  <si>
    <t>0.03195446368587085</t>
  </si>
  <si>
    <t>30530</t>
  </si>
  <si>
    <t>16.880491256713867</t>
  </si>
  <si>
    <t>1096.6488037109375</t>
  </si>
  <si>
    <t>0.0351334338420326</t>
  </si>
  <si>
    <t>31416</t>
  </si>
  <si>
    <t>16.20887565612793</t>
  </si>
  <si>
    <t>1194.559814453125</t>
  </si>
  <si>
    <t>0.02860751052892141</t>
  </si>
  <si>
    <t>16.739990234375</t>
  </si>
  <si>
    <t>1721.0623779296875</t>
  </si>
  <si>
    <t>-0.00025467974160164886</t>
  </si>
  <si>
    <t>31724</t>
  </si>
  <si>
    <t>16.36806297302246</t>
  </si>
  <si>
    <t>1470.35009765625</t>
  </si>
  <si>
    <t>0.010010854686967718</t>
  </si>
  <si>
    <t>32174</t>
  </si>
  <si>
    <t>16.31888198852539</t>
  </si>
  <si>
    <t>1515.5111083984375</t>
  </si>
  <si>
    <t>0.014085180747041903</t>
  </si>
  <si>
    <t>16.918928146362305</t>
  </si>
  <si>
    <t>1674.410888671875</t>
  </si>
  <si>
    <t>0.012171538232562895</t>
  </si>
  <si>
    <t>16.90984535217285</t>
  </si>
  <si>
    <t>1258.9136962890625</t>
  </si>
  <si>
    <t>-0.007705860650622398</t>
  </si>
  <si>
    <t>32553</t>
  </si>
  <si>
    <t>16.765634536743164</t>
  </si>
  <si>
    <t>1234.7078857421875</t>
  </si>
  <si>
    <t>0.007245179756123932</t>
  </si>
  <si>
    <t>17.127025604248047</t>
  </si>
  <si>
    <t>911.375</t>
  </si>
  <si>
    <t>-0.02264880819456394</t>
  </si>
  <si>
    <t>33495</t>
  </si>
  <si>
    <t>16.309415817260742</t>
  </si>
  <si>
    <t>1397.9066162109375</t>
  </si>
  <si>
    <t>0.05117545184861427</t>
  </si>
  <si>
    <t>16.114404678344727</t>
  </si>
  <si>
    <t>1699.1678466796875</t>
  </si>
  <si>
    <t>-0.02588828158855705</t>
  </si>
  <si>
    <t>33635</t>
  </si>
  <si>
    <t>16.49327278137207</t>
  </si>
  <si>
    <t>1071.165771484375</t>
  </si>
  <si>
    <t>0.03005929910589522</t>
  </si>
  <si>
    <t>17.40141487121582</t>
  </si>
  <si>
    <t>1536.4610595703125</t>
  </si>
  <si>
    <t>0.01928657499725972</t>
  </si>
  <si>
    <t>17.746824264526367</t>
  </si>
  <si>
    <t>1398.233154296875</t>
  </si>
  <si>
    <t>0.01231810373040787</t>
  </si>
  <si>
    <t>15.638496398925781</t>
  </si>
  <si>
    <t>1512.38330078125</t>
  </si>
  <si>
    <t>0.00608829886725637</t>
  </si>
  <si>
    <t>16.047147750854492</t>
  </si>
  <si>
    <t>1385.430419921875</t>
  </si>
  <si>
    <t>-0.01828975731583249</t>
  </si>
  <si>
    <t>17.23781394958496</t>
  </si>
  <si>
    <t>1538.1827392578125</t>
  </si>
  <si>
    <t>0.03453411531387118</t>
  </si>
  <si>
    <t>18.428863525390625</t>
  </si>
  <si>
    <t>1325.6876220703125</t>
  </si>
  <si>
    <t>0.02728705004059151</t>
  </si>
  <si>
    <t>17.2365779876709</t>
  </si>
  <si>
    <t>1479.7425537109375</t>
  </si>
  <si>
    <t>-0.0053595851631520475</t>
  </si>
  <si>
    <t>17.44516944885254</t>
  </si>
  <si>
    <t>1744.5057373046875</t>
  </si>
  <si>
    <t>0.012243541651397294</t>
  </si>
  <si>
    <t>37516</t>
  </si>
  <si>
    <t>17.83363151550293</t>
  </si>
  <si>
    <t>1710.1627197265625</t>
  </si>
  <si>
    <t>0.02109197504732485</t>
  </si>
  <si>
    <t>37889</t>
  </si>
  <si>
    <t>17.25191879272461</t>
  </si>
  <si>
    <t>1539.18798828125</t>
  </si>
  <si>
    <t>0.009893323847624202</t>
  </si>
  <si>
    <t>40086</t>
  </si>
  <si>
    <t>17.023452758789062</t>
  </si>
  <si>
    <t>1680.8284912109375</t>
  </si>
  <si>
    <t>0.056366313677077784</t>
  </si>
  <si>
    <t>17.494596481323242</t>
  </si>
  <si>
    <t>1567.68896484375</t>
  </si>
  <si>
    <t>0.01559398941869894</t>
  </si>
  <si>
    <t>2763</t>
  </si>
  <si>
    <t>8.327410697937012</t>
  </si>
  <si>
    <t>223.60794067382812</t>
  </si>
  <si>
    <t>72.12826538085938</t>
  </si>
  <si>
    <t>Twin Falls, ID</t>
  </si>
  <si>
    <t>8.755126953125</t>
  </si>
  <si>
    <t>230.190673828125</t>
  </si>
  <si>
    <t>-0.014382479806037907</t>
  </si>
  <si>
    <t>9.046710968017578</t>
  </si>
  <si>
    <t>233.14369201660156</t>
  </si>
  <si>
    <t>0.0208076367916199</t>
  </si>
  <si>
    <t>7.444233417510986</t>
  </si>
  <si>
    <t>278.5517272949219</t>
  </si>
  <si>
    <t>0.013997733343764196</t>
  </si>
  <si>
    <t>34009</t>
  </si>
  <si>
    <t>9.142159461975098</t>
  </si>
  <si>
    <t>289.9661865234375</t>
  </si>
  <si>
    <t>0.027303415814740717</t>
  </si>
  <si>
    <t>8.951203346252441</t>
  </si>
  <si>
    <t>393.98291015625</t>
  </si>
  <si>
    <t>0.014623941639817062</t>
  </si>
  <si>
    <t>8.769335746765137</t>
  </si>
  <si>
    <t>400.5725402832031</t>
  </si>
  <si>
    <t>0.025151900278583383</t>
  </si>
  <si>
    <t>36512</t>
  </si>
  <si>
    <t>8.585734367370605</t>
  </si>
  <si>
    <t>265.93170166015625</t>
  </si>
  <si>
    <t>0.031239936291170167</t>
  </si>
  <si>
    <t>8.714344024658203</t>
  </si>
  <si>
    <t>357.3660583496094</t>
  </si>
  <si>
    <t>0.031966068969200734</t>
  </si>
  <si>
    <t>39046</t>
  </si>
  <si>
    <t>8.613080978393555</t>
  </si>
  <si>
    <t>245.45436096191406</t>
  </si>
  <si>
    <t>0.035133395611744334</t>
  </si>
  <si>
    <t>40179</t>
  </si>
  <si>
    <t>8.611289024353027</t>
  </si>
  <si>
    <t>232.11178588867188</t>
  </si>
  <si>
    <t>0.028604032812484803</t>
  </si>
  <si>
    <t>40168</t>
  </si>
  <si>
    <t>9.107873916625977</t>
  </si>
  <si>
    <t>222.2010955810547</t>
  </si>
  <si>
    <t>-0.0002738123406906823</t>
  </si>
  <si>
    <t>40389</t>
  </si>
  <si>
    <t>8.81773567199707</t>
  </si>
  <si>
    <t>182.34970092773438</t>
  </si>
  <si>
    <t>0.005486811932803093</t>
  </si>
  <si>
    <t>39745</t>
  </si>
  <si>
    <t>9.186163902282715</t>
  </si>
  <si>
    <t>239.39871215820312</t>
  </si>
  <si>
    <t>-0.016073423640131423</t>
  </si>
  <si>
    <t>9.046034812927246</t>
  </si>
  <si>
    <t>288.64654541015625</t>
  </si>
  <si>
    <t>0.0564466804875714</t>
  </si>
  <si>
    <t>42201</t>
  </si>
  <si>
    <t>8.924445152282715</t>
  </si>
  <si>
    <t>393.6470947265625</t>
  </si>
  <si>
    <t>0.0035131899310218984</t>
  </si>
  <si>
    <t>8.70064640045166</t>
  </si>
  <si>
    <t>264.23590087890625</t>
  </si>
  <si>
    <t>0.017965187809188876</t>
  </si>
  <si>
    <t>46286</t>
  </si>
  <si>
    <t>9.357489585876465</t>
  </si>
  <si>
    <t>216.05691528320312</t>
  </si>
  <si>
    <t>0.07443043430461316</t>
  </si>
  <si>
    <t>45625</t>
  </si>
  <si>
    <t>8.646632194519043</t>
  </si>
  <si>
    <t>210.26490783691406</t>
  </si>
  <si>
    <t>-0.014383727654815104</t>
  </si>
  <si>
    <t>8.459722518920898</t>
  </si>
  <si>
    <t>311.1008605957031</t>
  </si>
  <si>
    <t>-0.14587814249957987</t>
  </si>
  <si>
    <t>42791</t>
  </si>
  <si>
    <t>8.566163063049316</t>
  </si>
  <si>
    <t>328.21319580078125</t>
  </si>
  <si>
    <t>0.08175013069882553</t>
  </si>
  <si>
    <t>44529</t>
  </si>
  <si>
    <t>8.304973602294922</t>
  </si>
  <si>
    <t>311.249755859375</t>
  </si>
  <si>
    <t>0.0398128622088354</t>
  </si>
  <si>
    <t>9.424891471862793</t>
  </si>
  <si>
    <t>242.7359161376953</t>
  </si>
  <si>
    <t>0.027990578700471502</t>
  </si>
  <si>
    <t>48006</t>
  </si>
  <si>
    <t>9.131789207458496</t>
  </si>
  <si>
    <t>223.63406372070312</t>
  </si>
  <si>
    <t>0.04719476208483364</t>
  </si>
  <si>
    <t>49937</t>
  </si>
  <si>
    <t>9.965411186218262</t>
  </si>
  <si>
    <t>321.1562805175781</t>
  </si>
  <si>
    <t>0.039436207864680384</t>
  </si>
  <si>
    <t>10.164687156677246</t>
  </si>
  <si>
    <t>303.6818542480469</t>
  </si>
  <si>
    <t>-0.024364753171548514</t>
  </si>
  <si>
    <t>49143</t>
  </si>
  <si>
    <t>9.418133735656738</t>
  </si>
  <si>
    <t>284.6752624511719</t>
  </si>
  <si>
    <t>0.008336957501429154</t>
  </si>
  <si>
    <t>10.022452354431152</t>
  </si>
  <si>
    <t>298.7454528808594</t>
  </si>
  <si>
    <t>0.010002108086569095</t>
  </si>
  <si>
    <t>50713</t>
  </si>
  <si>
    <t>9.433215141296387</t>
  </si>
  <si>
    <t>274.7655334472656</t>
  </si>
  <si>
    <t>0.021445764608884588</t>
  </si>
  <si>
    <t>8.815608024597168</t>
  </si>
  <si>
    <t>352.9737243652344</t>
  </si>
  <si>
    <t>0.03348737090944276</t>
  </si>
  <si>
    <t>9.61137866973877</t>
  </si>
  <si>
    <t>278.53656005859375</t>
  </si>
  <si>
    <t>-0.08277654545109137</t>
  </si>
  <si>
    <t>9.928234100341797</t>
  </si>
  <si>
    <t>280.5238952636719</t>
  </si>
  <si>
    <t>0.05636286839174787</t>
  </si>
  <si>
    <t>9.143983840942383</t>
  </si>
  <si>
    <t>287.4622802734375</t>
  </si>
  <si>
    <t>0.01558099671470714</t>
  </si>
  <si>
    <t>16.71999168395996</t>
  </si>
  <si>
    <t>1119.151611328125</t>
  </si>
  <si>
    <t>774.0537109375</t>
  </si>
  <si>
    <t>Virginia Beach-Norfolk-Newport News, VA-NC</t>
  </si>
  <si>
    <t>16.700307846069336</t>
  </si>
  <si>
    <t>1096.73876953125</t>
  </si>
  <si>
    <t>-0.01439102133666914</t>
  </si>
  <si>
    <t>15.403731346130371</t>
  </si>
  <si>
    <t>1208.8150634765625</t>
  </si>
  <si>
    <t>0.020805243581820676</t>
  </si>
  <si>
    <t>15.244317054748535</t>
  </si>
  <si>
    <t>1016.930419921875</t>
  </si>
  <si>
    <t>0.014019587220545304</t>
  </si>
  <si>
    <t>1122.6678466796875</t>
  </si>
  <si>
    <t>0.02728768842005813</t>
  </si>
  <si>
    <t>15.744122505187988</t>
  </si>
  <si>
    <t>1122.139892578125</t>
  </si>
  <si>
    <t>0.01461658178282832</t>
  </si>
  <si>
    <t>41556</t>
  </si>
  <si>
    <t>15.39510440826416</t>
  </si>
  <si>
    <t>1324.008056640625</t>
  </si>
  <si>
    <t>0.025172201056104626</t>
  </si>
  <si>
    <t>15.088517189025879</t>
  </si>
  <si>
    <t>1091.0465087890625</t>
  </si>
  <si>
    <t>0.031223666390658877</t>
  </si>
  <si>
    <t>44267</t>
  </si>
  <si>
    <t>16.2467041015625</t>
  </si>
  <si>
    <t>1244.0443115234375</t>
  </si>
  <si>
    <t>0.03197389686740948</t>
  </si>
  <si>
    <t>45849</t>
  </si>
  <si>
    <t>15.539417266845703</t>
  </si>
  <si>
    <t>1260.5909423828125</t>
  </si>
  <si>
    <t>0.035113909747455097</t>
  </si>
  <si>
    <t>14.999390602111816</t>
  </si>
  <si>
    <t>1059.7086181640625</t>
  </si>
  <si>
    <t>0.028616685765719296</t>
  </si>
  <si>
    <t>47167</t>
  </si>
  <si>
    <t>16.155126571655273</t>
  </si>
  <si>
    <t>958.6259765625</t>
  </si>
  <si>
    <t>-0.00027557845150916194</t>
  </si>
  <si>
    <t>15.921658515930176</t>
  </si>
  <si>
    <t>1123.981201171875</t>
  </si>
  <si>
    <t>0.0179855672828495</t>
  </si>
  <si>
    <t>50135</t>
  </si>
  <si>
    <t>15.30950927734375</t>
  </si>
  <si>
    <t>1528.34326171875</t>
  </si>
  <si>
    <t>0.04303930416502055</t>
  </si>
  <si>
    <t>51655</t>
  </si>
  <si>
    <t>16.101633071899414</t>
  </si>
  <si>
    <t>1193.062255859375</t>
  </si>
  <si>
    <t>0.02986762932551912</t>
  </si>
  <si>
    <t>53321</t>
  </si>
  <si>
    <t>16.079191207885742</t>
  </si>
  <si>
    <t>1142.75537109375</t>
  </si>
  <si>
    <t>0.031743253521904435</t>
  </si>
  <si>
    <t>53007</t>
  </si>
  <si>
    <t>16.34663963317871</t>
  </si>
  <si>
    <t>1221.9444580078125</t>
  </si>
  <si>
    <t>-0.005906269520689733</t>
  </si>
  <si>
    <t>53495</t>
  </si>
  <si>
    <t>16.36723518371582</t>
  </si>
  <si>
    <t>809.4869384765625</t>
  </si>
  <si>
    <t>0.00916421128794731</t>
  </si>
  <si>
    <t>15.93698501586914</t>
  </si>
  <si>
    <t>1104.98583984375</t>
  </si>
  <si>
    <t>-0.0023394012447166546</t>
  </si>
  <si>
    <t>53723</t>
  </si>
  <si>
    <t>15.775233268737793</t>
  </si>
  <si>
    <t>1272.0889892578125</t>
  </si>
  <si>
    <t>0.006592424872762237</t>
  </si>
  <si>
    <t>53524</t>
  </si>
  <si>
    <t>16.02191162109375</t>
  </si>
  <si>
    <t>1128.9747314453125</t>
  </si>
  <si>
    <t>-0.003711063775874379</t>
  </si>
  <si>
    <t>52898</t>
  </si>
  <si>
    <t>17.218490600585938</t>
  </si>
  <si>
    <t>1157.7666015625</t>
  </si>
  <si>
    <t>-0.011764620476562015</t>
  </si>
  <si>
    <t>52238</t>
  </si>
  <si>
    <t>17.14997673034668</t>
  </si>
  <si>
    <t>1124.417724609375</t>
  </si>
  <si>
    <t>-0.012555331570091255</t>
  </si>
  <si>
    <t>52317</t>
  </si>
  <si>
    <t>15.585732460021973</t>
  </si>
  <si>
    <t>1206.56787109375</t>
  </si>
  <si>
    <t>0.0015111666593448092</t>
  </si>
  <si>
    <t>15.461987495422363</t>
  </si>
  <si>
    <t>1246.185302734375</t>
  </si>
  <si>
    <t>-0.010703715862787178</t>
  </si>
  <si>
    <t>53645</t>
  </si>
  <si>
    <t>16.114633560180664</t>
  </si>
  <si>
    <t>1322.2042236328125</t>
  </si>
  <si>
    <t>0.035770617896064394</t>
  </si>
  <si>
    <t>53823</t>
  </si>
  <si>
    <t>16.81199073791504</t>
  </si>
  <si>
    <t>1335.169677734375</t>
  </si>
  <si>
    <t>0.0033126170166468683</t>
  </si>
  <si>
    <t>53955</t>
  </si>
  <si>
    <t>16.346818923950195</t>
  </si>
  <si>
    <t>1204.52880859375</t>
  </si>
  <si>
    <t>0.002449480710339458</t>
  </si>
  <si>
    <t>54441</t>
  </si>
  <si>
    <t>16.419979095458984</t>
  </si>
  <si>
    <t>1598.535400390625</t>
  </si>
  <si>
    <t>0.008967180645299777</t>
  </si>
  <si>
    <t>55580</t>
  </si>
  <si>
    <t>17.077844619750977</t>
  </si>
  <si>
    <t>1157.024658203125</t>
  </si>
  <si>
    <t>0.020705877853361088</t>
  </si>
  <si>
    <t>51487</t>
  </si>
  <si>
    <t>16.935091018676758</t>
  </si>
  <si>
    <t>1585.4859619140625</t>
  </si>
  <si>
    <t>-0.07649407569423694</t>
  </si>
  <si>
    <t>54472</t>
  </si>
  <si>
    <t>16.67568588256836</t>
  </si>
  <si>
    <t>1218.1182861328125</t>
  </si>
  <si>
    <t>0.0563574595605445</t>
  </si>
  <si>
    <t>55328</t>
  </si>
  <si>
    <t>16.977365493774414</t>
  </si>
  <si>
    <t>1095.0673828125</t>
  </si>
  <si>
    <t>0.01559230132021483</t>
  </si>
  <si>
    <t>50712</t>
  </si>
  <si>
    <t>13.952762603759766</t>
  </si>
  <si>
    <t>1105.7081298828125</t>
  </si>
  <si>
    <t>3971.847412109375</t>
  </si>
  <si>
    <t>Washington-Baltimore-Northern Virginia, DC-MD-VA-WV</t>
  </si>
  <si>
    <t>14.150429725646973</t>
  </si>
  <si>
    <t>868.2288818359375</t>
  </si>
  <si>
    <t>-0.014379592358327642</t>
  </si>
  <si>
    <t>51039</t>
  </si>
  <si>
    <t>12.46553897857666</t>
  </si>
  <si>
    <t>1066.3145751953125</t>
  </si>
  <si>
    <t>0.02080706974457236</t>
  </si>
  <si>
    <t>12.302363395690918</t>
  </si>
  <si>
    <t>1224.12451171875</t>
  </si>
  <si>
    <t>0.014027603824535717</t>
  </si>
  <si>
    <t>53191</t>
  </si>
  <si>
    <t>13.771053314208984</t>
  </si>
  <si>
    <t>1124.145751953125</t>
  </si>
  <si>
    <t>0.027271558911266425</t>
  </si>
  <si>
    <t>13.063285827636719</t>
  </si>
  <si>
    <t>1086.244140625</t>
  </si>
  <si>
    <t>0.014650294221212334</t>
  </si>
  <si>
    <t>55351</t>
  </si>
  <si>
    <t>12.763644218444824</t>
  </si>
  <si>
    <t>1382.24755859375</t>
  </si>
  <si>
    <t>0.02515522251365354</t>
  </si>
  <si>
    <t>12.6634521484375</t>
  </si>
  <si>
    <t>1044.4842529296875</t>
  </si>
  <si>
    <t>0.031231975253366073</t>
  </si>
  <si>
    <t>58961</t>
  </si>
  <si>
    <t>13.846267700195312</t>
  </si>
  <si>
    <t>1053.4971923828125</t>
  </si>
  <si>
    <t>0.03194950729639601</t>
  </si>
  <si>
    <t>13.168082237243652</t>
  </si>
  <si>
    <t>1014.8568115234375</t>
  </si>
  <si>
    <t>0.03512816406039754</t>
  </si>
  <si>
    <t>62842</t>
  </si>
  <si>
    <t>12.487395286560059</t>
  </si>
  <si>
    <t>1039.411865234375</t>
  </si>
  <si>
    <t>0.02861926729389097</t>
  </si>
  <si>
    <t>62824</t>
  </si>
  <si>
    <t>13.79617977142334</t>
  </si>
  <si>
    <t>875.277099609375</t>
  </si>
  <si>
    <t>-0.00028647367025591564</t>
  </si>
  <si>
    <t>64635</t>
  </si>
  <si>
    <t>13.288497924804688</t>
  </si>
  <si>
    <t>1037.4293212890625</t>
  </si>
  <si>
    <t>0.028418893663337386</t>
  </si>
  <si>
    <t>66167</t>
  </si>
  <si>
    <t>12.524945259094238</t>
  </si>
  <si>
    <t>1533.5294189453125</t>
  </si>
  <si>
    <t>0.02342578949391161</t>
  </si>
  <si>
    <t>69053</t>
  </si>
  <si>
    <t>13.445724487304688</t>
  </si>
  <si>
    <t>1183.5743408203125</t>
  </si>
  <si>
    <t>0.04269247645939345</t>
  </si>
  <si>
    <t>71483</t>
  </si>
  <si>
    <t>13.752201080322266</t>
  </si>
  <si>
    <t>1077.595458984375</t>
  </si>
  <si>
    <t>0.034585333503063254</t>
  </si>
  <si>
    <t>71739</t>
  </si>
  <si>
    <t>13.96096134185791</t>
  </si>
  <si>
    <t>1088.671875</t>
  </si>
  <si>
    <t>0.00357487358972719</t>
  </si>
  <si>
    <t>71941</t>
  </si>
  <si>
    <t>13.620593070983887</t>
  </si>
  <si>
    <t>859.5907592773438</t>
  </si>
  <si>
    <t>0.0028118058614765573</t>
  </si>
  <si>
    <t>72318</t>
  </si>
  <si>
    <t>13.097517967224121</t>
  </si>
  <si>
    <t>1108.531005859375</t>
  </si>
  <si>
    <t>0.005226722190778688</t>
  </si>
  <si>
    <t>72258</t>
  </si>
  <si>
    <t>13.166568756103516</t>
  </si>
  <si>
    <t>1281.398193359375</t>
  </si>
  <si>
    <t>-0.00083001332786381</t>
  </si>
  <si>
    <t>73723</t>
  </si>
  <si>
    <t>13.614295959472656</t>
  </si>
  <si>
    <t>1020.2273559570312</t>
  </si>
  <si>
    <t>0.020071778987031053</t>
  </si>
  <si>
    <t>73684</t>
  </si>
  <si>
    <t>14.53002643585205</t>
  </si>
  <si>
    <t>1193.140380859375</t>
  </si>
  <si>
    <t>-0.000529147203456759</t>
  </si>
  <si>
    <t>73296</t>
  </si>
  <si>
    <t>14.667232513427734</t>
  </si>
  <si>
    <t>1006.2456665039062</t>
  </si>
  <si>
    <t>-0.005279642145584518</t>
  </si>
  <si>
    <t>72544</t>
  </si>
  <si>
    <t>12.958930969238281</t>
  </si>
  <si>
    <t>1196.782958984375</t>
  </si>
  <si>
    <t>-0.010312762819268073</t>
  </si>
  <si>
    <t>72744</t>
  </si>
  <si>
    <t>12.845694541931152</t>
  </si>
  <si>
    <t>1169.062744140625</t>
  </si>
  <si>
    <t>0.0027531540984924163</t>
  </si>
  <si>
    <t>74327</t>
  </si>
  <si>
    <t>13.653740882873535</t>
  </si>
  <si>
    <t>1171.1600341796875</t>
  </si>
  <si>
    <t>0.02152784894479609</t>
  </si>
  <si>
    <t>75951</t>
  </si>
  <si>
    <t>14.4298677444458</t>
  </si>
  <si>
    <t>1026.978759765625</t>
  </si>
  <si>
    <t>0.021614118143642003</t>
  </si>
  <si>
    <t>76356</t>
  </si>
  <si>
    <t>13.86550521850586</t>
  </si>
  <si>
    <t>1062.2318115234375</t>
  </si>
  <si>
    <t>0.005318218526605634</t>
  </si>
  <si>
    <t>77027</t>
  </si>
  <si>
    <t>13.935687065124512</t>
  </si>
  <si>
    <t>1637.8367919921875</t>
  </si>
  <si>
    <t>0.008749395702562168</t>
  </si>
  <si>
    <t>78278</t>
  </si>
  <si>
    <t>14.39328670501709</t>
  </si>
  <si>
    <t>1092.4920654296875</t>
  </si>
  <si>
    <t>0.016110583150100055</t>
  </si>
  <si>
    <t>76454</t>
  </si>
  <si>
    <t>14.410560607910156</t>
  </si>
  <si>
    <t>1449.494384765625</t>
  </si>
  <si>
    <t>-0.0235773401060424</t>
  </si>
  <si>
    <t>80888</t>
  </si>
  <si>
    <t>14.200722694396973</t>
  </si>
  <si>
    <t>1147.97412109375</t>
  </si>
  <si>
    <t>0.05637622900382233</t>
  </si>
  <si>
    <t>82158</t>
  </si>
  <si>
    <t>14.442265510559082</t>
  </si>
  <si>
    <t>1172.48876953125</t>
  </si>
  <si>
    <t>0.015578740789054635</t>
  </si>
  <si>
    <t>8.547220230102539</t>
  </si>
  <si>
    <t>1068.2313232421875</t>
  </si>
  <si>
    <t>58.2553596496582</t>
  </si>
  <si>
    <t>Waterloo-Cedar Falls, IA</t>
  </si>
  <si>
    <t>9.213391304016113</t>
  </si>
  <si>
    <t>1099.607666015625</t>
  </si>
  <si>
    <t>-0.014379289808578832</t>
  </si>
  <si>
    <t>7.871511459350586</t>
  </si>
  <si>
    <t>907.4459838867188</t>
  </si>
  <si>
    <t>0.020812269529258742</t>
  </si>
  <si>
    <t>6.874870777130127</t>
  </si>
  <si>
    <t>1256.7562255859375</t>
  </si>
  <si>
    <t>0.014021325669595797</t>
  </si>
  <si>
    <t>8.709850311279297</t>
  </si>
  <si>
    <t>825.0933227539062</t>
  </si>
  <si>
    <t>0.027279859674905538</t>
  </si>
  <si>
    <t>8.057361602783203</t>
  </si>
  <si>
    <t>835.9237670898438</t>
  </si>
  <si>
    <t>0.014622218139736631</t>
  </si>
  <si>
    <t>33486</t>
  </si>
  <si>
    <t>6.920991897583008</t>
  </si>
  <si>
    <t>803.6505126953125</t>
  </si>
  <si>
    <t>0.025160081330378503</t>
  </si>
  <si>
    <t>8.180525779724121</t>
  </si>
  <si>
    <t>803.4209594726562</t>
  </si>
  <si>
    <t>0.03125116520039661</t>
  </si>
  <si>
    <t>9.767630577087402</t>
  </si>
  <si>
    <t>1066.7587890625</t>
  </si>
  <si>
    <t>0.03195942750619096</t>
  </si>
  <si>
    <t>36946</t>
  </si>
  <si>
    <t>9.522818565368652</t>
  </si>
  <si>
    <t>889.3631591796875</t>
  </si>
  <si>
    <t>0.035119353395506536</t>
  </si>
  <si>
    <t>8.693989753723145</t>
  </si>
  <si>
    <t>888.052001953125</t>
  </si>
  <si>
    <t>0.028628647631590454</t>
  </si>
  <si>
    <t>38008</t>
  </si>
  <si>
    <t>9.412296295166016</t>
  </si>
  <si>
    <t>880.2230224609375</t>
  </si>
  <si>
    <t>-0.0002893708834168507</t>
  </si>
  <si>
    <t>40098</t>
  </si>
  <si>
    <t>8.621062278747559</t>
  </si>
  <si>
    <t>792.5361938476562</t>
  </si>
  <si>
    <t>0.053529793872368</t>
  </si>
  <si>
    <t>8.271559715270996</t>
  </si>
  <si>
    <t>774.0723266601562</t>
  </si>
  <si>
    <t>-0.011714817463968075</t>
  </si>
  <si>
    <t>8.907010078430176</t>
  </si>
  <si>
    <t>1026.79443359375</t>
  </si>
  <si>
    <t>0.11827915709017667</t>
  </si>
  <si>
    <t>45492</t>
  </si>
  <si>
    <t>10.133721351623535</t>
  </si>
  <si>
    <t>839.3447265625</t>
  </si>
  <si>
    <t>0.019645688939002426</t>
  </si>
  <si>
    <t>9.534767150878906</t>
  </si>
  <si>
    <t>840.515380859375</t>
  </si>
  <si>
    <t>-0.012809201186389174</t>
  </si>
  <si>
    <t>9.043938636779785</t>
  </si>
  <si>
    <t>1147.6932373046875</t>
  </si>
  <si>
    <t>0.04021530460971512</t>
  </si>
  <si>
    <t>45192</t>
  </si>
  <si>
    <t>7.511592864990234</t>
  </si>
  <si>
    <t>1131.63037109375</t>
  </si>
  <si>
    <t>-0.034022509722563044</t>
  </si>
  <si>
    <t>8.231856346130371</t>
  </si>
  <si>
    <t>1015.9229125976562</t>
  </si>
  <si>
    <t>0.030659001650917617</t>
  </si>
  <si>
    <t>49124</t>
  </si>
  <si>
    <t>9.190420150756836</t>
  </si>
  <si>
    <t>1110.080322265625</t>
  </si>
  <si>
    <t>0.05276863207425819</t>
  </si>
  <si>
    <t>49632</t>
  </si>
  <si>
    <t>9.533822059631348</t>
  </si>
  <si>
    <t>876.9979248046875</t>
  </si>
  <si>
    <t>0.01028807324599157</t>
  </si>
  <si>
    <t>57937</t>
  </si>
  <si>
    <t>10.710185050964355</t>
  </si>
  <si>
    <t>712.1866455078125</t>
  </si>
  <si>
    <t>0.15472042630549332</t>
  </si>
  <si>
    <t>52807</t>
  </si>
  <si>
    <t>7.3837890625</t>
  </si>
  <si>
    <t>957.1270751953125</t>
  </si>
  <si>
    <t>-0.09271245561721919</t>
  </si>
  <si>
    <t>7.621989727020264</t>
  </si>
  <si>
    <t>1044.42822265625</t>
  </si>
  <si>
    <t>0.08179647234872256</t>
  </si>
  <si>
    <t>54610</t>
  </si>
  <si>
    <t>9.399079322814941</t>
  </si>
  <si>
    <t>1025.45458984375</t>
  </si>
  <si>
    <t>-0.04822321386706285</t>
  </si>
  <si>
    <t>10.486042022705078</t>
  </si>
  <si>
    <t>1040.974853515625</t>
  </si>
  <si>
    <t>-0.07610734960077004</t>
  </si>
  <si>
    <t>50382</t>
  </si>
  <si>
    <t>9.602458000183105</t>
  </si>
  <si>
    <t>893.0689086914062</t>
  </si>
  <si>
    <t>-0.004475698133811434</t>
  </si>
  <si>
    <t>8.479525566101074</t>
  </si>
  <si>
    <t>1145.343994140625</t>
  </si>
  <si>
    <t>0.03007010396635401</t>
  </si>
  <si>
    <t>8.612060546875</t>
  </si>
  <si>
    <t>1235.87353515625</t>
  </si>
  <si>
    <t>0.007789307077068486</t>
  </si>
  <si>
    <t>51411</t>
  </si>
  <si>
    <t>9.55470085144043</t>
  </si>
  <si>
    <t>950.9575805664062</t>
  </si>
  <si>
    <t>-0.017641222126082212</t>
  </si>
  <si>
    <t>54393</t>
  </si>
  <si>
    <t>9.590899467468262</t>
  </si>
  <si>
    <t>733.5813598632812</t>
  </si>
  <si>
    <t>0.05638331176495903</t>
  </si>
  <si>
    <t>55247</t>
  </si>
  <si>
    <t>9.069327354431152</t>
  </si>
  <si>
    <t>853.7576293945312</t>
  </si>
  <si>
    <t>0.015578571169323041</t>
  </si>
  <si>
    <t>5.511070251464844</t>
  </si>
  <si>
    <t>887.8759765625</t>
  </si>
  <si>
    <t>221.40789794921875</t>
  </si>
  <si>
    <t>Wausau-Merrill, WI</t>
  </si>
  <si>
    <t>6.1732025146484375</t>
  </si>
  <si>
    <t>931.2337036132812</t>
  </si>
  <si>
    <t>-0.014373483927302644</t>
  </si>
  <si>
    <t>4.953856945037842</t>
  </si>
  <si>
    <t>772.5775756835938</t>
  </si>
  <si>
    <t>0.02079167431283757</t>
  </si>
  <si>
    <t>4.148271083831787</t>
  </si>
  <si>
    <t>897.1231079101562</t>
  </si>
  <si>
    <t>0.014019135271237104</t>
  </si>
  <si>
    <t>6.114448070526123</t>
  </si>
  <si>
    <t>722.426513671875</t>
  </si>
  <si>
    <t>0.027285026452293693</t>
  </si>
  <si>
    <t>4.966860771179199</t>
  </si>
  <si>
    <t>907.9656982421875</t>
  </si>
  <si>
    <t>0.01464884250312437</t>
  </si>
  <si>
    <t>4.083895206451416</t>
  </si>
  <si>
    <t>848.7482299804688</t>
  </si>
  <si>
    <t>0.025158559636153655</t>
  </si>
  <si>
    <t>5.139011383056641</t>
  </si>
  <si>
    <t>729.5375366210938</t>
  </si>
  <si>
    <t>0.0312158909791993</t>
  </si>
  <si>
    <t>6.969048023223877</t>
  </si>
  <si>
    <t>770.8162841796875</t>
  </si>
  <si>
    <t>0.0319496979879883</t>
  </si>
  <si>
    <t>6.482184886932373</t>
  </si>
  <si>
    <t>796.2164916992188</t>
  </si>
  <si>
    <t>0.03513355244884231</t>
  </si>
  <si>
    <t>40031</t>
  </si>
  <si>
    <t>5.619251728057861</t>
  </si>
  <si>
    <t>896.8447265625</t>
  </si>
  <si>
    <t>0.028634196721650795</t>
  </si>
  <si>
    <t>6.506669521331787</t>
  </si>
  <si>
    <t>837.5943603515625</t>
  </si>
  <si>
    <t>-0.00029981261935851933</t>
  </si>
  <si>
    <t>5.532498836517334</t>
  </si>
  <si>
    <t>939.3744506835938</t>
  </si>
  <si>
    <t>0.023168394524264002</t>
  </si>
  <si>
    <t>5.116102695465088</t>
  </si>
  <si>
    <t>764.5094604492188</t>
  </si>
  <si>
    <t>0.025813326965115735</t>
  </si>
  <si>
    <t>5.713374614715576</t>
  </si>
  <si>
    <t>878.6149291992188</t>
  </si>
  <si>
    <t>0.030347608986009078</t>
  </si>
  <si>
    <t>44053</t>
  </si>
  <si>
    <t>6.918130874633789</t>
  </si>
  <si>
    <t>738.7682495117188</t>
  </si>
  <si>
    <t>0.016709782677438056</t>
  </si>
  <si>
    <t>6.526908874511719</t>
  </si>
  <si>
    <t>743.3740844726562</t>
  </si>
  <si>
    <t>0.014893197198091457</t>
  </si>
  <si>
    <t>44599</t>
  </si>
  <si>
    <t>6.031101226806641</t>
  </si>
  <si>
    <t>784.2770385742188</t>
  </si>
  <si>
    <t>-0.002575214438078177</t>
  </si>
  <si>
    <t>44030</t>
  </si>
  <si>
    <t>4.515378475189209</t>
  </si>
  <si>
    <t>727.9171142578125</t>
  </si>
  <si>
    <t>-0.01284021748232611</t>
  </si>
  <si>
    <t>43850</t>
  </si>
  <si>
    <t>5.317681312561035</t>
  </si>
  <si>
    <t>757.1647338867188</t>
  </si>
  <si>
    <t>-0.004096500949470894</t>
  </si>
  <si>
    <t>44304</t>
  </si>
  <si>
    <t>6.345836162567139</t>
  </si>
  <si>
    <t>1000.716064453125</t>
  </si>
  <si>
    <t>0.010300247610414814</t>
  </si>
  <si>
    <t>45065</t>
  </si>
  <si>
    <t>6.486371994018555</t>
  </si>
  <si>
    <t>813.561279296875</t>
  </si>
  <si>
    <t>0.017030925579767597</t>
  </si>
  <si>
    <t>46242</t>
  </si>
  <si>
    <t>7.584019184112549</t>
  </si>
  <si>
    <t>840.3533935546875</t>
  </si>
  <si>
    <t>0.02578258401553768</t>
  </si>
  <si>
    <t>4.358096599578857</t>
  </si>
  <si>
    <t>955.9951171875</t>
  </si>
  <si>
    <t>0.004337278202527273</t>
  </si>
  <si>
    <t>48107</t>
  </si>
  <si>
    <t>4.5625176429748535</t>
  </si>
  <si>
    <t>951.7410888671875</t>
  </si>
  <si>
    <t>0.03520194244232222</t>
  </si>
  <si>
    <t>6.42436408996582</t>
  </si>
  <si>
    <t>908.8036499023438</t>
  </si>
  <si>
    <t>50915</t>
  </si>
  <si>
    <t>7.35187292098999</t>
  </si>
  <si>
    <t>1028.509033203125</t>
  </si>
  <si>
    <t>0.0297821405450982</t>
  </si>
  <si>
    <t>50630</t>
  </si>
  <si>
    <t>6.343424320220947</t>
  </si>
  <si>
    <t>939.7550659179688</t>
  </si>
  <si>
    <t>-0.005613289641809516</t>
  </si>
  <si>
    <t>51970</t>
  </si>
  <si>
    <t>5.467502117156982</t>
  </si>
  <si>
    <t>1062.226806640625</t>
  </si>
  <si>
    <t>0.02612234303853178</t>
  </si>
  <si>
    <t>53478</t>
  </si>
  <si>
    <t>5.444011688232422</t>
  </si>
  <si>
    <t>1192.9354248046875</t>
  </si>
  <si>
    <t>0.028603725356285636</t>
  </si>
  <si>
    <t>50397</t>
  </si>
  <si>
    <t>6.356449127197266</t>
  </si>
  <si>
    <t>935.035888671875</t>
  </si>
  <si>
    <t>-0.059338704880449455</t>
  </si>
  <si>
    <t>6.503127574920654</t>
  </si>
  <si>
    <t>734.3970336914062</t>
  </si>
  <si>
    <t>0.05636109094977826</t>
  </si>
  <si>
    <t>54157</t>
  </si>
  <si>
    <t>6.035037994384766</t>
  </si>
  <si>
    <t>944.1105346679688</t>
  </si>
  <si>
    <t>0.015594495191100677</t>
  </si>
  <si>
    <t>8.105875968933105</t>
  </si>
  <si>
    <t>338.8272399902344</t>
  </si>
  <si>
    <t>103.6072769165039</t>
  </si>
  <si>
    <t>Wenatchee, WA</t>
  </si>
  <si>
    <t>8.640789985656738</t>
  </si>
  <si>
    <t>345.7109680175781</t>
  </si>
  <si>
    <t>-0.014383655692359554</t>
  </si>
  <si>
    <t>8.660994529724121</t>
  </si>
  <si>
    <t>368.1918029785156</t>
  </si>
  <si>
    <t>0.02080208138722206</t>
  </si>
  <si>
    <t>7.944311141967773</t>
  </si>
  <si>
    <t>316.5079650878906</t>
  </si>
  <si>
    <t>0.014027151620513933</t>
  </si>
  <si>
    <t>8.850175857543945</t>
  </si>
  <si>
    <t>432.6871032714844</t>
  </si>
  <si>
    <t>0.027295145308144697</t>
  </si>
  <si>
    <t>33390</t>
  </si>
  <si>
    <t>8.555591583251953</t>
  </si>
  <si>
    <t>482.06036376953125</t>
  </si>
  <si>
    <t>0.014631832047481197</t>
  </si>
  <si>
    <t>7.51088285446167</t>
  </si>
  <si>
    <t>515.17578125</t>
  </si>
  <si>
    <t>0.02513809731797778</t>
  </si>
  <si>
    <t>8.470730781555176</t>
  </si>
  <si>
    <t>425.2022399902344</t>
  </si>
  <si>
    <t>0.03125299282104166</t>
  </si>
  <si>
    <t>9.569794654846191</t>
  </si>
  <si>
    <t>432.20843505859375</t>
  </si>
  <si>
    <t>0.03195213390005769</t>
  </si>
  <si>
    <t>37778</t>
  </si>
  <si>
    <t>8.225157737731934</t>
  </si>
  <si>
    <t>324.76837158203125</t>
  </si>
  <si>
    <t>0.03512724461498706</t>
  </si>
  <si>
    <t>7.810201168060303</t>
  </si>
  <si>
    <t>268.5145263671875</t>
  </si>
  <si>
    <t>0.02859872408624753</t>
  </si>
  <si>
    <t>8.24366569519043</t>
  </si>
  <si>
    <t>356.8733825683594</t>
  </si>
  <si>
    <t>-0.0002572744360591628</t>
  </si>
  <si>
    <t>43343</t>
  </si>
  <si>
    <t>8.262017250061035</t>
  </si>
  <si>
    <t>337.0097961425781</t>
  </si>
  <si>
    <t>0.10907684157277586</t>
  </si>
  <si>
    <t>8.603767395019531</t>
  </si>
  <si>
    <t>307.0437316894531</t>
  </si>
  <si>
    <t>0.010694061893852691</t>
  </si>
  <si>
    <t>9.069686889648438</t>
  </si>
  <si>
    <t>326.24835205078125</t>
  </si>
  <si>
    <t>0.0014370276534592108</t>
  </si>
  <si>
    <t>8.697434425354004</t>
  </si>
  <si>
    <t>418.43450927734375</t>
  </si>
  <si>
    <t>-0.06274096435845777</t>
  </si>
  <si>
    <t>46389</t>
  </si>
  <si>
    <t>8.434332847595215</t>
  </si>
  <si>
    <t>415.59600830078125</t>
  </si>
  <si>
    <t>0.118527023139956</t>
  </si>
  <si>
    <t>49179</t>
  </si>
  <si>
    <t>8.30710506439209</t>
  </si>
  <si>
    <t>321.44293212890625</t>
  </si>
  <si>
    <t>0.05840434095102687</t>
  </si>
  <si>
    <t>44896</t>
  </si>
  <si>
    <t>7.862140655517578</t>
  </si>
  <si>
    <t>307.0892639160156</t>
  </si>
  <si>
    <t>-0.09111799919237917</t>
  </si>
  <si>
    <t>8.30416488647461</t>
  </si>
  <si>
    <t>336.7902526855469</t>
  </si>
  <si>
    <t>0.027743254266967554</t>
  </si>
  <si>
    <t>47848</t>
  </si>
  <si>
    <t>8.18786334991455</t>
  </si>
  <si>
    <t>464.2577819824219</t>
  </si>
  <si>
    <t>0.03593736155523786</t>
  </si>
  <si>
    <t>52716</t>
  </si>
  <si>
    <t>7.590738773345947</t>
  </si>
  <si>
    <t>355.187255859375</t>
  </si>
  <si>
    <t>0.09688969503938694</t>
  </si>
  <si>
    <t>8.430431365966797</t>
  </si>
  <si>
    <t>399.9761047363281</t>
  </si>
  <si>
    <t>-0.0035916916693530254</t>
  </si>
  <si>
    <t>51623</t>
  </si>
  <si>
    <t>8.730122566223145</t>
  </si>
  <si>
    <t>282.90838623046875</t>
  </si>
  <si>
    <t>-0.01736001350163896</t>
  </si>
  <si>
    <t>9.144692420959473</t>
  </si>
  <si>
    <t>393.56219482421875</t>
  </si>
  <si>
    <t>-0.020351758146697208</t>
  </si>
  <si>
    <t>53966</t>
  </si>
  <si>
    <t>9.814316749572754</t>
  </si>
  <si>
    <t>381.7009582519531</t>
  </si>
  <si>
    <t>0.0647386671707153</t>
  </si>
  <si>
    <t>53835</t>
  </si>
  <si>
    <t>9.0097074508667</t>
  </si>
  <si>
    <t>367.65643310546875</t>
  </si>
  <si>
    <t>-0.002430405366988353</t>
  </si>
  <si>
    <t>54310</t>
  </si>
  <si>
    <t>8.831034660339355</t>
  </si>
  <si>
    <t>472.05975341796875</t>
  </si>
  <si>
    <t>0.008784558779073137</t>
  </si>
  <si>
    <t>54192</t>
  </si>
  <si>
    <t>8.81774616241455</t>
  </si>
  <si>
    <t>310.9815368652344</t>
  </si>
  <si>
    <t>-0.002175075971337037</t>
  </si>
  <si>
    <t>54191</t>
  </si>
  <si>
    <t>8.055018424987793</t>
  </si>
  <si>
    <t>359.2754821777344</t>
  </si>
  <si>
    <t>-1.8453078435953785e-05</t>
  </si>
  <si>
    <t>53077</t>
  </si>
  <si>
    <t>8.788763999938965</t>
  </si>
  <si>
    <t>358.128662109375</t>
  </si>
  <si>
    <t>-0.02077115359290005</t>
  </si>
  <si>
    <t>56155</t>
  </si>
  <si>
    <t>8.928772926330566</t>
  </si>
  <si>
    <t>338.35528564453125</t>
  </si>
  <si>
    <t>0.05637203501092003</t>
  </si>
  <si>
    <t>57037</t>
  </si>
  <si>
    <t>8.323244094848633</t>
  </si>
  <si>
    <t>360.92572021484375</t>
  </si>
  <si>
    <t>0.015584455637485561</t>
  </si>
  <si>
    <t>17.439905166625977</t>
  </si>
  <si>
    <t>938.041748046875</t>
  </si>
  <si>
    <t>70.24874114990234</t>
  </si>
  <si>
    <t>Wichita Falls, TX</t>
  </si>
  <si>
    <t>30124</t>
  </si>
  <si>
    <t>18.001310348510742</t>
  </si>
  <si>
    <t>900.40625</t>
  </si>
  <si>
    <t>-0.01436976805921475</t>
  </si>
  <si>
    <t>16.896520614624023</t>
  </si>
  <si>
    <t>904.508056640625</t>
  </si>
  <si>
    <t>0.020795414383274036</t>
  </si>
  <si>
    <t>31191</t>
  </si>
  <si>
    <t>16.564857482910156</t>
  </si>
  <si>
    <t>815.8472290039062</t>
  </si>
  <si>
    <t>0.014011981041564425</t>
  </si>
  <si>
    <t>17.833599090576172</t>
  </si>
  <si>
    <t>749.8229370117188</t>
  </si>
  <si>
    <t>0.027292388907440568</t>
  </si>
  <si>
    <t>32527</t>
  </si>
  <si>
    <t>17.234188079833984</t>
  </si>
  <si>
    <t>880.221435546875</t>
  </si>
  <si>
    <t>0.014648533097327388</t>
  </si>
  <si>
    <t>17.247621536254883</t>
  </si>
  <si>
    <t>732.7669067382812</t>
  </si>
  <si>
    <t>0.025167152556027972</t>
  </si>
  <si>
    <t>16.81157112121582</t>
  </si>
  <si>
    <t>938.2437744140625</t>
  </si>
  <si>
    <t>0.03122579210622689</t>
  </si>
  <si>
    <t>18.48455238342285</t>
  </si>
  <si>
    <t>594.4752807617188</t>
  </si>
  <si>
    <t>0.03194209653528368</t>
  </si>
  <si>
    <t>36802</t>
  </si>
  <si>
    <t>18.21883201599121</t>
  </si>
  <si>
    <t>711.61962890625</t>
  </si>
  <si>
    <t>0.03514663665793272</t>
  </si>
  <si>
    <t>17.545686721801758</t>
  </si>
  <si>
    <t>827.667724609375</t>
  </si>
  <si>
    <t>0.02860705038952105</t>
  </si>
  <si>
    <t>17.940038681030273</t>
  </si>
  <si>
    <t>660.3939819335938</t>
  </si>
  <si>
    <t>-0.0002905095822569592</t>
  </si>
  <si>
    <t>17.073989868164062</t>
  </si>
  <si>
    <t>744.053955078125</t>
  </si>
  <si>
    <t>0.017049215495370973</t>
  </si>
  <si>
    <t>17.479326248168945</t>
  </si>
  <si>
    <t>602.8134155273438</t>
  </si>
  <si>
    <t>0.03030728735025967</t>
  </si>
  <si>
    <t>17.615720748901367</t>
  </si>
  <si>
    <t>886.7089233398438</t>
  </si>
  <si>
    <t>-0.0017397667050094157</t>
  </si>
  <si>
    <t>18.37001609802246</t>
  </si>
  <si>
    <t>576.0816040039062</t>
  </si>
  <si>
    <t>0.018824379370954603</t>
  </si>
  <si>
    <t>18.16667366027832</t>
  </si>
  <si>
    <t>653.7946166992188</t>
  </si>
  <si>
    <t>0.06593214826554217</t>
  </si>
  <si>
    <t>44229</t>
  </si>
  <si>
    <t>17.934274673461914</t>
  </si>
  <si>
    <t>880.7398681640625</t>
  </si>
  <si>
    <t>0.025138686427228052</t>
  </si>
  <si>
    <t>17.597394943237305</t>
  </si>
  <si>
    <t>673.475341796875</t>
  </si>
  <si>
    <t>0.039086785785197975</t>
  </si>
  <si>
    <t>42934</t>
  </si>
  <si>
    <t>17.213621139526367</t>
  </si>
  <si>
    <t>826.72119140625</t>
  </si>
  <si>
    <t>-0.06880341548909463</t>
  </si>
  <si>
    <t>43751</t>
  </si>
  <si>
    <t>17.77834701538086</t>
  </si>
  <si>
    <t>669.1898193359375</t>
  </si>
  <si>
    <t>0.01885041685336475</t>
  </si>
  <si>
    <t>18.808603286743164</t>
  </si>
  <si>
    <t>568.3214111328125</t>
  </si>
  <si>
    <t>0.0097577283067114</t>
  </si>
  <si>
    <t>19.198490142822266</t>
  </si>
  <si>
    <t>631.3678588867188</t>
  </si>
  <si>
    <t>-0.0023567813664406856</t>
  </si>
  <si>
    <t>45107</t>
  </si>
  <si>
    <t>17.1401309967041</t>
  </si>
  <si>
    <t>757.8095092773438</t>
  </si>
  <si>
    <t>0.02312202848219158</t>
  </si>
  <si>
    <t>43563</t>
  </si>
  <si>
    <t>17.267126083374023</t>
  </si>
  <si>
    <t>573.8213500976562</t>
  </si>
  <si>
    <t>-0.034829278891013615</t>
  </si>
  <si>
    <t>18.1530818939209</t>
  </si>
  <si>
    <t>968.4092407226562</t>
  </si>
  <si>
    <t>-0.0646441209099411</t>
  </si>
  <si>
    <t>41063</t>
  </si>
  <si>
    <t>18.99508285522461</t>
  </si>
  <si>
    <t>842.3795166015625</t>
  </si>
  <si>
    <t>0.005543427424049341</t>
  </si>
  <si>
    <t>41786</t>
  </si>
  <si>
    <t>18.509183883666992</t>
  </si>
  <si>
    <t>676.7534790039062</t>
  </si>
  <si>
    <t>0.017453882469242288</t>
  </si>
  <si>
    <t>17.908445358276367</t>
  </si>
  <si>
    <t>790.5096435546875</t>
  </si>
  <si>
    <t>0.0347826388586423</t>
  </si>
  <si>
    <t>44036</t>
  </si>
  <si>
    <t>17.713918685913086</t>
  </si>
  <si>
    <t>844.39404296875</t>
  </si>
  <si>
    <t>0.01766348714945387</t>
  </si>
  <si>
    <t>43325</t>
  </si>
  <si>
    <t>17.930370330810547</t>
  </si>
  <si>
    <t>715.9256591796875</t>
  </si>
  <si>
    <t>-0.016277645606486146</t>
  </si>
  <si>
    <t>17.856557846069336</t>
  </si>
  <si>
    <t>677.8487548828125</t>
  </si>
  <si>
    <t>0.05638360583554558</t>
  </si>
  <si>
    <t>46558</t>
  </si>
  <si>
    <t>18.398035049438477</t>
  </si>
  <si>
    <t>527.6007080078125</t>
  </si>
  <si>
    <t>0.015585405736899816</t>
  </si>
  <si>
    <t>14.01063060760498</t>
  </si>
  <si>
    <t>693.1970825195312</t>
  </si>
  <si>
    <t>425.1365661621094</t>
  </si>
  <si>
    <t>Wichita-Winfield, KS</t>
  </si>
  <si>
    <t>15.165553092956543</t>
  </si>
  <si>
    <t>684.54736328125</t>
  </si>
  <si>
    <t>-0.014397175772197457</t>
  </si>
  <si>
    <t>13.280250549316406</t>
  </si>
  <si>
    <t>947.7472534179688</t>
  </si>
  <si>
    <t>0.020810337434157944</t>
  </si>
  <si>
    <t>12.74783706665039</t>
  </si>
  <si>
    <t>911.2692260742188</t>
  </si>
  <si>
    <t>0.014017176223195094</t>
  </si>
  <si>
    <t>14.402908325195312</t>
  </si>
  <si>
    <t>740.6696166992188</t>
  </si>
  <si>
    <t>0.027291813172418244</t>
  </si>
  <si>
    <t>13.569941520690918</t>
  </si>
  <si>
    <t>922.0406494140625</t>
  </si>
  <si>
    <t>0.014630576860017896</t>
  </si>
  <si>
    <t>13.263201713562012</t>
  </si>
  <si>
    <t>844.1851196289062</t>
  </si>
  <si>
    <t>0.025172830298290094</t>
  </si>
  <si>
    <t>38681</t>
  </si>
  <si>
    <t>13.36655044555664</t>
  </si>
  <si>
    <t>971.1134033203125</t>
  </si>
  <si>
    <t>0.03122094652075269</t>
  </si>
  <si>
    <t>14.692103385925293</t>
  </si>
  <si>
    <t>904.8242797851562</t>
  </si>
  <si>
    <t>0.031954689092575705</t>
  </si>
  <si>
    <t>14.580483436584473</t>
  </si>
  <si>
    <t>935.4076538085938</t>
  </si>
  <si>
    <t>0.03513190014457912</t>
  </si>
  <si>
    <t>13.92681884765625</t>
  </si>
  <si>
    <t>843.6669311523438</t>
  </si>
  <si>
    <t>0.028620699898464608</t>
  </si>
  <si>
    <t>14.496903419494629</t>
  </si>
  <si>
    <t>663.8637084960938</t>
  </si>
  <si>
    <t>-0.00028195488908622224</t>
  </si>
  <si>
    <t>13.84116268157959</t>
  </si>
  <si>
    <t>741.8955078125</t>
  </si>
  <si>
    <t>-0.0041209011256295724</t>
  </si>
  <si>
    <t>43021</t>
  </si>
  <si>
    <t>13.874382972717285</t>
  </si>
  <si>
    <t>802.2449951171875</t>
  </si>
  <si>
    <t>0.01503541204585268</t>
  </si>
  <si>
    <t>14.00556468963623</t>
  </si>
  <si>
    <t>936.4243774414062</t>
  </si>
  <si>
    <t>-0.0034694363791984983</t>
  </si>
  <si>
    <t>44131</t>
  </si>
  <si>
    <t>15.111228942871094</t>
  </si>
  <si>
    <t>754.2816162109375</t>
  </si>
  <si>
    <t>0.028943551153941982</t>
  </si>
  <si>
    <t>14.579212188720703</t>
  </si>
  <si>
    <t>673.8232421875</t>
  </si>
  <si>
    <t>0.05119245315631815</t>
  </si>
  <si>
    <t>14.438187599182129</t>
  </si>
  <si>
    <t>1014.5602416992188</t>
  </si>
  <si>
    <t>0.06442548755840427</t>
  </si>
  <si>
    <t>13.412220001220703</t>
  </si>
  <si>
    <t>975.4762573242188</t>
  </si>
  <si>
    <t>-0.015542035455698766</t>
  </si>
  <si>
    <t>45292</t>
  </si>
  <si>
    <t>13.193448066711426</t>
  </si>
  <si>
    <t>887.8538208007812</t>
  </si>
  <si>
    <t>14.121002197265625</t>
  </si>
  <si>
    <t>753.823974609375</t>
  </si>
  <si>
    <t>0.04456311109759703</t>
  </si>
  <si>
    <t>49276</t>
  </si>
  <si>
    <t>14.743351936340332</t>
  </si>
  <si>
    <t>660.4733276367188</t>
  </si>
  <si>
    <t>0.03974361955033778</t>
  </si>
  <si>
    <t>15.83731746673584</t>
  </si>
  <si>
    <t>610.037841796875</t>
  </si>
  <si>
    <t>-0.006596920939488271</t>
  </si>
  <si>
    <t>13.345049858093262</t>
  </si>
  <si>
    <t>865.2366943359375</t>
  </si>
  <si>
    <t>-0.01510783083313072</t>
  </si>
  <si>
    <t>13.53769302368164</t>
  </si>
  <si>
    <t>743.2366333007812</t>
  </si>
  <si>
    <t>0.028661582936546637</t>
  </si>
  <si>
    <t>50928</t>
  </si>
  <si>
    <t>14.712578773498535</t>
  </si>
  <si>
    <t>999.3301391601562</t>
  </si>
  <si>
    <t>0.026018892276081118</t>
  </si>
  <si>
    <t>15.501620292663574</t>
  </si>
  <si>
    <t>913.8588256835938</t>
  </si>
  <si>
    <t>0.06127123129608947</t>
  </si>
  <si>
    <t>54833</t>
  </si>
  <si>
    <t>14.895591735839844</t>
  </si>
  <si>
    <t>852.7787475585938</t>
  </si>
  <si>
    <t>0.012608100655658205</t>
  </si>
  <si>
    <t>14.191959381103516</t>
  </si>
  <si>
    <t>845.0402221679688</t>
  </si>
  <si>
    <t>0.02665096959223412</t>
  </si>
  <si>
    <t>56819</t>
  </si>
  <si>
    <t>13.926980018615723</t>
  </si>
  <si>
    <t>1013.7025756835938</t>
  </si>
  <si>
    <t>0.008927604750633478</t>
  </si>
  <si>
    <t>52800</t>
  </si>
  <si>
    <t>14.686060905456543</t>
  </si>
  <si>
    <t>771.9654541015625</t>
  </si>
  <si>
    <t>-0.07335958612213567</t>
  </si>
  <si>
    <t>55862</t>
  </si>
  <si>
    <t>14.801811218261719</t>
  </si>
  <si>
    <t>739.0907592773438</t>
  </si>
  <si>
    <t>0.05637317295907707</t>
  </si>
  <si>
    <t>56739</t>
  </si>
  <si>
    <t>14.721564292907715</t>
  </si>
  <si>
    <t>650.91162109375</t>
  </si>
  <si>
    <t>0.0155774413031331</t>
  </si>
  <si>
    <t>UZB</t>
  </si>
  <si>
    <t>14.328819274902344</t>
  </si>
  <si>
    <t>311.66375732421875</t>
  </si>
  <si>
    <t>1289.314697265625</t>
  </si>
  <si>
    <t>Andijan</t>
  </si>
  <si>
    <t>Uzbekistan</t>
  </si>
  <si>
    <t>14.151153564453125</t>
  </si>
  <si>
    <t>312.83685302734375</t>
  </si>
  <si>
    <t>-0.025125036899355635</t>
  </si>
  <si>
    <t>13.658551216125488</t>
  </si>
  <si>
    <t>274.6675720214844</t>
  </si>
  <si>
    <t>-0.141382375616808</t>
  </si>
  <si>
    <t>12.833096504211426</t>
  </si>
  <si>
    <t>468.1119079589844</t>
  </si>
  <si>
    <t>-0.044956491895218775</t>
  </si>
  <si>
    <t>13.632349967956543</t>
  </si>
  <si>
    <t>290.7155456542969</t>
  </si>
  <si>
    <t>-0.07221616169854439</t>
  </si>
  <si>
    <t>1951</t>
  </si>
  <si>
    <t>14.26270580291748</t>
  </si>
  <si>
    <t>172.65719604492188</t>
  </si>
  <si>
    <t>-0.026303995042707307</t>
  </si>
  <si>
    <t>13.691039085388184</t>
  </si>
  <si>
    <t>281.5775451660156</t>
  </si>
  <si>
    <t>0.08165793051175463</t>
  </si>
  <si>
    <t>14.328845024108887</t>
  </si>
  <si>
    <t>252.22183227539062</t>
  </si>
  <si>
    <t>0.22531408017088772</t>
  </si>
  <si>
    <t>14.279850959777832</t>
  </si>
  <si>
    <t>458.88165283203125</t>
  </si>
  <si>
    <t>0.010875786930205855</t>
  </si>
  <si>
    <t>14.8231782913208</t>
  </si>
  <si>
    <t>356.7869873046875</t>
  </si>
  <si>
    <t>0.0188440824547218</t>
  </si>
  <si>
    <t>14.402518272399902</t>
  </si>
  <si>
    <t>263.4419250488281</t>
  </si>
  <si>
    <t>-0.009932029410099297</t>
  </si>
  <si>
    <t>15.310469627380371</t>
  </si>
  <si>
    <t>266.3152770996094</t>
  </si>
  <si>
    <t>0.0867032580532836</t>
  </si>
  <si>
    <t>14.798274993896484</t>
  </si>
  <si>
    <t>375.7191467285156</t>
  </si>
  <si>
    <t>-0.0064615086229729</t>
  </si>
  <si>
    <t>14.180306434631348</t>
  </si>
  <si>
    <t>437.7560119628906</t>
  </si>
  <si>
    <t>-0.04038140013710123</t>
  </si>
  <si>
    <t>15.034560203552246</t>
  </si>
  <si>
    <t>336.95391845703125</t>
  </si>
  <si>
    <t>0.025601959438925626</t>
  </si>
  <si>
    <t>14.345940589904785</t>
  </si>
  <si>
    <t>316.11004638671875</t>
  </si>
  <si>
    <t>0.08365857888958317</t>
  </si>
  <si>
    <t>15.267990112304688</t>
  </si>
  <si>
    <t>245.04202270507812</t>
  </si>
  <si>
    <t>0.03504739176540106</t>
  </si>
  <si>
    <t>14.08825969696045</t>
  </si>
  <si>
    <t>282.0078430175781</t>
  </si>
  <si>
    <t>0.05416432278999039</t>
  </si>
  <si>
    <t>15.229086875915527</t>
  </si>
  <si>
    <t>251.63345336914062</t>
  </si>
  <si>
    <t>-0.05847865922011053</t>
  </si>
  <si>
    <t>14.894282341003418</t>
  </si>
  <si>
    <t>331.4992980957031</t>
  </si>
  <si>
    <t>0.0806601822223314</t>
  </si>
  <si>
    <t>14.900672912597656</t>
  </si>
  <si>
    <t>311.3893127441406</t>
  </si>
  <si>
    <t>0.09141760968881307</t>
  </si>
  <si>
    <t>14.28984546661377</t>
  </si>
  <si>
    <t>328.6617431640625</t>
  </si>
  <si>
    <t>0.08088238864412212</t>
  </si>
  <si>
    <t>4366</t>
  </si>
  <si>
    <t>14.31335735321045</t>
  </si>
  <si>
    <t>250.1085205078125</t>
  </si>
  <si>
    <t>0.0459312223170425</t>
  </si>
  <si>
    <t>4993</t>
  </si>
  <si>
    <t>15.163739204406738</t>
  </si>
  <si>
    <t>282.25189208984375</t>
  </si>
  <si>
    <t>0.1341896733907202</t>
  </si>
  <si>
    <t>13.961956024169922</t>
  </si>
  <si>
    <t>295.9588317871094</t>
  </si>
  <si>
    <t>0.021399667422317137</t>
  </si>
  <si>
    <t>15.497145652770996</t>
  </si>
  <si>
    <t>341.3547058105469</t>
  </si>
  <si>
    <t>0.02707572087923893</t>
  </si>
  <si>
    <t>15.3377046585083</t>
  </si>
  <si>
    <t>355.98272705078125</t>
  </si>
  <si>
    <t>0.03561095923267921</t>
  </si>
  <si>
    <t>14.676777839660645</t>
  </si>
  <si>
    <t>296.4940185546875</t>
  </si>
  <si>
    <t>0.04869371143777279</t>
  </si>
  <si>
    <t>15.11630916595459</t>
  </si>
  <si>
    <t>300.42315673828125</t>
  </si>
  <si>
    <t>0.07449623169130959</t>
  </si>
  <si>
    <t>15.22574520111084</t>
  </si>
  <si>
    <t>261.4810791015625</t>
  </si>
  <si>
    <t>-0.010144066043817901</t>
  </si>
  <si>
    <t>14.442339897155762</t>
  </si>
  <si>
    <t>263.16412353515625</t>
  </si>
  <si>
    <t>0.0009861933738140038</t>
  </si>
  <si>
    <t>6415</t>
  </si>
  <si>
    <t>15.864917755126953</t>
  </si>
  <si>
    <t>242.17041015625</t>
  </si>
  <si>
    <t>0.05248364855581222</t>
  </si>
  <si>
    <t>15.292892456054688</t>
  </si>
  <si>
    <t>355.91925048828125</t>
  </si>
  <si>
    <t>0.0350751936834488</t>
  </si>
  <si>
    <t>15.333741188049316</t>
  </si>
  <si>
    <t>134.53611755371094</t>
  </si>
  <si>
    <t>1078.7646484375</t>
  </si>
  <si>
    <t>Bukhara</t>
  </si>
  <si>
    <t>15.152484893798828</t>
  </si>
  <si>
    <t>194.92337036132812</t>
  </si>
  <si>
    <t>-0.02541054655432795</t>
  </si>
  <si>
    <t>3745</t>
  </si>
  <si>
    <t>14.577176094055176</t>
  </si>
  <si>
    <t>179.98069763183594</t>
  </si>
  <si>
    <t>-0.14121210069652257</t>
  </si>
  <si>
    <t>13.909165382385254</t>
  </si>
  <si>
    <t>207.09597778320312</t>
  </si>
  <si>
    <t>-0.0450588165565744</t>
  </si>
  <si>
    <t>14.751971244812012</t>
  </si>
  <si>
    <t>139.11216735839844</t>
  </si>
  <si>
    <t>-0.07209024120106555</t>
  </si>
  <si>
    <t>15.6251859664917</t>
  </si>
  <si>
    <t>91.6268539428711</t>
  </si>
  <si>
    <t>-0.026157209055488906</t>
  </si>
  <si>
    <t>14.81325912475586</t>
  </si>
  <si>
    <t>112.53541564941406</t>
  </si>
  <si>
    <t>-0.032574129599543866</t>
  </si>
  <si>
    <t>3336</t>
  </si>
  <si>
    <t>15.337597846984863</t>
  </si>
  <si>
    <t>184.2172088623047</t>
  </si>
  <si>
    <t>0.06023126393998979</t>
  </si>
  <si>
    <t>15.43300724029541</t>
  </si>
  <si>
    <t>172.69931030273438</t>
  </si>
  <si>
    <t>0.011326499627276831</t>
  </si>
  <si>
    <t>16.008071899414062</t>
  </si>
  <si>
    <t>149.26443481445312</t>
  </si>
  <si>
    <t>0.11995416055936658</t>
  </si>
  <si>
    <t>15.648476600646973</t>
  </si>
  <si>
    <t>107.01290893554688</t>
  </si>
  <si>
    <t>0.03182263091273008</t>
  </si>
  <si>
    <t>16.371360778808594</t>
  </si>
  <si>
    <t>127.0968246459961</t>
  </si>
  <si>
    <t>0.04286726592632739</t>
  </si>
  <si>
    <t>15.794185638427734</t>
  </si>
  <si>
    <t>195.9220733642578</t>
  </si>
  <si>
    <t>0.07403826631234445</t>
  </si>
  <si>
    <t>15.218613624572754</t>
  </si>
  <si>
    <t>233.43582153320312</t>
  </si>
  <si>
    <t>0.08674703152633434</t>
  </si>
  <si>
    <t>16.038593292236328</t>
  </si>
  <si>
    <t>177.026611328125</t>
  </si>
  <si>
    <t>0.08689019529484199</t>
  </si>
  <si>
    <t>5994</t>
  </si>
  <si>
    <t>15.389887809753418</t>
  </si>
  <si>
    <t>159.8883514404297</t>
  </si>
  <si>
    <t>0.13234043423875086</t>
  </si>
  <si>
    <t>16.26778221130371</t>
  </si>
  <si>
    <t>139.8550262451172</t>
  </si>
  <si>
    <t>0.07965763315685948</t>
  </si>
  <si>
    <t>14.90201187133789</t>
  </si>
  <si>
    <t>150.99655151367188</t>
  </si>
  <si>
    <t>0.05193243688032467</t>
  </si>
  <si>
    <t>16.133678436279297</t>
  </si>
  <si>
    <t>103.33881378173828</t>
  </si>
  <si>
    <t>0.12560183565680916</t>
  </si>
  <si>
    <t>15.83706283569336</t>
  </si>
  <si>
    <t>170.22732543945312</t>
  </si>
  <si>
    <t>0.06721971454561526</t>
  </si>
  <si>
    <t>16.035825729370117</t>
  </si>
  <si>
    <t>108.91912841796875</t>
  </si>
  <si>
    <t>-0.047928154911241805</t>
  </si>
  <si>
    <t>15.0944185256958</t>
  </si>
  <si>
    <t>153.16799926757812</t>
  </si>
  <si>
    <t>-0.0018998169225046269</t>
  </si>
  <si>
    <t>15.372809410095215</t>
  </si>
  <si>
    <t>144.6808319091797</t>
  </si>
  <si>
    <t>0.022563002791631703</t>
  </si>
  <si>
    <t>16.1380672454834</t>
  </si>
  <si>
    <t>164.62974548339844</t>
  </si>
  <si>
    <t>0.03674826440941814</t>
  </si>
  <si>
    <t>14.906981468200684</t>
  </si>
  <si>
    <t>151.37095642089844</t>
  </si>
  <si>
    <t>0.040621257528055565</t>
  </si>
  <si>
    <t>9080</t>
  </si>
  <si>
    <t>16.37990379333496</t>
  </si>
  <si>
    <t>181.4630889892578</t>
  </si>
  <si>
    <t>0.040799050583762764</t>
  </si>
  <si>
    <t>9362</t>
  </si>
  <si>
    <t>16.25659942626953</t>
  </si>
  <si>
    <t>193.16506958007812</t>
  </si>
  <si>
    <t>0.03058475026467633</t>
  </si>
  <si>
    <t>15.662310600280762</t>
  </si>
  <si>
    <t>135.27780151367188</t>
  </si>
  <si>
    <t>0.03639434751012871</t>
  </si>
  <si>
    <t>10681</t>
  </si>
  <si>
    <t>16.140146255493164</t>
  </si>
  <si>
    <t>153.43833923339844</t>
  </si>
  <si>
    <t>0.09541317171955122</t>
  </si>
  <si>
    <t>12525</t>
  </si>
  <si>
    <t>16.160112380981445</t>
  </si>
  <si>
    <t>176.12245178222656</t>
  </si>
  <si>
    <t>0.1592601848633688</t>
  </si>
  <si>
    <t>15.408543586730957</t>
  </si>
  <si>
    <t>141.03895568847656</t>
  </si>
  <si>
    <t>0.0011171402374738904</t>
  </si>
  <si>
    <t>16.795032501220703</t>
  </si>
  <si>
    <t>119.67981719970703</t>
  </si>
  <si>
    <t>0.052433086399291895</t>
  </si>
  <si>
    <t>13686</t>
  </si>
  <si>
    <t>16.26131248474121</t>
  </si>
  <si>
    <t>141.2356414794922</t>
  </si>
  <si>
    <t>0.03509653892261255</t>
  </si>
  <si>
    <t>13.31682300567627</t>
  </si>
  <si>
    <t>408.6569519042969</t>
  </si>
  <si>
    <t>518.1976318359375</t>
  </si>
  <si>
    <t>Fergana</t>
  </si>
  <si>
    <t>4770</t>
  </si>
  <si>
    <t>13.169684410095215</t>
  </si>
  <si>
    <t>410.6097717285156</t>
  </si>
  <si>
    <t>-0.025254912924674855</t>
  </si>
  <si>
    <t>4141</t>
  </si>
  <si>
    <t>12.683489799499512</t>
  </si>
  <si>
    <t>325.0039367675781</t>
  </si>
  <si>
    <t>-0.1414090003368198</t>
  </si>
  <si>
    <t>11.882708549499512</t>
  </si>
  <si>
    <t>622.6353149414062</t>
  </si>
  <si>
    <t>-0.04494583643943706</t>
  </si>
  <si>
    <t>12.727500915527344</t>
  </si>
  <si>
    <t>372.1373596191406</t>
  </si>
  <si>
    <t>-0.07226383066106479</t>
  </si>
  <si>
    <t>13.335185050964355</t>
  </si>
  <si>
    <t>209.2267608642578</t>
  </si>
  <si>
    <t>-0.026132693266379903</t>
  </si>
  <si>
    <t>12.744033813476562</t>
  </si>
  <si>
    <t>375.0950927734375</t>
  </si>
  <si>
    <t>-0.01686380605200455</t>
  </si>
  <si>
    <t>13.369815826416016</t>
  </si>
  <si>
    <t>346.72955322265625</t>
  </si>
  <si>
    <t>-0.16145240493327329</t>
  </si>
  <si>
    <t>13.39273738861084</t>
  </si>
  <si>
    <t>595.0414428710938</t>
  </si>
  <si>
    <t>-0.034567996218842545</t>
  </si>
  <si>
    <t>13.879844665527344</t>
  </si>
  <si>
    <t>458.549560546875</t>
  </si>
  <si>
    <t>13.491172790527344</t>
  </si>
  <si>
    <t>325.1044616699219</t>
  </si>
  <si>
    <t>0.12089004720272634</t>
  </si>
  <si>
    <t>14.313828468322754</t>
  </si>
  <si>
    <t>337.8841247558594</t>
  </si>
  <si>
    <t>-0.08911045974413412</t>
  </si>
  <si>
    <t>13.81460952758789</t>
  </si>
  <si>
    <t>478.1585388183594</t>
  </si>
  <si>
    <t>0.023033042217306843</t>
  </si>
  <si>
    <t>13.18960952758789</t>
  </si>
  <si>
    <t>580.1242065429688</t>
  </si>
  <si>
    <t>-0.04041918524499799</t>
  </si>
  <si>
    <t>14.031275749206543</t>
  </si>
  <si>
    <t>446.15277099609375</t>
  </si>
  <si>
    <t>0.04353348237435739</t>
  </si>
  <si>
    <t>13.36539077758789</t>
  </si>
  <si>
    <t>422.1800842285156</t>
  </si>
  <si>
    <t>0.017568644202322403</t>
  </si>
  <si>
    <t>14.312264442443848</t>
  </si>
  <si>
    <t>307.54779052734375</t>
  </si>
  <si>
    <t>0.01906548897745708</t>
  </si>
  <si>
    <t>13.06460952758789</t>
  </si>
  <si>
    <t>385.33660888671875</t>
  </si>
  <si>
    <t>0.13075475956973825</t>
  </si>
  <si>
    <t>14.18960952758789</t>
  </si>
  <si>
    <t>321.6372375488281</t>
  </si>
  <si>
    <t>0.01643443797314781</t>
  </si>
  <si>
    <t>13.947944641113281</t>
  </si>
  <si>
    <t>435.4493103027344</t>
  </si>
  <si>
    <t>0.0010343936789904973</t>
  </si>
  <si>
    <t>13.987265586853027</t>
  </si>
  <si>
    <t>375.9579772949219</t>
  </si>
  <si>
    <t>-0.032574458749193624</t>
  </si>
  <si>
    <t>13.33961009979248</t>
  </si>
  <si>
    <t>408.5041198730469</t>
  </si>
  <si>
    <t>0.051012881243684305</t>
  </si>
  <si>
    <t>13.322943687438965</t>
  </si>
  <si>
    <t>347.9065856933594</t>
  </si>
  <si>
    <t>0.0747783531182673</t>
  </si>
  <si>
    <t>14.21461009979248</t>
  </si>
  <si>
    <t>355.49407958984375</t>
  </si>
  <si>
    <t>0.0556398504230291</t>
  </si>
  <si>
    <t>13.005494117736816</t>
  </si>
  <si>
    <t>379.9621276855469</t>
  </si>
  <si>
    <t>0.06467770966866127</t>
  </si>
  <si>
    <t>14.447944641113281</t>
  </si>
  <si>
    <t>472.2423400878906</t>
  </si>
  <si>
    <t>0.05621851507094888</t>
  </si>
  <si>
    <t>4992</t>
  </si>
  <si>
    <t>14.338828086853027</t>
  </si>
  <si>
    <t>466.25238037109375</t>
  </si>
  <si>
    <t>-0.014912295426647404</t>
  </si>
  <si>
    <t>13.70093822479248</t>
  </si>
  <si>
    <t>347.7320861816406</t>
  </si>
  <si>
    <t>-0.01921385834694611</t>
  </si>
  <si>
    <t>14.138046264648438</t>
  </si>
  <si>
    <t>389.5878601074219</t>
  </si>
  <si>
    <t>0.04726230972876877</t>
  </si>
  <si>
    <t>14.23049545288086</t>
  </si>
  <si>
    <t>335.5389709472656</t>
  </si>
  <si>
    <t>-0.011952723864395054</t>
  </si>
  <si>
    <t>13.401069641113281</t>
  </si>
  <si>
    <t>337.374755859375</t>
  </si>
  <si>
    <t>0.0011820332345546802</t>
  </si>
  <si>
    <t>14.81226634979248</t>
  </si>
  <si>
    <t>290.87603759765625</t>
  </si>
  <si>
    <t>0.05235593100681868</t>
  </si>
  <si>
    <t>14.334270477294922</t>
  </si>
  <si>
    <t>492.2593994140625</t>
  </si>
  <si>
    <t>0.0350655476117403</t>
  </si>
  <si>
    <t>12.52823543548584</t>
  </si>
  <si>
    <t>133.58253479003906</t>
  </si>
  <si>
    <t>812.5011596679688</t>
  </si>
  <si>
    <t>Karakalpakstan</t>
  </si>
  <si>
    <t>12.403717994689941</t>
  </si>
  <si>
    <t>120.52448272705078</t>
  </si>
  <si>
    <t>-0.025025367566940737</t>
  </si>
  <si>
    <t>11.252986907958984</t>
  </si>
  <si>
    <t>153.24630737304688</t>
  </si>
  <si>
    <t>-0.14130309034750255</t>
  </si>
  <si>
    <t>10.71062183380127</t>
  </si>
  <si>
    <t>129.7637481689453</t>
  </si>
  <si>
    <t>-0.0450030023638881</t>
  </si>
  <si>
    <t>11.136780738830566</t>
  </si>
  <si>
    <t>146.11160278320312</t>
  </si>
  <si>
    <t>-0.07205061819492808</t>
  </si>
  <si>
    <t>12.791519165039062</t>
  </si>
  <si>
    <t>81.19094848632812</t>
  </si>
  <si>
    <t>-0.026600033792822053</t>
  </si>
  <si>
    <t>11.540680885314941</t>
  </si>
  <si>
    <t>63.90871047973633</t>
  </si>
  <si>
    <t>-0.06810457473744602</t>
  </si>
  <si>
    <t>12.197452545166016</t>
  </si>
  <si>
    <t>105.39617919921875</t>
  </si>
  <si>
    <t>-0.0887281156086841</t>
  </si>
  <si>
    <t>12.516531944274902</t>
  </si>
  <si>
    <t>98.99131774902344</t>
  </si>
  <si>
    <t>0.0814877609491198</t>
  </si>
  <si>
    <t>13.064774513244629</t>
  </si>
  <si>
    <t>123.1895523071289</t>
  </si>
  <si>
    <t>0.09992373966189838</t>
  </si>
  <si>
    <t>12.820968627929688</t>
  </si>
  <si>
    <t>95.10375213623047</t>
  </si>
  <si>
    <t>-0.10834366030109255</t>
  </si>
  <si>
    <t>13.314781188964844</t>
  </si>
  <si>
    <t>121.91707611083984</t>
  </si>
  <si>
    <t>-0.039085434817899944</t>
  </si>
  <si>
    <t>12.662113189697266</t>
  </si>
  <si>
    <t>127.7105712890625</t>
  </si>
  <si>
    <t>-0.012979533249352748</t>
  </si>
  <si>
    <t>12.122326850891113</t>
  </si>
  <si>
    <t>167.79083251953125</t>
  </si>
  <si>
    <t>0.16444699831901843</t>
  </si>
  <si>
    <t>13.335124969482422</t>
  </si>
  <si>
    <t>148.5323028564453</t>
  </si>
  <si>
    <t>0.03805747145561522</t>
  </si>
  <si>
    <t>12.579178810119629</t>
  </si>
  <si>
    <t>111.75636291503906</t>
  </si>
  <si>
    <t>0.06705112330404095</t>
  </si>
  <si>
    <t>13.732112884521484</t>
  </si>
  <si>
    <t>120.260498046875</t>
  </si>
  <si>
    <t>0.05040854937458494</t>
  </si>
  <si>
    <t>11.793998718261719</t>
  </si>
  <si>
    <t>114.22483825683594</t>
  </si>
  <si>
    <t>0.13831724855840033</t>
  </si>
  <si>
    <t>13.328492164611816</t>
  </si>
  <si>
    <t>98.81037902832031</t>
  </si>
  <si>
    <t>0.1386347583369716</t>
  </si>
  <si>
    <t>12.659323692321777</t>
  </si>
  <si>
    <t>117.25736999511719</t>
  </si>
  <si>
    <t>-0.06447314243139246</t>
  </si>
  <si>
    <t>13.338149070739746</t>
  </si>
  <si>
    <t>87.71163177490234</t>
  </si>
  <si>
    <t>-0.022567953565030052</t>
  </si>
  <si>
    <t>11.770438194274902</t>
  </si>
  <si>
    <t>123.20307159423828</t>
  </si>
  <si>
    <t>0.02674332497551113</t>
  </si>
  <si>
    <t>12.588787078857422</t>
  </si>
  <si>
    <t>100.86949157714844</t>
  </si>
  <si>
    <t>0.08611398371196088</t>
  </si>
  <si>
    <t>13.447563171386719</t>
  </si>
  <si>
    <t>131.96412658691406</t>
  </si>
  <si>
    <t>0.07308346354361461</t>
  </si>
  <si>
    <t>12.01644229888916</t>
  </si>
  <si>
    <t>124.92755126953125</t>
  </si>
  <si>
    <t>0.06533402933348142</t>
  </si>
  <si>
    <t>154.28652954101562</t>
  </si>
  <si>
    <t>0.08657207570281145</t>
  </si>
  <si>
    <t>13.444954872131348</t>
  </si>
  <si>
    <t>171.80316162109375</t>
  </si>
  <si>
    <t>0.14513388118971804</t>
  </si>
  <si>
    <t>12.709078788757324</t>
  </si>
  <si>
    <t>116.144775390625</t>
  </si>
  <si>
    <t>0.08818413971291861</t>
  </si>
  <si>
    <t>5697</t>
  </si>
  <si>
    <t>12.798439025878906</t>
  </si>
  <si>
    <t>107.34855651855469</t>
  </si>
  <si>
    <t>0.13772785315589786</t>
  </si>
  <si>
    <t>13.524406433105469</t>
  </si>
  <si>
    <t>108.01908874511719</t>
  </si>
  <si>
    <t>-0.000702370529312546</t>
  </si>
  <si>
    <t>13.002723693847656</t>
  </si>
  <si>
    <t>85.87118530273438</t>
  </si>
  <si>
    <t>0.0010533708839179923</t>
  </si>
  <si>
    <t>13.848525047302246</t>
  </si>
  <si>
    <t>86.98045349121094</t>
  </si>
  <si>
    <t>0.0524682487082746</t>
  </si>
  <si>
    <t>13.345061302185059</t>
  </si>
  <si>
    <t>93.3663101196289</t>
  </si>
  <si>
    <t>0.0350109371899503</t>
  </si>
  <si>
    <t>14.304256439208984</t>
  </si>
  <si>
    <t>293.1210632324219</t>
  </si>
  <si>
    <t>1001.1110229492188</t>
  </si>
  <si>
    <t>Kashkadarya</t>
  </si>
  <si>
    <t>14.115123748779297</t>
  </si>
  <si>
    <t>421.9006042480469</t>
  </si>
  <si>
    <t>-0.0253943512887016</t>
  </si>
  <si>
    <t>13.578476905822754</t>
  </si>
  <si>
    <t>363.38372802734375</t>
  </si>
  <si>
    <t>-0.1411713858783914</t>
  </si>
  <si>
    <t>13.05105972290039</t>
  </si>
  <si>
    <t>485.466552734375</t>
  </si>
  <si>
    <t>-0.04507703815335251</t>
  </si>
  <si>
    <t>13.895806312561035</t>
  </si>
  <si>
    <t>326.58203125</t>
  </si>
  <si>
    <t>-0.07226533297380122</t>
  </si>
  <si>
    <t>14.587078094482422</t>
  </si>
  <si>
    <t>236.21633911132812</t>
  </si>
  <si>
    <t>13.91757583618164</t>
  </si>
  <si>
    <t>267.89794921875</t>
  </si>
  <si>
    <t>0.019746762934834905</t>
  </si>
  <si>
    <t>14.3839693069458</t>
  </si>
  <si>
    <t>426.4097595214844</t>
  </si>
  <si>
    <t>0.1377125833849231</t>
  </si>
  <si>
    <t>14.463370323181152</t>
  </si>
  <si>
    <t>437.1458740234375</t>
  </si>
  <si>
    <t>-0.07207729759281811</t>
  </si>
  <si>
    <t>15.00542163848877</t>
  </si>
  <si>
    <t>338.04705810546875</t>
  </si>
  <si>
    <t>-0.10802141860818981</t>
  </si>
  <si>
    <t>14.696124076843262</t>
  </si>
  <si>
    <t>246.45950317382812</t>
  </si>
  <si>
    <t>0.09938935149781081</t>
  </si>
  <si>
    <t>2862</t>
  </si>
  <si>
    <t>15.398356437683105</t>
  </si>
  <si>
    <t>271.4014587402344</t>
  </si>
  <si>
    <t>0.07582960597865629</t>
  </si>
  <si>
    <t>14.794451713562012</t>
  </si>
  <si>
    <t>398.992919921875</t>
  </si>
  <si>
    <t>0.04442137897797149</t>
  </si>
  <si>
    <t>14.216789245605469</t>
  </si>
  <si>
    <t>447.6689758300781</t>
  </si>
  <si>
    <t>14.989356994628906</t>
  </si>
  <si>
    <t>321.45709228515625</t>
  </si>
  <si>
    <t>0.053559065357111635</t>
  </si>
  <si>
    <t>14.349148750305176</t>
  </si>
  <si>
    <t>351.02264404296875</t>
  </si>
  <si>
    <t>0.10828396009330277</t>
  </si>
  <si>
    <t>15.195040702819824</t>
  </si>
  <si>
    <t>317.8291320800781</t>
  </si>
  <si>
    <t>0.085459361340531</t>
  </si>
  <si>
    <t>13.905818939208984</t>
  </si>
  <si>
    <t>323.7849426269531</t>
  </si>
  <si>
    <t>0.053802705992977096</t>
  </si>
  <si>
    <t>15.092815399169922</t>
  </si>
  <si>
    <t>270.1812744140625</t>
  </si>
  <si>
    <t>0.2526098851105445</t>
  </si>
  <si>
    <t>14.822516441345215</t>
  </si>
  <si>
    <t>450.87469482421875</t>
  </si>
  <si>
    <t>0.16296270007567237</t>
  </si>
  <si>
    <t>14.94940185546875</t>
  </si>
  <si>
    <t>294.1378479003906</t>
  </si>
  <si>
    <t>-0.10843808680762024</t>
  </si>
  <si>
    <t>14.198131561279297</t>
  </si>
  <si>
    <t>323.74224853515625</t>
  </si>
  <si>
    <t>-0.001577425618474848</t>
  </si>
  <si>
    <t>14.348762512207031</t>
  </si>
  <si>
    <t>390.0192565917969</t>
  </si>
  <si>
    <t>0.047109849781071134</t>
  </si>
  <si>
    <t>15.073407173156738</t>
  </si>
  <si>
    <t>340.06390380859375</t>
  </si>
  <si>
    <t>-0.012629619755484711</t>
  </si>
  <si>
    <t>13.938064575195312</t>
  </si>
  <si>
    <t>378.6523742675781</t>
  </si>
  <si>
    <t>0.016804293932345615</t>
  </si>
  <si>
    <t>6192</t>
  </si>
  <si>
    <t>15.316563606262207</t>
  </si>
  <si>
    <t>398.4272155761719</t>
  </si>
  <si>
    <t>0.03133201428004995</t>
  </si>
  <si>
    <t>15.239768028259277</t>
  </si>
  <si>
    <t>376.43939208984375</t>
  </si>
  <si>
    <t>0.032570994180574075</t>
  </si>
  <si>
    <t>14.71618366241455</t>
  </si>
  <si>
    <t>277.7059020996094</t>
  </si>
  <si>
    <t>0.006078098662136711</t>
  </si>
  <si>
    <t>15.228981018066406</t>
  </si>
  <si>
    <t>335.7770080566406</t>
  </si>
  <si>
    <t>-0.03832614757912545</t>
  </si>
  <si>
    <t>15.090031623840332</t>
  </si>
  <si>
    <t>406.66156005859375</t>
  </si>
  <si>
    <t>0.03754896560171339</t>
  </si>
  <si>
    <t>14.305682182312012</t>
  </si>
  <si>
    <t>347.99591064453125</t>
  </si>
  <si>
    <t>0.0010878857238907358</t>
  </si>
  <si>
    <t>15.821139335632324</t>
  </si>
  <si>
    <t>267.85845947265625</t>
  </si>
  <si>
    <t>0.05234896561298541</t>
  </si>
  <si>
    <t>15.243355751037598</t>
  </si>
  <si>
    <t>369.5601501464844</t>
  </si>
  <si>
    <t>0.035192973720459264</t>
  </si>
  <si>
    <t>14.72628116607666</t>
  </si>
  <si>
    <t>100.11310577392578</t>
  </si>
  <si>
    <t>371.69976806640625</t>
  </si>
  <si>
    <t>Khorezm</t>
  </si>
  <si>
    <t>14.58672046661377</t>
  </si>
  <si>
    <t>122.2327651977539</t>
  </si>
  <si>
    <t>-0.025177563576304962</t>
  </si>
  <si>
    <t>13.90444278717041</t>
  </si>
  <si>
    <t>167.14605712890625</t>
  </si>
  <si>
    <t>-0.14135678817267916</t>
  </si>
  <si>
    <t>13.382336616516113</t>
  </si>
  <si>
    <t>120.76463317871094</t>
  </si>
  <si>
    <t>-0.045052663940943205</t>
  </si>
  <si>
    <t>14.128827095031738</t>
  </si>
  <si>
    <t>139.94290161132812</t>
  </si>
  <si>
    <t>-0.07228994008533007</t>
  </si>
  <si>
    <t>15.08205795288086</t>
  </si>
  <si>
    <t>72.2140121459961</t>
  </si>
  <si>
    <t>-0.02609716522347405</t>
  </si>
  <si>
    <t>14.27642822265625</t>
  </si>
  <si>
    <t>61.29532241821289</t>
  </si>
  <si>
    <t>0.1178583623861087</t>
  </si>
  <si>
    <t>14.78709888458252</t>
  </si>
  <si>
    <t>107.37594604492188</t>
  </si>
  <si>
    <t>-0.1346080275985697</t>
  </si>
  <si>
    <t>14.887743949890137</t>
  </si>
  <si>
    <t>89.12646484375</t>
  </si>
  <si>
    <t>0.010629278885137872</t>
  </si>
  <si>
    <t>15.503020286560059</t>
  </si>
  <si>
    <t>85.27044677734375</t>
  </si>
  <si>
    <t>0.047945267618992204</t>
  </si>
  <si>
    <t>15.14890193939209</t>
  </si>
  <si>
    <t>72.32666778564453</t>
  </si>
  <si>
    <t>-0.1539881442722475</t>
  </si>
  <si>
    <t>15.771500587463379</t>
  </si>
  <si>
    <t>85.92312622070312</t>
  </si>
  <si>
    <t>-0.07151514612466592</t>
  </si>
  <si>
    <t>15.248114585876465</t>
  </si>
  <si>
    <t>134.96661376953125</t>
  </si>
  <si>
    <t>0.016161967956998424</t>
  </si>
  <si>
    <t>14.646668434143066</t>
  </si>
  <si>
    <t>175.9990997314453</t>
  </si>
  <si>
    <t>0.019055757236499993</t>
  </si>
  <si>
    <t>15.468775749206543</t>
  </si>
  <si>
    <t>131.1949920654297</t>
  </si>
  <si>
    <t>0.10905012222989896</t>
  </si>
  <si>
    <t>14.826801300048828</t>
  </si>
  <si>
    <t>108.70359802246094</t>
  </si>
  <si>
    <t>-0.03919250480642944</t>
  </si>
  <si>
    <t>15.79377269744873</t>
  </si>
  <si>
    <t>96.60015869140625</t>
  </si>
  <si>
    <t>0.032470385030784144</t>
  </si>
  <si>
    <t>2962</t>
  </si>
  <si>
    <t>14.22309398651123</t>
  </si>
  <si>
    <t>99.69416046142578</t>
  </si>
  <si>
    <t>0.05019222695137149</t>
  </si>
  <si>
    <t>15.521662712097168</t>
  </si>
  <si>
    <t>70.00419616699219</t>
  </si>
  <si>
    <t>0.0033704110099055384</t>
  </si>
  <si>
    <t>15.20688247680664</t>
  </si>
  <si>
    <t>108.90119171142578</t>
  </si>
  <si>
    <t>0.04795664378007203</t>
  </si>
  <si>
    <t>15.512852668762207</t>
  </si>
  <si>
    <t>73.14681243896484</t>
  </si>
  <si>
    <t>0.2041052245535706</t>
  </si>
  <si>
    <t>14.3485689163208</t>
  </si>
  <si>
    <t>106.19570922851562</t>
  </si>
  <si>
    <t>0.08084701882443213</t>
  </si>
  <si>
    <t>14.818022727966309</t>
  </si>
  <si>
    <t>87.20269012451172</t>
  </si>
  <si>
    <t>0.06715809718053123</t>
  </si>
  <si>
    <t>15.634583473205566</t>
  </si>
  <si>
    <t>120.10231018066406</t>
  </si>
  <si>
    <t>0.06250668840334583</t>
  </si>
  <si>
    <t>14.274842262268066</t>
  </si>
  <si>
    <t>108.74628448486328</t>
  </si>
  <si>
    <t>0.07958628018867842</t>
  </si>
  <si>
    <t>15.84880542755127</t>
  </si>
  <si>
    <t>139.58233642578125</t>
  </si>
  <si>
    <t>0.07153317573529527</t>
  </si>
  <si>
    <t>15.704395294189453</t>
  </si>
  <si>
    <t>143.71463012695312</t>
  </si>
  <si>
    <t>0.029965460839580516</t>
  </si>
  <si>
    <t>15.066588401794434</t>
  </si>
  <si>
    <t>110.59614562988281</t>
  </si>
  <si>
    <t>0.003000620025639833</t>
  </si>
  <si>
    <t>15.459182739257812</t>
  </si>
  <si>
    <t>102.93399810791016</t>
  </si>
  <si>
    <t>0.03888850863427962</t>
  </si>
  <si>
    <t>15.66927719116211</t>
  </si>
  <si>
    <t>106.01163482666016</t>
  </si>
  <si>
    <t>0.003215708957078789</t>
  </si>
  <si>
    <t>14.99312973022461</t>
  </si>
  <si>
    <t>86.87260437011719</t>
  </si>
  <si>
    <t>0.0010133424275355907</t>
  </si>
  <si>
    <t>16.295700073242188</t>
  </si>
  <si>
    <t>82.65862274169922</t>
  </si>
  <si>
    <t>0.052448939674054174</t>
  </si>
  <si>
    <t>15.708098411560059</t>
  </si>
  <si>
    <t>89.69303894042969</t>
  </si>
  <si>
    <t>0.035096843223634266</t>
  </si>
  <si>
    <t>11.180230140686035</t>
  </si>
  <si>
    <t>456.4256896972656</t>
  </si>
  <si>
    <t>658.9078979492188</t>
  </si>
  <si>
    <t>Namangan</t>
  </si>
  <si>
    <t>11.005988121032715</t>
  </si>
  <si>
    <t>451.4742431640625</t>
  </si>
  <si>
    <t>10.556227684020996</t>
  </si>
  <si>
    <t>421.0753479003906</t>
  </si>
  <si>
    <t>-0.14145829562333745</t>
  </si>
  <si>
    <t>9.727746963500977</t>
  </si>
  <si>
    <t>746.5151977539062</t>
  </si>
  <si>
    <t>-0.0447026043392329</t>
  </si>
  <si>
    <t>10.550962448120117</t>
  </si>
  <si>
    <t>472.1713562011719</t>
  </si>
  <si>
    <t>-0.07223189499131166</t>
  </si>
  <si>
    <t>11.24582290649414</t>
  </si>
  <si>
    <t>272.33648681640625</t>
  </si>
  <si>
    <t>-0.026101046716322074</t>
  </si>
  <si>
    <t>10.564547538757324</t>
  </si>
  <si>
    <t>453.9050598144531</t>
  </si>
  <si>
    <t>-0.004417185096263765</t>
  </si>
  <si>
    <t>11.253851890563965</t>
  </si>
  <si>
    <t>423.94146728515625</t>
  </si>
  <si>
    <t>-0.02641568993976584</t>
  </si>
  <si>
    <t>11.213147163391113</t>
  </si>
  <si>
    <t>684.5933227539062</t>
  </si>
  <si>
    <t>-0.07007570862578394</t>
  </si>
  <si>
    <t>11.75742244720459</t>
  </si>
  <si>
    <t>561.0580444335938</t>
  </si>
  <si>
    <t>0.03930404995903025</t>
  </si>
  <si>
    <t>11.340624809265137</t>
  </si>
  <si>
    <t>371.5232849121094</t>
  </si>
  <si>
    <t>0.12516314295400566</t>
  </si>
  <si>
    <t>12.207130432128906</t>
  </si>
  <si>
    <t>399.88360595703125</t>
  </si>
  <si>
    <t>11.673583984375</t>
  </si>
  <si>
    <t>570.9920043945312</t>
  </si>
  <si>
    <t>0.025595547188964396</t>
  </si>
  <si>
    <t>11.0901517868042</t>
  </si>
  <si>
    <t>674.2860717773438</t>
  </si>
  <si>
    <t>0.009878841004695715</t>
  </si>
  <si>
    <t>11.938163757324219</t>
  </si>
  <si>
    <t>519.228759765625</t>
  </si>
  <si>
    <t>0.023405793581624756</t>
  </si>
  <si>
    <t>11.260292053222656</t>
  </si>
  <si>
    <t>482.57440185546875</t>
  </si>
  <si>
    <t>-0.013181210175525315</t>
  </si>
  <si>
    <t>12.164855003356934</t>
  </si>
  <si>
    <t>371.5927734375</t>
  </si>
  <si>
    <t>0.010121098497930525</t>
  </si>
  <si>
    <t>10.977059364318848</t>
  </si>
  <si>
    <t>443.8262634277344</t>
  </si>
  <si>
    <t>0.05494249484913105</t>
  </si>
  <si>
    <t>12.088199615478516</t>
  </si>
  <si>
    <t>361.4269714355469</t>
  </si>
  <si>
    <t>0.06614311787410099</t>
  </si>
  <si>
    <t>11.797386169433594</t>
  </si>
  <si>
    <t>540.6558227539062</t>
  </si>
  <si>
    <t>0.08723762499072407</t>
  </si>
  <si>
    <t>11.853827476501465</t>
  </si>
  <si>
    <t>471.3269348144531</t>
  </si>
  <si>
    <t>0.11283341261116764</t>
  </si>
  <si>
    <t>11.206321716308594</t>
  </si>
  <si>
    <t>496.8667297363281</t>
  </si>
  <si>
    <t>0.09505032330139862</t>
  </si>
  <si>
    <t>11.18166446685791</t>
  </si>
  <si>
    <t>380.8057556152344</t>
  </si>
  <si>
    <t>0.0566930699183299</t>
  </si>
  <si>
    <t>12.061968803405762</t>
  </si>
  <si>
    <t>446.833740234375</t>
  </si>
  <si>
    <t>0.061891774661845034</t>
  </si>
  <si>
    <t>10.885490417480469</t>
  </si>
  <si>
    <t>462.7717590332031</t>
  </si>
  <si>
    <t>0.05658830464859932</t>
  </si>
  <si>
    <t>12.364971160888672</t>
  </si>
  <si>
    <t>549.7657470703125</t>
  </si>
  <si>
    <t>0.07784035138291223</t>
  </si>
  <si>
    <t>4732</t>
  </si>
  <si>
    <t>12.245216369628906</t>
  </si>
  <si>
    <t>570.3103637695312</t>
  </si>
  <si>
    <t>0.05919918008416758</t>
  </si>
  <si>
    <t>11.60881519317627</t>
  </si>
  <si>
    <t>456.35333251953125</t>
  </si>
  <si>
    <t>0.015517191198137326</t>
  </si>
  <si>
    <t>12.037487983703613</t>
  </si>
  <si>
    <t>454.1194152832031</t>
  </si>
  <si>
    <t>-0.02999168826608667</t>
  </si>
  <si>
    <t>12.107322692871094</t>
  </si>
  <si>
    <t>388.61279296875</t>
  </si>
  <si>
    <t>0.024985419987942237</t>
  </si>
  <si>
    <t>11.354239463806152</t>
  </si>
  <si>
    <t>404.4910583496094</t>
  </si>
  <si>
    <t>0.0010450413742386644</t>
  </si>
  <si>
    <t>12.7391996383667</t>
  </si>
  <si>
    <t>366.2061462402344</t>
  </si>
  <si>
    <t>0.05249374339520152</t>
  </si>
  <si>
    <t>12.210193634033203</t>
  </si>
  <si>
    <t>554.4039916992188</t>
  </si>
  <si>
    <t>0.035057144045302024</t>
  </si>
  <si>
    <t>14.452301025390625</t>
  </si>
  <si>
    <t>330.31280517578125</t>
  </si>
  <si>
    <t>1249.5821533203125</t>
  </si>
  <si>
    <t>Samarkand</t>
  </si>
  <si>
    <t>14.29715633392334</t>
  </si>
  <si>
    <t>428.507080078125</t>
  </si>
  <si>
    <t>-0.025156197967919347</t>
  </si>
  <si>
    <t>13.759033203125</t>
  </si>
  <si>
    <t>372.9225769042969</t>
  </si>
  <si>
    <t>-0.14149347864201545</t>
  </si>
  <si>
    <t>13.095135688781738</t>
  </si>
  <si>
    <t>511.69024658203125</t>
  </si>
  <si>
    <t>-0.04479028997985157</t>
  </si>
  <si>
    <t>13.983952522277832</t>
  </si>
  <si>
    <t>343.1499328613281</t>
  </si>
  <si>
    <t>-0.07217179496955861</t>
  </si>
  <si>
    <t>14.673454284667969</t>
  </si>
  <si>
    <t>218.81446838378906</t>
  </si>
  <si>
    <t>-0.026442049397727985</t>
  </si>
  <si>
    <t>14.003421783447266</t>
  </si>
  <si>
    <t>267.85296630859375</t>
  </si>
  <si>
    <t>-0.03028201617495707</t>
  </si>
  <si>
    <t>14.540827751159668</t>
  </si>
  <si>
    <t>414.76129150390625</t>
  </si>
  <si>
    <t>0.029270382300112807</t>
  </si>
  <si>
    <t>14.57999324798584</t>
  </si>
  <si>
    <t>439.308349609375</t>
  </si>
  <si>
    <t>0.117333091891763</t>
  </si>
  <si>
    <t>15.103458404541016</t>
  </si>
  <si>
    <t>374.28411865234375</t>
  </si>
  <si>
    <t>0.05983010920809928</t>
  </si>
  <si>
    <t>14.73083782196045</t>
  </si>
  <si>
    <t>234.54312133789062</t>
  </si>
  <si>
    <t>-0.015808917149838564</t>
  </si>
  <si>
    <t>15.497624397277832</t>
  </si>
  <si>
    <t>279.2820129394531</t>
  </si>
  <si>
    <t>0.03178907217654814</t>
  </si>
  <si>
    <t>14.95666217803955</t>
  </si>
  <si>
    <t>428.9512023925781</t>
  </si>
  <si>
    <t>0.055581126446699436</t>
  </si>
  <si>
    <t>14.375152587890625</t>
  </si>
  <si>
    <t>479.61273193359375</t>
  </si>
  <si>
    <t>0.04927863807397248</t>
  </si>
  <si>
    <t>15.195656776428223</t>
  </si>
  <si>
    <t>362.3126525878906</t>
  </si>
  <si>
    <t>0.019714233412979176</t>
  </si>
  <si>
    <t>14.532448768615723</t>
  </si>
  <si>
    <t>345.8977966308594</t>
  </si>
  <si>
    <t>0.02581492197171542</t>
  </si>
  <si>
    <t>15.410587310791016</t>
  </si>
  <si>
    <t>319.5022888183594</t>
  </si>
  <si>
    <t>0.026214749474147148</t>
  </si>
  <si>
    <t>14.16357707977295</t>
  </si>
  <si>
    <t>326.75653076171875</t>
  </si>
  <si>
    <t>0.03301537825419398</t>
  </si>
  <si>
    <t>15.33905029296875</t>
  </si>
  <si>
    <t>288.3789367675781</t>
  </si>
  <si>
    <t>0.045627749064919954</t>
  </si>
  <si>
    <t>15.055272102355957</t>
  </si>
  <si>
    <t>437.1854553222656</t>
  </si>
  <si>
    <t>0.02268830344526407</t>
  </si>
  <si>
    <t>15.155457496643066</t>
  </si>
  <si>
    <t>307.1230163574219</t>
  </si>
  <si>
    <t>0.33013307117747814</t>
  </si>
  <si>
    <t>14.43350601196289</t>
  </si>
  <si>
    <t>352.6161193847656</t>
  </si>
  <si>
    <t>0.0013617796021829776</t>
  </si>
  <si>
    <t>14.531867027282715</t>
  </si>
  <si>
    <t>372.46954345703125</t>
  </si>
  <si>
    <t>0.039142199332628635</t>
  </si>
  <si>
    <t>15.32694149017334</t>
  </si>
  <si>
    <t>356.22808837890625</t>
  </si>
  <si>
    <t>0.07922029089687399</t>
  </si>
  <si>
    <t>14.15286922454834</t>
  </si>
  <si>
    <t>378.39727783203125</t>
  </si>
  <si>
    <t>0.06908689621552533</t>
  </si>
  <si>
    <t>15.591273307800293</t>
  </si>
  <si>
    <t>407.0817565917969</t>
  </si>
  <si>
    <t>0.04593863021129074</t>
  </si>
  <si>
    <t>15.4884033203125</t>
  </si>
  <si>
    <t>397.5694885253906</t>
  </si>
  <si>
    <t>0.08615792382159881</t>
  </si>
  <si>
    <t>14.89637279510498</t>
  </si>
  <si>
    <t>279.8479919433594</t>
  </si>
  <si>
    <t>0.01472057985118802</t>
  </si>
  <si>
    <t>15.409865379333496</t>
  </si>
  <si>
    <t>338.8997802734375</t>
  </si>
  <si>
    <t>-0.02865808769496958</t>
  </si>
  <si>
    <t>15.34524154663086</t>
  </si>
  <si>
    <t>389.9185485839844</t>
  </si>
  <si>
    <t>-0.030192252620024007</t>
  </si>
  <si>
    <t>14.5853271484375</t>
  </si>
  <si>
    <t>335.5823669433594</t>
  </si>
  <si>
    <t>0.0012047157467716119</t>
  </si>
  <si>
    <t>6126</t>
  </si>
  <si>
    <t>16.014020919799805</t>
  </si>
  <si>
    <t>277.8066101074219</t>
  </si>
  <si>
    <t>0.052273206273898865</t>
  </si>
  <si>
    <t>15.462393760681152</t>
  </si>
  <si>
    <t>394.0057678222656</t>
  </si>
  <si>
    <t>0.03512509275576825</t>
  </si>
  <si>
    <t>14.402314186096191</t>
  </si>
  <si>
    <t>338.4908142089844</t>
  </si>
  <si>
    <t>715.9613647460938</t>
  </si>
  <si>
    <t>Surkhandarya</t>
  </si>
  <si>
    <t>14.217764854431152</t>
  </si>
  <si>
    <t>528.2294311523438</t>
  </si>
  <si>
    <t>-0.025298099473168634</t>
  </si>
  <si>
    <t>13.738487243652344</t>
  </si>
  <si>
    <t>404.58551025390625</t>
  </si>
  <si>
    <t>-0.14116221279693875</t>
  </si>
  <si>
    <t>13.208183288574219</t>
  </si>
  <si>
    <t>549.5064697265625</t>
  </si>
  <si>
    <t>-0.04502965410842208</t>
  </si>
  <si>
    <t>14.014923095703125</t>
  </si>
  <si>
    <t>387.12542724609375</t>
  </si>
  <si>
    <t>-0.07235627474937978</t>
  </si>
  <si>
    <t>14.686339378356934</t>
  </si>
  <si>
    <t>272.60919189453125</t>
  </si>
  <si>
    <t>-0.026378565936309606</t>
  </si>
  <si>
    <t>14.025910377502441</t>
  </si>
  <si>
    <t>340.9978332519531</t>
  </si>
  <si>
    <t>-0.05993696522467218</t>
  </si>
  <si>
    <t>14.491905212402344</t>
  </si>
  <si>
    <t>546.3323974609375</t>
  </si>
  <si>
    <t>0.014364887895103706</t>
  </si>
  <si>
    <t>14.595230102539062</t>
  </si>
  <si>
    <t>534.612060546875</t>
  </si>
  <si>
    <t>0.1974740492157645</t>
  </si>
  <si>
    <t>15.108807563781738</t>
  </si>
  <si>
    <t>443.0660400390625</t>
  </si>
  <si>
    <t>-0.02138875621327241</t>
  </si>
  <si>
    <t>262.28961181640625</t>
  </si>
  <si>
    <t>0.06715125034030134</t>
  </si>
  <si>
    <t>15.525029182434082</t>
  </si>
  <si>
    <t>281.5233459472656</t>
  </si>
  <si>
    <t>0.081728630619601</t>
  </si>
  <si>
    <t>14.96048641204834</t>
  </si>
  <si>
    <t>472.6025695800781</t>
  </si>
  <si>
    <t>0.0445723846362025</t>
  </si>
  <si>
    <t>14.369552612304688</t>
  </si>
  <si>
    <t>519.5429077148438</t>
  </si>
  <si>
    <t>-0.04259257801051142</t>
  </si>
  <si>
    <t>15.140870094299316</t>
  </si>
  <si>
    <t>405.6537780761719</t>
  </si>
  <si>
    <t>0.00630916919326463</t>
  </si>
  <si>
    <t>14.505372047424316</t>
  </si>
  <si>
    <t>393.1080627441406</t>
  </si>
  <si>
    <t>-0.015049789003999337</t>
  </si>
  <si>
    <t>15.329407691955566</t>
  </si>
  <si>
    <t>371.19732666015625</t>
  </si>
  <si>
    <t>0.036823588553559716</t>
  </si>
  <si>
    <t>14.066208839416504</t>
  </si>
  <si>
    <t>366.07891845703125</t>
  </si>
  <si>
    <t>15.251994132995605</t>
  </si>
  <si>
    <t>296.9291687011719</t>
  </si>
  <si>
    <t>0.04031901090234413</t>
  </si>
  <si>
    <t>14.911639213562012</t>
  </si>
  <si>
    <t>516.8726806640625</t>
  </si>
  <si>
    <t>0.027428641176175717</t>
  </si>
  <si>
    <t>14.999874114990234</t>
  </si>
  <si>
    <t>357.138671875</t>
  </si>
  <si>
    <t>0.20031463350360834</t>
  </si>
  <si>
    <t>14.379693031311035</t>
  </si>
  <si>
    <t>0.2000347653930259</t>
  </si>
  <si>
    <t>14.363944053649902</t>
  </si>
  <si>
    <t>475.7548828125</t>
  </si>
  <si>
    <t>0.04728958411839912</t>
  </si>
  <si>
    <t>15.147343635559082</t>
  </si>
  <si>
    <t>418.07598876953125</t>
  </si>
  <si>
    <t>0.011312337828726982</t>
  </si>
  <si>
    <t>14.038960456848145</t>
  </si>
  <si>
    <t>427.76708984375</t>
  </si>
  <si>
    <t>0.05493121355992869</t>
  </si>
  <si>
    <t>15.365970611572266</t>
  </si>
  <si>
    <t>458.3594055175781</t>
  </si>
  <si>
    <t>0.05590360456017862</t>
  </si>
  <si>
    <t>15.335189819335938</t>
  </si>
  <si>
    <t>436.22979736328125</t>
  </si>
  <si>
    <t>-0.026733558180717765</t>
  </si>
  <si>
    <t>14.84621524810791</t>
  </si>
  <si>
    <t>278.29901123046875</t>
  </si>
  <si>
    <t>0.010083427343200668</t>
  </si>
  <si>
    <t>15.340970039367676</t>
  </si>
  <si>
    <t>374.1940612792969</t>
  </si>
  <si>
    <t>0.010185461858707612</t>
  </si>
  <si>
    <t>15.20953369140625</t>
  </si>
  <si>
    <t>471.3250427246094</t>
  </si>
  <si>
    <t>-0.002435066138300357</t>
  </si>
  <si>
    <t>14.469876289367676</t>
  </si>
  <si>
    <t>426.01708984375</t>
  </si>
  <si>
    <t>0.0010153315929617435</t>
  </si>
  <si>
    <t>15.972746849060059</t>
  </si>
  <si>
    <t>326.9515686035156</t>
  </si>
  <si>
    <t>0.052388695839962196</t>
  </si>
  <si>
    <t>5378</t>
  </si>
  <si>
    <t>15.454300880432129</t>
  </si>
  <si>
    <t>454.5142822265625</t>
  </si>
  <si>
    <t>0.035197578444885025</t>
  </si>
  <si>
    <t>16.421783447265625</t>
  </si>
  <si>
    <t>466.650634765625</t>
  </si>
  <si>
    <t>266.90386962890625</t>
  </si>
  <si>
    <t>Syrdarya</t>
  </si>
  <si>
    <t>16.225095748901367</t>
  </si>
  <si>
    <t>531.509521484375</t>
  </si>
  <si>
    <t>4593</t>
  </si>
  <si>
    <t>15.744037628173828</t>
  </si>
  <si>
    <t>453.53564453125</t>
  </si>
  <si>
    <t>-0.14128484052655033</t>
  </si>
  <si>
    <t>14.97519588470459</t>
  </si>
  <si>
    <t>724.6812133789062</t>
  </si>
  <si>
    <t>-0.04497641376407735</t>
  </si>
  <si>
    <t>15.872920989990234</t>
  </si>
  <si>
    <t>523.5812377929688</t>
  </si>
  <si>
    <t>-0.07223526326761309</t>
  </si>
  <si>
    <t>16.564586639404297</t>
  </si>
  <si>
    <t>264.67230224609375</t>
  </si>
  <si>
    <t>-0.026291196867175515</t>
  </si>
  <si>
    <t>15.840155601501465</t>
  </si>
  <si>
    <t>406.9395446777344</t>
  </si>
  <si>
    <t>-0.15285303842203746</t>
  </si>
  <si>
    <t>16.456253051757812</t>
  </si>
  <si>
    <t>475.17889404296875</t>
  </si>
  <si>
    <t>-0.07634044311734556</t>
  </si>
  <si>
    <t>16.535606384277344</t>
  </si>
  <si>
    <t>640.3367919921875</t>
  </si>
  <si>
    <t>-0.16341172027205353</t>
  </si>
  <si>
    <t>17.03788185119629</t>
  </si>
  <si>
    <t>521.3473510742188</t>
  </si>
  <si>
    <t>0.1198072024117458</t>
  </si>
  <si>
    <t>16.660137176513672</t>
  </si>
  <si>
    <t>359.5713195800781</t>
  </si>
  <si>
    <t>0.06424960518946499</t>
  </si>
  <si>
    <t>17.440725326538086</t>
  </si>
  <si>
    <t>380.990234375</t>
  </si>
  <si>
    <t>0.06849739272046662</t>
  </si>
  <si>
    <t>16.92291831970215</t>
  </si>
  <si>
    <t>568.3109130859375</t>
  </si>
  <si>
    <t>-0.07253028169814257</t>
  </si>
  <si>
    <t>16.320175170898438</t>
  </si>
  <si>
    <t>681.3676147460938</t>
  </si>
  <si>
    <t>0.046166716167526545</t>
  </si>
  <si>
    <t>17.174625396728516</t>
  </si>
  <si>
    <t>573.572265625</t>
  </si>
  <si>
    <t>0.07681811567151442</t>
  </si>
  <si>
    <t>16.502939224243164</t>
  </si>
  <si>
    <t>449.7348937988281</t>
  </si>
  <si>
    <t>0.04750658464048918</t>
  </si>
  <si>
    <t>17.397920608520508</t>
  </si>
  <si>
    <t>382.6383972167969</t>
  </si>
  <si>
    <t>0.06396496218866865</t>
  </si>
  <si>
    <t>16.17462730407715</t>
  </si>
  <si>
    <t>454.5960693359375</t>
  </si>
  <si>
    <t>-0.011872511458024704</t>
  </si>
  <si>
    <t>17.325761795043945</t>
  </si>
  <si>
    <t>393.4917907714844</t>
  </si>
  <si>
    <t>0.019709926055137217</t>
  </si>
  <si>
    <t>17.04792022705078</t>
  </si>
  <si>
    <t>530.13916015625</t>
  </si>
  <si>
    <t>0.037821645323814934</t>
  </si>
  <si>
    <t>17.11846923828125</t>
  </si>
  <si>
    <t>417.70172119140625</t>
  </si>
  <si>
    <t>0.1534457097592874</t>
  </si>
  <si>
    <t>5664</t>
  </si>
  <si>
    <t>16.40909767150879</t>
  </si>
  <si>
    <t>515.92333984375</t>
  </si>
  <si>
    <t>0.1321199597861149</t>
  </si>
  <si>
    <t>16.495174407958984</t>
  </si>
  <si>
    <t>437.83465576171875</t>
  </si>
  <si>
    <t>0.05177869915846145</t>
  </si>
  <si>
    <t>17.27794075012207</t>
  </si>
  <si>
    <t>448.89178466796875</t>
  </si>
  <si>
    <t>0.030380411421452536</t>
  </si>
  <si>
    <t>16.104076385498047</t>
  </si>
  <si>
    <t>482.903076171875</t>
  </si>
  <si>
    <t>0.01693179206431772</t>
  </si>
  <si>
    <t>17.6368408203125</t>
  </si>
  <si>
    <t>553.21533203125</t>
  </si>
  <si>
    <t>0.08178775868597121</t>
  </si>
  <si>
    <t>17.459096908569336</t>
  </si>
  <si>
    <t>505.8247985839844</t>
  </si>
  <si>
    <t>0.07587449697642334</t>
  </si>
  <si>
    <t>16.819135665893555</t>
  </si>
  <si>
    <t>375.2633056640625</t>
  </si>
  <si>
    <t>-0.03828152035315924</t>
  </si>
  <si>
    <t>17.31525230407715</t>
  </si>
  <si>
    <t>442.9530029296875</t>
  </si>
  <si>
    <t>-0.02021139537708372</t>
  </si>
  <si>
    <t>17.336273193359375</t>
  </si>
  <si>
    <t>431.7890625</t>
  </si>
  <si>
    <t>0.035560566678672245</t>
  </si>
  <si>
    <t>16.596311569213867</t>
  </si>
  <si>
    <t>407.33465576171875</t>
  </si>
  <si>
    <t>0.0011173185519925966</t>
  </si>
  <si>
    <t>18.003036499023438</t>
  </si>
  <si>
    <t>343.77716064453125</t>
  </si>
  <si>
    <t>0.05234661995902101</t>
  </si>
  <si>
    <t>17.452939987182617</t>
  </si>
  <si>
    <t>583.1845703125</t>
  </si>
  <si>
    <t>0.035141564984890294</t>
  </si>
  <si>
    <t>11.15264892578125</t>
  </si>
  <si>
    <t>636.9285888671875</t>
  </si>
  <si>
    <t>846.0051879882812</t>
  </si>
  <si>
    <t>Tashkent</t>
  </si>
  <si>
    <t>3791</t>
  </si>
  <si>
    <t>10.996170043945312</t>
  </si>
  <si>
    <t>671.8045654296875</t>
  </si>
  <si>
    <t>-0.02526505006399482</t>
  </si>
  <si>
    <t>10.483145713806152</t>
  </si>
  <si>
    <t>649.8331909179688</t>
  </si>
  <si>
    <t>-0.14113455371937356</t>
  </si>
  <si>
    <t>9.69650936126709</t>
  </si>
  <si>
    <t>1031.3040771484375</t>
  </si>
  <si>
    <t>-0.04504566473255345</t>
  </si>
  <si>
    <t>10.565995216369629</t>
  </si>
  <si>
    <t>752.2205200195312</t>
  </si>
  <si>
    <t>-0.07213002198320506</t>
  </si>
  <si>
    <t>11.255142211914062</t>
  </si>
  <si>
    <t>382.8630065917969</t>
  </si>
  <si>
    <t>-0.026299093547015318</t>
  </si>
  <si>
    <t>10.555813789367676</t>
  </si>
  <si>
    <t>621.3907470703125</t>
  </si>
  <si>
    <t>-0.023413627194435627</t>
  </si>
  <si>
    <t>11.204800605773926</t>
  </si>
  <si>
    <t>659.1046752929688</t>
  </si>
  <si>
    <t>0.08329546021758816</t>
  </si>
  <si>
    <t>3114</t>
  </si>
  <si>
    <t>11.247505187988281</t>
  </si>
  <si>
    <t>919.5468139648438</t>
  </si>
  <si>
    <t>0.02800573783660454</t>
  </si>
  <si>
    <t>11.7517671585083</t>
  </si>
  <si>
    <t>768.1258544921875</t>
  </si>
  <si>
    <t>-0.007089942686631545</t>
  </si>
  <si>
    <t>11.388337135314941</t>
  </si>
  <si>
    <t>494.058349609375</t>
  </si>
  <si>
    <t>0.16563502672913621</t>
  </si>
  <si>
    <t>12.16170883178711</t>
  </si>
  <si>
    <t>542.4849243164062</t>
  </si>
  <si>
    <t>0.040021454935782685</t>
  </si>
  <si>
    <t>11.64279556274414</t>
  </si>
  <si>
    <t>822.1651611328125</t>
  </si>
  <si>
    <t>0.029062761607180576</t>
  </si>
  <si>
    <t>11.06607723236084</t>
  </si>
  <si>
    <t>970.2006225585938</t>
  </si>
  <si>
    <t>0.014472767534918773</t>
  </si>
  <si>
    <t>11.925796508789062</t>
  </si>
  <si>
    <t>762.6361083984375</t>
  </si>
  <si>
    <t>0.10473011785594899</t>
  </si>
  <si>
    <t>11.257869720458984</t>
  </si>
  <si>
    <t>657.7352294921875</t>
  </si>
  <si>
    <t>0.10055899543626268</t>
  </si>
  <si>
    <t>12.15388011932373</t>
  </si>
  <si>
    <t>541.0166015625</t>
  </si>
  <si>
    <t>0.06285624054485872</t>
  </si>
  <si>
    <t>10.92292308807373</t>
  </si>
  <si>
    <t>596.4177856445312</t>
  </si>
  <si>
    <t>0.1106674039778941</t>
  </si>
  <si>
    <t>12.047820091247559</t>
  </si>
  <si>
    <t>525.9780883789062</t>
  </si>
  <si>
    <t>-0.01023514876582432</t>
  </si>
  <si>
    <t>11.777081489562988</t>
  </si>
  <si>
    <t>765.5232543945312</t>
  </si>
  <si>
    <t>0.05528705238781484</t>
  </si>
  <si>
    <t>11.861052513122559</t>
  </si>
  <si>
    <t>638.183837890625</t>
  </si>
  <si>
    <t>0.048153574382881814</t>
  </si>
  <si>
    <t>11.143061637878418</t>
  </si>
  <si>
    <t>722.4987182617188</t>
  </si>
  <si>
    <t>0.06409620634967439</t>
  </si>
  <si>
    <t>11.216064453125</t>
  </si>
  <si>
    <t>593.3739013671875</t>
  </si>
  <si>
    <t>0.0768954963772277</t>
  </si>
  <si>
    <t>12.029875755310059</t>
  </si>
  <si>
    <t>657.3652954101562</t>
  </si>
  <si>
    <t>0.06579234354054186</t>
  </si>
  <si>
    <t>10.82586669921875</t>
  </si>
  <si>
    <t>679.8463134765625</t>
  </si>
  <si>
    <t>0.04426829316384229</t>
  </si>
  <si>
    <t>12.350081443786621</t>
  </si>
  <si>
    <t>738.9791870117188</t>
  </si>
  <si>
    <t>0.039691080048125826</t>
  </si>
  <si>
    <t>12.21010971069336</t>
  </si>
  <si>
    <t>746.0555419921875</t>
  </si>
  <si>
    <t>-0.030558596484853595</t>
  </si>
  <si>
    <t>11.559876441955566</t>
  </si>
  <si>
    <t>609.910400390625</t>
  </si>
  <si>
    <t>0.050808328325670615</t>
  </si>
  <si>
    <t>12.007637977600098</t>
  </si>
  <si>
    <t>633.84619140625</t>
  </si>
  <si>
    <t>0.08869007471471768</t>
  </si>
  <si>
    <t>12.115378379821777</t>
  </si>
  <si>
    <t>591.568115234375</t>
  </si>
  <si>
    <t>0.0353203303594789</t>
  </si>
  <si>
    <t>9837</t>
  </si>
  <si>
    <t>11.342976570129395</t>
  </si>
  <si>
    <t>575.8142700195312</t>
  </si>
  <si>
    <t>0.0011188527841650142</t>
  </si>
  <si>
    <t>12.703648567199707</t>
  </si>
  <si>
    <t>508.4235534667969</t>
  </si>
  <si>
    <t>0.052380433236894675</t>
  </si>
  <si>
    <t>10736</t>
  </si>
  <si>
    <t>12.197074890136719</t>
  </si>
  <si>
    <t>803.048095703125</t>
  </si>
  <si>
    <t>0.03507136046181003</t>
  </si>
  <si>
    <t>1018.5952758789062</t>
  </si>
  <si>
    <t>Tashkent City</t>
  </si>
  <si>
    <t>538.300048828125</t>
  </si>
  <si>
    <t>-0.025292792662403585</t>
  </si>
  <si>
    <t>494.00006103515625</t>
  </si>
  <si>
    <t>-0.14119382554585513</t>
  </si>
  <si>
    <t>-0.04501761644893243</t>
  </si>
  <si>
    <t>14.975001335144043</t>
  </si>
  <si>
    <t>-0.07221820781179922</t>
  </si>
  <si>
    <t>-0.0262551179734416</t>
  </si>
  <si>
    <t>4023</t>
  </si>
  <si>
    <t>0.06787492838560993</t>
  </si>
  <si>
    <t>535.8999633789062</t>
  </si>
  <si>
    <t>0.1623200531484894</t>
  </si>
  <si>
    <t>716.8999633789062</t>
  </si>
  <si>
    <t>0.11373616175069401</t>
  </si>
  <si>
    <t>5416</t>
  </si>
  <si>
    <t>594.2000122070312</t>
  </si>
  <si>
    <t>0.02127342774313945</t>
  </si>
  <si>
    <t>383.9000244140625</t>
  </si>
  <si>
    <t>-0.17554985419112334</t>
  </si>
  <si>
    <t>432.1999816894531</t>
  </si>
  <si>
    <t>0.08840418592351007</t>
  </si>
  <si>
    <t>633.7000732421875</t>
  </si>
  <si>
    <t>-0.009920113743229209</t>
  </si>
  <si>
    <t>0.08629901752328628</t>
  </si>
  <si>
    <t>16.316665649414062</t>
  </si>
  <si>
    <t>622.3999633789062</t>
  </si>
  <si>
    <t>0.08665359244988302</t>
  </si>
  <si>
    <t>493.3999938964844</t>
  </si>
  <si>
    <t>-0.0054916904793316235</t>
  </si>
  <si>
    <t>435.3999938964844</t>
  </si>
  <si>
    <t>0.145781810393931</t>
  </si>
  <si>
    <t>450.800048828125</t>
  </si>
  <si>
    <t>0.15166144924561742</t>
  </si>
  <si>
    <t>16.500001907348633</t>
  </si>
  <si>
    <t>423.3999938964844</t>
  </si>
  <si>
    <t>0.11744214593090696</t>
  </si>
  <si>
    <t>9480</t>
  </si>
  <si>
    <t>16.158334732055664</t>
  </si>
  <si>
    <t>0.07454623760350643</t>
  </si>
  <si>
    <t>463.5999450683594</t>
  </si>
  <si>
    <t>-0.06944505327173012</t>
  </si>
  <si>
    <t>15.583334922790527</t>
  </si>
  <si>
    <t>0.02908445018437078</t>
  </si>
  <si>
    <t>493.70001220703125</t>
  </si>
  <si>
    <t>0.07315042591035059</t>
  </si>
  <si>
    <t>525.9000854492188</t>
  </si>
  <si>
    <t>0.06501054120080774</t>
  </si>
  <si>
    <t>568.3999633789062</t>
  </si>
  <si>
    <t>0.07533709430565061</t>
  </si>
  <si>
    <t>0.08947020397300243</t>
  </si>
  <si>
    <t>569.0999755859375</t>
  </si>
  <si>
    <t>0.12954845706044438</t>
  </si>
  <si>
    <t>14773</t>
  </si>
  <si>
    <t>444.29998779296875</t>
  </si>
  <si>
    <t>0.05146075470964462</t>
  </si>
  <si>
    <t>16.508333206176758</t>
  </si>
  <si>
    <t>0.04745801978475406</t>
  </si>
  <si>
    <t>465.5999755859375</t>
  </si>
  <si>
    <t>0.0806433723941069</t>
  </si>
  <si>
    <t>16810</t>
  </si>
  <si>
    <t>15.75</t>
  </si>
  <si>
    <t>453.60003662109375</t>
  </si>
  <si>
    <t>0.0010713649021916183</t>
  </si>
  <si>
    <t>17714</t>
  </si>
  <si>
    <t>422.10003662109375</t>
  </si>
  <si>
    <t>0.05238133996686756</t>
  </si>
  <si>
    <t>18347</t>
  </si>
  <si>
    <t>632.5</t>
  </si>
  <si>
    <t>0.035110786009191486</t>
  </si>
  <si>
    <t>VEN</t>
  </si>
  <si>
    <t>24.169143676757812</t>
  </si>
  <si>
    <t>2674.67333984375</t>
  </si>
  <si>
    <t>30.287540435791016</t>
  </si>
  <si>
    <t>Venezuela</t>
  </si>
  <si>
    <t>24.064828872680664</t>
  </si>
  <si>
    <t>2592.5234375</t>
  </si>
  <si>
    <t>0.07036618826228214</t>
  </si>
  <si>
    <t>24.197954177856445</t>
  </si>
  <si>
    <t>2510.10302734375</t>
  </si>
  <si>
    <t>0.03682833521557782</t>
  </si>
  <si>
    <t>23.963144302368164</t>
  </si>
  <si>
    <t>2536.133544921875</t>
  </si>
  <si>
    <t>-0.018829864573557842</t>
  </si>
  <si>
    <t>24.034605026245117</t>
  </si>
  <si>
    <t>2753.446533203125</t>
  </si>
  <si>
    <t>-0.04486193934398308</t>
  </si>
  <si>
    <t>24.330434799194336</t>
  </si>
  <si>
    <t>2484.626708984375</t>
  </si>
  <si>
    <t>0.01813040383222919</t>
  </si>
  <si>
    <t>24.28680992126465</t>
  </si>
  <si>
    <t>2999.766357421875</t>
  </si>
  <si>
    <t>-0.022172271478414274</t>
  </si>
  <si>
    <t>24.549901962280273</t>
  </si>
  <si>
    <t>2471.504638671875</t>
  </si>
  <si>
    <t>0.042339609987681825</t>
  </si>
  <si>
    <t>14198</t>
  </si>
  <si>
    <t>24.717172622680664</t>
  </si>
  <si>
    <t>3229.65380859375</t>
  </si>
  <si>
    <t>-0.0158617027769683</t>
  </si>
  <si>
    <t>24.004989624023438</t>
  </si>
  <si>
    <t>2525.64453125</t>
  </si>
  <si>
    <t>-0.08041254644566109</t>
  </si>
  <si>
    <t>24.147789001464844</t>
  </si>
  <si>
    <t>2603.87451171875</t>
  </si>
  <si>
    <t>0.0036571469332482565</t>
  </si>
  <si>
    <t>24.76738166809082</t>
  </si>
  <si>
    <t>2218.40966796875</t>
  </si>
  <si>
    <t>0.017415344595301363</t>
  </si>
  <si>
    <t>12005</t>
  </si>
  <si>
    <t>24.797895431518555</t>
  </si>
  <si>
    <t>2517.27685546875</t>
  </si>
  <si>
    <t>-0.10843782502686672</t>
  </si>
  <si>
    <t>10903</t>
  </si>
  <si>
    <t>2990.758544921875</t>
  </si>
  <si>
    <t>-0.09628524894897161</t>
  </si>
  <si>
    <t>12701</t>
  </si>
  <si>
    <t>24.583024978637695</t>
  </si>
  <si>
    <t>2722.688232421875</t>
  </si>
  <si>
    <t>0.15264274979793768</t>
  </si>
  <si>
    <t>24.720823287963867</t>
  </si>
  <si>
    <t>2725.410888671875</t>
  </si>
  <si>
    <t>0.08306032278372122</t>
  </si>
  <si>
    <t>24.655942916870117</t>
  </si>
  <si>
    <t>2627.802001953125</t>
  </si>
  <si>
    <t>0.07903335293351788</t>
  </si>
  <si>
    <t>24.642423629760742</t>
  </si>
  <si>
    <t>2826.86572265625</t>
  </si>
  <si>
    <t>0.06900179842443244</t>
  </si>
  <si>
    <t>16601</t>
  </si>
  <si>
    <t>24.42070960998535</t>
  </si>
  <si>
    <t>2884.991455078125</t>
  </si>
  <si>
    <t>0.03668672984808552</t>
  </si>
  <si>
    <t>24.85231590270996</t>
  </si>
  <si>
    <t>2102.440673828125</t>
  </si>
  <si>
    <t>-0.04711396000235091</t>
  </si>
  <si>
    <t>24.910932540893555</t>
  </si>
  <si>
    <t>3175.28515625</t>
  </si>
  <si>
    <t>-0.029411057899599413</t>
  </si>
  <si>
    <t>24.640005111694336</t>
  </si>
  <si>
    <t>2909.63330078125</t>
  </si>
  <si>
    <t>0.026818826814412944</t>
  </si>
  <si>
    <t>24.59625244140625</t>
  </si>
  <si>
    <t>2515.110595703125</t>
  </si>
  <si>
    <t>0.04081186532233616</t>
  </si>
  <si>
    <t>24.54624366760254</t>
  </si>
  <si>
    <t>2446.767333984375</t>
  </si>
  <si>
    <t>-0.0004255189876065657</t>
  </si>
  <si>
    <t>24.571510314941406</t>
  </si>
  <si>
    <t>2490.9541015625</t>
  </si>
  <si>
    <t>-0.053256864871723764</t>
  </si>
  <si>
    <t>25.054731369018555</t>
  </si>
  <si>
    <t>2654.213623046875</t>
  </si>
  <si>
    <t>-0.07736897350198113</t>
  </si>
  <si>
    <t>11947</t>
  </si>
  <si>
    <t>25.011215209960938</t>
  </si>
  <si>
    <t>2662.06103515625</t>
  </si>
  <si>
    <t>-0.1890370505503398</t>
  </si>
  <si>
    <t>24.57849884033203</t>
  </si>
  <si>
    <t>2394.003173828125</t>
  </si>
  <si>
    <t>-0.16074304902347514</t>
  </si>
  <si>
    <t>24.32662010192871</t>
  </si>
  <si>
    <t>2836.36181640625</t>
  </si>
  <si>
    <t>-0.16611621195752413</t>
  </si>
  <si>
    <t>24.561622619628906</t>
  </si>
  <si>
    <t>2765.5771484375</t>
  </si>
  <si>
    <t>-0.2847461204085082</t>
  </si>
  <si>
    <t>24.48869514465332</t>
  </si>
  <si>
    <t>2556.226806640625</t>
  </si>
  <si>
    <t>-0.36058408901643624</t>
  </si>
  <si>
    <t>24.328821182250977</t>
  </si>
  <si>
    <t>2772.95751953125</t>
  </si>
  <si>
    <t>0.018200261184031064</t>
  </si>
  <si>
    <t>24.2771053314209</t>
  </si>
  <si>
    <t>2721.183349609375</t>
  </si>
  <si>
    <t>-0.14244916554657827</t>
  </si>
  <si>
    <t>26.897050857543945</t>
  </si>
  <si>
    <t>1087.34228515625</t>
  </si>
  <si>
    <t>828.6748046875</t>
  </si>
  <si>
    <t>Anzoátegui</t>
  </si>
  <si>
    <t>26.978139877319336</t>
  </si>
  <si>
    <t>903.9595947265625</t>
  </si>
  <si>
    <t>0.07029688447476978</t>
  </si>
  <si>
    <t>17516</t>
  </si>
  <si>
    <t>26.95121955871582</t>
  </si>
  <si>
    <t>891.6453247070312</t>
  </si>
  <si>
    <t>0.036866783377623946</t>
  </si>
  <si>
    <t>26.919321060180664</t>
  </si>
  <si>
    <t>1019.0485229492188</t>
  </si>
  <si>
    <t>-0.01878692954439387</t>
  </si>
  <si>
    <t>26.901159286499023</t>
  </si>
  <si>
    <t>924.426025390625</t>
  </si>
  <si>
    <t>-0.04491461227857485</t>
  </si>
  <si>
    <t>27.114099502563477</t>
  </si>
  <si>
    <t>878.359619140625</t>
  </si>
  <si>
    <t>0.018148880766329256</t>
  </si>
  <si>
    <t>16368</t>
  </si>
  <si>
    <t>26.96533966064453</t>
  </si>
  <si>
    <t>1027.63232421875</t>
  </si>
  <si>
    <t>-0.02223387867324078</t>
  </si>
  <si>
    <t>17077</t>
  </si>
  <si>
    <t>27.31184959411621</t>
  </si>
  <si>
    <t>811.5165405273438</t>
  </si>
  <si>
    <t>0.04240431969583014</t>
  </si>
  <si>
    <t>27.655664443969727</t>
  </si>
  <si>
    <t>1012.0278930664062</t>
  </si>
  <si>
    <t>-0.015877565362401924</t>
  </si>
  <si>
    <t>15509</t>
  </si>
  <si>
    <t>26.641510009765625</t>
  </si>
  <si>
    <t>1149.694091796875</t>
  </si>
  <si>
    <t>-0.0804344629653837</t>
  </si>
  <si>
    <t>26.5949649810791</t>
  </si>
  <si>
    <t>876.33984375</t>
  </si>
  <si>
    <t>0.003668547959881252</t>
  </si>
  <si>
    <t>15840</t>
  </si>
  <si>
    <t>27.28687858581543</t>
  </si>
  <si>
    <t>771.0564575195312</t>
  </si>
  <si>
    <t>0.01744933784908298</t>
  </si>
  <si>
    <t>14211</t>
  </si>
  <si>
    <t>27.461076736450195</t>
  </si>
  <si>
    <t>817.8997192382812</t>
  </si>
  <si>
    <t>-0.10852207377655532</t>
  </si>
  <si>
    <t>27.41725730895996</t>
  </si>
  <si>
    <t>850.4196166992188</t>
  </si>
  <si>
    <t>-0.0962465127566734</t>
  </si>
  <si>
    <t>27.117860794067383</t>
  </si>
  <si>
    <t>1060.527587890625</t>
  </si>
  <si>
    <t>0.15261101658744103</t>
  </si>
  <si>
    <t>27.365297317504883</t>
  </si>
  <si>
    <t>1110.7808837890625</t>
  </si>
  <si>
    <t>0.08305165760387823</t>
  </si>
  <si>
    <t>17682</t>
  </si>
  <si>
    <t>27.25005531311035</t>
  </si>
  <si>
    <t>940.2899169921875</t>
  </si>
  <si>
    <t>0.07911469893924128</t>
  </si>
  <si>
    <t>27.170564651489258</t>
  </si>
  <si>
    <t>955.5510864257812</t>
  </si>
  <si>
    <t>27.155290603637695</t>
  </si>
  <si>
    <t>888.4529418945312</t>
  </si>
  <si>
    <t>0.03668995394728469</t>
  </si>
  <si>
    <t>27.719802856445312</t>
  </si>
  <si>
    <t>645.0518188476562</t>
  </si>
  <si>
    <t>-0.04714291835738926</t>
  </si>
  <si>
    <t>27.78550148010254</t>
  </si>
  <si>
    <t>1199.5513916015625</t>
  </si>
  <si>
    <t>-0.029390798433063026</t>
  </si>
  <si>
    <t>27.32701301574707</t>
  </si>
  <si>
    <t>1012.4891967773438</t>
  </si>
  <si>
    <t>0.026827242233144588</t>
  </si>
  <si>
    <t>19478</t>
  </si>
  <si>
    <t>27.334253311157227</t>
  </si>
  <si>
    <t>855.6041259765625</t>
  </si>
  <si>
    <t>0.04076209967846722</t>
  </si>
  <si>
    <t>27.26093864440918</t>
  </si>
  <si>
    <t>914.6041259765625</t>
  </si>
  <si>
    <t>-0.0003594444055234902</t>
  </si>
  <si>
    <t>27.38866424560547</t>
  </si>
  <si>
    <t>759.4107055664062</t>
  </si>
  <si>
    <t>-0.05326578034505225</t>
  </si>
  <si>
    <t>27.72222328186035</t>
  </si>
  <si>
    <t>689.2444458007812</t>
  </si>
  <si>
    <t>-0.07740098405900575</t>
  </si>
  <si>
    <t>27.642019271850586</t>
  </si>
  <si>
    <t>912.5932006835938</t>
  </si>
  <si>
    <t>-0.1890396126910634</t>
  </si>
  <si>
    <t>12043</t>
  </si>
  <si>
    <t>27.497438430786133</t>
  </si>
  <si>
    <t>942.2500610351562</t>
  </si>
  <si>
    <t>-0.16073622376002028</t>
  </si>
  <si>
    <t>27.04563331604004</t>
  </si>
  <si>
    <t>919.70947265625</t>
  </si>
  <si>
    <t>-0.1660958579881182</t>
  </si>
  <si>
    <t>27.39167594909668</t>
  </si>
  <si>
    <t>899.3684692382812</t>
  </si>
  <si>
    <t>-0.28481038270908776</t>
  </si>
  <si>
    <t>27.444028854370117</t>
  </si>
  <si>
    <t>923.7968139648438</t>
  </si>
  <si>
    <t>-0.36048077667322076</t>
  </si>
  <si>
    <t>27.21735954284668</t>
  </si>
  <si>
    <t>997.69873046875</t>
  </si>
  <si>
    <t>0.018152007939296055</t>
  </si>
  <si>
    <t>27.09796142578125</t>
  </si>
  <si>
    <t>1000.7529296875</t>
  </si>
  <si>
    <t>-0.14238100790150554</t>
  </si>
  <si>
    <t>8544</t>
  </si>
  <si>
    <t>27.77643585205078</t>
  </si>
  <si>
    <t>1659.13525390625</t>
  </si>
  <si>
    <t>113.72743225097656</t>
  </si>
  <si>
    <t>Apure</t>
  </si>
  <si>
    <t>27.708358764648438</t>
  </si>
  <si>
    <t>1444.1395263671875</t>
  </si>
  <si>
    <t>0.07038079676179976</t>
  </si>
  <si>
    <t>27.633825302124023</t>
  </si>
  <si>
    <t>1559.805908203125</t>
  </si>
  <si>
    <t>0.03683894452061054</t>
  </si>
  <si>
    <t>27.464643478393555</t>
  </si>
  <si>
    <t>1574.0526123046875</t>
  </si>
  <si>
    <t>-0.018785375972624863</t>
  </si>
  <si>
    <t>27.731733322143555</t>
  </si>
  <si>
    <t>1644.4439697265625</t>
  </si>
  <si>
    <t>-0.04491937095733789</t>
  </si>
  <si>
    <t>27.897354125976562</t>
  </si>
  <si>
    <t>1645.255859375</t>
  </si>
  <si>
    <t>0.01810054414292317</t>
  </si>
  <si>
    <t>27.759368896484375</t>
  </si>
  <si>
    <t>1862.881591796875</t>
  </si>
  <si>
    <t>-0.022142768375880806</t>
  </si>
  <si>
    <t>28.1612606048584</t>
  </si>
  <si>
    <t>1406.55615234375</t>
  </si>
  <si>
    <t>0.04240489948075954</t>
  </si>
  <si>
    <t>28.227224349975586</t>
  </si>
  <si>
    <t>1874.0020751953125</t>
  </si>
  <si>
    <t>-0.01597946931287808</t>
  </si>
  <si>
    <t>8421</t>
  </si>
  <si>
    <t>27.52362060546875</t>
  </si>
  <si>
    <t>1723.0355224609375</t>
  </si>
  <si>
    <t>-0.0803988964573552</t>
  </si>
  <si>
    <t>27.576616287231445</t>
  </si>
  <si>
    <t>1515.821044921875</t>
  </si>
  <si>
    <t>0.0036745137059561728</t>
  </si>
  <si>
    <t>28.120643615722656</t>
  </si>
  <si>
    <t>1350.8187255859375</t>
  </si>
  <si>
    <t>0.017475375815530825</t>
  </si>
  <si>
    <t>28.222923278808594</t>
  </si>
  <si>
    <t>1546.5147705078125</t>
  </si>
  <si>
    <t>-0.10845278809387615</t>
  </si>
  <si>
    <t>7009</t>
  </si>
  <si>
    <t>28.233346939086914</t>
  </si>
  <si>
    <t>1900.1822509765625</t>
  </si>
  <si>
    <t>-0.09623064995727759</t>
  </si>
  <si>
    <t>27.965124130249023</t>
  </si>
  <si>
    <t>1919.571533203125</t>
  </si>
  <si>
    <t>0.15253920742940963</t>
  </si>
  <si>
    <t>28.140748977661133</t>
  </si>
  <si>
    <t>1940.6044921875</t>
  </si>
  <si>
    <t>0.08305328459085182</t>
  </si>
  <si>
    <t>27.998281478881836</t>
  </si>
  <si>
    <t>1773.792724609375</t>
  </si>
  <si>
    <t>0.07907973017703718</t>
  </si>
  <si>
    <t>27.960569381713867</t>
  </si>
  <si>
    <t>1618.251953125</t>
  </si>
  <si>
    <t>0.06901370243340565</t>
  </si>
  <si>
    <t>27.763320922851562</t>
  </si>
  <si>
    <t>1783.774169921875</t>
  </si>
  <si>
    <t>0.036648819485535</t>
  </si>
  <si>
    <t>28.323728561401367</t>
  </si>
  <si>
    <t>1303.225341796875</t>
  </si>
  <si>
    <t>-0.04710477051205153</t>
  </si>
  <si>
    <t>28.39543342590332</t>
  </si>
  <si>
    <t>2131.585693359375</t>
  </si>
  <si>
    <t>-0.029406554499795234</t>
  </si>
  <si>
    <t>27.959693908691406</t>
  </si>
  <si>
    <t>1930.2772216796875</t>
  </si>
  <si>
    <t>0.026849259902622435</t>
  </si>
  <si>
    <t>28.160011291503906</t>
  </si>
  <si>
    <t>1690.39111328125</t>
  </si>
  <si>
    <t>0.04081411582071226</t>
  </si>
  <si>
    <t>28.33296775817871</t>
  </si>
  <si>
    <t>1429.8114013671875</t>
  </si>
  <si>
    <t>-0.00047283560387256784</t>
  </si>
  <si>
    <t>28.47865104675293</t>
  </si>
  <si>
    <t>1390.4608154296875</t>
  </si>
  <si>
    <t>-0.05322677914827523</t>
  </si>
  <si>
    <t>28.731369018554688</t>
  </si>
  <si>
    <t>1345.3551025390625</t>
  </si>
  <si>
    <t>-0.07733621126421575</t>
  </si>
  <si>
    <t>28.624191284179688</t>
  </si>
  <si>
    <t>1484.936279296875</t>
  </si>
  <si>
    <t>-0.18902645916997152</t>
  </si>
  <si>
    <t>28.1158390045166</t>
  </si>
  <si>
    <t>1468.7900390625</t>
  </si>
  <si>
    <t>-0.16083529858044088</t>
  </si>
  <si>
    <t>27.80571937561035</t>
  </si>
  <si>
    <t>1676.962646484375</t>
  </si>
  <si>
    <t>-0.16615082383036928</t>
  </si>
  <si>
    <t>28.126733779907227</t>
  </si>
  <si>
    <t>1620.969970703125</t>
  </si>
  <si>
    <t>-0.2846770819099902</t>
  </si>
  <si>
    <t>28.080915451049805</t>
  </si>
  <si>
    <t>1475.652099609375</t>
  </si>
  <si>
    <t>-0.3605229525349056</t>
  </si>
  <si>
    <t>27.798978805541992</t>
  </si>
  <si>
    <t>1285.661376953125</t>
  </si>
  <si>
    <t>0.018079973984733932</t>
  </si>
  <si>
    <t>27.588457107543945</t>
  </si>
  <si>
    <t>1385.42626953125</t>
  </si>
  <si>
    <t>-0.14216509809516342</t>
  </si>
  <si>
    <t>21.366498947143555</t>
  </si>
  <si>
    <t>1314.824951171875</t>
  </si>
  <si>
    <t>493.3315124511719</t>
  </si>
  <si>
    <t>Aragua</t>
  </si>
  <si>
    <t>19371</t>
  </si>
  <si>
    <t>21.696075439453125</t>
  </si>
  <si>
    <t>884.485595703125</t>
  </si>
  <si>
    <t>0.07029906279720421</t>
  </si>
  <si>
    <t>21.845762252807617</t>
  </si>
  <si>
    <t>1125.2911376953125</t>
  </si>
  <si>
    <t>0.03684320531432661</t>
  </si>
  <si>
    <t>21.858163833618164</t>
  </si>
  <si>
    <t>1087.214111328125</t>
  </si>
  <si>
    <t>-0.01878413926488598</t>
  </si>
  <si>
    <t>22.01544189453125</t>
  </si>
  <si>
    <t>930.3936157226562</t>
  </si>
  <si>
    <t>-0.04484591483165268</t>
  </si>
  <si>
    <t>21.94243621826172</t>
  </si>
  <si>
    <t>1072.373046875</t>
  </si>
  <si>
    <t>0.018076263297748696</t>
  </si>
  <si>
    <t>21.67671012878418</t>
  </si>
  <si>
    <t>1331.7249755859375</t>
  </si>
  <si>
    <t>-0.02222079632917584</t>
  </si>
  <si>
    <t>22.115243911743164</t>
  </si>
  <si>
    <t>838.3069458007812</t>
  </si>
  <si>
    <t>0.042377676423649646</t>
  </si>
  <si>
    <t>22.472951889038086</t>
  </si>
  <si>
    <t>1206.1195068359375</t>
  </si>
  <si>
    <t>-0.01584395283425799</t>
  </si>
  <si>
    <t>17795</t>
  </si>
  <si>
    <t>21.278898239135742</t>
  </si>
  <si>
    <t>1417.3907470703125</t>
  </si>
  <si>
    <t>-0.0804619251260359</t>
  </si>
  <si>
    <t>17861</t>
  </si>
  <si>
    <t>21.31931495666504</t>
  </si>
  <si>
    <t>953.93115234375</t>
  </si>
  <si>
    <t>0.0037020459601908584</t>
  </si>
  <si>
    <t>22.198265075683594</t>
  </si>
  <si>
    <t>899.9982299804688</t>
  </si>
  <si>
    <t>0.01742745849723626</t>
  </si>
  <si>
    <t>22.22576904296875</t>
  </si>
  <si>
    <t>883.16064453125</t>
  </si>
  <si>
    <t>-0.10845255994044223</t>
  </si>
  <si>
    <t>22.39826774597168</t>
  </si>
  <si>
    <t>1148.634033203125</t>
  </si>
  <si>
    <t>-0.09629183519943396</t>
  </si>
  <si>
    <t>17252</t>
  </si>
  <si>
    <t>21.685470581054688</t>
  </si>
  <si>
    <t>1394.750244140625</t>
  </si>
  <si>
    <t>0.15262545050588905</t>
  </si>
  <si>
    <t>18746</t>
  </si>
  <si>
    <t>21.934532165527344</t>
  </si>
  <si>
    <t>1412.729736328125</t>
  </si>
  <si>
    <t>0.0830523175386979</t>
  </si>
  <si>
    <t>21.996192932128906</t>
  </si>
  <si>
    <t>1185.8265380859375</t>
  </si>
  <si>
    <t>0.07904918193052168</t>
  </si>
  <si>
    <t>21738</t>
  </si>
  <si>
    <t>21.919313430786133</t>
  </si>
  <si>
    <t>1163.158203125</t>
  </si>
  <si>
    <t>0.06903230288618012</t>
  </si>
  <si>
    <t>22550</t>
  </si>
  <si>
    <t>21.785354614257812</t>
  </si>
  <si>
    <t>1126.2452392578125</t>
  </si>
  <si>
    <t>0.03667318480769133</t>
  </si>
  <si>
    <t>22.472328186035156</t>
  </si>
  <si>
    <t>733.6012573242188</t>
  </si>
  <si>
    <t>-0.047077662380139884</t>
  </si>
  <si>
    <t>22.471817016601562</t>
  </si>
  <si>
    <t>1708.340576171875</t>
  </si>
  <si>
    <t>-0.029434698940027815</t>
  </si>
  <si>
    <t>21457</t>
  </si>
  <si>
    <t>21.98504066467285</t>
  </si>
  <si>
    <t>1226.9256591796875</t>
  </si>
  <si>
    <t>0.026828227834425178</t>
  </si>
  <si>
    <t>22.08441734313965</t>
  </si>
  <si>
    <t>1072.844482421875</t>
  </si>
  <si>
    <t>0.04077538859663399</t>
  </si>
  <si>
    <t>21.978899002075195</t>
  </si>
  <si>
    <t>945.4470825195312</t>
  </si>
  <si>
    <t>-0.0004027656629599363</t>
  </si>
  <si>
    <t>22.060354232788086</t>
  </si>
  <si>
    <t>806.3765258789062</t>
  </si>
  <si>
    <t>-0.053224582194298264</t>
  </si>
  <si>
    <t>19605</t>
  </si>
  <si>
    <t>22.48065948486328</t>
  </si>
  <si>
    <t>676.9969482421875</t>
  </si>
  <si>
    <t>-0.07741433745802517</t>
  </si>
  <si>
    <t>16228</t>
  </si>
  <si>
    <t>22.31097984313965</t>
  </si>
  <si>
    <t>1026.417236328125</t>
  </si>
  <si>
    <t>-0.18904649040009502</t>
  </si>
  <si>
    <t>13818</t>
  </si>
  <si>
    <t>22.30065155029297</t>
  </si>
  <si>
    <t>943.2073974609375</t>
  </si>
  <si>
    <t>-0.16076605527759646</t>
  </si>
  <si>
    <t>11703</t>
  </si>
  <si>
    <t>21.80284309387207</t>
  </si>
  <si>
    <t>1084.166748046875</t>
  </si>
  <si>
    <t>-0.16612687087397404</t>
  </si>
  <si>
    <t>22.169509887695312</t>
  </si>
  <si>
    <t>819.7835083007812</t>
  </si>
  <si>
    <t>-0.28475264671386036</t>
  </si>
  <si>
    <t>6139</t>
  </si>
  <si>
    <t>22.203468322753906</t>
  </si>
  <si>
    <t>1044.907958984375</t>
  </si>
  <si>
    <t>-0.36043071003341076</t>
  </si>
  <si>
    <t>21.774202346801758</t>
  </si>
  <si>
    <t>1085.9361572265625</t>
  </si>
  <si>
    <t>0.018079588504317456</t>
  </si>
  <si>
    <t>21.665559768676758</t>
  </si>
  <si>
    <t>1085.8836669921875</t>
  </si>
  <si>
    <t>-0.14246115067147436</t>
  </si>
  <si>
    <t>11046</t>
  </si>
  <si>
    <t>26.943403244018555</t>
  </si>
  <si>
    <t>1697.904052734375</t>
  </si>
  <si>
    <t>197.88809204101562</t>
  </si>
  <si>
    <t>Barinas</t>
  </si>
  <si>
    <t>26.790712356567383</t>
  </si>
  <si>
    <t>1254.9925537109375</t>
  </si>
  <si>
    <t>0.07034388072731446</t>
  </si>
  <si>
    <t>12296</t>
  </si>
  <si>
    <t>26.740507125854492</t>
  </si>
  <si>
    <t>1525.453125</t>
  </si>
  <si>
    <t>0.036861754029983373</t>
  </si>
  <si>
    <t>26.495140075683594</t>
  </si>
  <si>
    <t>1533.8994140625</t>
  </si>
  <si>
    <t>-0.018799552144830756</t>
  </si>
  <si>
    <t>11538</t>
  </si>
  <si>
    <t>26.781898498535156</t>
  </si>
  <si>
    <t>1487.4302978515625</t>
  </si>
  <si>
    <t>-0.04482851825676626</t>
  </si>
  <si>
    <t>26.919713973999023</t>
  </si>
  <si>
    <t>1669.0086669921875</t>
  </si>
  <si>
    <t>0.018122194750738174</t>
  </si>
  <si>
    <t>26.84632682800293</t>
  </si>
  <si>
    <t>1810.6492919921875</t>
  </si>
  <si>
    <t>-0.022204010309938127</t>
  </si>
  <si>
    <t>11988</t>
  </si>
  <si>
    <t>27.371177673339844</t>
  </si>
  <si>
    <t>1264.9927978515625</t>
  </si>
  <si>
    <t>0.04234202917892027</t>
  </si>
  <si>
    <t>27.346792221069336</t>
  </si>
  <si>
    <t>1787.80712890625</t>
  </si>
  <si>
    <t>-0.015891367336635653</t>
  </si>
  <si>
    <t>26.565141677856445</t>
  </si>
  <si>
    <t>1886.0682373046875</t>
  </si>
  <si>
    <t>-0.0804453652187398</t>
  </si>
  <si>
    <t>26.614530563354492</t>
  </si>
  <si>
    <t>1504.3642578125</t>
  </si>
  <si>
    <t>0.0037588859293915533</t>
  </si>
  <si>
    <t>27.25481414794922</t>
  </si>
  <si>
    <t>1337.9674072265625</t>
  </si>
  <si>
    <t>0.017416985994001877</t>
  </si>
  <si>
    <t>27.38714027404785</t>
  </si>
  <si>
    <t>1467.50048828125</t>
  </si>
  <si>
    <t>-0.10856308044469998</t>
  </si>
  <si>
    <t>27.345239639282227</t>
  </si>
  <si>
    <t>1785.2618408203125</t>
  </si>
  <si>
    <t>-0.09620271913781231</t>
  </si>
  <si>
    <t>27.014305114746094</t>
  </si>
  <si>
    <t>2034.415771484375</t>
  </si>
  <si>
    <t>0.15262019206036115</t>
  </si>
  <si>
    <t>27.217836380004883</t>
  </si>
  <si>
    <t>2045.0235595703125</t>
  </si>
  <si>
    <t>0.08304806208210103</t>
  </si>
  <si>
    <t>27.067609786987305</t>
  </si>
  <si>
    <t>1858.3050537109375</t>
  </si>
  <si>
    <t>0.0790965671514261</t>
  </si>
  <si>
    <t>27.06244468688965</t>
  </si>
  <si>
    <t>1513.668212890625</t>
  </si>
  <si>
    <t>0.06894453389721455</t>
  </si>
  <si>
    <t>26.938064575195312</t>
  </si>
  <si>
    <t>1849.544677734375</t>
  </si>
  <si>
    <t>0.03668985064356889</t>
  </si>
  <si>
    <t>13161</t>
  </si>
  <si>
    <t>27.558944702148438</t>
  </si>
  <si>
    <t>1353.8642578125</t>
  </si>
  <si>
    <t>-0.047120784222409284</t>
  </si>
  <si>
    <t>27.513442993164062</t>
  </si>
  <si>
    <t>2344.90673828125</t>
  </si>
  <si>
    <t>-0.029376461902797857</t>
  </si>
  <si>
    <t>13128</t>
  </si>
  <si>
    <t>27.01972007751465</t>
  </si>
  <si>
    <t>2072.5859375</t>
  </si>
  <si>
    <t>0.026865904838402344</t>
  </si>
  <si>
    <t>27.274133682250977</t>
  </si>
  <si>
    <t>1681.358154296875</t>
  </si>
  <si>
    <t>0.04074886570381153</t>
  </si>
  <si>
    <t>27.421859741210938</t>
  </si>
  <si>
    <t>1414.4591064453125</t>
  </si>
  <si>
    <t>-0.00043888523855706296</t>
  </si>
  <si>
    <t>27.55808448791504</t>
  </si>
  <si>
    <t>1199.234130859375</t>
  </si>
  <si>
    <t>-0.05318964332891696</t>
  </si>
  <si>
    <t>27.894731521606445</t>
  </si>
  <si>
    <t>1179.54541015625</t>
  </si>
  <si>
    <t>-0.0773777946324703</t>
  </si>
  <si>
    <t>27.759445190429688</t>
  </si>
  <si>
    <t>1378.7889404296875</t>
  </si>
  <si>
    <t>-0.18913084838935212</t>
  </si>
  <si>
    <t>27.2415828704834</t>
  </si>
  <si>
    <t>1471.6807861328125</t>
  </si>
  <si>
    <t>-0.1607193457577072</t>
  </si>
  <si>
    <t>26.897016525268555</t>
  </si>
  <si>
    <t>1480.6317138671875</t>
  </si>
  <si>
    <t>-0.1661297211720445</t>
  </si>
  <si>
    <t>5386</t>
  </si>
  <si>
    <t>27.274404525756836</t>
  </si>
  <si>
    <t>1446.7340087890625</t>
  </si>
  <si>
    <t>-0.28470698658314575</t>
  </si>
  <si>
    <t>3756</t>
  </si>
  <si>
    <t>27.192445755004883</t>
  </si>
  <si>
    <t>1290.6920166015625</t>
  </si>
  <si>
    <t>-0.36044843304339125</t>
  </si>
  <si>
    <t>26.889854431152344</t>
  </si>
  <si>
    <t>817.2666625976562</t>
  </si>
  <si>
    <t>0.017942433843138872</t>
  </si>
  <si>
    <t>26.648019790649414</t>
  </si>
  <si>
    <t>1035.298095703125</t>
  </si>
  <si>
    <t>-0.14223623522424056</t>
  </si>
  <si>
    <t>26.06221580505371</t>
  </si>
  <si>
    <t>1758.1143798828125</t>
  </si>
  <si>
    <t>157.43679809570312</t>
  </si>
  <si>
    <t>Bolívar</t>
  </si>
  <si>
    <t>25.92865753173828</t>
  </si>
  <si>
    <t>1604.0399169921875</t>
  </si>
  <si>
    <t>0.07032389790467519</t>
  </si>
  <si>
    <t>25.7647762298584</t>
  </si>
  <si>
    <t>1409.7872314453125</t>
  </si>
  <si>
    <t>0.03680649439036188</t>
  </si>
  <si>
    <t>25.798080444335938</t>
  </si>
  <si>
    <t>1760.6275634765625</t>
  </si>
  <si>
    <t>-0.0187824466488955</t>
  </si>
  <si>
    <t>25.75752067565918</t>
  </si>
  <si>
    <t>1704.5316162109375</t>
  </si>
  <si>
    <t>-0.04482316050026469</t>
  </si>
  <si>
    <t>26.142362594604492</t>
  </si>
  <si>
    <t>1612.2288818359375</t>
  </si>
  <si>
    <t>0.018070877796835916</t>
  </si>
  <si>
    <t>15620</t>
  </si>
  <si>
    <t>25.949111938476562</t>
  </si>
  <si>
    <t>1723.9957275390625</t>
  </si>
  <si>
    <t>-0.022159817815380123</t>
  </si>
  <si>
    <t>26.27472496032715</t>
  </si>
  <si>
    <t>1478.24853515625</t>
  </si>
  <si>
    <t>0.042367534512964156</t>
  </si>
  <si>
    <t>26.623239517211914</t>
  </si>
  <si>
    <t>1929.22412109375</t>
  </si>
  <si>
    <t>-0.015896422569262825</t>
  </si>
  <si>
    <t>25.7922306060791</t>
  </si>
  <si>
    <t>2132.985595703125</t>
  </si>
  <si>
    <t>-0.08039607558517226</t>
  </si>
  <si>
    <t>25.782203674316406</t>
  </si>
  <si>
    <t>1710.7662353515625</t>
  </si>
  <si>
    <t>0.003642008477035219</t>
  </si>
  <si>
    <t>26.41566276550293</t>
  </si>
  <si>
    <t>1388.2410888671875</t>
  </si>
  <si>
    <t>0.01741843898431661</t>
  </si>
  <si>
    <t>13561</t>
  </si>
  <si>
    <t>26.310964584350586</t>
  </si>
  <si>
    <t>1534.8603515625</t>
  </si>
  <si>
    <t>-0.10848960212561387</t>
  </si>
  <si>
    <t>12317</t>
  </si>
  <si>
    <t>26.518308639526367</t>
  </si>
  <si>
    <t>1575.239990234375</t>
  </si>
  <si>
    <t>-0.09621760414646019</t>
  </si>
  <si>
    <t>26.1826114654541</t>
  </si>
  <si>
    <t>1648.316162109375</t>
  </si>
  <si>
    <t>0.15263013771068934</t>
  </si>
  <si>
    <t>15590</t>
  </si>
  <si>
    <t>26.33976173400879</t>
  </si>
  <si>
    <t>1808.22265625</t>
  </si>
  <si>
    <t>0.08301912339964801</t>
  </si>
  <si>
    <t>26.321487426757812</t>
  </si>
  <si>
    <t>1584.955810546875</t>
  </si>
  <si>
    <t>0.07908502814651541</t>
  </si>
  <si>
    <t>18078</t>
  </si>
  <si>
    <t>26.12062644958496</t>
  </si>
  <si>
    <t>1873.24609375</t>
  </si>
  <si>
    <t>0.06898101816001834</t>
  </si>
  <si>
    <t>18754</t>
  </si>
  <si>
    <t>26.14052391052246</t>
  </si>
  <si>
    <t>1748.72412109375</t>
  </si>
  <si>
    <t>0.03671133362121459</t>
  </si>
  <si>
    <t>17891</t>
  </si>
  <si>
    <t>26.621170043945312</t>
  </si>
  <si>
    <t>1235.2154541015625</t>
  </si>
  <si>
    <t>-0.04710926988974684</t>
  </si>
  <si>
    <t>26.708322525024414</t>
  </si>
  <si>
    <t>2048.240966796875</t>
  </si>
  <si>
    <t>-0.02938051619592308</t>
  </si>
  <si>
    <t>17845</t>
  </si>
  <si>
    <t>26.172882080078125</t>
  </si>
  <si>
    <t>1752.8228759765625</t>
  </si>
  <si>
    <t>0.026806080030361557</t>
  </si>
  <si>
    <t>18588</t>
  </si>
  <si>
    <t>26.10747528076172</t>
  </si>
  <si>
    <t>1491.503662109375</t>
  </si>
  <si>
    <t>0.04079285428060686</t>
  </si>
  <si>
    <t>26.09722900390625</t>
  </si>
  <si>
    <t>1754.26708984375</t>
  </si>
  <si>
    <t>-0.00043047783703897835</t>
  </si>
  <si>
    <t>17617</t>
  </si>
  <si>
    <t>26.27013397216797</t>
  </si>
  <si>
    <t>1297.03271484375</t>
  </si>
  <si>
    <t>-0.05322138844069002</t>
  </si>
  <si>
    <t>26.632080078125</t>
  </si>
  <si>
    <t>1466.970458984375</t>
  </si>
  <si>
    <t>-0.07739253570371929</t>
  </si>
  <si>
    <t>26.59942054748535</t>
  </si>
  <si>
    <t>1513.548828125</t>
  </si>
  <si>
    <t>-0.18907846399761574</t>
  </si>
  <si>
    <t>26.359621047973633</t>
  </si>
  <si>
    <t>1584.7523193359375</t>
  </si>
  <si>
    <t>-0.160742204126624</t>
  </si>
  <si>
    <t>26.04799461364746</t>
  </si>
  <si>
    <t>1682.294677734375</t>
  </si>
  <si>
    <t>-0.16612896767268737</t>
  </si>
  <si>
    <t>26.331846237182617</t>
  </si>
  <si>
    <t>1684.81591796875</t>
  </si>
  <si>
    <t>-0.2847752427798511</t>
  </si>
  <si>
    <t>26.383087158203125</t>
  </si>
  <si>
    <t>1673.0740966796875</t>
  </si>
  <si>
    <t>-0.36052647904787527</t>
  </si>
  <si>
    <t>26.133699417114258</t>
  </si>
  <si>
    <t>1722.76806640625</t>
  </si>
  <si>
    <t>0.01824584778494831</t>
  </si>
  <si>
    <t>26.052701950073242</t>
  </si>
  <si>
    <t>1737.7117919921875</t>
  </si>
  <si>
    <t>-0.14239089996263132</t>
  </si>
  <si>
    <t>23.80340576171875</t>
  </si>
  <si>
    <t>1322.307373046875</t>
  </si>
  <si>
    <t>776.7249755859375</t>
  </si>
  <si>
    <t>Carabobo</t>
  </si>
  <si>
    <t>23.927688598632812</t>
  </si>
  <si>
    <t>1071.3797607421875</t>
  </si>
  <si>
    <t>0.0703318753551283</t>
  </si>
  <si>
    <t>24.13665008544922</t>
  </si>
  <si>
    <t>1175.2674560546875</t>
  </si>
  <si>
    <t>0.03683304659691977</t>
  </si>
  <si>
    <t>19295</t>
  </si>
  <si>
    <t>24.123878479003906</t>
  </si>
  <si>
    <t>1224.388427734375</t>
  </si>
  <si>
    <t>-0.018790983135772876</t>
  </si>
  <si>
    <t>24.16169548034668</t>
  </si>
  <si>
    <t>1077.6234130859375</t>
  </si>
  <si>
    <t>-0.044835826513953236</t>
  </si>
  <si>
    <t>24.23284149169922</t>
  </si>
  <si>
    <t>1000.4970092773438</t>
  </si>
  <si>
    <t>0.01810174309669499</t>
  </si>
  <si>
    <t>23.980241775512695</t>
  </si>
  <si>
    <t>1320.328125</t>
  </si>
  <si>
    <t>-0.022229715934726002</t>
  </si>
  <si>
    <t>24.428987503051758</t>
  </si>
  <si>
    <t>1008.0357055664062</t>
  </si>
  <si>
    <t>0.0424121952184251</t>
  </si>
  <si>
    <t>24.727643966674805</t>
  </si>
  <si>
    <t>1326.190673828125</t>
  </si>
  <si>
    <t>-0.015880026626547306</t>
  </si>
  <si>
    <t>23.773969650268555</t>
  </si>
  <si>
    <t>1467.5416259765625</t>
  </si>
  <si>
    <t>-0.08042705035289366</t>
  </si>
  <si>
    <t>23.777151107788086</t>
  </si>
  <si>
    <t>1082.4405517578125</t>
  </si>
  <si>
    <t>0.0036695184803203773</t>
  </si>
  <si>
    <t>17780</t>
  </si>
  <si>
    <t>24.636022567749023</t>
  </si>
  <si>
    <t>994.1524047851562</t>
  </si>
  <si>
    <t>0.017417397728856088</t>
  </si>
  <si>
    <t>24.605195999145508</t>
  </si>
  <si>
    <t>1030.9588623046875</t>
  </si>
  <si>
    <t>-0.10849001686627524</t>
  </si>
  <si>
    <t>24.823163986206055</t>
  </si>
  <si>
    <t>1269.77880859375</t>
  </si>
  <si>
    <t>-0.09626349263836964</t>
  </si>
  <si>
    <t>24.25398826599121</t>
  </si>
  <si>
    <t>1556.258544921875</t>
  </si>
  <si>
    <t>0.1526310276732339</t>
  </si>
  <si>
    <t>18339</t>
  </si>
  <si>
    <t>24.49565315246582</t>
  </si>
  <si>
    <t>1446.739501953125</t>
  </si>
  <si>
    <t>0.08307819146035023</t>
  </si>
  <si>
    <t>19848</t>
  </si>
  <si>
    <t>24.36998176574707</t>
  </si>
  <si>
    <t>1390.8623046875</t>
  </si>
  <si>
    <t>0.07907330667480217</t>
  </si>
  <si>
    <t>21266</t>
  </si>
  <si>
    <t>24.362319946289062</t>
  </si>
  <si>
    <t>1193.849853515625</t>
  </si>
  <si>
    <t>0.06900630683939468</t>
  </si>
  <si>
    <t>24.195608139038086</t>
  </si>
  <si>
    <t>1142.8616943359375</t>
  </si>
  <si>
    <t>0.03665646059646299</t>
  </si>
  <si>
    <t>24.844308853149414</t>
  </si>
  <si>
    <t>772.37060546875</t>
  </si>
  <si>
    <t>-0.047103011602823486</t>
  </si>
  <si>
    <t>20435</t>
  </si>
  <si>
    <t>24.935976028442383</t>
  </si>
  <si>
    <t>1591.41748046875</t>
  </si>
  <si>
    <t>-0.02941388520629218</t>
  </si>
  <si>
    <t>20991</t>
  </si>
  <si>
    <t>24.30008888244629</t>
  </si>
  <si>
    <t>1361.30810546875</t>
  </si>
  <si>
    <t>0.026844657415628248</t>
  </si>
  <si>
    <t>21865</t>
  </si>
  <si>
    <t>24.41814613342285</t>
  </si>
  <si>
    <t>1349.091552734375</t>
  </si>
  <si>
    <t>0.04079341043301454</t>
  </si>
  <si>
    <t>24.443862915039062</t>
  </si>
  <si>
    <t>1023.9420776367188</t>
  </si>
  <si>
    <t>-0.0004117014765050442</t>
  </si>
  <si>
    <t>24.64771842956543</t>
  </si>
  <si>
    <t>898.0931396484375</t>
  </si>
  <si>
    <t>-0.05327954555881931</t>
  </si>
  <si>
    <t>24.985483169555664</t>
  </si>
  <si>
    <t>789.2828979492188</t>
  </si>
  <si>
    <t>-0.0773800073768598</t>
  </si>
  <si>
    <t>15875</t>
  </si>
  <si>
    <t>24.762367248535156</t>
  </si>
  <si>
    <t>1123.69287109375</t>
  </si>
  <si>
    <t>-0.1890703856739453</t>
  </si>
  <si>
    <t>13518</t>
  </si>
  <si>
    <t>24.489919662475586</t>
  </si>
  <si>
    <t>974.4508666992188</t>
  </si>
  <si>
    <t>-0.16072341410059288</t>
  </si>
  <si>
    <t>24.060440063476562</t>
  </si>
  <si>
    <t>1129.0589599609375</t>
  </si>
  <si>
    <t>-0.1661197407364874</t>
  </si>
  <si>
    <t>24.397626876831055</t>
  </si>
  <si>
    <t>753.2473754882812</t>
  </si>
  <si>
    <t>-0.28474581043955816</t>
  </si>
  <si>
    <t>24.444398880004883</t>
  </si>
  <si>
    <t>1086.75244140625</t>
  </si>
  <si>
    <t>-0.36056412397016935</t>
  </si>
  <si>
    <t>24.032217025756836</t>
  </si>
  <si>
    <t>1152.2530517578125</t>
  </si>
  <si>
    <t>0.01815231360718883</t>
  </si>
  <si>
    <t>23.896955490112305</t>
  </si>
  <si>
    <t>-0.14228351625557423</t>
  </si>
  <si>
    <t>13107</t>
  </si>
  <si>
    <t>25.24263572692871</t>
  </si>
  <si>
    <t>1522.9039306640625</t>
  </si>
  <si>
    <t>247.2487335205078</t>
  </si>
  <si>
    <t>Cojedes</t>
  </si>
  <si>
    <t>14062</t>
  </si>
  <si>
    <t>25.33158302307129</t>
  </si>
  <si>
    <t>1139.91943359375</t>
  </si>
  <si>
    <t>0.07032968513956206</t>
  </si>
  <si>
    <t>14589</t>
  </si>
  <si>
    <t>25.4807071685791</t>
  </si>
  <si>
    <t>1357.0791015625</t>
  </si>
  <si>
    <t>0.03679169631278789</t>
  </si>
  <si>
    <t>25.49904441833496</t>
  </si>
  <si>
    <t>1410.3922119140625</t>
  </si>
  <si>
    <t>-0.018750333115765017</t>
  </si>
  <si>
    <t>13690</t>
  </si>
  <si>
    <t>25.52417755126953</t>
  </si>
  <si>
    <t>1191.3966064453125</t>
  </si>
  <si>
    <t>-0.0448518476736357</t>
  </si>
  <si>
    <t>25.60124969482422</t>
  </si>
  <si>
    <t>1296.6163330078125</t>
  </si>
  <si>
    <t>0.01809676603201993</t>
  </si>
  <si>
    <t>25.357948303222656</t>
  </si>
  <si>
    <t>1539.0712890625</t>
  </si>
  <si>
    <t>-0.022195732391784517</t>
  </si>
  <si>
    <t>25.814550399780273</t>
  </si>
  <si>
    <t>1138.0325927734375</t>
  </si>
  <si>
    <t>0.04236400583095623</t>
  </si>
  <si>
    <t>26.038299560546875</t>
  </si>
  <si>
    <t>1482.037109375</t>
  </si>
  <si>
    <t>-0.015873349156290573</t>
  </si>
  <si>
    <t>25.215560913085938</t>
  </si>
  <si>
    <t>1637.1663818359375</t>
  </si>
  <si>
    <t>-0.08043564200497677</t>
  </si>
  <si>
    <t>25.21915626525879</t>
  </si>
  <si>
    <t>1173.3375244140625</t>
  </si>
  <si>
    <t>0.0037088591425220585</t>
  </si>
  <si>
    <t>25.977521896362305</t>
  </si>
  <si>
    <t>1126.3739013671875</t>
  </si>
  <si>
    <t>0.017431634047875733</t>
  </si>
  <si>
    <t>11837</t>
  </si>
  <si>
    <t>25.93280029296875</t>
  </si>
  <si>
    <t>1170.8636474609375</t>
  </si>
  <si>
    <t>-0.10853196182892333</t>
  </si>
  <si>
    <t>26.112165451049805</t>
  </si>
  <si>
    <t>1442.776611328125</t>
  </si>
  <si>
    <t>-0.09623144546866591</t>
  </si>
  <si>
    <t>25.644676208496094</t>
  </si>
  <si>
    <t>1743.8902587890625</t>
  </si>
  <si>
    <t>0.1526480299610693</t>
  </si>
  <si>
    <t>13608</t>
  </si>
  <si>
    <t>25.879274368286133</t>
  </si>
  <si>
    <t>1658.4708251953125</t>
  </si>
  <si>
    <t>0.08301105162940026</t>
  </si>
  <si>
    <t>25.74188804626465</t>
  </si>
  <si>
    <t>1540.819091796875</t>
  </si>
  <si>
    <t>0.07909258883721648</t>
  </si>
  <si>
    <t>25.73680305480957</t>
  </si>
  <si>
    <t>1346.274169921875</t>
  </si>
  <si>
    <t>25.554527282714844</t>
  </si>
  <si>
    <t>1390.975341796875</t>
  </si>
  <si>
    <t>0.03670707596531564</t>
  </si>
  <si>
    <t>15616</t>
  </si>
  <si>
    <t>26.166915893554688</t>
  </si>
  <si>
    <t>926.146728515625</t>
  </si>
  <si>
    <t>-0.047154361712307136</t>
  </si>
  <si>
    <t>15164</t>
  </si>
  <si>
    <t>26.284570693969727</t>
  </si>
  <si>
    <t>1909.4119873046875</t>
  </si>
  <si>
    <t>-0.029371832016648725</t>
  </si>
  <si>
    <t>25.645841598510742</t>
  </si>
  <si>
    <t>1571.805908203125</t>
  </si>
  <si>
    <t>0.026807070415809875</t>
  </si>
  <si>
    <t>25.81658363342285</t>
  </si>
  <si>
    <t>1386.5821533203125</t>
  </si>
  <si>
    <t>0.040760359338875674</t>
  </si>
  <si>
    <t>16218</t>
  </si>
  <si>
    <t>25.90117835998535</t>
  </si>
  <si>
    <t>1146.4520263671875</t>
  </si>
  <si>
    <t>-0.0003698908864073758</t>
  </si>
  <si>
    <t>26.088315963745117</t>
  </si>
  <si>
    <t>981.9724731445312</t>
  </si>
  <si>
    <t>-0.053248849988809965</t>
  </si>
  <si>
    <t>26.3862361907959</t>
  </si>
  <si>
    <t>868.2059326171875</t>
  </si>
  <si>
    <t>-0.07737993617002203</t>
  </si>
  <si>
    <t>26.193544387817383</t>
  </si>
  <si>
    <t>1220.94970703125</t>
  </si>
  <si>
    <t>-0.18908977214009326</t>
  </si>
  <si>
    <t>25.87654685974121</t>
  </si>
  <si>
    <t>1198.415283203125</t>
  </si>
  <si>
    <t>-0.16072288032209237</t>
  </si>
  <si>
    <t>8496</t>
  </si>
  <si>
    <t>25.494909286499023</t>
  </si>
  <si>
    <t>1296.0537109375</t>
  </si>
  <si>
    <t>-0.16608483340176505</t>
  </si>
  <si>
    <t>25.81952667236328</t>
  </si>
  <si>
    <t>1008.8864135742188</t>
  </si>
  <si>
    <t>-0.28486119611013905</t>
  </si>
  <si>
    <t>25.833784103393555</t>
  </si>
  <si>
    <t>1286.12060546875</t>
  </si>
  <si>
    <t>-0.3604827657644609</t>
  </si>
  <si>
    <t>25.412948608398438</t>
  </si>
  <si>
    <t>1332.0985107421875</t>
  </si>
  <si>
    <t>0.01823488373266713</t>
  </si>
  <si>
    <t>25.27353858947754</t>
  </si>
  <si>
    <t>1330.949462890625</t>
  </si>
  <si>
    <t>-0.14257550448828482</t>
  </si>
  <si>
    <t>26.908981323242188</t>
  </si>
  <si>
    <t>1592.1439208984375</t>
  </si>
  <si>
    <t>55.943660736083984</t>
  </si>
  <si>
    <t>Delta Amacuro</t>
  </si>
  <si>
    <t>26.907033920288086</t>
  </si>
  <si>
    <t>1468.0584716796875</t>
  </si>
  <si>
    <t>26.835359573364258</t>
  </si>
  <si>
    <t>1325.074462890625</t>
  </si>
  <si>
    <t>27.237031936645508</t>
  </si>
  <si>
    <t>1573.3551025390625</t>
  </si>
  <si>
    <t>26.944480895996094</t>
  </si>
  <si>
    <t>1543.2855224609375</t>
  </si>
  <si>
    <t>27.19831657409668</t>
  </si>
  <si>
    <t>1394.6961669921875</t>
  </si>
  <si>
    <t>26.788536071777344</t>
  </si>
  <si>
    <t>1609.431396484375</t>
  </si>
  <si>
    <t>26.969594955444336</t>
  </si>
  <si>
    <t>1328.4598388671875</t>
  </si>
  <si>
    <t>27.578657150268555</t>
  </si>
  <si>
    <t>1833.6558837890625</t>
  </si>
  <si>
    <t>27.182573318481445</t>
  </si>
  <si>
    <t>1825.656494140625</t>
  </si>
  <si>
    <t>26.922407150268555</t>
  </si>
  <si>
    <t>1574.0244140625</t>
  </si>
  <si>
    <t>27.378753662109375</t>
  </si>
  <si>
    <t>1201.8087158203125</t>
  </si>
  <si>
    <t>27.101713180541992</t>
  </si>
  <si>
    <t>1441.6785888671875</t>
  </si>
  <si>
    <t>27.62553596496582</t>
  </si>
  <si>
    <t>1202.96923828125</t>
  </si>
  <si>
    <t>27.17548179626465</t>
  </si>
  <si>
    <t>1604.6705322265625</t>
  </si>
  <si>
    <t>27.423154830932617</t>
  </si>
  <si>
    <t>1680.5628662109375</t>
  </si>
  <si>
    <t>27.48235511779785</t>
  </si>
  <si>
    <t>1439.803466796875</t>
  </si>
  <si>
    <t>27.147951126098633</t>
  </si>
  <si>
    <t>1474.9359130859375</t>
  </si>
  <si>
    <t>27.11906623840332</t>
  </si>
  <si>
    <t>1449.0211181640625</t>
  </si>
  <si>
    <t>27.48995018005371</t>
  </si>
  <si>
    <t>1139.6929931640625</t>
  </si>
  <si>
    <t>27.700754165649414</t>
  </si>
  <si>
    <t>1823.2989501953125</t>
  </si>
  <si>
    <t>27.27071189880371</t>
  </si>
  <si>
    <t>1645.0819091796875</t>
  </si>
  <si>
    <t>27.106489181518555</t>
  </si>
  <si>
    <t>1282.7498779296875</t>
  </si>
  <si>
    <t>27.329835891723633</t>
  </si>
  <si>
    <t>1549.883544921875</t>
  </si>
  <si>
    <t>27.418907165527344</t>
  </si>
  <si>
    <t>1153.7694091796875</t>
  </si>
  <si>
    <t>27.75530242919922</t>
  </si>
  <si>
    <t>1179.072509765625</t>
  </si>
  <si>
    <t>27.586118698120117</t>
  </si>
  <si>
    <t>1458.05078125</t>
  </si>
  <si>
    <t>27.287595748901367</t>
  </si>
  <si>
    <t>1517.6168212890625</t>
  </si>
  <si>
    <t>26.934860229492188</t>
  </si>
  <si>
    <t>1323.2818603515625</t>
  </si>
  <si>
    <t>27.241912841796875</t>
  </si>
  <si>
    <t>1330.6126708984375</t>
  </si>
  <si>
    <t>27.285200119018555</t>
  </si>
  <si>
    <t>1367.7236328125</t>
  </si>
  <si>
    <t>27.081754684448242</t>
  </si>
  <si>
    <t>1757.011474609375</t>
  </si>
  <si>
    <t>26.985471725463867</t>
  </si>
  <si>
    <t>1744.80517578125</t>
  </si>
  <si>
    <t>27.168365478515625</t>
  </si>
  <si>
    <t>682.1339111328125</t>
  </si>
  <si>
    <t>356.0894470214844</t>
  </si>
  <si>
    <t>Falcón</t>
  </si>
  <si>
    <t>27.631528854370117</t>
  </si>
  <si>
    <t>465.41546630859375</t>
  </si>
  <si>
    <t>0.07029622471364227</t>
  </si>
  <si>
    <t>27.743253707885742</t>
  </si>
  <si>
    <t>580.2736206054688</t>
  </si>
  <si>
    <t>0.03684764912271632</t>
  </si>
  <si>
    <t>27.78440284729004</t>
  </si>
  <si>
    <t>538.5286865234375</t>
  </si>
  <si>
    <t>-0.01877685467129453</t>
  </si>
  <si>
    <t>27.85333251953125</t>
  </si>
  <si>
    <t>512.0811157226562</t>
  </si>
  <si>
    <t>-0.04484696840244062</t>
  </si>
  <si>
    <t>14896</t>
  </si>
  <si>
    <t>27.986083984375</t>
  </si>
  <si>
    <t>613.1325073242188</t>
  </si>
  <si>
    <t>0.018086860538762295</t>
  </si>
  <si>
    <t>27.72035789489746</t>
  </si>
  <si>
    <t>749.688232421875</t>
  </si>
  <si>
    <t>-0.022196736862852617</t>
  </si>
  <si>
    <t>28.173948287963867</t>
  </si>
  <si>
    <t>395.3907470703125</t>
  </si>
  <si>
    <t>0.042399444180372114</t>
  </si>
  <si>
    <t>28.25904083251953</t>
  </si>
  <si>
    <t>698.4058837890625</t>
  </si>
  <si>
    <t>-0.01591545530589933</t>
  </si>
  <si>
    <t>27.5179443359375</t>
  </si>
  <si>
    <t>942.8474731445312</t>
  </si>
  <si>
    <t>-0.08042156731057482</t>
  </si>
  <si>
    <t>27.53436851501465</t>
  </si>
  <si>
    <t>547.5114135742188</t>
  </si>
  <si>
    <t>0.003687773079183998</t>
  </si>
  <si>
    <t>28.043134689331055</t>
  </si>
  <si>
    <t>541.4909057617188</t>
  </si>
  <si>
    <t>0.017386765036743412</t>
  </si>
  <si>
    <t>28.07556915283203</t>
  </si>
  <si>
    <t>440.9012451171875</t>
  </si>
  <si>
    <t>-0.10845478268628028</t>
  </si>
  <si>
    <t>11488</t>
  </si>
  <si>
    <t>28.106033325195312</t>
  </si>
  <si>
    <t>574.955810546875</t>
  </si>
  <si>
    <t>-0.09627514835953654</t>
  </si>
  <si>
    <t>13382</t>
  </si>
  <si>
    <t>27.790855407714844</t>
  </si>
  <si>
    <t>930.9669189453125</t>
  </si>
  <si>
    <t>0.1526075080547571</t>
  </si>
  <si>
    <t>27.95244789123535</t>
  </si>
  <si>
    <t>821.0733032226562</t>
  </si>
  <si>
    <t>0.08306172517072419</t>
  </si>
  <si>
    <t>15738</t>
  </si>
  <si>
    <t>27.886642456054688</t>
  </si>
  <si>
    <t>706.986083984375</t>
  </si>
  <si>
    <t>0.07910592458144272</t>
  </si>
  <si>
    <t>16862</t>
  </si>
  <si>
    <t>27.84833526611328</t>
  </si>
  <si>
    <t>651.0765991210938</t>
  </si>
  <si>
    <t>0.06898439938769307</t>
  </si>
  <si>
    <t>27.610776901245117</t>
  </si>
  <si>
    <t>843.3982543945312</t>
  </si>
  <si>
    <t>0.036681064050188894</t>
  </si>
  <si>
    <t>28.112150192260742</t>
  </si>
  <si>
    <t>434.88720703125</t>
  </si>
  <si>
    <t>-0.04711366038590725</t>
  </si>
  <si>
    <t>16204</t>
  </si>
  <si>
    <t>28.215848922729492</t>
  </si>
  <si>
    <t>1040.9736328125</t>
  </si>
  <si>
    <t>-0.029371847824322117</t>
  </si>
  <si>
    <t>27.66729736328125</t>
  </si>
  <si>
    <t>848.4756469726562</t>
  </si>
  <si>
    <t>0.02679166578024983</t>
  </si>
  <si>
    <t>17337</t>
  </si>
  <si>
    <t>28.12995147705078</t>
  </si>
  <si>
    <t>549.0546875</t>
  </si>
  <si>
    <t>0.04079315488305646</t>
  </si>
  <si>
    <t>17330</t>
  </si>
  <si>
    <t>28.236557006835938</t>
  </si>
  <si>
    <t>493.46685791015625</t>
  </si>
  <si>
    <t>-0.0004038422762366878</t>
  </si>
  <si>
    <t>28.35495948791504</t>
  </si>
  <si>
    <t>411.2171630859375</t>
  </si>
  <si>
    <t>-0.053269309257819586</t>
  </si>
  <si>
    <t>15208</t>
  </si>
  <si>
    <t>28.618391036987305</t>
  </si>
  <si>
    <t>403.34393310546875</t>
  </si>
  <si>
    <t>-0.07734818928356546</t>
  </si>
  <si>
    <t>28.541196823120117</t>
  </si>
  <si>
    <t>653.7180786132812</t>
  </si>
  <si>
    <t>-0.18907762598396793</t>
  </si>
  <si>
    <t>28.173891067504883</t>
  </si>
  <si>
    <t>496.3653564453125</t>
  </si>
  <si>
    <t>-0.16072611149277805</t>
  </si>
  <si>
    <t>27.767850875854492</t>
  </si>
  <si>
    <t>598.28369140625</t>
  </si>
  <si>
    <t>-0.16616396367510866</t>
  </si>
  <si>
    <t>28.187421798706055</t>
  </si>
  <si>
    <t>346.69891357421875</t>
  </si>
  <si>
    <t>-0.2846756540553219</t>
  </si>
  <si>
    <t>28.1191349029541</t>
  </si>
  <si>
    <t>560.4693603515625</t>
  </si>
  <si>
    <t>-0.36051050191428047</t>
  </si>
  <si>
    <t>27.76722526550293</t>
  </si>
  <si>
    <t>605.3973999023438</t>
  </si>
  <si>
    <t>0.018104750058544283</t>
  </si>
  <si>
    <t>4205</t>
  </si>
  <si>
    <t>27.6071720123291</t>
  </si>
  <si>
    <t>608.246826171875</t>
  </si>
  <si>
    <t>-0.14249820469830432</t>
  </si>
  <si>
    <t>12637</t>
  </si>
  <si>
    <t>26.96222496032715</t>
  </si>
  <si>
    <t>1486.0787353515625</t>
  </si>
  <si>
    <t>210.54205322265625</t>
  </si>
  <si>
    <t>Guárico</t>
  </si>
  <si>
    <t>27.11545753479004</t>
  </si>
  <si>
    <t>1151.064697265625</t>
  </si>
  <si>
    <t>0.0703477602322291</t>
  </si>
  <si>
    <t>27.11478614807129</t>
  </si>
  <si>
    <t>1346.4378662109375</t>
  </si>
  <si>
    <t>0.03685484976678488</t>
  </si>
  <si>
    <t>27.1030330657959</t>
  </si>
  <si>
    <t>1358.228271484375</t>
  </si>
  <si>
    <t>-0.018800783393439602</t>
  </si>
  <si>
    <t>27.21416664123535</t>
  </si>
  <si>
    <t>1242.6724853515625</t>
  </si>
  <si>
    <t>-0.044889776235301326</t>
  </si>
  <si>
    <t>27.367156982421875</t>
  </si>
  <si>
    <t>1292.7103271484375</t>
  </si>
  <si>
    <t>0.018168667942193295</t>
  </si>
  <si>
    <t>27.15897560119629</t>
  </si>
  <si>
    <t>1517.3592529296875</t>
  </si>
  <si>
    <t>-0.022268278907166206</t>
  </si>
  <si>
    <t>27.53664207458496</t>
  </si>
  <si>
    <t>1088.472412109375</t>
  </si>
  <si>
    <t>0.042375750680328395</t>
  </si>
  <si>
    <t>27.84019660949707</t>
  </si>
  <si>
    <t>1484.473876953125</t>
  </si>
  <si>
    <t>-0.01587568254095828</t>
  </si>
  <si>
    <t>26.863954544067383</t>
  </si>
  <si>
    <t>1501.9329833984375</t>
  </si>
  <si>
    <t>-0.08041937760707007</t>
  </si>
  <si>
    <t>26.850852966308594</t>
  </si>
  <si>
    <t>1127.613037109375</t>
  </si>
  <si>
    <t>0.0036864923942818706</t>
  </si>
  <si>
    <t>27.566091537475586</t>
  </si>
  <si>
    <t>1064.29345703125</t>
  </si>
  <si>
    <t>0.017445530065646864</t>
  </si>
  <si>
    <t>27.674177169799805</t>
  </si>
  <si>
    <t>1110.8553466796875</t>
  </si>
  <si>
    <t>-0.10850111460261047</t>
  </si>
  <si>
    <t>27.71598243713379</t>
  </si>
  <si>
    <t>1400.754150390625</t>
  </si>
  <si>
    <t>-0.09622183680394691</t>
  </si>
  <si>
    <t>27.311805725097656</t>
  </si>
  <si>
    <t>1577.6387939453125</t>
  </si>
  <si>
    <t>0.15260597977112056</t>
  </si>
  <si>
    <t>27.56285285949707</t>
  </si>
  <si>
    <t>1628.1202392578125</t>
  </si>
  <si>
    <t>0.08307680058494249</t>
  </si>
  <si>
    <t>14200</t>
  </si>
  <si>
    <t>27.48278045654297</t>
  </si>
  <si>
    <t>1426.805419921875</t>
  </si>
  <si>
    <t>0.07902796448363603</t>
  </si>
  <si>
    <t>27.409385681152344</t>
  </si>
  <si>
    <t>1360.88671875</t>
  </si>
  <si>
    <t>0.06903981874171983</t>
  </si>
  <si>
    <t>27.265989303588867</t>
  </si>
  <si>
    <t>1300.6829833984375</t>
  </si>
  <si>
    <t>0.03665162806784572</t>
  </si>
  <si>
    <t>15057</t>
  </si>
  <si>
    <t>27.89388084411621</t>
  </si>
  <si>
    <t>855.4005737304688</t>
  </si>
  <si>
    <t>-0.04709041207587461</t>
  </si>
  <si>
    <t>27.989362716674805</t>
  </si>
  <si>
    <t>1731.7734375</t>
  </si>
  <si>
    <t>-0.029384147905604507</t>
  </si>
  <si>
    <t>15018</t>
  </si>
  <si>
    <t>27.487619400024414</t>
  </si>
  <si>
    <t>1453.943603515625</t>
  </si>
  <si>
    <t>0.0267906302423917</t>
  </si>
  <si>
    <t>27.52276611328125</t>
  </si>
  <si>
    <t>1370.8687744140625</t>
  </si>
  <si>
    <t>0.040774050901941195</t>
  </si>
  <si>
    <t>27.534929275512695</t>
  </si>
  <si>
    <t>1060.418701171875</t>
  </si>
  <si>
    <t>-0.00038363171826105713</t>
  </si>
  <si>
    <t>27.62127685546875</t>
  </si>
  <si>
    <t>1039.7249755859375</t>
  </si>
  <si>
    <t>-0.05325750462684553</t>
  </si>
  <si>
    <t>13722</t>
  </si>
  <si>
    <t>27.963232040405273</t>
  </si>
  <si>
    <t>908.4323120117188</t>
  </si>
  <si>
    <t>-0.0773820119658275</t>
  </si>
  <si>
    <t>27.88075065612793</t>
  </si>
  <si>
    <t>1267.463134765625</t>
  </si>
  <si>
    <t>-0.18907804281345975</t>
  </si>
  <si>
    <t>27.611772537231445</t>
  </si>
  <si>
    <t>1211.5267333984375</t>
  </si>
  <si>
    <t>-0.1606872281427485</t>
  </si>
  <si>
    <t>27.171327590942383</t>
  </si>
  <si>
    <t>1326.30078125</t>
  </si>
  <si>
    <t>-0.1661991227790267</t>
  </si>
  <si>
    <t>27.511507034301758</t>
  </si>
  <si>
    <t>1274.4119873046875</t>
  </si>
  <si>
    <t>-0.284796888501031</t>
  </si>
  <si>
    <t>27.52576446533203</t>
  </si>
  <si>
    <t>1291.2530517578125</t>
  </si>
  <si>
    <t>-0.36032199723957525</t>
  </si>
  <si>
    <t>27.20366096496582</t>
  </si>
  <si>
    <t>1304.417724609375</t>
  </si>
  <si>
    <t>0.01798941501671969</t>
  </si>
  <si>
    <t>27.09387969970703</t>
  </si>
  <si>
    <t>1305.4063720703125</t>
  </si>
  <si>
    <t>-0.14248564829675558</t>
  </si>
  <si>
    <t>24.2905216217041</t>
  </si>
  <si>
    <t>1082.319580078125</t>
  </si>
  <si>
    <t>397.81146240234375</t>
  </si>
  <si>
    <t>Lara</t>
  </si>
  <si>
    <t>24.566755294799805</t>
  </si>
  <si>
    <t>787.52099609375</t>
  </si>
  <si>
    <t>0.07033324322656931</t>
  </si>
  <si>
    <t>24.611358642578125</t>
  </si>
  <si>
    <t>933.5971069335938</t>
  </si>
  <si>
    <t>0.03681905030863675</t>
  </si>
  <si>
    <t>14497</t>
  </si>
  <si>
    <t>24.636398315429688</t>
  </si>
  <si>
    <t>1093.013427734375</t>
  </si>
  <si>
    <t>-0.01879176552155748</t>
  </si>
  <si>
    <t>24.70066261291504</t>
  </si>
  <si>
    <t>889.5953979492188</t>
  </si>
  <si>
    <t>-0.04486259023754435</t>
  </si>
  <si>
    <t>14114</t>
  </si>
  <si>
    <t>24.832712173461914</t>
  </si>
  <si>
    <t>1063.3497314453125</t>
  </si>
  <si>
    <t>0.01808807134742274</t>
  </si>
  <si>
    <t>24.621437072753906</t>
  </si>
  <si>
    <t>1199.7596435546875</t>
  </si>
  <si>
    <t>-0.022208807342881443</t>
  </si>
  <si>
    <t>14402</t>
  </si>
  <si>
    <t>25.049272537231445</t>
  </si>
  <si>
    <t>836.2460327148438</t>
  </si>
  <si>
    <t>0.042408680590918735</t>
  </si>
  <si>
    <t>14175</t>
  </si>
  <si>
    <t>25.095199584960938</t>
  </si>
  <si>
    <t>1148.8515625</t>
  </si>
  <si>
    <t>-0.015887236212860145</t>
  </si>
  <si>
    <t>13079</t>
  </si>
  <si>
    <t>24.503427505493164</t>
  </si>
  <si>
    <t>1328.0469970703125</t>
  </si>
  <si>
    <t>-0.08047195910680038</t>
  </si>
  <si>
    <t>24.514245986938477</t>
  </si>
  <si>
    <t>898.5546875</t>
  </si>
  <si>
    <t>0.0037394632807750128</t>
  </si>
  <si>
    <t>24.9612979888916</t>
  </si>
  <si>
    <t>886.8792724609375</t>
  </si>
  <si>
    <t>0.017368102515654016</t>
  </si>
  <si>
    <t>11985</t>
  </si>
  <si>
    <t>24.893898010253906</t>
  </si>
  <si>
    <t>858.2269287109375</t>
  </si>
  <si>
    <t>-0.10845958841709624</t>
  </si>
  <si>
    <t>24.92304039001465</t>
  </si>
  <si>
    <t>1021.0975341796875</t>
  </si>
  <si>
    <t>-0.09627017319983722</t>
  </si>
  <si>
    <t>24.698575973510742</t>
  </si>
  <si>
    <t>1382.2015380859375</t>
  </si>
  <si>
    <t>0.15264025432256823</t>
  </si>
  <si>
    <t>24.89916229248047</t>
  </si>
  <si>
    <t>1280.9461669921875</t>
  </si>
  <si>
    <t>0.08304716816192581</t>
  </si>
  <si>
    <t>14912</t>
  </si>
  <si>
    <t>24.74527931213379</t>
  </si>
  <si>
    <t>1286.1566162109375</t>
  </si>
  <si>
    <t>0.07909314077222973</t>
  </si>
  <si>
    <t>24.761192321777344</t>
  </si>
  <si>
    <t>995.29345703125</t>
  </si>
  <si>
    <t>0.06898393010219905</t>
  </si>
  <si>
    <t>24.522613525390625</t>
  </si>
  <si>
    <t>1155.271484375</t>
  </si>
  <si>
    <t>0.03668501438141725</t>
  </si>
  <si>
    <t>15811</t>
  </si>
  <si>
    <t>25.075796127319336</t>
  </si>
  <si>
    <t>718.479248046875</t>
  </si>
  <si>
    <t>-0.04712930209884192</t>
  </si>
  <si>
    <t>15353</t>
  </si>
  <si>
    <t>25.2364501953125</t>
  </si>
  <si>
    <t>1562.1033935546875</t>
  </si>
  <si>
    <t>-0.02939500565124753</t>
  </si>
  <si>
    <t>1366.7789306640625</t>
  </si>
  <si>
    <t>0.026861915828659377</t>
  </si>
  <si>
    <t>16427</t>
  </si>
  <si>
    <t>24.889448165893555</t>
  </si>
  <si>
    <t>1018.9346923828125</t>
  </si>
  <si>
    <t>0.04075351205364264</t>
  </si>
  <si>
    <t>25.083099365234375</t>
  </si>
  <si>
    <t>855.118408203125</t>
  </si>
  <si>
    <t>-0.0004262185347805314</t>
  </si>
  <si>
    <t>25.24036407470703</t>
  </si>
  <si>
    <t>711.5319213867188</t>
  </si>
  <si>
    <t>-0.05321834631674527</t>
  </si>
  <si>
    <t>14410</t>
  </si>
  <si>
    <t>25.491525650024414</t>
  </si>
  <si>
    <t>645.3251953125</t>
  </si>
  <si>
    <t>-0.07735934769610608</t>
  </si>
  <si>
    <t>25.4757022857666</t>
  </si>
  <si>
    <t>1005.376220703125</t>
  </si>
  <si>
    <t>-0.18911767241490018</t>
  </si>
  <si>
    <t>25.105024337768555</t>
  </si>
  <si>
    <t>871.7428588867188</t>
  </si>
  <si>
    <t>-0.16074007375410027</t>
  </si>
  <si>
    <t>24.719690322875977</t>
  </si>
  <si>
    <t>965.3181762695312</t>
  </si>
  <si>
    <t>-0.16606992948088717</t>
  </si>
  <si>
    <t>25.1334228515625</t>
  </si>
  <si>
    <t>628.0466918945312</t>
  </si>
  <si>
    <t>-0.2848186258487342</t>
  </si>
  <si>
    <t>25.056596755981445</t>
  </si>
  <si>
    <t>917.2699584960938</t>
  </si>
  <si>
    <t>-0.3604355943170514</t>
  </si>
  <si>
    <t>24.6796875</t>
  </si>
  <si>
    <t>958.214599609375</t>
  </si>
  <si>
    <t>0.018010590071147803</t>
  </si>
  <si>
    <t>3985</t>
  </si>
  <si>
    <t>24.487632751464844</t>
  </si>
  <si>
    <t>976.3269653320312</t>
  </si>
  <si>
    <t>-0.1422137920247284</t>
  </si>
  <si>
    <t>19489</t>
  </si>
  <si>
    <t>24.172239303588867</t>
  </si>
  <si>
    <t>1377.018310546875</t>
  </si>
  <si>
    <t>808.6902465820312</t>
  </si>
  <si>
    <t>Miranda</t>
  </si>
  <si>
    <t>24.301725387573242</t>
  </si>
  <si>
    <t>998.7078857421875</t>
  </si>
  <si>
    <t>0.0703294844493989</t>
  </si>
  <si>
    <t>21693</t>
  </si>
  <si>
    <t>24.287696838378906</t>
  </si>
  <si>
    <t>1136.477783203125</t>
  </si>
  <si>
    <t>0.03680993957163814</t>
  </si>
  <si>
    <t>21290</t>
  </si>
  <si>
    <t>24.43622589111328</t>
  </si>
  <si>
    <t>1145.316650390625</t>
  </si>
  <si>
    <t>-0.018752148955536896</t>
  </si>
  <si>
    <t>20356</t>
  </si>
  <si>
    <t>24.447059631347656</t>
  </si>
  <si>
    <t>1023.1455078125</t>
  </si>
  <si>
    <t>-0.04486177017880166</t>
  </si>
  <si>
    <t>24.579465866088867</t>
  </si>
  <si>
    <t>1171.1224365234375</t>
  </si>
  <si>
    <t>0.01810973453322262</t>
  </si>
  <si>
    <t>24.329221725463867</t>
  </si>
  <si>
    <t>1367.52001953125</t>
  </si>
  <si>
    <t>-0.022244819681025874</t>
  </si>
  <si>
    <t>24.726316452026367</t>
  </si>
  <si>
    <t>913.2432861328125</t>
  </si>
  <si>
    <t>0.04239928191350373</t>
  </si>
  <si>
    <t>25.01001739501953</t>
  </si>
  <si>
    <t>1296.8902587890625</t>
  </si>
  <si>
    <t>-0.015869944906764744</t>
  </si>
  <si>
    <t>24.008752822875977</t>
  </si>
  <si>
    <t>1539.106201171875</t>
  </si>
  <si>
    <t>-0.0804431016665692</t>
  </si>
  <si>
    <t>24.0428524017334</t>
  </si>
  <si>
    <t>921.1484375</t>
  </si>
  <si>
    <t>0.0036895616983780855</t>
  </si>
  <si>
    <t>24.836050033569336</t>
  </si>
  <si>
    <t>939.6315307617188</t>
  </si>
  <si>
    <t>0.017431091524793274</t>
  </si>
  <si>
    <t>24.875520706176758</t>
  </si>
  <si>
    <t>926.1424560546875</t>
  </si>
  <si>
    <t>-0.10849179353029115</t>
  </si>
  <si>
    <t>24.921262741088867</t>
  </si>
  <si>
    <t>1177.046630859375</t>
  </si>
  <si>
    <t>-0.09624237940800562</t>
  </si>
  <si>
    <t>18622</t>
  </si>
  <si>
    <t>24.555038452148438</t>
  </si>
  <si>
    <t>1507.196044921875</t>
  </si>
  <si>
    <t>0.15263033826250982</t>
  </si>
  <si>
    <t>24.76811981201172</t>
  </si>
  <si>
    <t>1554.2818603515625</t>
  </si>
  <si>
    <t>0.08302068031736098</t>
  </si>
  <si>
    <t>21899</t>
  </si>
  <si>
    <t>24.677236557006836</t>
  </si>
  <si>
    <t>1244.4168701171875</t>
  </si>
  <si>
    <t>0.07907661589575454</t>
  </si>
  <si>
    <t>24.626970291137695</t>
  </si>
  <si>
    <t>1201.5289306640625</t>
  </si>
  <si>
    <t>0.06902635799569623</t>
  </si>
  <si>
    <t>24.471153259277344</t>
  </si>
  <si>
    <t>1128.8739013671875</t>
  </si>
  <si>
    <t>0.03669483967462739</t>
  </si>
  <si>
    <t>25.0649356842041</t>
  </si>
  <si>
    <t>687.685302734375</t>
  </si>
  <si>
    <t>-0.04714819508003032</t>
  </si>
  <si>
    <t>22547</t>
  </si>
  <si>
    <t>25.307401657104492</t>
  </si>
  <si>
    <t>1756.1373291015625</t>
  </si>
  <si>
    <t>-0.02941195686537057</t>
  </si>
  <si>
    <t>24.67827796936035</t>
  </si>
  <si>
    <t>1350.260498046875</t>
  </si>
  <si>
    <t>0.02682463330041962</t>
  </si>
  <si>
    <t>24.719987869262695</t>
  </si>
  <si>
    <t>1181.43505859375</t>
  </si>
  <si>
    <t>0.040780542883945614</t>
  </si>
  <si>
    <t>24.627580642700195</t>
  </si>
  <si>
    <t>979.8931884765625</t>
  </si>
  <si>
    <t>-0.00037314206780614256</t>
  </si>
  <si>
    <t>24.69322395324707</t>
  </si>
  <si>
    <t>856.7041015625</t>
  </si>
  <si>
    <t>-0.053270432333423656</t>
  </si>
  <si>
    <t>25.00084114074707</t>
  </si>
  <si>
    <t>747.9631958007812</t>
  </si>
  <si>
    <t>-0.07735650070554101</t>
  </si>
  <si>
    <t>25.02742576599121</t>
  </si>
  <si>
    <t>1152.0299072265625</t>
  </si>
  <si>
    <t>-0.18909237154281833</t>
  </si>
  <si>
    <t>24.7385196685791</t>
  </si>
  <si>
    <t>1017.48583984375</t>
  </si>
  <si>
    <t>-0.16074733097243943</t>
  </si>
  <si>
    <t>24.29656219482422</t>
  </si>
  <si>
    <t>1141.492431640625</t>
  </si>
  <si>
    <t>-0.1661341410133712</t>
  </si>
  <si>
    <t>24.679365158081055</t>
  </si>
  <si>
    <t>984.0681762695312</t>
  </si>
  <si>
    <t>-0.28473097418861215</t>
  </si>
  <si>
    <t>24.721033096313477</t>
  </si>
  <si>
    <t>1137.122314453125</t>
  </si>
  <si>
    <t>-0.3605009988870247</t>
  </si>
  <si>
    <t>24.443239212036133</t>
  </si>
  <si>
    <t>1152.945556640625</t>
  </si>
  <si>
    <t>0.01809665776758429</t>
  </si>
  <si>
    <t>24.30222511291504</t>
  </si>
  <si>
    <t>-0.1423144784874104</t>
  </si>
  <si>
    <t>26.891633987426758</t>
  </si>
  <si>
    <t>1332.7723388671875</t>
  </si>
  <si>
    <t>165.67111206054688</t>
  </si>
  <si>
    <t>Monagas</t>
  </si>
  <si>
    <t>14920</t>
  </si>
  <si>
    <t>26.96436882019043</t>
  </si>
  <si>
    <t>1121.3255615234375</t>
  </si>
  <si>
    <t>0.07031028427914165</t>
  </si>
  <si>
    <t>27.115516662597656</t>
  </si>
  <si>
    <t>1107.2352294921875</t>
  </si>
  <si>
    <t>0.036846273385965134</t>
  </si>
  <si>
    <t>27.39270782470703</t>
  </si>
  <si>
    <t>1216.6434326171875</t>
  </si>
  <si>
    <t>-0.018779894651595797</t>
  </si>
  <si>
    <t>27.108064651489258</t>
  </si>
  <si>
    <t>1207.439697265625</t>
  </si>
  <si>
    <t>-0.044897670772009235</t>
  </si>
  <si>
    <t>27.269393920898438</t>
  </si>
  <si>
    <t>1147.0819091796875</t>
  </si>
  <si>
    <t>0.01814758495125801</t>
  </si>
  <si>
    <t>26.908998489379883</t>
  </si>
  <si>
    <t>1241.023193359375</t>
  </si>
  <si>
    <t>-0.022217819262143834</t>
  </si>
  <si>
    <t>27.135330200195312</t>
  </si>
  <si>
    <t>1041.0177001953125</t>
  </si>
  <si>
    <t>0.042363733674974924</t>
  </si>
  <si>
    <t>27.695091247558594</t>
  </si>
  <si>
    <t>1406.346923828125</t>
  </si>
  <si>
    <t>-0.015895612854960106</t>
  </si>
  <si>
    <t>27.205026626586914</t>
  </si>
  <si>
    <t>1554.932861328125</t>
  </si>
  <si>
    <t>-0.08036253799786053</t>
  </si>
  <si>
    <t>27.033945083618164</t>
  </si>
  <si>
    <t>1171.864990234375</t>
  </si>
  <si>
    <t>0.003641134229614096</t>
  </si>
  <si>
    <t>27.66009521484375</t>
  </si>
  <si>
    <t>912.069091796875</t>
  </si>
  <si>
    <t>0.017438113013829692</t>
  </si>
  <si>
    <t>27.5175838470459</t>
  </si>
  <si>
    <t>1022.7880859375</t>
  </si>
  <si>
    <t>-0.10846873745263608</t>
  </si>
  <si>
    <t>27.79918098449707</t>
  </si>
  <si>
    <t>988.9910888671875</t>
  </si>
  <si>
    <t>-0.09628995899429071</t>
  </si>
  <si>
    <t>27.390647888183594</t>
  </si>
  <si>
    <t>1357.468505859375</t>
  </si>
  <si>
    <t>0.15263417026523207</t>
  </si>
  <si>
    <t>27.72711944580078</t>
  </si>
  <si>
    <t>1426.4405517578125</t>
  </si>
  <si>
    <t>0.08307150667808827</t>
  </si>
  <si>
    <t>27.65056800842285</t>
  </si>
  <si>
    <t>1161.5111083984375</t>
  </si>
  <si>
    <t>0.07906730844208276</t>
  </si>
  <si>
    <t>16743</t>
  </si>
  <si>
    <t>27.45985221862793</t>
  </si>
  <si>
    <t>1145.6090087890625</t>
  </si>
  <si>
    <t>0.06898007304324238</t>
  </si>
  <si>
    <t>27.243799209594727</t>
  </si>
  <si>
    <t>1032.7567138671875</t>
  </si>
  <si>
    <t>0.03670674759746895</t>
  </si>
  <si>
    <t>27.712892532348633</t>
  </si>
  <si>
    <t>793.0657958984375</t>
  </si>
  <si>
    <t>-0.04709317663340329</t>
  </si>
  <si>
    <t>27.78382682800293</t>
  </si>
  <si>
    <t>1416.8895263671875</t>
  </si>
  <si>
    <t>-0.029395870434180793</t>
  </si>
  <si>
    <t>16527</t>
  </si>
  <si>
    <t>27.512720108032227</t>
  </si>
  <si>
    <t>1311.36865234375</t>
  </si>
  <si>
    <t>0.026797446154397164</t>
  </si>
  <si>
    <t>27.46537208557129</t>
  </si>
  <si>
    <t>1030.475341796875</t>
  </si>
  <si>
    <t>0.040785689631798405</t>
  </si>
  <si>
    <t>27.746976852416992</t>
  </si>
  <si>
    <t>1257.8585205078125</t>
  </si>
  <si>
    <t>-0.000406704825058668</t>
  </si>
  <si>
    <t>16315</t>
  </si>
  <si>
    <t>27.751075744628906</t>
  </si>
  <si>
    <t>984.810791015625</t>
  </si>
  <si>
    <t>-0.053289461920144277</t>
  </si>
  <si>
    <t>27.94813346862793</t>
  </si>
  <si>
    <t>877.1480712890625</t>
  </si>
  <si>
    <t>-0.07732396325163116</t>
  </si>
  <si>
    <t>27.69609832763672</t>
  </si>
  <si>
    <t>1186.62109375</t>
  </si>
  <si>
    <t>-0.1891123256855689</t>
  </si>
  <si>
    <t>27.371122360229492</t>
  </si>
  <si>
    <t>1226.6912841796875</t>
  </si>
  <si>
    <t>-0.16074624204917676</t>
  </si>
  <si>
    <t>9014</t>
  </si>
  <si>
    <t>26.99259376525879</t>
  </si>
  <si>
    <t>1073.9140625</t>
  </si>
  <si>
    <t>-0.1661234747904512</t>
  </si>
  <si>
    <t>27.26325035095215</t>
  </si>
  <si>
    <t>1031.9564208984375</t>
  </si>
  <si>
    <t>-0.28480182231615103</t>
  </si>
  <si>
    <t>27.299097061157227</t>
  </si>
  <si>
    <t>1094.007080078125</t>
  </si>
  <si>
    <t>-0.36047482184850743</t>
  </si>
  <si>
    <t>27.15101432800293</t>
  </si>
  <si>
    <t>1379.386474609375</t>
  </si>
  <si>
    <t>0.018233765146291603</t>
  </si>
  <si>
    <t>1408.6527099609375</t>
  </si>
  <si>
    <t>-0.14238219466975188</t>
  </si>
  <si>
    <t>17.610361099243164</t>
  </si>
  <si>
    <t>987.5730590820312</t>
  </si>
  <si>
    <t>187.11093139648438</t>
  </si>
  <si>
    <t>Mérida</t>
  </si>
  <si>
    <t>17.34309959411621</t>
  </si>
  <si>
    <t>608.3054809570312</t>
  </si>
  <si>
    <t>0.07035612533008262</t>
  </si>
  <si>
    <t>17.287715911865234</t>
  </si>
  <si>
    <t>780.3091430664062</t>
  </si>
  <si>
    <t>0.03683499941609725</t>
  </si>
  <si>
    <t>17.014833450317383</t>
  </si>
  <si>
    <t>843.6005859375</t>
  </si>
  <si>
    <t>-0.018798685901593615</t>
  </si>
  <si>
    <t>17.29200553894043</t>
  </si>
  <si>
    <t>844.1614990234375</t>
  </si>
  <si>
    <t>-0.04488313954672485</t>
  </si>
  <si>
    <t>15905</t>
  </si>
  <si>
    <t>17.38666343688965</t>
  </si>
  <si>
    <t>933.5293579101562</t>
  </si>
  <si>
    <t>0.018145403325522835</t>
  </si>
  <si>
    <t>17.39926528930664</t>
  </si>
  <si>
    <t>1007.1848754882812</t>
  </si>
  <si>
    <t>-0.022251394851506845</t>
  </si>
  <si>
    <t>17.95514678955078</t>
  </si>
  <si>
    <t>604.7813720703125</t>
  </si>
  <si>
    <t>0.04241763498414386</t>
  </si>
  <si>
    <t>17.881425857543945</t>
  </si>
  <si>
    <t>982.7161865234375</t>
  </si>
  <si>
    <t>-0.015899968525925345</t>
  </si>
  <si>
    <t>14739</t>
  </si>
  <si>
    <t>17.0917911529541</t>
  </si>
  <si>
    <t>1137.4549560546875</t>
  </si>
  <si>
    <t>-0.08040275495319804</t>
  </si>
  <si>
    <t>17.152742385864258</t>
  </si>
  <si>
    <t>843.4910888671875</t>
  </si>
  <si>
    <t>0.003657054055477005</t>
  </si>
  <si>
    <t>17.760766983032227</t>
  </si>
  <si>
    <t>728.5859985351562</t>
  </si>
  <si>
    <t>0.01742321096826771</t>
  </si>
  <si>
    <t>18.012231826782227</t>
  </si>
  <si>
    <t>845.9766235351562</t>
  </si>
  <si>
    <t>-0.10844327572571544</t>
  </si>
  <si>
    <t>17.927255630493164</t>
  </si>
  <si>
    <t>963.1226806640625</t>
  </si>
  <si>
    <t>-0.09630282394885903</t>
  </si>
  <si>
    <t>17.55877113342285</t>
  </si>
  <si>
    <t>1301.2603759765625</t>
  </si>
  <si>
    <t>0.1526588032830407</t>
  </si>
  <si>
    <t>17.74923324584961</t>
  </si>
  <si>
    <t>1243.2449951171875</t>
  </si>
  <si>
    <t>0.08302602749665589</t>
  </si>
  <si>
    <t>17.58429718017578</t>
  </si>
  <si>
    <t>1077.510986328125</t>
  </si>
  <si>
    <t>0.07904140391231707</t>
  </si>
  <si>
    <t>17.57776641845703</t>
  </si>
  <si>
    <t>879.0921630859375</t>
  </si>
  <si>
    <t>0.06903651353488094</t>
  </si>
  <si>
    <t>17.599323272705078</t>
  </si>
  <si>
    <t>1121.636962890625</t>
  </si>
  <si>
    <t>0.036698864900783335</t>
  </si>
  <si>
    <t>17817</t>
  </si>
  <si>
    <t>18.208938598632812</t>
  </si>
  <si>
    <t>804.6934204101562</t>
  </si>
  <si>
    <t>-0.04713976262963726</t>
  </si>
  <si>
    <t>17301</t>
  </si>
  <si>
    <t>18.075956344604492</t>
  </si>
  <si>
    <t>1416.4769287109375</t>
  </si>
  <si>
    <t>-0.02938875440044697</t>
  </si>
  <si>
    <t>17771</t>
  </si>
  <si>
    <t>17.572084426879883</t>
  </si>
  <si>
    <t>1382.16064453125</t>
  </si>
  <si>
    <t>0.02680361190196301</t>
  </si>
  <si>
    <t>18511</t>
  </si>
  <si>
    <t>17.932964324951172</t>
  </si>
  <si>
    <t>956.4055786132812</t>
  </si>
  <si>
    <t>0.04079723477419961</t>
  </si>
  <si>
    <t>18.056482315063477</t>
  </si>
  <si>
    <t>773.221435546875</t>
  </si>
  <si>
    <t>-0.00037822504840967497</t>
  </si>
  <si>
    <t>18.1709041595459</t>
  </si>
  <si>
    <t>605.1614990234375</t>
  </si>
  <si>
    <t>-0.053274913813551095</t>
  </si>
  <si>
    <t>16238</t>
  </si>
  <si>
    <t>18.53338623046875</t>
  </si>
  <si>
    <t>641.0255737304688</t>
  </si>
  <si>
    <t>-0.07735783667533269</t>
  </si>
  <si>
    <t>18.313806533813477</t>
  </si>
  <si>
    <t>763.7877197265625</t>
  </si>
  <si>
    <t>-0.1890444373512441</t>
  </si>
  <si>
    <t>17.77246856689453</t>
  </si>
  <si>
    <t>834.3661499023438</t>
  </si>
  <si>
    <t>-0.1607567836844801</t>
  </si>
  <si>
    <t>17.434240341186523</t>
  </si>
  <si>
    <t>764.2314453125</t>
  </si>
  <si>
    <t>-0.1661489778940588</t>
  </si>
  <si>
    <t>17.842126846313477</t>
  </si>
  <si>
    <t>694.8060913085938</t>
  </si>
  <si>
    <t>-0.28476326468617863</t>
  </si>
  <si>
    <t>5084</t>
  </si>
  <si>
    <t>17.74700355529785</t>
  </si>
  <si>
    <t>566.546630859375</t>
  </si>
  <si>
    <t>-0.36054235749708496</t>
  </si>
  <si>
    <t>17.468090057373047</t>
  </si>
  <si>
    <t>104.6813735961914</t>
  </si>
  <si>
    <t>0.018127384592556695</t>
  </si>
  <si>
    <t>17.159421920776367</t>
  </si>
  <si>
    <t>406.1722412109375</t>
  </si>
  <si>
    <t>-0.14237303616560126</t>
  </si>
  <si>
    <t>26.090181350708008</t>
  </si>
  <si>
    <t>1582.3734130859375</t>
  </si>
  <si>
    <t>295.4631042480469</t>
  </si>
  <si>
    <t>Portuguesa</t>
  </si>
  <si>
    <t>26.009628295898438</t>
  </si>
  <si>
    <t>1211.17626953125</t>
  </si>
  <si>
    <t>0.07034115440479916</t>
  </si>
  <si>
    <t>25.989526748657227</t>
  </si>
  <si>
    <t>1458.058349609375</t>
  </si>
  <si>
    <t>0.03679304032745456</t>
  </si>
  <si>
    <t>25.71063232421875</t>
  </si>
  <si>
    <t>1645.5865478515625</t>
  </si>
  <si>
    <t>-0.018755329014576105</t>
  </si>
  <si>
    <t>25.865793228149414</t>
  </si>
  <si>
    <t>1369.16064453125</t>
  </si>
  <si>
    <t>-0.044869202708406775</t>
  </si>
  <si>
    <t>11982</t>
  </si>
  <si>
    <t>26.045377731323242</t>
  </si>
  <si>
    <t>1671.7066650390625</t>
  </si>
  <si>
    <t>0.0181065201799413</t>
  </si>
  <si>
    <t>26.076736450195312</t>
  </si>
  <si>
    <t>1804.85693359375</t>
  </si>
  <si>
    <t>-0.022194067385267857</t>
  </si>
  <si>
    <t>26.529253005981445</t>
  </si>
  <si>
    <t>1296.08447265625</t>
  </si>
  <si>
    <t>0.04235337533006778</t>
  </si>
  <si>
    <t>26.5296688079834</t>
  </si>
  <si>
    <t>1764.154052734375</t>
  </si>
  <si>
    <t>-0.015911956150507223</t>
  </si>
  <si>
    <t>25.761693954467773</t>
  </si>
  <si>
    <t>1847.3604736328125</t>
  </si>
  <si>
    <t>-0.08043753338389692</t>
  </si>
  <si>
    <t>25.80231285095215</t>
  </si>
  <si>
    <t>1327.9859619140625</t>
  </si>
  <si>
    <t>0.003775624765703256</t>
  </si>
  <si>
    <t>26.385101318359375</t>
  </si>
  <si>
    <t>1320.9691162109375</t>
  </si>
  <si>
    <t>0.017345331461774194</t>
  </si>
  <si>
    <t>26.64731788635254</t>
  </si>
  <si>
    <t>1315.3155517578125</t>
  </si>
  <si>
    <t>-0.1084025669709483</t>
  </si>
  <si>
    <t>26.486207962036133</t>
  </si>
  <si>
    <t>1609.1221923828125</t>
  </si>
  <si>
    <t>-0.09628362642275512</t>
  </si>
  <si>
    <t>26.296449661254883</t>
  </si>
  <si>
    <t>1928.699951171875</t>
  </si>
  <si>
    <t>0.1525571279587563</t>
  </si>
  <si>
    <t>26.569320678710938</t>
  </si>
  <si>
    <t>1928.4112548828125</t>
  </si>
  <si>
    <t>0.08312516580391005</t>
  </si>
  <si>
    <t>26.315656661987305</t>
  </si>
  <si>
    <t>1861.9896240234375</t>
  </si>
  <si>
    <t>0.07903602598612203</t>
  </si>
  <si>
    <t>26.327028274536133</t>
  </si>
  <si>
    <t>1494.658935546875</t>
  </si>
  <si>
    <t>0.06897707232588601</t>
  </si>
  <si>
    <t>26.30335235595703</t>
  </si>
  <si>
    <t>1703.8387451171875</t>
  </si>
  <si>
    <t>0.03669937414571933</t>
  </si>
  <si>
    <t>13423</t>
  </si>
  <si>
    <t>26.87230682373047</t>
  </si>
  <si>
    <t>1169.0325927734375</t>
  </si>
  <si>
    <t>-0.04707521762079736</t>
  </si>
  <si>
    <t>26.878646850585938</t>
  </si>
  <si>
    <t>2321.84716796875</t>
  </si>
  <si>
    <t>-0.029408325595310814</t>
  </si>
  <si>
    <t>26.258729934692383</t>
  </si>
  <si>
    <t>1889.67919921875</t>
  </si>
  <si>
    <t>0.02679745543889034</t>
  </si>
  <si>
    <t>26.516067504882812</t>
  </si>
  <si>
    <t>1513.5972900390625</t>
  </si>
  <si>
    <t>0.04076223773037313</t>
  </si>
  <si>
    <t>26.65018653869629</t>
  </si>
  <si>
    <t>1270.8388671875</t>
  </si>
  <si>
    <t>-0.000358615747074964</t>
  </si>
  <si>
    <t>26.738548278808594</t>
  </si>
  <si>
    <t>1152.785888671875</t>
  </si>
  <si>
    <t>-0.05325852555670707</t>
  </si>
  <si>
    <t>12233</t>
  </si>
  <si>
    <t>27.023649215698242</t>
  </si>
  <si>
    <t>1033.197998046875</t>
  </si>
  <si>
    <t>-0.0773666617108919</t>
  </si>
  <si>
    <t>26.990907669067383</t>
  </si>
  <si>
    <t>1451.5650634765625</t>
  </si>
  <si>
    <t>-0.18903084451706142</t>
  </si>
  <si>
    <t>26.61564826965332</t>
  </si>
  <si>
    <t>1411.2222900390625</t>
  </si>
  <si>
    <t>-0.1607892972227738</t>
  </si>
  <si>
    <t>26.157072067260742</t>
  </si>
  <si>
    <t>1495.6181640625</t>
  </si>
  <si>
    <t>-0.166168793091499</t>
  </si>
  <si>
    <t>26.55519676208496</t>
  </si>
  <si>
    <t>1248.7386474609375</t>
  </si>
  <si>
    <t>-0.2846737288729617</t>
  </si>
  <si>
    <t>26.48213005065918</t>
  </si>
  <si>
    <t>1442.6622314453125</t>
  </si>
  <si>
    <t>-0.36060975116792804</t>
  </si>
  <si>
    <t>26.09675407409668</t>
  </si>
  <si>
    <t>1375.056640625</t>
  </si>
  <si>
    <t>25.901628494262695</t>
  </si>
  <si>
    <t>1414.8604736328125</t>
  </si>
  <si>
    <t>-0.1422136633370279</t>
  </si>
  <si>
    <t>24.352027893066406</t>
  </si>
  <si>
    <t>1440.4356689453125</t>
  </si>
  <si>
    <t>334.97015380859375</t>
  </si>
  <si>
    <t>24.32642364501953</t>
  </si>
  <si>
    <t>1199.1497802734375</t>
  </si>
  <si>
    <t>0.07036714162234503</t>
  </si>
  <si>
    <t>24.332120895385742</t>
  </si>
  <si>
    <t>1203.387451171875</t>
  </si>
  <si>
    <t>0.03682011521654793</t>
  </si>
  <si>
    <t>24.294862747192383</t>
  </si>
  <si>
    <t>1342.3668212890625</t>
  </si>
  <si>
    <t>-0.018848428750498414</t>
  </si>
  <si>
    <t>13367</t>
  </si>
  <si>
    <t>24.2078914642334</t>
  </si>
  <si>
    <t>1196.5411376953125</t>
  </si>
  <si>
    <t>-0.04483875381632707</t>
  </si>
  <si>
    <t>24.429420471191406</t>
  </si>
  <si>
    <t>1207.786865234375</t>
  </si>
  <si>
    <t>0.018089306360600688</t>
  </si>
  <si>
    <t>24.310890197753906</t>
  </si>
  <si>
    <t>1347.6083984375</t>
  </si>
  <si>
    <t>-0.022212405271083924</t>
  </si>
  <si>
    <t>13889</t>
  </si>
  <si>
    <t>24.601152420043945</t>
  </si>
  <si>
    <t>1065.2041015625</t>
  </si>
  <si>
    <t>0.04243127585522899</t>
  </si>
  <si>
    <t>24.979949951171875</t>
  </si>
  <si>
    <t>1421.3944091796875</t>
  </si>
  <si>
    <t>-0.0158935091982233</t>
  </si>
  <si>
    <t>24.147172927856445</t>
  </si>
  <si>
    <t>1629.3050537109375</t>
  </si>
  <si>
    <t>-0.08039634249439942</t>
  </si>
  <si>
    <t>24.10259246826172</t>
  </si>
  <si>
    <t>1241.9725341796875</t>
  </si>
  <si>
    <t>0.0036401084745705248</t>
  </si>
  <si>
    <t>24.784582138061523</t>
  </si>
  <si>
    <t>1016.753173828125</t>
  </si>
  <si>
    <t>0.0174611960933575</t>
  </si>
  <si>
    <t>1045.6483154296875</t>
  </si>
  <si>
    <t>-0.1085307749138007</t>
  </si>
  <si>
    <t>24.8523006439209</t>
  </si>
  <si>
    <t>1035.2294921875</t>
  </si>
  <si>
    <t>-0.0961930750654787</t>
  </si>
  <si>
    <t>24.557226181030273</t>
  </si>
  <si>
    <t>1479.2607421875</t>
  </si>
  <si>
    <t>0.15254364119848063</t>
  </si>
  <si>
    <t>24.83209228515625</t>
  </si>
  <si>
    <t>1497.6375732421875</t>
  </si>
  <si>
    <t>0.0830577095805829</t>
  </si>
  <si>
    <t>24.69593048095703</t>
  </si>
  <si>
    <t>1231.9874267578125</t>
  </si>
  <si>
    <t>0.07912177729507164</t>
  </si>
  <si>
    <t>15408</t>
  </si>
  <si>
    <t>24.629175186157227</t>
  </si>
  <si>
    <t>1269.2352294921875</t>
  </si>
  <si>
    <t>0.06897896415152616</t>
  </si>
  <si>
    <t>15984</t>
  </si>
  <si>
    <t>24.601600646972656</t>
  </si>
  <si>
    <t>1226.4290771484375</t>
  </si>
  <si>
    <t>15248</t>
  </si>
  <si>
    <t>25.090120315551758</t>
  </si>
  <si>
    <t>872.8069458007812</t>
  </si>
  <si>
    <t>-0.04713987499435213</t>
  </si>
  <si>
    <t>25.185548782348633</t>
  </si>
  <si>
    <t>1548.4095458984375</t>
  </si>
  <si>
    <t>-0.029348304985264306</t>
  </si>
  <si>
    <t>15209</t>
  </si>
  <si>
    <t>24.77979850769043</t>
  </si>
  <si>
    <t>1434.7705078125</t>
  </si>
  <si>
    <t>24.76988983154297</t>
  </si>
  <si>
    <t>1139.9593505859375</t>
  </si>
  <si>
    <t>0.040777283151856025</t>
  </si>
  <si>
    <t>15836</t>
  </si>
  <si>
    <t>24.784894943237305</t>
  </si>
  <si>
    <t>1254.0533447265625</t>
  </si>
  <si>
    <t>-0.0003788117982033157</t>
  </si>
  <si>
    <t>15014</t>
  </si>
  <si>
    <t>24.800918579101562</t>
  </si>
  <si>
    <t>1058.5892333984375</t>
  </si>
  <si>
    <t>-0.0533027300930744</t>
  </si>
  <si>
    <t>25.073740005493164</t>
  </si>
  <si>
    <t>852.4016723632812</t>
  </si>
  <si>
    <t>-0.07731010964636553</t>
  </si>
  <si>
    <t>11503</t>
  </si>
  <si>
    <t>25.111616134643555</t>
  </si>
  <si>
    <t>1315.5089111328125</t>
  </si>
  <si>
    <t>-0.1890651185905714</t>
  </si>
  <si>
    <t>24.875917434692383</t>
  </si>
  <si>
    <t>1281.3773193359375</t>
  </si>
  <si>
    <t>-0.16073581951736848</t>
  </si>
  <si>
    <t>24.38548469543457</t>
  </si>
  <si>
    <t>1173.3358154296875</t>
  </si>
  <si>
    <t>-0.16621912775409697</t>
  </si>
  <si>
    <t>24.753128051757812</t>
  </si>
  <si>
    <t>1118.8165283203125</t>
  </si>
  <si>
    <t>-0.2846727412610708</t>
  </si>
  <si>
    <t>24.78974723815918</t>
  </si>
  <si>
    <t>1191.3121337890625</t>
  </si>
  <si>
    <t>-0.36057447864279446</t>
  </si>
  <si>
    <t>24.593658447265625</t>
  </si>
  <si>
    <t>1424.498779296875</t>
  </si>
  <si>
    <t>0.018219588478810778</t>
  </si>
  <si>
    <t>3843</t>
  </si>
  <si>
    <t>24.464662551879883</t>
  </si>
  <si>
    <t>1447.0355224609375</t>
  </si>
  <si>
    <t>-0.14237198063464618</t>
  </si>
  <si>
    <t>21.587846755981445</t>
  </si>
  <si>
    <t>1222.0042724609375</t>
  </si>
  <si>
    <t>201.31369018554688</t>
  </si>
  <si>
    <t>Trujillo</t>
  </si>
  <si>
    <t>21.465688705444336</t>
  </si>
  <si>
    <t>872.7426147460938</t>
  </si>
  <si>
    <t>21.380447387695312</t>
  </si>
  <si>
    <t>943.9185791015625</t>
  </si>
  <si>
    <t>21.228221893310547</t>
  </si>
  <si>
    <t>1012.3265380859375</t>
  </si>
  <si>
    <t>21.595888137817383</t>
  </si>
  <si>
    <t>1005.3822021484375</t>
  </si>
  <si>
    <t>21.63330078125</t>
  </si>
  <si>
    <t>1055.0252685546875</t>
  </si>
  <si>
    <t>21.520322799682617</t>
  </si>
  <si>
    <t>1106.6766357421875</t>
  </si>
  <si>
    <t>22.11840057373047</t>
  </si>
  <si>
    <t>807.4912719726562</t>
  </si>
  <si>
    <t>22.000343322753906</t>
  </si>
  <si>
    <t>1315.6400146484375</t>
  </si>
  <si>
    <t>21.241586685180664</t>
  </si>
  <si>
    <t>1485.671630859375</t>
  </si>
  <si>
    <t>21.274324417114258</t>
  </si>
  <si>
    <t>1047.861572265625</t>
  </si>
  <si>
    <t>21.938016891479492</t>
  </si>
  <si>
    <t>898.6978149414062</t>
  </si>
  <si>
    <t>21.960561752319336</t>
  </si>
  <si>
    <t>966.5758056640625</t>
  </si>
  <si>
    <t>21.977060317993164</t>
  </si>
  <si>
    <t>1187.0205078125</t>
  </si>
  <si>
    <t>21.617422103881836</t>
  </si>
  <si>
    <t>1512.4637451171875</t>
  </si>
  <si>
    <t>21.83076286315918</t>
  </si>
  <si>
    <t>1459.8094482421875</t>
  </si>
  <si>
    <t>21.71720314025879</t>
  </si>
  <si>
    <t>1337.3387451171875</t>
  </si>
  <si>
    <t>21.722692489624023</t>
  </si>
  <si>
    <t>1099.303466796875</t>
  </si>
  <si>
    <t>21.49187660217285</t>
  </si>
  <si>
    <t>1277.06103515625</t>
  </si>
  <si>
    <t>22.183748245239258</t>
  </si>
  <si>
    <t>874.8822021484375</t>
  </si>
  <si>
    <t>22.1130428314209</t>
  </si>
  <si>
    <t>1742.34375</t>
  </si>
  <si>
    <t>21.667985916137695</t>
  </si>
  <si>
    <t>1554.6822509765625</t>
  </si>
  <si>
    <t>21.957223892211914</t>
  </si>
  <si>
    <t>1269.3304443359375</t>
  </si>
  <si>
    <t>22.084800720214844</t>
  </si>
  <si>
    <t>977.2964477539062</t>
  </si>
  <si>
    <t>22.239892959594727</t>
  </si>
  <si>
    <t>753.5861206054688</t>
  </si>
  <si>
    <t>22.60334014892578</t>
  </si>
  <si>
    <t>738.5272216796875</t>
  </si>
  <si>
    <t>22.460927963256836</t>
  </si>
  <si>
    <t>1010.98095703125</t>
  </si>
  <si>
    <t>21.97475242614746</t>
  </si>
  <si>
    <t>1009.5032958984375</t>
  </si>
  <si>
    <t>21.653898239135742</t>
  </si>
  <si>
    <t>1028.587158203125</t>
  </si>
  <si>
    <t>22.0839900970459</t>
  </si>
  <si>
    <t>914.5742797851562</t>
  </si>
  <si>
    <t>21.986303329467773</t>
  </si>
  <si>
    <t>879.718017578125</t>
  </si>
  <si>
    <t>21.661725997924805</t>
  </si>
  <si>
    <t>519.2726440429688</t>
  </si>
  <si>
    <t>21.420080184936523</t>
  </si>
  <si>
    <t>733.1044921875</t>
  </si>
  <si>
    <t>16082</t>
  </si>
  <si>
    <t>22.24837303161621</t>
  </si>
  <si>
    <t>1471.6507568359375</t>
  </si>
  <si>
    <t>401.2443542480469</t>
  </si>
  <si>
    <t>Táchira</t>
  </si>
  <si>
    <t>17254</t>
  </si>
  <si>
    <t>22.42748260498047</t>
  </si>
  <si>
    <t>952.6588745117188</t>
  </si>
  <si>
    <t>0.07034336652842832</t>
  </si>
  <si>
    <t>22.37511444091797</t>
  </si>
  <si>
    <t>1113.6326904296875</t>
  </si>
  <si>
    <t>0.03681257655366821</t>
  </si>
  <si>
    <t>22.260255813598633</t>
  </si>
  <si>
    <t>1240.5302734375</t>
  </si>
  <si>
    <t>-0.018834435176808384</t>
  </si>
  <si>
    <t>22.536710739135742</t>
  </si>
  <si>
    <t>1330.246337890625</t>
  </si>
  <si>
    <t>-0.04482184299638092</t>
  </si>
  <si>
    <t>22.619543075561523</t>
  </si>
  <si>
    <t>1441.6859130859375</t>
  </si>
  <si>
    <t>0.018112055247824443</t>
  </si>
  <si>
    <t>16728</t>
  </si>
  <si>
    <t>22.425451278686523</t>
  </si>
  <si>
    <t>1503.5767822265625</t>
  </si>
  <si>
    <t>-0.0222283921563573</t>
  </si>
  <si>
    <t>22.905075073242188</t>
  </si>
  <si>
    <t>846.2960205078125</t>
  </si>
  <si>
    <t>0.042370293135030934</t>
  </si>
  <si>
    <t>22.9056339263916</t>
  </si>
  <si>
    <t>1658.627197265625</t>
  </si>
  <si>
    <t>-0.015882975606475114</t>
  </si>
  <si>
    <t>21.9833927154541</t>
  </si>
  <si>
    <t>1729.349609375</t>
  </si>
  <si>
    <t>-0.08040177933159853</t>
  </si>
  <si>
    <t>15909</t>
  </si>
  <si>
    <t>22.094987869262695</t>
  </si>
  <si>
    <t>1295.23388671875</t>
  </si>
  <si>
    <t>0.0037154864998125703</t>
  </si>
  <si>
    <t>16188</t>
  </si>
  <si>
    <t>22.747358322143555</t>
  </si>
  <si>
    <t>1137.7767333984375</t>
  </si>
  <si>
    <t>0.017385240190517237</t>
  </si>
  <si>
    <t>22.69690704345703</t>
  </si>
  <si>
    <t>1242.13232421875</t>
  </si>
  <si>
    <t>-0.10846777346153047</t>
  </si>
  <si>
    <t>22.96441650390625</t>
  </si>
  <si>
    <t>1594.5970458984375</t>
  </si>
  <si>
    <t>-0.09626767468530595</t>
  </si>
  <si>
    <t>22.491331100463867</t>
  </si>
  <si>
    <t>0.1526224975786601</t>
  </si>
  <si>
    <t>22.700057983398438</t>
  </si>
  <si>
    <t>1934.4007568359375</t>
  </si>
  <si>
    <t>0.08307178612137633</t>
  </si>
  <si>
    <t>22.477930068969727</t>
  </si>
  <si>
    <t>1573.7852783203125</t>
  </si>
  <si>
    <t>0.07902404203731805</t>
  </si>
  <si>
    <t>19361</t>
  </si>
  <si>
    <t>22.43153190612793</t>
  </si>
  <si>
    <t>1354.42822265625</t>
  </si>
  <si>
    <t>0.06900762880289157</t>
  </si>
  <si>
    <t>22.225730895996094</t>
  </si>
  <si>
    <t>1749.889404296875</t>
  </si>
  <si>
    <t>0.03671253440421651</t>
  </si>
  <si>
    <t>22.764799118041992</t>
  </si>
  <si>
    <t>1195.5799560546875</t>
  </si>
  <si>
    <t>-0.0470963045636843</t>
  </si>
  <si>
    <t>18606</t>
  </si>
  <si>
    <t>22.9228572845459</t>
  </si>
  <si>
    <t>2151.020751953125</t>
  </si>
  <si>
    <t>-0.029392853901194727</t>
  </si>
  <si>
    <t>22.44464874267578</t>
  </si>
  <si>
    <t>2134.447021484375</t>
  </si>
  <si>
    <t>0.026779976160478114</t>
  </si>
  <si>
    <t>19907</t>
  </si>
  <si>
    <t>22.84595489501953</t>
  </si>
  <si>
    <t>1456.7598876953125</t>
  </si>
  <si>
    <t>0.040807343164951604</t>
  </si>
  <si>
    <t>23.013124465942383</t>
  </si>
  <si>
    <t>1195.9349365234375</t>
  </si>
  <si>
    <t>-0.0004019494602669482</t>
  </si>
  <si>
    <t>23.2501163482666</t>
  </si>
  <si>
    <t>949.2109375</t>
  </si>
  <si>
    <t>-0.05325511498205415</t>
  </si>
  <si>
    <t>17462</t>
  </si>
  <si>
    <t>23.584304809570312</t>
  </si>
  <si>
    <t>961.1262817382812</t>
  </si>
  <si>
    <t>-0.07738727284085911</t>
  </si>
  <si>
    <t>23.397817611694336</t>
  </si>
  <si>
    <t>1196.4111328125</t>
  </si>
  <si>
    <t>-0.18905589852782612</t>
  </si>
  <si>
    <t>22.721799850463867</t>
  </si>
  <si>
    <t>1306.328857421875</t>
  </si>
  <si>
    <t>-0.160721735400994</t>
  </si>
  <si>
    <t>10424</t>
  </si>
  <si>
    <t>22.47466278076172</t>
  </si>
  <si>
    <t>1340.236572265625</t>
  </si>
  <si>
    <t>-0.16613861763725168</t>
  </si>
  <si>
    <t>22.8824405670166</t>
  </si>
  <si>
    <t>1246.144775390625</t>
  </si>
  <si>
    <t>-0.28474446257375874</t>
  </si>
  <si>
    <t>22.776582717895508</t>
  </si>
  <si>
    <t>1144.52392578125</t>
  </si>
  <si>
    <t>-0.36045345838708265</t>
  </si>
  <si>
    <t>22.482999801635742</t>
  </si>
  <si>
    <t>758.7608032226562</t>
  </si>
  <si>
    <t>0.018123004170416124</t>
  </si>
  <si>
    <t>22.133840560913086</t>
  </si>
  <si>
    <t>1047.126220703125</t>
  </si>
  <si>
    <t>-0.1423965161407139</t>
  </si>
  <si>
    <t>12511</t>
  </si>
  <si>
    <t>24.910118103027344</t>
  </si>
  <si>
    <t>1457.1661376953125</t>
  </si>
  <si>
    <t>137.2931671142578</t>
  </si>
  <si>
    <t>Yaracuy</t>
  </si>
  <si>
    <t>25.00925636291504</t>
  </si>
  <si>
    <t>928.2967529296875</t>
  </si>
  <si>
    <t>0.07028689440078395</t>
  </si>
  <si>
    <t>25.063703536987305</t>
  </si>
  <si>
    <t>1241.3160400390625</t>
  </si>
  <si>
    <t>0.036862444784308224</t>
  </si>
  <si>
    <t>25.159255981445312</t>
  </si>
  <si>
    <t>1325.885986328125</t>
  </si>
  <si>
    <t>-0.018773428537691927</t>
  </si>
  <si>
    <t>25.1321964263916</t>
  </si>
  <si>
    <t>1027.6805419921875</t>
  </si>
  <si>
    <t>-0.044894199975654914</t>
  </si>
  <si>
    <t>25.25227928161621</t>
  </si>
  <si>
    <t>1367.130615234375</t>
  </si>
  <si>
    <t>0.018125093312686857</t>
  </si>
  <si>
    <t>25.00719451904297</t>
  </si>
  <si>
    <t>1527.9124755859375</t>
  </si>
  <si>
    <t>-0.022189360246903433</t>
  </si>
  <si>
    <t>25.439735412597656</t>
  </si>
  <si>
    <t>943.5228271484375</t>
  </si>
  <si>
    <t>0.04235148354535134</t>
  </si>
  <si>
    <t>25.531402587890625</t>
  </si>
  <si>
    <t>1435.4176025390625</t>
  </si>
  <si>
    <t>-0.015887490819219252</t>
  </si>
  <si>
    <t>24.95433807373047</t>
  </si>
  <si>
    <t>1508.1534423828125</t>
  </si>
  <si>
    <t>-0.08045437662267219</t>
  </si>
  <si>
    <t>24.9543399810791</t>
  </si>
  <si>
    <t>1028.2884521484375</t>
  </si>
  <si>
    <t>0.0037237960945120108</t>
  </si>
  <si>
    <t>25.4298095703125</t>
  </si>
  <si>
    <t>1127.81396484375</t>
  </si>
  <si>
    <t>0.017381990752944887</t>
  </si>
  <si>
    <t>25.335525512695312</t>
  </si>
  <si>
    <t>1011.6483764648438</t>
  </si>
  <si>
    <t>-0.10842687779659954</t>
  </si>
  <si>
    <t>25.410524368286133</t>
  </si>
  <si>
    <t>1180.3306884765625</t>
  </si>
  <si>
    <t>-0.09626647370733643</t>
  </si>
  <si>
    <t>25.206876754760742</t>
  </si>
  <si>
    <t>1642.3140869140625</t>
  </si>
  <si>
    <t>0.1526181978822887</t>
  </si>
  <si>
    <t>25.46099853515625</t>
  </si>
  <si>
    <t>1607.28271484375</t>
  </si>
  <si>
    <t>0.08303689502308487</t>
  </si>
  <si>
    <t>25.271949768066406</t>
  </si>
  <si>
    <t>1527.9224853515625</t>
  </si>
  <si>
    <t>0.07908878332856695</t>
  </si>
  <si>
    <t>15062</t>
  </si>
  <si>
    <t>25.275602340698242</t>
  </si>
  <si>
    <t>1296.0263671875</t>
  </si>
  <si>
    <t>0.0689833869254457</t>
  </si>
  <si>
    <t>15625</t>
  </si>
  <si>
    <t>25.062822341918945</t>
  </si>
  <si>
    <t>1533.5897216796875</t>
  </si>
  <si>
    <t>0.03669717994330668</t>
  </si>
  <si>
    <t>25.619565963745117</t>
  </si>
  <si>
    <t>949.0743408203125</t>
  </si>
  <si>
    <t>-0.04710837916296384</t>
  </si>
  <si>
    <t>25.754255294799805</t>
  </si>
  <si>
    <t>1883.338623046875</t>
  </si>
  <si>
    <t>-0.029409880015565548</t>
  </si>
  <si>
    <t>25.159408569335938</t>
  </si>
  <si>
    <t>1624.7445068359375</t>
  </si>
  <si>
    <t>0.02685731599106944</t>
  </si>
  <si>
    <t>15486</t>
  </si>
  <si>
    <t>25.42298126220703</t>
  </si>
  <si>
    <t>1123.498046875</t>
  </si>
  <si>
    <t>0.04072513752952567</t>
  </si>
  <si>
    <t>25.538145065307617</t>
  </si>
  <si>
    <t>921.149658203125</t>
  </si>
  <si>
    <t>-0.00038752180295098526</t>
  </si>
  <si>
    <t>14677</t>
  </si>
  <si>
    <t>25.743858337402344</t>
  </si>
  <si>
    <t>823.9405517578125</t>
  </si>
  <si>
    <t>-0.053267225532518836</t>
  </si>
  <si>
    <t>25.959732055664062</t>
  </si>
  <si>
    <t>724.4862670898438</t>
  </si>
  <si>
    <t>-0.0773153997507503</t>
  </si>
  <si>
    <t>25.89362335205078</t>
  </si>
  <si>
    <t>1240.51806640625</t>
  </si>
  <si>
    <t>-0.18913158983402667</t>
  </si>
  <si>
    <t>25.57147979736328</t>
  </si>
  <si>
    <t>1072.081787109375</t>
  </si>
  <si>
    <t>-0.1606791179775744</t>
  </si>
  <si>
    <t>25.18267059326172</t>
  </si>
  <si>
    <t>1153.8873291015625</t>
  </si>
  <si>
    <t>-0.16618097910428986</t>
  </si>
  <si>
    <t>25.55743408203125</t>
  </si>
  <si>
    <t>701.9501342773438</t>
  </si>
  <si>
    <t>-0.2846857847831554</t>
  </si>
  <si>
    <t>25.525129318237305</t>
  </si>
  <si>
    <t>1154.994384765625</t>
  </si>
  <si>
    <t>-0.36066415490776826</t>
  </si>
  <si>
    <t>25.110288619995117</t>
  </si>
  <si>
    <t>1226.8514404296875</t>
  </si>
  <si>
    <t>0.018173845960992807</t>
  </si>
  <si>
    <t>24.951955795288086</t>
  </si>
  <si>
    <t>-0.14244390088647307</t>
  </si>
  <si>
    <t>28.373037338256836</t>
  </si>
  <si>
    <t>903.23291015625</t>
  </si>
  <si>
    <t>1260.911376953125</t>
  </si>
  <si>
    <t>Zulia</t>
  </si>
  <si>
    <t>28.161317825317383</t>
  </si>
  <si>
    <t>557.855224609375</t>
  </si>
  <si>
    <t>28.172208786010742</t>
  </si>
  <si>
    <t>726.5435791015625</t>
  </si>
  <si>
    <t>28.031984329223633</t>
  </si>
  <si>
    <t>752.05615234375</t>
  </si>
  <si>
    <t>28.372995376586914</t>
  </si>
  <si>
    <t>715.9002075195312</t>
  </si>
  <si>
    <t>28.386743545532227</t>
  </si>
  <si>
    <t>845.3258666992188</t>
  </si>
  <si>
    <t>28.279508590698242</t>
  </si>
  <si>
    <t>848.7997436523438</t>
  </si>
  <si>
    <t>28.876426696777344</t>
  </si>
  <si>
    <t>577.8048706054688</t>
  </si>
  <si>
    <t>28.800003051757812</t>
  </si>
  <si>
    <t>917.0322265625</t>
  </si>
  <si>
    <t>28.03342628479004</t>
  </si>
  <si>
    <t>1148.2303466796875</t>
  </si>
  <si>
    <t>28.06597900390625</t>
  </si>
  <si>
    <t>761.2930908203125</t>
  </si>
  <si>
    <t>28.675674438476562</t>
  </si>
  <si>
    <t>720.0313720703125</t>
  </si>
  <si>
    <t>28.738935470581055</t>
  </si>
  <si>
    <t>702.681640625</t>
  </si>
  <si>
    <t>28.820093154907227</t>
  </si>
  <si>
    <t>872.0731811523438</t>
  </si>
  <si>
    <t>28.398645401000977</t>
  </si>
  <si>
    <t>1241.4688720703125</t>
  </si>
  <si>
    <t>28.555376052856445</t>
  </si>
  <si>
    <t>1172.6845703125</t>
  </si>
  <si>
    <t>28.485971450805664</t>
  </si>
  <si>
    <t>999.473388671875</t>
  </si>
  <si>
    <t>28.4105167388916</t>
  </si>
  <si>
    <t>903.6463623046875</t>
  </si>
  <si>
    <t>28.23430061340332</t>
  </si>
  <si>
    <t>1050.2470703125</t>
  </si>
  <si>
    <t>28.913476943969727</t>
  </si>
  <si>
    <t>651.6648559570312</t>
  </si>
  <si>
    <t>28.814210891723633</t>
  </si>
  <si>
    <t>1311.7108154296875</t>
  </si>
  <si>
    <t>28.446779251098633</t>
  </si>
  <si>
    <t>1331.518798828125</t>
  </si>
  <si>
    <t>28.801856994628906</t>
  </si>
  <si>
    <t>878.0664672851562</t>
  </si>
  <si>
    <t>28.92950439453125</t>
  </si>
  <si>
    <t>662.4572143554688</t>
  </si>
  <si>
    <t>29.066253662109375</t>
  </si>
  <si>
    <t>630.2369384765625</t>
  </si>
  <si>
    <t>29.41475486755371</t>
  </si>
  <si>
    <t>586.9727783203125</t>
  </si>
  <si>
    <t>29.203115463256836</t>
  </si>
  <si>
    <t>810.9126586914062</t>
  </si>
  <si>
    <t>28.760408401489258</t>
  </si>
  <si>
    <t>838.2445678710938</t>
  </si>
  <si>
    <t>28.49644660949707</t>
  </si>
  <si>
    <t>805.923828125</t>
  </si>
  <si>
    <t>28.86272430419922</t>
  </si>
  <si>
    <t>678.339599609375</t>
  </si>
  <si>
    <t>28.762168884277344</t>
  </si>
  <si>
    <t>708.5414428710938</t>
  </si>
  <si>
    <t>28.462270736694336</t>
  </si>
  <si>
    <t>507.3776550292969</t>
  </si>
  <si>
    <t>28.20208740234375</t>
  </si>
  <si>
    <t>890.192626953125</t>
  </si>
  <si>
    <t>VNM</t>
  </si>
  <si>
    <t>28.379606246948242</t>
  </si>
  <si>
    <t>1746.327392578125</t>
  </si>
  <si>
    <t>986.91015625</t>
  </si>
  <si>
    <t>An Giang</t>
  </si>
  <si>
    <t>Viet Nam</t>
  </si>
  <si>
    <t>28.142168045043945</t>
  </si>
  <si>
    <t>1572.876220703125</t>
  </si>
  <si>
    <t>0.047086190401085304</t>
  </si>
  <si>
    <t>28.11754035949707</t>
  </si>
  <si>
    <t>1632.4639892578125</t>
  </si>
  <si>
    <t>0.07274122092975155</t>
  </si>
  <si>
    <t>28.04154396057129</t>
  </si>
  <si>
    <t>1406.782958984375</t>
  </si>
  <si>
    <t>0.06915303806053075</t>
  </si>
  <si>
    <t>28.096023559570312</t>
  </si>
  <si>
    <t>1834.1861572265625</t>
  </si>
  <si>
    <t>0.07721013816070688</t>
  </si>
  <si>
    <t>27.983835220336914</t>
  </si>
  <si>
    <t>1636.005615234375</t>
  </si>
  <si>
    <t>0.08548814744910782</t>
  </si>
  <si>
    <t>27.642667770385742</t>
  </si>
  <si>
    <t>1625.921142578125</t>
  </si>
  <si>
    <t>0.05667133724282003</t>
  </si>
  <si>
    <t>28.359085083007812</t>
  </si>
  <si>
    <t>1489.787353515625</t>
  </si>
  <si>
    <t>0.04712545643882393</t>
  </si>
  <si>
    <t>28.59241485595703</t>
  </si>
  <si>
    <t>1720.623046875</t>
  </si>
  <si>
    <t>0.025103082081079364</t>
  </si>
  <si>
    <t>27.622018814086914</t>
  </si>
  <si>
    <t>1558.885009765625</t>
  </si>
  <si>
    <t>0.016611677666896085</t>
  </si>
  <si>
    <t>27.896896362304688</t>
  </si>
  <si>
    <t>1791.1607666015625</t>
  </si>
  <si>
    <t>0.0368735176074253</t>
  </si>
  <si>
    <t>27.889184951782227</t>
  </si>
  <si>
    <t>1681.2781982421875</t>
  </si>
  <si>
    <t>0.02198581019778345</t>
  </si>
  <si>
    <t>28.172143936157227</t>
  </si>
  <si>
    <t>1716.5146484375</t>
  </si>
  <si>
    <t>0.02242453049815296</t>
  </si>
  <si>
    <t>28.126123428344727</t>
  </si>
  <si>
    <t>1659.391845703125</t>
  </si>
  <si>
    <t>0.02726760698374875</t>
  </si>
  <si>
    <t>28.030851364135742</t>
  </si>
  <si>
    <t>1572.5274658203125</t>
  </si>
  <si>
    <t>0.03257048588720046</t>
  </si>
  <si>
    <t>28.13856315612793</t>
  </si>
  <si>
    <t>1731.4937744140625</t>
  </si>
  <si>
    <t>0.031820226514604144</t>
  </si>
  <si>
    <t>28.076126098632812</t>
  </si>
  <si>
    <t>1701.8236083984375</t>
  </si>
  <si>
    <t>0.025179217449801783</t>
  </si>
  <si>
    <t>27.980226516723633</t>
  </si>
  <si>
    <t>2210.371337890625</t>
  </si>
  <si>
    <t>0.2936775769551243</t>
  </si>
  <si>
    <t>27.506103515625</t>
  </si>
  <si>
    <t>1435.7310791015625</t>
  </si>
  <si>
    <t>0.2374275079394934</t>
  </si>
  <si>
    <t>5587</t>
  </si>
  <si>
    <t>28.121644973754883</t>
  </si>
  <si>
    <t>1867.9407958984375</t>
  </si>
  <si>
    <t>-0.11899543406778434</t>
  </si>
  <si>
    <t>28.35062599182129</t>
  </si>
  <si>
    <t>1639.215576171875</t>
  </si>
  <si>
    <t>-0.14290810705591994</t>
  </si>
  <si>
    <t>27.717790603637695</t>
  </si>
  <si>
    <t>1726.7845458984375</t>
  </si>
  <si>
    <t>-0.19274112842746938</t>
  </si>
  <si>
    <t>28.32176971435547</t>
  </si>
  <si>
    <t>1726.835205078125</t>
  </si>
  <si>
    <t>0.01860403402593036</t>
  </si>
  <si>
    <t>4117</t>
  </si>
  <si>
    <t>27.847017288208008</t>
  </si>
  <si>
    <t>1727.6978759765625</t>
  </si>
  <si>
    <t>0.01172747376821448</t>
  </si>
  <si>
    <t>28.16791534423828</t>
  </si>
  <si>
    <t>1724.9156494140625</t>
  </si>
  <si>
    <t>0.03226471769193395</t>
  </si>
  <si>
    <t>28.5391845703125</t>
  </si>
  <si>
    <t>1726.4337158203125</t>
  </si>
  <si>
    <t>0.04999894814577566</t>
  </si>
  <si>
    <t>28.71393585205078</t>
  </si>
  <si>
    <t>1728.3128662109375</t>
  </si>
  <si>
    <t>0.0459097013040779</t>
  </si>
  <si>
    <t>28.13831329345703</t>
  </si>
  <si>
    <t>1729.1158447265625</t>
  </si>
  <si>
    <t>28.189064025878906</t>
  </si>
  <si>
    <t>1726.647216796875</t>
  </si>
  <si>
    <t>0.058811557719414154</t>
  </si>
  <si>
    <t>28.688310623168945</t>
  </si>
  <si>
    <t>1725.7381591796875</t>
  </si>
  <si>
    <t>0.058070658130084496</t>
  </si>
  <si>
    <t>28.334081649780273</t>
  </si>
  <si>
    <t>1726.3934326171875</t>
  </si>
  <si>
    <t>0.015382167001595448</t>
  </si>
  <si>
    <t>28.24689292907715</t>
  </si>
  <si>
    <t>1727.3292236328125</t>
  </si>
  <si>
    <t>0.012873822100390342</t>
  </si>
  <si>
    <t>27.88831329345703</t>
  </si>
  <si>
    <t>1727.439697265625</t>
  </si>
  <si>
    <t>0.0659393268297741</t>
  </si>
  <si>
    <t>28.276344299316406</t>
  </si>
  <si>
    <t>2003.6103515625</t>
  </si>
  <si>
    <t>1172.50439453125</t>
  </si>
  <si>
    <t>Bac Lieu / Ca Mau</t>
  </si>
  <si>
    <t>28.079315185546875</t>
  </si>
  <si>
    <t>2033.4305419921875</t>
  </si>
  <si>
    <t>0.0218349286031998</t>
  </si>
  <si>
    <t>28.148544311523438</t>
  </si>
  <si>
    <t>2060.01220703125</t>
  </si>
  <si>
    <t>0.04806996248183815</t>
  </si>
  <si>
    <t>27.964195251464844</t>
  </si>
  <si>
    <t>2001.4158935546875</t>
  </si>
  <si>
    <t>0.043502630597108904</t>
  </si>
  <si>
    <t>28.01578712463379</t>
  </si>
  <si>
    <t>2091.779052734375</t>
  </si>
  <si>
    <t>0.05221915653963727</t>
  </si>
  <si>
    <t>28.019987106323242</t>
  </si>
  <si>
    <t>2035.5196533203125</t>
  </si>
  <si>
    <t>0.05954571866993241</t>
  </si>
  <si>
    <t>27.83161163330078</t>
  </si>
  <si>
    <t>2049.322265625</t>
  </si>
  <si>
    <t>0.05286062382109602</t>
  </si>
  <si>
    <t>28.34221839904785</t>
  </si>
  <si>
    <t>2029.623779296875</t>
  </si>
  <si>
    <t>0.04286604244543035</t>
  </si>
  <si>
    <t>28.542619705200195</t>
  </si>
  <si>
    <t>2069.32177734375</t>
  </si>
  <si>
    <t>0.020919938834728313</t>
  </si>
  <si>
    <t>27.780059814453125</t>
  </si>
  <si>
    <t>2043.0247802734375</t>
  </si>
  <si>
    <t>0.012159152141855145</t>
  </si>
  <si>
    <t>28.057287216186523</t>
  </si>
  <si>
    <t>2081.78759765625</t>
  </si>
  <si>
    <t>0.032319886255779195</t>
  </si>
  <si>
    <t>28.12322998046875</t>
  </si>
  <si>
    <t>2055.8876953125</t>
  </si>
  <si>
    <t>0.03159867205970457</t>
  </si>
  <si>
    <t>28.32191276550293</t>
  </si>
  <si>
    <t>2093.8896484375</t>
  </si>
  <si>
    <t>0.03260225834715236</t>
  </si>
  <si>
    <t>28.1938419342041</t>
  </si>
  <si>
    <t>2047.6712646484375</t>
  </si>
  <si>
    <t>0.038094586908146155</t>
  </si>
  <si>
    <t>28.150678634643555</t>
  </si>
  <si>
    <t>2018.086669921875</t>
  </si>
  <si>
    <t>0.04398059784293018</t>
  </si>
  <si>
    <t>28.174842834472656</t>
  </si>
  <si>
    <t>2100.994140625</t>
  </si>
  <si>
    <t>0.043865569651492464</t>
  </si>
  <si>
    <t>28.076416015625</t>
  </si>
  <si>
    <t>2054.7880859375</t>
  </si>
  <si>
    <t>0.03749221980640982</t>
  </si>
  <si>
    <t>28.0488338470459</t>
  </si>
  <si>
    <t>2139.10888671875</t>
  </si>
  <si>
    <t>0.16180182656277786</t>
  </si>
  <si>
    <t>27.67078399658203</t>
  </si>
  <si>
    <t>2004.7811279296875</t>
  </si>
  <si>
    <t>0.14099836397575238</t>
  </si>
  <si>
    <t>28.138486862182617</t>
  </si>
  <si>
    <t>2124.44384765625</t>
  </si>
  <si>
    <t>-0.10899563288957914</t>
  </si>
  <si>
    <t>28.321279525756836</t>
  </si>
  <si>
    <t>2047.720703125</t>
  </si>
  <si>
    <t>-0.1285942192204086</t>
  </si>
  <si>
    <t>27.85821533203125</t>
  </si>
  <si>
    <t>2068.900390625</t>
  </si>
  <si>
    <t>-0.17123482064684836</t>
  </si>
  <si>
    <t>28.273733139038086</t>
  </si>
  <si>
    <t>2071.824951171875</t>
  </si>
  <si>
    <t>0.03472480463343963</t>
  </si>
  <si>
    <t>4613</t>
  </si>
  <si>
    <t>28.00815773010254</t>
  </si>
  <si>
    <t>2062.7314453125</t>
  </si>
  <si>
    <t>0.16867137821911093</t>
  </si>
  <si>
    <t>28.200185775756836</t>
  </si>
  <si>
    <t>2068.889892578125</t>
  </si>
  <si>
    <t>0.03973751333816189</t>
  </si>
  <si>
    <t>28.51905059814453</t>
  </si>
  <si>
    <t>2065.1328125</t>
  </si>
  <si>
    <t>0.04938522518074251</t>
  </si>
  <si>
    <t>28.67847442626953</t>
  </si>
  <si>
    <t>2068.2958984375</t>
  </si>
  <si>
    <t>0.05008296477224583</t>
  </si>
  <si>
    <t>28.14142417907715</t>
  </si>
  <si>
    <t>2067.489501953125</t>
  </si>
  <si>
    <t>0.05325289706467551</t>
  </si>
  <si>
    <t>28.26441192626953</t>
  </si>
  <si>
    <t>2068.461181640625</t>
  </si>
  <si>
    <t>0.05868720807812444</t>
  </si>
  <si>
    <t>28.661222457885742</t>
  </si>
  <si>
    <t>2063.833740234375</t>
  </si>
  <si>
    <t>0.05814162903257625</t>
  </si>
  <si>
    <t>28.34544563293457</t>
  </si>
  <si>
    <t>2069.62451171875</t>
  </si>
  <si>
    <t>0.01531568581384235</t>
  </si>
  <si>
    <t>28.23339080810547</t>
  </si>
  <si>
    <t>2065.8779296875</t>
  </si>
  <si>
    <t>0.012921484367767633</t>
  </si>
  <si>
    <t>27.98128318786621</t>
  </si>
  <si>
    <t>2075.561767578125</t>
  </si>
  <si>
    <t>0.0659875867439812</t>
  </si>
  <si>
    <t>24.16595458984375</t>
  </si>
  <si>
    <t>1516.72998046875</t>
  </si>
  <si>
    <t>924.4959716796875</t>
  </si>
  <si>
    <t>Bac Ninh / Bac Giang / Ha Bac</t>
  </si>
  <si>
    <t>23.9522705078125</t>
  </si>
  <si>
    <t>1451.317626953125</t>
  </si>
  <si>
    <t>0.031685819074140475</t>
  </si>
  <si>
    <t>23.354158401489258</t>
  </si>
  <si>
    <t>1214.375</t>
  </si>
  <si>
    <t>0.05867340168517288</t>
  </si>
  <si>
    <t>23.75415802001953</t>
  </si>
  <si>
    <t>1560.8096923828125</t>
  </si>
  <si>
    <t>0.054550850432868</t>
  </si>
  <si>
    <t>23.685606002807617</t>
  </si>
  <si>
    <t>1970.6624755859375</t>
  </si>
  <si>
    <t>0.062414857838416715</t>
  </si>
  <si>
    <t>23.449594497680664</t>
  </si>
  <si>
    <t>1512.640625</t>
  </si>
  <si>
    <t>0.0710077386156236</t>
  </si>
  <si>
    <t>1620.7586669921875</t>
  </si>
  <si>
    <t>0.07056563759588386</t>
  </si>
  <si>
    <t>23.477272033691406</t>
  </si>
  <si>
    <t>1704.4873046875</t>
  </si>
  <si>
    <t>0.06058287252094896</t>
  </si>
  <si>
    <t>24.51894187927246</t>
  </si>
  <si>
    <t>1550.1549072265625</t>
  </si>
  <si>
    <t>0.03929778741436962</t>
  </si>
  <si>
    <t>23.81060218811035</t>
  </si>
  <si>
    <t>1505.26416015625</t>
  </si>
  <si>
    <t>0.030985722672708604</t>
  </si>
  <si>
    <t>23.5958251953125</t>
  </si>
  <si>
    <t>1367.5584716796875</t>
  </si>
  <si>
    <t>0.051573454391872886</t>
  </si>
  <si>
    <t>23.620826721191406</t>
  </si>
  <si>
    <t>1848.0850830078125</t>
  </si>
  <si>
    <t>0.05745405316213148</t>
  </si>
  <si>
    <t>23.906044006347656</t>
  </si>
  <si>
    <t>1678.133056640625</t>
  </si>
  <si>
    <t>0.05802657710916215</t>
  </si>
  <si>
    <t>24.12915802001953</t>
  </si>
  <si>
    <t>1443.878662109375</t>
  </si>
  <si>
    <t>0.06378085799787225</t>
  </si>
  <si>
    <t>23.68292999267578</t>
  </si>
  <si>
    <t>1279.2889404296875</t>
  </si>
  <si>
    <t>0.07014560936675984</t>
  </si>
  <si>
    <t>23.766263961791992</t>
  </si>
  <si>
    <t>1551.2412109375</t>
  </si>
  <si>
    <t>0.0702823623168225</t>
  </si>
  <si>
    <t>23.95415496826172</t>
  </si>
  <si>
    <t>1390.414306640625</t>
  </si>
  <si>
    <t>0.06405515691322439</t>
  </si>
  <si>
    <t>23.9162654876709</t>
  </si>
  <si>
    <t>1385.8575439453125</t>
  </si>
  <si>
    <t>0.3155927087363528</t>
  </si>
  <si>
    <t>23.424596786499023</t>
  </si>
  <si>
    <t>1932.858642578125</t>
  </si>
  <si>
    <t>0.25102052673580744</t>
  </si>
  <si>
    <t>24.197710037231445</t>
  </si>
  <si>
    <t>1297.42626953125</t>
  </si>
  <si>
    <t>0.1339599701821914</t>
  </si>
  <si>
    <t>23.266263961791992</t>
  </si>
  <si>
    <t>1241.428466796875</t>
  </si>
  <si>
    <t>0.13450572284962448</t>
  </si>
  <si>
    <t>23.226484298706055</t>
  </si>
  <si>
    <t>1456.7208251953125</t>
  </si>
  <si>
    <t>0.12550239259873486</t>
  </si>
  <si>
    <t>23.481042861938477</t>
  </si>
  <si>
    <t>1649.4697265625</t>
  </si>
  <si>
    <t>0.09002615165771921</t>
  </si>
  <si>
    <t>23.737489700317383</t>
  </si>
  <si>
    <t>1634.2794189453125</t>
  </si>
  <si>
    <t>0.282207058333805</t>
  </si>
  <si>
    <t>9020</t>
  </si>
  <si>
    <t>23.786569595336914</t>
  </si>
  <si>
    <t>1641.287353515625</t>
  </si>
  <si>
    <t>-0.042434883802117795</t>
  </si>
  <si>
    <t>24.194900512695312</t>
  </si>
  <si>
    <t>1709.4246826171875</t>
  </si>
  <si>
    <t>0.14457056868265283</t>
  </si>
  <si>
    <t>24.342226028442383</t>
  </si>
  <si>
    <t>1600.9251708984375</t>
  </si>
  <si>
    <t>0.07127368014994495</t>
  </si>
  <si>
    <t>23.818632125854492</t>
  </si>
  <si>
    <t>1716.276123046875</t>
  </si>
  <si>
    <t>0.05331929391136647</t>
  </si>
  <si>
    <t>23.963281631469727</t>
  </si>
  <si>
    <t>1626.20263671875</t>
  </si>
  <si>
    <t>0.05871948885345546</t>
  </si>
  <si>
    <t>24.369112014770508</t>
  </si>
  <si>
    <t>1428.587890625</t>
  </si>
  <si>
    <t>0.05802775541285321</t>
  </si>
  <si>
    <t>13474</t>
  </si>
  <si>
    <t>24.05652618408203</t>
  </si>
  <si>
    <t>1384.17138671875</t>
  </si>
  <si>
    <t>0.015406781453663143</t>
  </si>
  <si>
    <t>24.638452529907227</t>
  </si>
  <si>
    <t>1485.282958984375</t>
  </si>
  <si>
    <t>0.012904356335589284</t>
  </si>
  <si>
    <t>23.929946899414062</t>
  </si>
  <si>
    <t>1314.1416015625</t>
  </si>
  <si>
    <t>0.06591587824862621</t>
  </si>
  <si>
    <t>23.878448486328125</t>
  </si>
  <si>
    <t>1563.7340087890625</t>
  </si>
  <si>
    <t>343.8319396972656</t>
  </si>
  <si>
    <t>Bak Kan / Thai Nguyen</t>
  </si>
  <si>
    <t>23.95140266418457</t>
  </si>
  <si>
    <t>1388.2864990234375</t>
  </si>
  <si>
    <t>0.01035563275710949</t>
  </si>
  <si>
    <t>23.5284481048584</t>
  </si>
  <si>
    <t>1180.9920654296875</t>
  </si>
  <si>
    <t>0.03575423001121791</t>
  </si>
  <si>
    <t>1481.1409912109375</t>
  </si>
  <si>
    <t>0.03131371306614916</t>
  </si>
  <si>
    <t>23.92278480529785</t>
  </si>
  <si>
    <t>1934.535400390625</t>
  </si>
  <si>
    <t>0.03842992578443827</t>
  </si>
  <si>
    <t>23.672788619995117</t>
  </si>
  <si>
    <t>1397.0748291015625</t>
  </si>
  <si>
    <t>0.046491922196113755</t>
  </si>
  <si>
    <t>23.597787857055664</t>
  </si>
  <si>
    <t>1603.4097900390625</t>
  </si>
  <si>
    <t>0.04442611135047603</t>
  </si>
  <si>
    <t>23.880020141601562</t>
  </si>
  <si>
    <t>1654.8255615234375</t>
  </si>
  <si>
    <t>0.033845116674678266</t>
  </si>
  <si>
    <t>24.634737014770508</t>
  </si>
  <si>
    <t>1479.127685546875</t>
  </si>
  <si>
    <t>0.011930727201830749</t>
  </si>
  <si>
    <t>23.909265518188477</t>
  </si>
  <si>
    <t>1461.02294921875</t>
  </si>
  <si>
    <t>0.002154012679908668</t>
  </si>
  <si>
    <t>23.71807098388672</t>
  </si>
  <si>
    <t>1307.8839111328125</t>
  </si>
  <si>
    <t>0.021815177433087918</t>
  </si>
  <si>
    <t>23.771215438842773</t>
  </si>
  <si>
    <t>1768.258544921875</t>
  </si>
  <si>
    <t>0.041747881544019094</t>
  </si>
  <si>
    <t>24.049833297729492</t>
  </si>
  <si>
    <t>1594.2752685546875</t>
  </si>
  <si>
    <t>0.04298018892976874</t>
  </si>
  <si>
    <t>24.294641494750977</t>
  </si>
  <si>
    <t>1379.80712890625</t>
  </si>
  <si>
    <t>0.04814521090618573</t>
  </si>
  <si>
    <t>23.68159294128418</t>
  </si>
  <si>
    <t>1241.288330078125</t>
  </si>
  <si>
    <t>0.05469763130012417</t>
  </si>
  <si>
    <t>24.2462158203125</t>
  </si>
  <si>
    <t>1492.709228515625</t>
  </si>
  <si>
    <t>0.054755879103428384</t>
  </si>
  <si>
    <t>24.22797393798828</t>
  </si>
  <si>
    <t>1339.0029296875</t>
  </si>
  <si>
    <t>0.0491638084840611</t>
  </si>
  <si>
    <t>23.839921951293945</t>
  </si>
  <si>
    <t>1347.7767333984375</t>
  </si>
  <si>
    <t>0.22604927448798673</t>
  </si>
  <si>
    <t>23.167600631713867</t>
  </si>
  <si>
    <t>1873.8089599609375</t>
  </si>
  <si>
    <t>0.1907551535555676</t>
  </si>
  <si>
    <t>24.4175968170166</t>
  </si>
  <si>
    <t>1216.2110595703125</t>
  </si>
  <si>
    <t>0.03314093761605541</t>
  </si>
  <si>
    <t>24.026405334472656</t>
  </si>
  <si>
    <t>1207.44873046875</t>
  </si>
  <si>
    <t>0.04078187335432837</t>
  </si>
  <si>
    <t>23.41240882873535</t>
  </si>
  <si>
    <t>1386.35986328125</t>
  </si>
  <si>
    <t>0.03825732194196796</t>
  </si>
  <si>
    <t>24.297788619995117</t>
  </si>
  <si>
    <t>1546.68408203125</t>
  </si>
  <si>
    <t>0.015404374040784319</t>
  </si>
  <si>
    <t>23.927976608276367</t>
  </si>
  <si>
    <t>1526.0540771484375</t>
  </si>
  <si>
    <t>0.02121975782215557</t>
  </si>
  <si>
    <t>24.227975845336914</t>
  </si>
  <si>
    <t>1549.858154296875</t>
  </si>
  <si>
    <t>0.20579491297959684</t>
  </si>
  <si>
    <t>24.52326011657715</t>
  </si>
  <si>
    <t>1646.31884765625</t>
  </si>
  <si>
    <t>0.2326977641190222</t>
  </si>
  <si>
    <t>24.37640380859375</t>
  </si>
  <si>
    <t>1476.7296142578125</t>
  </si>
  <si>
    <t>0.12408626477882123</t>
  </si>
  <si>
    <t>23.783164978027344</t>
  </si>
  <si>
    <t>1633.979248046875</t>
  </si>
  <si>
    <t>0.053276564380858815</t>
  </si>
  <si>
    <t>23.887880325317383</t>
  </si>
  <si>
    <t>1566.8868408203125</t>
  </si>
  <si>
    <t>0.05869225406538092</t>
  </si>
  <si>
    <t>24.833162307739258</t>
  </si>
  <si>
    <t>1316.8050537109375</t>
  </si>
  <si>
    <t>0.05812506447104404</t>
  </si>
  <si>
    <t>24.173255920410156</t>
  </si>
  <si>
    <t>1249.1407470703125</t>
  </si>
  <si>
    <t>0.015340665177481227</t>
  </si>
  <si>
    <t>24.492597579956055</t>
  </si>
  <si>
    <t>1483.4337158203125</t>
  </si>
  <si>
    <t>0.012919669229896513</t>
  </si>
  <si>
    <t>23.78788185119629</t>
  </si>
  <si>
    <t>1236.8634033203125</t>
  </si>
  <si>
    <t>0.06592688065232366</t>
  </si>
  <si>
    <t>1780.699951171875</t>
  </si>
  <si>
    <t>756.6224365234375</t>
  </si>
  <si>
    <t>Ben Tre</t>
  </si>
  <si>
    <t>1805.9998779296875</t>
  </si>
  <si>
    <t>0.03687053580832789</t>
  </si>
  <si>
    <t>1816.39990234375</t>
  </si>
  <si>
    <t>0.062486076947736</t>
  </si>
  <si>
    <t>1787.1998291015625</t>
  </si>
  <si>
    <t>0.05881013672608493</t>
  </si>
  <si>
    <t>28.208335876464844</t>
  </si>
  <si>
    <t>1838.900146484375</t>
  </si>
  <si>
    <t>0.06778974320867626</t>
  </si>
  <si>
    <t>1812.5001220703125</t>
  </si>
  <si>
    <t>0.0752776997405995</t>
  </si>
  <si>
    <t>1810.7999267578125</t>
  </si>
  <si>
    <t>0.06391414040793553</t>
  </si>
  <si>
    <t>28.416669845581055</t>
  </si>
  <si>
    <t>1796.400146484375</t>
  </si>
  <si>
    <t>0.05353111446496239</t>
  </si>
  <si>
    <t>1822.89990234375</t>
  </si>
  <si>
    <t>0.03229150463652353</t>
  </si>
  <si>
    <t>1803.7001953125</t>
  </si>
  <si>
    <t>0.024008540052008698</t>
  </si>
  <si>
    <t>1829.5</t>
  </si>
  <si>
    <t>0.044610429766724025</t>
  </si>
  <si>
    <t>1817.300048828125</t>
  </si>
  <si>
    <t>0.01524102934636229</t>
  </si>
  <si>
    <t>28.216665267944336</t>
  </si>
  <si>
    <t>1825.5</t>
  </si>
  <si>
    <t>0.015012223248721313</t>
  </si>
  <si>
    <t>1813.0999755859375</t>
  </si>
  <si>
    <t>0.01945064673781083</t>
  </si>
  <si>
    <t>1807.89990234375</t>
  </si>
  <si>
    <t>0.02427940785775462</t>
  </si>
  <si>
    <t>3158</t>
  </si>
  <si>
    <t>1826.800048828125</t>
  </si>
  <si>
    <t>0.023387258476098793</t>
  </si>
  <si>
    <t>0.0153970048775669</t>
  </si>
  <si>
    <t>1879.9000244140625</t>
  </si>
  <si>
    <t>0.21468882739527828</t>
  </si>
  <si>
    <t>1787.2999267578125</t>
  </si>
  <si>
    <t>0.1821118912097912</t>
  </si>
  <si>
    <t>1838.599853515625</t>
  </si>
  <si>
    <t>-0.0949537744628568</t>
  </si>
  <si>
    <t>1811.400146484375</t>
  </si>
  <si>
    <t>-0.109287978255038</t>
  </si>
  <si>
    <t>1823.7998046875</t>
  </si>
  <si>
    <t>-0.14327892217377602</t>
  </si>
  <si>
    <t>28.366666793823242</t>
  </si>
  <si>
    <t>0.0358586735529407</t>
  </si>
  <si>
    <t>0.021250268399397143</t>
  </si>
  <si>
    <t>0.04038455655376083</t>
  </si>
  <si>
    <t>28.541664123535156</t>
  </si>
  <si>
    <t>28.666671752929688</t>
  </si>
  <si>
    <t>0.06468708379414423</t>
  </si>
  <si>
    <t>0.0532720237000035</t>
  </si>
  <si>
    <t>0.058800257764533015</t>
  </si>
  <si>
    <t>4788</t>
  </si>
  <si>
    <t>28.725004196166992</t>
  </si>
  <si>
    <t>0.05804336964991563</t>
  </si>
  <si>
    <t>0.015337088198204896</t>
  </si>
  <si>
    <t>0.012874398730119196</t>
  </si>
  <si>
    <t>0.06599684812461781</t>
  </si>
  <si>
    <t>26.847230911254883</t>
  </si>
  <si>
    <t>1654.6346435546875</t>
  </si>
  <si>
    <t>903.040771484375</t>
  </si>
  <si>
    <t>Binh Dinh</t>
  </si>
  <si>
    <t>26.57523536682129</t>
  </si>
  <si>
    <t>1653.708740234375</t>
  </si>
  <si>
    <t>0.024014876203873214</t>
  </si>
  <si>
    <t>26.559059143066406</t>
  </si>
  <si>
    <t>1649.2115478515625</t>
  </si>
  <si>
    <t>0.05024189440261928</t>
  </si>
  <si>
    <t>26.580400466918945</t>
  </si>
  <si>
    <t>1648.099365234375</t>
  </si>
  <si>
    <t>0.04599235754508424</t>
  </si>
  <si>
    <t>26.55640411376953</t>
  </si>
  <si>
    <t>1658.561767578125</t>
  </si>
  <si>
    <t>0.05510375932628442</t>
  </si>
  <si>
    <t>26.491403579711914</t>
  </si>
  <si>
    <t>1655.7293701171875</t>
  </si>
  <si>
    <t>0.06213178110700568</t>
  </si>
  <si>
    <t>26.117578506469727</t>
  </si>
  <si>
    <t>1655.7449951171875</t>
  </si>
  <si>
    <t>0.05227857007073844</t>
  </si>
  <si>
    <t>26.686067581176758</t>
  </si>
  <si>
    <t>1653.98828125</t>
  </si>
  <si>
    <t>0.04273284958596779</t>
  </si>
  <si>
    <t>26.89056968688965</t>
  </si>
  <si>
    <t>1658.5574951171875</t>
  </si>
  <si>
    <t>0.02021266742728045</t>
  </si>
  <si>
    <t>26.2205810546875</t>
  </si>
  <si>
    <t>1664.9820556640625</t>
  </si>
  <si>
    <t>0.011644964196879215</t>
  </si>
  <si>
    <t>26.309234619140625</t>
  </si>
  <si>
    <t>1655.8250732421875</t>
  </si>
  <si>
    <t>0.032276176153903435</t>
  </si>
  <si>
    <t>26.40357208251953</t>
  </si>
  <si>
    <t>1654.623291015625</t>
  </si>
  <si>
    <t>0.05187696334709635</t>
  </si>
  <si>
    <t>26.442230224609375</t>
  </si>
  <si>
    <t>1654.31884765625</t>
  </si>
  <si>
    <t>0.05353025836617853</t>
  </si>
  <si>
    <t>26.467905044555664</t>
  </si>
  <si>
    <t>1653.1429443359375</t>
  </si>
  <si>
    <t>0.05916471335814588</t>
  </si>
  <si>
    <t>26.46473503112793</t>
  </si>
  <si>
    <t>1649.3460693359375</t>
  </si>
  <si>
    <t>0.06518213330920553</t>
  </si>
  <si>
    <t>26.61589241027832</t>
  </si>
  <si>
    <t>1657.059326171875</t>
  </si>
  <si>
    <t>0.06572100658123858</t>
  </si>
  <si>
    <t>26.58357048034668</t>
  </si>
  <si>
    <t>1658.4061279296875</t>
  </si>
  <si>
    <t>0.059704122227029366</t>
  </si>
  <si>
    <t>26.396400451660156</t>
  </si>
  <si>
    <t>1659.8475341796875</t>
  </si>
  <si>
    <t>0.18863209889790689</t>
  </si>
  <si>
    <t>4338</t>
  </si>
  <si>
    <t>26.097070693969727</t>
  </si>
  <si>
    <t>1657.41650390625</t>
  </si>
  <si>
    <t>0.1623291067103363</t>
  </si>
  <si>
    <t>26.63190460205078</t>
  </si>
  <si>
    <t>1654.9993896484375</t>
  </si>
  <si>
    <t>-0.014395419241884255</t>
  </si>
  <si>
    <t>26.67822265625</t>
  </si>
  <si>
    <t>1649.796630859375</t>
  </si>
  <si>
    <t>-0.010343298606800388</t>
  </si>
  <si>
    <t>26.20989418029785</t>
  </si>
  <si>
    <t>1660.9613037109375</t>
  </si>
  <si>
    <t>-0.017159620282827248</t>
  </si>
  <si>
    <t>26.77772331237793</t>
  </si>
  <si>
    <t>1661.5418701171875</t>
  </si>
  <si>
    <t>0.047873993697653106</t>
  </si>
  <si>
    <t>26.384565353393555</t>
  </si>
  <si>
    <t>1655.2071533203125</t>
  </si>
  <si>
    <t>0.012298037027100861</t>
  </si>
  <si>
    <t>26.71973419189453</t>
  </si>
  <si>
    <t>1652.6982421875</t>
  </si>
  <si>
    <t>0.0505347451049154</t>
  </si>
  <si>
    <t>27.0860652923584</t>
  </si>
  <si>
    <t>1650.814453125</t>
  </si>
  <si>
    <t>0.04912826680216931</t>
  </si>
  <si>
    <t>27.046892166137695</t>
  </si>
  <si>
    <t>1654.9320068359375</t>
  </si>
  <si>
    <t>0.06350079788592566</t>
  </si>
  <si>
    <t>26.591903686523438</t>
  </si>
  <si>
    <t>1653.8094482421875</t>
  </si>
  <si>
    <t>0.053348477724476595</t>
  </si>
  <si>
    <t>26.714895248413086</t>
  </si>
  <si>
    <t>1651.42626953125</t>
  </si>
  <si>
    <t>0.05858527241321276</t>
  </si>
  <si>
    <t>27.036558151245117</t>
  </si>
  <si>
    <t>1654.719970703125</t>
  </si>
  <si>
    <t>0.05810347168768182</t>
  </si>
  <si>
    <t>26.77923011779785</t>
  </si>
  <si>
    <t>1657.572265625</t>
  </si>
  <si>
    <t>0.015451780146866767</t>
  </si>
  <si>
    <t>26.81207275390625</t>
  </si>
  <si>
    <t>1660.55029296875</t>
  </si>
  <si>
    <t>0.012854259352982567</t>
  </si>
  <si>
    <t>26.31290626525879</t>
  </si>
  <si>
    <t>1656.557861328125</t>
  </si>
  <si>
    <t>0.065897578279424</t>
  </si>
  <si>
    <t>27.566022872924805</t>
  </si>
  <si>
    <t>1656.1866455078125</t>
  </si>
  <si>
    <t>276.9245910644531</t>
  </si>
  <si>
    <t>Binh Duong / Binh Phuoc</t>
  </si>
  <si>
    <t>27.341020584106445</t>
  </si>
  <si>
    <t>1673.4625244140625</t>
  </si>
  <si>
    <t>-0.06284024730737947</t>
  </si>
  <si>
    <t>27.3507080078125</t>
  </si>
  <si>
    <t>1675.982177734375</t>
  </si>
  <si>
    <t>-0.048677048395316724</t>
  </si>
  <si>
    <t>27.26438331604004</t>
  </si>
  <si>
    <t>1667.1583251953125</t>
  </si>
  <si>
    <t>27.289457321166992</t>
  </si>
  <si>
    <t>1684.8642578125</t>
  </si>
  <si>
    <t>-0.0746287376908139</t>
  </si>
  <si>
    <t>27.267515182495117</t>
  </si>
  <si>
    <t>1676.88232421875</t>
  </si>
  <si>
    <t>-0.09058117863042003</t>
  </si>
  <si>
    <t>26.904054641723633</t>
  </si>
  <si>
    <t>1675.242919921875</t>
  </si>
  <si>
    <t>0.40745912671502893</t>
  </si>
  <si>
    <t>1668.98046875</t>
  </si>
  <si>
    <t>0.3137341725306202</t>
  </si>
  <si>
    <t>27.781049728393555</t>
  </si>
  <si>
    <t>1678.40185546875</t>
  </si>
  <si>
    <t>0.241889594135265</t>
  </si>
  <si>
    <t>26.924211502075195</t>
  </si>
  <si>
    <t>1672.501953125</t>
  </si>
  <si>
    <t>0.20025502466743017</t>
  </si>
  <si>
    <t>27.189096450805664</t>
  </si>
  <si>
    <t>1680.9840087890625</t>
  </si>
  <si>
    <t>0.19717791174347</t>
  </si>
  <si>
    <t>27.22898292541504</t>
  </si>
  <si>
    <t>1677.7864990234375</t>
  </si>
  <si>
    <t>0.051152475461254454</t>
  </si>
  <si>
    <t>27.35576629638672</t>
  </si>
  <si>
    <t>1677.3438720703125</t>
  </si>
  <si>
    <t>0.05259383484203006</t>
  </si>
  <si>
    <t>27.347503662109375</t>
  </si>
  <si>
    <t>1675.8822021484375</t>
  </si>
  <si>
    <t>0.05827326258588528</t>
  </si>
  <si>
    <t>4898</t>
  </si>
  <si>
    <t>27.322359085083008</t>
  </si>
  <si>
    <t>1675.460693359375</t>
  </si>
  <si>
    <t>0.06429355318631913</t>
  </si>
  <si>
    <t>27.419227600097656</t>
  </si>
  <si>
    <t>1676.9608154296875</t>
  </si>
  <si>
    <t>0.06481920856844425</t>
  </si>
  <si>
    <t>27.382545471191406</t>
  </si>
  <si>
    <t>1676.96337890625</t>
  </si>
  <si>
    <t>0.058889703339247035</t>
  </si>
  <si>
    <t>5604</t>
  </si>
  <si>
    <t>27.235824584960938</t>
  </si>
  <si>
    <t>1699.40869140625</t>
  </si>
  <si>
    <t>0.010944758037092939</t>
  </si>
  <si>
    <t>26.84892463684082</t>
  </si>
  <si>
    <t>1668.0009765625</t>
  </si>
  <si>
    <t>-0.002680248187198586</t>
  </si>
  <si>
    <t>27.385963439941406</t>
  </si>
  <si>
    <t>1681.024169921875</t>
  </si>
  <si>
    <t>0.2367559734021505</t>
  </si>
  <si>
    <t>27.579269409179688</t>
  </si>
  <si>
    <t>1674.9010009765625</t>
  </si>
  <si>
    <t>0.2134383189167366</t>
  </si>
  <si>
    <t>10585</t>
  </si>
  <si>
    <t>26.977487564086914</t>
  </si>
  <si>
    <t>1679.725830078125</t>
  </si>
  <si>
    <t>0.18844323198037927</t>
  </si>
  <si>
    <t>27.59928321838379</t>
  </si>
  <si>
    <t>1687.117431640625</t>
  </si>
  <si>
    <t>0.0225127437879582</t>
  </si>
  <si>
    <t>27.132474899291992</t>
  </si>
  <si>
    <t>1680.6497802734375</t>
  </si>
  <si>
    <t>0.01412478770659753</t>
  </si>
  <si>
    <t>27.42100715637207</t>
  </si>
  <si>
    <t>1680.5694580078125</t>
  </si>
  <si>
    <t>0.031819847878107765</t>
  </si>
  <si>
    <t>27.814241409301758</t>
  </si>
  <si>
    <t>1673.820556640625</t>
  </si>
  <si>
    <t>0.05484234854366932</t>
  </si>
  <si>
    <t>27.909255981445312</t>
  </si>
  <si>
    <t>1677.677001953125</t>
  </si>
  <si>
    <t>0.08436325491082641</t>
  </si>
  <si>
    <t>27.3792724609375</t>
  </si>
  <si>
    <t>1682.1763916015625</t>
  </si>
  <si>
    <t>0.053355949194896723</t>
  </si>
  <si>
    <t>27.455907821655273</t>
  </si>
  <si>
    <t>1679.2034912109375</t>
  </si>
  <si>
    <t>0.05871366494267605</t>
  </si>
  <si>
    <t>27.856122970581055</t>
  </si>
  <si>
    <t>1679.0428466796875</t>
  </si>
  <si>
    <t>0.05805007685042973</t>
  </si>
  <si>
    <t>27.5759220123291</t>
  </si>
  <si>
    <t>0.01542050602809475</t>
  </si>
  <si>
    <t>27.534255981445312</t>
  </si>
  <si>
    <t>1679.52490234375</t>
  </si>
  <si>
    <t>0.01286008030780117</t>
  </si>
  <si>
    <t>27.1241397857666</t>
  </si>
  <si>
    <t>1680.047119140625</t>
  </si>
  <si>
    <t>0.06594591450824971</t>
  </si>
  <si>
    <t>25.92441749572754</t>
  </si>
  <si>
    <t>1529.810302734375</t>
  </si>
  <si>
    <t>896.8848876953125</t>
  </si>
  <si>
    <t>Binh Thuan / Ninh Thuan</t>
  </si>
  <si>
    <t>25.747575759887695</t>
  </si>
  <si>
    <t>1561.1114501953125</t>
  </si>
  <si>
    <t>0.018487346117797898</t>
  </si>
  <si>
    <t>25.721925735473633</t>
  </si>
  <si>
    <t>25.690092086791992</t>
  </si>
  <si>
    <t>0.04006895310634473</t>
  </si>
  <si>
    <t>25.728734970092773</t>
  </si>
  <si>
    <t>25.703201293945312</t>
  </si>
  <si>
    <t>0.05600308848738944</t>
  </si>
  <si>
    <t>25.42429542541504</t>
  </si>
  <si>
    <t>0.046086048788254175</t>
  </si>
  <si>
    <t>25.932485580444336</t>
  </si>
  <si>
    <t>0.036329343935324054</t>
  </si>
  <si>
    <t>26.083412170410156</t>
  </si>
  <si>
    <t>0.013864150183106716</t>
  </si>
  <si>
    <t>25.475412368774414</t>
  </si>
  <si>
    <t>0.005086480956373762</t>
  </si>
  <si>
    <t>25.605012893676758</t>
  </si>
  <si>
    <t>0.024556483242530014</t>
  </si>
  <si>
    <t>25.665054321289062</t>
  </si>
  <si>
    <t>0.05864246061244405</t>
  </si>
  <si>
    <t>25.75327491760254</t>
  </si>
  <si>
    <t>0.059800423302787564</t>
  </si>
  <si>
    <t>25.717222213745117</t>
  </si>
  <si>
    <t>0.06552747786890745</t>
  </si>
  <si>
    <t>25.738014221191406</t>
  </si>
  <si>
    <t>0.07189913295733952</t>
  </si>
  <si>
    <t>25.847793579101562</t>
  </si>
  <si>
    <t>0.07172326602805956</t>
  </si>
  <si>
    <t>25.81830406188965</t>
  </si>
  <si>
    <t>0.06592001381478596</t>
  </si>
  <si>
    <t>25.64841651916504</t>
  </si>
  <si>
    <t>0.14610234664442956</t>
  </si>
  <si>
    <t>25.39089012145996</t>
  </si>
  <si>
    <t>0.12796034757506725</t>
  </si>
  <si>
    <t>25.80480194091797</t>
  </si>
  <si>
    <t>-0.000508001026927829</t>
  </si>
  <si>
    <t>25.912153244018555</t>
  </si>
  <si>
    <t>0.005321183213281344</t>
  </si>
  <si>
    <t>25.546676635742188</t>
  </si>
  <si>
    <t>0.0005053057207060618</t>
  </si>
  <si>
    <t>4093</t>
  </si>
  <si>
    <t>25.965864181518555</t>
  </si>
  <si>
    <t>0.03328672938627264</t>
  </si>
  <si>
    <t>25.65045738220215</t>
  </si>
  <si>
    <t>0.019117339628259344</t>
  </si>
  <si>
    <t>4404</t>
  </si>
  <si>
    <t>25.899343490600586</t>
  </si>
  <si>
    <t>0.054117681721908895</t>
  </si>
  <si>
    <t>26.2200984954834</t>
  </si>
  <si>
    <t>0.0796234204556523</t>
  </si>
  <si>
    <t>26.19298553466797</t>
  </si>
  <si>
    <t>0.06396171401112127</t>
  </si>
  <si>
    <t>25.81633758544922</t>
  </si>
  <si>
    <t>0.05323868648656038</t>
  </si>
  <si>
    <t>25.90047264099121</t>
  </si>
  <si>
    <t>0.05866997341503932</t>
  </si>
  <si>
    <t>26.187179565429688</t>
  </si>
  <si>
    <t>0.05807642747930153</t>
  </si>
  <si>
    <t>25.95345115661621</t>
  </si>
  <si>
    <t>0.015478655816124842</t>
  </si>
  <si>
    <t>25.94916534423828</t>
  </si>
  <si>
    <t>0.01282589219554886</t>
  </si>
  <si>
    <t>25.57404899597168</t>
  </si>
  <si>
    <t>0.06600945040527151</t>
  </si>
  <si>
    <t>21.47279930114746</t>
  </si>
  <si>
    <t>1501.6168212890625</t>
  </si>
  <si>
    <t>243.28138732910156</t>
  </si>
  <si>
    <t>Cao Bang</t>
  </si>
  <si>
    <t>21.345048904418945</t>
  </si>
  <si>
    <t>1304.3089599609375</t>
  </si>
  <si>
    <t>0.06155789299943315</t>
  </si>
  <si>
    <t>20.84682273864746</t>
  </si>
  <si>
    <t>1082.860107421875</t>
  </si>
  <si>
    <t>0.08674481694540148</t>
  </si>
  <si>
    <t>1111</t>
  </si>
  <si>
    <t>21.21781349182129</t>
  </si>
  <si>
    <t>1426.177734375</t>
  </si>
  <si>
    <t>0.08252102368800429</t>
  </si>
  <si>
    <t>21.252744674682617</t>
  </si>
  <si>
    <t>1807.7918701171875</t>
  </si>
  <si>
    <t>0.09112830334789646</t>
  </si>
  <si>
    <t>21.011890411376953</t>
  </si>
  <si>
    <t>1251.79541015625</t>
  </si>
  <si>
    <t>0.09777222454410062</t>
  </si>
  <si>
    <t>20.932025909423828</t>
  </si>
  <si>
    <t>1528.3680419921875</t>
  </si>
  <si>
    <t>0.08905846061135403</t>
  </si>
  <si>
    <t>21.145429611206055</t>
  </si>
  <si>
    <t>1523.379150390625</t>
  </si>
  <si>
    <t>0.0786259423834279</t>
  </si>
  <si>
    <t>22.058549880981445</t>
  </si>
  <si>
    <t>1368.8990478515625</t>
  </si>
  <si>
    <t>0.05694835187089531</t>
  </si>
  <si>
    <t>21.31960678100586</t>
  </si>
  <si>
    <t>1386.50830078125</t>
  </si>
  <si>
    <t>0.04822311000056523</t>
  </si>
  <si>
    <t>21.120798110961914</t>
  </si>
  <si>
    <t>1125.7255859375</t>
  </si>
  <si>
    <t>0.0690306851036393</t>
  </si>
  <si>
    <t>21.192975997924805</t>
  </si>
  <si>
    <t>1674.7421875</t>
  </si>
  <si>
    <t>0.010531956224238748</t>
  </si>
  <si>
    <t>21.43947410583496</t>
  </si>
  <si>
    <t>1537.6336669921875</t>
  </si>
  <si>
    <t>0.009903651444743033</t>
  </si>
  <si>
    <t>21.695356369018555</t>
  </si>
  <si>
    <t>1269.2528076171875</t>
  </si>
  <si>
    <t>0.013395357432236743</t>
  </si>
  <si>
    <t>21.140790939331055</t>
  </si>
  <si>
    <t>1114.577880859375</t>
  </si>
  <si>
    <t>0.01825608511581045</t>
  </si>
  <si>
    <t>21.441755294799805</t>
  </si>
  <si>
    <t>1408.626953125</t>
  </si>
  <si>
    <t>0.01644691944920762</t>
  </si>
  <si>
    <t>21.558517456054688</t>
  </si>
  <si>
    <t>1230.4774169921875</t>
  </si>
  <si>
    <t>21.350317001342773</t>
  </si>
  <si>
    <t>1207.3253173828125</t>
  </si>
  <si>
    <t>0.20822158858313067</t>
  </si>
  <si>
    <t>20.82745933532715</t>
  </si>
  <si>
    <t>1733.6356201171875</t>
  </si>
  <si>
    <t>0.17693070815907852</t>
  </si>
  <si>
    <t>21.797935485839844</t>
  </si>
  <si>
    <t>1138.81689453125</t>
  </si>
  <si>
    <t>-0.07121183378034157</t>
  </si>
  <si>
    <t>21.079849243164062</t>
  </si>
  <si>
    <t>1140.9219970703125</t>
  </si>
  <si>
    <t>-0.07822303381770812</t>
  </si>
  <si>
    <t>20.838144302368164</t>
  </si>
  <si>
    <t>1228.867431640625</t>
  </si>
  <si>
    <t>-0.10059338687211294</t>
  </si>
  <si>
    <t>21.29559898376465</t>
  </si>
  <si>
    <t>1366.1568603515625</t>
  </si>
  <si>
    <t>0.03824799052508254</t>
  </si>
  <si>
    <t>21.3923282623291</t>
  </si>
  <si>
    <t>1392.6402587890625</t>
  </si>
  <si>
    <t>0.1537382236448792</t>
  </si>
  <si>
    <t>21.490522384643555</t>
  </si>
  <si>
    <t>1478.50244140625</t>
  </si>
  <si>
    <t>0.021686754090015192</t>
  </si>
  <si>
    <t>21.837602615356445</t>
  </si>
  <si>
    <t>1621.6961669921875</t>
  </si>
  <si>
    <t>-0.0643078672327313</t>
  </si>
  <si>
    <t>21.906539916992188</t>
  </si>
  <si>
    <t>1343.2362060546875</t>
  </si>
  <si>
    <t>0.12375125024050515</t>
  </si>
  <si>
    <t>21.368139266967773</t>
  </si>
  <si>
    <t>1615.3443603515625</t>
  </si>
  <si>
    <t>0.053638114064129994</t>
  </si>
  <si>
    <t>21.556367874145508</t>
  </si>
  <si>
    <t>1525.1915283203125</t>
  </si>
  <si>
    <t>0.05851376468006819</t>
  </si>
  <si>
    <t>22.053762435913086</t>
  </si>
  <si>
    <t>1212.673828125</t>
  </si>
  <si>
    <t>0.05803241243891932</t>
  </si>
  <si>
    <t>21.68977928161621</t>
  </si>
  <si>
    <t>1115.23291015625</t>
  </si>
  <si>
    <t>0.015554959555194259</t>
  </si>
  <si>
    <t>22.13336753845215</t>
  </si>
  <si>
    <t>1363.2294921875</t>
  </si>
  <si>
    <t>0.012913819495581791</t>
  </si>
  <si>
    <t>21.568954467773438</t>
  </si>
  <si>
    <t>1064.964599609375</t>
  </si>
  <si>
    <t>0.06569062385222857</t>
  </si>
  <si>
    <t>25.760591506958008</t>
  </si>
  <si>
    <t>2259.8876953125</t>
  </si>
  <si>
    <t>498.6808776855469</t>
  </si>
  <si>
    <t>Da Nam / Quang Nam</t>
  </si>
  <si>
    <t>1128</t>
  </si>
  <si>
    <t>25.60334587097168</t>
  </si>
  <si>
    <t>2019.36572265625</t>
  </si>
  <si>
    <t>0.05278750460205295</t>
  </si>
  <si>
    <t>25.29155921936035</t>
  </si>
  <si>
    <t>1811.0</t>
  </si>
  <si>
    <t>0.07840470566929802</t>
  </si>
  <si>
    <t>25.64946746826172</t>
  </si>
  <si>
    <t>1697.464111328125</t>
  </si>
  <si>
    <t>25.594497680664062</t>
  </si>
  <si>
    <t>2044.7525634765625</t>
  </si>
  <si>
    <t>0.0824381982876643</t>
  </si>
  <si>
    <t>25.407943725585938</t>
  </si>
  <si>
    <t>2039.0618896484375</t>
  </si>
  <si>
    <t>0.0909717782057271</t>
  </si>
  <si>
    <t>25.1722354888916</t>
  </si>
  <si>
    <t>2176.45556640625</t>
  </si>
  <si>
    <t>0.07925546102787884</t>
  </si>
  <si>
    <t>25.606348037719727</t>
  </si>
  <si>
    <t>1964.384521484375</t>
  </si>
  <si>
    <t>0.07013417702810276</t>
  </si>
  <si>
    <t>26.198450088500977</t>
  </si>
  <si>
    <t>2238.8017578125</t>
  </si>
  <si>
    <t>0.04837052505290895</t>
  </si>
  <si>
    <t>25.56532096862793</t>
  </si>
  <si>
    <t>2472.375244140625</t>
  </si>
  <si>
    <t>0.04010820363067058</t>
  </si>
  <si>
    <t>25.48273468017578</t>
  </si>
  <si>
    <t>1946.2451171875</t>
  </si>
  <si>
    <t>0.0610988926339564</t>
  </si>
  <si>
    <t>25.500024795532227</t>
  </si>
  <si>
    <t>2145.6435546875</t>
  </si>
  <si>
    <t>0.0404236221506471</t>
  </si>
  <si>
    <t>25.540231704711914</t>
  </si>
  <si>
    <t>2284.03955078125</t>
  </si>
  <si>
    <t>0.0419142939188637</t>
  </si>
  <si>
    <t>25.674697875976562</t>
  </si>
  <si>
    <t>1772.8497314453125</t>
  </si>
  <si>
    <t>0.04733349967296796</t>
  </si>
  <si>
    <t>25.33563232421875</t>
  </si>
  <si>
    <t>1619.3072509765625</t>
  </si>
  <si>
    <t>0.05312418704281363</t>
  </si>
  <si>
    <t>25.518646240234375</t>
  </si>
  <si>
    <t>2055.590087890625</t>
  </si>
  <si>
    <t>0.05381775139246958</t>
  </si>
  <si>
    <t>25.63932228088379</t>
  </si>
  <si>
    <t>1988.60693359375</t>
  </si>
  <si>
    <t>0.04786301650825209</t>
  </si>
  <si>
    <t>25.39897918701172</t>
  </si>
  <si>
    <t>2062.1015625</t>
  </si>
  <si>
    <t>0.2733088462104085</t>
  </si>
  <si>
    <t>24.88563346862793</t>
  </si>
  <si>
    <t>2192.06396484375</t>
  </si>
  <si>
    <t>0.22401179534531224</t>
  </si>
  <si>
    <t>25.69280433654785</t>
  </si>
  <si>
    <t>2043.892333984375</t>
  </si>
  <si>
    <t>0.0579536425100855</t>
  </si>
  <si>
    <t>25.376955032348633</t>
  </si>
  <si>
    <t>1865.336669921875</t>
  </si>
  <si>
    <t>0.06576626837589394</t>
  </si>
  <si>
    <t>24.941415786743164</t>
  </si>
  <si>
    <t>2383.82666015625</t>
  </si>
  <si>
    <t>0.06296759846724242</t>
  </si>
  <si>
    <t>25.673433303833008</t>
  </si>
  <si>
    <t>2351.84130859375</t>
  </si>
  <si>
    <t>0.04022415608448782</t>
  </si>
  <si>
    <t>25.27716064453125</t>
  </si>
  <si>
    <t>2484.025390625</t>
  </si>
  <si>
    <t>0.04149270158816698</t>
  </si>
  <si>
    <t>25.776397705078125</t>
  </si>
  <si>
    <t>1797.904541015625</t>
  </si>
  <si>
    <t>0.06843974353435733</t>
  </si>
  <si>
    <t>1958.8408203125</t>
  </si>
  <si>
    <t>0.13540801950414405</t>
  </si>
  <si>
    <t>8641</t>
  </si>
  <si>
    <t>26.105623245239258</t>
  </si>
  <si>
    <t>2125.984619140625</t>
  </si>
  <si>
    <t>0.15625527305651232</t>
  </si>
  <si>
    <t>25.55260467529297</t>
  </si>
  <si>
    <t>2307.158447265625</t>
  </si>
  <si>
    <t>0.05340309127136322</t>
  </si>
  <si>
    <t>25.7064151763916</t>
  </si>
  <si>
    <t>1877.2139892578125</t>
  </si>
  <si>
    <t>0.05869316529226687</t>
  </si>
  <si>
    <t>26.197431564331055</t>
  </si>
  <si>
    <t>2120.985107421875</t>
  </si>
  <si>
    <t>0.05807759491438702</t>
  </si>
  <si>
    <t>25.8044376373291</t>
  </si>
  <si>
    <t>2200.466796875</t>
  </si>
  <si>
    <t>0.015402057751478182</t>
  </si>
  <si>
    <t>25.98393440246582</t>
  </si>
  <si>
    <t>2243.083740234375</t>
  </si>
  <si>
    <t>0.01289354569833634</t>
  </si>
  <si>
    <t>25.35538673400879</t>
  </si>
  <si>
    <t>2184.197021484375</t>
  </si>
  <si>
    <t>0.06591354802499438</t>
  </si>
  <si>
    <t>24.404434204101562</t>
  </si>
  <si>
    <t>1663.884033203125</t>
  </si>
  <si>
    <t>662.8134765625</t>
  </si>
  <si>
    <t>Dak Lack</t>
  </si>
  <si>
    <t>24.205232620239258</t>
  </si>
  <si>
    <t>1679.54833984375</t>
  </si>
  <si>
    <t>-0.024445216433646166</t>
  </si>
  <si>
    <t>24.15299415588379</t>
  </si>
  <si>
    <t>1663.3597412109375</t>
  </si>
  <si>
    <t>-0.0020304575503820033</t>
  </si>
  <si>
    <t>24.160057067871094</t>
  </si>
  <si>
    <t>1649.264892578125</t>
  </si>
  <si>
    <t>-0.010625355378936163</t>
  </si>
  <si>
    <t>24.193517684936523</t>
  </si>
  <si>
    <t>1712.55419921875</t>
  </si>
  <si>
    <t>-0.007008892843988868</t>
  </si>
  <si>
    <t>24.09381103515625</t>
  </si>
  <si>
    <t>1681.1375732421875</t>
  </si>
  <si>
    <t>-0.004977198163621743</t>
  </si>
  <si>
    <t>23.723283767700195</t>
  </si>
  <si>
    <t>1694.012451171875</t>
  </si>
  <si>
    <t>-0.007931579882000328</t>
  </si>
  <si>
    <t>24.38459014892578</t>
  </si>
  <si>
    <t>1692.3863525390625</t>
  </si>
  <si>
    <t>-0.025038439355569153</t>
  </si>
  <si>
    <t>24.60773468017578</t>
  </si>
  <si>
    <t>1694.1387939453125</t>
  </si>
  <si>
    <t>-0.055213846019666946</t>
  </si>
  <si>
    <t>23.823122024536133</t>
  </si>
  <si>
    <t>1723.7115478515625</t>
  </si>
  <si>
    <t>-0.07347937077105371</t>
  </si>
  <si>
    <t>23.994325637817383</t>
  </si>
  <si>
    <t>1699.6131591796875</t>
  </si>
  <si>
    <t>-0.06616904489682529</t>
  </si>
  <si>
    <t>24.05323028564453</t>
  </si>
  <si>
    <t>1698.8536376953125</t>
  </si>
  <si>
    <t>0.0343888132751875</t>
  </si>
  <si>
    <t>24.17201805114746</t>
  </si>
  <si>
    <t>1688.7469482421875</t>
  </si>
  <si>
    <t>0.03616941204040103</t>
  </si>
  <si>
    <t>24.16834831237793</t>
  </si>
  <si>
    <t>1684.056396484375</t>
  </si>
  <si>
    <t>0.04099716165934808</t>
  </si>
  <si>
    <t>24.129117965698242</t>
  </si>
  <si>
    <t>1670.6151123046875</t>
  </si>
  <si>
    <t>0.04743251158667228</t>
  </si>
  <si>
    <t>24.31903839111328</t>
  </si>
  <si>
    <t>1688.4910888671875</t>
  </si>
  <si>
    <t>0.04698558855100732</t>
  </si>
  <si>
    <t>24.2893009185791</t>
  </si>
  <si>
    <t>1714.960205078125</t>
  </si>
  <si>
    <t>0.04121290832874003</t>
  </si>
  <si>
    <t>24.035064697265625</t>
  </si>
  <si>
    <t>1704.6466064453125</t>
  </si>
  <si>
    <t>0.28635574465442826</t>
  </si>
  <si>
    <t>23.604833602905273</t>
  </si>
  <si>
    <t>1688.453857421875</t>
  </si>
  <si>
    <t>0.23259340063304101</t>
  </si>
  <si>
    <t>4051</t>
  </si>
  <si>
    <t>24.236417770385742</t>
  </si>
  <si>
    <t>1692.0174560546875</t>
  </si>
  <si>
    <t>-0.016889399140881167</t>
  </si>
  <si>
    <t>24.357465744018555</t>
  </si>
  <si>
    <t>1654.7513427734375</t>
  </si>
  <si>
    <t>-0.0131695281423454</t>
  </si>
  <si>
    <t>23.788755416870117</t>
  </si>
  <si>
    <t>1713.8260498046875</t>
  </si>
  <si>
    <t>-0.019957716860712793</t>
  </si>
  <si>
    <t>24.44825553894043</t>
  </si>
  <si>
    <t>1704.48779296875</t>
  </si>
  <si>
    <t>-0.0033226867630080648</t>
  </si>
  <si>
    <t>23.985002517700195</t>
  </si>
  <si>
    <t>1692.1312255859375</t>
  </si>
  <si>
    <t>0.01927037318751701</t>
  </si>
  <si>
    <t>24.349454879760742</t>
  </si>
  <si>
    <t>1686.4635009765625</t>
  </si>
  <si>
    <t>0.02038350463417693</t>
  </si>
  <si>
    <t>24.73963165283203</t>
  </si>
  <si>
    <t>1665.62060546875</t>
  </si>
  <si>
    <t>0.019493794681000765</t>
  </si>
  <si>
    <t>24.683937072753906</t>
  </si>
  <si>
    <t>1682.8052978515625</t>
  </si>
  <si>
    <t>0.06289322533022812</t>
  </si>
  <si>
    <t>24.20269775390625</t>
  </si>
  <si>
    <t>1686.876953125</t>
  </si>
  <si>
    <t>0.05338718044161972</t>
  </si>
  <si>
    <t>24.303970336914062</t>
  </si>
  <si>
    <t>1676.5301513671875</t>
  </si>
  <si>
    <t>0.05881594854769645</t>
  </si>
  <si>
    <t>24.800432205200195</t>
  </si>
  <si>
    <t>1690.0780029296875</t>
  </si>
  <si>
    <t>0.05803575487817092</t>
  </si>
  <si>
    <t>24.420244216918945</t>
  </si>
  <si>
    <t>1684.2069091796875</t>
  </si>
  <si>
    <t>0.015363033313908758</t>
  </si>
  <si>
    <t>24.429784774780273</t>
  </si>
  <si>
    <t>1711.18505859375</t>
  </si>
  <si>
    <t>23.93033790588379</t>
  </si>
  <si>
    <t>1707.6025390625</t>
  </si>
  <si>
    <t>0.06596587433643997</t>
  </si>
  <si>
    <t>27.14325523376465</t>
  </si>
  <si>
    <t>1726.7086181640625</t>
  </si>
  <si>
    <t>511.9818420410156</t>
  </si>
  <si>
    <t>Dong Nai / Ba Ria-Vung Tau</t>
  </si>
  <si>
    <t>6630</t>
  </si>
  <si>
    <t>26.956148147583008</t>
  </si>
  <si>
    <t>1760.9127197265625</t>
  </si>
  <si>
    <t>0.027989897869288072</t>
  </si>
  <si>
    <t>26.98868751525879</t>
  </si>
  <si>
    <t>0.05416247750963166</t>
  </si>
  <si>
    <t>26.867509841918945</t>
  </si>
  <si>
    <t>0.05002087497518026</t>
  </si>
  <si>
    <t>26.925888061523438</t>
  </si>
  <si>
    <t>0.05859195440188181</t>
  </si>
  <si>
    <t>26.939483642578125</t>
  </si>
  <si>
    <t>0.06656319402038413</t>
  </si>
  <si>
    <t>26.631940841674805</t>
  </si>
  <si>
    <t>0.11827591226737688</t>
  </si>
  <si>
    <t>27.19935417175293</t>
  </si>
  <si>
    <t>0.1066169176161349</t>
  </si>
  <si>
    <t>27.375099182128906</t>
  </si>
  <si>
    <t>26.62965965270996</t>
  </si>
  <si>
    <t>0.07344696078229163</t>
  </si>
  <si>
    <t>26.891019821166992</t>
  </si>
  <si>
    <t>0.09273924484127605</t>
  </si>
  <si>
    <t>26.897024154663086</t>
  </si>
  <si>
    <t>0.08678128535617624</t>
  </si>
  <si>
    <t>27.032686233520508</t>
  </si>
  <si>
    <t>0.08683462651807261</t>
  </si>
  <si>
    <t>17466</t>
  </si>
  <si>
    <t>26.994789123535156</t>
  </si>
  <si>
    <t>0.09123627256631295</t>
  </si>
  <si>
    <t>19230</t>
  </si>
  <si>
    <t>27.01750946044922</t>
  </si>
  <si>
    <t>0.09621542560914698</t>
  </si>
  <si>
    <t>21158</t>
  </si>
  <si>
    <t>27.05158805847168</t>
  </si>
  <si>
    <t>0.09554652496389515</t>
  </si>
  <si>
    <t>23116</t>
  </si>
  <si>
    <t>27.047813415527344</t>
  </si>
  <si>
    <t>0.08850693389094921</t>
  </si>
  <si>
    <t>16943</t>
  </si>
  <si>
    <t>26.90540313720703</t>
  </si>
  <si>
    <t>-0.3106702492795623</t>
  </si>
  <si>
    <t>9842</t>
  </si>
  <si>
    <t>26.624351501464844</t>
  </si>
  <si>
    <t>-0.5431958267321839</t>
  </si>
  <si>
    <t>27.052377700805664</t>
  </si>
  <si>
    <t>0.3058307513551384</t>
  </si>
  <si>
    <t>27.219045639038086</t>
  </si>
  <si>
    <t>0.25925672922668497</t>
  </si>
  <si>
    <t>21601</t>
  </si>
  <si>
    <t>26.755455017089844</t>
  </si>
  <si>
    <t>0.22099318688916547</t>
  </si>
  <si>
    <t>27.200838088989258</t>
  </si>
  <si>
    <t>0.028253174296709815</t>
  </si>
  <si>
    <t>26.85237693786621</t>
  </si>
  <si>
    <t>-0.01692917186752929</t>
  </si>
  <si>
    <t>22111</t>
  </si>
  <si>
    <t>27.098608016967773</t>
  </si>
  <si>
    <t>0.012011609906062759</t>
  </si>
  <si>
    <t>27.418996810913086</t>
  </si>
  <si>
    <t>-0.021485558618532963</t>
  </si>
  <si>
    <t>27.490968704223633</t>
  </si>
  <si>
    <t>0.002584338509748818</t>
  </si>
  <si>
    <t>22886</t>
  </si>
  <si>
    <t>27.033430099487305</t>
  </si>
  <si>
    <t>0.0533513677542885</t>
  </si>
  <si>
    <t>24269</t>
  </si>
  <si>
    <t>27.108428955078125</t>
  </si>
  <si>
    <t>0.05867444586267645</t>
  </si>
  <si>
    <t>27.43645668029785</t>
  </si>
  <si>
    <t>0.05810796310423605</t>
  </si>
  <si>
    <t>26120</t>
  </si>
  <si>
    <t>0.015393525545794873</t>
  </si>
  <si>
    <t>27.19101905822754</t>
  </si>
  <si>
    <t>0.0128950606694751</t>
  </si>
  <si>
    <t>28262</t>
  </si>
  <si>
    <t>26.83799171447754</t>
  </si>
  <si>
    <t>0.0659217810828494</t>
  </si>
  <si>
    <t>28.322092056274414</t>
  </si>
  <si>
    <t>1744.9248046875</t>
  </si>
  <si>
    <t>1001.2394409179688</t>
  </si>
  <si>
    <t>Dong Thap</t>
  </si>
  <si>
    <t>28.0986270904541</t>
  </si>
  <si>
    <t>1687.2435302734375</t>
  </si>
  <si>
    <t>0.018857364915503716</t>
  </si>
  <si>
    <t>28.04369354248047</t>
  </si>
  <si>
    <t>1725.531005859375</t>
  </si>
  <si>
    <t>0.04564397528101338</t>
  </si>
  <si>
    <t>28.02872657775879</t>
  </si>
  <si>
    <t>1607.578369140625</t>
  </si>
  <si>
    <t>0.040442669936589404</t>
  </si>
  <si>
    <t>28.066993713378906</t>
  </si>
  <si>
    <t>1821.4298095703125</t>
  </si>
  <si>
    <t>0.049631496583585566</t>
  </si>
  <si>
    <t>27.927026748657227</t>
  </si>
  <si>
    <t>1716.80859375</t>
  </si>
  <si>
    <t>0.056478604160471235</t>
  </si>
  <si>
    <t>1711.054443359375</t>
  </si>
  <si>
    <t>0.04796405920712665</t>
  </si>
  <si>
    <t>28.288759231567383</t>
  </si>
  <si>
    <t>1648.5980224609375</t>
  </si>
  <si>
    <t>0.037400168785064025</t>
  </si>
  <si>
    <t>28.48875617980957</t>
  </si>
  <si>
    <t>1759.87255859375</t>
  </si>
  <si>
    <t>0.015361285161486826</t>
  </si>
  <si>
    <t>27.54369354248047</t>
  </si>
  <si>
    <t>1679.879150390625</t>
  </si>
  <si>
    <t>0.006079046076382433</t>
  </si>
  <si>
    <t>27.816993713378906</t>
  </si>
  <si>
    <t>1790.143798828125</t>
  </si>
  <si>
    <t>0.02606428254956672</t>
  </si>
  <si>
    <t>27.760360717773438</t>
  </si>
  <si>
    <t>1738.301513671875</t>
  </si>
  <si>
    <t>0.02416784293676688</t>
  </si>
  <si>
    <t>28.052026748657227</t>
  </si>
  <si>
    <t>1766.3387451171875</t>
  </si>
  <si>
    <t>0.024401373365419587</t>
  </si>
  <si>
    <t>28.033662796020508</t>
  </si>
  <si>
    <t>1722.6451416015625</t>
  </si>
  <si>
    <t>27.898630142211914</t>
  </si>
  <si>
    <t>1691.16552734375</t>
  </si>
  <si>
    <t>0.034876115635478655</t>
  </si>
  <si>
    <t>28.06035804748535</t>
  </si>
  <si>
    <t>1772.828369140625</t>
  </si>
  <si>
    <t>0.034428719666200536</t>
  </si>
  <si>
    <t>27.99199676513672</t>
  </si>
  <si>
    <t>1743.3717041015625</t>
  </si>
  <si>
    <t>0.02763499023830107</t>
  </si>
  <si>
    <t>27.90696144104004</t>
  </si>
  <si>
    <t>1999.2099609375</t>
  </si>
  <si>
    <t>0.25922796953969485</t>
  </si>
  <si>
    <t>27.36359405517578</t>
  </si>
  <si>
    <t>1614.2242431640625</t>
  </si>
  <si>
    <t>0.21386821794723865</t>
  </si>
  <si>
    <t>28.048627853393555</t>
  </si>
  <si>
    <t>1831.7738037109375</t>
  </si>
  <si>
    <t>-0.029091333224902982</t>
  </si>
  <si>
    <t>28.293691635131836</t>
  </si>
  <si>
    <t>1715.579833984375</t>
  </si>
  <si>
    <t>-0.02692603124459403</t>
  </si>
  <si>
    <t>27.661895751953125</t>
  </si>
  <si>
    <t>1763.7552490234375</t>
  </si>
  <si>
    <t>-0.0363417263562642</t>
  </si>
  <si>
    <t>28.24029541015625</t>
  </si>
  <si>
    <t>0.03587509079016726</t>
  </si>
  <si>
    <t>27.756959915161133</t>
  </si>
  <si>
    <t>0.017810115729693266</t>
  </si>
  <si>
    <t>28.06205940246582</t>
  </si>
  <si>
    <t>0.03911489864601414</t>
  </si>
  <si>
    <t>28.39879035949707</t>
  </si>
  <si>
    <t>0.006810967777411747</t>
  </si>
  <si>
    <t>28.573793411254883</t>
  </si>
  <si>
    <t>0.06423740289163504</t>
  </si>
  <si>
    <t>28.065292358398438</t>
  </si>
  <si>
    <t>0.05337531439063348</t>
  </si>
  <si>
    <t>28.075326919555664</t>
  </si>
  <si>
    <t>0.058595746916406455</t>
  </si>
  <si>
    <t>28.59215545654297</t>
  </si>
  <si>
    <t>0.05812687767725855</t>
  </si>
  <si>
    <t>28.2586612701416</t>
  </si>
  <si>
    <t>0.015298966209904563</t>
  </si>
  <si>
    <t>28.15202522277832</t>
  </si>
  <si>
    <t>0.013049926745022589</t>
  </si>
  <si>
    <t>27.833662033081055</t>
  </si>
  <si>
    <t>0.06581107361803618</t>
  </si>
  <si>
    <t>24.30265235900879</t>
  </si>
  <si>
    <t>1827.6546630859375</t>
  </si>
  <si>
    <t>458.5611877441406</t>
  </si>
  <si>
    <t>Gia Lia / Kon Tum</t>
  </si>
  <si>
    <t>24.10682487487793</t>
  </si>
  <si>
    <t>1824.1192626953125</t>
  </si>
  <si>
    <t>0.020987944892221222</t>
  </si>
  <si>
    <t>24.00507354736328</t>
  </si>
  <si>
    <t>1705.0869140625</t>
  </si>
  <si>
    <t>0.04732388824690492</t>
  </si>
  <si>
    <t>24.06702423095703</t>
  </si>
  <si>
    <t>1620.8546142578125</t>
  </si>
  <si>
    <t>0.04378166027538821</t>
  </si>
  <si>
    <t>24.080434799194336</t>
  </si>
  <si>
    <t>2044.1802978515625</t>
  </si>
  <si>
    <t>0.05132840613067646</t>
  </si>
  <si>
    <t>23.971542358398438</t>
  </si>
  <si>
    <t>1849.8680419921875</t>
  </si>
  <si>
    <t>0.05893579711167973</t>
  </si>
  <si>
    <t>23.592378616333008</t>
  </si>
  <si>
    <t>1913.244384765625</t>
  </si>
  <si>
    <t>0.0502864984303697</t>
  </si>
  <si>
    <t>24.25456428527832</t>
  </si>
  <si>
    <t>1880.7950439453125</t>
  </si>
  <si>
    <t>0.03986459856392788</t>
  </si>
  <si>
    <t>24.51185417175293</t>
  </si>
  <si>
    <t>1951.5672607421875</t>
  </si>
  <si>
    <t>23.734878540039062</t>
  </si>
  <si>
    <t>2161.32421875</t>
  </si>
  <si>
    <t>0.008998935868569369</t>
  </si>
  <si>
    <t>23.86687660217285</t>
  </si>
  <si>
    <t>1919.035400390625</t>
  </si>
  <si>
    <t>0.028699541479188184</t>
  </si>
  <si>
    <t>23.936012268066406</t>
  </si>
  <si>
    <t>1912.8671875</t>
  </si>
  <si>
    <t>0.026310242452917798</t>
  </si>
  <si>
    <t>24.050050735473633</t>
  </si>
  <si>
    <t>1850.6434326171875</t>
  </si>
  <si>
    <t>0.027184109874101914</t>
  </si>
  <si>
    <t>24.0615177154541</t>
  </si>
  <si>
    <t>1836.060302734375</t>
  </si>
  <si>
    <t>0.03197430463251383</t>
  </si>
  <si>
    <t>23.99656105041504</t>
  </si>
  <si>
    <t>1744.5882568359375</t>
  </si>
  <si>
    <t>0.03725921178400693</t>
  </si>
  <si>
    <t>24.176132202148438</t>
  </si>
  <si>
    <t>1912.0125732421875</t>
  </si>
  <si>
    <t>0.037312474729983336</t>
  </si>
  <si>
    <t>24.162443161010742</t>
  </si>
  <si>
    <t>2047.731201171875</t>
  </si>
  <si>
    <t>0.030589008981317</t>
  </si>
  <si>
    <t>23.87608528137207</t>
  </si>
  <si>
    <t>2005.9156494140625</t>
  </si>
  <si>
    <t>0.2532609737783664</t>
  </si>
  <si>
    <t>23.445974349975586</t>
  </si>
  <si>
    <t>1903.1490478515625</t>
  </si>
  <si>
    <t>0.20986202373080243</t>
  </si>
  <si>
    <t>24.112714767456055</t>
  </si>
  <si>
    <t>1884.641357421875</t>
  </si>
  <si>
    <t>0.03284458883521779</t>
  </si>
  <si>
    <t>24.199495315551758</t>
  </si>
  <si>
    <t>1650.416259765625</t>
  </si>
  <si>
    <t>0.040515266213400736</t>
  </si>
  <si>
    <t>23.62897491455078</t>
  </si>
  <si>
    <t>2046.119384765625</t>
  </si>
  <si>
    <t>0.03792534996690655</t>
  </si>
  <si>
    <t>24.311203002929688</t>
  </si>
  <si>
    <t>2012.0164794921875</t>
  </si>
  <si>
    <t>0.015325007874885443</t>
  </si>
  <si>
    <t>23.851463317871094</t>
  </si>
  <si>
    <t>1911.9356689453125</t>
  </si>
  <si>
    <t>-0.001996506777478757</t>
  </si>
  <si>
    <t>4167</t>
  </si>
  <si>
    <t>24.252540588378906</t>
  </si>
  <si>
    <t>1821.5352783203125</t>
  </si>
  <si>
    <t>0.0401522724298804</t>
  </si>
  <si>
    <t>24.656126022338867</t>
  </si>
  <si>
    <t>1720.496826171875</t>
  </si>
  <si>
    <t>0.059169562403788234</t>
  </si>
  <si>
    <t>24.5776424407959</t>
  </si>
  <si>
    <t>1836.1937255859375</t>
  </si>
  <si>
    <t>0.03947297371368208</t>
  </si>
  <si>
    <t>24.078857421875</t>
  </si>
  <si>
    <t>1842.4892578125</t>
  </si>
  <si>
    <t>0.053345980705291396</t>
  </si>
  <si>
    <t>24.203140258789062</t>
  </si>
  <si>
    <t>1805.2994384765625</t>
  </si>
  <si>
    <t>0.058646117672239484</t>
  </si>
  <si>
    <t>24.71179962158203</t>
  </si>
  <si>
    <t>1879.9307861328125</t>
  </si>
  <si>
    <t>0.05815152689896763</t>
  </si>
  <si>
    <t>5536</t>
  </si>
  <si>
    <t>24.323945999145508</t>
  </si>
  <si>
    <t>1870.193115234375</t>
  </si>
  <si>
    <t>0.015289704481082467</t>
  </si>
  <si>
    <t>24.34589385986328</t>
  </si>
  <si>
    <t>2053.422607421875</t>
  </si>
  <si>
    <t>0.012921931416920884</t>
  </si>
  <si>
    <t>23.806066513061523</t>
  </si>
  <si>
    <t>1951.95458984375</t>
  </si>
  <si>
    <t>0.06589726239506888</t>
  </si>
  <si>
    <t>25.802778244018555</t>
  </si>
  <si>
    <t>2208.4697265625</t>
  </si>
  <si>
    <t>2008.826416015625</t>
  </si>
  <si>
    <t>Ha Tinh / Nghe An</t>
  </si>
  <si>
    <t>25.682769775390625</t>
  </si>
  <si>
    <t>1971.72607421875</t>
  </si>
  <si>
    <t>0.015320633928732619</t>
  </si>
  <si>
    <t>25.390634536743164</t>
  </si>
  <si>
    <t>1791.8240966796875</t>
  </si>
  <si>
    <t>0.04129182193641778</t>
  </si>
  <si>
    <t>25.668245315551758</t>
  </si>
  <si>
    <t>1652.866455078125</t>
  </si>
  <si>
    <t>0.03646237253735496</t>
  </si>
  <si>
    <t>25.583436965942383</t>
  </si>
  <si>
    <t>2188.109619140625</t>
  </si>
  <si>
    <t>0.04500759605743543</t>
  </si>
  <si>
    <t>25.360204696655273</t>
  </si>
  <si>
    <t>1882.0343017578125</t>
  </si>
  <si>
    <t>0.05181271936523757</t>
  </si>
  <si>
    <t>25.032419204711914</t>
  </si>
  <si>
    <t>2178.141357421875</t>
  </si>
  <si>
    <t>0.039823237077203366</t>
  </si>
  <si>
    <t>25.64244842529297</t>
  </si>
  <si>
    <t>2004.8687744140625</t>
  </si>
  <si>
    <t>0.02913094145766415</t>
  </si>
  <si>
    <t>26.320724487304688</t>
  </si>
  <si>
    <t>1748.55029296875</t>
  </si>
  <si>
    <t>0.0059411462899090495</t>
  </si>
  <si>
    <t>25.46337890625</t>
  </si>
  <si>
    <t>2129.564697265625</t>
  </si>
  <si>
    <t>-0.0032362487792090278</t>
  </si>
  <si>
    <t>25.483308792114258</t>
  </si>
  <si>
    <t>1876.8056640625</t>
  </si>
  <si>
    <t>25.49066925048828</t>
  </si>
  <si>
    <t>2134.052001953125</t>
  </si>
  <si>
    <t>25.690053939819336</t>
  </si>
  <si>
    <t>2368.943115234375</t>
  </si>
  <si>
    <t>0.028070227779354084</t>
  </si>
  <si>
    <t>25.809425354003906</t>
  </si>
  <si>
    <t>1761.404541015625</t>
  </si>
  <si>
    <t>25.349058151245117</t>
  </si>
  <si>
    <t>1826.51513671875</t>
  </si>
  <si>
    <t>0.038209041373195696</t>
  </si>
  <si>
    <t>25.70110511779785</t>
  </si>
  <si>
    <t>2241.765869140625</t>
  </si>
  <si>
    <t>0.038607736048613894</t>
  </si>
  <si>
    <t>25.674699783325195</t>
  </si>
  <si>
    <t>2130.62548828125</t>
  </si>
  <si>
    <t>25.555908203125</t>
  </si>
  <si>
    <t>1980.480712890625</t>
  </si>
  <si>
    <t>0.25832521488354043</t>
  </si>
  <si>
    <t>24.84984016418457</t>
  </si>
  <si>
    <t>2385.81396484375</t>
  </si>
  <si>
    <t>0.2138594403085552</t>
  </si>
  <si>
    <t>25.975852966308594</t>
  </si>
  <si>
    <t>1850.81103515625</t>
  </si>
  <si>
    <t>-0.041423573399143265</t>
  </si>
  <si>
    <t>25.687644958496094</t>
  </si>
  <si>
    <t>1782.259033203125</t>
  </si>
  <si>
    <t>-0.04143718986417255</t>
  </si>
  <si>
    <t>25.03816032409668</t>
  </si>
  <si>
    <t>2242.536376953125</t>
  </si>
  <si>
    <t>-0.05347568028881433</t>
  </si>
  <si>
    <t>25.85146141052246</t>
  </si>
  <si>
    <t>2115.92626953125</t>
  </si>
  <si>
    <t>0.03857227478623848</t>
  </si>
  <si>
    <t>25.408180236816406</t>
  </si>
  <si>
    <t>2129.63818359375</t>
  </si>
  <si>
    <t>0.06284790365966408</t>
  </si>
  <si>
    <t>25.92976188659668</t>
  </si>
  <si>
    <t>1630.745361328125</t>
  </si>
  <si>
    <t>0.09643757563963362</t>
  </si>
  <si>
    <t>26.375091552734375</t>
  </si>
  <si>
    <t>1725.9306640625</t>
  </si>
  <si>
    <t>0.15965953161295587</t>
  </si>
  <si>
    <t>26.228059768676758</t>
  </si>
  <si>
    <t>1772.1357421875</t>
  </si>
  <si>
    <t>-0.016507472894552677</t>
  </si>
  <si>
    <t>25.5789852142334</t>
  </si>
  <si>
    <t>2225.08154296875</t>
  </si>
  <si>
    <t>0.0533661556218199</t>
  </si>
  <si>
    <t>25.743589401245117</t>
  </si>
  <si>
    <t>1947.2984619140625</t>
  </si>
  <si>
    <t>26.6160945892334</t>
  </si>
  <si>
    <t>1878.292724609375</t>
  </si>
  <si>
    <t>0.05800681927435569</t>
  </si>
  <si>
    <t>25.996559143066406</t>
  </si>
  <si>
    <t>1685.8001708984375</t>
  </si>
  <si>
    <t>0.015420649280461163</t>
  </si>
  <si>
    <t>26.076753616333008</t>
  </si>
  <si>
    <t>1694.019287109375</t>
  </si>
  <si>
    <t>0.013005037217491022</t>
  </si>
  <si>
    <t>25.50615692138672</t>
  </si>
  <si>
    <t>2124.397705078125</t>
  </si>
  <si>
    <t>0.06584567372061123</t>
  </si>
  <si>
    <t>1515.400146484375</t>
  </si>
  <si>
    <t>1113.7840576171875</t>
  </si>
  <si>
    <t>Hai Duong</t>
  </si>
  <si>
    <t>0.030912593062025984</t>
  </si>
  <si>
    <t>1272.300048828125</t>
  </si>
  <si>
    <t>0.056437873716983944</t>
  </si>
  <si>
    <t>1600.10009765625</t>
  </si>
  <si>
    <t>0.05241147559614845</t>
  </si>
  <si>
    <t>2038.2000732421875</t>
  </si>
  <si>
    <t>0.061278663520043075</t>
  </si>
  <si>
    <t>24.041669845581055</t>
  </si>
  <si>
    <t>1641.89990234375</t>
  </si>
  <si>
    <t>0.06889776472954434</t>
  </si>
  <si>
    <t>24.024999618530273</t>
  </si>
  <si>
    <t>1677.0</t>
  </si>
  <si>
    <t>0.04724605632506318</t>
  </si>
  <si>
    <t>24.058334350585938</t>
  </si>
  <si>
    <t>1751.900146484375</t>
  </si>
  <si>
    <t>0.036579306781464815</t>
  </si>
  <si>
    <t>25.099998474121094</t>
  </si>
  <si>
    <t>1602.9000244140625</t>
  </si>
  <si>
    <t>0.01458696853188357</t>
  </si>
  <si>
    <t>24.39167022705078</t>
  </si>
  <si>
    <t>1567.7000732421875</t>
  </si>
  <si>
    <t>0.005215658764296194</t>
  </si>
  <si>
    <t>1495.800048828125</t>
  </si>
  <si>
    <t>0.02528779552911864</t>
  </si>
  <si>
    <t>1825.7999267578125</t>
  </si>
  <si>
    <t>0.04538433747755288</t>
  </si>
  <si>
    <t>1673.300048828125</t>
  </si>
  <si>
    <t>0.046621698486167595</t>
  </si>
  <si>
    <t>24.708335876464844</t>
  </si>
  <si>
    <t>1443.300048828125</t>
  </si>
  <si>
    <t>1350.5001220703125</t>
  </si>
  <si>
    <t>0.05839638597487262</t>
  </si>
  <si>
    <t>1550.300048828125</t>
  </si>
  <si>
    <t>0.05848534272549877</t>
  </si>
  <si>
    <t>24.508331298828125</t>
  </si>
  <si>
    <t>1507.3001708984375</t>
  </si>
  <si>
    <t>0.05268997412170151</t>
  </si>
  <si>
    <t>24.474998474121094</t>
  </si>
  <si>
    <t>0.12727433304146452</t>
  </si>
  <si>
    <t>23.991666793823242</t>
  </si>
  <si>
    <t>1974.199951171875</t>
  </si>
  <si>
    <t>0.11154272214005978</t>
  </si>
  <si>
    <t>1431.5999755859375</t>
  </si>
  <si>
    <t>0.056322173378337226</t>
  </si>
  <si>
    <t>23.85833168029785</t>
  </si>
  <si>
    <t>0.06392806101749038</t>
  </si>
  <si>
    <t>5339</t>
  </si>
  <si>
    <t>23.775001525878906</t>
  </si>
  <si>
    <t>1559.400146484375</t>
  </si>
  <si>
    <t>0.06121010878265487</t>
  </si>
  <si>
    <t>24.058332443237305</t>
  </si>
  <si>
    <t>1800.8001708984375</t>
  </si>
  <si>
    <t>0.02533653790815471</t>
  </si>
  <si>
    <t>24.274999618530273</t>
  </si>
  <si>
    <t>1718.8001708984375</t>
  </si>
  <si>
    <t>0.039740328649513046</t>
  </si>
  <si>
    <t>24.133333206176758</t>
  </si>
  <si>
    <t>1696.7999267578125</t>
  </si>
  <si>
    <t>0.06208949101387695</t>
  </si>
  <si>
    <t>24.566665649414062</t>
  </si>
  <si>
    <t>1720.4000244140625</t>
  </si>
  <si>
    <t>0.0781759337919894</t>
  </si>
  <si>
    <t>7074</t>
  </si>
  <si>
    <t>1686.9998779296875</t>
  </si>
  <si>
    <t>0.07604542990170593</t>
  </si>
  <si>
    <t>1743.800048828125</t>
  </si>
  <si>
    <t>0.053397384015678284</t>
  </si>
  <si>
    <t>24.46666717529297</t>
  </si>
  <si>
    <t>1643.0999755859375</t>
  </si>
  <si>
    <t>0.05868350182808868</t>
  </si>
  <si>
    <t>8386</t>
  </si>
  <si>
    <t>1496.800048828125</t>
  </si>
  <si>
    <t>0.05805667212151455</t>
  </si>
  <si>
    <t>0.01538309828266371</t>
  </si>
  <si>
    <t>25.025001525878906</t>
  </si>
  <si>
    <t>0.012950073063207057</t>
  </si>
  <si>
    <t>9215</t>
  </si>
  <si>
    <t>24.433334350585938</t>
  </si>
  <si>
    <t>1400.5</t>
  </si>
  <si>
    <t>0.06593577102734649</t>
  </si>
  <si>
    <t>1506.0001220703125</t>
  </si>
  <si>
    <t>1208.6873779296875</t>
  </si>
  <si>
    <t>Hai Phong</t>
  </si>
  <si>
    <t>24.349998474121094</t>
  </si>
  <si>
    <t>1496.699951171875</t>
  </si>
  <si>
    <t>0.024952972756737246</t>
  </si>
  <si>
    <t>23.73333740234375</t>
  </si>
  <si>
    <t>1245.4000244140625</t>
  </si>
  <si>
    <t>0.05108501167773305</t>
  </si>
  <si>
    <t>24.14166831970215</t>
  </si>
  <si>
    <t>1617.9000244140625</t>
  </si>
  <si>
    <t>0.04702960033439929</t>
  </si>
  <si>
    <t>3359</t>
  </si>
  <si>
    <t>2011.8001708984375</t>
  </si>
  <si>
    <t>0.055391242515632655</t>
  </si>
  <si>
    <t>1641.5</t>
  </si>
  <si>
    <t>0.06316067445637152</t>
  </si>
  <si>
    <t>1653.4998779296875</t>
  </si>
  <si>
    <t>0.05067823663660498</t>
  </si>
  <si>
    <t>23.850000381469727</t>
  </si>
  <si>
    <t>1797.60009765625</t>
  </si>
  <si>
    <t>0.040864501587060786</t>
  </si>
  <si>
    <t>24.883333206176758</t>
  </si>
  <si>
    <t>1550.2000732421875</t>
  </si>
  <si>
    <t>0.018446511683428923</t>
  </si>
  <si>
    <t>1527.800048828125</t>
  </si>
  <si>
    <t>0.009717280897607594</t>
  </si>
  <si>
    <t>1456.400146484375</t>
  </si>
  <si>
    <t>0.0300425573457499</t>
  </si>
  <si>
    <t>1890.5</t>
  </si>
  <si>
    <t>0.04032138800576668</t>
  </si>
  <si>
    <t>4511</t>
  </si>
  <si>
    <t>1692.099853515625</t>
  </si>
  <si>
    <t>0.04164439718351254</t>
  </si>
  <si>
    <t>1408.2000732421875</t>
  </si>
  <si>
    <t>0.04719490523547876</t>
  </si>
  <si>
    <t>1265.60009765625</t>
  </si>
  <si>
    <t>0.053120762902247876</t>
  </si>
  <si>
    <t>24.166664123535156</t>
  </si>
  <si>
    <t>1512.9998779296875</t>
  </si>
  <si>
    <t>0.05367665605411531</t>
  </si>
  <si>
    <t>24.325002670288086</t>
  </si>
  <si>
    <t>1442.1998291015625</t>
  </si>
  <si>
    <t>0.047504293176993784</t>
  </si>
  <si>
    <t>24.299997329711914</t>
  </si>
  <si>
    <t>1432.9998779296875</t>
  </si>
  <si>
    <t>0.13760066622367084</t>
  </si>
  <si>
    <t>1927.2001953125</t>
  </si>
  <si>
    <t>0.12037670715349158</t>
  </si>
  <si>
    <t>1454.300048828125</t>
  </si>
  <si>
    <t>0.008643578141452224</t>
  </si>
  <si>
    <t>23.64167022705078</t>
  </si>
  <si>
    <t>1301.7998046875</t>
  </si>
  <si>
    <t>0.015153892413479753</t>
  </si>
  <si>
    <t>1595.300048828125</t>
  </si>
  <si>
    <t>0.011148993797688078</t>
  </si>
  <si>
    <t>23.849998474121094</t>
  </si>
  <si>
    <t>1822.1002197265625</t>
  </si>
  <si>
    <t>0.12419235407207374</t>
  </si>
  <si>
    <t>1762.0001220703125</t>
  </si>
  <si>
    <t>-0.06067686822543905</t>
  </si>
  <si>
    <t>23.983335494995117</t>
  </si>
  <si>
    <t>1701.0999755859375</t>
  </si>
  <si>
    <t>0.14612464782650925</t>
  </si>
  <si>
    <t>1695.3001708984375</t>
  </si>
  <si>
    <t>0.09010383850642789</t>
  </si>
  <si>
    <t>1705.2000732421875</t>
  </si>
  <si>
    <t>0.11772737279518708</t>
  </si>
  <si>
    <t>1794.60009765625</t>
  </si>
  <si>
    <t>0.05332631723972092</t>
  </si>
  <si>
    <t>1626.8001708984375</t>
  </si>
  <si>
    <t>0.05870056429663251</t>
  </si>
  <si>
    <t>0.05807809237103001</t>
  </si>
  <si>
    <t>13517</t>
  </si>
  <si>
    <t>0.01543252009467011</t>
  </si>
  <si>
    <t>24.8416690826416</t>
  </si>
  <si>
    <t>1488.4000244140625</t>
  </si>
  <si>
    <t>0.01286356816624945</t>
  </si>
  <si>
    <t>1400.0</t>
  </si>
  <si>
    <t>0.06592067244998034</t>
  </si>
  <si>
    <t>24.904603958129883</t>
  </si>
  <si>
    <t>1619.653076171875</t>
  </si>
  <si>
    <t>4656.734375</t>
  </si>
  <si>
    <t>Hanoi / Ha Tay</t>
  </si>
  <si>
    <t>24.81746482849121</t>
  </si>
  <si>
    <t>1530.832763671875</t>
  </si>
  <si>
    <t>0.060679544238527505</t>
  </si>
  <si>
    <t>24.28338050842285</t>
  </si>
  <si>
    <t>1310.0872802734375</t>
  </si>
  <si>
    <t>0.08624218844557952</t>
  </si>
  <si>
    <t>24.718040466308594</t>
  </si>
  <si>
    <t>1575.1700439453125</t>
  </si>
  <si>
    <t>0.08162270707281749</t>
  </si>
  <si>
    <t>24.674789428710938</t>
  </si>
  <si>
    <t>2052.997802734375</t>
  </si>
  <si>
    <t>0.08982440532106839</t>
  </si>
  <si>
    <t>24.41544532775879</t>
  </si>
  <si>
    <t>1590.4678955078125</t>
  </si>
  <si>
    <t>0.09700653305250384</t>
  </si>
  <si>
    <t>24.3548641204834</t>
  </si>
  <si>
    <t>1710.842529296875</t>
  </si>
  <si>
    <t>0.0909583795764064</t>
  </si>
  <si>
    <t>24.53795623779297</t>
  </si>
  <si>
    <t>1742.7357177734375</t>
  </si>
  <si>
    <t>0.0810378402597145</t>
  </si>
  <si>
    <t>4089</t>
  </si>
  <si>
    <t>25.430803298950195</t>
  </si>
  <si>
    <t>1581.88818359375</t>
  </si>
  <si>
    <t>0.059188871390331244</t>
  </si>
  <si>
    <t>24.745119094848633</t>
  </si>
  <si>
    <t>1632.085693359375</t>
  </si>
  <si>
    <t>0.05077958946303163</t>
  </si>
  <si>
    <t>24.55572509765625</t>
  </si>
  <si>
    <t>1468.599853515625</t>
  </si>
  <si>
    <t>0.07109820060293082</t>
  </si>
  <si>
    <t>24.596153259277344</t>
  </si>
  <si>
    <t>1840.463623046875</t>
  </si>
  <si>
    <t>0.05578632479998902</t>
  </si>
  <si>
    <t>24.860458374023438</t>
  </si>
  <si>
    <t>1704.90478515625</t>
  </si>
  <si>
    <t>0.05729490466115372</t>
  </si>
  <si>
    <t>25.09322166442871</t>
  </si>
  <si>
    <t>1475.640380859375</t>
  </si>
  <si>
    <t>0.06276054937073283</t>
  </si>
  <si>
    <t>24.566604614257812</t>
  </si>
  <si>
    <t>1362.3477783203125</t>
  </si>
  <si>
    <t>0.06893234063132958</t>
  </si>
  <si>
    <t>24.813798904418945</t>
  </si>
  <si>
    <t>1647.896728515625</t>
  </si>
  <si>
    <t>0.06924142816480305</t>
  </si>
  <si>
    <t>24.922958374023438</t>
  </si>
  <si>
    <t>1512.392822265625</t>
  </si>
  <si>
    <t>0.06327249786354905</t>
  </si>
  <si>
    <t>24.76624870300293</t>
  </si>
  <si>
    <t>1459.6988525390625</t>
  </si>
  <si>
    <t>0.011806512586989726</t>
  </si>
  <si>
    <t>24.225770950317383</t>
  </si>
  <si>
    <t>1996.1988525390625</t>
  </si>
  <si>
    <t>-0.00161515342358598</t>
  </si>
  <si>
    <t>25.14225959777832</t>
  </si>
  <si>
    <t>1376.8314208984375</t>
  </si>
  <si>
    <t>0.024961388853670385</t>
  </si>
  <si>
    <t>24.473587036132812</t>
  </si>
  <si>
    <t>1300.9154052734375</t>
  </si>
  <si>
    <t>0.03243375098520396</t>
  </si>
  <si>
    <t>24.18050193786621</t>
  </si>
  <si>
    <t>1563.3770751953125</t>
  </si>
  <si>
    <t>0.029665219541595178</t>
  </si>
  <si>
    <t>7583</t>
  </si>
  <si>
    <t>24.70478630065918</t>
  </si>
  <si>
    <t>1794.2279052734375</t>
  </si>
  <si>
    <t>0.02119090423489922</t>
  </si>
  <si>
    <t>24.67083168029785</t>
  </si>
  <si>
    <t>1673.9981689453125</t>
  </si>
  <si>
    <t>0.02936801496174013</t>
  </si>
  <si>
    <t>24.756362915039062</t>
  </si>
  <si>
    <t>1665.763916015625</t>
  </si>
  <si>
    <t>0.057357594355060826</t>
  </si>
  <si>
    <t>25.12262725830078</t>
  </si>
  <si>
    <t>1699.0399169921875</t>
  </si>
  <si>
    <t>0.06992754135871593</t>
  </si>
  <si>
    <t>25.1357479095459</t>
  </si>
  <si>
    <t>1653.837646484375</t>
  </si>
  <si>
    <t>0.07135787061844923</t>
  </si>
  <si>
    <t>24.629648208618164</t>
  </si>
  <si>
    <t>1714.968994140625</t>
  </si>
  <si>
    <t>0.05335416146741245</t>
  </si>
  <si>
    <t>24.77475929260254</t>
  </si>
  <si>
    <t>1664.298828125</t>
  </si>
  <si>
    <t>0.05866132601463114</t>
  </si>
  <si>
    <t>25.36174774169922</t>
  </si>
  <si>
    <t>1519.66748046875</t>
  </si>
  <si>
    <t>0.058070539703576785</t>
  </si>
  <si>
    <t>24.92637825012207</t>
  </si>
  <si>
    <t>1491.2384033203125</t>
  </si>
  <si>
    <t>0.015380186287806907</t>
  </si>
  <si>
    <t>25.304201126098633</t>
  </si>
  <si>
    <t>1597.0333251953125</t>
  </si>
  <si>
    <t>0.01291123173618125</t>
  </si>
  <si>
    <t>24.69580841064453</t>
  </si>
  <si>
    <t>1483.7607421875</t>
  </si>
  <si>
    <t>0.0658828603285535</t>
  </si>
  <si>
    <t>1775.9000244140625</t>
  </si>
  <si>
    <t>2298.970703125</t>
  </si>
  <si>
    <t>Ho Chi Minh City|Ho Chi Minh</t>
  </si>
  <si>
    <t>27.791664123535156</t>
  </si>
  <si>
    <t>1805.1002197265625</t>
  </si>
  <si>
    <t>0.03682384055377952</t>
  </si>
  <si>
    <t>1806.0</t>
  </si>
  <si>
    <t>1803.60009765625</t>
  </si>
  <si>
    <t>0.059009923348694926</t>
  </si>
  <si>
    <t>1808.0999755859375</t>
  </si>
  <si>
    <t>0.06754761610123339</t>
  </si>
  <si>
    <t>1805.9000244140625</t>
  </si>
  <si>
    <t>0.07533890222074291</t>
  </si>
  <si>
    <t>1805.4000244140625</t>
  </si>
  <si>
    <t>0.05915544920969751</t>
  </si>
  <si>
    <t>1804.0001220703125</t>
  </si>
  <si>
    <t>9455</t>
  </si>
  <si>
    <t>1806.5999755859375</t>
  </si>
  <si>
    <t>0.02755763299268743</t>
  </si>
  <si>
    <t>1804.60009765625</t>
  </si>
  <si>
    <t>0.01896238264220429</t>
  </si>
  <si>
    <t>27.699996948242188</t>
  </si>
  <si>
    <t>1807.0999755859375</t>
  </si>
  <si>
    <t>0.03947613284114304</t>
  </si>
  <si>
    <t>10294</t>
  </si>
  <si>
    <t>1806.0001220703125</t>
  </si>
  <si>
    <t>0.026578983636795783</t>
  </si>
  <si>
    <t>1806.400146484375</t>
  </si>
  <si>
    <t>0.027498738691461355</t>
  </si>
  <si>
    <t>1805.7000732421875</t>
  </si>
  <si>
    <t>0.032542849389674444</t>
  </si>
  <si>
    <t>27.824996948242188</t>
  </si>
  <si>
    <t>0.03805538624582283</t>
  </si>
  <si>
    <t>1806.5</t>
  </si>
  <si>
    <t>0.037847959550310506</t>
  </si>
  <si>
    <t>12167</t>
  </si>
  <si>
    <t>0.031221233697479533</t>
  </si>
  <si>
    <t>27.750001907348633</t>
  </si>
  <si>
    <t>1811.9000244140625</t>
  </si>
  <si>
    <t>-0.04746368343990426</t>
  </si>
  <si>
    <t>1803.5</t>
  </si>
  <si>
    <t>-0.07106961304437931</t>
  </si>
  <si>
    <t>1807.2000732421875</t>
  </si>
  <si>
    <t>0.08459490054787189</t>
  </si>
  <si>
    <t>12880</t>
  </si>
  <si>
    <t>1805.39990234375</t>
  </si>
  <si>
    <t>0.09088674780730699</t>
  </si>
  <si>
    <t>1806.600341796875</t>
  </si>
  <si>
    <t>0.08687549819330798</t>
  </si>
  <si>
    <t>0.04011279584227978</t>
  </si>
  <si>
    <t>0.055139144539761986</t>
  </si>
  <si>
    <t>16048</t>
  </si>
  <si>
    <t>0.03778107196802338</t>
  </si>
  <si>
    <t>17011</t>
  </si>
  <si>
    <t>28.28333854675293</t>
  </si>
  <si>
    <t>0.05827596240786548</t>
  </si>
  <si>
    <t>17055</t>
  </si>
  <si>
    <t>0.002583222243163874</t>
  </si>
  <si>
    <t>0.05337263209183263</t>
  </si>
  <si>
    <t>19077</t>
  </si>
  <si>
    <t>0.058667372990937494</t>
  </si>
  <si>
    <t>0.05808987577848512</t>
  </si>
  <si>
    <t>0.015411347966191258</t>
  </si>
  <si>
    <t>20798</t>
  </si>
  <si>
    <t>0.01287218353998476</t>
  </si>
  <si>
    <t>22215</t>
  </si>
  <si>
    <t>0.06591090814983147</t>
  </si>
  <si>
    <t>26.24281120300293</t>
  </si>
  <si>
    <t>1340.80322265625</t>
  </si>
  <si>
    <t>621.9816284179688</t>
  </si>
  <si>
    <t>Khanh Hoa</t>
  </si>
  <si>
    <t>26.098167419433594</t>
  </si>
  <si>
    <t>1354.756103515625</t>
  </si>
  <si>
    <t>0.0507323474945105</t>
  </si>
  <si>
    <t>25.99578285217285</t>
  </si>
  <si>
    <t>0.07711896912129568</t>
  </si>
  <si>
    <t>26.053823471069336</t>
  </si>
  <si>
    <t>0.07269701726772748</t>
  </si>
  <si>
    <t>26.10382080078125</t>
  </si>
  <si>
    <t>0.08105879582192266</t>
  </si>
  <si>
    <t>26.01512908935547</t>
  </si>
  <si>
    <t>0.08870256629851436</t>
  </si>
  <si>
    <t>25.751142501831055</t>
  </si>
  <si>
    <t>0.070561240292486</t>
  </si>
  <si>
    <t>26.2454891204834</t>
  </si>
  <si>
    <t>0.06076046369669541</t>
  </si>
  <si>
    <t>26.395490646362305</t>
  </si>
  <si>
    <t>0.03915801919382389</t>
  </si>
  <si>
    <t>25.85888671875</t>
  </si>
  <si>
    <t>0.03111990871380499</t>
  </si>
  <si>
    <t>25.950849533081055</t>
  </si>
  <si>
    <t>26.03120994567871</t>
  </si>
  <si>
    <t>0.037758142656793225</t>
  </si>
  <si>
    <t>26.05352783203125</t>
  </si>
  <si>
    <t>0.03883762770717958</t>
  </si>
  <si>
    <t>26.08983612060547</t>
  </si>
  <si>
    <t>0.04422897099143519</t>
  </si>
  <si>
    <t>4933</t>
  </si>
  <si>
    <t>0.05008839146037225</t>
  </si>
  <si>
    <t>5189</t>
  </si>
  <si>
    <t>26.253822326660156</t>
  </si>
  <si>
    <t>0.05059367813400151</t>
  </si>
  <si>
    <t>26.27614402770996</t>
  </si>
  <si>
    <t>0.044292550252491125</t>
  </si>
  <si>
    <t>25.90947723388672</t>
  </si>
  <si>
    <t>0.10309024141933776</t>
  </si>
  <si>
    <t>25.645490646362305</t>
  </si>
  <si>
    <t>0.08980695570943276</t>
  </si>
  <si>
    <t>26.12584686279297</t>
  </si>
  <si>
    <t>-0.054193914204780924</t>
  </si>
  <si>
    <t>26.184768676757812</t>
  </si>
  <si>
    <t>-0.05696018375080314</t>
  </si>
  <si>
    <t>25.778528213500977</t>
  </si>
  <si>
    <t>-0.07293246949103072</t>
  </si>
  <si>
    <t>26.334182739257812</t>
  </si>
  <si>
    <t>0.023836448154510137</t>
  </si>
  <si>
    <t>25.953821182250977</t>
  </si>
  <si>
    <t>0.036099942389059336</t>
  </si>
  <si>
    <t>26.264833450317383</t>
  </si>
  <si>
    <t>0.07059800826817941</t>
  </si>
  <si>
    <t>26.609182357788086</t>
  </si>
  <si>
    <t>0.11387270043831421</t>
  </si>
  <si>
    <t>26.472871780395508</t>
  </si>
  <si>
    <t>0.07709885373241754</t>
  </si>
  <si>
    <t>26.13983726501465</t>
  </si>
  <si>
    <t>0.05340448680371068</t>
  </si>
  <si>
    <t>26.217222213745117</t>
  </si>
  <si>
    <t>0.05866462725386512</t>
  </si>
  <si>
    <t>26.589540481567383</t>
  </si>
  <si>
    <t>0.05809903320515275</t>
  </si>
  <si>
    <t>9086</t>
  </si>
  <si>
    <t>26.295488357543945</t>
  </si>
  <si>
    <t>0.015416486771751892</t>
  </si>
  <si>
    <t>26.364835739135742</t>
  </si>
  <si>
    <t>25.8731689453125</t>
  </si>
  <si>
    <t>0.06590248621166772</t>
  </si>
  <si>
    <t>28.366355895996094</t>
  </si>
  <si>
    <t>1895.1861572265625</t>
  </si>
  <si>
    <t>456.70391845703125</t>
  </si>
  <si>
    <t>Kien Giang</t>
  </si>
  <si>
    <t>28.13570213317871</t>
  </si>
  <si>
    <t>1783.69775390625</t>
  </si>
  <si>
    <t>0.02055993473810691</t>
  </si>
  <si>
    <t>1848.2198486328125</t>
  </si>
  <si>
    <t>0.04613143976056566</t>
  </si>
  <si>
    <t>28.038070678710938</t>
  </si>
  <si>
    <t>1644.7178955078125</t>
  </si>
  <si>
    <t>0.04186303814387937</t>
  </si>
  <si>
    <t>28.076751708984375</t>
  </si>
  <si>
    <t>2004.879150390625</t>
  </si>
  <si>
    <t>27.96039390563965</t>
  </si>
  <si>
    <t>1816.3006591796875</t>
  </si>
  <si>
    <t>0.05782753397197382</t>
  </si>
  <si>
    <t>27.63868522644043</t>
  </si>
  <si>
    <t>1833.4539794921875</t>
  </si>
  <si>
    <t>0.04063468600921105</t>
  </si>
  <si>
    <t>28.32752227783203</t>
  </si>
  <si>
    <t>1724.5555419921875</t>
  </si>
  <si>
    <t>0.03005128871591367</t>
  </si>
  <si>
    <t>28.508331298828125</t>
  </si>
  <si>
    <t>1919.5985107421875</t>
  </si>
  <si>
    <t>0.0071417785311282955</t>
  </si>
  <si>
    <t>27.58868408203125</t>
  </si>
  <si>
    <t>1786.8759765625</t>
  </si>
  <si>
    <t>-0.002168190411113713</t>
  </si>
  <si>
    <t>27.86949348449707</t>
  </si>
  <si>
    <t>1976.8154296875</t>
  </si>
  <si>
    <t>0.01691047214831798</t>
  </si>
  <si>
    <t>27.842130661010742</t>
  </si>
  <si>
    <t>1873.100830078125</t>
  </si>
  <si>
    <t>0.04121216229734692</t>
  </si>
  <si>
    <t>28.1364688873291</t>
  </si>
  <si>
    <t>1944.1832275390625</t>
  </si>
  <si>
    <t>0.0426693216833538</t>
  </si>
  <si>
    <t>28.094648361206055</t>
  </si>
  <si>
    <t>1849.7923583984375</t>
  </si>
  <si>
    <t>0.04816252254553888</t>
  </si>
  <si>
    <t>27.983640670776367</t>
  </si>
  <si>
    <t>1759.0552978515625</t>
  </si>
  <si>
    <t>0.05408128250696187</t>
  </si>
  <si>
    <t>28.105348587036133</t>
  </si>
  <si>
    <t>1959.3377685546875</t>
  </si>
  <si>
    <t>0.054666490180160565</t>
  </si>
  <si>
    <t>28.02752113342285</t>
  </si>
  <si>
    <t>1893.70556640625</t>
  </si>
  <si>
    <t>0.04841352277894018</t>
  </si>
  <si>
    <t>27.963838577270508</t>
  </si>
  <si>
    <t>2281.975341796875</t>
  </si>
  <si>
    <t>0.25814039335130623</t>
  </si>
  <si>
    <t>27.47248077392578</t>
  </si>
  <si>
    <t>1672.3978271484375</t>
  </si>
  <si>
    <t>0.2134316400086238</t>
  </si>
  <si>
    <t>28.082870483398438</t>
  </si>
  <si>
    <t>2065.55712890625</t>
  </si>
  <si>
    <t>-0.04920341381371962</t>
  </si>
  <si>
    <t>28.32721519470215</t>
  </si>
  <si>
    <t>1836.5086669921875</t>
  </si>
  <si>
    <t>-0.050962531029965064</t>
  </si>
  <si>
    <t>27.691360473632812</t>
  </si>
  <si>
    <t>1918.4454345703125</t>
  </si>
  <si>
    <t>-0.06523167469883262</t>
  </si>
  <si>
    <t>28.266204833984375</t>
  </si>
  <si>
    <t>1916.7142333984375</t>
  </si>
  <si>
    <t>0.07806239367089773</t>
  </si>
  <si>
    <t>27.819496154785156</t>
  </si>
  <si>
    <t>1919.871337890625</t>
  </si>
  <si>
    <t>0.05018104671613699</t>
  </si>
  <si>
    <t>28.124845504760742</t>
  </si>
  <si>
    <t>1912.334716796875</t>
  </si>
  <si>
    <t>0.065942237521881</t>
  </si>
  <si>
    <t>28.46697425842285</t>
  </si>
  <si>
    <t>1915.2882080078125</t>
  </si>
  <si>
    <t>-0.26866870260672115</t>
  </si>
  <si>
    <t>28.655813217163086</t>
  </si>
  <si>
    <t>1913.4210205078125</t>
  </si>
  <si>
    <t>0.057872473298136384</t>
  </si>
  <si>
    <t>28.113378524780273</t>
  </si>
  <si>
    <t>1920.278564453125</t>
  </si>
  <si>
    <t>0.053248312532831577</t>
  </si>
  <si>
    <t>28.139144897460938</t>
  </si>
  <si>
    <t>1907.9893798828125</t>
  </si>
  <si>
    <t>0.05868769996151535</t>
  </si>
  <si>
    <t>1905.20556640625</t>
  </si>
  <si>
    <t>0.05817664017779478</t>
  </si>
  <si>
    <t>28.30504035949707</t>
  </si>
  <si>
    <t>1908.736328125</t>
  </si>
  <si>
    <t>0.015308976285032472</t>
  </si>
  <si>
    <t>28.169189453125</t>
  </si>
  <si>
    <t>1929.0372314453125</t>
  </si>
  <si>
    <t>0.01297803516552598</t>
  </si>
  <si>
    <t>27.87736701965332</t>
  </si>
  <si>
    <t>1920.414306640625</t>
  </si>
  <si>
    <t>0.06589534375518191</t>
  </si>
  <si>
    <t>23.519975662231445</t>
  </si>
  <si>
    <t>1662.6859130859375</t>
  </si>
  <si>
    <t>346.0496520996094</t>
  </si>
  <si>
    <t>Lam Dong</t>
  </si>
  <si>
    <t>23.30854034423828</t>
  </si>
  <si>
    <t>1699.59228515625</t>
  </si>
  <si>
    <t>0.016688448923775745</t>
  </si>
  <si>
    <t>23.29857635498047</t>
  </si>
  <si>
    <t>1699.2236328125</t>
  </si>
  <si>
    <t>0.04237394048820864</t>
  </si>
  <si>
    <t>23.25006866455078</t>
  </si>
  <si>
    <t>1698.9852294921875</t>
  </si>
  <si>
    <t>0.03771773038949</t>
  </si>
  <si>
    <t>23.279890060424805</t>
  </si>
  <si>
    <t>1700.2642822265625</t>
  </si>
  <si>
    <t>0.04593229889743444</t>
  </si>
  <si>
    <t>23.24326515197754</t>
  </si>
  <si>
    <t>0.05353544779324082</t>
  </si>
  <si>
    <t>22.89787483215332</t>
  </si>
  <si>
    <t>1699.8089599609375</t>
  </si>
  <si>
    <t>0.03090059941865686</t>
  </si>
  <si>
    <t>23.495149612426758</t>
  </si>
  <si>
    <t>1699.9176025390625</t>
  </si>
  <si>
    <t>0.01839602209257052</t>
  </si>
  <si>
    <t>23.689926147460938</t>
  </si>
  <si>
    <t>1699.7440185546875</t>
  </si>
  <si>
    <t>-0.0045673766281106865</t>
  </si>
  <si>
    <t>22.94731903076172</t>
  </si>
  <si>
    <t>1700.437744140625</t>
  </si>
  <si>
    <t>-0.01537703287058978</t>
  </si>
  <si>
    <t>23.142850875854492</t>
  </si>
  <si>
    <t>1700.047607421875</t>
  </si>
  <si>
    <t>0.0030943810147485706</t>
  </si>
  <si>
    <t>23.18512725830078</t>
  </si>
  <si>
    <t>1699.787353515625</t>
  </si>
  <si>
    <t>0.06864952384409317</t>
  </si>
  <si>
    <t>23.2999267578125</t>
  </si>
  <si>
    <t>1699.6788330078125</t>
  </si>
  <si>
    <t>0.06963369175880096</t>
  </si>
  <si>
    <t>23.280656814575195</t>
  </si>
  <si>
    <t>1699.72216796875</t>
  </si>
  <si>
    <t>0.0751324312009336</t>
  </si>
  <si>
    <t>23.275487899780273</t>
  </si>
  <si>
    <t>1699.4404296875</t>
  </si>
  <si>
    <t>0.08106611827840382</t>
  </si>
  <si>
    <t>23.3966121673584</t>
  </si>
  <si>
    <t>1699.765625</t>
  </si>
  <si>
    <t>0.08101594376008858</t>
  </si>
  <si>
    <t>23.359952926635742</t>
  </si>
  <si>
    <t>1700.2860107421875</t>
  </si>
  <si>
    <t>0.07461317576151583</t>
  </si>
  <si>
    <t>23.179372787475586</t>
  </si>
  <si>
    <t>1699.9609375</t>
  </si>
  <si>
    <t>0.2649368402261292</t>
  </si>
  <si>
    <t>22.862390518188477</t>
  </si>
  <si>
    <t>1699.70068359375</t>
  </si>
  <si>
    <t>0.21819429622388853</t>
  </si>
  <si>
    <t>23.364059448242188</t>
  </si>
  <si>
    <t>1699.8306884765625</t>
  </si>
  <si>
    <t>0.001416574151688721</t>
  </si>
  <si>
    <t>23.516822814941406</t>
  </si>
  <si>
    <t>1699.1151123046875</t>
  </si>
  <si>
    <t>0.007454451765312342</t>
  </si>
  <si>
    <t>23.007484436035156</t>
  </si>
  <si>
    <t>1700.1776123046875</t>
  </si>
  <si>
    <t>23.54591178894043</t>
  </si>
  <si>
    <t>1699.852294921875</t>
  </si>
  <si>
    <t>0.04767458745796027</t>
  </si>
  <si>
    <t>23.153047561645508</t>
  </si>
  <si>
    <t>0.025804238026644555</t>
  </si>
  <si>
    <t>23.454538345336914</t>
  </si>
  <si>
    <t>1699.7437744140625</t>
  </si>
  <si>
    <t>0.0397354989565617</t>
  </si>
  <si>
    <t>23.82952880859375</t>
  </si>
  <si>
    <t>1699.310302734375</t>
  </si>
  <si>
    <t>0.06352165333773385</t>
  </si>
  <si>
    <t>23.810209274291992</t>
  </si>
  <si>
    <t>1699.5704345703125</t>
  </si>
  <si>
    <t>0.06916055824847511</t>
  </si>
  <si>
    <t>6740</t>
  </si>
  <si>
    <t>23.34637451171875</t>
  </si>
  <si>
    <t>1699.700439453125</t>
  </si>
  <si>
    <t>0.053325656534770616</t>
  </si>
  <si>
    <t>23.42909049987793</t>
  </si>
  <si>
    <t>1699.50537109375</t>
  </si>
  <si>
    <t>0.05863276331362677</t>
  </si>
  <si>
    <t>23.822175979614258</t>
  </si>
  <si>
    <t>0.05816066315759194</t>
  </si>
  <si>
    <t>23.552392959594727</t>
  </si>
  <si>
    <t>1699.61376953125</t>
  </si>
  <si>
    <t>23.512067794799805</t>
  </si>
  <si>
    <t>1700.13427734375</t>
  </si>
  <si>
    <t>0.012916738613700574</t>
  </si>
  <si>
    <t>8323</t>
  </si>
  <si>
    <t>23.097198486328125</t>
  </si>
  <si>
    <t>1700.02587890625</t>
  </si>
  <si>
    <t>0.06592520042372385</t>
  </si>
  <si>
    <t>22.568574905395508</t>
  </si>
  <si>
    <t>1634.8551025390625</t>
  </si>
  <si>
    <t>332.67205810546875</t>
  </si>
  <si>
    <t>Lang Son</t>
  </si>
  <si>
    <t>22.36553192138672</t>
  </si>
  <si>
    <t>1398.0980224609375</t>
  </si>
  <si>
    <t>0.03384938547415128</t>
  </si>
  <si>
    <t>21.7811279296875</t>
  </si>
  <si>
    <t>1133.313232421875</t>
  </si>
  <si>
    <t>0.060179564174124955</t>
  </si>
  <si>
    <t>22.16912269592285</t>
  </si>
  <si>
    <t>1570.620849609375</t>
  </si>
  <si>
    <t>0.05676264069194836</t>
  </si>
  <si>
    <t>22.156869888305664</t>
  </si>
  <si>
    <t>1906.8001708984375</t>
  </si>
  <si>
    <t>0.06449646103367623</t>
  </si>
  <si>
    <t>21.910123825073242</t>
  </si>
  <si>
    <t>1474.91650390625</t>
  </si>
  <si>
    <t>0.07298070340623664</t>
  </si>
  <si>
    <t>21.85662078857422</t>
  </si>
  <si>
    <t>1647.80224609375</t>
  </si>
  <si>
    <t>0.06417188501980675</t>
  </si>
  <si>
    <t>21.992937088012695</t>
  </si>
  <si>
    <t>1695.532958984375</t>
  </si>
  <si>
    <t>0.054067221270275745</t>
  </si>
  <si>
    <t>23.013839721679688</t>
  </si>
  <si>
    <t>1503.0023193359375</t>
  </si>
  <si>
    <t>0.03280663251209592</t>
  </si>
  <si>
    <t>22.296037673950195</t>
  </si>
  <si>
    <t>1468.7010498046875</t>
  </si>
  <si>
    <t>0.023917433060589133</t>
  </si>
  <si>
    <t>22.06654930114746</t>
  </si>
  <si>
    <t>1218.4884033203125</t>
  </si>
  <si>
    <t>0.04524351977813179</t>
  </si>
  <si>
    <t>22.11395835876465</t>
  </si>
  <si>
    <t>1856.953369140625</t>
  </si>
  <si>
    <t>0.021416088519774945</t>
  </si>
  <si>
    <t>22.39515495300293</t>
  </si>
  <si>
    <t>1661.7855224609375</t>
  </si>
  <si>
    <t>0.022319304988033473</t>
  </si>
  <si>
    <t>22.63817596435547</t>
  </si>
  <si>
    <t>1363.02685546875</t>
  </si>
  <si>
    <t>0.027106747418062405</t>
  </si>
  <si>
    <t>22.13599967956543</t>
  </si>
  <si>
    <t>1186.3271484375</t>
  </si>
  <si>
    <t>0.03235132248708972</t>
  </si>
  <si>
    <t>22.252235412597656</t>
  </si>
  <si>
    <t>1506.74609375</t>
  </si>
  <si>
    <t>0.031748698314580714</t>
  </si>
  <si>
    <t>22.4355525970459</t>
  </si>
  <si>
    <t>1298.56396484375</t>
  </si>
  <si>
    <t>0.02477284043749961</t>
  </si>
  <si>
    <t>22.380624771118164</t>
  </si>
  <si>
    <t>1289.67919921875</t>
  </si>
  <si>
    <t>0.27740076023586013</t>
  </si>
  <si>
    <t>21.895849227905273</t>
  </si>
  <si>
    <t>1864.2396240234375</t>
  </si>
  <si>
    <t>0.22642084987177924</t>
  </si>
  <si>
    <t>22.693857192993164</t>
  </si>
  <si>
    <t>1268.4871826171875</t>
  </si>
  <si>
    <t>-0.039550384551455764</t>
  </si>
  <si>
    <t>21.812210083007812</t>
  </si>
  <si>
    <t>1187.9095458984375</t>
  </si>
  <si>
    <t>-0.03907952291937633</t>
  </si>
  <si>
    <t>21.724716186523438</t>
  </si>
  <si>
    <t>1376.884033203125</t>
  </si>
  <si>
    <t>-0.05082421887158972</t>
  </si>
  <si>
    <t>22.009408950805664</t>
  </si>
  <si>
    <t>1557.002197265625</t>
  </si>
  <si>
    <t>0.00659886914767327</t>
  </si>
  <si>
    <t>3734</t>
  </si>
  <si>
    <t>22.247373580932617</t>
  </si>
  <si>
    <t>1560.08984375</t>
  </si>
  <si>
    <t>0.02302688766521932</t>
  </si>
  <si>
    <t>22.254804611206055</t>
  </si>
  <si>
    <t>1619.11181640625</t>
  </si>
  <si>
    <t>0.04682429810874389</t>
  </si>
  <si>
    <t>22.628997802734375</t>
  </si>
  <si>
    <t>1743.47509765625</t>
  </si>
  <si>
    <t>0.11320089794500099</t>
  </si>
  <si>
    <t>22.77569580078125</t>
  </si>
  <si>
    <t>1494.7772216796875</t>
  </si>
  <si>
    <t>0.021894566051887665</t>
  </si>
  <si>
    <t>22.27443504333496</t>
  </si>
  <si>
    <t>1735.1397705078125</t>
  </si>
  <si>
    <t>0.05346775372054324</t>
  </si>
  <si>
    <t>22.402313232421875</t>
  </si>
  <si>
    <t>1659.9560546875</t>
  </si>
  <si>
    <t>0.05856835415106687</t>
  </si>
  <si>
    <t>22.816011428833008</t>
  </si>
  <si>
    <t>1401.9681396484375</t>
  </si>
  <si>
    <t>0.05815592015707338</t>
  </si>
  <si>
    <t>5392</t>
  </si>
  <si>
    <t>22.541946411132812</t>
  </si>
  <si>
    <t>1332.148681640625</t>
  </si>
  <si>
    <t>0.015324538356159323</t>
  </si>
  <si>
    <t>23.05800437927246</t>
  </si>
  <si>
    <t>1480.4642333984375</t>
  </si>
  <si>
    <t>0.012898649441506649</t>
  </si>
  <si>
    <t>22.53010368347168</t>
  </si>
  <si>
    <t>1253.935546875</t>
  </si>
  <si>
    <t>0.0658878483940164</t>
  </si>
  <si>
    <t>28.39166831970215</t>
  </si>
  <si>
    <t>1723.5</t>
  </si>
  <si>
    <t>277.5371398925781</t>
  </si>
  <si>
    <t>Long An</t>
  </si>
  <si>
    <t>1699.4000244140625</t>
  </si>
  <si>
    <t>0.01694237899595219</t>
  </si>
  <si>
    <t>1718.0001220703125</t>
  </si>
  <si>
    <t>0.042752092043866874</t>
  </si>
  <si>
    <t>28.075002670288086</t>
  </si>
  <si>
    <t>1662.699951171875</t>
  </si>
  <si>
    <t>0.03829163287585846</t>
  </si>
  <si>
    <t>0.04690723732414526</t>
  </si>
  <si>
    <t>1719.8001708984375</t>
  </si>
  <si>
    <t>0.053950514728741794</t>
  </si>
  <si>
    <t>1709.500244140625</t>
  </si>
  <si>
    <t>0.03913990833727077</t>
  </si>
  <si>
    <t>1675.89990234375</t>
  </si>
  <si>
    <t>0.028544918489665783</t>
  </si>
  <si>
    <t>28.55000114440918</t>
  </si>
  <si>
    <t>1733.5001220703125</t>
  </si>
  <si>
    <t>0.00554741184407348</t>
  </si>
  <si>
    <t>1693.800048828125</t>
  </si>
  <si>
    <t>-0.004239367184059262</t>
  </si>
  <si>
    <t>1747.300048828125</t>
  </si>
  <si>
    <t>0.015242714446621619</t>
  </si>
  <si>
    <t>1723.60009765625</t>
  </si>
  <si>
    <t>0.027929457418588655</t>
  </si>
  <si>
    <t>1729.7000732421875</t>
  </si>
  <si>
    <t>0.0286923893644353</t>
  </si>
  <si>
    <t>1715.7000732421875</t>
  </si>
  <si>
    <t>0.03379002883112392</t>
  </si>
  <si>
    <t>1710.89990234375</t>
  </si>
  <si>
    <t>0.03949208971253526</t>
  </si>
  <si>
    <t>1731.400146484375</t>
  </si>
  <si>
    <t>0.03962285865929083</t>
  </si>
  <si>
    <t>1723.7000732421875</t>
  </si>
  <si>
    <t>0.032605774549239186</t>
  </si>
  <si>
    <t>1860.5</t>
  </si>
  <si>
    <t>0.24771430146147289</t>
  </si>
  <si>
    <t>1664.7000732421875</t>
  </si>
  <si>
    <t>0.20591887902291006</t>
  </si>
  <si>
    <t>1755.2999267578125</t>
  </si>
  <si>
    <t>-0.033463844333638804</t>
  </si>
  <si>
    <t>1711.999755859375</t>
  </si>
  <si>
    <t>-0.032300508572744135</t>
  </si>
  <si>
    <t>1736.4000244140625</t>
  </si>
  <si>
    <t>-0.042644945600800455</t>
  </si>
  <si>
    <t>0.04157389944343315</t>
  </si>
  <si>
    <t>0.03475253199083994</t>
  </si>
  <si>
    <t>0.06672476162237473</t>
  </si>
  <si>
    <t>28.558334350585938</t>
  </si>
  <si>
    <t>0.08503265766531776</t>
  </si>
  <si>
    <t>28.675004959106445</t>
  </si>
  <si>
    <t>0.20595200750191545</t>
  </si>
  <si>
    <t>0.053317781727033164</t>
  </si>
  <si>
    <t>28.224998474121094</t>
  </si>
  <si>
    <t>0.05873920094385099</t>
  </si>
  <si>
    <t>0.058026747562202274</t>
  </si>
  <si>
    <t>9980</t>
  </si>
  <si>
    <t>0.01544939094308262</t>
  </si>
  <si>
    <t>0.01284302584854835</t>
  </si>
  <si>
    <t>0.06593481562417303</t>
  </si>
  <si>
    <t>1514.2999267578125</t>
  </si>
  <si>
    <t>253.4778594970703</t>
  </si>
  <si>
    <t>Phu Yen</t>
  </si>
  <si>
    <t>26.450002670288086</t>
  </si>
  <si>
    <t>1519.5999755859375</t>
  </si>
  <si>
    <t>0.058813872055577754</t>
  </si>
  <si>
    <t>0.08422483855826535</t>
  </si>
  <si>
    <t>0.07991843003713672</t>
  </si>
  <si>
    <t>0.08843963816948897</t>
  </si>
  <si>
    <t>0.09499986172580677</t>
  </si>
  <si>
    <t>26.008331298828125</t>
  </si>
  <si>
    <t>0.07472851204332187</t>
  </si>
  <si>
    <t>0.06468251998582897</t>
  </si>
  <si>
    <t>0.03505565965257862</t>
  </si>
  <si>
    <t>0.05535393546904732</t>
  </si>
  <si>
    <t>0.03982007566747736</t>
  </si>
  <si>
    <t>0.040912775692302894</t>
  </si>
  <si>
    <t>0.04640117316045256</t>
  </si>
  <si>
    <t>0.052665065225985686</t>
  </si>
  <si>
    <t>0.0530281737754521</t>
  </si>
  <si>
    <t>26.449996948242188</t>
  </si>
  <si>
    <t>0.04679216150675902</t>
  </si>
  <si>
    <t>0.17993776543867934</t>
  </si>
  <si>
    <t>0.15525814682292882</t>
  </si>
  <si>
    <t>3775</t>
  </si>
  <si>
    <t>-0.03641494674177892</t>
  </si>
  <si>
    <t>-0.0353184033032754</t>
  </si>
  <si>
    <t>-0.04662456346562038</t>
  </si>
  <si>
    <t>26.624998092651367</t>
  </si>
  <si>
    <t>0.0176693112135915</t>
  </si>
  <si>
    <t>0.03169573081013155</t>
  </si>
  <si>
    <t>0.04808618666763742</t>
  </si>
  <si>
    <t>4245</t>
  </si>
  <si>
    <t>27.01666831970215</t>
  </si>
  <si>
    <t>0.10183317513985912</t>
  </si>
  <si>
    <t>0.07987960657767879</t>
  </si>
  <si>
    <t>0.053357278608402225</t>
  </si>
  <si>
    <t>0.05865786184338617</t>
  </si>
  <si>
    <t>26.966665267944336</t>
  </si>
  <si>
    <t>0.05816251128936578</t>
  </si>
  <si>
    <t>0.015292488078456401</t>
  </si>
  <si>
    <t>0.012924250980935525</t>
  </si>
  <si>
    <t>5989</t>
  </si>
  <si>
    <t>0.06590863614079012</t>
  </si>
  <si>
    <t>25.385976791381836</t>
  </si>
  <si>
    <t>2804.078857421875</t>
  </si>
  <si>
    <t>288.03472900390625</t>
  </si>
  <si>
    <t>Quang Binh</t>
  </si>
  <si>
    <t>25.26030731201172</t>
  </si>
  <si>
    <t>2540.380126953125</t>
  </si>
  <si>
    <t>0.02397799870666084</t>
  </si>
  <si>
    <t>24.88531494140625</t>
  </si>
  <si>
    <t>1980.630126953125</t>
  </si>
  <si>
    <t>0.04941244172529302</t>
  </si>
  <si>
    <t>25.318525314331055</t>
  </si>
  <si>
    <t>1700.359619140625</t>
  </si>
  <si>
    <t>0.04560060540710875</t>
  </si>
  <si>
    <t>25.223142623901367</t>
  </si>
  <si>
    <t>2162.8896484375</t>
  </si>
  <si>
    <t>0.053519640390633505</t>
  </si>
  <si>
    <t>25.02446174621582</t>
  </si>
  <si>
    <t>2014.36279296875</t>
  </si>
  <si>
    <t>0.06145277921366343</t>
  </si>
  <si>
    <t>24.797607421875</t>
  </si>
  <si>
    <t>2930.960693359375</t>
  </si>
  <si>
    <t>0.06660591902092428</t>
  </si>
  <si>
    <t>25.253311157226562</t>
  </si>
  <si>
    <t>1959.6414794921875</t>
  </si>
  <si>
    <t>0.057192834285696215</t>
  </si>
  <si>
    <t>25.979631423950195</t>
  </si>
  <si>
    <t>2289.92041015625</t>
  </si>
  <si>
    <t>0.03563595466724312</t>
  </si>
  <si>
    <t>2705.76708984375</t>
  </si>
  <si>
    <t>25.14562225341797</t>
  </si>
  <si>
    <t>1901.2398681640625</t>
  </si>
  <si>
    <t>0.04774304365490689</t>
  </si>
  <si>
    <t>25.139036178588867</t>
  </si>
  <si>
    <t>2581.11181640625</t>
  </si>
  <si>
    <t>0.03903936939554242</t>
  </si>
  <si>
    <t>25.28006935119629</t>
  </si>
  <si>
    <t>2729.96484375</t>
  </si>
  <si>
    <t>0.04047936656047746</t>
  </si>
  <si>
    <t>25.47886848449707</t>
  </si>
  <si>
    <t>1733.0579833984375</t>
  </si>
  <si>
    <t>0.04539786627129061</t>
  </si>
  <si>
    <t>24.969968795776367</t>
  </si>
  <si>
    <t>1649.6353759765625</t>
  </si>
  <si>
    <t>0.05180171805406886</t>
  </si>
  <si>
    <t>25.2449893951416</t>
  </si>
  <si>
    <t>2424.02392578125</t>
  </si>
  <si>
    <t>0.05217087232890982</t>
  </si>
  <si>
    <t>25.338623046875</t>
  </si>
  <si>
    <t>2315.106689453125</t>
  </si>
  <si>
    <t>0.04600852120755494</t>
  </si>
  <si>
    <t>25.12315559387207</t>
  </si>
  <si>
    <t>2291.78662109375</t>
  </si>
  <si>
    <t>0.2256076835574321</t>
  </si>
  <si>
    <t>24.468107223510742</t>
  </si>
  <si>
    <t>2770.13916015625</t>
  </si>
  <si>
    <t>0.1902817453775807</t>
  </si>
  <si>
    <t>25.547636032104492</t>
  </si>
  <si>
    <t>2098.07666015625</t>
  </si>
  <si>
    <t>-0.051998244966537044</t>
  </si>
  <si>
    <t>25.166154861450195</t>
  </si>
  <si>
    <t>1945.5980224609375</t>
  </si>
  <si>
    <t>-0.05455898425043593</t>
  </si>
  <si>
    <t>24.575674057006836</t>
  </si>
  <si>
    <t>2783.791015625</t>
  </si>
  <si>
    <t>-0.06984854454685063</t>
  </si>
  <si>
    <t>25.416275024414062</t>
  </si>
  <si>
    <t>2397.54052734375</t>
  </si>
  <si>
    <t>0.055434410591848504</t>
  </si>
  <si>
    <t>25.005958557128906</t>
  </si>
  <si>
    <t>3450.59814453125</t>
  </si>
  <si>
    <t>0.08733231313843604</t>
  </si>
  <si>
    <t>25.483484268188477</t>
  </si>
  <si>
    <t>1545.7764892578125</t>
  </si>
  <si>
    <t>0.04070251955826265</t>
  </si>
  <si>
    <t>25.795766830444336</t>
  </si>
  <si>
    <t>1909.349853515625</t>
  </si>
  <si>
    <t>0.06093126681592409</t>
  </si>
  <si>
    <t>25.786630630493164</t>
  </si>
  <si>
    <t>2041.4931640625</t>
  </si>
  <si>
    <t>0.10712496252053505</t>
  </si>
  <si>
    <t>25.18279266357422</t>
  </si>
  <si>
    <t>2940.8447265625</t>
  </si>
  <si>
    <t>0.05341752405272082</t>
  </si>
  <si>
    <t>25.334657669067383</t>
  </si>
  <si>
    <t>2071.157470703125</t>
  </si>
  <si>
    <t>0.05861963944176907</t>
  </si>
  <si>
    <t>25.94205665588379</t>
  </si>
  <si>
    <t>2316.892333984375</t>
  </si>
  <si>
    <t>0.0581648243215529</t>
  </si>
  <si>
    <t>25.54882049560547</t>
  </si>
  <si>
    <t>2072.078369140625</t>
  </si>
  <si>
    <t>0.015309715239887112</t>
  </si>
  <si>
    <t>25.77777099609375</t>
  </si>
  <si>
    <t>2140.002685546875</t>
  </si>
  <si>
    <t>0.01291279195115358</t>
  </si>
  <si>
    <t>5911</t>
  </si>
  <si>
    <t>25.091012954711914</t>
  </si>
  <si>
    <t>2709.2861328125</t>
  </si>
  <si>
    <t>0.06590414047749782</t>
  </si>
  <si>
    <t>26.330522537231445</t>
  </si>
  <si>
    <t>1972.800048828125</t>
  </si>
  <si>
    <t>546.3916015625</t>
  </si>
  <si>
    <t>Quang Ngai</t>
  </si>
  <si>
    <t>26.128416061401367</t>
  </si>
  <si>
    <t>1777.4957275390625</t>
  </si>
  <si>
    <t>0.03794493156412404</t>
  </si>
  <si>
    <t>25.939008712768555</t>
  </si>
  <si>
    <t>1730.2362060546875</t>
  </si>
  <si>
    <t>0.06270839002197892</t>
  </si>
  <si>
    <t>26.157569885253906</t>
  </si>
  <si>
    <t>1700.1424560546875</t>
  </si>
  <si>
    <t>0.05979163551254274</t>
  </si>
  <si>
    <t>26.13254737854004</t>
  </si>
  <si>
    <t>1857.3021240234375</t>
  </si>
  <si>
    <t>0.06820825002653397</t>
  </si>
  <si>
    <t>26.00347900390625</t>
  </si>
  <si>
    <t>1901.8984375</t>
  </si>
  <si>
    <t>0.07614670884357011</t>
  </si>
  <si>
    <t>25.68876838684082</t>
  </si>
  <si>
    <t>1856.649658203125</t>
  </si>
  <si>
    <t>0.06631901251471817</t>
  </si>
  <si>
    <t>26.180564880371094</t>
  </si>
  <si>
    <t>1850.0614013671875</t>
  </si>
  <si>
    <t>0.05620497343719588</t>
  </si>
  <si>
    <t>26.651235580444336</t>
  </si>
  <si>
    <t>1935.719970703125</t>
  </si>
  <si>
    <t>0.03540192705091538</t>
  </si>
  <si>
    <t>25.988615036010742</t>
  </si>
  <si>
    <t>2096.12255859375</t>
  </si>
  <si>
    <t>0.026881801699566665</t>
  </si>
  <si>
    <t>25.976213455200195</t>
  </si>
  <si>
    <t>1849.8070068359375</t>
  </si>
  <si>
    <t>0.04739178820875711</t>
  </si>
  <si>
    <t>26.028345108032227</t>
  </si>
  <si>
    <t>1867.7608642578125</t>
  </si>
  <si>
    <t>0.034905711851868304</t>
  </si>
  <si>
    <t>26.063722610473633</t>
  </si>
  <si>
    <t>2005.784423828125</t>
  </si>
  <si>
    <t>0.03623769809831234</t>
  </si>
  <si>
    <t>26.107458114624023</t>
  </si>
  <si>
    <t>1712.7347412109375</t>
  </si>
  <si>
    <t>0.04172384337139956</t>
  </si>
  <si>
    <t>25.92014503479004</t>
  </si>
  <si>
    <t>1630.3026123046875</t>
  </si>
  <si>
    <t>0.04741559350626545</t>
  </si>
  <si>
    <t>26.111791610717773</t>
  </si>
  <si>
    <t>1847.59228515625</t>
  </si>
  <si>
    <t>0.047894586298059316</t>
  </si>
  <si>
    <t>26.130456924438477</t>
  </si>
  <si>
    <t>1745.96337890625</t>
  </si>
  <si>
    <t>0.04152105082275348</t>
  </si>
  <si>
    <t>25.922189712524414</t>
  </si>
  <si>
    <t>1805.45068359375</t>
  </si>
  <si>
    <t>0.24232938959435124</t>
  </si>
  <si>
    <t>25.518033981323242</t>
  </si>
  <si>
    <t>1949.9578857421875</t>
  </si>
  <si>
    <t>0.2021951543503988</t>
  </si>
  <si>
    <t>26.18048095703125</t>
  </si>
  <si>
    <t>1900.8035888671875</t>
  </si>
  <si>
    <t>0.11515114036995477</t>
  </si>
  <si>
    <t>26.007787704467773</t>
  </si>
  <si>
    <t>1805.4278564453125</t>
  </si>
  <si>
    <t>0.11847491146566824</t>
  </si>
  <si>
    <t>25.578454971313477</t>
  </si>
  <si>
    <t>2037.2366943359375</t>
  </si>
  <si>
    <t>0.11183028420823682</t>
  </si>
  <si>
    <t>26.263877868652344</t>
  </si>
  <si>
    <t>2034.1953125</t>
  </si>
  <si>
    <t>0.04119490309728846</t>
  </si>
  <si>
    <t>25.84514617919922</t>
  </si>
  <si>
    <t>1896.2301025390625</t>
  </si>
  <si>
    <t>0.11118718909803071</t>
  </si>
  <si>
    <t>26.2617244720459</t>
  </si>
  <si>
    <t>1782.2869873046875</t>
  </si>
  <si>
    <t>-0.011008079614683197</t>
  </si>
  <si>
    <t>26.624300003051758</t>
  </si>
  <si>
    <t>1859.5283203125</t>
  </si>
  <si>
    <t>0.1107646873761432</t>
  </si>
  <si>
    <t>26.595123291015625</t>
  </si>
  <si>
    <t>1913.2308349609375</t>
  </si>
  <si>
    <t>0.0462376494040182</t>
  </si>
  <si>
    <t>26.097145080566406</t>
  </si>
  <si>
    <t>1974.1278076171875</t>
  </si>
  <si>
    <t>0.053472505303952644</t>
  </si>
  <si>
    <t>26.23465919494629</t>
  </si>
  <si>
    <t>1729.1444091796875</t>
  </si>
  <si>
    <t>0.05861484020605978</t>
  </si>
  <si>
    <t>8396</t>
  </si>
  <si>
    <t>26.64092254638672</t>
  </si>
  <si>
    <t>1925.458984375</t>
  </si>
  <si>
    <t>0.058111702758662176</t>
  </si>
  <si>
    <t>26.315946578979492</t>
  </si>
  <si>
    <t>1975.22509765625</t>
  </si>
  <si>
    <t>0.01536491638463211</t>
  </si>
  <si>
    <t>26.47003746032715</t>
  </si>
  <si>
    <t>1946.5452880859375</t>
  </si>
  <si>
    <t>0.012934981955130098</t>
  </si>
  <si>
    <t>25.88039207458496</t>
  </si>
  <si>
    <t>1906.473388671875</t>
  </si>
  <si>
    <t>0.06586188962844197</t>
  </si>
  <si>
    <t>23.494558334350586</t>
  </si>
  <si>
    <t>1637.5416259765625</t>
  </si>
  <si>
    <t>196.91976928710938</t>
  </si>
  <si>
    <t>Quang Ninh</t>
  </si>
  <si>
    <t>23.401708602905273</t>
  </si>
  <si>
    <t>1541.4462890625</t>
  </si>
  <si>
    <t>0.03843022107678529</t>
  </si>
  <si>
    <t>22.76023292541504</t>
  </si>
  <si>
    <t>1218.526123046875</t>
  </si>
  <si>
    <t>0.06410739373274676</t>
  </si>
  <si>
    <t>23.276105880737305</t>
  </si>
  <si>
    <t>1684.6968994140625</t>
  </si>
  <si>
    <t>0.06024406086500633</t>
  </si>
  <si>
    <t>23.22629737854004</t>
  </si>
  <si>
    <t>2084.5703125</t>
  </si>
  <si>
    <t>0.06901993838278653</t>
  </si>
  <si>
    <t>22.923986434936523</t>
  </si>
  <si>
    <t>1672.3658447265625</t>
  </si>
  <si>
    <t>0.07691893675937145</t>
  </si>
  <si>
    <t>22.89549446105957</t>
  </si>
  <si>
    <t>1735.543701171875</t>
  </si>
  <si>
    <t>0.07109592168372991</t>
  </si>
  <si>
    <t>23.050527572631836</t>
  </si>
  <si>
    <t>1853.6573486328125</t>
  </si>
  <si>
    <t>0.06177735969624365</t>
  </si>
  <si>
    <t>24.031356811523438</t>
  </si>
  <si>
    <t>1673.4736328125</t>
  </si>
  <si>
    <t>0.04004750112927624</t>
  </si>
  <si>
    <t>23.341039657592773</t>
  </si>
  <si>
    <t>1529.5885009765625</t>
  </si>
  <si>
    <t>0.03166568129143066</t>
  </si>
  <si>
    <t>3686</t>
  </si>
  <si>
    <t>23.133092880249023</t>
  </si>
  <si>
    <t>1320.4178466796875</t>
  </si>
  <si>
    <t>23.141616821289062</t>
  </si>
  <si>
    <t>2044.371337890625</t>
  </si>
  <si>
    <t>0.056434693887968734</t>
  </si>
  <si>
    <t>23.442001342773438</t>
  </si>
  <si>
    <t>1835.1717529296875</t>
  </si>
  <si>
    <t>0.0575429552790272</t>
  </si>
  <si>
    <t>23.681936264038086</t>
  </si>
  <si>
    <t>1482.2916259765625</t>
  </si>
  <si>
    <t>0.06331227941432616</t>
  </si>
  <si>
    <t>4717</t>
  </si>
  <si>
    <t>23.16004180908203</t>
  </si>
  <si>
    <t>1296.1591796875</t>
  </si>
  <si>
    <t>0.06934121647317149</t>
  </si>
  <si>
    <t>23.294723510742188</t>
  </si>
  <si>
    <t>1581.759033203125</t>
  </si>
  <si>
    <t>0.06960041779572101</t>
  </si>
  <si>
    <t>23.478057861328125</t>
  </si>
  <si>
    <t>1438.0020751953125</t>
  </si>
  <si>
    <t>0.0635864168535143</t>
  </si>
  <si>
    <t>23.380586624145508</t>
  </si>
  <si>
    <t>1444.530517578125</t>
  </si>
  <si>
    <t>0.2958137010698074</t>
  </si>
  <si>
    <t>22.833498001098633</t>
  </si>
  <si>
    <t>1986.3582763671875</t>
  </si>
  <si>
    <t>0.2387038038993925</t>
  </si>
  <si>
    <t>23.731355667114258</t>
  </si>
  <si>
    <t>1400.6922607421875</t>
  </si>
  <si>
    <t>0.017461103254559518</t>
  </si>
  <si>
    <t>22.935211181640625</t>
  </si>
  <si>
    <t>1306.369140625</t>
  </si>
  <si>
    <t>0.024590970550093516</t>
  </si>
  <si>
    <t>22.68523406982422</t>
  </si>
  <si>
    <t>1503.005859375</t>
  </si>
  <si>
    <t>0.02124886549117022</t>
  </si>
  <si>
    <t>23.182296752929688</t>
  </si>
  <si>
    <t>1701.9053955078125</t>
  </si>
  <si>
    <t>0.006916219595163753</t>
  </si>
  <si>
    <t>10046</t>
  </si>
  <si>
    <t>23.159271240234375</t>
  </si>
  <si>
    <t>1777.1590576171875</t>
  </si>
  <si>
    <t>0.01808004251630635</t>
  </si>
  <si>
    <t>23.412160873413086</t>
  </si>
  <si>
    <t>1767.089599609375</t>
  </si>
  <si>
    <t>0.053585111717264766</t>
  </si>
  <si>
    <t>23.745683670043945</t>
  </si>
  <si>
    <t>1726.6048583984375</t>
  </si>
  <si>
    <t>0.14419468804666025</t>
  </si>
  <si>
    <t>23.77574348449707</t>
  </si>
  <si>
    <t>1729.4949951171875</t>
  </si>
  <si>
    <t>0.08588765510489083</t>
  </si>
  <si>
    <t>23.254623413085938</t>
  </si>
  <si>
    <t>1884.6697998046875</t>
  </si>
  <si>
    <t>0.05334500723858682</t>
  </si>
  <si>
    <t>14923</t>
  </si>
  <si>
    <t>23.38135528564453</t>
  </si>
  <si>
    <t>1745.99658203125</t>
  </si>
  <si>
    <t>0.05871663951407413</t>
  </si>
  <si>
    <t>15815</t>
  </si>
  <si>
    <t>23.988510131835938</t>
  </si>
  <si>
    <t>1625.0357666015625</t>
  </si>
  <si>
    <t>0.05805520980828227</t>
  </si>
  <si>
    <t>16060</t>
  </si>
  <si>
    <t>23.593759536743164</t>
  </si>
  <si>
    <t>1416.9835205078125</t>
  </si>
  <si>
    <t>0.015372851761002337</t>
  </si>
  <si>
    <t>16269</t>
  </si>
  <si>
    <t>24.099397659301758</t>
  </si>
  <si>
    <t>1563.2298583984375</t>
  </si>
  <si>
    <t>0.012929748008417619</t>
  </si>
  <si>
    <t>17377</t>
  </si>
  <si>
    <t>23.426542282104492</t>
  </si>
  <si>
    <t>1506.966796875</t>
  </si>
  <si>
    <t>0.06588603621308486</t>
  </si>
  <si>
    <t>25.48969841003418</t>
  </si>
  <si>
    <t>2929.5048828125</t>
  </si>
  <si>
    <t>275.8284912109375</t>
  </si>
  <si>
    <t>Quang Tri</t>
  </si>
  <si>
    <t>25.360471725463867</t>
  </si>
  <si>
    <t>2761.255859375</t>
  </si>
  <si>
    <t>0.030065555716828563</t>
  </si>
  <si>
    <t>25.069765090942383</t>
  </si>
  <si>
    <t>2057.083251953125</t>
  </si>
  <si>
    <t>0.056811943503005224</t>
  </si>
  <si>
    <t>25.397668838500977</t>
  </si>
  <si>
    <t>1656.5853271484375</t>
  </si>
  <si>
    <t>0.052360471437808975</t>
  </si>
  <si>
    <t>25.322792053222656</t>
  </si>
  <si>
    <t>2407.76904296875</t>
  </si>
  <si>
    <t>0.06099451270284195</t>
  </si>
  <si>
    <t>25.14803123474121</t>
  </si>
  <si>
    <t>2198.807373046875</t>
  </si>
  <si>
    <t>0.0685983163427526</t>
  </si>
  <si>
    <t>24.832639694213867</t>
  </si>
  <si>
    <t>3421.00634765625</t>
  </si>
  <si>
    <t>0.060732946574163726</t>
  </si>
  <si>
    <t>25.37761688232422</t>
  </si>
  <si>
    <t>2194.937255859375</t>
  </si>
  <si>
    <t>0.051235522643694686</t>
  </si>
  <si>
    <t>25.978530883789062</t>
  </si>
  <si>
    <t>2950.16943359375</t>
  </si>
  <si>
    <t>0.028673860584607525</t>
  </si>
  <si>
    <t>25.20256996154785</t>
  </si>
  <si>
    <t>3291.378662109375</t>
  </si>
  <si>
    <t>0.021108963210235032</t>
  </si>
  <si>
    <t>25.214218139648438</t>
  </si>
  <si>
    <t>1999.210205078125</t>
  </si>
  <si>
    <t>25.197431564331055</t>
  </si>
  <si>
    <t>2582.024658203125</t>
  </si>
  <si>
    <t>0.03495310281035824</t>
  </si>
  <si>
    <t>25.322669982910156</t>
  </si>
  <si>
    <t>2926.024658203125</t>
  </si>
  <si>
    <t>0.036108435791809335</t>
  </si>
  <si>
    <t>25.472192764282227</t>
  </si>
  <si>
    <t>1902.2950439453125</t>
  </si>
  <si>
    <t>0.04113925636658067</t>
  </si>
  <si>
    <t>25.08782386779785</t>
  </si>
  <si>
    <t>1641.03564453125</t>
  </si>
  <si>
    <t>0.047659292317504764</t>
  </si>
  <si>
    <t>25.342409133911133</t>
  </si>
  <si>
    <t>2574.2958984375</t>
  </si>
  <si>
    <t>0.04752874510937044</t>
  </si>
  <si>
    <t>25.400144577026367</t>
  </si>
  <si>
    <t>2684.008056640625</t>
  </si>
  <si>
    <t>0.041473248206575164</t>
  </si>
  <si>
    <t>25.19169044494629</t>
  </si>
  <si>
    <t>2574.920654296875</t>
  </si>
  <si>
    <t>0.3021280069288146</t>
  </si>
  <si>
    <t>24.591928482055664</t>
  </si>
  <si>
    <t>2834.2880859375</t>
  </si>
  <si>
    <t>0.24287256863563833</t>
  </si>
  <si>
    <t>25.552017211914062</t>
  </si>
  <si>
    <t>2246.549560546875</t>
  </si>
  <si>
    <t>-0.06189949981331644</t>
  </si>
  <si>
    <t>25.31015968322754</t>
  </si>
  <si>
    <t>1967.27587890625</t>
  </si>
  <si>
    <t>-0.06675784949578834</t>
  </si>
  <si>
    <t>24.70696449279785</t>
  </si>
  <si>
    <t>3078.972900390625</t>
  </si>
  <si>
    <t>-0.08546697513825663</t>
  </si>
  <si>
    <t>25.53021240234375</t>
  </si>
  <si>
    <t>2750.276123046875</t>
  </si>
  <si>
    <t>0.03663817034593286</t>
  </si>
  <si>
    <t>25.07725715637207</t>
  </si>
  <si>
    <t>4391.8994140625</t>
  </si>
  <si>
    <t>0.024580452081968573</t>
  </si>
  <si>
    <t>25.525144577026367</t>
  </si>
  <si>
    <t>1668.4805908203125</t>
  </si>
  <si>
    <t>0.045908009495729374</t>
  </si>
  <si>
    <t>25.919286727905273</t>
  </si>
  <si>
    <t>2191.312255859375</t>
  </si>
  <si>
    <t>0.1860119073714248</t>
  </si>
  <si>
    <t>25.90648651123047</t>
  </si>
  <si>
    <t>2523.6162109375</t>
  </si>
  <si>
    <t>0.07108361027905907</t>
  </si>
  <si>
    <t>25.260469436645508</t>
  </si>
  <si>
    <t>3244.941162109375</t>
  </si>
  <si>
    <t>0.053328259477920525</t>
  </si>
  <si>
    <t>25.410232543945312</t>
  </si>
  <si>
    <t>2239.96337890625</t>
  </si>
  <si>
    <t>0.05867679889857591</t>
  </si>
  <si>
    <t>26.043806076049805</t>
  </si>
  <si>
    <t>2652.985107421875</t>
  </si>
  <si>
    <t>0.058058438578799</t>
  </si>
  <si>
    <t>25.604372024536133</t>
  </si>
  <si>
    <t>2525.019287109375</t>
  </si>
  <si>
    <t>0.015501656584502754</t>
  </si>
  <si>
    <t>25.778047561645508</t>
  </si>
  <si>
    <t>2648.79736328125</t>
  </si>
  <si>
    <t>0.012870190520533953</t>
  </si>
  <si>
    <t>25.101898193359375</t>
  </si>
  <si>
    <t>2963.571044921875</t>
  </si>
  <si>
    <t>0.06587634069155612</t>
  </si>
  <si>
    <t>1842.699951171875</t>
  </si>
  <si>
    <t>466.4280090332031</t>
  </si>
  <si>
    <t>Soc Trang / Can Tho / Hau Gian</t>
  </si>
  <si>
    <t>1866.7999267578125</t>
  </si>
  <si>
    <t>0.023623145763435716</t>
  </si>
  <si>
    <t>1892.2000732421875</t>
  </si>
  <si>
    <t>0.04872839955436081</t>
  </si>
  <si>
    <t>1826.7999267578125</t>
  </si>
  <si>
    <t>0.04528392153436389</t>
  </si>
  <si>
    <t>1931.39990234375</t>
  </si>
  <si>
    <t>0.05344563994742835</t>
  </si>
  <si>
    <t>1872.0999755859375</t>
  </si>
  <si>
    <t>0.061315649995104415</t>
  </si>
  <si>
    <t>1878.7001953125</t>
  </si>
  <si>
    <t>0.058765309226251006</t>
  </si>
  <si>
    <t>1854.0999755859375</t>
  </si>
  <si>
    <t>0.048908318597407074</t>
  </si>
  <si>
    <t>28.625001907348633</t>
  </si>
  <si>
    <t>1904.0</t>
  </si>
  <si>
    <t>0.027041274702964913</t>
  </si>
  <si>
    <t>27.73333168029785</t>
  </si>
  <si>
    <t>1865.199951171875</t>
  </si>
  <si>
    <t>0.019134980186019668</t>
  </si>
  <si>
    <t>1917.0</t>
  </si>
  <si>
    <t>0.03894297394860757</t>
  </si>
  <si>
    <t>0.03622812551002763</t>
  </si>
  <si>
    <t>1920.60009765625</t>
  </si>
  <si>
    <t>0.03738369183321755</t>
  </si>
  <si>
    <t>1881.5999755859375</t>
  </si>
  <si>
    <t>0.04301314059251027</t>
  </si>
  <si>
    <t>1859.699951171875</t>
  </si>
  <si>
    <t>0.04862461495955106</t>
  </si>
  <si>
    <t>2855</t>
  </si>
  <si>
    <t>1924.5001220703125</t>
  </si>
  <si>
    <t>0.0491755273790222</t>
  </si>
  <si>
    <t>1891.5999755859375</t>
  </si>
  <si>
    <t>0.04285145740933949</t>
  </si>
  <si>
    <t>2004.900146484375</t>
  </si>
  <si>
    <t>0.4365214527072556</t>
  </si>
  <si>
    <t>1827.699951171875</t>
  </si>
  <si>
    <t>0.32063978262275583</t>
  </si>
  <si>
    <t>1952.5999755859375</t>
  </si>
  <si>
    <t>-0.039157762663821316</t>
  </si>
  <si>
    <t>28.458330154418945</t>
  </si>
  <si>
    <t>1878.5</t>
  </si>
  <si>
    <t>-0.03888034555298958</t>
  </si>
  <si>
    <t>-0.050424986235798386</t>
  </si>
  <si>
    <t>0.054500386680315316</t>
  </si>
  <si>
    <t>0.04295494947039735</t>
  </si>
  <si>
    <t>6633</t>
  </si>
  <si>
    <t>0.07398041299799019</t>
  </si>
  <si>
    <t>6255</t>
  </si>
  <si>
    <t>-0.0586760466245444</t>
  </si>
  <si>
    <t>-0.06199446449875623</t>
  </si>
  <si>
    <t>28.249998092651367</t>
  </si>
  <si>
    <t>0.053323889947623826</t>
  </si>
  <si>
    <t>28.250001907348633</t>
  </si>
  <si>
    <t>0.058716088386137955</t>
  </si>
  <si>
    <t>0.05804508470250269</t>
  </si>
  <si>
    <t>7077</t>
  </si>
  <si>
    <t>0.015378346637264784</t>
  </si>
  <si>
    <t>0.01291608577708736</t>
  </si>
  <si>
    <t>0.0659846781843676</t>
  </si>
  <si>
    <t>23.657835006713867</t>
  </si>
  <si>
    <t>1908.9149169921875</t>
  </si>
  <si>
    <t>396.9364929199219</t>
  </si>
  <si>
    <t>Son La</t>
  </si>
  <si>
    <t>23.597585678100586</t>
  </si>
  <si>
    <t>1714.35986328125</t>
  </si>
  <si>
    <t>23.138750076293945</t>
  </si>
  <si>
    <t>1510.20947265625</t>
  </si>
  <si>
    <t>0.04786556739804748</t>
  </si>
  <si>
    <t>23.563425064086914</t>
  </si>
  <si>
    <t>1577.1297607421875</t>
  </si>
  <si>
    <t>0.04288413170218952</t>
  </si>
  <si>
    <t>23.545434951782227</t>
  </si>
  <si>
    <t>2076.3251953125</t>
  </si>
  <si>
    <t>0.051806222518914424</t>
  </si>
  <si>
    <t>1199</t>
  </si>
  <si>
    <t>23.34557342529297</t>
  </si>
  <si>
    <t>1804.4117431640625</t>
  </si>
  <si>
    <t>0.06015559087785238</t>
  </si>
  <si>
    <t>23.20680809020996</t>
  </si>
  <si>
    <t>1906.121337890625</t>
  </si>
  <si>
    <t>0.052001967322977016</t>
  </si>
  <si>
    <t>23.4986515045166</t>
  </si>
  <si>
    <t>1811.5003662109375</t>
  </si>
  <si>
    <t>0.04186657939278948</t>
  </si>
  <si>
    <t>24.29315948486328</t>
  </si>
  <si>
    <t>1667.037353515625</t>
  </si>
  <si>
    <t>0.019549494779957044</t>
  </si>
  <si>
    <t>23.71356964111328</t>
  </si>
  <si>
    <t>1861.25146484375</t>
  </si>
  <si>
    <t>0.011107111595404007</t>
  </si>
  <si>
    <t>23.57430076599121</t>
  </si>
  <si>
    <t>1784.88818359375</t>
  </si>
  <si>
    <t>0.030459207484708095</t>
  </si>
  <si>
    <t>23.69331169128418</t>
  </si>
  <si>
    <t>1987.7587890625</t>
  </si>
  <si>
    <t>0.03922071315328157</t>
  </si>
  <si>
    <t>23.899484634399414</t>
  </si>
  <si>
    <t>1994.8033447265625</t>
  </si>
  <si>
    <t>0.040382337445685756</t>
  </si>
  <si>
    <t>24.1486873626709</t>
  </si>
  <si>
    <t>1598.95947265625</t>
  </si>
  <si>
    <t>0.04577015432409226</t>
  </si>
  <si>
    <t>23.59946632385254</t>
  </si>
  <si>
    <t>1597.7041015625</t>
  </si>
  <si>
    <t>0.05217507311823777</t>
  </si>
  <si>
    <t>23.9964656829834</t>
  </si>
  <si>
    <t>1787.542236328125</t>
  </si>
  <si>
    <t>0.05186131485155876</t>
  </si>
  <si>
    <t>24.062753677368164</t>
  </si>
  <si>
    <t>1650.1763916015625</t>
  </si>
  <si>
    <t>0.0460552956203335</t>
  </si>
  <si>
    <t>23.833467483520508</t>
  </si>
  <si>
    <t>1666.7628173828125</t>
  </si>
  <si>
    <t>0.2894429940039984</t>
  </si>
  <si>
    <t>23.2785701751709</t>
  </si>
  <si>
    <t>2108.350341796875</t>
  </si>
  <si>
    <t>0.234527954273406</t>
  </si>
  <si>
    <t>24.380441665649414</t>
  </si>
  <si>
    <t>1583.7020263671875</t>
  </si>
  <si>
    <t>-0.001606942335190098</t>
  </si>
  <si>
    <t>23.847097396850586</t>
  </si>
  <si>
    <t>1591.4432373046875</t>
  </si>
  <si>
    <t>0.003852332212025189</t>
  </si>
  <si>
    <t>23.389638900756836</t>
  </si>
  <si>
    <t>1880.859130859375</t>
  </si>
  <si>
    <t>-0.0009616926530569003</t>
  </si>
  <si>
    <t>24.040878295898438</t>
  </si>
  <si>
    <t>1881.6148681640625</t>
  </si>
  <si>
    <t>0.14513000010132693</t>
  </si>
  <si>
    <t>23.856904983520508</t>
  </si>
  <si>
    <t>1821.2567138671875</t>
  </si>
  <si>
    <t>0.04023374941597169</t>
  </si>
  <si>
    <t>24.05710792541504</t>
  </si>
  <si>
    <t>1754.1552734375</t>
  </si>
  <si>
    <t>0.06698357113189601</t>
  </si>
  <si>
    <t>24.341514587402344</t>
  </si>
  <si>
    <t>1877.0791015625</t>
  </si>
  <si>
    <t>0.03453263416914076</t>
  </si>
  <si>
    <t>24.139671325683594</t>
  </si>
  <si>
    <t>1866.6966552734375</t>
  </si>
  <si>
    <t>0.009106221564820771</t>
  </si>
  <si>
    <t>23.657869338989258</t>
  </si>
  <si>
    <t>1866.22705078125</t>
  </si>
  <si>
    <t>0.05341413541651363</t>
  </si>
  <si>
    <t>23.865949630737305</t>
  </si>
  <si>
    <t>1959.678466796875</t>
  </si>
  <si>
    <t>0.05862725767219423</t>
  </si>
  <si>
    <t>24.65339469909668</t>
  </si>
  <si>
    <t>1452.622802734375</t>
  </si>
  <si>
    <t>0.058200500001088784</t>
  </si>
  <si>
    <t>24.012331008911133</t>
  </si>
  <si>
    <t>1472.2919921875</t>
  </si>
  <si>
    <t>0.015374167249587956</t>
  </si>
  <si>
    <t>24.33679962158203</t>
  </si>
  <si>
    <t>1849.3330078125</t>
  </si>
  <si>
    <t>0.012796709717108001</t>
  </si>
  <si>
    <t>23.715974807739258</t>
  </si>
  <si>
    <t>1640.0611572265625</t>
  </si>
  <si>
    <t>0.06585807268158028</t>
  </si>
  <si>
    <t>1631.800048828125</t>
  </si>
  <si>
    <t>305.6170349121094</t>
  </si>
  <si>
    <t>Tay Ninh</t>
  </si>
  <si>
    <t>1581.9000244140625</t>
  </si>
  <si>
    <t>0.04833071091071783</t>
  </si>
  <si>
    <t>1600.400146484375</t>
  </si>
  <si>
    <t>0.07437054272106991</t>
  </si>
  <si>
    <t>1533.60009765625</t>
  </si>
  <si>
    <t>0.06975102163698921</t>
  </si>
  <si>
    <t>1670.0999755859375</t>
  </si>
  <si>
    <t>0.07902198695615059</t>
  </si>
  <si>
    <t>0.08590782712593459</t>
  </si>
  <si>
    <t>27.30000114440918</t>
  </si>
  <si>
    <t>1594.60009765625</t>
  </si>
  <si>
    <t>0.07034148935824547</t>
  </si>
  <si>
    <t>1549.0001220703125</t>
  </si>
  <si>
    <t>0.060599957558642004</t>
  </si>
  <si>
    <t>1624.5999755859375</t>
  </si>
  <si>
    <t>0.03870452142214198</t>
  </si>
  <si>
    <t>27.391664505004883</t>
  </si>
  <si>
    <t>1573.199951171875</t>
  </si>
  <si>
    <t>0.03065660637536105</t>
  </si>
  <si>
    <t>0.051661415135311195</t>
  </si>
  <si>
    <t>1613.2000732421875</t>
  </si>
  <si>
    <t>0.07540583086932262</t>
  </si>
  <si>
    <t>1613.4000244140625</t>
  </si>
  <si>
    <t>0.07614406725787859</t>
  </si>
  <si>
    <t>1603.7999267578125</t>
  </si>
  <si>
    <t>0.08133624938582784</t>
  </si>
  <si>
    <t>1598.7000732421875</t>
  </si>
  <si>
    <t>0.08671123961681104</t>
  </si>
  <si>
    <t>1615.900146484375</t>
  </si>
  <si>
    <t>0.0865667772808223</t>
  </si>
  <si>
    <t>1616.2000732421875</t>
  </si>
  <si>
    <t>0.08009646099953649</t>
  </si>
  <si>
    <t>0.16073277280955267</t>
  </si>
  <si>
    <t>6283</t>
  </si>
  <si>
    <t>1538.60009765625</t>
  </si>
  <si>
    <t>0.14003255036929652</t>
  </si>
  <si>
    <t>27.85832977294922</t>
  </si>
  <si>
    <t>1648.400146484375</t>
  </si>
  <si>
    <t>-0.011686677475422513</t>
  </si>
  <si>
    <t>1599.10009765625</t>
  </si>
  <si>
    <t>-0.007110566481427938</t>
  </si>
  <si>
    <t>1629.5001220703125</t>
  </si>
  <si>
    <t>-0.013223603024467678</t>
  </si>
  <si>
    <t>1629.60009765625</t>
  </si>
  <si>
    <t>0.05933808720483924</t>
  </si>
  <si>
    <t>1629.400146484375</t>
  </si>
  <si>
    <t>0.04215299621799673</t>
  </si>
  <si>
    <t>0.08247250986486243</t>
  </si>
  <si>
    <t>1629.3001708984375</t>
  </si>
  <si>
    <t>-0.0781758886908559</t>
  </si>
  <si>
    <t>0.11455818176416166</t>
  </si>
  <si>
    <t>0.0533939210674923</t>
  </si>
  <si>
    <t>1629.10009765625</t>
  </si>
  <si>
    <t>0.05873336481820246</t>
  </si>
  <si>
    <t>0.058035394465145274</t>
  </si>
  <si>
    <t>0.015449435516213583</t>
  </si>
  <si>
    <t>1629.7001953125</t>
  </si>
  <si>
    <t>0.012838822856785725</t>
  </si>
  <si>
    <t>0.06588896023544244</t>
  </si>
  <si>
    <t>25.36754608154297</t>
  </si>
  <si>
    <t>1856.337890625</t>
  </si>
  <si>
    <t>1613.931884765625</t>
  </si>
  <si>
    <t>Thanh Hoa</t>
  </si>
  <si>
    <t>25.216054916381836</t>
  </si>
  <si>
    <t>1678.65576171875</t>
  </si>
  <si>
    <t>0.009788006366162172</t>
  </si>
  <si>
    <t>24.68897247314453</t>
  </si>
  <si>
    <t>1521.6068115234375</t>
  </si>
  <si>
    <t>0.03571808260207998</t>
  </si>
  <si>
    <t>25.116559982299805</t>
  </si>
  <si>
    <t>1611.08251953125</t>
  </si>
  <si>
    <t>0.030239885189717874</t>
  </si>
  <si>
    <t>24.95677375793457</t>
  </si>
  <si>
    <t>2100.125244140625</t>
  </si>
  <si>
    <t>0.03816801991611829</t>
  </si>
  <si>
    <t>24.802324295043945</t>
  </si>
  <si>
    <t>1776.6689453125</t>
  </si>
  <si>
    <t>0.04574840039312811</t>
  </si>
  <si>
    <t>24.73601531982422</t>
  </si>
  <si>
    <t>1856.11572265625</t>
  </si>
  <si>
    <t>0.041067911736817564</t>
  </si>
  <si>
    <t>24.94537353515625</t>
  </si>
  <si>
    <t>1832.541259765625</t>
  </si>
  <si>
    <t>0.03064159428470159</t>
  </si>
  <si>
    <t>25.73920249938965</t>
  </si>
  <si>
    <t>1642.23583984375</t>
  </si>
  <si>
    <t>0.007774073876757548</t>
  </si>
  <si>
    <t>25.119352340698242</t>
  </si>
  <si>
    <t>1901.1959228515625</t>
  </si>
  <si>
    <t>-0.0015499873937558917</t>
  </si>
  <si>
    <t>24.91832160949707</t>
  </si>
  <si>
    <t>1683.1915283203125</t>
  </si>
  <si>
    <t>0.017935402625886</t>
  </si>
  <si>
    <t>24.914098739624023</t>
  </si>
  <si>
    <t>1928.8797607421875</t>
  </si>
  <si>
    <t>0.023589550552133964</t>
  </si>
  <si>
    <t>25.10564613342285</t>
  </si>
  <si>
    <t>1936.824462890625</t>
  </si>
  <si>
    <t>25.37967872619629</t>
  </si>
  <si>
    <t>1607.1497802734375</t>
  </si>
  <si>
    <t>0.029112053506760383</t>
  </si>
  <si>
    <t>25.00948143005371</t>
  </si>
  <si>
    <t>1590.431640625</t>
  </si>
  <si>
    <t>0.03466952262456857</t>
  </si>
  <si>
    <t>25.07221794128418</t>
  </si>
  <si>
    <t>1969.17578125</t>
  </si>
  <si>
    <t>0.033946984537277736</t>
  </si>
  <si>
    <t>25.22169303894043</t>
  </si>
  <si>
    <t>1826.205810546875</t>
  </si>
  <si>
    <t>25.164762496948242</t>
  </si>
  <si>
    <t>1675.6151123046875</t>
  </si>
  <si>
    <t>0.21559375567288352</t>
  </si>
  <si>
    <t>24.65045166015625</t>
  </si>
  <si>
    <t>2128.624755859375</t>
  </si>
  <si>
    <t>0.183010262055336</t>
  </si>
  <si>
    <t>25.549482345581055</t>
  </si>
  <si>
    <t>1597.99560546875</t>
  </si>
  <si>
    <t>-0.020577454075075607</t>
  </si>
  <si>
    <t>24.83768653869629</t>
  </si>
  <si>
    <t>1466.5133056640625</t>
  </si>
  <si>
    <t>-0.017427704417793066</t>
  </si>
  <si>
    <t>24.502059936523438</t>
  </si>
  <si>
    <t>1924.66064453125</t>
  </si>
  <si>
    <t>24.996963500976562</t>
  </si>
  <si>
    <t>2112.455078125</t>
  </si>
  <si>
    <t>0.03748002773069814</t>
  </si>
  <si>
    <t>25.0706787109375</t>
  </si>
  <si>
    <t>1848.4212646484375</t>
  </si>
  <si>
    <t>0.03782752144339163</t>
  </si>
  <si>
    <t>25.13579750061035</t>
  </si>
  <si>
    <t>1720.08203125</t>
  </si>
  <si>
    <t>0.05994097511841723</t>
  </si>
  <si>
    <t>25.545616149902344</t>
  </si>
  <si>
    <t>1747.1102294921875</t>
  </si>
  <si>
    <t>0.07825506657488646</t>
  </si>
  <si>
    <t>25.595460891723633</t>
  </si>
  <si>
    <t>1776.0975341796875</t>
  </si>
  <si>
    <t>0.08466410307231875</t>
  </si>
  <si>
    <t>25.069364547729492</t>
  </si>
  <si>
    <t>1832.3367919921875</t>
  </si>
  <si>
    <t>0.05342254519766243</t>
  </si>
  <si>
    <t>25.20783805847168</t>
  </si>
  <si>
    <t>1806.57958984375</t>
  </si>
  <si>
    <t>0.05865008759518453</t>
  </si>
  <si>
    <t>5228</t>
  </si>
  <si>
    <t>25.717836380004883</t>
  </si>
  <si>
    <t>1729.4876708984375</t>
  </si>
  <si>
    <t>0.05808147351037363</t>
  </si>
  <si>
    <t>25.360898971557617</t>
  </si>
  <si>
    <t>1685.649169921875</t>
  </si>
  <si>
    <t>0.015374697839558138</t>
  </si>
  <si>
    <t>25.867467880249023</t>
  </si>
  <si>
    <t>1713.5467529296875</t>
  </si>
  <si>
    <t>0.012913064245140049</t>
  </si>
  <si>
    <t>25.041189193725586</t>
  </si>
  <si>
    <t>1759.8365478515625</t>
  </si>
  <si>
    <t>0.0658392738992486</t>
  </si>
  <si>
    <t>24.95783805847168</t>
  </si>
  <si>
    <t>2676.7529296875</t>
  </si>
  <si>
    <t>342.4322204589844</t>
  </si>
  <si>
    <t>Thua Thien - Hue</t>
  </si>
  <si>
    <t>24.769800186157227</t>
  </si>
  <si>
    <t>2391.834228515625</t>
  </si>
  <si>
    <t>0.03724568444152787</t>
  </si>
  <si>
    <t>2018.5958251953125</t>
  </si>
  <si>
    <t>0.06297162052689753</t>
  </si>
  <si>
    <t>24.70461082458496</t>
  </si>
  <si>
    <t>1800.10693359375</t>
  </si>
  <si>
    <t>0.05864067986041466</t>
  </si>
  <si>
    <t>24.671142578125</t>
  </si>
  <si>
    <t>2288.22607421875</t>
  </si>
  <si>
    <t>0.06779311129504695</t>
  </si>
  <si>
    <t>24.588754653930664</t>
  </si>
  <si>
    <t>2237.785400390625</t>
  </si>
  <si>
    <t>0.075507552508145</t>
  </si>
  <si>
    <t>24.16777992248535</t>
  </si>
  <si>
    <t>2653.18603515625</t>
  </si>
  <si>
    <t>0.052124117989189145</t>
  </si>
  <si>
    <t>24.846954345703125</t>
  </si>
  <si>
    <t>2168.107421875</t>
  </si>
  <si>
    <t>0.04153180171910975</t>
  </si>
  <si>
    <t>25.16575813293457</t>
  </si>
  <si>
    <t>2636.71435546875</t>
  </si>
  <si>
    <t>0.019208836107664773</t>
  </si>
  <si>
    <t>24.327987670898438</t>
  </si>
  <si>
    <t>2789.4169921875</t>
  </si>
  <si>
    <t>0.011075332406772276</t>
  </si>
  <si>
    <t>24.475038528442383</t>
  </si>
  <si>
    <t>2091.808349609375</t>
  </si>
  <si>
    <t>0.03072993724070905</t>
  </si>
  <si>
    <t>24.54143714904785</t>
  </si>
  <si>
    <t>2398.739013671875</t>
  </si>
  <si>
    <t>0.03498389111696287</t>
  </si>
  <si>
    <t>24.65447425842285</t>
  </si>
  <si>
    <t>2616.82666015625</t>
  </si>
  <si>
    <t>0.03587639454478353</t>
  </si>
  <si>
    <t>24.675168991088867</t>
  </si>
  <si>
    <t>1870.3922119140625</t>
  </si>
  <si>
    <t>0.04141883130311719</t>
  </si>
  <si>
    <t>24.555288314819336</t>
  </si>
  <si>
    <t>1715.030517578125</t>
  </si>
  <si>
    <t>0.04738750647220513</t>
  </si>
  <si>
    <t>24.80878257751465</t>
  </si>
  <si>
    <t>2305.94873046875</t>
  </si>
  <si>
    <t>0.04741628926516217</t>
  </si>
  <si>
    <t>24.7508487701416</t>
  </si>
  <si>
    <t>2323.283203125</t>
  </si>
  <si>
    <t>0.04111138824243188</t>
  </si>
  <si>
    <t>24.555551528930664</t>
  </si>
  <si>
    <t>2283.376220703125</t>
  </si>
  <si>
    <t>0.209720530982068</t>
  </si>
  <si>
    <t>24.13835334777832</t>
  </si>
  <si>
    <t>2463.9150390625</t>
  </si>
  <si>
    <t>0.17846653815114166</t>
  </si>
  <si>
    <t>24.802322387695312</t>
  </si>
  <si>
    <t>2281.823486328125</t>
  </si>
  <si>
    <t>-0.022146398632447273</t>
  </si>
  <si>
    <t>24.8571720123291</t>
  </si>
  <si>
    <t>2059.6474609375</t>
  </si>
  <si>
    <t>-0.018960217955791947</t>
  </si>
  <si>
    <t>24.227602005004883</t>
  </si>
  <si>
    <t>2703.580322265625</t>
  </si>
  <si>
    <t>-0.027112716595221187</t>
  </si>
  <si>
    <t>25.0181941986084</t>
  </si>
  <si>
    <t>2614.9462890625</t>
  </si>
  <si>
    <t>0.0554199169211369</t>
  </si>
  <si>
    <t>24.518457412719727</t>
  </si>
  <si>
    <t>3437.484619140625</t>
  </si>
  <si>
    <t>0.03446595979747258</t>
  </si>
  <si>
    <t>24.93297004699707</t>
  </si>
  <si>
    <t>1812.29931640625</t>
  </si>
  <si>
    <t>0.056453958450871866</t>
  </si>
  <si>
    <t>25.44561004638672</t>
  </si>
  <si>
    <t>2125.87109375</t>
  </si>
  <si>
    <t>-0.09330826426064398</t>
  </si>
  <si>
    <t>25.25447654724121</t>
  </si>
  <si>
    <t>2383.865234375</t>
  </si>
  <si>
    <t>0.11677290770957072</t>
  </si>
  <si>
    <t>24.674638748168945</t>
  </si>
  <si>
    <t>2724.845458984375</t>
  </si>
  <si>
    <t>0.05343992489698657</t>
  </si>
  <si>
    <t>24.81281089782715</t>
  </si>
  <si>
    <t>2087.734619140625</t>
  </si>
  <si>
    <t>0.058558088224312854</t>
  </si>
  <si>
    <t>25.325849533081055</t>
  </si>
  <si>
    <t>2363.51513671875</t>
  </si>
  <si>
    <t>0.058193534080247744</t>
  </si>
  <si>
    <t>5658</t>
  </si>
  <si>
    <t>24.959314346313477</t>
  </si>
  <si>
    <t>2388.974853515625</t>
  </si>
  <si>
    <t>0.015316416961816515</t>
  </si>
  <si>
    <t>24.949094772338867</t>
  </si>
  <si>
    <t>2474.131103515625</t>
  </si>
  <si>
    <t>0.012994037086549781</t>
  </si>
  <si>
    <t>24.42853355407715</t>
  </si>
  <si>
    <t>2554.1171875</t>
  </si>
  <si>
    <t>0.06582433055729453</t>
  </si>
  <si>
    <t>1938</t>
  </si>
  <si>
    <t>1803.199951171875</t>
  </si>
  <si>
    <t>531.90234375</t>
  </si>
  <si>
    <t>Tien Giang</t>
  </si>
  <si>
    <t>1850.6002197265625</t>
  </si>
  <si>
    <t>0.0284861580710718</t>
  </si>
  <si>
    <t>0.05417279559469801</t>
  </si>
  <si>
    <t>0.05003359393456819</t>
  </si>
  <si>
    <t>0.05878885579997384</t>
  </si>
  <si>
    <t>0.06634770590178807</t>
  </si>
  <si>
    <t>0.052807299218764925</t>
  </si>
  <si>
    <t>0.04257537324570926</t>
  </si>
  <si>
    <t>0.020449143060647046</t>
  </si>
  <si>
    <t>0.012001555984762824</t>
  </si>
  <si>
    <t>27.80833625793457</t>
  </si>
  <si>
    <t>0.031770627898686676</t>
  </si>
  <si>
    <t>0.01752066381819173</t>
  </si>
  <si>
    <t>0.017875351826962316</t>
  </si>
  <si>
    <t>0.022064490184101615</t>
  </si>
  <si>
    <t>0.02722548656602264</t>
  </si>
  <si>
    <t>0.02619968010755791</t>
  </si>
  <si>
    <t>0.01868649912998599</t>
  </si>
  <si>
    <t>0.25644374773211354</t>
  </si>
  <si>
    <t>0.2121779177849863</t>
  </si>
  <si>
    <t>-0.06365434227659961</t>
  </si>
  <si>
    <t>-0.06883639811199949</t>
  </si>
  <si>
    <t>-0.0880398941721161</t>
  </si>
  <si>
    <t>0.040635583857024926</t>
  </si>
  <si>
    <t>0.031706751126085564</t>
  </si>
  <si>
    <t>0.055845121082137794</t>
  </si>
  <si>
    <t>0.07366867560685009</t>
  </si>
  <si>
    <t>0.07622736538788288</t>
  </si>
  <si>
    <t>0.05341700807033334</t>
  </si>
  <si>
    <t>0.058625438550368614</t>
  </si>
  <si>
    <t>6720</t>
  </si>
  <si>
    <t>28.433332443237305</t>
  </si>
  <si>
    <t>0.05820938608592208</t>
  </si>
  <si>
    <t>0.015357655654320013</t>
  </si>
  <si>
    <t>6912</t>
  </si>
  <si>
    <t>0.01281322131237772</t>
  </si>
  <si>
    <t>0.06592102857527316</t>
  </si>
  <si>
    <t>28.441665649414062</t>
  </si>
  <si>
    <t>1838.300048828125</t>
  </si>
  <si>
    <t>457.1937561035156</t>
  </si>
  <si>
    <t>Tra Vinh / Vinh Long</t>
  </si>
  <si>
    <t>1903.800048828125</t>
  </si>
  <si>
    <t>0.03009361966180446</t>
  </si>
  <si>
    <t>1906.0</t>
  </si>
  <si>
    <t>0.05659946699889051</t>
  </si>
  <si>
    <t>1900.099853515625</t>
  </si>
  <si>
    <t>0.05214335819352112</t>
  </si>
  <si>
    <t>1909.4998779296875</t>
  </si>
  <si>
    <t>0.06079219617794962</t>
  </si>
  <si>
    <t>1904.39990234375</t>
  </si>
  <si>
    <t>0.06905244671558908</t>
  </si>
  <si>
    <t>1904.9000244140625</t>
  </si>
  <si>
    <t>0.06067368110459448</t>
  </si>
  <si>
    <t>0.051254047149569715</t>
  </si>
  <si>
    <t>28.533334732055664</t>
  </si>
  <si>
    <t>1907.10009765625</t>
  </si>
  <si>
    <t>0.02939227012761414</t>
  </si>
  <si>
    <t>1903.300048828125</t>
  </si>
  <si>
    <t>0.02113637703275817</t>
  </si>
  <si>
    <t>1908.100341796875</t>
  </si>
  <si>
    <t>0.04165822755199944</t>
  </si>
  <si>
    <t>1905.7998046875</t>
  </si>
  <si>
    <t>0.026507171814920127</t>
  </si>
  <si>
    <t>1908.4000244140625</t>
  </si>
  <si>
    <t>0.02711255407946389</t>
  </si>
  <si>
    <t>0.03203064373987097</t>
  </si>
  <si>
    <t>1903.2000732421875</t>
  </si>
  <si>
    <t>0.03797149375284903</t>
  </si>
  <si>
    <t>1908.7000732421875</t>
  </si>
  <si>
    <t>0.037450934260670365</t>
  </si>
  <si>
    <t>1905.80029296875</t>
  </si>
  <si>
    <t>0.030780429404066112</t>
  </si>
  <si>
    <t>1916.300048828125</t>
  </si>
  <si>
    <t>0.1191853637504483</t>
  </si>
  <si>
    <t>1900.10009765625</t>
  </si>
  <si>
    <t>0.10423881054862605</t>
  </si>
  <si>
    <t>1911.1002197265625</t>
  </si>
  <si>
    <t>-0.03262522731607653</t>
  </si>
  <si>
    <t>4180</t>
  </si>
  <si>
    <t>1904.6002197265625</t>
  </si>
  <si>
    <t>-0.031090587070032427</t>
  </si>
  <si>
    <t>1906.9998779296875</t>
  </si>
  <si>
    <t>-0.041270659748748884</t>
  </si>
  <si>
    <t>0.039354950350610096</t>
  </si>
  <si>
    <t>4314</t>
  </si>
  <si>
    <t>0.03347001082843981</t>
  </si>
  <si>
    <t>0.053701148857063785</t>
  </si>
  <si>
    <t>4605</t>
  </si>
  <si>
    <t>0.011575972883241192</t>
  </si>
  <si>
    <t>0.08189516270549113</t>
  </si>
  <si>
    <t>5272</t>
  </si>
  <si>
    <t>0.05337196478744488</t>
  </si>
  <si>
    <t>0.05856948996680167</t>
  </si>
  <si>
    <t>0.058201399854187486</t>
  </si>
  <si>
    <t>0.015241899626342814</t>
  </si>
  <si>
    <t>0.013046176285696376</t>
  </si>
  <si>
    <t>0.06587069328724304</t>
  </si>
  <si>
    <t>24.383371353149414</t>
  </si>
  <si>
    <t>1579.0828857421875</t>
  </si>
  <si>
    <t>594.4976196289062</t>
  </si>
  <si>
    <t>Tuyen Quan / Ha Gian</t>
  </si>
  <si>
    <t>24.343358993530273</t>
  </si>
  <si>
    <t>1423.046630859375</t>
  </si>
  <si>
    <t>0.02507697338176129</t>
  </si>
  <si>
    <t>23.90851593017578</t>
  </si>
  <si>
    <t>1158.801025390625</t>
  </si>
  <si>
    <t>0.050780780495747635</t>
  </si>
  <si>
    <t>24.309038162231445</t>
  </si>
  <si>
    <t>1414.68359375</t>
  </si>
  <si>
    <t>0.0475525402490824</t>
  </si>
  <si>
    <t>24.33429527282715</t>
  </si>
  <si>
    <t>1812.5810546875</t>
  </si>
  <si>
    <t>0.054963023276513034</t>
  </si>
  <si>
    <t>24.1226806640625</t>
  </si>
  <si>
    <t>1365.58837890625</t>
  </si>
  <si>
    <t>0.06316395047440437</t>
  </si>
  <si>
    <t>23.94483757019043</t>
  </si>
  <si>
    <t>1587.2340087890625</t>
  </si>
  <si>
    <t>0.04767603094804773</t>
  </si>
  <si>
    <t>24.254003524780273</t>
  </si>
  <si>
    <t>1636.542236328125</t>
  </si>
  <si>
    <t>25.040414810180664</t>
  </si>
  <si>
    <t>1409.5970458984375</t>
  </si>
  <si>
    <t>0.015037877364540542</t>
  </si>
  <si>
    <t>24.421518325805664</t>
  </si>
  <si>
    <t>1517.61328125</t>
  </si>
  <si>
    <t>0.006199647879524761</t>
  </si>
  <si>
    <t>24.276674270629883</t>
  </si>
  <si>
    <t>1325.6961669921875</t>
  </si>
  <si>
    <t>0.026229011994858276</t>
  </si>
  <si>
    <t>24.42894744873047</t>
  </si>
  <si>
    <t>1667.60791015625</t>
  </si>
  <si>
    <t>0.03606657537438096</t>
  </si>
  <si>
    <t>24.607994079589844</t>
  </si>
  <si>
    <t>1558.679443359375</t>
  </si>
  <si>
    <t>0.036492076448768174</t>
  </si>
  <si>
    <t>24.810728073120117</t>
  </si>
  <si>
    <t>1318.5963134765625</t>
  </si>
  <si>
    <t>0.04220960916514471</t>
  </si>
  <si>
    <t>24.329790115356445</t>
  </si>
  <si>
    <t>1244.4840087890625</t>
  </si>
  <si>
    <t>0.04820210181787754</t>
  </si>
  <si>
    <t>24.7806396484375</t>
  </si>
  <si>
    <t>1421.772216796875</t>
  </si>
  <si>
    <t>0.04842473387119384</t>
  </si>
  <si>
    <t>24.80263328552246</t>
  </si>
  <si>
    <t>1350.0328369140625</t>
  </si>
  <si>
    <t>0.041990901725236895</t>
  </si>
  <si>
    <t>24.501047134399414</t>
  </si>
  <si>
    <t>1389.5704345703125</t>
  </si>
  <si>
    <t>0.22984998479570162</t>
  </si>
  <si>
    <t>23.953866958618164</t>
  </si>
  <si>
    <t>1743.480224609375</t>
  </si>
  <si>
    <t>0.19321631878947176</t>
  </si>
  <si>
    <t>25.07688331604004</t>
  </si>
  <si>
    <t>1181.81884765625</t>
  </si>
  <si>
    <t>-0.059267263676570536</t>
  </si>
  <si>
    <t>24.651634216308594</t>
  </si>
  <si>
    <t>1236.939453125</t>
  </si>
  <si>
    <t>-0.0630024059081542</t>
  </si>
  <si>
    <t>24.12114715576172</t>
  </si>
  <si>
    <t>1271.2320556640625</t>
  </si>
  <si>
    <t>-0.08102324127769212</t>
  </si>
  <si>
    <t>24.85862922668457</t>
  </si>
  <si>
    <t>1428.459716796875</t>
  </si>
  <si>
    <t>0.044386526743294574</t>
  </si>
  <si>
    <t>24.627946853637695</t>
  </si>
  <si>
    <t>1442.445556640625</t>
  </si>
  <si>
    <t>0.012480104930810754</t>
  </si>
  <si>
    <t>24.900606155395508</t>
  </si>
  <si>
    <t>1517.5128173828125</t>
  </si>
  <si>
    <t>0.036190449167310845</t>
  </si>
  <si>
    <t>1603.09130859375</t>
  </si>
  <si>
    <t>24.999839782714844</t>
  </si>
  <si>
    <t>1442.8582763671875</t>
  </si>
  <si>
    <t>0.06025919151819714</t>
  </si>
  <si>
    <t>24.44669532775879</t>
  </si>
  <si>
    <t>1601.255615234375</t>
  </si>
  <si>
    <t>0.05333798620550745</t>
  </si>
  <si>
    <t>24.5815372467041</t>
  </si>
  <si>
    <t>1559.089599609375</t>
  </si>
  <si>
    <t>0.0586487270815077</t>
  </si>
  <si>
    <t>25.50462532043457</t>
  </si>
  <si>
    <t>1282.2646484375</t>
  </si>
  <si>
    <t>0.05799888485879379</t>
  </si>
  <si>
    <t>24.888185501098633</t>
  </si>
  <si>
    <t>1248.5555419921875</t>
  </si>
  <si>
    <t>0.015460240940605274</t>
  </si>
  <si>
    <t>25.12171745300293</t>
  </si>
  <si>
    <t>1473.1578369140625</t>
  </si>
  <si>
    <t>0.012703422866401581</t>
  </si>
  <si>
    <t>24.52490997314453</t>
  </si>
  <si>
    <t>1255.5904541015625</t>
  </si>
  <si>
    <t>0.06594185309815082</t>
  </si>
  <si>
    <t>23.45135498046875</t>
  </si>
  <si>
    <t>1769.442626953125</t>
  </si>
  <si>
    <t>715.9154052734375</t>
  </si>
  <si>
    <t>Yen Bai / Lao Chai / Lao Cai</t>
  </si>
  <si>
    <t>23.380796432495117</t>
  </si>
  <si>
    <t>1735.73828125</t>
  </si>
  <si>
    <t>0.010101095986503772</t>
  </si>
  <si>
    <t>22.931921005249023</t>
  </si>
  <si>
    <t>1342.8096923828125</t>
  </si>
  <si>
    <t>0.034571344065088105</t>
  </si>
  <si>
    <t>23.346115112304688</t>
  </si>
  <si>
    <t>1533.5531005859375</t>
  </si>
  <si>
    <t>0.03028119811447283</t>
  </si>
  <si>
    <t>23.352903366088867</t>
  </si>
  <si>
    <t>1805.6910400390625</t>
  </si>
  <si>
    <t>0.03849590036484507</t>
  </si>
  <si>
    <t>1569.7559814453125</t>
  </si>
  <si>
    <t>0.04504268212448537</t>
  </si>
  <si>
    <t>23.015214920043945</t>
  </si>
  <si>
    <t>1682.249755859375</t>
  </si>
  <si>
    <t>0.04793024494884346</t>
  </si>
  <si>
    <t>23.27704429626465</t>
  </si>
  <si>
    <t>1835.8824462890625</t>
  </si>
  <si>
    <t>0.037816795197566755</t>
  </si>
  <si>
    <t>24.083425521850586</t>
  </si>
  <si>
    <t>1532.76416015625</t>
  </si>
  <si>
    <t>0.015779420103965158</t>
  </si>
  <si>
    <t>23.512426376342773</t>
  </si>
  <si>
    <t>1772.7840576171875</t>
  </si>
  <si>
    <t>0.006501973491346291</t>
  </si>
  <si>
    <t>23.346275329589844</t>
  </si>
  <si>
    <t>1633.4842529296875</t>
  </si>
  <si>
    <t>0.026224720011210678</t>
  </si>
  <si>
    <t>23.498605728149414</t>
  </si>
  <si>
    <t>1827.3223876953125</t>
  </si>
  <si>
    <t>23.683944702148438</t>
  </si>
  <si>
    <t>1821.9967041015625</t>
  </si>
  <si>
    <t>0.040433569578490314</t>
  </si>
  <si>
    <t>23.91792869567871</t>
  </si>
  <si>
    <t>1418.729248046875</t>
  </si>
  <si>
    <t>0.046122606735651495</t>
  </si>
  <si>
    <t>23.36589813232422</t>
  </si>
  <si>
    <t>1428.173828125</t>
  </si>
  <si>
    <t>0.05204426442576349</t>
  </si>
  <si>
    <t>23.807676315307617</t>
  </si>
  <si>
    <t>1583.4981689453125</t>
  </si>
  <si>
    <t>0.051979799312460884</t>
  </si>
  <si>
    <t>23.847898483276367</t>
  </si>
  <si>
    <t>1653.4339599609375</t>
  </si>
  <si>
    <t>0.04654281103478208</t>
  </si>
  <si>
    <t>23.6189022064209</t>
  </si>
  <si>
    <t>1656.2962646484375</t>
  </si>
  <si>
    <t>0.23295642479672107</t>
  </si>
  <si>
    <t>23.07533073425293</t>
  </si>
  <si>
    <t>1794.6158447265625</t>
  </si>
  <si>
    <t>0.19538214681621113</t>
  </si>
  <si>
    <t>24.187719345092773</t>
  </si>
  <si>
    <t>1378.5823974609375</t>
  </si>
  <si>
    <t>-0.011607973478577449</t>
  </si>
  <si>
    <t>23.686614990234375</t>
  </si>
  <si>
    <t>1498.927490234375</t>
  </si>
  <si>
    <t>-0.006966462626513348</t>
  </si>
  <si>
    <t>23.224584579467773</t>
  </si>
  <si>
    <t>1435.2574462890625</t>
  </si>
  <si>
    <t>-0.013435902696828705</t>
  </si>
  <si>
    <t>23.879669189453125</t>
  </si>
  <si>
    <t>1541.1072998046875</t>
  </si>
  <si>
    <t>0.05391465433123699</t>
  </si>
  <si>
    <t>23.69379997253418</t>
  </si>
  <si>
    <t>1594.2213134765625</t>
  </si>
  <si>
    <t>0.037141136308379785</t>
  </si>
  <si>
    <t>23.946569442749023</t>
  </si>
  <si>
    <t>1662.43212890625</t>
  </si>
  <si>
    <t>0.1016783552267988</t>
  </si>
  <si>
    <t>24.247573852539062</t>
  </si>
  <si>
    <t>1749.519775390625</t>
  </si>
  <si>
    <t>0.060796468623241395</t>
  </si>
  <si>
    <t>24.02881622314453</t>
  </si>
  <si>
    <t>1660.4615478515625</t>
  </si>
  <si>
    <t>0.10275778131902058</t>
  </si>
  <si>
    <t>23.508005142211914</t>
  </si>
  <si>
    <t>1743.6318359375</t>
  </si>
  <si>
    <t>0.053354767549629756</t>
  </si>
  <si>
    <t>23.625808715820312</t>
  </si>
  <si>
    <t>1798.0601806640625</t>
  </si>
  <si>
    <t>0.05874886199308804</t>
  </si>
  <si>
    <t>24.524023056030273</t>
  </si>
  <si>
    <t>1355.671630859375</t>
  </si>
  <si>
    <t>0.05796454044547339</t>
  </si>
  <si>
    <t>23.88483428955078</t>
  </si>
  <si>
    <t>1428.647705078125</t>
  </si>
  <si>
    <t>0.015480769800022998</t>
  </si>
  <si>
    <t>24.2027587890625</t>
  </si>
  <si>
    <t>1685.48828125</t>
  </si>
  <si>
    <t>0.012843359417534117</t>
  </si>
  <si>
    <t>5775</t>
  </si>
  <si>
    <t>23.594635009765625</t>
  </si>
  <si>
    <t>1544.9486083984375</t>
  </si>
  <si>
    <t>0.06584384600798998</t>
  </si>
  <si>
    <t>2847</t>
  </si>
  <si>
    <t>ZAF</t>
  </si>
  <si>
    <t>16.916399002075195</t>
  </si>
  <si>
    <t>581.0009765625</t>
  </si>
  <si>
    <t>2621.34619140625</t>
  </si>
  <si>
    <t>Eastern Cape</t>
  </si>
  <si>
    <t>South Africa</t>
  </si>
  <si>
    <t>17.272062301635742</t>
  </si>
  <si>
    <t>617.9427490234375</t>
  </si>
  <si>
    <t>-0.04016012139521763</t>
  </si>
  <si>
    <t>17.598876953125</t>
  </si>
  <si>
    <t>507.64447021484375</t>
  </si>
  <si>
    <t>-0.04616204176316252</t>
  </si>
  <si>
    <t>17.462696075439453</t>
  </si>
  <si>
    <t>740.5084228515625</t>
  </si>
  <si>
    <t>-0.009891277478741856</t>
  </si>
  <si>
    <t>17.011079788208008</t>
  </si>
  <si>
    <t>625.2767333984375</t>
  </si>
  <si>
    <t>0.010284900786324158</t>
  </si>
  <si>
    <t>17.02252960205078</t>
  </si>
  <si>
    <t>762.96533203125</t>
  </si>
  <si>
    <t>0.010569681489688065</t>
  </si>
  <si>
    <t>5246</t>
  </si>
  <si>
    <t>16.62171745300293</t>
  </si>
  <si>
    <t>738.5117797851562</t>
  </si>
  <si>
    <t>0.02119131505702221</t>
  </si>
  <si>
    <t>16.93153953552246</t>
  </si>
  <si>
    <t>713.9957275390625</t>
  </si>
  <si>
    <t>0.005702353410384831</t>
  </si>
  <si>
    <t>17.52255630493164</t>
  </si>
  <si>
    <t>744.7945556640625</t>
  </si>
  <si>
    <t>-0.014317320064131778</t>
  </si>
  <si>
    <t>5247</t>
  </si>
  <si>
    <t>17.737937927246094</t>
  </si>
  <si>
    <t>694.28466796875</t>
  </si>
  <si>
    <t>0.008805569913638678</t>
  </si>
  <si>
    <t>16.94404411315918</t>
  </si>
  <si>
    <t>778.8766479492188</t>
  </si>
  <si>
    <t>0.0013332065587743358</t>
  </si>
  <si>
    <t>17.135759353637695</t>
  </si>
  <si>
    <t>803.4948120117188</t>
  </si>
  <si>
    <t>0.0009512033438578982</t>
  </si>
  <si>
    <t>17.255334854125977</t>
  </si>
  <si>
    <t>572.9730834960938</t>
  </si>
  <si>
    <t>-0.020750024023758584</t>
  </si>
  <si>
    <t>17.457216262817383</t>
  </si>
  <si>
    <t>695.67822265625</t>
  </si>
  <si>
    <t>0.20342012880204052</t>
  </si>
  <si>
    <t>657.68212890625</t>
  </si>
  <si>
    <t>-0.11503455893434733</t>
  </si>
  <si>
    <t>17.67512321472168</t>
  </si>
  <si>
    <t>621.6343383789062</t>
  </si>
  <si>
    <t>0.049069390966865356</t>
  </si>
  <si>
    <t>6614</t>
  </si>
  <si>
    <t>17.252216339111328</t>
  </si>
  <si>
    <t>842.4336547851562</t>
  </si>
  <si>
    <t>0.11254278314159372</t>
  </si>
  <si>
    <t>17.5492000579834</t>
  </si>
  <si>
    <t>714.8359375</t>
  </si>
  <si>
    <t>0.08725073953053553</t>
  </si>
  <si>
    <t>17.659990310668945</t>
  </si>
  <si>
    <t>629.2294311523438</t>
  </si>
  <si>
    <t>0.009515344496236366</t>
  </si>
  <si>
    <t>17.534666061401367</t>
  </si>
  <si>
    <t>570.8116455078125</t>
  </si>
  <si>
    <t>0.011327313198490785</t>
  </si>
  <si>
    <t>17.874916076660156</t>
  </si>
  <si>
    <t>679.3781127929688</t>
  </si>
  <si>
    <t>0.034543675953310427</t>
  </si>
  <si>
    <t>7476</t>
  </si>
  <si>
    <t>17.24529457092285</t>
  </si>
  <si>
    <t>727.760009765625</t>
  </si>
  <si>
    <t>-0.020127798144857323</t>
  </si>
  <si>
    <t>17.263113021850586</t>
  </si>
  <si>
    <t>730.4639892578125</t>
  </si>
  <si>
    <t>0.09803034469139149</t>
  </si>
  <si>
    <t>17.51997184753418</t>
  </si>
  <si>
    <t>685.7548828125</t>
  </si>
  <si>
    <t>0.05589100363618016</t>
  </si>
  <si>
    <t>17.683042526245117</t>
  </si>
  <si>
    <t>677.977294921875</t>
  </si>
  <si>
    <t>0.014911209065852304</t>
  </si>
  <si>
    <t>18.14813804626465</t>
  </si>
  <si>
    <t>624.6783447265625</t>
  </si>
  <si>
    <t>0.018692133012152112</t>
  </si>
  <si>
    <t>18.14325523376465</t>
  </si>
  <si>
    <t>602.4827880859375</t>
  </si>
  <si>
    <t>-0.015984244637412104</t>
  </si>
  <si>
    <t>17.95199203491211</t>
  </si>
  <si>
    <t>594.411376953125</t>
  </si>
  <si>
    <t>0.004609080162142121</t>
  </si>
  <si>
    <t>17.937952041625977</t>
  </si>
  <si>
    <t>533.7503051757812</t>
  </si>
  <si>
    <t>0.00011215162911959453</t>
  </si>
  <si>
    <t>18.604000091552734</t>
  </si>
  <si>
    <t>607.8230590820312</t>
  </si>
  <si>
    <t>-0.013321488489317801</t>
  </si>
  <si>
    <t>17.743797302246094</t>
  </si>
  <si>
    <t>658.0525512695312</t>
  </si>
  <si>
    <t>-0.07649745955110276</t>
  </si>
  <si>
    <t>17.43848991394043</t>
  </si>
  <si>
    <t>698.733154296875</t>
  </si>
  <si>
    <t>17.862455368041992</t>
  </si>
  <si>
    <t>843.6424560546875</t>
  </si>
  <si>
    <t>0.008968669982760247</t>
  </si>
  <si>
    <t>16.332956314086914</t>
  </si>
  <si>
    <t>627.6932983398438</t>
  </si>
  <si>
    <t>922.8097534179688</t>
  </si>
  <si>
    <t>Free State</t>
  </si>
  <si>
    <t>16.327909469604492</t>
  </si>
  <si>
    <t>549.2247924804688</t>
  </si>
  <si>
    <t>-0.04009445720187976</t>
  </si>
  <si>
    <t>17.00882911682129</t>
  </si>
  <si>
    <t>402.6769104003906</t>
  </si>
  <si>
    <t>-0.046293283970843646</t>
  </si>
  <si>
    <t>16.603059768676758</t>
  </si>
  <si>
    <t>631.8794555664062</t>
  </si>
  <si>
    <t>-0.009910658096728753</t>
  </si>
  <si>
    <t>16.090864181518555</t>
  </si>
  <si>
    <t>432.3370666503906</t>
  </si>
  <si>
    <t>0.01047726245207592</t>
  </si>
  <si>
    <t>16.306245803833008</t>
  </si>
  <si>
    <t>643.2074584960938</t>
  </si>
  <si>
    <t>0.010368626645973933</t>
  </si>
  <si>
    <t>15.723579406738281</t>
  </si>
  <si>
    <t>764.3734130859375</t>
  </si>
  <si>
    <t>0.021298642047652194</t>
  </si>
  <si>
    <t>16.10087776184082</t>
  </si>
  <si>
    <t>675.8876953125</t>
  </si>
  <si>
    <t>-0.013369626248191935</t>
  </si>
  <si>
    <t>16.75724220275879</t>
  </si>
  <si>
    <t>612.4241333007812</t>
  </si>
  <si>
    <t>-0.06811926622152775</t>
  </si>
  <si>
    <t>16.727458953857422</t>
  </si>
  <si>
    <t>570.2562255859375</t>
  </si>
  <si>
    <t>0.04265883947121729</t>
  </si>
  <si>
    <t>15.97274112701416</t>
  </si>
  <si>
    <t>679.0474243164062</t>
  </si>
  <si>
    <t>-0.02823608089199503</t>
  </si>
  <si>
    <t>16.231435775756836</t>
  </si>
  <si>
    <t>801.073974609375</t>
  </si>
  <si>
    <t>0.014564778294030134</t>
  </si>
  <si>
    <t>16.41697883605957</t>
  </si>
  <si>
    <t>541.3369750976562</t>
  </si>
  <si>
    <t>0.0691548016953849</t>
  </si>
  <si>
    <t>16.653051376342773</t>
  </si>
  <si>
    <t>487.335693359375</t>
  </si>
  <si>
    <t>0.09683986181114079</t>
  </si>
  <si>
    <t>16.911409378051758</t>
  </si>
  <si>
    <t>629.0859375</t>
  </si>
  <si>
    <t>-0.08503588314126631</t>
  </si>
  <si>
    <t>16.91814613342285</t>
  </si>
  <si>
    <t>477.1930236816406</t>
  </si>
  <si>
    <t>0.02849974685717882</t>
  </si>
  <si>
    <t>16.32729721069336</t>
  </si>
  <si>
    <t>644.6058349609375</t>
  </si>
  <si>
    <t>0.13372577497521654</t>
  </si>
  <si>
    <t>16.62506103515625</t>
  </si>
  <si>
    <t>617.8098754882812</t>
  </si>
  <si>
    <t>0.029404683415625854</t>
  </si>
  <si>
    <t>16.7833309173584</t>
  </si>
  <si>
    <t>566.2846069335938</t>
  </si>
  <si>
    <t>0.09959263629400184</t>
  </si>
  <si>
    <t>16.593576431274414</t>
  </si>
  <si>
    <t>755.3185424804688</t>
  </si>
  <si>
    <t>-0.042258088591863086</t>
  </si>
  <si>
    <t>17.05655288696289</t>
  </si>
  <si>
    <t>698.08740234375</t>
  </si>
  <si>
    <t>0.052016585643565705</t>
  </si>
  <si>
    <t>16.44541358947754</t>
  </si>
  <si>
    <t>604.3646240234375</t>
  </si>
  <si>
    <t>0.02441142861138168</t>
  </si>
  <si>
    <t>16.55704689025879</t>
  </si>
  <si>
    <t>515.7377319335938</t>
  </si>
  <si>
    <t>0.015064326169717646</t>
  </si>
  <si>
    <t>16.704862594604492</t>
  </si>
  <si>
    <t>431.81878662109375</t>
  </si>
  <si>
    <t>0.044893839017669634</t>
  </si>
  <si>
    <t>13512</t>
  </si>
  <si>
    <t>16.798458099365234</t>
  </si>
  <si>
    <t>520.4029541015625</t>
  </si>
  <si>
    <t>-0.01971265238750952</t>
  </si>
  <si>
    <t>17.28091049194336</t>
  </si>
  <si>
    <t>418.60504150390625</t>
  </si>
  <si>
    <t>0.015057759990771302</t>
  </si>
  <si>
    <t>17.265457153320312</t>
  </si>
  <si>
    <t>508.71820068359375</t>
  </si>
  <si>
    <t>-0.006802996135883532</t>
  </si>
  <si>
    <t>17.033384323120117</t>
  </si>
  <si>
    <t>473.254638671875</t>
  </si>
  <si>
    <t>0.004540469169919348</t>
  </si>
  <si>
    <t>17.143030166625977</t>
  </si>
  <si>
    <t>432.0014953613281</t>
  </si>
  <si>
    <t>0.00014612405958658314</t>
  </si>
  <si>
    <t>13507</t>
  </si>
  <si>
    <t>17.76999855041504</t>
  </si>
  <si>
    <t>549.1774291992188</t>
  </si>
  <si>
    <t>-0.013311467011265066</t>
  </si>
  <si>
    <t>16.80766487121582</t>
  </si>
  <si>
    <t>794.9449462890625</t>
  </si>
  <si>
    <t>-0.07659981224336398</t>
  </si>
  <si>
    <t>16.541460037231445</t>
  </si>
  <si>
    <t>696.7899780273438</t>
  </si>
  <si>
    <t>0.03441030775143972</t>
  </si>
  <si>
    <t>13066</t>
  </si>
  <si>
    <t>16.96462631225586</t>
  </si>
  <si>
    <t>684.7411499023438</t>
  </si>
  <si>
    <t>0.008994871331855947</t>
  </si>
  <si>
    <t>19314</t>
  </si>
  <si>
    <t>16.840469360351562</t>
  </si>
  <si>
    <t>709.6224975585938</t>
  </si>
  <si>
    <t>3103.1435546875</t>
  </si>
  <si>
    <t>Gauteng</t>
  </si>
  <si>
    <t>16.84916114807129</t>
  </si>
  <si>
    <t>543.7198486328125</t>
  </si>
  <si>
    <t>-0.040144822313646245</t>
  </si>
  <si>
    <t>17715</t>
  </si>
  <si>
    <t>17.568113327026367</t>
  </si>
  <si>
    <t>525.8677368164062</t>
  </si>
  <si>
    <t>-0.04627366091364493</t>
  </si>
  <si>
    <t>17.055479049682617</t>
  </si>
  <si>
    <t>759.8504638671875</t>
  </si>
  <si>
    <t>-0.009813732788245488</t>
  </si>
  <si>
    <t>16.576101303100586</t>
  </si>
  <si>
    <t>647.8611450195312</t>
  </si>
  <si>
    <t>0.010378066889000337</t>
  </si>
  <si>
    <t>17911</t>
  </si>
  <si>
    <t>16.869626998901367</t>
  </si>
  <si>
    <t>930.5166625976562</t>
  </si>
  <si>
    <t>0.01043897682493089</t>
  </si>
  <si>
    <t>16.396696090698242</t>
  </si>
  <si>
    <t>772.5857543945312</t>
  </si>
  <si>
    <t>0.021322062739306702</t>
  </si>
  <si>
    <t>16.6052303314209</t>
  </si>
  <si>
    <t>816.6878662109375</t>
  </si>
  <si>
    <t>0.01049293341660551</t>
  </si>
  <si>
    <t>18308</t>
  </si>
  <si>
    <t>17.280376434326172</t>
  </si>
  <si>
    <t>670.6094360351562</t>
  </si>
  <si>
    <t>-0.009891922607637937</t>
  </si>
  <si>
    <t>17.082664489746094</t>
  </si>
  <si>
    <t>586.1925659179688</t>
  </si>
  <si>
    <t>-0.0008196497822350324</t>
  </si>
  <si>
    <t>16.4060115814209</t>
  </si>
  <si>
    <t>957.3853149414062</t>
  </si>
  <si>
    <t>0.03970838064099169</t>
  </si>
  <si>
    <t>16.710155487060547</t>
  </si>
  <si>
    <t>881.0478515625</t>
  </si>
  <si>
    <t>-0.008865493422490545</t>
  </si>
  <si>
    <t>17.04096031188965</t>
  </si>
  <si>
    <t>578.5577392578125</t>
  </si>
  <si>
    <t>0.03755577361240903</t>
  </si>
  <si>
    <t>18268</t>
  </si>
  <si>
    <t>17.273344039916992</t>
  </si>
  <si>
    <t>491.9269714355469</t>
  </si>
  <si>
    <t>-0.06976623851731745</t>
  </si>
  <si>
    <t>20151</t>
  </si>
  <si>
    <t>17.455244064331055</t>
  </si>
  <si>
    <t>750.458251953125</t>
  </si>
  <si>
    <t>0.09810301963008428</t>
  </si>
  <si>
    <t>17.547849655151367</t>
  </si>
  <si>
    <t>558.6679077148438</t>
  </si>
  <si>
    <t>0.02876207067840042</t>
  </si>
  <si>
    <t>16.840425491333008</t>
  </si>
  <si>
    <t>647.796630859375</t>
  </si>
  <si>
    <t>0.020805254906880677</t>
  </si>
  <si>
    <t>17.12208366394043</t>
  </si>
  <si>
    <t>625.3055419921875</t>
  </si>
  <si>
    <t>0.016347351089054385</t>
  </si>
  <si>
    <t>21229</t>
  </si>
  <si>
    <t>17.42198944091797</t>
  </si>
  <si>
    <t>557.90576171875</t>
  </si>
  <si>
    <t>-0.01380042017730787</t>
  </si>
  <si>
    <t>20625</t>
  </si>
  <si>
    <t>17.147459030151367</t>
  </si>
  <si>
    <t>784.9669189453125</t>
  </si>
  <si>
    <t>-0.028864239229120514</t>
  </si>
  <si>
    <t>17.402135848999023</t>
  </si>
  <si>
    <t>666.0405883789062</t>
  </si>
  <si>
    <t>-0.01278440365236655</t>
  </si>
  <si>
    <t>16.916515350341797</t>
  </si>
  <si>
    <t>615.2941284179688</t>
  </si>
  <si>
    <t>0.013123740010666296</t>
  </si>
  <si>
    <t>17.125661849975586</t>
  </si>
  <si>
    <t>582.6170043945312</t>
  </si>
  <si>
    <t>-0.025327750269326543</t>
  </si>
  <si>
    <t>17.088027954101562</t>
  </si>
  <si>
    <t>584.5162353515625</t>
  </si>
  <si>
    <t>-0.010846039098188598</t>
  </si>
  <si>
    <t>19616</t>
  </si>
  <si>
    <t>17.230669021606445</t>
  </si>
  <si>
    <t>638.311279296875</t>
  </si>
  <si>
    <t>-0.014323919457728707</t>
  </si>
  <si>
    <t>17.93746566772461</t>
  </si>
  <si>
    <t>512.700927734375</t>
  </si>
  <si>
    <t>-0.02133111947836852</t>
  </si>
  <si>
    <t>19175</t>
  </si>
  <si>
    <t>17.780887603759766</t>
  </si>
  <si>
    <t>717.8829345703125</t>
  </si>
  <si>
    <t>-0.0014070930221130595</t>
  </si>
  <si>
    <t>17.479318618774414</t>
  </si>
  <si>
    <t>637.0030517578125</t>
  </si>
  <si>
    <t>0.004578810226702146</t>
  </si>
  <si>
    <t>19266</t>
  </si>
  <si>
    <t>17.80527687072754</t>
  </si>
  <si>
    <t>600.9741821289062</t>
  </si>
  <si>
    <t>0.00015572685541087594</t>
  </si>
  <si>
    <t>19011</t>
  </si>
  <si>
    <t>18.378990173339844</t>
  </si>
  <si>
    <t>663.7452392578125</t>
  </si>
  <si>
    <t>-0.013324125325942404</t>
  </si>
  <si>
    <t>17.282867431640625</t>
  </si>
  <si>
    <t>684.3463745117188</t>
  </si>
  <si>
    <t>-0.07655083650137406</t>
  </si>
  <si>
    <t>18226</t>
  </si>
  <si>
    <t>16.9970760345459</t>
  </si>
  <si>
    <t>641.7977905273438</t>
  </si>
  <si>
    <t>0.0343822235658191</t>
  </si>
  <si>
    <t>18390</t>
  </si>
  <si>
    <t>17.49326515197754</t>
  </si>
  <si>
    <t>646.3414916992188</t>
  </si>
  <si>
    <t>0.008957892542294843</t>
  </si>
  <si>
    <t>18.877037048339844</t>
  </si>
  <si>
    <t>888.00732421875</t>
  </si>
  <si>
    <t>3578.047607421875</t>
  </si>
  <si>
    <t>KwaZulu-Natal</t>
  </si>
  <si>
    <t>19.20138168334961</t>
  </si>
  <si>
    <t>864.663330078125</t>
  </si>
  <si>
    <t>-0.040036602765766816</t>
  </si>
  <si>
    <t>7783</t>
  </si>
  <si>
    <t>19.747716903686523</t>
  </si>
  <si>
    <t>535.7279052734375</t>
  </si>
  <si>
    <t>-0.0463214279431714</t>
  </si>
  <si>
    <t>7707</t>
  </si>
  <si>
    <t>19.288957595825195</t>
  </si>
  <si>
    <t>883.5364379882812</t>
  </si>
  <si>
    <t>-0.009812861181394794</t>
  </si>
  <si>
    <t>18.728607177734375</t>
  </si>
  <si>
    <t>747.0557250976562</t>
  </si>
  <si>
    <t>0.010326669798992327</t>
  </si>
  <si>
    <t>18.965085983276367</t>
  </si>
  <si>
    <t>1098.7642822265625</t>
  </si>
  <si>
    <t>0.010475312957996863</t>
  </si>
  <si>
    <t>18.496747970581055</t>
  </si>
  <si>
    <t>1099.5333251953125</t>
  </si>
  <si>
    <t>0.021249306474162566</t>
  </si>
  <si>
    <t>18.771419525146484</t>
  </si>
  <si>
    <t>1128.82763671875</t>
  </si>
  <si>
    <t>-0.0007467330776353975</t>
  </si>
  <si>
    <t>19.39814567565918</t>
  </si>
  <si>
    <t>905.3418579101562</t>
  </si>
  <si>
    <t>-0.01366364096626782</t>
  </si>
  <si>
    <t>19.364948272705078</t>
  </si>
  <si>
    <t>974.9509887695312</t>
  </si>
  <si>
    <t>-0.015774401634745416</t>
  </si>
  <si>
    <t>18.524580001831055</t>
  </si>
  <si>
    <t>1096.1873779296875</t>
  </si>
  <si>
    <t>0.03786854133003281</t>
  </si>
  <si>
    <t>18.78251075744629</t>
  </si>
  <si>
    <t>1002.8734130859375</t>
  </si>
  <si>
    <t>0.022341159937733224</t>
  </si>
  <si>
    <t>19.00655174255371</t>
  </si>
  <si>
    <t>874.912109375</t>
  </si>
  <si>
    <t>0.014978411958523452</t>
  </si>
  <si>
    <t>19.295150756835938</t>
  </si>
  <si>
    <t>928.78515625</t>
  </si>
  <si>
    <t>0.028953555053522706</t>
  </si>
  <si>
    <t>19.473054885864258</t>
  </si>
  <si>
    <t>831.7587890625</t>
  </si>
  <si>
    <t>0.02757695263445825</t>
  </si>
  <si>
    <t>19.623111724853516</t>
  </si>
  <si>
    <t>833.0374145507812</t>
  </si>
  <si>
    <t>0.04976914819067879</t>
  </si>
  <si>
    <t>18.98835563659668</t>
  </si>
  <si>
    <t>1001.4725341796875</t>
  </si>
  <si>
    <t>0.04024434937085353</t>
  </si>
  <si>
    <t>19.31427764892578</t>
  </si>
  <si>
    <t>999.5075073242188</t>
  </si>
  <si>
    <t>0.041844583978130956</t>
  </si>
  <si>
    <t>19.52834701538086</t>
  </si>
  <si>
    <t>953.6326904296875</t>
  </si>
  <si>
    <t>0.059192268366002665</t>
  </si>
  <si>
    <t>19.289770126342773</t>
  </si>
  <si>
    <t>907.9135131835938</t>
  </si>
  <si>
    <t>-0.06799853909916997</t>
  </si>
  <si>
    <t>19.460237503051758</t>
  </si>
  <si>
    <t>873.3945922851562</t>
  </si>
  <si>
    <t>-0.01411222940136092</t>
  </si>
  <si>
    <t>19.1187744140625</t>
  </si>
  <si>
    <t>925.7269897460938</t>
  </si>
  <si>
    <t>0.017683661768957748</t>
  </si>
  <si>
    <t>19.31465721130371</t>
  </si>
  <si>
    <t>983.6787109375</t>
  </si>
  <si>
    <t>0.07182769554974477</t>
  </si>
  <si>
    <t>19.35357093811035</t>
  </si>
  <si>
    <t>0.057137932319399454</t>
  </si>
  <si>
    <t>19.418771743774414</t>
  </si>
  <si>
    <t>944.0902709960938</t>
  </si>
  <si>
    <t>-0.004449298506788324</t>
  </si>
  <si>
    <t>19.93470573425293</t>
  </si>
  <si>
    <t>926.3072509765625</t>
  </si>
  <si>
    <t>-0.0015750790795685532</t>
  </si>
  <si>
    <t>11323</t>
  </si>
  <si>
    <t>19.88105010986328</t>
  </si>
  <si>
    <t>962.5078735351562</t>
  </si>
  <si>
    <t>-0.008442579387608617</t>
  </si>
  <si>
    <t>11375</t>
  </si>
  <si>
    <t>19.59485626220703</t>
  </si>
  <si>
    <t>923.097412109375</t>
  </si>
  <si>
    <t>0.00458190950511117</t>
  </si>
  <si>
    <t>19.818132400512695</t>
  </si>
  <si>
    <t>891.908203125</t>
  </si>
  <si>
    <t>0.0001758087205665504</t>
  </si>
  <si>
    <t>11226</t>
  </si>
  <si>
    <t>20.26734733581543</t>
  </si>
  <si>
    <t>925.8656005859375</t>
  </si>
  <si>
    <t>-0.013361257037573182</t>
  </si>
  <si>
    <t>19.45343589782715</t>
  </si>
  <si>
    <t>937.55322265625</t>
  </si>
  <si>
    <t>-0.07652286884191106</t>
  </si>
  <si>
    <t>19.210391998291016</t>
  </si>
  <si>
    <t>977.0507202148438</t>
  </si>
  <si>
    <t>0.03440467860406571</t>
  </si>
  <si>
    <t>10860</t>
  </si>
  <si>
    <t>19.668210983276367</t>
  </si>
  <si>
    <t>959.2132568359375</t>
  </si>
  <si>
    <t>0.008971988223628102</t>
  </si>
  <si>
    <t>20.26141929626465</t>
  </si>
  <si>
    <t>561.1694946289062</t>
  </si>
  <si>
    <t>1802.421630859375</t>
  </si>
  <si>
    <t>Limpopo</t>
  </si>
  <si>
    <t>20.284791946411133</t>
  </si>
  <si>
    <t>460.8365478515625</t>
  </si>
  <si>
    <t>-0.04008681620640786</t>
  </si>
  <si>
    <t>20.996126174926758</t>
  </si>
  <si>
    <t>425.728515625</t>
  </si>
  <si>
    <t>-0.046332556640999556</t>
  </si>
  <si>
    <t>20.433393478393555</t>
  </si>
  <si>
    <t>563.7947387695312</t>
  </si>
  <si>
    <t>-0.009899931206870605</t>
  </si>
  <si>
    <t>19.851776123046875</t>
  </si>
  <si>
    <t>415.9576416015625</t>
  </si>
  <si>
    <t>0.010586980357908615</t>
  </si>
  <si>
    <t>20.339433670043945</t>
  </si>
  <si>
    <t>724.368408203125</t>
  </si>
  <si>
    <t>0.010249491844806613</t>
  </si>
  <si>
    <t>19.806697845458984</t>
  </si>
  <si>
    <t>784.4932861328125</t>
  </si>
  <si>
    <t>0.02129886589012031</t>
  </si>
  <si>
    <t>19.96417808532715</t>
  </si>
  <si>
    <t>704.2115478515625</t>
  </si>
  <si>
    <t>20.582260131835938</t>
  </si>
  <si>
    <t>600.3197021484375</t>
  </si>
  <si>
    <t>0.04611768209496603</t>
  </si>
  <si>
    <t>20.215303421020508</t>
  </si>
  <si>
    <t>721.7867431640625</t>
  </si>
  <si>
    <t>0.017353581989308253</t>
  </si>
  <si>
    <t>19.685890197753906</t>
  </si>
  <si>
    <t>754.2155151367188</t>
  </si>
  <si>
    <t>0.005914843742781173</t>
  </si>
  <si>
    <t>19.999731063842773</t>
  </si>
  <si>
    <t>673.1837768554688</t>
  </si>
  <si>
    <t>0.051715851058196094</t>
  </si>
  <si>
    <t>20.31098175048828</t>
  </si>
  <si>
    <t>383.5993957519531</t>
  </si>
  <si>
    <t>0.00762439769698986</t>
  </si>
  <si>
    <t>20.56247901916504</t>
  </si>
  <si>
    <t>540.463134765625</t>
  </si>
  <si>
    <t>0.1515006888764301</t>
  </si>
  <si>
    <t>20.64451026916504</t>
  </si>
  <si>
    <t>534.274169921875</t>
  </si>
  <si>
    <t>-0.031702477032752086</t>
  </si>
  <si>
    <t>21.15800666809082</t>
  </si>
  <si>
    <t>483.1724853515625</t>
  </si>
  <si>
    <t>0.04372984151478043</t>
  </si>
  <si>
    <t>20.343046188354492</t>
  </si>
  <si>
    <t>636.0819091796875</t>
  </si>
  <si>
    <t>0.13557429425432233</t>
  </si>
  <si>
    <t>7599</t>
  </si>
  <si>
    <t>20.599267959594727</t>
  </si>
  <si>
    <t>562.428955078125</t>
  </si>
  <si>
    <t>0.04288579747905352</t>
  </si>
  <si>
    <t>20.754175186157227</t>
  </si>
  <si>
    <t>552.8409423828125</t>
  </si>
  <si>
    <t>0.11533820773584047</t>
  </si>
  <si>
    <t>20.590866088867188</t>
  </si>
  <si>
    <t>649.8456420898438</t>
  </si>
  <si>
    <t>0.04359488197163408</t>
  </si>
  <si>
    <t>9015</t>
  </si>
  <si>
    <t>20.673616409301758</t>
  </si>
  <si>
    <t>615.9712524414062</t>
  </si>
  <si>
    <t>0.011940107260159039</t>
  </si>
  <si>
    <t>20.38661003112793</t>
  </si>
  <si>
    <t>568.31201171875</t>
  </si>
  <si>
    <t>0.009494440939937121</t>
  </si>
  <si>
    <t>20.684904098510742</t>
  </si>
  <si>
    <t>610.9122924804688</t>
  </si>
  <si>
    <t>0.04185431502661885</t>
  </si>
  <si>
    <t>20.541091918945312</t>
  </si>
  <si>
    <t>572.3904418945312</t>
  </si>
  <si>
    <t>0.03479332112461897</t>
  </si>
  <si>
    <t>20.543819427490234</t>
  </si>
  <si>
    <t>541.6882934570312</t>
  </si>
  <si>
    <t>21.281423568725586</t>
  </si>
  <si>
    <t>449.138671875</t>
  </si>
  <si>
    <t>-0.006954415428701566</t>
  </si>
  <si>
    <t>21.029844284057617</t>
  </si>
  <si>
    <t>707.2738647460938</t>
  </si>
  <si>
    <t>0.005016133771116316</t>
  </si>
  <si>
    <t>20.60634994506836</t>
  </si>
  <si>
    <t>526.38037109375</t>
  </si>
  <si>
    <t>0.004482941791962958</t>
  </si>
  <si>
    <t>21.022920608520508</t>
  </si>
  <si>
    <t>617.3816528320312</t>
  </si>
  <si>
    <t>0.00020329335300672824</t>
  </si>
  <si>
    <t>21.370237350463867</t>
  </si>
  <si>
    <t>534.0759887695312</t>
  </si>
  <si>
    <t>-0.01330078949562008</t>
  </si>
  <si>
    <t>20.585588455200195</t>
  </si>
  <si>
    <t>554.6768798828125</t>
  </si>
  <si>
    <t>-0.07660679345563004</t>
  </si>
  <si>
    <t>20.338571548461914</t>
  </si>
  <si>
    <t>546.3245239257812</t>
  </si>
  <si>
    <t>0.03442774850766739</t>
  </si>
  <si>
    <t>9392</t>
  </si>
  <si>
    <t>20.772274017333984</t>
  </si>
  <si>
    <t>540.5416870117188</t>
  </si>
  <si>
    <t>0.00898401764569634</t>
  </si>
  <si>
    <t>18.625696182250977</t>
  </si>
  <si>
    <t>711.7706909179688</t>
  </si>
  <si>
    <t>1173.6060791015625</t>
  </si>
  <si>
    <t>Mpumalanga</t>
  </si>
  <si>
    <t>18.694242477416992</t>
  </si>
  <si>
    <t>559.1023559570312</t>
  </si>
  <si>
    <t>-0.04005407520555515</t>
  </si>
  <si>
    <t>9602</t>
  </si>
  <si>
    <t>19.447290420532227</t>
  </si>
  <si>
    <t>476.6516418457031</t>
  </si>
  <si>
    <t>-0.04629749935359406</t>
  </si>
  <si>
    <t>18.94437599182129</t>
  </si>
  <si>
    <t>711.8356323242188</t>
  </si>
  <si>
    <t>-0.009837860610801386</t>
  </si>
  <si>
    <t>18.326324462890625</t>
  </si>
  <si>
    <t>619.3212280273438</t>
  </si>
  <si>
    <t>0.010358449929652735</t>
  </si>
  <si>
    <t>18.710180282592773</t>
  </si>
  <si>
    <t>790.8753662109375</t>
  </si>
  <si>
    <t>0.010458288436753449</t>
  </si>
  <si>
    <t>18.229259490966797</t>
  </si>
  <si>
    <t>825.0093383789062</t>
  </si>
  <si>
    <t>0.021300168339633885</t>
  </si>
  <si>
    <t>18.439516067504883</t>
  </si>
  <si>
    <t>849.232177734375</t>
  </si>
  <si>
    <t>-0.001816714266317021</t>
  </si>
  <si>
    <t>19.04871940612793</t>
  </si>
  <si>
    <t>781.4328002929688</t>
  </si>
  <si>
    <t>-0.014448765811858166</t>
  </si>
  <si>
    <t>18.78302001953125</t>
  </si>
  <si>
    <t>827.5276489257812</t>
  </si>
  <si>
    <t>0.016265480078175187</t>
  </si>
  <si>
    <t>9924</t>
  </si>
  <si>
    <t>18.194324493408203</t>
  </si>
  <si>
    <t>1084.4227294921875</t>
  </si>
  <si>
    <t>0.0007056096255659838</t>
  </si>
  <si>
    <t>18.48114013671875</t>
  </si>
  <si>
    <t>849.5164184570312</t>
  </si>
  <si>
    <t>0.059367222568905476</t>
  </si>
  <si>
    <t>18.727460861206055</t>
  </si>
  <si>
    <t>536.3760375976562</t>
  </si>
  <si>
    <t>0.009545033012484438</t>
  </si>
  <si>
    <t>10848</t>
  </si>
  <si>
    <t>18.972787857055664</t>
  </si>
  <si>
    <t>578.5221557617188</t>
  </si>
  <si>
    <t>0.020112409787095942</t>
  </si>
  <si>
    <t>19.072669982910156</t>
  </si>
  <si>
    <t>757.813232421875</t>
  </si>
  <si>
    <t>-0.02747579621456353</t>
  </si>
  <si>
    <t>19.35218620300293</t>
  </si>
  <si>
    <t>616.9224243164062</t>
  </si>
  <si>
    <t>0.04465772137156243</t>
  </si>
  <si>
    <t>18.656644821166992</t>
  </si>
  <si>
    <t>751.084716796875</t>
  </si>
  <si>
    <t>0.008571352156049983</t>
  </si>
  <si>
    <t>12156</t>
  </si>
  <si>
    <t>18.90290069580078</t>
  </si>
  <si>
    <t>619.6201171875</t>
  </si>
  <si>
    <t>0.08808886654345827</t>
  </si>
  <si>
    <t>13008</t>
  </si>
  <si>
    <t>19.088186264038086</t>
  </si>
  <si>
    <t>672.224609375</t>
  </si>
  <si>
    <t>0.06774167775090767</t>
  </si>
  <si>
    <t>12929</t>
  </si>
  <si>
    <t>18.882596969604492</t>
  </si>
  <si>
    <t>806.87548828125</t>
  </si>
  <si>
    <t>-0.006091702533037591</t>
  </si>
  <si>
    <t>19.09916877746582</t>
  </si>
  <si>
    <t>653.617431640625</t>
  </si>
  <si>
    <t>0.05169927585330569</t>
  </si>
  <si>
    <t>18.741636276245117</t>
  </si>
  <si>
    <t>687.1500854492188</t>
  </si>
  <si>
    <t>0.03137909274379247</t>
  </si>
  <si>
    <t>19.034103393554688</t>
  </si>
  <si>
    <t>783.1178588867188</t>
  </si>
  <si>
    <t>0.03819629970468519</t>
  </si>
  <si>
    <t>18.96881675720215</t>
  </si>
  <si>
    <t>630.7140502929688</t>
  </si>
  <si>
    <t>-0.05484780049966709</t>
  </si>
  <si>
    <t>18.977876663208008</t>
  </si>
  <si>
    <t>-0.02025145059040412</t>
  </si>
  <si>
    <t>19.682748794555664</t>
  </si>
  <si>
    <t>573.4583740234375</t>
  </si>
  <si>
    <t>-0.015856214886539988</t>
  </si>
  <si>
    <t>13142</t>
  </si>
  <si>
    <t>19.529937744140625</t>
  </si>
  <si>
    <t>787.4749145507812</t>
  </si>
  <si>
    <t>-0.013978844121913525</t>
  </si>
  <si>
    <t>19.141826629638672</t>
  </si>
  <si>
    <t>645.7681884765625</t>
  </si>
  <si>
    <t>0.004555124790902809</t>
  </si>
  <si>
    <t>19.486387252807617</t>
  </si>
  <si>
    <t>669.5794067382812</t>
  </si>
  <si>
    <t>0.00015148072436765858</t>
  </si>
  <si>
    <t>13029</t>
  </si>
  <si>
    <t>19.922067642211914</t>
  </si>
  <si>
    <t>673.5804443359375</t>
  </si>
  <si>
    <t>-0.013342171770151623</t>
  </si>
  <si>
    <t>19.04252815246582</t>
  </si>
  <si>
    <t>705.0601196289062</t>
  </si>
  <si>
    <t>-0.0765374605850333</t>
  </si>
  <si>
    <t>18.768657684326172</t>
  </si>
  <si>
    <t>732.3646850585938</t>
  </si>
  <si>
    <t>0.03436820334801105</t>
  </si>
  <si>
    <t>19.26822853088379</t>
  </si>
  <si>
    <t>679.425048828125</t>
  </si>
  <si>
    <t>0.009005838911255282</t>
  </si>
  <si>
    <t>18.692995071411133</t>
  </si>
  <si>
    <t>609.468994140625</t>
  </si>
  <si>
    <t>1260.5643310546875</t>
  </si>
  <si>
    <t>18.628904342651367</t>
  </si>
  <si>
    <t>478.21697998046875</t>
  </si>
  <si>
    <t>-0.040199015155094386</t>
  </si>
  <si>
    <t>19.3360538482666</t>
  </si>
  <si>
    <t>420.25360107421875</t>
  </si>
  <si>
    <t>-0.046259277437570745</t>
  </si>
  <si>
    <t>18.84320640563965</t>
  </si>
  <si>
    <t>567.1785888671875</t>
  </si>
  <si>
    <t>-0.009832254153780084</t>
  </si>
  <si>
    <t>18.331239700317383</t>
  </si>
  <si>
    <t>496.2037048339844</t>
  </si>
  <si>
    <t>0.0103943993144604</t>
  </si>
  <si>
    <t>18.632959365844727</t>
  </si>
  <si>
    <t>749.59521484375</t>
  </si>
  <si>
    <t>0.010398707220899084</t>
  </si>
  <si>
    <t>18.10625648498535</t>
  </si>
  <si>
    <t>684.8196411132812</t>
  </si>
  <si>
    <t>0.021349991093680742</t>
  </si>
  <si>
    <t>18.38178825378418</t>
  </si>
  <si>
    <t>705.8363647460938</t>
  </si>
  <si>
    <t>-0.025362479758436862</t>
  </si>
  <si>
    <t>19.03923988342285</t>
  </si>
  <si>
    <t>593.0552978515625</t>
  </si>
  <si>
    <t>-0.006611038700974348</t>
  </si>
  <si>
    <t>18.89573860168457</t>
  </si>
  <si>
    <t>527.74267578125</t>
  </si>
  <si>
    <t>0.004822529393461394</t>
  </si>
  <si>
    <t>9454</t>
  </si>
  <si>
    <t>18.171953201293945</t>
  </si>
  <si>
    <t>775.8295288085938</t>
  </si>
  <si>
    <t>0.05612608185978374</t>
  </si>
  <si>
    <t>18.4420166015625</t>
  </si>
  <si>
    <t>768.2752685546875</t>
  </si>
  <si>
    <t>0.028159124082833387</t>
  </si>
  <si>
    <t>18.785409927368164</t>
  </si>
  <si>
    <t>527.2947998046875</t>
  </si>
  <si>
    <t>0.008907148727375969</t>
  </si>
  <si>
    <t>19.03565788269043</t>
  </si>
  <si>
    <t>441.5396423339844</t>
  </si>
  <si>
    <t>0.01114951748651194</t>
  </si>
  <si>
    <t>19.24068260192871</t>
  </si>
  <si>
    <t>645.69287109375</t>
  </si>
  <si>
    <t>0.01331684260261845</t>
  </si>
  <si>
    <t>19.319669723510742</t>
  </si>
  <si>
    <t>481.29248046875</t>
  </si>
  <si>
    <t>0.09545484264973325</t>
  </si>
  <si>
    <t>18.586938858032227</t>
  </si>
  <si>
    <t>570.8456420898438</t>
  </si>
  <si>
    <t>-0.037865515764682556</t>
  </si>
  <si>
    <t>11083</t>
  </si>
  <si>
    <t>18.91297721862793</t>
  </si>
  <si>
    <t>539.6717529296875</t>
  </si>
  <si>
    <t>0.03985251063808093</t>
  </si>
  <si>
    <t>11721</t>
  </si>
  <si>
    <t>19.194421768188477</t>
  </si>
  <si>
    <t>504.7153015136719</t>
  </si>
  <si>
    <t>0.05596970194752693</t>
  </si>
  <si>
    <t>18.93559455871582</t>
  </si>
  <si>
    <t>660.928466796875</t>
  </si>
  <si>
    <t>-0.01799213515597664</t>
  </si>
  <si>
    <t>19.204593658447266</t>
  </si>
  <si>
    <t>605.8887329101562</t>
  </si>
  <si>
    <t>0.047830042259526806</t>
  </si>
  <si>
    <t>12609</t>
  </si>
  <si>
    <t>18.680768966674805</t>
  </si>
  <si>
    <t>569.6917724609375</t>
  </si>
  <si>
    <t>0.04319083284649672</t>
  </si>
  <si>
    <t>18.893651962280273</t>
  </si>
  <si>
    <t>480.6167297363281</t>
  </si>
  <si>
    <t>-0.07738939839262571</t>
  </si>
  <si>
    <t>18.957229614257812</t>
  </si>
  <si>
    <t>507.3501892089844</t>
  </si>
  <si>
    <t>0.03767050422433371</t>
  </si>
  <si>
    <t>19.016019821166992</t>
  </si>
  <si>
    <t>509.91363525390625</t>
  </si>
  <si>
    <t>0.09555021461052426</t>
  </si>
  <si>
    <t>19.78248405456543</t>
  </si>
  <si>
    <t>382.3925476074219</t>
  </si>
  <si>
    <t>0.002172692369963869</t>
  </si>
  <si>
    <t>19.610136032104492</t>
  </si>
  <si>
    <t>612.80322265625</t>
  </si>
  <si>
    <t>-0.020337121257670177</t>
  </si>
  <si>
    <t>13153</t>
  </si>
  <si>
    <t>19.28826332092285</t>
  </si>
  <si>
    <t>555.8626098632812</t>
  </si>
  <si>
    <t>0.004572133241026677</t>
  </si>
  <si>
    <t>13155</t>
  </si>
  <si>
    <t>19.56696319580078</t>
  </si>
  <si>
    <t>477.4265441894531</t>
  </si>
  <si>
    <t>0.00015204500561338818</t>
  </si>
  <si>
    <t>20.16806983947754</t>
  </si>
  <si>
    <t>595.0068359375</t>
  </si>
  <si>
    <t>-0.01331516458139781</t>
  </si>
  <si>
    <t>19.057777404785156</t>
  </si>
  <si>
    <t>619.0460815429688</t>
  </si>
  <si>
    <t>-0.07658209746018407</t>
  </si>
  <si>
    <t>18.75579071044922</t>
  </si>
  <si>
    <t>580.0734252929688</t>
  </si>
  <si>
    <t>0.03441428336888208</t>
  </si>
  <si>
    <t>12557</t>
  </si>
  <si>
    <t>19.251741409301758</t>
  </si>
  <si>
    <t>567.2701416015625</t>
  </si>
  <si>
    <t>0.008959343187271429</t>
  </si>
  <si>
    <t>18.561899185180664</t>
  </si>
  <si>
    <t>367.3618469238281</t>
  </si>
  <si>
    <t>382.6053161621094</t>
  </si>
  <si>
    <t>Northern Cape</t>
  </si>
  <si>
    <t>18.507177352905273</t>
  </si>
  <si>
    <t>348.06658935546875</t>
  </si>
  <si>
    <t>-0.040119439638795384</t>
  </si>
  <si>
    <t>19.11383628845215</t>
  </si>
  <si>
    <t>194.15745544433594</t>
  </si>
  <si>
    <t>-0.04622883876167272</t>
  </si>
  <si>
    <t>18.847036361694336</t>
  </si>
  <si>
    <t>365.7635192871094</t>
  </si>
  <si>
    <t>-0.009862524790877458</t>
  </si>
  <si>
    <t>18.42265510559082</t>
  </si>
  <si>
    <t>235.44610595703125</t>
  </si>
  <si>
    <t>0.010378920361350907</t>
  </si>
  <si>
    <t>9786</t>
  </si>
  <si>
    <t>18.59187889099121</t>
  </si>
  <si>
    <t>339.2842102050781</t>
  </si>
  <si>
    <t>0.010374496007973022</t>
  </si>
  <si>
    <t>17.959001541137695</t>
  </si>
  <si>
    <t>396.9435729980469</t>
  </si>
  <si>
    <t>0.021332255118112542</t>
  </si>
  <si>
    <t>10028</t>
  </si>
  <si>
    <t>18.444387435913086</t>
  </si>
  <si>
    <t>324.8718566894531</t>
  </si>
  <si>
    <t>0.003096132311002364</t>
  </si>
  <si>
    <t>19.125661849975586</t>
  </si>
  <si>
    <t>300.5438537597656</t>
  </si>
  <si>
    <t>0.0233588701748495</t>
  </si>
  <si>
    <t>19.09476661682129</t>
  </si>
  <si>
    <t>356.6062927246094</t>
  </si>
  <si>
    <t>0.09517732769067422</t>
  </si>
  <si>
    <t>18.298574447631836</t>
  </si>
  <si>
    <t>363.5412902832031</t>
  </si>
  <si>
    <t>0.03592784103105906</t>
  </si>
  <si>
    <t>18.50786781311035</t>
  </si>
  <si>
    <t>453.2949523925781</t>
  </si>
  <si>
    <t>0.0163569899652245</t>
  </si>
  <si>
    <t>18.69575309753418</t>
  </si>
  <si>
    <t>319.2587890625</t>
  </si>
  <si>
    <t>-0.02158296030830975</t>
  </si>
  <si>
    <t>18.937284469604492</t>
  </si>
  <si>
    <t>314.27801513671875</t>
  </si>
  <si>
    <t>0.17417127126703313</t>
  </si>
  <si>
    <t>19.23882484436035</t>
  </si>
  <si>
    <t>335.3214416503906</t>
  </si>
  <si>
    <t>-0.11837857992021483</t>
  </si>
  <si>
    <t>19.156076431274414</t>
  </si>
  <si>
    <t>332.7928466796875</t>
  </si>
  <si>
    <t>0.00865456123834285</t>
  </si>
  <si>
    <t>11818</t>
  </si>
  <si>
    <t>18.658601760864258</t>
  </si>
  <si>
    <t>397.85516357421875</t>
  </si>
  <si>
    <t>-0.04944270851122212</t>
  </si>
  <si>
    <t>18.93485450744629</t>
  </si>
  <si>
    <t>346.09246826171875</t>
  </si>
  <si>
    <t>0.0804461827709293</t>
  </si>
  <si>
    <t>13452</t>
  </si>
  <si>
    <t>19.07757568359375</t>
  </si>
  <si>
    <t>324.3040771484375</t>
  </si>
  <si>
    <t>0.04905781818361099</t>
  </si>
  <si>
    <t>12175</t>
  </si>
  <si>
    <t>19.0188045501709</t>
  </si>
  <si>
    <t>428.01715087890625</t>
  </si>
  <si>
    <t>-0.0997431249093701</t>
  </si>
  <si>
    <t>19.436174392700195</t>
  </si>
  <si>
    <t>418.31512451171875</t>
  </si>
  <si>
    <t>0.08227051962860976</t>
  </si>
  <si>
    <t>13319</t>
  </si>
  <si>
    <t>18.786001205444336</t>
  </si>
  <si>
    <t>444.9678039550781</t>
  </si>
  <si>
    <t>0.007536398621629914</t>
  </si>
  <si>
    <t>18.819915771484375</t>
  </si>
  <si>
    <t>340.8877258300781</t>
  </si>
  <si>
    <t>0.0075545443246429755</t>
  </si>
  <si>
    <t>19.14061164855957</t>
  </si>
  <si>
    <t>271.68157958984375</t>
  </si>
  <si>
    <t>-0.03866647035095383</t>
  </si>
  <si>
    <t>19.235654830932617</t>
  </si>
  <si>
    <t>303.9120788574219</t>
  </si>
  <si>
    <t>0.08062046177483495</t>
  </si>
  <si>
    <t>19.675819396972656</t>
  </si>
  <si>
    <t>314.4573669433594</t>
  </si>
  <si>
    <t>-0.04150699745085795</t>
  </si>
  <si>
    <t>19.62478256225586</t>
  </si>
  <si>
    <t>300.74993896484375</t>
  </si>
  <si>
    <t>-0.014328289837495234</t>
  </si>
  <si>
    <t>19.379962921142578</t>
  </si>
  <si>
    <t>281.3538513183594</t>
  </si>
  <si>
    <t>0.00459840243402887</t>
  </si>
  <si>
    <t>19.292434692382812</t>
  </si>
  <si>
    <t>250.40234375</t>
  </si>
  <si>
    <t>0.00015040986717096416</t>
  </si>
  <si>
    <t>20.003206253051758</t>
  </si>
  <si>
    <t>288.6740417480469</t>
  </si>
  <si>
    <t>-0.013323437057577436</t>
  </si>
  <si>
    <t>19.10357093811035</t>
  </si>
  <si>
    <t>495.26885986328125</t>
  </si>
  <si>
    <t>-0.07654960315460002</t>
  </si>
  <si>
    <t>18.79869270324707</t>
  </si>
  <si>
    <t>377.0395812988281</t>
  </si>
  <si>
    <t>19.2340145111084</t>
  </si>
  <si>
    <t>433.2532653808594</t>
  </si>
  <si>
    <t>0.008942409133746665</t>
  </si>
  <si>
    <t>16.712316513061523</t>
  </si>
  <si>
    <t>661.0172119140625</t>
  </si>
  <si>
    <t>1073.0067138671875</t>
  </si>
  <si>
    <t>Western Cape</t>
  </si>
  <si>
    <t>16.9166316986084</t>
  </si>
  <si>
    <t>650.8984985351562</t>
  </si>
  <si>
    <t>-0.040142966240862776</t>
  </si>
  <si>
    <t>16.884668350219727</t>
  </si>
  <si>
    <t>679.03955078125</t>
  </si>
  <si>
    <t>-0.04630909001135208</t>
  </si>
  <si>
    <t>17.324785232543945</t>
  </si>
  <si>
    <t>712.2384033203125</t>
  </si>
  <si>
    <t>-0.009827560175791561</t>
  </si>
  <si>
    <t>14017</t>
  </si>
  <si>
    <t>17.095033645629883</t>
  </si>
  <si>
    <t>564.5372314453125</t>
  </si>
  <si>
    <t>0.010398458642734809</t>
  </si>
  <si>
    <t>16.909685134887695</t>
  </si>
  <si>
    <t>660.6463012695312</t>
  </si>
  <si>
    <t>0.010432655568736848</t>
  </si>
  <si>
    <t>16.334993362426758</t>
  </si>
  <si>
    <t>876.6845703125</t>
  </si>
  <si>
    <t>0.02130489550528658</t>
  </si>
  <si>
    <t>16.938549041748047</t>
  </si>
  <si>
    <t>566.71728515625</t>
  </si>
  <si>
    <t>0.015566918157880139</t>
  </si>
  <si>
    <t>17.286684036254883</t>
  </si>
  <si>
    <t>623.0226440429688</t>
  </si>
  <si>
    <t>-0.027595570055696683</t>
  </si>
  <si>
    <t>17.63604164123535</t>
  </si>
  <si>
    <t>618.4812622070312</t>
  </si>
  <si>
    <t>0.019945259519234426</t>
  </si>
  <si>
    <t>14883</t>
  </si>
  <si>
    <t>16.880945205688477</t>
  </si>
  <si>
    <t>441.9676513671875</t>
  </si>
  <si>
    <t>0.020294584610660138</t>
  </si>
  <si>
    <t>16.838342666625977</t>
  </si>
  <si>
    <t>743.3848876953125</t>
  </si>
  <si>
    <t>0.018440758227203702</t>
  </si>
  <si>
    <t>16.982404708862305</t>
  </si>
  <si>
    <t>576.0189208984375</t>
  </si>
  <si>
    <t>0.019466288470454174</t>
  </si>
  <si>
    <t>15629</t>
  </si>
  <si>
    <t>17.124658584594727</t>
  </si>
  <si>
    <t>455.3070983886719</t>
  </si>
  <si>
    <t>0.011001494175376436</t>
  </si>
  <si>
    <t>16745</t>
  </si>
  <si>
    <t>17.634658813476562</t>
  </si>
  <si>
    <t>576.4912109375</t>
  </si>
  <si>
    <t>0.06897154338611067</t>
  </si>
  <si>
    <t>17085</t>
  </si>
  <si>
    <t>17.333894729614258</t>
  </si>
  <si>
    <t>463.65191650390625</t>
  </si>
  <si>
    <t>0.020101179321088125</t>
  </si>
  <si>
    <t>17.103002548217773</t>
  </si>
  <si>
    <t>565.891845703125</t>
  </si>
  <si>
    <t>0.05200419177181104</t>
  </si>
  <si>
    <t>17.270244598388672</t>
  </si>
  <si>
    <t>685.8610229492188</t>
  </si>
  <si>
    <t>0.04008159713985471</t>
  </si>
  <si>
    <t>17.3607234954834</t>
  </si>
  <si>
    <t>621.7476806640625</t>
  </si>
  <si>
    <t>-0.07404637974352823</t>
  </si>
  <si>
    <t>17.384057998657227</t>
  </si>
  <si>
    <t>492.41094970703125</t>
  </si>
  <si>
    <t>-0.05621881509437188</t>
  </si>
  <si>
    <t>17.73765754699707</t>
  </si>
  <si>
    <t>482.2882995605469</t>
  </si>
  <si>
    <t>0.05368629388355295</t>
  </si>
  <si>
    <t>16.997989654541016</t>
  </si>
  <si>
    <t>557.4261474609375</t>
  </si>
  <si>
    <t>0.02200145742968651</t>
  </si>
  <si>
    <t>16.914487838745117</t>
  </si>
  <si>
    <t>611.0774536132812</t>
  </si>
  <si>
    <t>-0.01923902473377659</t>
  </si>
  <si>
    <t>17.274831771850586</t>
  </si>
  <si>
    <t>639.681396484375</t>
  </si>
  <si>
    <t>-0.015288692515090574</t>
  </si>
  <si>
    <t>16620</t>
  </si>
  <si>
    <t>17.529205322265625</t>
  </si>
  <si>
    <t>522.8965454101562</t>
  </si>
  <si>
    <t>-0.03057472427809138</t>
  </si>
  <si>
    <t>17.860458374023438</t>
  </si>
  <si>
    <t>466.34942626953125</t>
  </si>
  <si>
    <t>-0.009855870814055478</t>
  </si>
  <si>
    <t>17.850727081298828</t>
  </si>
  <si>
    <t>389.38409423828125</t>
  </si>
  <si>
    <t>-0.003591542439259854</t>
  </si>
  <si>
    <t>17.71006202697754</t>
  </si>
  <si>
    <t>344.7353515625</t>
  </si>
  <si>
    <t>0.004563300790858094</t>
  </si>
  <si>
    <t>17.548585891723633</t>
  </si>
  <si>
    <t>464.3226013183594</t>
  </si>
  <si>
    <t>0.00018209960899007172</t>
  </si>
  <si>
    <t>18.27642822265625</t>
  </si>
  <si>
    <t>357.79803466796875</t>
  </si>
  <si>
    <t>-0.013319681249454263</t>
  </si>
  <si>
    <t>17.531904220581055</t>
  </si>
  <si>
    <t>483.64080810546875</t>
  </si>
  <si>
    <t>-0.07660927621969726</t>
  </si>
  <si>
    <t>17.151321411132812</t>
  </si>
  <si>
    <t>512.0460205078125</t>
  </si>
  <si>
    <t>0.03439725631668544</t>
  </si>
  <si>
    <t>17.526376724243164</t>
  </si>
  <si>
    <t>498.41009521484375</t>
  </si>
  <si>
    <t>0.009005905087219546</t>
  </si>
  <si>
    <t>temperature (celsius)</t>
  </si>
  <si>
    <t>precipitation (mm)</t>
  </si>
  <si>
    <t>GDP_per_capita (USD)</t>
  </si>
  <si>
    <t>growth (gdp per capita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" x14ac:knownFonts="1">
    <font>
      <sz val="11"/>
      <color theme="1"/>
      <name val="Aptos Narrow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2">
    <xf numFmtId="0" fontId="0" fillId="0" borderId="0" xfId="0"/>
    <xf numFmtId="0" fontId="0" fillId="0" borderId="0" xfId="0" applyNumberFormat="1"/>
  </cellXfs>
  <cellStyles count="1">
    <cellStyle name="Normal" xfId="0" builtinId="0"/>
  </cellStyles>
  <dxfs count="10">
    <dxf>
      <numFmt numFmtId="0" formatCode="General"/>
    </dxf>
    <dxf>
      <numFmt numFmtId="0" formatCode="General"/>
    </dxf>
    <dxf>
      <numFmt numFmtId="0" formatCode="General"/>
    </dxf>
    <dxf>
      <numFmt numFmtId="0" formatCode="General"/>
    </dxf>
    <dxf>
      <numFmt numFmtId="0" formatCode="General"/>
    </dxf>
    <dxf>
      <numFmt numFmtId="0" formatCode="General"/>
    </dxf>
    <dxf>
      <numFmt numFmtId="0" formatCode="General"/>
    </dxf>
    <dxf>
      <numFmt numFmtId="0" formatCode="General"/>
    </dxf>
    <dxf>
      <numFmt numFmtId="0" formatCode="General"/>
    </dxf>
    <dxf>
      <numFmt numFmtId="0" formatCode="General"/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theme" Target="theme/theme1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5" Type="http://schemas.openxmlformats.org/officeDocument/2006/relationships/styles" Target="styles.xml"/><Relationship Id="rId4" Type="http://schemas.openxmlformats.org/officeDocument/2006/relationships/connections" Target="connections.xml"/><Relationship Id="rId9" Type="http://schemas.openxmlformats.org/officeDocument/2006/relationships/customXml" Target="../customXml/item3.xml"/></Relationships>
</file>

<file path=xl/queryTables/queryTable1.xml><?xml version="1.0" encoding="utf-8"?>
<queryTable xmlns="http://schemas.openxmlformats.org/spreadsheetml/2006/main" xmlns:mc="http://schemas.openxmlformats.org/markup-compatibility/2006" xmlns:xr16="http://schemas.microsoft.com/office/spreadsheetml/2017/revision16" mc:Ignorable="xr16" name="ExternalData_1" connectionId="1" xr16:uid="{AC4A2ECD-0586-4F78-851A-6F0ECFCF5DDD}" autoFormatId="16" applyNumberFormats="0" applyBorderFormats="0" applyFontFormats="0" applyPatternFormats="0" applyAlignmentFormats="0" applyWidthHeightFormats="0">
  <queryTableRefresh nextId="11">
    <queryTableFields count="10">
      <queryTableField id="1" name="fid" tableColumnId="1"/>
      <queryTableField id="2" name="iso3" tableColumnId="2"/>
      <queryTableField id="3" name="year" tableColumnId="3"/>
      <queryTableField id="4" name="GDP_per_capita" tableColumnId="4"/>
      <queryTableField id="5" name="temperature" tableColumnId="5"/>
      <queryTableField id="6" name="precipitation" tableColumnId="6"/>
      <queryTableField id="7" name="population_density" tableColumnId="7"/>
      <queryTableField id="8" name="region" tableColumnId="8"/>
      <queryTableField id="9" name="Country" tableColumnId="9"/>
      <queryTableField id="10" name="growth" tableColumnId="10"/>
    </queryTableFields>
  </queryTableRefresh>
</queryTable>
</file>

<file path=xl/tables/_rels/table1.xml.rels><?xml version="1.0" encoding="UTF-8" standalone="yes"?>
<Relationships xmlns="http://schemas.openxmlformats.org/package/2006/relationships"><Relationship Id="rId1" Type="http://schemas.openxmlformats.org/officeDocument/2006/relationships/queryTable" Target="../queryTables/queryTable1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605A8241-0500-4CB9-B5A0-2ABCDB717BDC}" name="ee_data" displayName="ee_data" ref="A1:J75472" tableType="queryTable" totalsRowShown="0">
  <autoFilter ref="A1:J75472" xr:uid="{605A8241-0500-4CB9-B5A0-2ABCDB717BDC}"/>
  <tableColumns count="10">
    <tableColumn id="1" xr3:uid="{EF897901-A7D5-419B-BA16-851EF86796F1}" uniqueName="1" name="fid" queryTableFieldId="1" dataDxfId="9"/>
    <tableColumn id="2" xr3:uid="{AF5271D3-9B32-44A8-8039-74BC1B6CEDD8}" uniqueName="2" name="iso3" queryTableFieldId="2" dataDxfId="8"/>
    <tableColumn id="3" xr3:uid="{1C925396-97FA-43E9-8E4F-D018C8865950}" uniqueName="3" name="year" queryTableFieldId="3" dataDxfId="7"/>
    <tableColumn id="4" xr3:uid="{96D95170-12B7-4AC8-91F2-AB14351EFB6E}" uniqueName="4" name="GDP_per_capita (USD)" queryTableFieldId="4" dataDxfId="6"/>
    <tableColumn id="5" xr3:uid="{94E92E01-02A8-4823-86EF-454E0C979AA9}" uniqueName="5" name="temperature (celsius)" queryTableFieldId="5" dataDxfId="5"/>
    <tableColumn id="6" xr3:uid="{81234888-2AC0-405A-A60C-03EBB477004B}" uniqueName="6" name="precipitation (mm)" queryTableFieldId="6" dataDxfId="4"/>
    <tableColumn id="7" xr3:uid="{F18AD27F-1F49-4078-97F5-1C0D47E9A324}" uniqueName="7" name="population_density" queryTableFieldId="7" dataDxfId="3"/>
    <tableColumn id="8" xr3:uid="{78BE25AE-1E0C-497F-8CE5-889CC2FB8EE4}" uniqueName="8" name="region" queryTableFieldId="8" dataDxfId="2"/>
    <tableColumn id="9" xr3:uid="{9C2C7AFE-94A2-4463-92AE-93AC2682C8D2}" uniqueName="9" name="Country" queryTableFieldId="9" dataDxfId="1"/>
    <tableColumn id="10" xr3:uid="{C4190E82-7473-4690-A909-981CD8CFBEAC}" uniqueName="10" name="growth (gdp per capita)" queryTableFieldId="10" dataDxfId="0"/>
  </tableColumns>
  <tableStyleInfo name="TableStyleMedium7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table" Target="../tables/table1.xml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2C8489D-77A5-4D60-937A-FDE6BE1973AB}">
  <dimension ref="A1:J75472"/>
  <sheetViews>
    <sheetView tabSelected="1" workbookViewId="0">
      <selection activeCell="J2" sqref="J2"/>
    </sheetView>
  </sheetViews>
  <sheetFormatPr defaultRowHeight="14.5" x14ac:dyDescent="0.35"/>
  <cols>
    <col min="1" max="1" width="5.453125" bestFit="1" customWidth="1"/>
    <col min="2" max="2" width="6.6328125" bestFit="1" customWidth="1"/>
    <col min="3" max="3" width="6.7265625" bestFit="1" customWidth="1"/>
    <col min="4" max="4" width="24.453125" customWidth="1"/>
    <col min="5" max="5" width="22.26953125" bestFit="1" customWidth="1"/>
    <col min="6" max="6" width="18.54296875" bestFit="1" customWidth="1"/>
    <col min="7" max="7" width="31.453125" customWidth="1"/>
    <col min="8" max="8" width="58.6328125" bestFit="1" customWidth="1"/>
    <col min="9" max="9" width="36.26953125" bestFit="1" customWidth="1"/>
    <col min="10" max="10" width="23.26953125" bestFit="1" customWidth="1"/>
  </cols>
  <sheetData>
    <row r="1" spans="1:10" x14ac:dyDescent="0.35">
      <c r="A1" t="s">
        <v>0</v>
      </c>
      <c r="B1" t="s">
        <v>1</v>
      </c>
      <c r="C1" t="s">
        <v>2</v>
      </c>
      <c r="D1" t="s">
        <v>251331</v>
      </c>
      <c r="E1" t="s">
        <v>251329</v>
      </c>
      <c r="F1" t="s">
        <v>251330</v>
      </c>
      <c r="G1" t="s">
        <v>3</v>
      </c>
      <c r="H1" t="s">
        <v>4</v>
      </c>
      <c r="I1" t="s">
        <v>5</v>
      </c>
      <c r="J1" t="s">
        <v>251332</v>
      </c>
    </row>
    <row r="2" spans="1:10" x14ac:dyDescent="0.35">
      <c r="A2" s="1" t="s">
        <v>6</v>
      </c>
      <c r="B2" s="1" t="s">
        <v>7</v>
      </c>
      <c r="C2" s="1" t="s">
        <v>8</v>
      </c>
      <c r="D2" s="1" t="s">
        <v>9</v>
      </c>
      <c r="E2" s="1" t="s">
        <v>10</v>
      </c>
      <c r="F2" s="1" t="s">
        <v>11</v>
      </c>
      <c r="G2" s="1" t="s">
        <v>12</v>
      </c>
      <c r="H2" s="1" t="s">
        <v>13</v>
      </c>
      <c r="I2" s="1" t="s">
        <v>14</v>
      </c>
      <c r="J2" s="1" t="s">
        <v>13</v>
      </c>
    </row>
    <row r="3" spans="1:10" x14ac:dyDescent="0.35">
      <c r="A3" s="1" t="s">
        <v>6</v>
      </c>
      <c r="B3" s="1" t="s">
        <v>7</v>
      </c>
      <c r="C3" s="1" t="s">
        <v>15</v>
      </c>
      <c r="D3" s="1" t="s">
        <v>16</v>
      </c>
      <c r="E3" s="1" t="s">
        <v>17</v>
      </c>
      <c r="F3" s="1" t="s">
        <v>18</v>
      </c>
      <c r="G3" s="1" t="s">
        <v>12</v>
      </c>
      <c r="H3" s="1" t="s">
        <v>13</v>
      </c>
      <c r="I3" s="1" t="s">
        <v>14</v>
      </c>
      <c r="J3" s="1" t="s">
        <v>19</v>
      </c>
    </row>
    <row r="4" spans="1:10" x14ac:dyDescent="0.35">
      <c r="A4" s="1" t="s">
        <v>6</v>
      </c>
      <c r="B4" s="1" t="s">
        <v>7</v>
      </c>
      <c r="C4" s="1" t="s">
        <v>20</v>
      </c>
      <c r="D4" s="1" t="s">
        <v>21</v>
      </c>
      <c r="E4" s="1" t="s">
        <v>22</v>
      </c>
      <c r="F4" s="1" t="s">
        <v>23</v>
      </c>
      <c r="G4" s="1" t="s">
        <v>12</v>
      </c>
      <c r="H4" s="1" t="s">
        <v>13</v>
      </c>
      <c r="I4" s="1" t="s">
        <v>14</v>
      </c>
      <c r="J4" s="1" t="s">
        <v>24</v>
      </c>
    </row>
    <row r="5" spans="1:10" x14ac:dyDescent="0.35">
      <c r="A5" s="1" t="s">
        <v>6</v>
      </c>
      <c r="B5" s="1" t="s">
        <v>7</v>
      </c>
      <c r="C5" s="1" t="s">
        <v>25</v>
      </c>
      <c r="D5" s="1" t="s">
        <v>26</v>
      </c>
      <c r="E5" s="1" t="s">
        <v>27</v>
      </c>
      <c r="F5" s="1" t="s">
        <v>28</v>
      </c>
      <c r="G5" s="1" t="s">
        <v>12</v>
      </c>
      <c r="H5" s="1" t="s">
        <v>13</v>
      </c>
      <c r="I5" s="1" t="s">
        <v>14</v>
      </c>
      <c r="J5" s="1" t="s">
        <v>29</v>
      </c>
    </row>
    <row r="6" spans="1:10" x14ac:dyDescent="0.35">
      <c r="A6" s="1" t="s">
        <v>6</v>
      </c>
      <c r="B6" s="1" t="s">
        <v>7</v>
      </c>
      <c r="C6" s="1" t="s">
        <v>30</v>
      </c>
      <c r="D6" s="1" t="s">
        <v>31</v>
      </c>
      <c r="E6" s="1" t="s">
        <v>32</v>
      </c>
      <c r="F6" s="1" t="s">
        <v>33</v>
      </c>
      <c r="G6" s="1" t="s">
        <v>12</v>
      </c>
      <c r="H6" s="1" t="s">
        <v>13</v>
      </c>
      <c r="I6" s="1" t="s">
        <v>14</v>
      </c>
      <c r="J6" s="1" t="s">
        <v>34</v>
      </c>
    </row>
    <row r="7" spans="1:10" x14ac:dyDescent="0.35">
      <c r="A7" s="1" t="s">
        <v>6</v>
      </c>
      <c r="B7" s="1" t="s">
        <v>7</v>
      </c>
      <c r="C7" s="1" t="s">
        <v>35</v>
      </c>
      <c r="D7" s="1" t="s">
        <v>36</v>
      </c>
      <c r="E7" s="1" t="s">
        <v>37</v>
      </c>
      <c r="F7" s="1" t="s">
        <v>38</v>
      </c>
      <c r="G7" s="1" t="s">
        <v>12</v>
      </c>
      <c r="H7" s="1" t="s">
        <v>13</v>
      </c>
      <c r="I7" s="1" t="s">
        <v>14</v>
      </c>
      <c r="J7" s="1" t="s">
        <v>39</v>
      </c>
    </row>
    <row r="8" spans="1:10" x14ac:dyDescent="0.35">
      <c r="A8" s="1" t="s">
        <v>6</v>
      </c>
      <c r="B8" s="1" t="s">
        <v>7</v>
      </c>
      <c r="C8" s="1" t="s">
        <v>40</v>
      </c>
      <c r="D8" s="1" t="s">
        <v>41</v>
      </c>
      <c r="E8" s="1" t="s">
        <v>42</v>
      </c>
      <c r="F8" s="1" t="s">
        <v>43</v>
      </c>
      <c r="G8" s="1" t="s">
        <v>12</v>
      </c>
      <c r="H8" s="1" t="s">
        <v>13</v>
      </c>
      <c r="I8" s="1" t="s">
        <v>14</v>
      </c>
      <c r="J8" s="1" t="s">
        <v>44</v>
      </c>
    </row>
    <row r="9" spans="1:10" x14ac:dyDescent="0.35">
      <c r="A9" s="1" t="s">
        <v>6</v>
      </c>
      <c r="B9" s="1" t="s">
        <v>7</v>
      </c>
      <c r="C9" s="1" t="s">
        <v>45</v>
      </c>
      <c r="D9" s="1" t="s">
        <v>46</v>
      </c>
      <c r="E9" s="1" t="s">
        <v>47</v>
      </c>
      <c r="F9" s="1" t="s">
        <v>48</v>
      </c>
      <c r="G9" s="1" t="s">
        <v>12</v>
      </c>
      <c r="H9" s="1" t="s">
        <v>13</v>
      </c>
      <c r="I9" s="1" t="s">
        <v>14</v>
      </c>
      <c r="J9" s="1" t="s">
        <v>49</v>
      </c>
    </row>
    <row r="10" spans="1:10" x14ac:dyDescent="0.35">
      <c r="A10" s="1" t="s">
        <v>6</v>
      </c>
      <c r="B10" s="1" t="s">
        <v>7</v>
      </c>
      <c r="C10" s="1" t="s">
        <v>50</v>
      </c>
      <c r="D10" s="1" t="s">
        <v>51</v>
      </c>
      <c r="E10" s="1" t="s">
        <v>52</v>
      </c>
      <c r="F10" s="1" t="s">
        <v>53</v>
      </c>
      <c r="G10" s="1" t="s">
        <v>12</v>
      </c>
      <c r="H10" s="1" t="s">
        <v>13</v>
      </c>
      <c r="I10" s="1" t="s">
        <v>14</v>
      </c>
      <c r="J10" s="1" t="s">
        <v>54</v>
      </c>
    </row>
    <row r="11" spans="1:10" x14ac:dyDescent="0.35">
      <c r="A11" s="1" t="s">
        <v>6</v>
      </c>
      <c r="B11" s="1" t="s">
        <v>7</v>
      </c>
      <c r="C11" s="1" t="s">
        <v>55</v>
      </c>
      <c r="D11" s="1" t="s">
        <v>56</v>
      </c>
      <c r="E11" s="1" t="s">
        <v>57</v>
      </c>
      <c r="F11" s="1" t="s">
        <v>58</v>
      </c>
      <c r="G11" s="1" t="s">
        <v>12</v>
      </c>
      <c r="H11" s="1" t="s">
        <v>13</v>
      </c>
      <c r="I11" s="1" t="s">
        <v>14</v>
      </c>
      <c r="J11" s="1" t="s">
        <v>59</v>
      </c>
    </row>
    <row r="12" spans="1:10" x14ac:dyDescent="0.35">
      <c r="A12" s="1" t="s">
        <v>6</v>
      </c>
      <c r="B12" s="1" t="s">
        <v>7</v>
      </c>
      <c r="C12" s="1" t="s">
        <v>60</v>
      </c>
      <c r="D12" s="1" t="s">
        <v>61</v>
      </c>
      <c r="E12" s="1" t="s">
        <v>62</v>
      </c>
      <c r="F12" s="1" t="s">
        <v>63</v>
      </c>
      <c r="G12" s="1" t="s">
        <v>12</v>
      </c>
      <c r="H12" s="1" t="s">
        <v>13</v>
      </c>
      <c r="I12" s="1" t="s">
        <v>14</v>
      </c>
      <c r="J12" s="1" t="s">
        <v>64</v>
      </c>
    </row>
    <row r="13" spans="1:10" x14ac:dyDescent="0.35">
      <c r="A13" s="1" t="s">
        <v>6</v>
      </c>
      <c r="B13" s="1" t="s">
        <v>7</v>
      </c>
      <c r="C13" s="1" t="s">
        <v>65</v>
      </c>
      <c r="D13" s="1" t="s">
        <v>66</v>
      </c>
      <c r="E13" s="1" t="s">
        <v>67</v>
      </c>
      <c r="F13" s="1" t="s">
        <v>68</v>
      </c>
      <c r="G13" s="1" t="s">
        <v>12</v>
      </c>
      <c r="H13" s="1" t="s">
        <v>13</v>
      </c>
      <c r="I13" s="1" t="s">
        <v>14</v>
      </c>
      <c r="J13" s="1" t="s">
        <v>69</v>
      </c>
    </row>
    <row r="14" spans="1:10" x14ac:dyDescent="0.35">
      <c r="A14" s="1" t="s">
        <v>6</v>
      </c>
      <c r="B14" s="1" t="s">
        <v>7</v>
      </c>
      <c r="C14" s="1" t="s">
        <v>70</v>
      </c>
      <c r="D14" s="1" t="s">
        <v>71</v>
      </c>
      <c r="E14" s="1" t="s">
        <v>72</v>
      </c>
      <c r="F14" s="1" t="s">
        <v>73</v>
      </c>
      <c r="G14" s="1" t="s">
        <v>12</v>
      </c>
      <c r="H14" s="1" t="s">
        <v>13</v>
      </c>
      <c r="I14" s="1" t="s">
        <v>14</v>
      </c>
      <c r="J14" s="1" t="s">
        <v>74</v>
      </c>
    </row>
    <row r="15" spans="1:10" x14ac:dyDescent="0.35">
      <c r="A15" s="1" t="s">
        <v>6</v>
      </c>
      <c r="B15" s="1" t="s">
        <v>7</v>
      </c>
      <c r="C15" s="1" t="s">
        <v>75</v>
      </c>
      <c r="D15" s="1" t="s">
        <v>76</v>
      </c>
      <c r="E15" s="1" t="s">
        <v>77</v>
      </c>
      <c r="F15" s="1" t="s">
        <v>78</v>
      </c>
      <c r="G15" s="1" t="s">
        <v>12</v>
      </c>
      <c r="H15" s="1" t="s">
        <v>13</v>
      </c>
      <c r="I15" s="1" t="s">
        <v>14</v>
      </c>
      <c r="J15" s="1" t="s">
        <v>79</v>
      </c>
    </row>
    <row r="16" spans="1:10" x14ac:dyDescent="0.35">
      <c r="A16" s="1" t="s">
        <v>6</v>
      </c>
      <c r="B16" s="1" t="s">
        <v>7</v>
      </c>
      <c r="C16" s="1" t="s">
        <v>80</v>
      </c>
      <c r="D16" s="1" t="s">
        <v>81</v>
      </c>
      <c r="E16" s="1" t="s">
        <v>82</v>
      </c>
      <c r="F16" s="1" t="s">
        <v>83</v>
      </c>
      <c r="G16" s="1" t="s">
        <v>12</v>
      </c>
      <c r="H16" s="1" t="s">
        <v>13</v>
      </c>
      <c r="I16" s="1" t="s">
        <v>14</v>
      </c>
      <c r="J16" s="1" t="s">
        <v>84</v>
      </c>
    </row>
    <row r="17" spans="1:10" x14ac:dyDescent="0.35">
      <c r="A17" s="1" t="s">
        <v>6</v>
      </c>
      <c r="B17" s="1" t="s">
        <v>7</v>
      </c>
      <c r="C17" s="1" t="s">
        <v>85</v>
      </c>
      <c r="D17" s="1" t="s">
        <v>86</v>
      </c>
      <c r="E17" s="1" t="s">
        <v>87</v>
      </c>
      <c r="F17" s="1" t="s">
        <v>88</v>
      </c>
      <c r="G17" s="1" t="s">
        <v>12</v>
      </c>
      <c r="H17" s="1" t="s">
        <v>13</v>
      </c>
      <c r="I17" s="1" t="s">
        <v>14</v>
      </c>
      <c r="J17" s="1" t="s">
        <v>89</v>
      </c>
    </row>
    <row r="18" spans="1:10" x14ac:dyDescent="0.35">
      <c r="A18" s="1" t="s">
        <v>6</v>
      </c>
      <c r="B18" s="1" t="s">
        <v>7</v>
      </c>
      <c r="C18" s="1" t="s">
        <v>90</v>
      </c>
      <c r="D18" s="1" t="s">
        <v>91</v>
      </c>
      <c r="E18" s="1" t="s">
        <v>92</v>
      </c>
      <c r="F18" s="1" t="s">
        <v>93</v>
      </c>
      <c r="G18" s="1" t="s">
        <v>12</v>
      </c>
      <c r="H18" s="1" t="s">
        <v>13</v>
      </c>
      <c r="I18" s="1" t="s">
        <v>14</v>
      </c>
      <c r="J18" s="1" t="s">
        <v>94</v>
      </c>
    </row>
    <row r="19" spans="1:10" x14ac:dyDescent="0.35">
      <c r="A19" s="1" t="s">
        <v>6</v>
      </c>
      <c r="B19" s="1" t="s">
        <v>7</v>
      </c>
      <c r="C19" s="1" t="s">
        <v>95</v>
      </c>
      <c r="D19" s="1" t="s">
        <v>96</v>
      </c>
      <c r="E19" s="1" t="s">
        <v>97</v>
      </c>
      <c r="F19" s="1" t="s">
        <v>98</v>
      </c>
      <c r="G19" s="1" t="s">
        <v>12</v>
      </c>
      <c r="H19" s="1" t="s">
        <v>13</v>
      </c>
      <c r="I19" s="1" t="s">
        <v>14</v>
      </c>
      <c r="J19" s="1" t="s">
        <v>99</v>
      </c>
    </row>
    <row r="20" spans="1:10" x14ac:dyDescent="0.35">
      <c r="A20" s="1" t="s">
        <v>6</v>
      </c>
      <c r="B20" s="1" t="s">
        <v>7</v>
      </c>
      <c r="C20" s="1" t="s">
        <v>100</v>
      </c>
      <c r="D20" s="1" t="s">
        <v>101</v>
      </c>
      <c r="E20" s="1" t="s">
        <v>102</v>
      </c>
      <c r="F20" s="1" t="s">
        <v>103</v>
      </c>
      <c r="G20" s="1" t="s">
        <v>12</v>
      </c>
      <c r="H20" s="1" t="s">
        <v>13</v>
      </c>
      <c r="I20" s="1" t="s">
        <v>14</v>
      </c>
      <c r="J20" s="1" t="s">
        <v>104</v>
      </c>
    </row>
    <row r="21" spans="1:10" x14ac:dyDescent="0.35">
      <c r="A21" s="1" t="s">
        <v>6</v>
      </c>
      <c r="B21" s="1" t="s">
        <v>7</v>
      </c>
      <c r="C21" s="1" t="s">
        <v>105</v>
      </c>
      <c r="D21" s="1" t="s">
        <v>106</v>
      </c>
      <c r="E21" s="1" t="s">
        <v>107</v>
      </c>
      <c r="F21" s="1" t="s">
        <v>108</v>
      </c>
      <c r="G21" s="1" t="s">
        <v>12</v>
      </c>
      <c r="H21" s="1" t="s">
        <v>13</v>
      </c>
      <c r="I21" s="1" t="s">
        <v>14</v>
      </c>
      <c r="J21" s="1" t="s">
        <v>109</v>
      </c>
    </row>
    <row r="22" spans="1:10" x14ac:dyDescent="0.35">
      <c r="A22" s="1" t="s">
        <v>6</v>
      </c>
      <c r="B22" s="1" t="s">
        <v>7</v>
      </c>
      <c r="C22" s="1" t="s">
        <v>110</v>
      </c>
      <c r="D22" s="1" t="s">
        <v>111</v>
      </c>
      <c r="E22" s="1" t="s">
        <v>112</v>
      </c>
      <c r="F22" s="1" t="s">
        <v>113</v>
      </c>
      <c r="G22" s="1" t="s">
        <v>12</v>
      </c>
      <c r="H22" s="1" t="s">
        <v>13</v>
      </c>
      <c r="I22" s="1" t="s">
        <v>14</v>
      </c>
      <c r="J22" s="1" t="s">
        <v>114</v>
      </c>
    </row>
    <row r="23" spans="1:10" x14ac:dyDescent="0.35">
      <c r="A23" s="1" t="s">
        <v>6</v>
      </c>
      <c r="B23" s="1" t="s">
        <v>7</v>
      </c>
      <c r="C23" s="1" t="s">
        <v>115</v>
      </c>
      <c r="D23" s="1" t="s">
        <v>116</v>
      </c>
      <c r="E23" s="1" t="s">
        <v>117</v>
      </c>
      <c r="F23" s="1" t="s">
        <v>118</v>
      </c>
      <c r="G23" s="1" t="s">
        <v>12</v>
      </c>
      <c r="H23" s="1" t="s">
        <v>13</v>
      </c>
      <c r="I23" s="1" t="s">
        <v>14</v>
      </c>
      <c r="J23" s="1" t="s">
        <v>119</v>
      </c>
    </row>
    <row r="24" spans="1:10" x14ac:dyDescent="0.35">
      <c r="A24" s="1" t="s">
        <v>6</v>
      </c>
      <c r="B24" s="1" t="s">
        <v>7</v>
      </c>
      <c r="C24" s="1" t="s">
        <v>120</v>
      </c>
      <c r="D24" s="1" t="s">
        <v>121</v>
      </c>
      <c r="E24" s="1" t="s">
        <v>122</v>
      </c>
      <c r="F24" s="1" t="s">
        <v>123</v>
      </c>
      <c r="G24" s="1" t="s">
        <v>12</v>
      </c>
      <c r="H24" s="1" t="s">
        <v>13</v>
      </c>
      <c r="I24" s="1" t="s">
        <v>14</v>
      </c>
      <c r="J24" s="1" t="s">
        <v>124</v>
      </c>
    </row>
    <row r="25" spans="1:10" x14ac:dyDescent="0.35">
      <c r="A25" s="1" t="s">
        <v>6</v>
      </c>
      <c r="B25" s="1" t="s">
        <v>7</v>
      </c>
      <c r="C25" s="1" t="s">
        <v>125</v>
      </c>
      <c r="D25" s="1" t="s">
        <v>126</v>
      </c>
      <c r="E25" s="1" t="s">
        <v>127</v>
      </c>
      <c r="F25" s="1" t="s">
        <v>128</v>
      </c>
      <c r="G25" s="1" t="s">
        <v>12</v>
      </c>
      <c r="H25" s="1" t="s">
        <v>13</v>
      </c>
      <c r="I25" s="1" t="s">
        <v>14</v>
      </c>
      <c r="J25" s="1" t="s">
        <v>129</v>
      </c>
    </row>
    <row r="26" spans="1:10" x14ac:dyDescent="0.35">
      <c r="A26" s="1" t="s">
        <v>6</v>
      </c>
      <c r="B26" s="1" t="s">
        <v>7</v>
      </c>
      <c r="C26" s="1" t="s">
        <v>130</v>
      </c>
      <c r="D26" s="1" t="s">
        <v>131</v>
      </c>
      <c r="E26" s="1" t="s">
        <v>132</v>
      </c>
      <c r="F26" s="1" t="s">
        <v>133</v>
      </c>
      <c r="G26" s="1" t="s">
        <v>12</v>
      </c>
      <c r="H26" s="1" t="s">
        <v>13</v>
      </c>
      <c r="I26" s="1" t="s">
        <v>14</v>
      </c>
      <c r="J26" s="1" t="s">
        <v>134</v>
      </c>
    </row>
    <row r="27" spans="1:10" x14ac:dyDescent="0.35">
      <c r="A27" s="1" t="s">
        <v>6</v>
      </c>
      <c r="B27" s="1" t="s">
        <v>7</v>
      </c>
      <c r="C27" s="1" t="s">
        <v>135</v>
      </c>
      <c r="D27" s="1" t="s">
        <v>136</v>
      </c>
      <c r="E27" s="1" t="s">
        <v>137</v>
      </c>
      <c r="F27" s="1" t="s">
        <v>138</v>
      </c>
      <c r="G27" s="1" t="s">
        <v>12</v>
      </c>
      <c r="H27" s="1" t="s">
        <v>13</v>
      </c>
      <c r="I27" s="1" t="s">
        <v>14</v>
      </c>
      <c r="J27" s="1" t="s">
        <v>139</v>
      </c>
    </row>
    <row r="28" spans="1:10" x14ac:dyDescent="0.35">
      <c r="A28" s="1" t="s">
        <v>6</v>
      </c>
      <c r="B28" s="1" t="s">
        <v>7</v>
      </c>
      <c r="C28" s="1" t="s">
        <v>140</v>
      </c>
      <c r="D28" s="1" t="s">
        <v>141</v>
      </c>
      <c r="E28" s="1" t="s">
        <v>142</v>
      </c>
      <c r="F28" s="1" t="s">
        <v>143</v>
      </c>
      <c r="G28" s="1" t="s">
        <v>12</v>
      </c>
      <c r="H28" s="1" t="s">
        <v>13</v>
      </c>
      <c r="I28" s="1" t="s">
        <v>14</v>
      </c>
      <c r="J28" s="1" t="s">
        <v>144</v>
      </c>
    </row>
    <row r="29" spans="1:10" x14ac:dyDescent="0.35">
      <c r="A29" s="1" t="s">
        <v>6</v>
      </c>
      <c r="B29" s="1" t="s">
        <v>7</v>
      </c>
      <c r="C29" s="1" t="s">
        <v>145</v>
      </c>
      <c r="D29" s="1" t="s">
        <v>146</v>
      </c>
      <c r="E29" s="1" t="s">
        <v>147</v>
      </c>
      <c r="F29" s="1" t="s">
        <v>148</v>
      </c>
      <c r="G29" s="1" t="s">
        <v>12</v>
      </c>
      <c r="H29" s="1" t="s">
        <v>13</v>
      </c>
      <c r="I29" s="1" t="s">
        <v>14</v>
      </c>
      <c r="J29" s="1" t="s">
        <v>149</v>
      </c>
    </row>
    <row r="30" spans="1:10" x14ac:dyDescent="0.35">
      <c r="A30" s="1" t="s">
        <v>6</v>
      </c>
      <c r="B30" s="1" t="s">
        <v>7</v>
      </c>
      <c r="C30" s="1" t="s">
        <v>150</v>
      </c>
      <c r="D30" s="1" t="s">
        <v>151</v>
      </c>
      <c r="E30" s="1" t="s">
        <v>152</v>
      </c>
      <c r="F30" s="1" t="s">
        <v>153</v>
      </c>
      <c r="G30" s="1" t="s">
        <v>12</v>
      </c>
      <c r="H30" s="1" t="s">
        <v>13</v>
      </c>
      <c r="I30" s="1" t="s">
        <v>14</v>
      </c>
      <c r="J30" s="1" t="s">
        <v>154</v>
      </c>
    </row>
    <row r="31" spans="1:10" x14ac:dyDescent="0.35">
      <c r="A31" s="1" t="s">
        <v>6</v>
      </c>
      <c r="B31" s="1" t="s">
        <v>7</v>
      </c>
      <c r="C31" s="1" t="s">
        <v>155</v>
      </c>
      <c r="D31" s="1" t="s">
        <v>156</v>
      </c>
      <c r="E31" s="1" t="s">
        <v>157</v>
      </c>
      <c r="F31" s="1" t="s">
        <v>158</v>
      </c>
      <c r="G31" s="1" t="s">
        <v>12</v>
      </c>
      <c r="H31" s="1" t="s">
        <v>13</v>
      </c>
      <c r="I31" s="1" t="s">
        <v>14</v>
      </c>
      <c r="J31" s="1" t="s">
        <v>159</v>
      </c>
    </row>
    <row r="32" spans="1:10" x14ac:dyDescent="0.35">
      <c r="A32" s="1" t="s">
        <v>6</v>
      </c>
      <c r="B32" s="1" t="s">
        <v>7</v>
      </c>
      <c r="C32" s="1" t="s">
        <v>160</v>
      </c>
      <c r="D32" s="1" t="s">
        <v>161</v>
      </c>
      <c r="E32" s="1" t="s">
        <v>162</v>
      </c>
      <c r="F32" s="1" t="s">
        <v>163</v>
      </c>
      <c r="G32" s="1" t="s">
        <v>12</v>
      </c>
      <c r="H32" s="1" t="s">
        <v>13</v>
      </c>
      <c r="I32" s="1" t="s">
        <v>14</v>
      </c>
      <c r="J32" s="1" t="s">
        <v>164</v>
      </c>
    </row>
    <row r="33" spans="1:10" x14ac:dyDescent="0.35">
      <c r="A33" s="1" t="s">
        <v>6</v>
      </c>
      <c r="B33" s="1" t="s">
        <v>7</v>
      </c>
      <c r="C33" s="1" t="s">
        <v>165</v>
      </c>
      <c r="D33" s="1" t="s">
        <v>166</v>
      </c>
      <c r="E33" s="1" t="s">
        <v>167</v>
      </c>
      <c r="F33" s="1" t="s">
        <v>168</v>
      </c>
      <c r="G33" s="1" t="s">
        <v>12</v>
      </c>
      <c r="H33" s="1" t="s">
        <v>13</v>
      </c>
      <c r="I33" s="1" t="s">
        <v>14</v>
      </c>
      <c r="J33" s="1" t="s">
        <v>169</v>
      </c>
    </row>
    <row r="34" spans="1:10" x14ac:dyDescent="0.35">
      <c r="A34" s="1" t="s">
        <v>6</v>
      </c>
      <c r="B34" s="1" t="s">
        <v>7</v>
      </c>
      <c r="C34" s="1" t="s">
        <v>170</v>
      </c>
      <c r="D34" s="1" t="s">
        <v>171</v>
      </c>
      <c r="E34" s="1" t="s">
        <v>172</v>
      </c>
      <c r="F34" s="1" t="s">
        <v>173</v>
      </c>
      <c r="G34" s="1" t="s">
        <v>12</v>
      </c>
      <c r="H34" s="1" t="s">
        <v>13</v>
      </c>
      <c r="I34" s="1" t="s">
        <v>14</v>
      </c>
      <c r="J34" s="1" t="s">
        <v>174</v>
      </c>
    </row>
    <row r="35" spans="1:10" x14ac:dyDescent="0.35">
      <c r="A35" s="1" t="s">
        <v>175</v>
      </c>
      <c r="B35" s="1" t="s">
        <v>176</v>
      </c>
      <c r="C35" s="1" t="s">
        <v>8</v>
      </c>
      <c r="D35" s="1" t="s">
        <v>177</v>
      </c>
      <c r="E35" s="1" t="s">
        <v>178</v>
      </c>
      <c r="F35" s="1" t="s">
        <v>179</v>
      </c>
      <c r="G35" s="1" t="s">
        <v>180</v>
      </c>
      <c r="H35" s="1" t="s">
        <v>13</v>
      </c>
      <c r="I35" s="1" t="s">
        <v>181</v>
      </c>
      <c r="J35" s="1" t="s">
        <v>13</v>
      </c>
    </row>
    <row r="36" spans="1:10" x14ac:dyDescent="0.35">
      <c r="A36" s="1" t="s">
        <v>175</v>
      </c>
      <c r="B36" s="1" t="s">
        <v>176</v>
      </c>
      <c r="C36" s="1" t="s">
        <v>15</v>
      </c>
      <c r="D36" s="1" t="s">
        <v>182</v>
      </c>
      <c r="E36" s="1" t="s">
        <v>183</v>
      </c>
      <c r="F36" s="1" t="s">
        <v>184</v>
      </c>
      <c r="G36" s="1" t="s">
        <v>180</v>
      </c>
      <c r="H36" s="1" t="s">
        <v>13</v>
      </c>
      <c r="I36" s="1" t="s">
        <v>181</v>
      </c>
      <c r="J36" s="1" t="s">
        <v>185</v>
      </c>
    </row>
    <row r="37" spans="1:10" x14ac:dyDescent="0.35">
      <c r="A37" s="1" t="s">
        <v>175</v>
      </c>
      <c r="B37" s="1" t="s">
        <v>176</v>
      </c>
      <c r="C37" s="1" t="s">
        <v>20</v>
      </c>
      <c r="D37" s="1" t="s">
        <v>186</v>
      </c>
      <c r="E37" s="1" t="s">
        <v>187</v>
      </c>
      <c r="F37" s="1" t="s">
        <v>188</v>
      </c>
      <c r="G37" s="1" t="s">
        <v>180</v>
      </c>
      <c r="H37" s="1" t="s">
        <v>13</v>
      </c>
      <c r="I37" s="1" t="s">
        <v>181</v>
      </c>
      <c r="J37" s="1" t="s">
        <v>189</v>
      </c>
    </row>
    <row r="38" spans="1:10" x14ac:dyDescent="0.35">
      <c r="A38" s="1" t="s">
        <v>175</v>
      </c>
      <c r="B38" s="1" t="s">
        <v>176</v>
      </c>
      <c r="C38" s="1" t="s">
        <v>25</v>
      </c>
      <c r="D38" s="1" t="s">
        <v>190</v>
      </c>
      <c r="E38" s="1" t="s">
        <v>191</v>
      </c>
      <c r="F38" s="1" t="s">
        <v>192</v>
      </c>
      <c r="G38" s="1" t="s">
        <v>180</v>
      </c>
      <c r="H38" s="1" t="s">
        <v>13</v>
      </c>
      <c r="I38" s="1" t="s">
        <v>181</v>
      </c>
      <c r="J38" s="1" t="s">
        <v>193</v>
      </c>
    </row>
    <row r="39" spans="1:10" x14ac:dyDescent="0.35">
      <c r="A39" s="1" t="s">
        <v>175</v>
      </c>
      <c r="B39" s="1" t="s">
        <v>176</v>
      </c>
      <c r="C39" s="1" t="s">
        <v>30</v>
      </c>
      <c r="D39" s="1" t="s">
        <v>194</v>
      </c>
      <c r="E39" s="1" t="s">
        <v>195</v>
      </c>
      <c r="F39" s="1" t="s">
        <v>196</v>
      </c>
      <c r="G39" s="1" t="s">
        <v>180</v>
      </c>
      <c r="H39" s="1" t="s">
        <v>13</v>
      </c>
      <c r="I39" s="1" t="s">
        <v>181</v>
      </c>
      <c r="J39" s="1" t="s">
        <v>197</v>
      </c>
    </row>
    <row r="40" spans="1:10" x14ac:dyDescent="0.35">
      <c r="A40" s="1" t="s">
        <v>175</v>
      </c>
      <c r="B40" s="1" t="s">
        <v>176</v>
      </c>
      <c r="C40" s="1" t="s">
        <v>35</v>
      </c>
      <c r="D40" s="1" t="s">
        <v>198</v>
      </c>
      <c r="E40" s="1" t="s">
        <v>199</v>
      </c>
      <c r="F40" s="1" t="s">
        <v>200</v>
      </c>
      <c r="G40" s="1" t="s">
        <v>180</v>
      </c>
      <c r="H40" s="1" t="s">
        <v>13</v>
      </c>
      <c r="I40" s="1" t="s">
        <v>181</v>
      </c>
      <c r="J40" s="1" t="s">
        <v>201</v>
      </c>
    </row>
    <row r="41" spans="1:10" x14ac:dyDescent="0.35">
      <c r="A41" s="1" t="s">
        <v>175</v>
      </c>
      <c r="B41" s="1" t="s">
        <v>176</v>
      </c>
      <c r="C41" s="1" t="s">
        <v>40</v>
      </c>
      <c r="D41" s="1" t="s">
        <v>202</v>
      </c>
      <c r="E41" s="1" t="s">
        <v>203</v>
      </c>
      <c r="F41" s="1" t="s">
        <v>204</v>
      </c>
      <c r="G41" s="1" t="s">
        <v>180</v>
      </c>
      <c r="H41" s="1" t="s">
        <v>13</v>
      </c>
      <c r="I41" s="1" t="s">
        <v>181</v>
      </c>
      <c r="J41" s="1" t="s">
        <v>205</v>
      </c>
    </row>
    <row r="42" spans="1:10" x14ac:dyDescent="0.35">
      <c r="A42" s="1" t="s">
        <v>175</v>
      </c>
      <c r="B42" s="1" t="s">
        <v>176</v>
      </c>
      <c r="C42" s="1" t="s">
        <v>45</v>
      </c>
      <c r="D42" s="1" t="s">
        <v>206</v>
      </c>
      <c r="E42" s="1" t="s">
        <v>207</v>
      </c>
      <c r="F42" s="1" t="s">
        <v>208</v>
      </c>
      <c r="G42" s="1" t="s">
        <v>180</v>
      </c>
      <c r="H42" s="1" t="s">
        <v>13</v>
      </c>
      <c r="I42" s="1" t="s">
        <v>181</v>
      </c>
      <c r="J42" s="1" t="s">
        <v>209</v>
      </c>
    </row>
    <row r="43" spans="1:10" x14ac:dyDescent="0.35">
      <c r="A43" s="1" t="s">
        <v>175</v>
      </c>
      <c r="B43" s="1" t="s">
        <v>176</v>
      </c>
      <c r="C43" s="1" t="s">
        <v>50</v>
      </c>
      <c r="D43" s="1" t="s">
        <v>210</v>
      </c>
      <c r="E43" s="1" t="s">
        <v>211</v>
      </c>
      <c r="F43" s="1" t="s">
        <v>212</v>
      </c>
      <c r="G43" s="1" t="s">
        <v>180</v>
      </c>
      <c r="H43" s="1" t="s">
        <v>13</v>
      </c>
      <c r="I43" s="1" t="s">
        <v>181</v>
      </c>
      <c r="J43" s="1" t="s">
        <v>213</v>
      </c>
    </row>
    <row r="44" spans="1:10" x14ac:dyDescent="0.35">
      <c r="A44" s="1" t="s">
        <v>175</v>
      </c>
      <c r="B44" s="1" t="s">
        <v>176</v>
      </c>
      <c r="C44" s="1" t="s">
        <v>55</v>
      </c>
      <c r="D44" s="1" t="s">
        <v>214</v>
      </c>
      <c r="E44" s="1" t="s">
        <v>215</v>
      </c>
      <c r="F44" s="1" t="s">
        <v>216</v>
      </c>
      <c r="G44" s="1" t="s">
        <v>180</v>
      </c>
      <c r="H44" s="1" t="s">
        <v>13</v>
      </c>
      <c r="I44" s="1" t="s">
        <v>181</v>
      </c>
      <c r="J44" s="1" t="s">
        <v>217</v>
      </c>
    </row>
    <row r="45" spans="1:10" x14ac:dyDescent="0.35">
      <c r="A45" s="1" t="s">
        <v>175</v>
      </c>
      <c r="B45" s="1" t="s">
        <v>176</v>
      </c>
      <c r="C45" s="1" t="s">
        <v>60</v>
      </c>
      <c r="D45" s="1" t="s">
        <v>206</v>
      </c>
      <c r="E45" s="1" t="s">
        <v>218</v>
      </c>
      <c r="F45" s="1" t="s">
        <v>219</v>
      </c>
      <c r="G45" s="1" t="s">
        <v>180</v>
      </c>
      <c r="H45" s="1" t="s">
        <v>13</v>
      </c>
      <c r="I45" s="1" t="s">
        <v>181</v>
      </c>
      <c r="J45" s="1" t="s">
        <v>220</v>
      </c>
    </row>
    <row r="46" spans="1:10" x14ac:dyDescent="0.35">
      <c r="A46" s="1" t="s">
        <v>175</v>
      </c>
      <c r="B46" s="1" t="s">
        <v>176</v>
      </c>
      <c r="C46" s="1" t="s">
        <v>65</v>
      </c>
      <c r="D46" s="1" t="s">
        <v>221</v>
      </c>
      <c r="E46" s="1" t="s">
        <v>222</v>
      </c>
      <c r="F46" s="1" t="s">
        <v>223</v>
      </c>
      <c r="G46" s="1" t="s">
        <v>180</v>
      </c>
      <c r="H46" s="1" t="s">
        <v>13</v>
      </c>
      <c r="I46" s="1" t="s">
        <v>181</v>
      </c>
      <c r="J46" s="1" t="s">
        <v>224</v>
      </c>
    </row>
    <row r="47" spans="1:10" x14ac:dyDescent="0.35">
      <c r="A47" s="1" t="s">
        <v>175</v>
      </c>
      <c r="B47" s="1" t="s">
        <v>176</v>
      </c>
      <c r="C47" s="1" t="s">
        <v>70</v>
      </c>
      <c r="D47" s="1" t="s">
        <v>225</v>
      </c>
      <c r="E47" s="1" t="s">
        <v>226</v>
      </c>
      <c r="F47" s="1" t="s">
        <v>227</v>
      </c>
      <c r="G47" s="1" t="s">
        <v>180</v>
      </c>
      <c r="H47" s="1" t="s">
        <v>13</v>
      </c>
      <c r="I47" s="1" t="s">
        <v>181</v>
      </c>
      <c r="J47" s="1" t="s">
        <v>228</v>
      </c>
    </row>
    <row r="48" spans="1:10" x14ac:dyDescent="0.35">
      <c r="A48" s="1" t="s">
        <v>175</v>
      </c>
      <c r="B48" s="1" t="s">
        <v>176</v>
      </c>
      <c r="C48" s="1" t="s">
        <v>75</v>
      </c>
      <c r="D48" s="1" t="s">
        <v>229</v>
      </c>
      <c r="E48" s="1" t="s">
        <v>230</v>
      </c>
      <c r="F48" s="1" t="s">
        <v>231</v>
      </c>
      <c r="G48" s="1" t="s">
        <v>180</v>
      </c>
      <c r="H48" s="1" t="s">
        <v>13</v>
      </c>
      <c r="I48" s="1" t="s">
        <v>181</v>
      </c>
      <c r="J48" s="1" t="s">
        <v>232</v>
      </c>
    </row>
    <row r="49" spans="1:10" x14ac:dyDescent="0.35">
      <c r="A49" s="1" t="s">
        <v>175</v>
      </c>
      <c r="B49" s="1" t="s">
        <v>176</v>
      </c>
      <c r="C49" s="1" t="s">
        <v>80</v>
      </c>
      <c r="D49" s="1" t="s">
        <v>233</v>
      </c>
      <c r="E49" s="1" t="s">
        <v>234</v>
      </c>
      <c r="F49" s="1" t="s">
        <v>235</v>
      </c>
      <c r="G49" s="1" t="s">
        <v>180</v>
      </c>
      <c r="H49" s="1" t="s">
        <v>13</v>
      </c>
      <c r="I49" s="1" t="s">
        <v>181</v>
      </c>
      <c r="J49" s="1" t="s">
        <v>236</v>
      </c>
    </row>
    <row r="50" spans="1:10" x14ac:dyDescent="0.35">
      <c r="A50" s="1" t="s">
        <v>175</v>
      </c>
      <c r="B50" s="1" t="s">
        <v>176</v>
      </c>
      <c r="C50" s="1" t="s">
        <v>85</v>
      </c>
      <c r="D50" s="1" t="s">
        <v>237</v>
      </c>
      <c r="E50" s="1" t="s">
        <v>238</v>
      </c>
      <c r="F50" s="1" t="s">
        <v>239</v>
      </c>
      <c r="G50" s="1" t="s">
        <v>180</v>
      </c>
      <c r="H50" s="1" t="s">
        <v>13</v>
      </c>
      <c r="I50" s="1" t="s">
        <v>181</v>
      </c>
      <c r="J50" s="1" t="s">
        <v>240</v>
      </c>
    </row>
    <row r="51" spans="1:10" x14ac:dyDescent="0.35">
      <c r="A51" s="1" t="s">
        <v>175</v>
      </c>
      <c r="B51" s="1" t="s">
        <v>176</v>
      </c>
      <c r="C51" s="1" t="s">
        <v>90</v>
      </c>
      <c r="D51" s="1" t="s">
        <v>241</v>
      </c>
      <c r="E51" s="1" t="s">
        <v>242</v>
      </c>
      <c r="F51" s="1" t="s">
        <v>243</v>
      </c>
      <c r="G51" s="1" t="s">
        <v>180</v>
      </c>
      <c r="H51" s="1" t="s">
        <v>13</v>
      </c>
      <c r="I51" s="1" t="s">
        <v>181</v>
      </c>
      <c r="J51" s="1" t="s">
        <v>244</v>
      </c>
    </row>
    <row r="52" spans="1:10" x14ac:dyDescent="0.35">
      <c r="A52" s="1" t="s">
        <v>175</v>
      </c>
      <c r="B52" s="1" t="s">
        <v>176</v>
      </c>
      <c r="C52" s="1" t="s">
        <v>95</v>
      </c>
      <c r="D52" s="1" t="s">
        <v>245</v>
      </c>
      <c r="E52" s="1" t="s">
        <v>246</v>
      </c>
      <c r="F52" s="1" t="s">
        <v>247</v>
      </c>
      <c r="G52" s="1" t="s">
        <v>180</v>
      </c>
      <c r="H52" s="1" t="s">
        <v>13</v>
      </c>
      <c r="I52" s="1" t="s">
        <v>181</v>
      </c>
      <c r="J52" s="1" t="s">
        <v>248</v>
      </c>
    </row>
    <row r="53" spans="1:10" x14ac:dyDescent="0.35">
      <c r="A53" s="1" t="s">
        <v>175</v>
      </c>
      <c r="B53" s="1" t="s">
        <v>176</v>
      </c>
      <c r="C53" s="1" t="s">
        <v>100</v>
      </c>
      <c r="D53" s="1" t="s">
        <v>249</v>
      </c>
      <c r="E53" s="1" t="s">
        <v>250</v>
      </c>
      <c r="F53" s="1" t="s">
        <v>251</v>
      </c>
      <c r="G53" s="1" t="s">
        <v>180</v>
      </c>
      <c r="H53" s="1" t="s">
        <v>13</v>
      </c>
      <c r="I53" s="1" t="s">
        <v>181</v>
      </c>
      <c r="J53" s="1" t="s">
        <v>252</v>
      </c>
    </row>
    <row r="54" spans="1:10" x14ac:dyDescent="0.35">
      <c r="A54" s="1" t="s">
        <v>175</v>
      </c>
      <c r="B54" s="1" t="s">
        <v>176</v>
      </c>
      <c r="C54" s="1" t="s">
        <v>105</v>
      </c>
      <c r="D54" s="1" t="s">
        <v>253</v>
      </c>
      <c r="E54" s="1" t="s">
        <v>254</v>
      </c>
      <c r="F54" s="1" t="s">
        <v>255</v>
      </c>
      <c r="G54" s="1" t="s">
        <v>180</v>
      </c>
      <c r="H54" s="1" t="s">
        <v>13</v>
      </c>
      <c r="I54" s="1" t="s">
        <v>181</v>
      </c>
      <c r="J54" s="1" t="s">
        <v>256</v>
      </c>
    </row>
    <row r="55" spans="1:10" x14ac:dyDescent="0.35">
      <c r="A55" s="1" t="s">
        <v>175</v>
      </c>
      <c r="B55" s="1" t="s">
        <v>176</v>
      </c>
      <c r="C55" s="1" t="s">
        <v>110</v>
      </c>
      <c r="D55" s="1" t="s">
        <v>257</v>
      </c>
      <c r="E55" s="1" t="s">
        <v>258</v>
      </c>
      <c r="F55" s="1" t="s">
        <v>259</v>
      </c>
      <c r="G55" s="1" t="s">
        <v>180</v>
      </c>
      <c r="H55" s="1" t="s">
        <v>13</v>
      </c>
      <c r="I55" s="1" t="s">
        <v>181</v>
      </c>
      <c r="J55" s="1" t="s">
        <v>260</v>
      </c>
    </row>
    <row r="56" spans="1:10" x14ac:dyDescent="0.35">
      <c r="A56" s="1" t="s">
        <v>175</v>
      </c>
      <c r="B56" s="1" t="s">
        <v>176</v>
      </c>
      <c r="C56" s="1" t="s">
        <v>115</v>
      </c>
      <c r="D56" s="1" t="s">
        <v>261</v>
      </c>
      <c r="E56" s="1" t="s">
        <v>262</v>
      </c>
      <c r="F56" s="1" t="s">
        <v>263</v>
      </c>
      <c r="G56" s="1" t="s">
        <v>180</v>
      </c>
      <c r="H56" s="1" t="s">
        <v>13</v>
      </c>
      <c r="I56" s="1" t="s">
        <v>181</v>
      </c>
      <c r="J56" s="1" t="s">
        <v>264</v>
      </c>
    </row>
    <row r="57" spans="1:10" x14ac:dyDescent="0.35">
      <c r="A57" s="1" t="s">
        <v>175</v>
      </c>
      <c r="B57" s="1" t="s">
        <v>176</v>
      </c>
      <c r="C57" s="1" t="s">
        <v>120</v>
      </c>
      <c r="D57" s="1" t="s">
        <v>265</v>
      </c>
      <c r="E57" s="1" t="s">
        <v>266</v>
      </c>
      <c r="F57" s="1" t="s">
        <v>267</v>
      </c>
      <c r="G57" s="1" t="s">
        <v>180</v>
      </c>
      <c r="H57" s="1" t="s">
        <v>13</v>
      </c>
      <c r="I57" s="1" t="s">
        <v>181</v>
      </c>
      <c r="J57" s="1" t="s">
        <v>268</v>
      </c>
    </row>
    <row r="58" spans="1:10" x14ac:dyDescent="0.35">
      <c r="A58" s="1" t="s">
        <v>175</v>
      </c>
      <c r="B58" s="1" t="s">
        <v>176</v>
      </c>
      <c r="C58" s="1" t="s">
        <v>125</v>
      </c>
      <c r="D58" s="1" t="s">
        <v>269</v>
      </c>
      <c r="E58" s="1" t="s">
        <v>270</v>
      </c>
      <c r="F58" s="1" t="s">
        <v>271</v>
      </c>
      <c r="G58" s="1" t="s">
        <v>180</v>
      </c>
      <c r="H58" s="1" t="s">
        <v>13</v>
      </c>
      <c r="I58" s="1" t="s">
        <v>181</v>
      </c>
      <c r="J58" s="1" t="s">
        <v>272</v>
      </c>
    </row>
    <row r="59" spans="1:10" x14ac:dyDescent="0.35">
      <c r="A59" s="1" t="s">
        <v>175</v>
      </c>
      <c r="B59" s="1" t="s">
        <v>176</v>
      </c>
      <c r="C59" s="1" t="s">
        <v>130</v>
      </c>
      <c r="D59" s="1" t="s">
        <v>273</v>
      </c>
      <c r="E59" s="1" t="s">
        <v>274</v>
      </c>
      <c r="F59" s="1" t="s">
        <v>275</v>
      </c>
      <c r="G59" s="1" t="s">
        <v>180</v>
      </c>
      <c r="H59" s="1" t="s">
        <v>13</v>
      </c>
      <c r="I59" s="1" t="s">
        <v>181</v>
      </c>
      <c r="J59" s="1" t="s">
        <v>276</v>
      </c>
    </row>
    <row r="60" spans="1:10" x14ac:dyDescent="0.35">
      <c r="A60" s="1" t="s">
        <v>175</v>
      </c>
      <c r="B60" s="1" t="s">
        <v>176</v>
      </c>
      <c r="C60" s="1" t="s">
        <v>135</v>
      </c>
      <c r="D60" s="1" t="s">
        <v>277</v>
      </c>
      <c r="E60" s="1" t="s">
        <v>278</v>
      </c>
      <c r="F60" s="1" t="s">
        <v>279</v>
      </c>
      <c r="G60" s="1" t="s">
        <v>180</v>
      </c>
      <c r="H60" s="1" t="s">
        <v>13</v>
      </c>
      <c r="I60" s="1" t="s">
        <v>181</v>
      </c>
      <c r="J60" s="1" t="s">
        <v>280</v>
      </c>
    </row>
    <row r="61" spans="1:10" x14ac:dyDescent="0.35">
      <c r="A61" s="1" t="s">
        <v>175</v>
      </c>
      <c r="B61" s="1" t="s">
        <v>176</v>
      </c>
      <c r="C61" s="1" t="s">
        <v>140</v>
      </c>
      <c r="D61" s="1" t="s">
        <v>281</v>
      </c>
      <c r="E61" s="1" t="s">
        <v>282</v>
      </c>
      <c r="F61" s="1" t="s">
        <v>283</v>
      </c>
      <c r="G61" s="1" t="s">
        <v>180</v>
      </c>
      <c r="H61" s="1" t="s">
        <v>13</v>
      </c>
      <c r="I61" s="1" t="s">
        <v>181</v>
      </c>
      <c r="J61" s="1" t="s">
        <v>284</v>
      </c>
    </row>
    <row r="62" spans="1:10" x14ac:dyDescent="0.35">
      <c r="A62" s="1" t="s">
        <v>175</v>
      </c>
      <c r="B62" s="1" t="s">
        <v>176</v>
      </c>
      <c r="C62" s="1" t="s">
        <v>145</v>
      </c>
      <c r="D62" s="1" t="s">
        <v>285</v>
      </c>
      <c r="E62" s="1" t="s">
        <v>286</v>
      </c>
      <c r="F62" s="1" t="s">
        <v>287</v>
      </c>
      <c r="G62" s="1" t="s">
        <v>180</v>
      </c>
      <c r="H62" s="1" t="s">
        <v>13</v>
      </c>
      <c r="I62" s="1" t="s">
        <v>181</v>
      </c>
      <c r="J62" s="1" t="s">
        <v>288</v>
      </c>
    </row>
    <row r="63" spans="1:10" x14ac:dyDescent="0.35">
      <c r="A63" s="1" t="s">
        <v>175</v>
      </c>
      <c r="B63" s="1" t="s">
        <v>176</v>
      </c>
      <c r="C63" s="1" t="s">
        <v>150</v>
      </c>
      <c r="D63" s="1" t="s">
        <v>289</v>
      </c>
      <c r="E63" s="1" t="s">
        <v>290</v>
      </c>
      <c r="F63" s="1" t="s">
        <v>291</v>
      </c>
      <c r="G63" s="1" t="s">
        <v>180</v>
      </c>
      <c r="H63" s="1" t="s">
        <v>13</v>
      </c>
      <c r="I63" s="1" t="s">
        <v>181</v>
      </c>
      <c r="J63" s="1" t="s">
        <v>292</v>
      </c>
    </row>
    <row r="64" spans="1:10" x14ac:dyDescent="0.35">
      <c r="A64" s="1" t="s">
        <v>175</v>
      </c>
      <c r="B64" s="1" t="s">
        <v>176</v>
      </c>
      <c r="C64" s="1" t="s">
        <v>155</v>
      </c>
      <c r="D64" s="1" t="s">
        <v>293</v>
      </c>
      <c r="E64" s="1" t="s">
        <v>294</v>
      </c>
      <c r="F64" s="1" t="s">
        <v>295</v>
      </c>
      <c r="G64" s="1" t="s">
        <v>180</v>
      </c>
      <c r="H64" s="1" t="s">
        <v>13</v>
      </c>
      <c r="I64" s="1" t="s">
        <v>181</v>
      </c>
      <c r="J64" s="1" t="s">
        <v>296</v>
      </c>
    </row>
    <row r="65" spans="1:10" x14ac:dyDescent="0.35">
      <c r="A65" s="1" t="s">
        <v>175</v>
      </c>
      <c r="B65" s="1" t="s">
        <v>176</v>
      </c>
      <c r="C65" s="1" t="s">
        <v>160</v>
      </c>
      <c r="D65" s="1" t="s">
        <v>297</v>
      </c>
      <c r="E65" s="1" t="s">
        <v>298</v>
      </c>
      <c r="F65" s="1" t="s">
        <v>299</v>
      </c>
      <c r="G65" s="1" t="s">
        <v>180</v>
      </c>
      <c r="H65" s="1" t="s">
        <v>13</v>
      </c>
      <c r="I65" s="1" t="s">
        <v>181</v>
      </c>
      <c r="J65" s="1" t="s">
        <v>300</v>
      </c>
    </row>
    <row r="66" spans="1:10" x14ac:dyDescent="0.35">
      <c r="A66" s="1" t="s">
        <v>175</v>
      </c>
      <c r="B66" s="1" t="s">
        <v>176</v>
      </c>
      <c r="C66" s="1" t="s">
        <v>165</v>
      </c>
      <c r="D66" s="1" t="s">
        <v>301</v>
      </c>
      <c r="E66" s="1" t="s">
        <v>302</v>
      </c>
      <c r="F66" s="1" t="s">
        <v>303</v>
      </c>
      <c r="G66" s="1" t="s">
        <v>180</v>
      </c>
      <c r="H66" s="1" t="s">
        <v>13</v>
      </c>
      <c r="I66" s="1" t="s">
        <v>181</v>
      </c>
      <c r="J66" s="1" t="s">
        <v>304</v>
      </c>
    </row>
    <row r="67" spans="1:10" x14ac:dyDescent="0.35">
      <c r="A67" s="1" t="s">
        <v>175</v>
      </c>
      <c r="B67" s="1" t="s">
        <v>176</v>
      </c>
      <c r="C67" s="1" t="s">
        <v>170</v>
      </c>
      <c r="D67" s="1" t="s">
        <v>305</v>
      </c>
      <c r="E67" s="1" t="s">
        <v>306</v>
      </c>
      <c r="F67" s="1" t="s">
        <v>307</v>
      </c>
      <c r="G67" s="1" t="s">
        <v>180</v>
      </c>
      <c r="H67" s="1" t="s">
        <v>13</v>
      </c>
      <c r="I67" s="1" t="s">
        <v>181</v>
      </c>
      <c r="J67" s="1" t="s">
        <v>308</v>
      </c>
    </row>
    <row r="68" spans="1:10" x14ac:dyDescent="0.35">
      <c r="A68" s="1" t="s">
        <v>309</v>
      </c>
      <c r="B68" s="1" t="s">
        <v>310</v>
      </c>
      <c r="C68" s="1" t="s">
        <v>8</v>
      </c>
      <c r="D68" s="1" t="s">
        <v>311</v>
      </c>
      <c r="E68" s="1" t="s">
        <v>312</v>
      </c>
      <c r="F68" s="1" t="s">
        <v>313</v>
      </c>
      <c r="G68" s="1" t="s">
        <v>314</v>
      </c>
      <c r="H68" s="1" t="s">
        <v>13</v>
      </c>
      <c r="I68" s="1" t="s">
        <v>315</v>
      </c>
      <c r="J68" s="1" t="s">
        <v>13</v>
      </c>
    </row>
    <row r="69" spans="1:10" x14ac:dyDescent="0.35">
      <c r="A69" s="1" t="s">
        <v>309</v>
      </c>
      <c r="B69" s="1" t="s">
        <v>310</v>
      </c>
      <c r="C69" s="1" t="s">
        <v>15</v>
      </c>
      <c r="D69" s="1" t="s">
        <v>316</v>
      </c>
      <c r="E69" s="1" t="s">
        <v>317</v>
      </c>
      <c r="F69" s="1" t="s">
        <v>318</v>
      </c>
      <c r="G69" s="1" t="s">
        <v>314</v>
      </c>
      <c r="H69" s="1" t="s">
        <v>13</v>
      </c>
      <c r="I69" s="1" t="s">
        <v>315</v>
      </c>
      <c r="J69" s="1" t="s">
        <v>319</v>
      </c>
    </row>
    <row r="70" spans="1:10" x14ac:dyDescent="0.35">
      <c r="A70" s="1" t="s">
        <v>309</v>
      </c>
      <c r="B70" s="1" t="s">
        <v>310</v>
      </c>
      <c r="C70" s="1" t="s">
        <v>20</v>
      </c>
      <c r="D70" s="1" t="s">
        <v>320</v>
      </c>
      <c r="E70" s="1" t="s">
        <v>321</v>
      </c>
      <c r="F70" s="1" t="s">
        <v>322</v>
      </c>
      <c r="G70" s="1" t="s">
        <v>314</v>
      </c>
      <c r="H70" s="1" t="s">
        <v>13</v>
      </c>
      <c r="I70" s="1" t="s">
        <v>315</v>
      </c>
      <c r="J70" s="1" t="s">
        <v>323</v>
      </c>
    </row>
    <row r="71" spans="1:10" x14ac:dyDescent="0.35">
      <c r="A71" s="1" t="s">
        <v>309</v>
      </c>
      <c r="B71" s="1" t="s">
        <v>310</v>
      </c>
      <c r="C71" s="1" t="s">
        <v>25</v>
      </c>
      <c r="D71" s="1" t="s">
        <v>324</v>
      </c>
      <c r="E71" s="1" t="s">
        <v>325</v>
      </c>
      <c r="F71" s="1" t="s">
        <v>326</v>
      </c>
      <c r="G71" s="1" t="s">
        <v>314</v>
      </c>
      <c r="H71" s="1" t="s">
        <v>13</v>
      </c>
      <c r="I71" s="1" t="s">
        <v>315</v>
      </c>
      <c r="J71" s="1" t="s">
        <v>327</v>
      </c>
    </row>
    <row r="72" spans="1:10" x14ac:dyDescent="0.35">
      <c r="A72" s="1" t="s">
        <v>309</v>
      </c>
      <c r="B72" s="1" t="s">
        <v>310</v>
      </c>
      <c r="C72" s="1" t="s">
        <v>30</v>
      </c>
      <c r="D72" s="1" t="s">
        <v>328</v>
      </c>
      <c r="E72" s="1" t="s">
        <v>329</v>
      </c>
      <c r="F72" s="1" t="s">
        <v>330</v>
      </c>
      <c r="G72" s="1" t="s">
        <v>314</v>
      </c>
      <c r="H72" s="1" t="s">
        <v>13</v>
      </c>
      <c r="I72" s="1" t="s">
        <v>315</v>
      </c>
      <c r="J72" s="1" t="s">
        <v>331</v>
      </c>
    </row>
    <row r="73" spans="1:10" x14ac:dyDescent="0.35">
      <c r="A73" s="1" t="s">
        <v>309</v>
      </c>
      <c r="B73" s="1" t="s">
        <v>310</v>
      </c>
      <c r="C73" s="1" t="s">
        <v>35</v>
      </c>
      <c r="D73" s="1" t="s">
        <v>332</v>
      </c>
      <c r="E73" s="1" t="s">
        <v>333</v>
      </c>
      <c r="F73" s="1" t="s">
        <v>334</v>
      </c>
      <c r="G73" s="1" t="s">
        <v>314</v>
      </c>
      <c r="H73" s="1" t="s">
        <v>13</v>
      </c>
      <c r="I73" s="1" t="s">
        <v>315</v>
      </c>
      <c r="J73" s="1" t="s">
        <v>335</v>
      </c>
    </row>
    <row r="74" spans="1:10" x14ac:dyDescent="0.35">
      <c r="A74" s="1" t="s">
        <v>309</v>
      </c>
      <c r="B74" s="1" t="s">
        <v>310</v>
      </c>
      <c r="C74" s="1" t="s">
        <v>40</v>
      </c>
      <c r="D74" s="1" t="s">
        <v>336</v>
      </c>
      <c r="E74" s="1" t="s">
        <v>337</v>
      </c>
      <c r="F74" s="1" t="s">
        <v>338</v>
      </c>
      <c r="G74" s="1" t="s">
        <v>314</v>
      </c>
      <c r="H74" s="1" t="s">
        <v>13</v>
      </c>
      <c r="I74" s="1" t="s">
        <v>315</v>
      </c>
      <c r="J74" s="1" t="s">
        <v>339</v>
      </c>
    </row>
    <row r="75" spans="1:10" x14ac:dyDescent="0.35">
      <c r="A75" s="1" t="s">
        <v>309</v>
      </c>
      <c r="B75" s="1" t="s">
        <v>310</v>
      </c>
      <c r="C75" s="1" t="s">
        <v>45</v>
      </c>
      <c r="D75" s="1" t="s">
        <v>340</v>
      </c>
      <c r="E75" s="1" t="s">
        <v>341</v>
      </c>
      <c r="F75" s="1" t="s">
        <v>342</v>
      </c>
      <c r="G75" s="1" t="s">
        <v>314</v>
      </c>
      <c r="H75" s="1" t="s">
        <v>13</v>
      </c>
      <c r="I75" s="1" t="s">
        <v>315</v>
      </c>
      <c r="J75" s="1" t="s">
        <v>343</v>
      </c>
    </row>
    <row r="76" spans="1:10" x14ac:dyDescent="0.35">
      <c r="A76" s="1" t="s">
        <v>309</v>
      </c>
      <c r="B76" s="1" t="s">
        <v>310</v>
      </c>
      <c r="C76" s="1" t="s">
        <v>50</v>
      </c>
      <c r="D76" s="1" t="s">
        <v>344</v>
      </c>
      <c r="E76" s="1" t="s">
        <v>345</v>
      </c>
      <c r="F76" s="1" t="s">
        <v>346</v>
      </c>
      <c r="G76" s="1" t="s">
        <v>314</v>
      </c>
      <c r="H76" s="1" t="s">
        <v>13</v>
      </c>
      <c r="I76" s="1" t="s">
        <v>315</v>
      </c>
      <c r="J76" s="1" t="s">
        <v>347</v>
      </c>
    </row>
    <row r="77" spans="1:10" x14ac:dyDescent="0.35">
      <c r="A77" s="1" t="s">
        <v>309</v>
      </c>
      <c r="B77" s="1" t="s">
        <v>310</v>
      </c>
      <c r="C77" s="1" t="s">
        <v>55</v>
      </c>
      <c r="D77" s="1" t="s">
        <v>348</v>
      </c>
      <c r="E77" s="1" t="s">
        <v>349</v>
      </c>
      <c r="F77" s="1" t="s">
        <v>350</v>
      </c>
      <c r="G77" s="1" t="s">
        <v>314</v>
      </c>
      <c r="H77" s="1" t="s">
        <v>13</v>
      </c>
      <c r="I77" s="1" t="s">
        <v>315</v>
      </c>
      <c r="J77" s="1" t="s">
        <v>351</v>
      </c>
    </row>
    <row r="78" spans="1:10" x14ac:dyDescent="0.35">
      <c r="A78" s="1" t="s">
        <v>309</v>
      </c>
      <c r="B78" s="1" t="s">
        <v>310</v>
      </c>
      <c r="C78" s="1" t="s">
        <v>60</v>
      </c>
      <c r="D78" s="1" t="s">
        <v>352</v>
      </c>
      <c r="E78" s="1" t="s">
        <v>353</v>
      </c>
      <c r="F78" s="1" t="s">
        <v>354</v>
      </c>
      <c r="G78" s="1" t="s">
        <v>314</v>
      </c>
      <c r="H78" s="1" t="s">
        <v>13</v>
      </c>
      <c r="I78" s="1" t="s">
        <v>315</v>
      </c>
      <c r="J78" s="1" t="s">
        <v>355</v>
      </c>
    </row>
    <row r="79" spans="1:10" x14ac:dyDescent="0.35">
      <c r="A79" s="1" t="s">
        <v>309</v>
      </c>
      <c r="B79" s="1" t="s">
        <v>310</v>
      </c>
      <c r="C79" s="1" t="s">
        <v>65</v>
      </c>
      <c r="D79" s="1" t="s">
        <v>356</v>
      </c>
      <c r="E79" s="1" t="s">
        <v>357</v>
      </c>
      <c r="F79" s="1" t="s">
        <v>358</v>
      </c>
      <c r="G79" s="1" t="s">
        <v>314</v>
      </c>
      <c r="H79" s="1" t="s">
        <v>13</v>
      </c>
      <c r="I79" s="1" t="s">
        <v>315</v>
      </c>
      <c r="J79" s="1" t="s">
        <v>359</v>
      </c>
    </row>
    <row r="80" spans="1:10" x14ac:dyDescent="0.35">
      <c r="A80" s="1" t="s">
        <v>309</v>
      </c>
      <c r="B80" s="1" t="s">
        <v>310</v>
      </c>
      <c r="C80" s="1" t="s">
        <v>70</v>
      </c>
      <c r="D80" s="1" t="s">
        <v>360</v>
      </c>
      <c r="E80" s="1" t="s">
        <v>361</v>
      </c>
      <c r="F80" s="1" t="s">
        <v>362</v>
      </c>
      <c r="G80" s="1" t="s">
        <v>314</v>
      </c>
      <c r="H80" s="1" t="s">
        <v>13</v>
      </c>
      <c r="I80" s="1" t="s">
        <v>315</v>
      </c>
      <c r="J80" s="1" t="s">
        <v>363</v>
      </c>
    </row>
    <row r="81" spans="1:10" x14ac:dyDescent="0.35">
      <c r="A81" s="1" t="s">
        <v>309</v>
      </c>
      <c r="B81" s="1" t="s">
        <v>310</v>
      </c>
      <c r="C81" s="1" t="s">
        <v>75</v>
      </c>
      <c r="D81" s="1" t="s">
        <v>364</v>
      </c>
      <c r="E81" s="1" t="s">
        <v>365</v>
      </c>
      <c r="F81" s="1" t="s">
        <v>366</v>
      </c>
      <c r="G81" s="1" t="s">
        <v>314</v>
      </c>
      <c r="H81" s="1" t="s">
        <v>13</v>
      </c>
      <c r="I81" s="1" t="s">
        <v>315</v>
      </c>
      <c r="J81" s="1" t="s">
        <v>367</v>
      </c>
    </row>
    <row r="82" spans="1:10" x14ac:dyDescent="0.35">
      <c r="A82" s="1" t="s">
        <v>309</v>
      </c>
      <c r="B82" s="1" t="s">
        <v>310</v>
      </c>
      <c r="C82" s="1" t="s">
        <v>80</v>
      </c>
      <c r="D82" s="1" t="s">
        <v>368</v>
      </c>
      <c r="E82" s="1" t="s">
        <v>369</v>
      </c>
      <c r="F82" s="1" t="s">
        <v>370</v>
      </c>
      <c r="G82" s="1" t="s">
        <v>314</v>
      </c>
      <c r="H82" s="1" t="s">
        <v>13</v>
      </c>
      <c r="I82" s="1" t="s">
        <v>315</v>
      </c>
      <c r="J82" s="1" t="s">
        <v>371</v>
      </c>
    </row>
    <row r="83" spans="1:10" x14ac:dyDescent="0.35">
      <c r="A83" s="1" t="s">
        <v>309</v>
      </c>
      <c r="B83" s="1" t="s">
        <v>310</v>
      </c>
      <c r="C83" s="1" t="s">
        <v>85</v>
      </c>
      <c r="D83" s="1" t="s">
        <v>372</v>
      </c>
      <c r="E83" s="1" t="s">
        <v>373</v>
      </c>
      <c r="F83" s="1" t="s">
        <v>374</v>
      </c>
      <c r="G83" s="1" t="s">
        <v>314</v>
      </c>
      <c r="H83" s="1" t="s">
        <v>13</v>
      </c>
      <c r="I83" s="1" t="s">
        <v>315</v>
      </c>
      <c r="J83" s="1" t="s">
        <v>375</v>
      </c>
    </row>
    <row r="84" spans="1:10" x14ac:dyDescent="0.35">
      <c r="A84" s="1" t="s">
        <v>309</v>
      </c>
      <c r="B84" s="1" t="s">
        <v>310</v>
      </c>
      <c r="C84" s="1" t="s">
        <v>90</v>
      </c>
      <c r="D84" s="1" t="s">
        <v>376</v>
      </c>
      <c r="E84" s="1" t="s">
        <v>377</v>
      </c>
      <c r="F84" s="1" t="s">
        <v>378</v>
      </c>
      <c r="G84" s="1" t="s">
        <v>314</v>
      </c>
      <c r="H84" s="1" t="s">
        <v>13</v>
      </c>
      <c r="I84" s="1" t="s">
        <v>315</v>
      </c>
      <c r="J84" s="1" t="s">
        <v>379</v>
      </c>
    </row>
    <row r="85" spans="1:10" x14ac:dyDescent="0.35">
      <c r="A85" s="1" t="s">
        <v>309</v>
      </c>
      <c r="B85" s="1" t="s">
        <v>310</v>
      </c>
      <c r="C85" s="1" t="s">
        <v>95</v>
      </c>
      <c r="D85" s="1" t="s">
        <v>380</v>
      </c>
      <c r="E85" s="1" t="s">
        <v>381</v>
      </c>
      <c r="F85" s="1" t="s">
        <v>382</v>
      </c>
      <c r="G85" s="1" t="s">
        <v>314</v>
      </c>
      <c r="H85" s="1" t="s">
        <v>13</v>
      </c>
      <c r="I85" s="1" t="s">
        <v>315</v>
      </c>
      <c r="J85" s="1" t="s">
        <v>383</v>
      </c>
    </row>
    <row r="86" spans="1:10" x14ac:dyDescent="0.35">
      <c r="A86" s="1" t="s">
        <v>309</v>
      </c>
      <c r="B86" s="1" t="s">
        <v>310</v>
      </c>
      <c r="C86" s="1" t="s">
        <v>100</v>
      </c>
      <c r="D86" s="1" t="s">
        <v>384</v>
      </c>
      <c r="E86" s="1" t="s">
        <v>385</v>
      </c>
      <c r="F86" s="1" t="s">
        <v>386</v>
      </c>
      <c r="G86" s="1" t="s">
        <v>314</v>
      </c>
      <c r="H86" s="1" t="s">
        <v>13</v>
      </c>
      <c r="I86" s="1" t="s">
        <v>315</v>
      </c>
      <c r="J86" s="1" t="s">
        <v>387</v>
      </c>
    </row>
    <row r="87" spans="1:10" x14ac:dyDescent="0.35">
      <c r="A87" s="1" t="s">
        <v>309</v>
      </c>
      <c r="B87" s="1" t="s">
        <v>310</v>
      </c>
      <c r="C87" s="1" t="s">
        <v>105</v>
      </c>
      <c r="D87" s="1" t="s">
        <v>388</v>
      </c>
      <c r="E87" s="1" t="s">
        <v>389</v>
      </c>
      <c r="F87" s="1" t="s">
        <v>390</v>
      </c>
      <c r="G87" s="1" t="s">
        <v>314</v>
      </c>
      <c r="H87" s="1" t="s">
        <v>13</v>
      </c>
      <c r="I87" s="1" t="s">
        <v>315</v>
      </c>
      <c r="J87" s="1" t="s">
        <v>391</v>
      </c>
    </row>
    <row r="88" spans="1:10" x14ac:dyDescent="0.35">
      <c r="A88" s="1" t="s">
        <v>309</v>
      </c>
      <c r="B88" s="1" t="s">
        <v>310</v>
      </c>
      <c r="C88" s="1" t="s">
        <v>110</v>
      </c>
      <c r="D88" s="1" t="s">
        <v>392</v>
      </c>
      <c r="E88" s="1" t="s">
        <v>393</v>
      </c>
      <c r="F88" s="1" t="s">
        <v>394</v>
      </c>
      <c r="G88" s="1" t="s">
        <v>314</v>
      </c>
      <c r="H88" s="1" t="s">
        <v>13</v>
      </c>
      <c r="I88" s="1" t="s">
        <v>315</v>
      </c>
      <c r="J88" s="1" t="s">
        <v>395</v>
      </c>
    </row>
    <row r="89" spans="1:10" x14ac:dyDescent="0.35">
      <c r="A89" s="1" t="s">
        <v>309</v>
      </c>
      <c r="B89" s="1" t="s">
        <v>310</v>
      </c>
      <c r="C89" s="1" t="s">
        <v>115</v>
      </c>
      <c r="D89" s="1" t="s">
        <v>396</v>
      </c>
      <c r="E89" s="1" t="s">
        <v>397</v>
      </c>
      <c r="F89" s="1" t="s">
        <v>398</v>
      </c>
      <c r="G89" s="1" t="s">
        <v>314</v>
      </c>
      <c r="H89" s="1" t="s">
        <v>13</v>
      </c>
      <c r="I89" s="1" t="s">
        <v>315</v>
      </c>
      <c r="J89" s="1" t="s">
        <v>399</v>
      </c>
    </row>
    <row r="90" spans="1:10" x14ac:dyDescent="0.35">
      <c r="A90" s="1" t="s">
        <v>309</v>
      </c>
      <c r="B90" s="1" t="s">
        <v>310</v>
      </c>
      <c r="C90" s="1" t="s">
        <v>120</v>
      </c>
      <c r="D90" s="1" t="s">
        <v>400</v>
      </c>
      <c r="E90" s="1" t="s">
        <v>401</v>
      </c>
      <c r="F90" s="1" t="s">
        <v>402</v>
      </c>
      <c r="G90" s="1" t="s">
        <v>314</v>
      </c>
      <c r="H90" s="1" t="s">
        <v>13</v>
      </c>
      <c r="I90" s="1" t="s">
        <v>315</v>
      </c>
      <c r="J90" s="1" t="s">
        <v>403</v>
      </c>
    </row>
    <row r="91" spans="1:10" x14ac:dyDescent="0.35">
      <c r="A91" s="1" t="s">
        <v>309</v>
      </c>
      <c r="B91" s="1" t="s">
        <v>310</v>
      </c>
      <c r="C91" s="1" t="s">
        <v>125</v>
      </c>
      <c r="D91" s="1" t="s">
        <v>404</v>
      </c>
      <c r="E91" s="1" t="s">
        <v>405</v>
      </c>
      <c r="F91" s="1" t="s">
        <v>406</v>
      </c>
      <c r="G91" s="1" t="s">
        <v>314</v>
      </c>
      <c r="H91" s="1" t="s">
        <v>13</v>
      </c>
      <c r="I91" s="1" t="s">
        <v>315</v>
      </c>
      <c r="J91" s="1" t="s">
        <v>407</v>
      </c>
    </row>
    <row r="92" spans="1:10" x14ac:dyDescent="0.35">
      <c r="A92" s="1" t="s">
        <v>309</v>
      </c>
      <c r="B92" s="1" t="s">
        <v>310</v>
      </c>
      <c r="C92" s="1" t="s">
        <v>130</v>
      </c>
      <c r="D92" s="1" t="s">
        <v>408</v>
      </c>
      <c r="E92" s="1" t="s">
        <v>409</v>
      </c>
      <c r="F92" s="1" t="s">
        <v>410</v>
      </c>
      <c r="G92" s="1" t="s">
        <v>314</v>
      </c>
      <c r="H92" s="1" t="s">
        <v>13</v>
      </c>
      <c r="I92" s="1" t="s">
        <v>315</v>
      </c>
      <c r="J92" s="1" t="s">
        <v>411</v>
      </c>
    </row>
    <row r="93" spans="1:10" x14ac:dyDescent="0.35">
      <c r="A93" s="1" t="s">
        <v>309</v>
      </c>
      <c r="B93" s="1" t="s">
        <v>310</v>
      </c>
      <c r="C93" s="1" t="s">
        <v>135</v>
      </c>
      <c r="D93" s="1" t="s">
        <v>412</v>
      </c>
      <c r="E93" s="1" t="s">
        <v>413</v>
      </c>
      <c r="F93" s="1" t="s">
        <v>414</v>
      </c>
      <c r="G93" s="1" t="s">
        <v>314</v>
      </c>
      <c r="H93" s="1" t="s">
        <v>13</v>
      </c>
      <c r="I93" s="1" t="s">
        <v>315</v>
      </c>
      <c r="J93" s="1" t="s">
        <v>415</v>
      </c>
    </row>
    <row r="94" spans="1:10" x14ac:dyDescent="0.35">
      <c r="A94" s="1" t="s">
        <v>309</v>
      </c>
      <c r="B94" s="1" t="s">
        <v>310</v>
      </c>
      <c r="C94" s="1" t="s">
        <v>140</v>
      </c>
      <c r="D94" s="1" t="s">
        <v>416</v>
      </c>
      <c r="E94" s="1" t="s">
        <v>417</v>
      </c>
      <c r="F94" s="1" t="s">
        <v>418</v>
      </c>
      <c r="G94" s="1" t="s">
        <v>314</v>
      </c>
      <c r="H94" s="1" t="s">
        <v>13</v>
      </c>
      <c r="I94" s="1" t="s">
        <v>315</v>
      </c>
      <c r="J94" s="1" t="s">
        <v>419</v>
      </c>
    </row>
    <row r="95" spans="1:10" x14ac:dyDescent="0.35">
      <c r="A95" s="1" t="s">
        <v>309</v>
      </c>
      <c r="B95" s="1" t="s">
        <v>310</v>
      </c>
      <c r="C95" s="1" t="s">
        <v>145</v>
      </c>
      <c r="D95" s="1" t="s">
        <v>420</v>
      </c>
      <c r="E95" s="1" t="s">
        <v>421</v>
      </c>
      <c r="F95" s="1" t="s">
        <v>422</v>
      </c>
      <c r="G95" s="1" t="s">
        <v>314</v>
      </c>
      <c r="H95" s="1" t="s">
        <v>13</v>
      </c>
      <c r="I95" s="1" t="s">
        <v>315</v>
      </c>
      <c r="J95" s="1" t="s">
        <v>423</v>
      </c>
    </row>
    <row r="96" spans="1:10" x14ac:dyDescent="0.35">
      <c r="A96" s="1" t="s">
        <v>309</v>
      </c>
      <c r="B96" s="1" t="s">
        <v>310</v>
      </c>
      <c r="C96" s="1" t="s">
        <v>150</v>
      </c>
      <c r="D96" s="1" t="s">
        <v>424</v>
      </c>
      <c r="E96" s="1" t="s">
        <v>425</v>
      </c>
      <c r="F96" s="1" t="s">
        <v>426</v>
      </c>
      <c r="G96" s="1" t="s">
        <v>314</v>
      </c>
      <c r="H96" s="1" t="s">
        <v>13</v>
      </c>
      <c r="I96" s="1" t="s">
        <v>315</v>
      </c>
      <c r="J96" s="1" t="s">
        <v>427</v>
      </c>
    </row>
    <row r="97" spans="1:10" x14ac:dyDescent="0.35">
      <c r="A97" s="1" t="s">
        <v>309</v>
      </c>
      <c r="B97" s="1" t="s">
        <v>310</v>
      </c>
      <c r="C97" s="1" t="s">
        <v>155</v>
      </c>
      <c r="D97" s="1" t="s">
        <v>428</v>
      </c>
      <c r="E97" s="1" t="s">
        <v>429</v>
      </c>
      <c r="F97" s="1" t="s">
        <v>430</v>
      </c>
      <c r="G97" s="1" t="s">
        <v>314</v>
      </c>
      <c r="H97" s="1" t="s">
        <v>13</v>
      </c>
      <c r="I97" s="1" t="s">
        <v>315</v>
      </c>
      <c r="J97" s="1" t="s">
        <v>431</v>
      </c>
    </row>
    <row r="98" spans="1:10" x14ac:dyDescent="0.35">
      <c r="A98" s="1" t="s">
        <v>309</v>
      </c>
      <c r="B98" s="1" t="s">
        <v>310</v>
      </c>
      <c r="C98" s="1" t="s">
        <v>160</v>
      </c>
      <c r="D98" s="1" t="s">
        <v>432</v>
      </c>
      <c r="E98" s="1" t="s">
        <v>433</v>
      </c>
      <c r="F98" s="1" t="s">
        <v>434</v>
      </c>
      <c r="G98" s="1" t="s">
        <v>314</v>
      </c>
      <c r="H98" s="1" t="s">
        <v>13</v>
      </c>
      <c r="I98" s="1" t="s">
        <v>315</v>
      </c>
      <c r="J98" s="1" t="s">
        <v>435</v>
      </c>
    </row>
    <row r="99" spans="1:10" x14ac:dyDescent="0.35">
      <c r="A99" s="1" t="s">
        <v>309</v>
      </c>
      <c r="B99" s="1" t="s">
        <v>310</v>
      </c>
      <c r="C99" s="1" t="s">
        <v>165</v>
      </c>
      <c r="D99" s="1" t="s">
        <v>436</v>
      </c>
      <c r="E99" s="1" t="s">
        <v>437</v>
      </c>
      <c r="F99" s="1" t="s">
        <v>438</v>
      </c>
      <c r="G99" s="1" t="s">
        <v>314</v>
      </c>
      <c r="H99" s="1" t="s">
        <v>13</v>
      </c>
      <c r="I99" s="1" t="s">
        <v>315</v>
      </c>
      <c r="J99" s="1" t="s">
        <v>439</v>
      </c>
    </row>
    <row r="100" spans="1:10" x14ac:dyDescent="0.35">
      <c r="A100" s="1" t="s">
        <v>309</v>
      </c>
      <c r="B100" s="1" t="s">
        <v>310</v>
      </c>
      <c r="C100" s="1" t="s">
        <v>170</v>
      </c>
      <c r="D100" s="1" t="s">
        <v>440</v>
      </c>
      <c r="E100" s="1" t="s">
        <v>441</v>
      </c>
      <c r="F100" s="1" t="s">
        <v>442</v>
      </c>
      <c r="G100" s="1" t="s">
        <v>314</v>
      </c>
      <c r="H100" s="1" t="s">
        <v>13</v>
      </c>
      <c r="I100" s="1" t="s">
        <v>315</v>
      </c>
      <c r="J100" s="1" t="s">
        <v>443</v>
      </c>
    </row>
    <row r="101" spans="1:10" x14ac:dyDescent="0.35">
      <c r="A101" s="1" t="s">
        <v>444</v>
      </c>
      <c r="B101" s="1" t="s">
        <v>445</v>
      </c>
      <c r="C101" s="1" t="s">
        <v>8</v>
      </c>
      <c r="D101" s="1" t="s">
        <v>446</v>
      </c>
      <c r="E101" s="1" t="s">
        <v>447</v>
      </c>
      <c r="F101" s="1" t="s">
        <v>448</v>
      </c>
      <c r="G101" s="1" t="s">
        <v>449</v>
      </c>
      <c r="H101" s="1" t="s">
        <v>13</v>
      </c>
      <c r="I101" s="1" t="s">
        <v>450</v>
      </c>
      <c r="J101" s="1" t="s">
        <v>13</v>
      </c>
    </row>
    <row r="102" spans="1:10" x14ac:dyDescent="0.35">
      <c r="A102" s="1" t="s">
        <v>444</v>
      </c>
      <c r="B102" s="1" t="s">
        <v>445</v>
      </c>
      <c r="C102" s="1" t="s">
        <v>15</v>
      </c>
      <c r="D102" s="1" t="s">
        <v>451</v>
      </c>
      <c r="E102" s="1" t="s">
        <v>452</v>
      </c>
      <c r="F102" s="1" t="s">
        <v>453</v>
      </c>
      <c r="G102" s="1" t="s">
        <v>449</v>
      </c>
      <c r="H102" s="1" t="s">
        <v>13</v>
      </c>
      <c r="I102" s="1" t="s">
        <v>450</v>
      </c>
      <c r="J102" s="1" t="s">
        <v>454</v>
      </c>
    </row>
    <row r="103" spans="1:10" x14ac:dyDescent="0.35">
      <c r="A103" s="1" t="s">
        <v>444</v>
      </c>
      <c r="B103" s="1" t="s">
        <v>445</v>
      </c>
      <c r="C103" s="1" t="s">
        <v>20</v>
      </c>
      <c r="D103" s="1" t="s">
        <v>455</v>
      </c>
      <c r="E103" s="1" t="s">
        <v>456</v>
      </c>
      <c r="F103" s="1" t="s">
        <v>457</v>
      </c>
      <c r="G103" s="1" t="s">
        <v>449</v>
      </c>
      <c r="H103" s="1" t="s">
        <v>13</v>
      </c>
      <c r="I103" s="1" t="s">
        <v>450</v>
      </c>
      <c r="J103" s="1" t="s">
        <v>458</v>
      </c>
    </row>
    <row r="104" spans="1:10" x14ac:dyDescent="0.35">
      <c r="A104" s="1" t="s">
        <v>444</v>
      </c>
      <c r="B104" s="1" t="s">
        <v>445</v>
      </c>
      <c r="C104" s="1" t="s">
        <v>25</v>
      </c>
      <c r="D104" s="1" t="s">
        <v>459</v>
      </c>
      <c r="E104" s="1" t="s">
        <v>460</v>
      </c>
      <c r="F104" s="1" t="s">
        <v>461</v>
      </c>
      <c r="G104" s="1" t="s">
        <v>449</v>
      </c>
      <c r="H104" s="1" t="s">
        <v>13</v>
      </c>
      <c r="I104" s="1" t="s">
        <v>450</v>
      </c>
      <c r="J104" s="1" t="s">
        <v>462</v>
      </c>
    </row>
    <row r="105" spans="1:10" x14ac:dyDescent="0.35">
      <c r="A105" s="1" t="s">
        <v>444</v>
      </c>
      <c r="B105" s="1" t="s">
        <v>445</v>
      </c>
      <c r="C105" s="1" t="s">
        <v>30</v>
      </c>
      <c r="D105" s="1" t="s">
        <v>463</v>
      </c>
      <c r="E105" s="1" t="s">
        <v>464</v>
      </c>
      <c r="F105" s="1" t="s">
        <v>465</v>
      </c>
      <c r="G105" s="1" t="s">
        <v>449</v>
      </c>
      <c r="H105" s="1" t="s">
        <v>13</v>
      </c>
      <c r="I105" s="1" t="s">
        <v>450</v>
      </c>
      <c r="J105" s="1" t="s">
        <v>466</v>
      </c>
    </row>
    <row r="106" spans="1:10" x14ac:dyDescent="0.35">
      <c r="A106" s="1" t="s">
        <v>444</v>
      </c>
      <c r="B106" s="1" t="s">
        <v>445</v>
      </c>
      <c r="C106" s="1" t="s">
        <v>35</v>
      </c>
      <c r="D106" s="1" t="s">
        <v>467</v>
      </c>
      <c r="E106" s="1" t="s">
        <v>468</v>
      </c>
      <c r="F106" s="1" t="s">
        <v>469</v>
      </c>
      <c r="G106" s="1" t="s">
        <v>449</v>
      </c>
      <c r="H106" s="1" t="s">
        <v>13</v>
      </c>
      <c r="I106" s="1" t="s">
        <v>450</v>
      </c>
      <c r="J106" s="1" t="s">
        <v>470</v>
      </c>
    </row>
    <row r="107" spans="1:10" x14ac:dyDescent="0.35">
      <c r="A107" s="1" t="s">
        <v>444</v>
      </c>
      <c r="B107" s="1" t="s">
        <v>445</v>
      </c>
      <c r="C107" s="1" t="s">
        <v>40</v>
      </c>
      <c r="D107" s="1" t="s">
        <v>471</v>
      </c>
      <c r="E107" s="1" t="s">
        <v>472</v>
      </c>
      <c r="F107" s="1" t="s">
        <v>473</v>
      </c>
      <c r="G107" s="1" t="s">
        <v>449</v>
      </c>
      <c r="H107" s="1" t="s">
        <v>13</v>
      </c>
      <c r="I107" s="1" t="s">
        <v>450</v>
      </c>
      <c r="J107" s="1" t="s">
        <v>474</v>
      </c>
    </row>
    <row r="108" spans="1:10" x14ac:dyDescent="0.35">
      <c r="A108" s="1" t="s">
        <v>444</v>
      </c>
      <c r="B108" s="1" t="s">
        <v>445</v>
      </c>
      <c r="C108" s="1" t="s">
        <v>45</v>
      </c>
      <c r="D108" s="1" t="s">
        <v>475</v>
      </c>
      <c r="E108" s="1" t="s">
        <v>476</v>
      </c>
      <c r="F108" s="1" t="s">
        <v>477</v>
      </c>
      <c r="G108" s="1" t="s">
        <v>449</v>
      </c>
      <c r="H108" s="1" t="s">
        <v>13</v>
      </c>
      <c r="I108" s="1" t="s">
        <v>450</v>
      </c>
      <c r="J108" s="1" t="s">
        <v>478</v>
      </c>
    </row>
    <row r="109" spans="1:10" x14ac:dyDescent="0.35">
      <c r="A109" s="1" t="s">
        <v>444</v>
      </c>
      <c r="B109" s="1" t="s">
        <v>445</v>
      </c>
      <c r="C109" s="1" t="s">
        <v>50</v>
      </c>
      <c r="D109" s="1" t="s">
        <v>479</v>
      </c>
      <c r="E109" s="1" t="s">
        <v>480</v>
      </c>
      <c r="F109" s="1" t="s">
        <v>481</v>
      </c>
      <c r="G109" s="1" t="s">
        <v>449</v>
      </c>
      <c r="H109" s="1" t="s">
        <v>13</v>
      </c>
      <c r="I109" s="1" t="s">
        <v>450</v>
      </c>
      <c r="J109" s="1" t="s">
        <v>482</v>
      </c>
    </row>
    <row r="110" spans="1:10" x14ac:dyDescent="0.35">
      <c r="A110" s="1" t="s">
        <v>444</v>
      </c>
      <c r="B110" s="1" t="s">
        <v>445</v>
      </c>
      <c r="C110" s="1" t="s">
        <v>55</v>
      </c>
      <c r="D110" s="1" t="s">
        <v>483</v>
      </c>
      <c r="E110" s="1" t="s">
        <v>484</v>
      </c>
      <c r="F110" s="1" t="s">
        <v>485</v>
      </c>
      <c r="G110" s="1" t="s">
        <v>449</v>
      </c>
      <c r="H110" s="1" t="s">
        <v>13</v>
      </c>
      <c r="I110" s="1" t="s">
        <v>450</v>
      </c>
      <c r="J110" s="1" t="s">
        <v>486</v>
      </c>
    </row>
    <row r="111" spans="1:10" x14ac:dyDescent="0.35">
      <c r="A111" s="1" t="s">
        <v>444</v>
      </c>
      <c r="B111" s="1" t="s">
        <v>445</v>
      </c>
      <c r="C111" s="1" t="s">
        <v>60</v>
      </c>
      <c r="D111" s="1" t="s">
        <v>487</v>
      </c>
      <c r="E111" s="1" t="s">
        <v>472</v>
      </c>
      <c r="F111" s="1" t="s">
        <v>488</v>
      </c>
      <c r="G111" s="1" t="s">
        <v>449</v>
      </c>
      <c r="H111" s="1" t="s">
        <v>13</v>
      </c>
      <c r="I111" s="1" t="s">
        <v>450</v>
      </c>
      <c r="J111" s="1" t="s">
        <v>489</v>
      </c>
    </row>
    <row r="112" spans="1:10" x14ac:dyDescent="0.35">
      <c r="A112" s="1" t="s">
        <v>444</v>
      </c>
      <c r="B112" s="1" t="s">
        <v>445</v>
      </c>
      <c r="C112" s="1" t="s">
        <v>65</v>
      </c>
      <c r="D112" s="1" t="s">
        <v>490</v>
      </c>
      <c r="E112" s="1" t="s">
        <v>491</v>
      </c>
      <c r="F112" s="1" t="s">
        <v>492</v>
      </c>
      <c r="G112" s="1" t="s">
        <v>449</v>
      </c>
      <c r="H112" s="1" t="s">
        <v>13</v>
      </c>
      <c r="I112" s="1" t="s">
        <v>450</v>
      </c>
      <c r="J112" s="1" t="s">
        <v>493</v>
      </c>
    </row>
    <row r="113" spans="1:10" x14ac:dyDescent="0.35">
      <c r="A113" s="1" t="s">
        <v>444</v>
      </c>
      <c r="B113" s="1" t="s">
        <v>445</v>
      </c>
      <c r="C113" s="1" t="s">
        <v>70</v>
      </c>
      <c r="D113" s="1" t="s">
        <v>494</v>
      </c>
      <c r="E113" s="1" t="s">
        <v>495</v>
      </c>
      <c r="F113" s="1" t="s">
        <v>496</v>
      </c>
      <c r="G113" s="1" t="s">
        <v>449</v>
      </c>
      <c r="H113" s="1" t="s">
        <v>13</v>
      </c>
      <c r="I113" s="1" t="s">
        <v>450</v>
      </c>
      <c r="J113" s="1" t="s">
        <v>497</v>
      </c>
    </row>
    <row r="114" spans="1:10" x14ac:dyDescent="0.35">
      <c r="A114" s="1" t="s">
        <v>444</v>
      </c>
      <c r="B114" s="1" t="s">
        <v>445</v>
      </c>
      <c r="C114" s="1" t="s">
        <v>75</v>
      </c>
      <c r="D114" s="1" t="s">
        <v>498</v>
      </c>
      <c r="E114" s="1" t="s">
        <v>499</v>
      </c>
      <c r="F114" s="1" t="s">
        <v>500</v>
      </c>
      <c r="G114" s="1" t="s">
        <v>449</v>
      </c>
      <c r="H114" s="1" t="s">
        <v>13</v>
      </c>
      <c r="I114" s="1" t="s">
        <v>450</v>
      </c>
      <c r="J114" s="1" t="s">
        <v>501</v>
      </c>
    </row>
    <row r="115" spans="1:10" x14ac:dyDescent="0.35">
      <c r="A115" s="1" t="s">
        <v>444</v>
      </c>
      <c r="B115" s="1" t="s">
        <v>445</v>
      </c>
      <c r="C115" s="1" t="s">
        <v>80</v>
      </c>
      <c r="D115" s="1" t="s">
        <v>502</v>
      </c>
      <c r="E115" s="1" t="s">
        <v>503</v>
      </c>
      <c r="F115" s="1" t="s">
        <v>504</v>
      </c>
      <c r="G115" s="1" t="s">
        <v>449</v>
      </c>
      <c r="H115" s="1" t="s">
        <v>13</v>
      </c>
      <c r="I115" s="1" t="s">
        <v>450</v>
      </c>
      <c r="J115" s="1" t="s">
        <v>505</v>
      </c>
    </row>
    <row r="116" spans="1:10" x14ac:dyDescent="0.35">
      <c r="A116" s="1" t="s">
        <v>444</v>
      </c>
      <c r="B116" s="1" t="s">
        <v>445</v>
      </c>
      <c r="C116" s="1" t="s">
        <v>85</v>
      </c>
      <c r="D116" s="1" t="s">
        <v>506</v>
      </c>
      <c r="E116" s="1" t="s">
        <v>507</v>
      </c>
      <c r="F116" s="1" t="s">
        <v>508</v>
      </c>
      <c r="G116" s="1" t="s">
        <v>449</v>
      </c>
      <c r="H116" s="1" t="s">
        <v>13</v>
      </c>
      <c r="I116" s="1" t="s">
        <v>450</v>
      </c>
      <c r="J116" s="1" t="s">
        <v>509</v>
      </c>
    </row>
    <row r="117" spans="1:10" x14ac:dyDescent="0.35">
      <c r="A117" s="1" t="s">
        <v>444</v>
      </c>
      <c r="B117" s="1" t="s">
        <v>445</v>
      </c>
      <c r="C117" s="1" t="s">
        <v>90</v>
      </c>
      <c r="D117" s="1" t="s">
        <v>510</v>
      </c>
      <c r="E117" s="1" t="s">
        <v>511</v>
      </c>
      <c r="F117" s="1" t="s">
        <v>512</v>
      </c>
      <c r="G117" s="1" t="s">
        <v>449</v>
      </c>
      <c r="H117" s="1" t="s">
        <v>13</v>
      </c>
      <c r="I117" s="1" t="s">
        <v>450</v>
      </c>
      <c r="J117" s="1" t="s">
        <v>513</v>
      </c>
    </row>
    <row r="118" spans="1:10" x14ac:dyDescent="0.35">
      <c r="A118" s="1" t="s">
        <v>444</v>
      </c>
      <c r="B118" s="1" t="s">
        <v>445</v>
      </c>
      <c r="C118" s="1" t="s">
        <v>95</v>
      </c>
      <c r="D118" s="1" t="s">
        <v>514</v>
      </c>
      <c r="E118" s="1" t="s">
        <v>515</v>
      </c>
      <c r="F118" s="1" t="s">
        <v>516</v>
      </c>
      <c r="G118" s="1" t="s">
        <v>449</v>
      </c>
      <c r="H118" s="1" t="s">
        <v>13</v>
      </c>
      <c r="I118" s="1" t="s">
        <v>450</v>
      </c>
      <c r="J118" s="1" t="s">
        <v>517</v>
      </c>
    </row>
    <row r="119" spans="1:10" x14ac:dyDescent="0.35">
      <c r="A119" s="1" t="s">
        <v>444</v>
      </c>
      <c r="B119" s="1" t="s">
        <v>445</v>
      </c>
      <c r="C119" s="1" t="s">
        <v>100</v>
      </c>
      <c r="D119" s="1" t="s">
        <v>518</v>
      </c>
      <c r="E119" s="1" t="s">
        <v>519</v>
      </c>
      <c r="F119" s="1" t="s">
        <v>520</v>
      </c>
      <c r="G119" s="1" t="s">
        <v>449</v>
      </c>
      <c r="H119" s="1" t="s">
        <v>13</v>
      </c>
      <c r="I119" s="1" t="s">
        <v>450</v>
      </c>
      <c r="J119" s="1" t="s">
        <v>521</v>
      </c>
    </row>
    <row r="120" spans="1:10" x14ac:dyDescent="0.35">
      <c r="A120" s="1" t="s">
        <v>444</v>
      </c>
      <c r="B120" s="1" t="s">
        <v>445</v>
      </c>
      <c r="C120" s="1" t="s">
        <v>105</v>
      </c>
      <c r="D120" s="1" t="s">
        <v>522</v>
      </c>
      <c r="E120" s="1" t="s">
        <v>523</v>
      </c>
      <c r="F120" s="1" t="s">
        <v>524</v>
      </c>
      <c r="G120" s="1" t="s">
        <v>449</v>
      </c>
      <c r="H120" s="1" t="s">
        <v>13</v>
      </c>
      <c r="I120" s="1" t="s">
        <v>450</v>
      </c>
      <c r="J120" s="1" t="s">
        <v>525</v>
      </c>
    </row>
    <row r="121" spans="1:10" x14ac:dyDescent="0.35">
      <c r="A121" s="1" t="s">
        <v>444</v>
      </c>
      <c r="B121" s="1" t="s">
        <v>445</v>
      </c>
      <c r="C121" s="1" t="s">
        <v>110</v>
      </c>
      <c r="D121" s="1" t="s">
        <v>526</v>
      </c>
      <c r="E121" s="1" t="s">
        <v>527</v>
      </c>
      <c r="F121" s="1" t="s">
        <v>528</v>
      </c>
      <c r="G121" s="1" t="s">
        <v>449</v>
      </c>
      <c r="H121" s="1" t="s">
        <v>13</v>
      </c>
      <c r="I121" s="1" t="s">
        <v>450</v>
      </c>
      <c r="J121" s="1" t="s">
        <v>529</v>
      </c>
    </row>
    <row r="122" spans="1:10" x14ac:dyDescent="0.35">
      <c r="A122" s="1" t="s">
        <v>444</v>
      </c>
      <c r="B122" s="1" t="s">
        <v>445</v>
      </c>
      <c r="C122" s="1" t="s">
        <v>115</v>
      </c>
      <c r="D122" s="1" t="s">
        <v>530</v>
      </c>
      <c r="E122" s="1" t="s">
        <v>531</v>
      </c>
      <c r="F122" s="1" t="s">
        <v>532</v>
      </c>
      <c r="G122" s="1" t="s">
        <v>449</v>
      </c>
      <c r="H122" s="1" t="s">
        <v>13</v>
      </c>
      <c r="I122" s="1" t="s">
        <v>450</v>
      </c>
      <c r="J122" s="1" t="s">
        <v>533</v>
      </c>
    </row>
    <row r="123" spans="1:10" x14ac:dyDescent="0.35">
      <c r="A123" s="1" t="s">
        <v>444</v>
      </c>
      <c r="B123" s="1" t="s">
        <v>445</v>
      </c>
      <c r="C123" s="1" t="s">
        <v>120</v>
      </c>
      <c r="D123" s="1" t="s">
        <v>534</v>
      </c>
      <c r="E123" s="1" t="s">
        <v>535</v>
      </c>
      <c r="F123" s="1" t="s">
        <v>536</v>
      </c>
      <c r="G123" s="1" t="s">
        <v>449</v>
      </c>
      <c r="H123" s="1" t="s">
        <v>13</v>
      </c>
      <c r="I123" s="1" t="s">
        <v>450</v>
      </c>
      <c r="J123" s="1" t="s">
        <v>537</v>
      </c>
    </row>
    <row r="124" spans="1:10" x14ac:dyDescent="0.35">
      <c r="A124" s="1" t="s">
        <v>444</v>
      </c>
      <c r="B124" s="1" t="s">
        <v>445</v>
      </c>
      <c r="C124" s="1" t="s">
        <v>125</v>
      </c>
      <c r="D124" s="1" t="s">
        <v>538</v>
      </c>
      <c r="E124" s="1" t="s">
        <v>539</v>
      </c>
      <c r="F124" s="1" t="s">
        <v>540</v>
      </c>
      <c r="G124" s="1" t="s">
        <v>449</v>
      </c>
      <c r="H124" s="1" t="s">
        <v>13</v>
      </c>
      <c r="I124" s="1" t="s">
        <v>450</v>
      </c>
      <c r="J124" s="1" t="s">
        <v>541</v>
      </c>
    </row>
    <row r="125" spans="1:10" x14ac:dyDescent="0.35">
      <c r="A125" s="1" t="s">
        <v>444</v>
      </c>
      <c r="B125" s="1" t="s">
        <v>445</v>
      </c>
      <c r="C125" s="1" t="s">
        <v>130</v>
      </c>
      <c r="D125" s="1" t="s">
        <v>542</v>
      </c>
      <c r="E125" s="1" t="s">
        <v>543</v>
      </c>
      <c r="F125" s="1" t="s">
        <v>544</v>
      </c>
      <c r="G125" s="1" t="s">
        <v>449</v>
      </c>
      <c r="H125" s="1" t="s">
        <v>13</v>
      </c>
      <c r="I125" s="1" t="s">
        <v>450</v>
      </c>
      <c r="J125" s="1" t="s">
        <v>545</v>
      </c>
    </row>
    <row r="126" spans="1:10" x14ac:dyDescent="0.35">
      <c r="A126" s="1" t="s">
        <v>444</v>
      </c>
      <c r="B126" s="1" t="s">
        <v>445</v>
      </c>
      <c r="C126" s="1" t="s">
        <v>135</v>
      </c>
      <c r="D126" s="1" t="s">
        <v>546</v>
      </c>
      <c r="E126" s="1" t="s">
        <v>547</v>
      </c>
      <c r="F126" s="1" t="s">
        <v>548</v>
      </c>
      <c r="G126" s="1" t="s">
        <v>449</v>
      </c>
      <c r="H126" s="1" t="s">
        <v>13</v>
      </c>
      <c r="I126" s="1" t="s">
        <v>450</v>
      </c>
      <c r="J126" s="1" t="s">
        <v>549</v>
      </c>
    </row>
    <row r="127" spans="1:10" x14ac:dyDescent="0.35">
      <c r="A127" s="1" t="s">
        <v>444</v>
      </c>
      <c r="B127" s="1" t="s">
        <v>445</v>
      </c>
      <c r="C127" s="1" t="s">
        <v>140</v>
      </c>
      <c r="D127" s="1" t="s">
        <v>550</v>
      </c>
      <c r="E127" s="1" t="s">
        <v>551</v>
      </c>
      <c r="F127" s="1" t="s">
        <v>552</v>
      </c>
      <c r="G127" s="1" t="s">
        <v>449</v>
      </c>
      <c r="H127" s="1" t="s">
        <v>13</v>
      </c>
      <c r="I127" s="1" t="s">
        <v>450</v>
      </c>
      <c r="J127" s="1" t="s">
        <v>553</v>
      </c>
    </row>
    <row r="128" spans="1:10" x14ac:dyDescent="0.35">
      <c r="A128" s="1" t="s">
        <v>444</v>
      </c>
      <c r="B128" s="1" t="s">
        <v>445</v>
      </c>
      <c r="C128" s="1" t="s">
        <v>145</v>
      </c>
      <c r="D128" s="1" t="s">
        <v>554</v>
      </c>
      <c r="E128" s="1" t="s">
        <v>555</v>
      </c>
      <c r="F128" s="1" t="s">
        <v>556</v>
      </c>
      <c r="G128" s="1" t="s">
        <v>449</v>
      </c>
      <c r="H128" s="1" t="s">
        <v>13</v>
      </c>
      <c r="I128" s="1" t="s">
        <v>450</v>
      </c>
      <c r="J128" s="1" t="s">
        <v>557</v>
      </c>
    </row>
    <row r="129" spans="1:10" x14ac:dyDescent="0.35">
      <c r="A129" s="1" t="s">
        <v>444</v>
      </c>
      <c r="B129" s="1" t="s">
        <v>445</v>
      </c>
      <c r="C129" s="1" t="s">
        <v>150</v>
      </c>
      <c r="D129" s="1" t="s">
        <v>558</v>
      </c>
      <c r="E129" s="1" t="s">
        <v>559</v>
      </c>
      <c r="F129" s="1" t="s">
        <v>560</v>
      </c>
      <c r="G129" s="1" t="s">
        <v>449</v>
      </c>
      <c r="H129" s="1" t="s">
        <v>13</v>
      </c>
      <c r="I129" s="1" t="s">
        <v>450</v>
      </c>
      <c r="J129" s="1" t="s">
        <v>561</v>
      </c>
    </row>
    <row r="130" spans="1:10" x14ac:dyDescent="0.35">
      <c r="A130" s="1" t="s">
        <v>444</v>
      </c>
      <c r="B130" s="1" t="s">
        <v>445</v>
      </c>
      <c r="C130" s="1" t="s">
        <v>155</v>
      </c>
      <c r="D130" s="1" t="s">
        <v>562</v>
      </c>
      <c r="E130" s="1" t="s">
        <v>563</v>
      </c>
      <c r="F130" s="1" t="s">
        <v>564</v>
      </c>
      <c r="G130" s="1" t="s">
        <v>449</v>
      </c>
      <c r="H130" s="1" t="s">
        <v>13</v>
      </c>
      <c r="I130" s="1" t="s">
        <v>450</v>
      </c>
      <c r="J130" s="1" t="s">
        <v>565</v>
      </c>
    </row>
    <row r="131" spans="1:10" x14ac:dyDescent="0.35">
      <c r="A131" s="1" t="s">
        <v>444</v>
      </c>
      <c r="B131" s="1" t="s">
        <v>445</v>
      </c>
      <c r="C131" s="1" t="s">
        <v>160</v>
      </c>
      <c r="D131" s="1" t="s">
        <v>566</v>
      </c>
      <c r="E131" s="1" t="s">
        <v>567</v>
      </c>
      <c r="F131" s="1" t="s">
        <v>568</v>
      </c>
      <c r="G131" s="1" t="s">
        <v>449</v>
      </c>
      <c r="H131" s="1" t="s">
        <v>13</v>
      </c>
      <c r="I131" s="1" t="s">
        <v>450</v>
      </c>
      <c r="J131" s="1" t="s">
        <v>569</v>
      </c>
    </row>
    <row r="132" spans="1:10" x14ac:dyDescent="0.35">
      <c r="A132" s="1" t="s">
        <v>444</v>
      </c>
      <c r="B132" s="1" t="s">
        <v>445</v>
      </c>
      <c r="C132" s="1" t="s">
        <v>165</v>
      </c>
      <c r="D132" s="1" t="s">
        <v>570</v>
      </c>
      <c r="E132" s="1" t="s">
        <v>571</v>
      </c>
      <c r="F132" s="1" t="s">
        <v>572</v>
      </c>
      <c r="G132" s="1" t="s">
        <v>449</v>
      </c>
      <c r="H132" s="1" t="s">
        <v>13</v>
      </c>
      <c r="I132" s="1" t="s">
        <v>450</v>
      </c>
      <c r="J132" s="1" t="s">
        <v>573</v>
      </c>
    </row>
    <row r="133" spans="1:10" x14ac:dyDescent="0.35">
      <c r="A133" s="1" t="s">
        <v>444</v>
      </c>
      <c r="B133" s="1" t="s">
        <v>445</v>
      </c>
      <c r="C133" s="1" t="s">
        <v>170</v>
      </c>
      <c r="D133" s="1" t="s">
        <v>574</v>
      </c>
      <c r="E133" s="1" t="s">
        <v>575</v>
      </c>
      <c r="F133" s="1" t="s">
        <v>576</v>
      </c>
      <c r="G133" s="1" t="s">
        <v>449</v>
      </c>
      <c r="H133" s="1" t="s">
        <v>13</v>
      </c>
      <c r="I133" s="1" t="s">
        <v>450</v>
      </c>
      <c r="J133" s="1" t="s">
        <v>577</v>
      </c>
    </row>
    <row r="134" spans="1:10" x14ac:dyDescent="0.35">
      <c r="A134" s="1" t="s">
        <v>578</v>
      </c>
      <c r="B134" s="1" t="s">
        <v>579</v>
      </c>
      <c r="C134" s="1" t="s">
        <v>8</v>
      </c>
      <c r="D134" s="1" t="s">
        <v>580</v>
      </c>
      <c r="E134" s="1" t="s">
        <v>581</v>
      </c>
      <c r="F134" s="1" t="s">
        <v>582</v>
      </c>
      <c r="G134" s="1" t="s">
        <v>583</v>
      </c>
      <c r="H134" s="1" t="s">
        <v>13</v>
      </c>
      <c r="I134" s="1" t="s">
        <v>584</v>
      </c>
      <c r="J134" s="1" t="s">
        <v>13</v>
      </c>
    </row>
    <row r="135" spans="1:10" x14ac:dyDescent="0.35">
      <c r="A135" s="1" t="s">
        <v>578</v>
      </c>
      <c r="B135" s="1" t="s">
        <v>579</v>
      </c>
      <c r="C135" s="1" t="s">
        <v>15</v>
      </c>
      <c r="D135" s="1" t="s">
        <v>585</v>
      </c>
      <c r="E135" s="1" t="s">
        <v>586</v>
      </c>
      <c r="F135" s="1" t="s">
        <v>587</v>
      </c>
      <c r="G135" s="1" t="s">
        <v>583</v>
      </c>
      <c r="H135" s="1" t="s">
        <v>13</v>
      </c>
      <c r="I135" s="1" t="s">
        <v>584</v>
      </c>
      <c r="J135" s="1" t="s">
        <v>588</v>
      </c>
    </row>
    <row r="136" spans="1:10" x14ac:dyDescent="0.35">
      <c r="A136" s="1" t="s">
        <v>578</v>
      </c>
      <c r="B136" s="1" t="s">
        <v>579</v>
      </c>
      <c r="C136" s="1" t="s">
        <v>20</v>
      </c>
      <c r="D136" s="1" t="s">
        <v>589</v>
      </c>
      <c r="E136" s="1" t="s">
        <v>590</v>
      </c>
      <c r="F136" s="1" t="s">
        <v>591</v>
      </c>
      <c r="G136" s="1" t="s">
        <v>583</v>
      </c>
      <c r="H136" s="1" t="s">
        <v>13</v>
      </c>
      <c r="I136" s="1" t="s">
        <v>584</v>
      </c>
      <c r="J136" s="1" t="s">
        <v>592</v>
      </c>
    </row>
    <row r="137" spans="1:10" x14ac:dyDescent="0.35">
      <c r="A137" s="1" t="s">
        <v>578</v>
      </c>
      <c r="B137" s="1" t="s">
        <v>579</v>
      </c>
      <c r="C137" s="1" t="s">
        <v>25</v>
      </c>
      <c r="D137" s="1" t="s">
        <v>593</v>
      </c>
      <c r="E137" s="1" t="s">
        <v>594</v>
      </c>
      <c r="F137" s="1" t="s">
        <v>595</v>
      </c>
      <c r="G137" s="1" t="s">
        <v>583</v>
      </c>
      <c r="H137" s="1" t="s">
        <v>13</v>
      </c>
      <c r="I137" s="1" t="s">
        <v>584</v>
      </c>
      <c r="J137" s="1" t="s">
        <v>596</v>
      </c>
    </row>
    <row r="138" spans="1:10" x14ac:dyDescent="0.35">
      <c r="A138" s="1" t="s">
        <v>578</v>
      </c>
      <c r="B138" s="1" t="s">
        <v>579</v>
      </c>
      <c r="C138" s="1" t="s">
        <v>30</v>
      </c>
      <c r="D138" s="1" t="s">
        <v>597</v>
      </c>
      <c r="E138" s="1" t="s">
        <v>598</v>
      </c>
      <c r="F138" s="1" t="s">
        <v>599</v>
      </c>
      <c r="G138" s="1" t="s">
        <v>583</v>
      </c>
      <c r="H138" s="1" t="s">
        <v>13</v>
      </c>
      <c r="I138" s="1" t="s">
        <v>584</v>
      </c>
      <c r="J138" s="1" t="s">
        <v>600</v>
      </c>
    </row>
    <row r="139" spans="1:10" x14ac:dyDescent="0.35">
      <c r="A139" s="1" t="s">
        <v>578</v>
      </c>
      <c r="B139" s="1" t="s">
        <v>579</v>
      </c>
      <c r="C139" s="1" t="s">
        <v>35</v>
      </c>
      <c r="D139" s="1" t="s">
        <v>601</v>
      </c>
      <c r="E139" s="1" t="s">
        <v>602</v>
      </c>
      <c r="F139" s="1" t="s">
        <v>603</v>
      </c>
      <c r="G139" s="1" t="s">
        <v>583</v>
      </c>
      <c r="H139" s="1" t="s">
        <v>13</v>
      </c>
      <c r="I139" s="1" t="s">
        <v>584</v>
      </c>
      <c r="J139" s="1" t="s">
        <v>604</v>
      </c>
    </row>
    <row r="140" spans="1:10" x14ac:dyDescent="0.35">
      <c r="A140" s="1" t="s">
        <v>578</v>
      </c>
      <c r="B140" s="1" t="s">
        <v>579</v>
      </c>
      <c r="C140" s="1" t="s">
        <v>40</v>
      </c>
      <c r="D140" s="1" t="s">
        <v>605</v>
      </c>
      <c r="E140" s="1" t="s">
        <v>606</v>
      </c>
      <c r="F140" s="1" t="s">
        <v>607</v>
      </c>
      <c r="G140" s="1" t="s">
        <v>583</v>
      </c>
      <c r="H140" s="1" t="s">
        <v>13</v>
      </c>
      <c r="I140" s="1" t="s">
        <v>584</v>
      </c>
      <c r="J140" s="1" t="s">
        <v>608</v>
      </c>
    </row>
    <row r="141" spans="1:10" x14ac:dyDescent="0.35">
      <c r="A141" s="1" t="s">
        <v>578</v>
      </c>
      <c r="B141" s="1" t="s">
        <v>579</v>
      </c>
      <c r="C141" s="1" t="s">
        <v>45</v>
      </c>
      <c r="D141" s="1" t="s">
        <v>609</v>
      </c>
      <c r="E141" s="1" t="s">
        <v>610</v>
      </c>
      <c r="F141" s="1" t="s">
        <v>611</v>
      </c>
      <c r="G141" s="1" t="s">
        <v>583</v>
      </c>
      <c r="H141" s="1" t="s">
        <v>13</v>
      </c>
      <c r="I141" s="1" t="s">
        <v>584</v>
      </c>
      <c r="J141" s="1" t="s">
        <v>612</v>
      </c>
    </row>
    <row r="142" spans="1:10" x14ac:dyDescent="0.35">
      <c r="A142" s="1" t="s">
        <v>578</v>
      </c>
      <c r="B142" s="1" t="s">
        <v>579</v>
      </c>
      <c r="C142" s="1" t="s">
        <v>50</v>
      </c>
      <c r="D142" s="1" t="s">
        <v>613</v>
      </c>
      <c r="E142" s="1" t="s">
        <v>614</v>
      </c>
      <c r="F142" s="1" t="s">
        <v>615</v>
      </c>
      <c r="G142" s="1" t="s">
        <v>583</v>
      </c>
      <c r="H142" s="1" t="s">
        <v>13</v>
      </c>
      <c r="I142" s="1" t="s">
        <v>584</v>
      </c>
      <c r="J142" s="1" t="s">
        <v>616</v>
      </c>
    </row>
    <row r="143" spans="1:10" x14ac:dyDescent="0.35">
      <c r="A143" s="1" t="s">
        <v>578</v>
      </c>
      <c r="B143" s="1" t="s">
        <v>579</v>
      </c>
      <c r="C143" s="1" t="s">
        <v>55</v>
      </c>
      <c r="D143" s="1" t="s">
        <v>277</v>
      </c>
      <c r="E143" s="1" t="s">
        <v>617</v>
      </c>
      <c r="F143" s="1" t="s">
        <v>618</v>
      </c>
      <c r="G143" s="1" t="s">
        <v>583</v>
      </c>
      <c r="H143" s="1" t="s">
        <v>13</v>
      </c>
      <c r="I143" s="1" t="s">
        <v>584</v>
      </c>
      <c r="J143" s="1" t="s">
        <v>619</v>
      </c>
    </row>
    <row r="144" spans="1:10" x14ac:dyDescent="0.35">
      <c r="A144" s="1" t="s">
        <v>578</v>
      </c>
      <c r="B144" s="1" t="s">
        <v>579</v>
      </c>
      <c r="C144" s="1" t="s">
        <v>60</v>
      </c>
      <c r="D144" s="1" t="s">
        <v>620</v>
      </c>
      <c r="E144" s="1" t="s">
        <v>621</v>
      </c>
      <c r="F144" s="1" t="s">
        <v>622</v>
      </c>
      <c r="G144" s="1" t="s">
        <v>583</v>
      </c>
      <c r="H144" s="1" t="s">
        <v>13</v>
      </c>
      <c r="I144" s="1" t="s">
        <v>584</v>
      </c>
      <c r="J144" s="1" t="s">
        <v>623</v>
      </c>
    </row>
    <row r="145" spans="1:10" x14ac:dyDescent="0.35">
      <c r="A145" s="1" t="s">
        <v>578</v>
      </c>
      <c r="B145" s="1" t="s">
        <v>579</v>
      </c>
      <c r="C145" s="1" t="s">
        <v>65</v>
      </c>
      <c r="D145" s="1" t="s">
        <v>624</v>
      </c>
      <c r="E145" s="1" t="s">
        <v>625</v>
      </c>
      <c r="F145" s="1" t="s">
        <v>626</v>
      </c>
      <c r="G145" s="1" t="s">
        <v>583</v>
      </c>
      <c r="H145" s="1" t="s">
        <v>13</v>
      </c>
      <c r="I145" s="1" t="s">
        <v>584</v>
      </c>
      <c r="J145" s="1" t="s">
        <v>627</v>
      </c>
    </row>
    <row r="146" spans="1:10" x14ac:dyDescent="0.35">
      <c r="A146" s="1" t="s">
        <v>578</v>
      </c>
      <c r="B146" s="1" t="s">
        <v>579</v>
      </c>
      <c r="C146" s="1" t="s">
        <v>70</v>
      </c>
      <c r="D146" s="1" t="s">
        <v>628</v>
      </c>
      <c r="E146" s="1" t="s">
        <v>629</v>
      </c>
      <c r="F146" s="1" t="s">
        <v>630</v>
      </c>
      <c r="G146" s="1" t="s">
        <v>583</v>
      </c>
      <c r="H146" s="1" t="s">
        <v>13</v>
      </c>
      <c r="I146" s="1" t="s">
        <v>584</v>
      </c>
      <c r="J146" s="1" t="s">
        <v>631</v>
      </c>
    </row>
    <row r="147" spans="1:10" x14ac:dyDescent="0.35">
      <c r="A147" s="1" t="s">
        <v>578</v>
      </c>
      <c r="B147" s="1" t="s">
        <v>579</v>
      </c>
      <c r="C147" s="1" t="s">
        <v>75</v>
      </c>
      <c r="D147" s="1" t="s">
        <v>632</v>
      </c>
      <c r="E147" s="1" t="s">
        <v>633</v>
      </c>
      <c r="F147" s="1" t="s">
        <v>634</v>
      </c>
      <c r="G147" s="1" t="s">
        <v>583</v>
      </c>
      <c r="H147" s="1" t="s">
        <v>13</v>
      </c>
      <c r="I147" s="1" t="s">
        <v>584</v>
      </c>
      <c r="J147" s="1" t="s">
        <v>635</v>
      </c>
    </row>
    <row r="148" spans="1:10" x14ac:dyDescent="0.35">
      <c r="A148" s="1" t="s">
        <v>578</v>
      </c>
      <c r="B148" s="1" t="s">
        <v>579</v>
      </c>
      <c r="C148" s="1" t="s">
        <v>80</v>
      </c>
      <c r="D148" s="1" t="s">
        <v>636</v>
      </c>
      <c r="E148" s="1" t="s">
        <v>637</v>
      </c>
      <c r="F148" s="1" t="s">
        <v>638</v>
      </c>
      <c r="G148" s="1" t="s">
        <v>583</v>
      </c>
      <c r="H148" s="1" t="s">
        <v>13</v>
      </c>
      <c r="I148" s="1" t="s">
        <v>584</v>
      </c>
      <c r="J148" s="1" t="s">
        <v>639</v>
      </c>
    </row>
    <row r="149" spans="1:10" x14ac:dyDescent="0.35">
      <c r="A149" s="1" t="s">
        <v>578</v>
      </c>
      <c r="B149" s="1" t="s">
        <v>579</v>
      </c>
      <c r="C149" s="1" t="s">
        <v>85</v>
      </c>
      <c r="D149" s="1" t="s">
        <v>640</v>
      </c>
      <c r="E149" s="1" t="s">
        <v>641</v>
      </c>
      <c r="F149" s="1" t="s">
        <v>642</v>
      </c>
      <c r="G149" s="1" t="s">
        <v>583</v>
      </c>
      <c r="H149" s="1" t="s">
        <v>13</v>
      </c>
      <c r="I149" s="1" t="s">
        <v>584</v>
      </c>
      <c r="J149" s="1" t="s">
        <v>643</v>
      </c>
    </row>
    <row r="150" spans="1:10" x14ac:dyDescent="0.35">
      <c r="A150" s="1" t="s">
        <v>578</v>
      </c>
      <c r="B150" s="1" t="s">
        <v>579</v>
      </c>
      <c r="C150" s="1" t="s">
        <v>90</v>
      </c>
      <c r="D150" s="1" t="s">
        <v>644</v>
      </c>
      <c r="E150" s="1" t="s">
        <v>645</v>
      </c>
      <c r="F150" s="1" t="s">
        <v>646</v>
      </c>
      <c r="G150" s="1" t="s">
        <v>583</v>
      </c>
      <c r="H150" s="1" t="s">
        <v>13</v>
      </c>
      <c r="I150" s="1" t="s">
        <v>584</v>
      </c>
      <c r="J150" s="1" t="s">
        <v>647</v>
      </c>
    </row>
    <row r="151" spans="1:10" x14ac:dyDescent="0.35">
      <c r="A151" s="1" t="s">
        <v>578</v>
      </c>
      <c r="B151" s="1" t="s">
        <v>579</v>
      </c>
      <c r="C151" s="1" t="s">
        <v>95</v>
      </c>
      <c r="D151" s="1" t="s">
        <v>648</v>
      </c>
      <c r="E151" s="1" t="s">
        <v>649</v>
      </c>
      <c r="F151" s="1" t="s">
        <v>650</v>
      </c>
      <c r="G151" s="1" t="s">
        <v>583</v>
      </c>
      <c r="H151" s="1" t="s">
        <v>13</v>
      </c>
      <c r="I151" s="1" t="s">
        <v>584</v>
      </c>
      <c r="J151" s="1" t="s">
        <v>651</v>
      </c>
    </row>
    <row r="152" spans="1:10" x14ac:dyDescent="0.35">
      <c r="A152" s="1" t="s">
        <v>578</v>
      </c>
      <c r="B152" s="1" t="s">
        <v>579</v>
      </c>
      <c r="C152" s="1" t="s">
        <v>100</v>
      </c>
      <c r="D152" s="1" t="s">
        <v>652</v>
      </c>
      <c r="E152" s="1" t="s">
        <v>653</v>
      </c>
      <c r="F152" s="1" t="s">
        <v>654</v>
      </c>
      <c r="G152" s="1" t="s">
        <v>583</v>
      </c>
      <c r="H152" s="1" t="s">
        <v>13</v>
      </c>
      <c r="I152" s="1" t="s">
        <v>584</v>
      </c>
      <c r="J152" s="1" t="s">
        <v>655</v>
      </c>
    </row>
    <row r="153" spans="1:10" x14ac:dyDescent="0.35">
      <c r="A153" s="1" t="s">
        <v>578</v>
      </c>
      <c r="B153" s="1" t="s">
        <v>579</v>
      </c>
      <c r="C153" s="1" t="s">
        <v>105</v>
      </c>
      <c r="D153" s="1" t="s">
        <v>656</v>
      </c>
      <c r="E153" s="1" t="s">
        <v>657</v>
      </c>
      <c r="F153" s="1" t="s">
        <v>658</v>
      </c>
      <c r="G153" s="1" t="s">
        <v>583</v>
      </c>
      <c r="H153" s="1" t="s">
        <v>13</v>
      </c>
      <c r="I153" s="1" t="s">
        <v>584</v>
      </c>
      <c r="J153" s="1" t="s">
        <v>659</v>
      </c>
    </row>
    <row r="154" spans="1:10" x14ac:dyDescent="0.35">
      <c r="A154" s="1" t="s">
        <v>578</v>
      </c>
      <c r="B154" s="1" t="s">
        <v>579</v>
      </c>
      <c r="C154" s="1" t="s">
        <v>110</v>
      </c>
      <c r="D154" s="1" t="s">
        <v>628</v>
      </c>
      <c r="E154" s="1" t="s">
        <v>660</v>
      </c>
      <c r="F154" s="1" t="s">
        <v>661</v>
      </c>
      <c r="G154" s="1" t="s">
        <v>583</v>
      </c>
      <c r="H154" s="1" t="s">
        <v>13</v>
      </c>
      <c r="I154" s="1" t="s">
        <v>584</v>
      </c>
      <c r="J154" s="1" t="s">
        <v>662</v>
      </c>
    </row>
    <row r="155" spans="1:10" x14ac:dyDescent="0.35">
      <c r="A155" s="1" t="s">
        <v>578</v>
      </c>
      <c r="B155" s="1" t="s">
        <v>579</v>
      </c>
      <c r="C155" s="1" t="s">
        <v>115</v>
      </c>
      <c r="D155" s="1" t="s">
        <v>663</v>
      </c>
      <c r="E155" s="1" t="s">
        <v>664</v>
      </c>
      <c r="F155" s="1" t="s">
        <v>665</v>
      </c>
      <c r="G155" s="1" t="s">
        <v>583</v>
      </c>
      <c r="H155" s="1" t="s">
        <v>13</v>
      </c>
      <c r="I155" s="1" t="s">
        <v>584</v>
      </c>
      <c r="J155" s="1" t="s">
        <v>666</v>
      </c>
    </row>
    <row r="156" spans="1:10" x14ac:dyDescent="0.35">
      <c r="A156" s="1" t="s">
        <v>578</v>
      </c>
      <c r="B156" s="1" t="s">
        <v>579</v>
      </c>
      <c r="C156" s="1" t="s">
        <v>120</v>
      </c>
      <c r="D156" s="1" t="s">
        <v>667</v>
      </c>
      <c r="E156" s="1" t="s">
        <v>668</v>
      </c>
      <c r="F156" s="1" t="s">
        <v>669</v>
      </c>
      <c r="G156" s="1" t="s">
        <v>583</v>
      </c>
      <c r="H156" s="1" t="s">
        <v>13</v>
      </c>
      <c r="I156" s="1" t="s">
        <v>584</v>
      </c>
      <c r="J156" s="1" t="s">
        <v>670</v>
      </c>
    </row>
    <row r="157" spans="1:10" x14ac:dyDescent="0.35">
      <c r="A157" s="1" t="s">
        <v>578</v>
      </c>
      <c r="B157" s="1" t="s">
        <v>579</v>
      </c>
      <c r="C157" s="1" t="s">
        <v>125</v>
      </c>
      <c r="D157" s="1" t="s">
        <v>671</v>
      </c>
      <c r="E157" s="1" t="s">
        <v>672</v>
      </c>
      <c r="F157" s="1" t="s">
        <v>673</v>
      </c>
      <c r="G157" s="1" t="s">
        <v>583</v>
      </c>
      <c r="H157" s="1" t="s">
        <v>13</v>
      </c>
      <c r="I157" s="1" t="s">
        <v>584</v>
      </c>
      <c r="J157" s="1" t="s">
        <v>674</v>
      </c>
    </row>
    <row r="158" spans="1:10" x14ac:dyDescent="0.35">
      <c r="A158" s="1" t="s">
        <v>578</v>
      </c>
      <c r="B158" s="1" t="s">
        <v>579</v>
      </c>
      <c r="C158" s="1" t="s">
        <v>130</v>
      </c>
      <c r="D158" s="1" t="s">
        <v>675</v>
      </c>
      <c r="E158" s="1" t="s">
        <v>676</v>
      </c>
      <c r="F158" s="1" t="s">
        <v>677</v>
      </c>
      <c r="G158" s="1" t="s">
        <v>583</v>
      </c>
      <c r="H158" s="1" t="s">
        <v>13</v>
      </c>
      <c r="I158" s="1" t="s">
        <v>584</v>
      </c>
      <c r="J158" s="1" t="s">
        <v>678</v>
      </c>
    </row>
    <row r="159" spans="1:10" x14ac:dyDescent="0.35">
      <c r="A159" s="1" t="s">
        <v>578</v>
      </c>
      <c r="B159" s="1" t="s">
        <v>579</v>
      </c>
      <c r="C159" s="1" t="s">
        <v>135</v>
      </c>
      <c r="D159" s="1" t="s">
        <v>679</v>
      </c>
      <c r="E159" s="1" t="s">
        <v>680</v>
      </c>
      <c r="F159" s="1" t="s">
        <v>681</v>
      </c>
      <c r="G159" s="1" t="s">
        <v>583</v>
      </c>
      <c r="H159" s="1" t="s">
        <v>13</v>
      </c>
      <c r="I159" s="1" t="s">
        <v>584</v>
      </c>
      <c r="J159" s="1" t="s">
        <v>682</v>
      </c>
    </row>
    <row r="160" spans="1:10" x14ac:dyDescent="0.35">
      <c r="A160" s="1" t="s">
        <v>578</v>
      </c>
      <c r="B160" s="1" t="s">
        <v>579</v>
      </c>
      <c r="C160" s="1" t="s">
        <v>140</v>
      </c>
      <c r="D160" s="1" t="s">
        <v>683</v>
      </c>
      <c r="E160" s="1" t="s">
        <v>684</v>
      </c>
      <c r="F160" s="1" t="s">
        <v>685</v>
      </c>
      <c r="G160" s="1" t="s">
        <v>583</v>
      </c>
      <c r="H160" s="1" t="s">
        <v>13</v>
      </c>
      <c r="I160" s="1" t="s">
        <v>584</v>
      </c>
      <c r="J160" s="1" t="s">
        <v>686</v>
      </c>
    </row>
    <row r="161" spans="1:10" x14ac:dyDescent="0.35">
      <c r="A161" s="1" t="s">
        <v>578</v>
      </c>
      <c r="B161" s="1" t="s">
        <v>579</v>
      </c>
      <c r="C161" s="1" t="s">
        <v>145</v>
      </c>
      <c r="D161" s="1" t="s">
        <v>687</v>
      </c>
      <c r="E161" s="1" t="s">
        <v>688</v>
      </c>
      <c r="F161" s="1" t="s">
        <v>689</v>
      </c>
      <c r="G161" s="1" t="s">
        <v>583</v>
      </c>
      <c r="H161" s="1" t="s">
        <v>13</v>
      </c>
      <c r="I161" s="1" t="s">
        <v>584</v>
      </c>
      <c r="J161" s="1" t="s">
        <v>690</v>
      </c>
    </row>
    <row r="162" spans="1:10" x14ac:dyDescent="0.35">
      <c r="A162" s="1" t="s">
        <v>578</v>
      </c>
      <c r="B162" s="1" t="s">
        <v>579</v>
      </c>
      <c r="C162" s="1" t="s">
        <v>150</v>
      </c>
      <c r="D162" s="1" t="s">
        <v>691</v>
      </c>
      <c r="E162" s="1" t="s">
        <v>692</v>
      </c>
      <c r="F162" s="1" t="s">
        <v>693</v>
      </c>
      <c r="G162" s="1" t="s">
        <v>583</v>
      </c>
      <c r="H162" s="1" t="s">
        <v>13</v>
      </c>
      <c r="I162" s="1" t="s">
        <v>584</v>
      </c>
      <c r="J162" s="1" t="s">
        <v>694</v>
      </c>
    </row>
    <row r="163" spans="1:10" x14ac:dyDescent="0.35">
      <c r="A163" s="1" t="s">
        <v>578</v>
      </c>
      <c r="B163" s="1" t="s">
        <v>579</v>
      </c>
      <c r="C163" s="1" t="s">
        <v>155</v>
      </c>
      <c r="D163" s="1" t="s">
        <v>695</v>
      </c>
      <c r="E163" s="1" t="s">
        <v>696</v>
      </c>
      <c r="F163" s="1" t="s">
        <v>697</v>
      </c>
      <c r="G163" s="1" t="s">
        <v>583</v>
      </c>
      <c r="H163" s="1" t="s">
        <v>13</v>
      </c>
      <c r="I163" s="1" t="s">
        <v>584</v>
      </c>
      <c r="J163" s="1" t="s">
        <v>698</v>
      </c>
    </row>
    <row r="164" spans="1:10" x14ac:dyDescent="0.35">
      <c r="A164" s="1" t="s">
        <v>578</v>
      </c>
      <c r="B164" s="1" t="s">
        <v>579</v>
      </c>
      <c r="C164" s="1" t="s">
        <v>160</v>
      </c>
      <c r="D164" s="1" t="s">
        <v>699</v>
      </c>
      <c r="E164" s="1" t="s">
        <v>700</v>
      </c>
      <c r="F164" s="1" t="s">
        <v>701</v>
      </c>
      <c r="G164" s="1" t="s">
        <v>583</v>
      </c>
      <c r="H164" s="1" t="s">
        <v>13</v>
      </c>
      <c r="I164" s="1" t="s">
        <v>584</v>
      </c>
      <c r="J164" s="1" t="s">
        <v>702</v>
      </c>
    </row>
    <row r="165" spans="1:10" x14ac:dyDescent="0.35">
      <c r="A165" s="1" t="s">
        <v>578</v>
      </c>
      <c r="B165" s="1" t="s">
        <v>579</v>
      </c>
      <c r="C165" s="1" t="s">
        <v>165</v>
      </c>
      <c r="D165" s="1" t="s">
        <v>703</v>
      </c>
      <c r="E165" s="1" t="s">
        <v>704</v>
      </c>
      <c r="F165" s="1" t="s">
        <v>705</v>
      </c>
      <c r="G165" s="1" t="s">
        <v>583</v>
      </c>
      <c r="H165" s="1" t="s">
        <v>13</v>
      </c>
      <c r="I165" s="1" t="s">
        <v>584</v>
      </c>
      <c r="J165" s="1" t="s">
        <v>706</v>
      </c>
    </row>
    <row r="166" spans="1:10" x14ac:dyDescent="0.35">
      <c r="A166" s="1" t="s">
        <v>578</v>
      </c>
      <c r="B166" s="1" t="s">
        <v>579</v>
      </c>
      <c r="C166" s="1" t="s">
        <v>170</v>
      </c>
      <c r="D166" s="1" t="s">
        <v>707</v>
      </c>
      <c r="E166" s="1" t="s">
        <v>708</v>
      </c>
      <c r="F166" s="1" t="s">
        <v>709</v>
      </c>
      <c r="G166" s="1" t="s">
        <v>583</v>
      </c>
      <c r="H166" s="1" t="s">
        <v>13</v>
      </c>
      <c r="I166" s="1" t="s">
        <v>584</v>
      </c>
      <c r="J166" s="1" t="s">
        <v>710</v>
      </c>
    </row>
    <row r="167" spans="1:10" x14ac:dyDescent="0.35">
      <c r="A167" s="1" t="s">
        <v>711</v>
      </c>
      <c r="B167" s="1" t="s">
        <v>712</v>
      </c>
      <c r="C167" s="1" t="s">
        <v>8</v>
      </c>
      <c r="D167" s="1" t="s">
        <v>713</v>
      </c>
      <c r="E167" s="1" t="s">
        <v>714</v>
      </c>
      <c r="F167" s="1" t="s">
        <v>715</v>
      </c>
      <c r="G167" s="1" t="s">
        <v>716</v>
      </c>
      <c r="H167" s="1" t="s">
        <v>13</v>
      </c>
      <c r="I167" s="1" t="s">
        <v>717</v>
      </c>
      <c r="J167" s="1" t="s">
        <v>13</v>
      </c>
    </row>
    <row r="168" spans="1:10" x14ac:dyDescent="0.35">
      <c r="A168" s="1" t="s">
        <v>711</v>
      </c>
      <c r="B168" s="1" t="s">
        <v>712</v>
      </c>
      <c r="C168" s="1" t="s">
        <v>15</v>
      </c>
      <c r="D168" s="1" t="s">
        <v>718</v>
      </c>
      <c r="E168" s="1" t="s">
        <v>719</v>
      </c>
      <c r="F168" s="1" t="s">
        <v>720</v>
      </c>
      <c r="G168" s="1" t="s">
        <v>716</v>
      </c>
      <c r="H168" s="1" t="s">
        <v>13</v>
      </c>
      <c r="I168" s="1" t="s">
        <v>717</v>
      </c>
      <c r="J168" s="1" t="s">
        <v>721</v>
      </c>
    </row>
    <row r="169" spans="1:10" x14ac:dyDescent="0.35">
      <c r="A169" s="1" t="s">
        <v>711</v>
      </c>
      <c r="B169" s="1" t="s">
        <v>712</v>
      </c>
      <c r="C169" s="1" t="s">
        <v>20</v>
      </c>
      <c r="D169" s="1" t="s">
        <v>722</v>
      </c>
      <c r="E169" s="1" t="s">
        <v>723</v>
      </c>
      <c r="F169" s="1" t="s">
        <v>720</v>
      </c>
      <c r="G169" s="1" t="s">
        <v>716</v>
      </c>
      <c r="H169" s="1" t="s">
        <v>13</v>
      </c>
      <c r="I169" s="1" t="s">
        <v>717</v>
      </c>
      <c r="J169" s="1" t="s">
        <v>724</v>
      </c>
    </row>
    <row r="170" spans="1:10" x14ac:dyDescent="0.35">
      <c r="A170" s="1" t="s">
        <v>711</v>
      </c>
      <c r="B170" s="1" t="s">
        <v>712</v>
      </c>
      <c r="C170" s="1" t="s">
        <v>25</v>
      </c>
      <c r="D170" s="1" t="s">
        <v>725</v>
      </c>
      <c r="E170" s="1" t="s">
        <v>726</v>
      </c>
      <c r="F170" s="1" t="s">
        <v>720</v>
      </c>
      <c r="G170" s="1" t="s">
        <v>716</v>
      </c>
      <c r="H170" s="1" t="s">
        <v>13</v>
      </c>
      <c r="I170" s="1" t="s">
        <v>717</v>
      </c>
      <c r="J170" s="1" t="s">
        <v>727</v>
      </c>
    </row>
    <row r="171" spans="1:10" x14ac:dyDescent="0.35">
      <c r="A171" s="1" t="s">
        <v>711</v>
      </c>
      <c r="B171" s="1" t="s">
        <v>712</v>
      </c>
      <c r="C171" s="1" t="s">
        <v>30</v>
      </c>
      <c r="D171" s="1" t="s">
        <v>728</v>
      </c>
      <c r="E171" s="1" t="s">
        <v>729</v>
      </c>
      <c r="F171" s="1" t="s">
        <v>720</v>
      </c>
      <c r="G171" s="1" t="s">
        <v>716</v>
      </c>
      <c r="H171" s="1" t="s">
        <v>13</v>
      </c>
      <c r="I171" s="1" t="s">
        <v>717</v>
      </c>
      <c r="J171" s="1" t="s">
        <v>730</v>
      </c>
    </row>
    <row r="172" spans="1:10" x14ac:dyDescent="0.35">
      <c r="A172" s="1" t="s">
        <v>711</v>
      </c>
      <c r="B172" s="1" t="s">
        <v>712</v>
      </c>
      <c r="C172" s="1" t="s">
        <v>35</v>
      </c>
      <c r="D172" s="1" t="s">
        <v>731</v>
      </c>
      <c r="E172" s="1" t="s">
        <v>732</v>
      </c>
      <c r="F172" s="1" t="s">
        <v>720</v>
      </c>
      <c r="G172" s="1" t="s">
        <v>716</v>
      </c>
      <c r="H172" s="1" t="s">
        <v>13</v>
      </c>
      <c r="I172" s="1" t="s">
        <v>717</v>
      </c>
      <c r="J172" s="1" t="s">
        <v>733</v>
      </c>
    </row>
    <row r="173" spans="1:10" x14ac:dyDescent="0.35">
      <c r="A173" s="1" t="s">
        <v>711</v>
      </c>
      <c r="B173" s="1" t="s">
        <v>712</v>
      </c>
      <c r="C173" s="1" t="s">
        <v>40</v>
      </c>
      <c r="D173" s="1" t="s">
        <v>734</v>
      </c>
      <c r="E173" s="1" t="s">
        <v>735</v>
      </c>
      <c r="F173" s="1" t="s">
        <v>720</v>
      </c>
      <c r="G173" s="1" t="s">
        <v>716</v>
      </c>
      <c r="H173" s="1" t="s">
        <v>13</v>
      </c>
      <c r="I173" s="1" t="s">
        <v>717</v>
      </c>
      <c r="J173" s="1" t="s">
        <v>736</v>
      </c>
    </row>
    <row r="174" spans="1:10" x14ac:dyDescent="0.35">
      <c r="A174" s="1" t="s">
        <v>711</v>
      </c>
      <c r="B174" s="1" t="s">
        <v>712</v>
      </c>
      <c r="C174" s="1" t="s">
        <v>45</v>
      </c>
      <c r="D174" s="1" t="s">
        <v>737</v>
      </c>
      <c r="E174" s="1" t="s">
        <v>735</v>
      </c>
      <c r="F174" s="1" t="s">
        <v>720</v>
      </c>
      <c r="G174" s="1" t="s">
        <v>716</v>
      </c>
      <c r="H174" s="1" t="s">
        <v>13</v>
      </c>
      <c r="I174" s="1" t="s">
        <v>717</v>
      </c>
      <c r="J174" s="1" t="s">
        <v>738</v>
      </c>
    </row>
    <row r="175" spans="1:10" x14ac:dyDescent="0.35">
      <c r="A175" s="1" t="s">
        <v>711</v>
      </c>
      <c r="B175" s="1" t="s">
        <v>712</v>
      </c>
      <c r="C175" s="1" t="s">
        <v>50</v>
      </c>
      <c r="D175" s="1" t="s">
        <v>739</v>
      </c>
      <c r="E175" s="1" t="s">
        <v>740</v>
      </c>
      <c r="F175" s="1" t="s">
        <v>720</v>
      </c>
      <c r="G175" s="1" t="s">
        <v>716</v>
      </c>
      <c r="H175" s="1" t="s">
        <v>13</v>
      </c>
      <c r="I175" s="1" t="s">
        <v>717</v>
      </c>
      <c r="J175" s="1" t="s">
        <v>741</v>
      </c>
    </row>
    <row r="176" spans="1:10" x14ac:dyDescent="0.35">
      <c r="A176" s="1" t="s">
        <v>711</v>
      </c>
      <c r="B176" s="1" t="s">
        <v>712</v>
      </c>
      <c r="C176" s="1" t="s">
        <v>55</v>
      </c>
      <c r="D176" s="1" t="s">
        <v>742</v>
      </c>
      <c r="E176" s="1" t="s">
        <v>732</v>
      </c>
      <c r="F176" s="1" t="s">
        <v>720</v>
      </c>
      <c r="G176" s="1" t="s">
        <v>716</v>
      </c>
      <c r="H176" s="1" t="s">
        <v>13</v>
      </c>
      <c r="I176" s="1" t="s">
        <v>717</v>
      </c>
      <c r="J176" s="1" t="s">
        <v>743</v>
      </c>
    </row>
    <row r="177" spans="1:10" x14ac:dyDescent="0.35">
      <c r="A177" s="1" t="s">
        <v>711</v>
      </c>
      <c r="B177" s="1" t="s">
        <v>712</v>
      </c>
      <c r="C177" s="1" t="s">
        <v>60</v>
      </c>
      <c r="D177" s="1" t="s">
        <v>744</v>
      </c>
      <c r="E177" s="1" t="s">
        <v>745</v>
      </c>
      <c r="F177" s="1" t="s">
        <v>720</v>
      </c>
      <c r="G177" s="1" t="s">
        <v>716</v>
      </c>
      <c r="H177" s="1" t="s">
        <v>13</v>
      </c>
      <c r="I177" s="1" t="s">
        <v>717</v>
      </c>
      <c r="J177" s="1" t="s">
        <v>746</v>
      </c>
    </row>
    <row r="178" spans="1:10" x14ac:dyDescent="0.35">
      <c r="A178" s="1" t="s">
        <v>711</v>
      </c>
      <c r="B178" s="1" t="s">
        <v>712</v>
      </c>
      <c r="C178" s="1" t="s">
        <v>65</v>
      </c>
      <c r="D178" s="1" t="s">
        <v>747</v>
      </c>
      <c r="E178" s="1" t="s">
        <v>745</v>
      </c>
      <c r="F178" s="1" t="s">
        <v>748</v>
      </c>
      <c r="G178" s="1" t="s">
        <v>716</v>
      </c>
      <c r="H178" s="1" t="s">
        <v>13</v>
      </c>
      <c r="I178" s="1" t="s">
        <v>717</v>
      </c>
      <c r="J178" s="1" t="s">
        <v>749</v>
      </c>
    </row>
    <row r="179" spans="1:10" x14ac:dyDescent="0.35">
      <c r="A179" s="1" t="s">
        <v>711</v>
      </c>
      <c r="B179" s="1" t="s">
        <v>712</v>
      </c>
      <c r="C179" s="1" t="s">
        <v>70</v>
      </c>
      <c r="D179" s="1" t="s">
        <v>750</v>
      </c>
      <c r="E179" s="1" t="s">
        <v>751</v>
      </c>
      <c r="F179" s="1" t="s">
        <v>720</v>
      </c>
      <c r="G179" s="1" t="s">
        <v>716</v>
      </c>
      <c r="H179" s="1" t="s">
        <v>13</v>
      </c>
      <c r="I179" s="1" t="s">
        <v>717</v>
      </c>
      <c r="J179" s="1" t="s">
        <v>752</v>
      </c>
    </row>
    <row r="180" spans="1:10" x14ac:dyDescent="0.35">
      <c r="A180" s="1" t="s">
        <v>711</v>
      </c>
      <c r="B180" s="1" t="s">
        <v>712</v>
      </c>
      <c r="C180" s="1" t="s">
        <v>75</v>
      </c>
      <c r="D180" s="1" t="s">
        <v>753</v>
      </c>
      <c r="E180" s="1" t="s">
        <v>754</v>
      </c>
      <c r="F180" s="1" t="s">
        <v>755</v>
      </c>
      <c r="G180" s="1" t="s">
        <v>716</v>
      </c>
      <c r="H180" s="1" t="s">
        <v>13</v>
      </c>
      <c r="I180" s="1" t="s">
        <v>717</v>
      </c>
      <c r="J180" s="1" t="s">
        <v>756</v>
      </c>
    </row>
    <row r="181" spans="1:10" x14ac:dyDescent="0.35">
      <c r="A181" s="1" t="s">
        <v>711</v>
      </c>
      <c r="B181" s="1" t="s">
        <v>712</v>
      </c>
      <c r="C181" s="1" t="s">
        <v>80</v>
      </c>
      <c r="D181" s="1" t="s">
        <v>757</v>
      </c>
      <c r="E181" s="1" t="s">
        <v>758</v>
      </c>
      <c r="F181" s="1" t="s">
        <v>759</v>
      </c>
      <c r="G181" s="1" t="s">
        <v>716</v>
      </c>
      <c r="H181" s="1" t="s">
        <v>13</v>
      </c>
      <c r="I181" s="1" t="s">
        <v>717</v>
      </c>
      <c r="J181" s="1" t="s">
        <v>760</v>
      </c>
    </row>
    <row r="182" spans="1:10" x14ac:dyDescent="0.35">
      <c r="A182" s="1" t="s">
        <v>711</v>
      </c>
      <c r="B182" s="1" t="s">
        <v>712</v>
      </c>
      <c r="C182" s="1" t="s">
        <v>85</v>
      </c>
      <c r="D182" s="1" t="s">
        <v>761</v>
      </c>
      <c r="E182" s="1" t="s">
        <v>762</v>
      </c>
      <c r="F182" s="1" t="s">
        <v>763</v>
      </c>
      <c r="G182" s="1" t="s">
        <v>716</v>
      </c>
      <c r="H182" s="1" t="s">
        <v>13</v>
      </c>
      <c r="I182" s="1" t="s">
        <v>717</v>
      </c>
      <c r="J182" s="1" t="s">
        <v>764</v>
      </c>
    </row>
    <row r="183" spans="1:10" x14ac:dyDescent="0.35">
      <c r="A183" s="1" t="s">
        <v>711</v>
      </c>
      <c r="B183" s="1" t="s">
        <v>712</v>
      </c>
      <c r="C183" s="1" t="s">
        <v>90</v>
      </c>
      <c r="D183" s="1" t="s">
        <v>765</v>
      </c>
      <c r="E183" s="1" t="s">
        <v>766</v>
      </c>
      <c r="F183" s="1" t="s">
        <v>720</v>
      </c>
      <c r="G183" s="1" t="s">
        <v>716</v>
      </c>
      <c r="H183" s="1" t="s">
        <v>13</v>
      </c>
      <c r="I183" s="1" t="s">
        <v>717</v>
      </c>
      <c r="J183" s="1" t="s">
        <v>767</v>
      </c>
    </row>
    <row r="184" spans="1:10" x14ac:dyDescent="0.35">
      <c r="A184" s="1" t="s">
        <v>711</v>
      </c>
      <c r="B184" s="1" t="s">
        <v>712</v>
      </c>
      <c r="C184" s="1" t="s">
        <v>95</v>
      </c>
      <c r="D184" s="1" t="s">
        <v>768</v>
      </c>
      <c r="E184" s="1" t="s">
        <v>769</v>
      </c>
      <c r="F184" s="1" t="s">
        <v>720</v>
      </c>
      <c r="G184" s="1" t="s">
        <v>716</v>
      </c>
      <c r="H184" s="1" t="s">
        <v>13</v>
      </c>
      <c r="I184" s="1" t="s">
        <v>717</v>
      </c>
      <c r="J184" s="1" t="s">
        <v>770</v>
      </c>
    </row>
    <row r="185" spans="1:10" x14ac:dyDescent="0.35">
      <c r="A185" s="1" t="s">
        <v>711</v>
      </c>
      <c r="B185" s="1" t="s">
        <v>712</v>
      </c>
      <c r="C185" s="1" t="s">
        <v>100</v>
      </c>
      <c r="D185" s="1" t="s">
        <v>771</v>
      </c>
      <c r="E185" s="1" t="s">
        <v>754</v>
      </c>
      <c r="F185" s="1" t="s">
        <v>772</v>
      </c>
      <c r="G185" s="1" t="s">
        <v>716</v>
      </c>
      <c r="H185" s="1" t="s">
        <v>13</v>
      </c>
      <c r="I185" s="1" t="s">
        <v>717</v>
      </c>
      <c r="J185" s="1" t="s">
        <v>773</v>
      </c>
    </row>
    <row r="186" spans="1:10" x14ac:dyDescent="0.35">
      <c r="A186" s="1" t="s">
        <v>711</v>
      </c>
      <c r="B186" s="1" t="s">
        <v>712</v>
      </c>
      <c r="C186" s="1" t="s">
        <v>105</v>
      </c>
      <c r="D186" s="1" t="s">
        <v>774</v>
      </c>
      <c r="E186" s="1" t="s">
        <v>775</v>
      </c>
      <c r="F186" s="1" t="s">
        <v>776</v>
      </c>
      <c r="G186" s="1" t="s">
        <v>716</v>
      </c>
      <c r="H186" s="1" t="s">
        <v>13</v>
      </c>
      <c r="I186" s="1" t="s">
        <v>717</v>
      </c>
      <c r="J186" s="1" t="s">
        <v>777</v>
      </c>
    </row>
    <row r="187" spans="1:10" x14ac:dyDescent="0.35">
      <c r="A187" s="1" t="s">
        <v>711</v>
      </c>
      <c r="B187" s="1" t="s">
        <v>712</v>
      </c>
      <c r="C187" s="1" t="s">
        <v>110</v>
      </c>
      <c r="D187" s="1" t="s">
        <v>778</v>
      </c>
      <c r="E187" s="1" t="s">
        <v>779</v>
      </c>
      <c r="F187" s="1" t="s">
        <v>780</v>
      </c>
      <c r="G187" s="1" t="s">
        <v>716</v>
      </c>
      <c r="H187" s="1" t="s">
        <v>13</v>
      </c>
      <c r="I187" s="1" t="s">
        <v>717</v>
      </c>
      <c r="J187" s="1" t="s">
        <v>781</v>
      </c>
    </row>
    <row r="188" spans="1:10" x14ac:dyDescent="0.35">
      <c r="A188" s="1" t="s">
        <v>711</v>
      </c>
      <c r="B188" s="1" t="s">
        <v>712</v>
      </c>
      <c r="C188" s="1" t="s">
        <v>115</v>
      </c>
      <c r="D188" s="1" t="s">
        <v>782</v>
      </c>
      <c r="E188" s="1" t="s">
        <v>783</v>
      </c>
      <c r="F188" s="1" t="s">
        <v>784</v>
      </c>
      <c r="G188" s="1" t="s">
        <v>716</v>
      </c>
      <c r="H188" s="1" t="s">
        <v>13</v>
      </c>
      <c r="I188" s="1" t="s">
        <v>717</v>
      </c>
      <c r="J188" s="1" t="s">
        <v>785</v>
      </c>
    </row>
    <row r="189" spans="1:10" x14ac:dyDescent="0.35">
      <c r="A189" s="1" t="s">
        <v>711</v>
      </c>
      <c r="B189" s="1" t="s">
        <v>712</v>
      </c>
      <c r="C189" s="1" t="s">
        <v>120</v>
      </c>
      <c r="D189" s="1" t="s">
        <v>786</v>
      </c>
      <c r="E189" s="1" t="s">
        <v>787</v>
      </c>
      <c r="F189" s="1" t="s">
        <v>788</v>
      </c>
      <c r="G189" s="1" t="s">
        <v>716</v>
      </c>
      <c r="H189" s="1" t="s">
        <v>13</v>
      </c>
      <c r="I189" s="1" t="s">
        <v>717</v>
      </c>
      <c r="J189" s="1" t="s">
        <v>789</v>
      </c>
    </row>
    <row r="190" spans="1:10" x14ac:dyDescent="0.35">
      <c r="A190" s="1" t="s">
        <v>711</v>
      </c>
      <c r="B190" s="1" t="s">
        <v>712</v>
      </c>
      <c r="C190" s="1" t="s">
        <v>125</v>
      </c>
      <c r="D190" s="1" t="s">
        <v>790</v>
      </c>
      <c r="E190" s="1" t="s">
        <v>791</v>
      </c>
      <c r="F190" s="1" t="s">
        <v>792</v>
      </c>
      <c r="G190" s="1" t="s">
        <v>716</v>
      </c>
      <c r="H190" s="1" t="s">
        <v>13</v>
      </c>
      <c r="I190" s="1" t="s">
        <v>717</v>
      </c>
      <c r="J190" s="1" t="s">
        <v>793</v>
      </c>
    </row>
    <row r="191" spans="1:10" x14ac:dyDescent="0.35">
      <c r="A191" s="1" t="s">
        <v>711</v>
      </c>
      <c r="B191" s="1" t="s">
        <v>712</v>
      </c>
      <c r="C191" s="1" t="s">
        <v>130</v>
      </c>
      <c r="D191" s="1" t="s">
        <v>794</v>
      </c>
      <c r="E191" s="1" t="s">
        <v>795</v>
      </c>
      <c r="F191" s="1" t="s">
        <v>796</v>
      </c>
      <c r="G191" s="1" t="s">
        <v>716</v>
      </c>
      <c r="H191" s="1" t="s">
        <v>13</v>
      </c>
      <c r="I191" s="1" t="s">
        <v>717</v>
      </c>
      <c r="J191" s="1" t="s">
        <v>797</v>
      </c>
    </row>
    <row r="192" spans="1:10" x14ac:dyDescent="0.35">
      <c r="A192" s="1" t="s">
        <v>711</v>
      </c>
      <c r="B192" s="1" t="s">
        <v>712</v>
      </c>
      <c r="C192" s="1" t="s">
        <v>135</v>
      </c>
      <c r="D192" s="1" t="s">
        <v>798</v>
      </c>
      <c r="E192" s="1" t="s">
        <v>799</v>
      </c>
      <c r="F192" s="1" t="s">
        <v>800</v>
      </c>
      <c r="G192" s="1" t="s">
        <v>716</v>
      </c>
      <c r="H192" s="1" t="s">
        <v>13</v>
      </c>
      <c r="I192" s="1" t="s">
        <v>717</v>
      </c>
      <c r="J192" s="1" t="s">
        <v>801</v>
      </c>
    </row>
    <row r="193" spans="1:10" x14ac:dyDescent="0.35">
      <c r="A193" s="1" t="s">
        <v>711</v>
      </c>
      <c r="B193" s="1" t="s">
        <v>712</v>
      </c>
      <c r="C193" s="1" t="s">
        <v>140</v>
      </c>
      <c r="D193" s="1" t="s">
        <v>802</v>
      </c>
      <c r="E193" s="1" t="s">
        <v>803</v>
      </c>
      <c r="F193" s="1" t="s">
        <v>804</v>
      </c>
      <c r="G193" s="1" t="s">
        <v>716</v>
      </c>
      <c r="H193" s="1" t="s">
        <v>13</v>
      </c>
      <c r="I193" s="1" t="s">
        <v>717</v>
      </c>
      <c r="J193" s="1" t="s">
        <v>805</v>
      </c>
    </row>
    <row r="194" spans="1:10" x14ac:dyDescent="0.35">
      <c r="A194" s="1" t="s">
        <v>711</v>
      </c>
      <c r="B194" s="1" t="s">
        <v>712</v>
      </c>
      <c r="C194" s="1" t="s">
        <v>145</v>
      </c>
      <c r="D194" s="1" t="s">
        <v>806</v>
      </c>
      <c r="E194" s="1" t="s">
        <v>807</v>
      </c>
      <c r="F194" s="1" t="s">
        <v>808</v>
      </c>
      <c r="G194" s="1" t="s">
        <v>716</v>
      </c>
      <c r="H194" s="1" t="s">
        <v>13</v>
      </c>
      <c r="I194" s="1" t="s">
        <v>717</v>
      </c>
      <c r="J194" s="1" t="s">
        <v>809</v>
      </c>
    </row>
    <row r="195" spans="1:10" x14ac:dyDescent="0.35">
      <c r="A195" s="1" t="s">
        <v>711</v>
      </c>
      <c r="B195" s="1" t="s">
        <v>712</v>
      </c>
      <c r="C195" s="1" t="s">
        <v>150</v>
      </c>
      <c r="D195" s="1" t="s">
        <v>810</v>
      </c>
      <c r="E195" s="1" t="s">
        <v>811</v>
      </c>
      <c r="F195" s="1" t="s">
        <v>812</v>
      </c>
      <c r="G195" s="1" t="s">
        <v>716</v>
      </c>
      <c r="H195" s="1" t="s">
        <v>13</v>
      </c>
      <c r="I195" s="1" t="s">
        <v>717</v>
      </c>
      <c r="J195" s="1" t="s">
        <v>813</v>
      </c>
    </row>
    <row r="196" spans="1:10" x14ac:dyDescent="0.35">
      <c r="A196" s="1" t="s">
        <v>711</v>
      </c>
      <c r="B196" s="1" t="s">
        <v>712</v>
      </c>
      <c r="C196" s="1" t="s">
        <v>155</v>
      </c>
      <c r="D196" s="1" t="s">
        <v>814</v>
      </c>
      <c r="E196" s="1" t="s">
        <v>815</v>
      </c>
      <c r="F196" s="1" t="s">
        <v>816</v>
      </c>
      <c r="G196" s="1" t="s">
        <v>716</v>
      </c>
      <c r="H196" s="1" t="s">
        <v>13</v>
      </c>
      <c r="I196" s="1" t="s">
        <v>717</v>
      </c>
      <c r="J196" s="1" t="s">
        <v>817</v>
      </c>
    </row>
    <row r="197" spans="1:10" x14ac:dyDescent="0.35">
      <c r="A197" s="1" t="s">
        <v>711</v>
      </c>
      <c r="B197" s="1" t="s">
        <v>712</v>
      </c>
      <c r="C197" s="1" t="s">
        <v>160</v>
      </c>
      <c r="D197" s="1" t="s">
        <v>818</v>
      </c>
      <c r="E197" s="1" t="s">
        <v>819</v>
      </c>
      <c r="F197" s="1" t="s">
        <v>820</v>
      </c>
      <c r="G197" s="1" t="s">
        <v>716</v>
      </c>
      <c r="H197" s="1" t="s">
        <v>13</v>
      </c>
      <c r="I197" s="1" t="s">
        <v>717</v>
      </c>
      <c r="J197" s="1" t="s">
        <v>821</v>
      </c>
    </row>
    <row r="198" spans="1:10" x14ac:dyDescent="0.35">
      <c r="A198" s="1" t="s">
        <v>711</v>
      </c>
      <c r="B198" s="1" t="s">
        <v>712</v>
      </c>
      <c r="C198" s="1" t="s">
        <v>165</v>
      </c>
      <c r="D198" s="1" t="s">
        <v>822</v>
      </c>
      <c r="E198" s="1" t="s">
        <v>823</v>
      </c>
      <c r="F198" s="1" t="s">
        <v>824</v>
      </c>
      <c r="G198" s="1" t="s">
        <v>716</v>
      </c>
      <c r="H198" s="1" t="s">
        <v>13</v>
      </c>
      <c r="I198" s="1" t="s">
        <v>717</v>
      </c>
      <c r="J198" s="1" t="s">
        <v>825</v>
      </c>
    </row>
    <row r="199" spans="1:10" x14ac:dyDescent="0.35">
      <c r="A199" s="1" t="s">
        <v>711</v>
      </c>
      <c r="B199" s="1" t="s">
        <v>712</v>
      </c>
      <c r="C199" s="1" t="s">
        <v>170</v>
      </c>
      <c r="D199" s="1" t="s">
        <v>826</v>
      </c>
      <c r="E199" s="1" t="s">
        <v>827</v>
      </c>
      <c r="F199" s="1" t="s">
        <v>828</v>
      </c>
      <c r="G199" s="1" t="s">
        <v>716</v>
      </c>
      <c r="H199" s="1" t="s">
        <v>13</v>
      </c>
      <c r="I199" s="1" t="s">
        <v>717</v>
      </c>
      <c r="J199" s="1" t="s">
        <v>829</v>
      </c>
    </row>
    <row r="200" spans="1:10" x14ac:dyDescent="0.35">
      <c r="A200" s="1" t="s">
        <v>830</v>
      </c>
      <c r="B200" s="1" t="s">
        <v>831</v>
      </c>
      <c r="C200" s="1" t="s">
        <v>8</v>
      </c>
      <c r="D200" s="1" t="s">
        <v>832</v>
      </c>
      <c r="E200" s="1" t="s">
        <v>833</v>
      </c>
      <c r="F200" s="1" t="s">
        <v>834</v>
      </c>
      <c r="G200" s="1" t="s">
        <v>835</v>
      </c>
      <c r="H200" s="1" t="s">
        <v>13</v>
      </c>
      <c r="I200" s="1" t="s">
        <v>836</v>
      </c>
      <c r="J200" s="1" t="s">
        <v>13</v>
      </c>
    </row>
    <row r="201" spans="1:10" x14ac:dyDescent="0.35">
      <c r="A201" s="1" t="s">
        <v>830</v>
      </c>
      <c r="B201" s="1" t="s">
        <v>831</v>
      </c>
      <c r="C201" s="1" t="s">
        <v>15</v>
      </c>
      <c r="D201" s="1" t="s">
        <v>837</v>
      </c>
      <c r="E201" s="1" t="s">
        <v>838</v>
      </c>
      <c r="F201" s="1" t="s">
        <v>839</v>
      </c>
      <c r="G201" s="1" t="s">
        <v>835</v>
      </c>
      <c r="H201" s="1" t="s">
        <v>13</v>
      </c>
      <c r="I201" s="1" t="s">
        <v>836</v>
      </c>
      <c r="J201" s="1" t="s">
        <v>840</v>
      </c>
    </row>
    <row r="202" spans="1:10" x14ac:dyDescent="0.35">
      <c r="A202" s="1" t="s">
        <v>830</v>
      </c>
      <c r="B202" s="1" t="s">
        <v>831</v>
      </c>
      <c r="C202" s="1" t="s">
        <v>20</v>
      </c>
      <c r="D202" s="1" t="s">
        <v>841</v>
      </c>
      <c r="E202" s="1" t="s">
        <v>842</v>
      </c>
      <c r="F202" s="1" t="s">
        <v>843</v>
      </c>
      <c r="G202" s="1" t="s">
        <v>835</v>
      </c>
      <c r="H202" s="1" t="s">
        <v>13</v>
      </c>
      <c r="I202" s="1" t="s">
        <v>836</v>
      </c>
      <c r="J202" s="1" t="s">
        <v>844</v>
      </c>
    </row>
    <row r="203" spans="1:10" x14ac:dyDescent="0.35">
      <c r="A203" s="1" t="s">
        <v>830</v>
      </c>
      <c r="B203" s="1" t="s">
        <v>831</v>
      </c>
      <c r="C203" s="1" t="s">
        <v>25</v>
      </c>
      <c r="D203" s="1" t="s">
        <v>845</v>
      </c>
      <c r="E203" s="1" t="s">
        <v>846</v>
      </c>
      <c r="F203" s="1" t="s">
        <v>847</v>
      </c>
      <c r="G203" s="1" t="s">
        <v>835</v>
      </c>
      <c r="H203" s="1" t="s">
        <v>13</v>
      </c>
      <c r="I203" s="1" t="s">
        <v>836</v>
      </c>
      <c r="J203" s="1" t="s">
        <v>848</v>
      </c>
    </row>
    <row r="204" spans="1:10" x14ac:dyDescent="0.35">
      <c r="A204" s="1" t="s">
        <v>830</v>
      </c>
      <c r="B204" s="1" t="s">
        <v>831</v>
      </c>
      <c r="C204" s="1" t="s">
        <v>30</v>
      </c>
      <c r="D204" s="1" t="s">
        <v>396</v>
      </c>
      <c r="E204" s="1" t="s">
        <v>849</v>
      </c>
      <c r="F204" s="1" t="s">
        <v>850</v>
      </c>
      <c r="G204" s="1" t="s">
        <v>835</v>
      </c>
      <c r="H204" s="1" t="s">
        <v>13</v>
      </c>
      <c r="I204" s="1" t="s">
        <v>836</v>
      </c>
      <c r="J204" s="1" t="s">
        <v>851</v>
      </c>
    </row>
    <row r="205" spans="1:10" x14ac:dyDescent="0.35">
      <c r="A205" s="1" t="s">
        <v>830</v>
      </c>
      <c r="B205" s="1" t="s">
        <v>831</v>
      </c>
      <c r="C205" s="1" t="s">
        <v>35</v>
      </c>
      <c r="D205" s="1" t="s">
        <v>852</v>
      </c>
      <c r="E205" s="1" t="s">
        <v>853</v>
      </c>
      <c r="F205" s="1" t="s">
        <v>854</v>
      </c>
      <c r="G205" s="1" t="s">
        <v>835</v>
      </c>
      <c r="H205" s="1" t="s">
        <v>13</v>
      </c>
      <c r="I205" s="1" t="s">
        <v>836</v>
      </c>
      <c r="J205" s="1" t="s">
        <v>855</v>
      </c>
    </row>
    <row r="206" spans="1:10" x14ac:dyDescent="0.35">
      <c r="A206" s="1" t="s">
        <v>830</v>
      </c>
      <c r="B206" s="1" t="s">
        <v>831</v>
      </c>
      <c r="C206" s="1" t="s">
        <v>40</v>
      </c>
      <c r="D206" s="1" t="s">
        <v>856</v>
      </c>
      <c r="E206" s="1" t="s">
        <v>857</v>
      </c>
      <c r="F206" s="1" t="s">
        <v>858</v>
      </c>
      <c r="G206" s="1" t="s">
        <v>835</v>
      </c>
      <c r="H206" s="1" t="s">
        <v>13</v>
      </c>
      <c r="I206" s="1" t="s">
        <v>836</v>
      </c>
      <c r="J206" s="1" t="s">
        <v>859</v>
      </c>
    </row>
    <row r="207" spans="1:10" x14ac:dyDescent="0.35">
      <c r="A207" s="1" t="s">
        <v>830</v>
      </c>
      <c r="B207" s="1" t="s">
        <v>831</v>
      </c>
      <c r="C207" s="1" t="s">
        <v>45</v>
      </c>
      <c r="D207" s="1" t="s">
        <v>860</v>
      </c>
      <c r="E207" s="1" t="s">
        <v>861</v>
      </c>
      <c r="F207" s="1" t="s">
        <v>862</v>
      </c>
      <c r="G207" s="1" t="s">
        <v>835</v>
      </c>
      <c r="H207" s="1" t="s">
        <v>13</v>
      </c>
      <c r="I207" s="1" t="s">
        <v>836</v>
      </c>
      <c r="J207" s="1" t="s">
        <v>863</v>
      </c>
    </row>
    <row r="208" spans="1:10" x14ac:dyDescent="0.35">
      <c r="A208" s="1" t="s">
        <v>830</v>
      </c>
      <c r="B208" s="1" t="s">
        <v>831</v>
      </c>
      <c r="C208" s="1" t="s">
        <v>50</v>
      </c>
      <c r="D208" s="1" t="s">
        <v>864</v>
      </c>
      <c r="E208" s="1" t="s">
        <v>865</v>
      </c>
      <c r="F208" s="1" t="s">
        <v>866</v>
      </c>
      <c r="G208" s="1" t="s">
        <v>835</v>
      </c>
      <c r="H208" s="1" t="s">
        <v>13</v>
      </c>
      <c r="I208" s="1" t="s">
        <v>836</v>
      </c>
      <c r="J208" s="1" t="s">
        <v>867</v>
      </c>
    </row>
    <row r="209" spans="1:10" x14ac:dyDescent="0.35">
      <c r="A209" s="1" t="s">
        <v>830</v>
      </c>
      <c r="B209" s="1" t="s">
        <v>831</v>
      </c>
      <c r="C209" s="1" t="s">
        <v>55</v>
      </c>
      <c r="D209" s="1" t="s">
        <v>868</v>
      </c>
      <c r="E209" s="1" t="s">
        <v>869</v>
      </c>
      <c r="F209" s="1" t="s">
        <v>870</v>
      </c>
      <c r="G209" s="1" t="s">
        <v>835</v>
      </c>
      <c r="H209" s="1" t="s">
        <v>13</v>
      </c>
      <c r="I209" s="1" t="s">
        <v>836</v>
      </c>
      <c r="J209" s="1" t="s">
        <v>871</v>
      </c>
    </row>
    <row r="210" spans="1:10" x14ac:dyDescent="0.35">
      <c r="A210" s="1" t="s">
        <v>830</v>
      </c>
      <c r="B210" s="1" t="s">
        <v>831</v>
      </c>
      <c r="C210" s="1" t="s">
        <v>60</v>
      </c>
      <c r="D210" s="1" t="s">
        <v>872</v>
      </c>
      <c r="E210" s="1" t="s">
        <v>873</v>
      </c>
      <c r="F210" s="1" t="s">
        <v>874</v>
      </c>
      <c r="G210" s="1" t="s">
        <v>835</v>
      </c>
      <c r="H210" s="1" t="s">
        <v>13</v>
      </c>
      <c r="I210" s="1" t="s">
        <v>836</v>
      </c>
      <c r="J210" s="1" t="s">
        <v>875</v>
      </c>
    </row>
    <row r="211" spans="1:10" x14ac:dyDescent="0.35">
      <c r="A211" s="1" t="s">
        <v>830</v>
      </c>
      <c r="B211" s="1" t="s">
        <v>831</v>
      </c>
      <c r="C211" s="1" t="s">
        <v>65</v>
      </c>
      <c r="D211" s="1" t="s">
        <v>876</v>
      </c>
      <c r="E211" s="1" t="s">
        <v>877</v>
      </c>
      <c r="F211" s="1" t="s">
        <v>878</v>
      </c>
      <c r="G211" s="1" t="s">
        <v>835</v>
      </c>
      <c r="H211" s="1" t="s">
        <v>13</v>
      </c>
      <c r="I211" s="1" t="s">
        <v>836</v>
      </c>
      <c r="J211" s="1" t="s">
        <v>879</v>
      </c>
    </row>
    <row r="212" spans="1:10" x14ac:dyDescent="0.35">
      <c r="A212" s="1" t="s">
        <v>830</v>
      </c>
      <c r="B212" s="1" t="s">
        <v>831</v>
      </c>
      <c r="C212" s="1" t="s">
        <v>70</v>
      </c>
      <c r="D212" s="1" t="s">
        <v>880</v>
      </c>
      <c r="E212" s="1" t="s">
        <v>881</v>
      </c>
      <c r="F212" s="1" t="s">
        <v>882</v>
      </c>
      <c r="G212" s="1" t="s">
        <v>835</v>
      </c>
      <c r="H212" s="1" t="s">
        <v>13</v>
      </c>
      <c r="I212" s="1" t="s">
        <v>836</v>
      </c>
      <c r="J212" s="1" t="s">
        <v>883</v>
      </c>
    </row>
    <row r="213" spans="1:10" x14ac:dyDescent="0.35">
      <c r="A213" s="1" t="s">
        <v>830</v>
      </c>
      <c r="B213" s="1" t="s">
        <v>831</v>
      </c>
      <c r="C213" s="1" t="s">
        <v>75</v>
      </c>
      <c r="D213" s="1" t="s">
        <v>884</v>
      </c>
      <c r="E213" s="1" t="s">
        <v>885</v>
      </c>
      <c r="F213" s="1" t="s">
        <v>886</v>
      </c>
      <c r="G213" s="1" t="s">
        <v>835</v>
      </c>
      <c r="H213" s="1" t="s">
        <v>13</v>
      </c>
      <c r="I213" s="1" t="s">
        <v>836</v>
      </c>
      <c r="J213" s="1" t="s">
        <v>887</v>
      </c>
    </row>
    <row r="214" spans="1:10" x14ac:dyDescent="0.35">
      <c r="A214" s="1" t="s">
        <v>830</v>
      </c>
      <c r="B214" s="1" t="s">
        <v>831</v>
      </c>
      <c r="C214" s="1" t="s">
        <v>80</v>
      </c>
      <c r="D214" s="1" t="s">
        <v>888</v>
      </c>
      <c r="E214" s="1" t="s">
        <v>889</v>
      </c>
      <c r="F214" s="1" t="s">
        <v>890</v>
      </c>
      <c r="G214" s="1" t="s">
        <v>835</v>
      </c>
      <c r="H214" s="1" t="s">
        <v>13</v>
      </c>
      <c r="I214" s="1" t="s">
        <v>836</v>
      </c>
      <c r="J214" s="1" t="s">
        <v>891</v>
      </c>
    </row>
    <row r="215" spans="1:10" x14ac:dyDescent="0.35">
      <c r="A215" s="1" t="s">
        <v>830</v>
      </c>
      <c r="B215" s="1" t="s">
        <v>831</v>
      </c>
      <c r="C215" s="1" t="s">
        <v>85</v>
      </c>
      <c r="D215" s="1" t="s">
        <v>892</v>
      </c>
      <c r="E215" s="1" t="s">
        <v>893</v>
      </c>
      <c r="F215" s="1" t="s">
        <v>894</v>
      </c>
      <c r="G215" s="1" t="s">
        <v>835</v>
      </c>
      <c r="H215" s="1" t="s">
        <v>13</v>
      </c>
      <c r="I215" s="1" t="s">
        <v>836</v>
      </c>
      <c r="J215" s="1" t="s">
        <v>895</v>
      </c>
    </row>
    <row r="216" spans="1:10" x14ac:dyDescent="0.35">
      <c r="A216" s="1" t="s">
        <v>830</v>
      </c>
      <c r="B216" s="1" t="s">
        <v>831</v>
      </c>
      <c r="C216" s="1" t="s">
        <v>90</v>
      </c>
      <c r="D216" s="1" t="s">
        <v>896</v>
      </c>
      <c r="E216" s="1" t="s">
        <v>897</v>
      </c>
      <c r="F216" s="1" t="s">
        <v>898</v>
      </c>
      <c r="G216" s="1" t="s">
        <v>835</v>
      </c>
      <c r="H216" s="1" t="s">
        <v>13</v>
      </c>
      <c r="I216" s="1" t="s">
        <v>836</v>
      </c>
      <c r="J216" s="1" t="s">
        <v>899</v>
      </c>
    </row>
    <row r="217" spans="1:10" x14ac:dyDescent="0.35">
      <c r="A217" s="1" t="s">
        <v>830</v>
      </c>
      <c r="B217" s="1" t="s">
        <v>831</v>
      </c>
      <c r="C217" s="1" t="s">
        <v>95</v>
      </c>
      <c r="D217" s="1" t="s">
        <v>900</v>
      </c>
      <c r="E217" s="1" t="s">
        <v>901</v>
      </c>
      <c r="F217" s="1" t="s">
        <v>902</v>
      </c>
      <c r="G217" s="1" t="s">
        <v>835</v>
      </c>
      <c r="H217" s="1" t="s">
        <v>13</v>
      </c>
      <c r="I217" s="1" t="s">
        <v>836</v>
      </c>
      <c r="J217" s="1" t="s">
        <v>903</v>
      </c>
    </row>
    <row r="218" spans="1:10" x14ac:dyDescent="0.35">
      <c r="A218" s="1" t="s">
        <v>830</v>
      </c>
      <c r="B218" s="1" t="s">
        <v>831</v>
      </c>
      <c r="C218" s="1" t="s">
        <v>100</v>
      </c>
      <c r="D218" s="1" t="s">
        <v>904</v>
      </c>
      <c r="E218" s="1" t="s">
        <v>905</v>
      </c>
      <c r="F218" s="1" t="s">
        <v>906</v>
      </c>
      <c r="G218" s="1" t="s">
        <v>835</v>
      </c>
      <c r="H218" s="1" t="s">
        <v>13</v>
      </c>
      <c r="I218" s="1" t="s">
        <v>836</v>
      </c>
      <c r="J218" s="1" t="s">
        <v>907</v>
      </c>
    </row>
    <row r="219" spans="1:10" x14ac:dyDescent="0.35">
      <c r="A219" s="1" t="s">
        <v>830</v>
      </c>
      <c r="B219" s="1" t="s">
        <v>831</v>
      </c>
      <c r="C219" s="1" t="s">
        <v>105</v>
      </c>
      <c r="D219" s="1" t="s">
        <v>908</v>
      </c>
      <c r="E219" s="1" t="s">
        <v>909</v>
      </c>
      <c r="F219" s="1" t="s">
        <v>910</v>
      </c>
      <c r="G219" s="1" t="s">
        <v>835</v>
      </c>
      <c r="H219" s="1" t="s">
        <v>13</v>
      </c>
      <c r="I219" s="1" t="s">
        <v>836</v>
      </c>
      <c r="J219" s="1" t="s">
        <v>911</v>
      </c>
    </row>
    <row r="220" spans="1:10" x14ac:dyDescent="0.35">
      <c r="A220" s="1" t="s">
        <v>830</v>
      </c>
      <c r="B220" s="1" t="s">
        <v>831</v>
      </c>
      <c r="C220" s="1" t="s">
        <v>110</v>
      </c>
      <c r="D220" s="1" t="s">
        <v>912</v>
      </c>
      <c r="E220" s="1" t="s">
        <v>913</v>
      </c>
      <c r="F220" s="1" t="s">
        <v>914</v>
      </c>
      <c r="G220" s="1" t="s">
        <v>835</v>
      </c>
      <c r="H220" s="1" t="s">
        <v>13</v>
      </c>
      <c r="I220" s="1" t="s">
        <v>836</v>
      </c>
      <c r="J220" s="1" t="s">
        <v>915</v>
      </c>
    </row>
    <row r="221" spans="1:10" x14ac:dyDescent="0.35">
      <c r="A221" s="1" t="s">
        <v>830</v>
      </c>
      <c r="B221" s="1" t="s">
        <v>831</v>
      </c>
      <c r="C221" s="1" t="s">
        <v>115</v>
      </c>
      <c r="D221" s="1" t="s">
        <v>916</v>
      </c>
      <c r="E221" s="1" t="s">
        <v>917</v>
      </c>
      <c r="F221" s="1" t="s">
        <v>918</v>
      </c>
      <c r="G221" s="1" t="s">
        <v>835</v>
      </c>
      <c r="H221" s="1" t="s">
        <v>13</v>
      </c>
      <c r="I221" s="1" t="s">
        <v>836</v>
      </c>
      <c r="J221" s="1" t="s">
        <v>919</v>
      </c>
    </row>
    <row r="222" spans="1:10" x14ac:dyDescent="0.35">
      <c r="A222" s="1" t="s">
        <v>830</v>
      </c>
      <c r="B222" s="1" t="s">
        <v>831</v>
      </c>
      <c r="C222" s="1" t="s">
        <v>120</v>
      </c>
      <c r="D222" s="1" t="s">
        <v>920</v>
      </c>
      <c r="E222" s="1" t="s">
        <v>921</v>
      </c>
      <c r="F222" s="1" t="s">
        <v>922</v>
      </c>
      <c r="G222" s="1" t="s">
        <v>835</v>
      </c>
      <c r="H222" s="1" t="s">
        <v>13</v>
      </c>
      <c r="I222" s="1" t="s">
        <v>836</v>
      </c>
      <c r="J222" s="1" t="s">
        <v>923</v>
      </c>
    </row>
    <row r="223" spans="1:10" x14ac:dyDescent="0.35">
      <c r="A223" s="1" t="s">
        <v>830</v>
      </c>
      <c r="B223" s="1" t="s">
        <v>831</v>
      </c>
      <c r="C223" s="1" t="s">
        <v>125</v>
      </c>
      <c r="D223" s="1" t="s">
        <v>924</v>
      </c>
      <c r="E223" s="1" t="s">
        <v>925</v>
      </c>
      <c r="F223" s="1" t="s">
        <v>926</v>
      </c>
      <c r="G223" s="1" t="s">
        <v>835</v>
      </c>
      <c r="H223" s="1" t="s">
        <v>13</v>
      </c>
      <c r="I223" s="1" t="s">
        <v>836</v>
      </c>
      <c r="J223" s="1" t="s">
        <v>927</v>
      </c>
    </row>
    <row r="224" spans="1:10" x14ac:dyDescent="0.35">
      <c r="A224" s="1" t="s">
        <v>830</v>
      </c>
      <c r="B224" s="1" t="s">
        <v>831</v>
      </c>
      <c r="C224" s="1" t="s">
        <v>130</v>
      </c>
      <c r="D224" s="1" t="s">
        <v>928</v>
      </c>
      <c r="E224" s="1" t="s">
        <v>929</v>
      </c>
      <c r="F224" s="1" t="s">
        <v>930</v>
      </c>
      <c r="G224" s="1" t="s">
        <v>835</v>
      </c>
      <c r="H224" s="1" t="s">
        <v>13</v>
      </c>
      <c r="I224" s="1" t="s">
        <v>836</v>
      </c>
      <c r="J224" s="1" t="s">
        <v>931</v>
      </c>
    </row>
    <row r="225" spans="1:10" x14ac:dyDescent="0.35">
      <c r="A225" s="1" t="s">
        <v>830</v>
      </c>
      <c r="B225" s="1" t="s">
        <v>831</v>
      </c>
      <c r="C225" s="1" t="s">
        <v>135</v>
      </c>
      <c r="D225" s="1" t="s">
        <v>932</v>
      </c>
      <c r="E225" s="1" t="s">
        <v>933</v>
      </c>
      <c r="F225" s="1" t="s">
        <v>934</v>
      </c>
      <c r="G225" s="1" t="s">
        <v>835</v>
      </c>
      <c r="H225" s="1" t="s">
        <v>13</v>
      </c>
      <c r="I225" s="1" t="s">
        <v>836</v>
      </c>
      <c r="J225" s="1" t="s">
        <v>935</v>
      </c>
    </row>
    <row r="226" spans="1:10" x14ac:dyDescent="0.35">
      <c r="A226" s="1" t="s">
        <v>830</v>
      </c>
      <c r="B226" s="1" t="s">
        <v>831</v>
      </c>
      <c r="C226" s="1" t="s">
        <v>140</v>
      </c>
      <c r="D226" s="1" t="s">
        <v>936</v>
      </c>
      <c r="E226" s="1" t="s">
        <v>937</v>
      </c>
      <c r="F226" s="1" t="s">
        <v>938</v>
      </c>
      <c r="G226" s="1" t="s">
        <v>835</v>
      </c>
      <c r="H226" s="1" t="s">
        <v>13</v>
      </c>
      <c r="I226" s="1" t="s">
        <v>836</v>
      </c>
      <c r="J226" s="1" t="s">
        <v>939</v>
      </c>
    </row>
    <row r="227" spans="1:10" x14ac:dyDescent="0.35">
      <c r="A227" s="1" t="s">
        <v>830</v>
      </c>
      <c r="B227" s="1" t="s">
        <v>831</v>
      </c>
      <c r="C227" s="1" t="s">
        <v>145</v>
      </c>
      <c r="D227" s="1" t="s">
        <v>940</v>
      </c>
      <c r="E227" s="1" t="s">
        <v>941</v>
      </c>
      <c r="F227" s="1" t="s">
        <v>942</v>
      </c>
      <c r="G227" s="1" t="s">
        <v>835</v>
      </c>
      <c r="H227" s="1" t="s">
        <v>13</v>
      </c>
      <c r="I227" s="1" t="s">
        <v>836</v>
      </c>
      <c r="J227" s="1" t="s">
        <v>943</v>
      </c>
    </row>
    <row r="228" spans="1:10" x14ac:dyDescent="0.35">
      <c r="A228" s="1" t="s">
        <v>830</v>
      </c>
      <c r="B228" s="1" t="s">
        <v>831</v>
      </c>
      <c r="C228" s="1" t="s">
        <v>150</v>
      </c>
      <c r="D228" s="1" t="s">
        <v>944</v>
      </c>
      <c r="E228" s="1" t="s">
        <v>945</v>
      </c>
      <c r="F228" s="1" t="s">
        <v>946</v>
      </c>
      <c r="G228" s="1" t="s">
        <v>835</v>
      </c>
      <c r="H228" s="1" t="s">
        <v>13</v>
      </c>
      <c r="I228" s="1" t="s">
        <v>836</v>
      </c>
      <c r="J228" s="1" t="s">
        <v>947</v>
      </c>
    </row>
    <row r="229" spans="1:10" x14ac:dyDescent="0.35">
      <c r="A229" s="1" t="s">
        <v>830</v>
      </c>
      <c r="B229" s="1" t="s">
        <v>831</v>
      </c>
      <c r="C229" s="1" t="s">
        <v>155</v>
      </c>
      <c r="D229" s="1" t="s">
        <v>948</v>
      </c>
      <c r="E229" s="1" t="s">
        <v>949</v>
      </c>
      <c r="F229" s="1" t="s">
        <v>950</v>
      </c>
      <c r="G229" s="1" t="s">
        <v>835</v>
      </c>
      <c r="H229" s="1" t="s">
        <v>13</v>
      </c>
      <c r="I229" s="1" t="s">
        <v>836</v>
      </c>
      <c r="J229" s="1" t="s">
        <v>951</v>
      </c>
    </row>
    <row r="230" spans="1:10" x14ac:dyDescent="0.35">
      <c r="A230" s="1" t="s">
        <v>830</v>
      </c>
      <c r="B230" s="1" t="s">
        <v>831</v>
      </c>
      <c r="C230" s="1" t="s">
        <v>160</v>
      </c>
      <c r="D230" s="1" t="s">
        <v>952</v>
      </c>
      <c r="E230" s="1" t="s">
        <v>953</v>
      </c>
      <c r="F230" s="1" t="s">
        <v>954</v>
      </c>
      <c r="G230" s="1" t="s">
        <v>835</v>
      </c>
      <c r="H230" s="1" t="s">
        <v>13</v>
      </c>
      <c r="I230" s="1" t="s">
        <v>836</v>
      </c>
      <c r="J230" s="1" t="s">
        <v>955</v>
      </c>
    </row>
    <row r="231" spans="1:10" x14ac:dyDescent="0.35">
      <c r="A231" s="1" t="s">
        <v>830</v>
      </c>
      <c r="B231" s="1" t="s">
        <v>831</v>
      </c>
      <c r="C231" s="1" t="s">
        <v>165</v>
      </c>
      <c r="D231" s="1" t="s">
        <v>956</v>
      </c>
      <c r="E231" s="1" t="s">
        <v>957</v>
      </c>
      <c r="F231" s="1" t="s">
        <v>958</v>
      </c>
      <c r="G231" s="1" t="s">
        <v>835</v>
      </c>
      <c r="H231" s="1" t="s">
        <v>13</v>
      </c>
      <c r="I231" s="1" t="s">
        <v>836</v>
      </c>
      <c r="J231" s="1" t="s">
        <v>959</v>
      </c>
    </row>
    <row r="232" spans="1:10" x14ac:dyDescent="0.35">
      <c r="A232" s="1" t="s">
        <v>830</v>
      </c>
      <c r="B232" s="1" t="s">
        <v>831</v>
      </c>
      <c r="C232" s="1" t="s">
        <v>170</v>
      </c>
      <c r="D232" s="1" t="s">
        <v>960</v>
      </c>
      <c r="E232" s="1" t="s">
        <v>961</v>
      </c>
      <c r="F232" s="1" t="s">
        <v>962</v>
      </c>
      <c r="G232" s="1" t="s">
        <v>835</v>
      </c>
      <c r="H232" s="1" t="s">
        <v>13</v>
      </c>
      <c r="I232" s="1" t="s">
        <v>836</v>
      </c>
      <c r="J232" s="1" t="s">
        <v>963</v>
      </c>
    </row>
    <row r="233" spans="1:10" x14ac:dyDescent="0.35">
      <c r="A233" s="1" t="s">
        <v>964</v>
      </c>
      <c r="B233" s="1" t="s">
        <v>965</v>
      </c>
      <c r="C233" s="1" t="s">
        <v>8</v>
      </c>
      <c r="D233" s="1" t="s">
        <v>966</v>
      </c>
      <c r="E233" s="1" t="s">
        <v>967</v>
      </c>
      <c r="F233" s="1" t="s">
        <v>968</v>
      </c>
      <c r="G233" s="1" t="s">
        <v>969</v>
      </c>
      <c r="H233" s="1" t="s">
        <v>13</v>
      </c>
      <c r="I233" s="1" t="s">
        <v>970</v>
      </c>
      <c r="J233" s="1" t="s">
        <v>13</v>
      </c>
    </row>
    <row r="234" spans="1:10" x14ac:dyDescent="0.35">
      <c r="A234" s="1" t="s">
        <v>964</v>
      </c>
      <c r="B234" s="1" t="s">
        <v>965</v>
      </c>
      <c r="C234" s="1" t="s">
        <v>15</v>
      </c>
      <c r="D234" s="1" t="s">
        <v>971</v>
      </c>
      <c r="E234" s="1" t="s">
        <v>972</v>
      </c>
      <c r="F234" s="1" t="s">
        <v>973</v>
      </c>
      <c r="G234" s="1" t="s">
        <v>969</v>
      </c>
      <c r="H234" s="1" t="s">
        <v>13</v>
      </c>
      <c r="I234" s="1" t="s">
        <v>970</v>
      </c>
      <c r="J234" s="1" t="s">
        <v>974</v>
      </c>
    </row>
    <row r="235" spans="1:10" x14ac:dyDescent="0.35">
      <c r="A235" s="1" t="s">
        <v>964</v>
      </c>
      <c r="B235" s="1" t="s">
        <v>965</v>
      </c>
      <c r="C235" s="1" t="s">
        <v>20</v>
      </c>
      <c r="D235" s="1" t="s">
        <v>975</v>
      </c>
      <c r="E235" s="1" t="s">
        <v>976</v>
      </c>
      <c r="F235" s="1" t="s">
        <v>977</v>
      </c>
      <c r="G235" s="1" t="s">
        <v>969</v>
      </c>
      <c r="H235" s="1" t="s">
        <v>13</v>
      </c>
      <c r="I235" s="1" t="s">
        <v>970</v>
      </c>
      <c r="J235" s="1" t="s">
        <v>978</v>
      </c>
    </row>
    <row r="236" spans="1:10" x14ac:dyDescent="0.35">
      <c r="A236" s="1" t="s">
        <v>964</v>
      </c>
      <c r="B236" s="1" t="s">
        <v>965</v>
      </c>
      <c r="C236" s="1" t="s">
        <v>25</v>
      </c>
      <c r="D236" s="1" t="s">
        <v>979</v>
      </c>
      <c r="E236" s="1" t="s">
        <v>980</v>
      </c>
      <c r="F236" s="1" t="s">
        <v>981</v>
      </c>
      <c r="G236" s="1" t="s">
        <v>969</v>
      </c>
      <c r="H236" s="1" t="s">
        <v>13</v>
      </c>
      <c r="I236" s="1" t="s">
        <v>970</v>
      </c>
      <c r="J236" s="1" t="s">
        <v>982</v>
      </c>
    </row>
    <row r="237" spans="1:10" x14ac:dyDescent="0.35">
      <c r="A237" s="1" t="s">
        <v>964</v>
      </c>
      <c r="B237" s="1" t="s">
        <v>965</v>
      </c>
      <c r="C237" s="1" t="s">
        <v>30</v>
      </c>
      <c r="D237" s="1" t="s">
        <v>983</v>
      </c>
      <c r="E237" s="1" t="s">
        <v>984</v>
      </c>
      <c r="F237" s="1" t="s">
        <v>985</v>
      </c>
      <c r="G237" s="1" t="s">
        <v>969</v>
      </c>
      <c r="H237" s="1" t="s">
        <v>13</v>
      </c>
      <c r="I237" s="1" t="s">
        <v>970</v>
      </c>
      <c r="J237" s="1" t="s">
        <v>986</v>
      </c>
    </row>
    <row r="238" spans="1:10" x14ac:dyDescent="0.35">
      <c r="A238" s="1" t="s">
        <v>964</v>
      </c>
      <c r="B238" s="1" t="s">
        <v>965</v>
      </c>
      <c r="C238" s="1" t="s">
        <v>35</v>
      </c>
      <c r="D238" s="1" t="s">
        <v>987</v>
      </c>
      <c r="E238" s="1" t="s">
        <v>988</v>
      </c>
      <c r="F238" s="1" t="s">
        <v>989</v>
      </c>
      <c r="G238" s="1" t="s">
        <v>969</v>
      </c>
      <c r="H238" s="1" t="s">
        <v>13</v>
      </c>
      <c r="I238" s="1" t="s">
        <v>970</v>
      </c>
      <c r="J238" s="1" t="s">
        <v>990</v>
      </c>
    </row>
    <row r="239" spans="1:10" x14ac:dyDescent="0.35">
      <c r="A239" s="1" t="s">
        <v>964</v>
      </c>
      <c r="B239" s="1" t="s">
        <v>965</v>
      </c>
      <c r="C239" s="1" t="s">
        <v>40</v>
      </c>
      <c r="D239" s="1" t="s">
        <v>991</v>
      </c>
      <c r="E239" s="1" t="s">
        <v>992</v>
      </c>
      <c r="F239" s="1" t="s">
        <v>993</v>
      </c>
      <c r="G239" s="1" t="s">
        <v>969</v>
      </c>
      <c r="H239" s="1" t="s">
        <v>13</v>
      </c>
      <c r="I239" s="1" t="s">
        <v>970</v>
      </c>
      <c r="J239" s="1" t="s">
        <v>994</v>
      </c>
    </row>
    <row r="240" spans="1:10" x14ac:dyDescent="0.35">
      <c r="A240" s="1" t="s">
        <v>964</v>
      </c>
      <c r="B240" s="1" t="s">
        <v>965</v>
      </c>
      <c r="C240" s="1" t="s">
        <v>45</v>
      </c>
      <c r="D240" s="1" t="s">
        <v>995</v>
      </c>
      <c r="E240" s="1" t="s">
        <v>996</v>
      </c>
      <c r="F240" s="1" t="s">
        <v>997</v>
      </c>
      <c r="G240" s="1" t="s">
        <v>969</v>
      </c>
      <c r="H240" s="1" t="s">
        <v>13</v>
      </c>
      <c r="I240" s="1" t="s">
        <v>970</v>
      </c>
      <c r="J240" s="1" t="s">
        <v>998</v>
      </c>
    </row>
    <row r="241" spans="1:10" x14ac:dyDescent="0.35">
      <c r="A241" s="1" t="s">
        <v>964</v>
      </c>
      <c r="B241" s="1" t="s">
        <v>965</v>
      </c>
      <c r="C241" s="1" t="s">
        <v>50</v>
      </c>
      <c r="D241" s="1" t="s">
        <v>999</v>
      </c>
      <c r="E241" s="1" t="s">
        <v>1000</v>
      </c>
      <c r="F241" s="1" t="s">
        <v>1001</v>
      </c>
      <c r="G241" s="1" t="s">
        <v>969</v>
      </c>
      <c r="H241" s="1" t="s">
        <v>13</v>
      </c>
      <c r="I241" s="1" t="s">
        <v>970</v>
      </c>
      <c r="J241" s="1" t="s">
        <v>1002</v>
      </c>
    </row>
    <row r="242" spans="1:10" x14ac:dyDescent="0.35">
      <c r="A242" s="1" t="s">
        <v>964</v>
      </c>
      <c r="B242" s="1" t="s">
        <v>965</v>
      </c>
      <c r="C242" s="1" t="s">
        <v>55</v>
      </c>
      <c r="D242" s="1" t="s">
        <v>1003</v>
      </c>
      <c r="E242" s="1" t="s">
        <v>1004</v>
      </c>
      <c r="F242" s="1" t="s">
        <v>1005</v>
      </c>
      <c r="G242" s="1" t="s">
        <v>969</v>
      </c>
      <c r="H242" s="1" t="s">
        <v>13</v>
      </c>
      <c r="I242" s="1" t="s">
        <v>970</v>
      </c>
      <c r="J242" s="1" t="s">
        <v>1006</v>
      </c>
    </row>
    <row r="243" spans="1:10" x14ac:dyDescent="0.35">
      <c r="A243" s="1" t="s">
        <v>964</v>
      </c>
      <c r="B243" s="1" t="s">
        <v>965</v>
      </c>
      <c r="C243" s="1" t="s">
        <v>60</v>
      </c>
      <c r="D243" s="1" t="s">
        <v>1007</v>
      </c>
      <c r="E243" s="1" t="s">
        <v>1008</v>
      </c>
      <c r="F243" s="1" t="s">
        <v>1009</v>
      </c>
      <c r="G243" s="1" t="s">
        <v>969</v>
      </c>
      <c r="H243" s="1" t="s">
        <v>13</v>
      </c>
      <c r="I243" s="1" t="s">
        <v>970</v>
      </c>
      <c r="J243" s="1" t="s">
        <v>1010</v>
      </c>
    </row>
    <row r="244" spans="1:10" x14ac:dyDescent="0.35">
      <c r="A244" s="1" t="s">
        <v>964</v>
      </c>
      <c r="B244" s="1" t="s">
        <v>965</v>
      </c>
      <c r="C244" s="1" t="s">
        <v>65</v>
      </c>
      <c r="D244" s="1" t="s">
        <v>1011</v>
      </c>
      <c r="E244" s="1" t="s">
        <v>1012</v>
      </c>
      <c r="F244" s="1" t="s">
        <v>1013</v>
      </c>
      <c r="G244" s="1" t="s">
        <v>969</v>
      </c>
      <c r="H244" s="1" t="s">
        <v>13</v>
      </c>
      <c r="I244" s="1" t="s">
        <v>970</v>
      </c>
      <c r="J244" s="1" t="s">
        <v>1014</v>
      </c>
    </row>
    <row r="245" spans="1:10" x14ac:dyDescent="0.35">
      <c r="A245" s="1" t="s">
        <v>964</v>
      </c>
      <c r="B245" s="1" t="s">
        <v>965</v>
      </c>
      <c r="C245" s="1" t="s">
        <v>70</v>
      </c>
      <c r="D245" s="1" t="s">
        <v>1015</v>
      </c>
      <c r="E245" s="1" t="s">
        <v>1016</v>
      </c>
      <c r="F245" s="1" t="s">
        <v>1017</v>
      </c>
      <c r="G245" s="1" t="s">
        <v>969</v>
      </c>
      <c r="H245" s="1" t="s">
        <v>13</v>
      </c>
      <c r="I245" s="1" t="s">
        <v>970</v>
      </c>
      <c r="J245" s="1" t="s">
        <v>1018</v>
      </c>
    </row>
    <row r="246" spans="1:10" x14ac:dyDescent="0.35">
      <c r="A246" s="1" t="s">
        <v>964</v>
      </c>
      <c r="B246" s="1" t="s">
        <v>965</v>
      </c>
      <c r="C246" s="1" t="s">
        <v>75</v>
      </c>
      <c r="D246" s="1" t="s">
        <v>1019</v>
      </c>
      <c r="E246" s="1" t="s">
        <v>1020</v>
      </c>
      <c r="F246" s="1" t="s">
        <v>1021</v>
      </c>
      <c r="G246" s="1" t="s">
        <v>969</v>
      </c>
      <c r="H246" s="1" t="s">
        <v>13</v>
      </c>
      <c r="I246" s="1" t="s">
        <v>970</v>
      </c>
      <c r="J246" s="1" t="s">
        <v>1022</v>
      </c>
    </row>
    <row r="247" spans="1:10" x14ac:dyDescent="0.35">
      <c r="A247" s="1" t="s">
        <v>964</v>
      </c>
      <c r="B247" s="1" t="s">
        <v>965</v>
      </c>
      <c r="C247" s="1" t="s">
        <v>80</v>
      </c>
      <c r="D247" s="1" t="s">
        <v>1023</v>
      </c>
      <c r="E247" s="1" t="s">
        <v>1024</v>
      </c>
      <c r="F247" s="1" t="s">
        <v>1025</v>
      </c>
      <c r="G247" s="1" t="s">
        <v>969</v>
      </c>
      <c r="H247" s="1" t="s">
        <v>13</v>
      </c>
      <c r="I247" s="1" t="s">
        <v>970</v>
      </c>
      <c r="J247" s="1" t="s">
        <v>1026</v>
      </c>
    </row>
    <row r="248" spans="1:10" x14ac:dyDescent="0.35">
      <c r="A248" s="1" t="s">
        <v>964</v>
      </c>
      <c r="B248" s="1" t="s">
        <v>965</v>
      </c>
      <c r="C248" s="1" t="s">
        <v>85</v>
      </c>
      <c r="D248" s="1" t="s">
        <v>1027</v>
      </c>
      <c r="E248" s="1" t="s">
        <v>1028</v>
      </c>
      <c r="F248" s="1" t="s">
        <v>1029</v>
      </c>
      <c r="G248" s="1" t="s">
        <v>969</v>
      </c>
      <c r="H248" s="1" t="s">
        <v>13</v>
      </c>
      <c r="I248" s="1" t="s">
        <v>970</v>
      </c>
      <c r="J248" s="1" t="s">
        <v>1030</v>
      </c>
    </row>
    <row r="249" spans="1:10" x14ac:dyDescent="0.35">
      <c r="A249" s="1" t="s">
        <v>964</v>
      </c>
      <c r="B249" s="1" t="s">
        <v>965</v>
      </c>
      <c r="C249" s="1" t="s">
        <v>90</v>
      </c>
      <c r="D249" s="1" t="s">
        <v>1031</v>
      </c>
      <c r="E249" s="1" t="s">
        <v>1032</v>
      </c>
      <c r="F249" s="1" t="s">
        <v>1033</v>
      </c>
      <c r="G249" s="1" t="s">
        <v>969</v>
      </c>
      <c r="H249" s="1" t="s">
        <v>13</v>
      </c>
      <c r="I249" s="1" t="s">
        <v>970</v>
      </c>
      <c r="J249" s="1" t="s">
        <v>1034</v>
      </c>
    </row>
    <row r="250" spans="1:10" x14ac:dyDescent="0.35">
      <c r="A250" s="1" t="s">
        <v>964</v>
      </c>
      <c r="B250" s="1" t="s">
        <v>965</v>
      </c>
      <c r="C250" s="1" t="s">
        <v>95</v>
      </c>
      <c r="D250" s="1" t="s">
        <v>1035</v>
      </c>
      <c r="E250" s="1" t="s">
        <v>1036</v>
      </c>
      <c r="F250" s="1" t="s">
        <v>1037</v>
      </c>
      <c r="G250" s="1" t="s">
        <v>969</v>
      </c>
      <c r="H250" s="1" t="s">
        <v>13</v>
      </c>
      <c r="I250" s="1" t="s">
        <v>970</v>
      </c>
      <c r="J250" s="1" t="s">
        <v>1038</v>
      </c>
    </row>
    <row r="251" spans="1:10" x14ac:dyDescent="0.35">
      <c r="A251" s="1" t="s">
        <v>964</v>
      </c>
      <c r="B251" s="1" t="s">
        <v>965</v>
      </c>
      <c r="C251" s="1" t="s">
        <v>100</v>
      </c>
      <c r="D251" s="1" t="s">
        <v>1039</v>
      </c>
      <c r="E251" s="1" t="s">
        <v>1040</v>
      </c>
      <c r="F251" s="1" t="s">
        <v>1041</v>
      </c>
      <c r="G251" s="1" t="s">
        <v>969</v>
      </c>
      <c r="H251" s="1" t="s">
        <v>13</v>
      </c>
      <c r="I251" s="1" t="s">
        <v>970</v>
      </c>
      <c r="J251" s="1" t="s">
        <v>1042</v>
      </c>
    </row>
    <row r="252" spans="1:10" x14ac:dyDescent="0.35">
      <c r="A252" s="1" t="s">
        <v>964</v>
      </c>
      <c r="B252" s="1" t="s">
        <v>965</v>
      </c>
      <c r="C252" s="1" t="s">
        <v>105</v>
      </c>
      <c r="D252" s="1" t="s">
        <v>1043</v>
      </c>
      <c r="E252" s="1" t="s">
        <v>1044</v>
      </c>
      <c r="F252" s="1" t="s">
        <v>1045</v>
      </c>
      <c r="G252" s="1" t="s">
        <v>969</v>
      </c>
      <c r="H252" s="1" t="s">
        <v>13</v>
      </c>
      <c r="I252" s="1" t="s">
        <v>970</v>
      </c>
      <c r="J252" s="1" t="s">
        <v>1046</v>
      </c>
    </row>
    <row r="253" spans="1:10" x14ac:dyDescent="0.35">
      <c r="A253" s="1" t="s">
        <v>964</v>
      </c>
      <c r="B253" s="1" t="s">
        <v>965</v>
      </c>
      <c r="C253" s="1" t="s">
        <v>110</v>
      </c>
      <c r="D253" s="1" t="s">
        <v>1047</v>
      </c>
      <c r="E253" s="1" t="s">
        <v>1048</v>
      </c>
      <c r="F253" s="1" t="s">
        <v>1049</v>
      </c>
      <c r="G253" s="1" t="s">
        <v>969</v>
      </c>
      <c r="H253" s="1" t="s">
        <v>13</v>
      </c>
      <c r="I253" s="1" t="s">
        <v>970</v>
      </c>
      <c r="J253" s="1" t="s">
        <v>1050</v>
      </c>
    </row>
    <row r="254" spans="1:10" x14ac:dyDescent="0.35">
      <c r="A254" s="1" t="s">
        <v>964</v>
      </c>
      <c r="B254" s="1" t="s">
        <v>965</v>
      </c>
      <c r="C254" s="1" t="s">
        <v>115</v>
      </c>
      <c r="D254" s="1" t="s">
        <v>1051</v>
      </c>
      <c r="E254" s="1" t="s">
        <v>1052</v>
      </c>
      <c r="F254" s="1" t="s">
        <v>1053</v>
      </c>
      <c r="G254" s="1" t="s">
        <v>969</v>
      </c>
      <c r="H254" s="1" t="s">
        <v>13</v>
      </c>
      <c r="I254" s="1" t="s">
        <v>970</v>
      </c>
      <c r="J254" s="1" t="s">
        <v>1054</v>
      </c>
    </row>
    <row r="255" spans="1:10" x14ac:dyDescent="0.35">
      <c r="A255" s="1" t="s">
        <v>964</v>
      </c>
      <c r="B255" s="1" t="s">
        <v>965</v>
      </c>
      <c r="C255" s="1" t="s">
        <v>120</v>
      </c>
      <c r="D255" s="1" t="s">
        <v>1055</v>
      </c>
      <c r="E255" s="1" t="s">
        <v>1056</v>
      </c>
      <c r="F255" s="1" t="s">
        <v>1057</v>
      </c>
      <c r="G255" s="1" t="s">
        <v>969</v>
      </c>
      <c r="H255" s="1" t="s">
        <v>13</v>
      </c>
      <c r="I255" s="1" t="s">
        <v>970</v>
      </c>
      <c r="J255" s="1" t="s">
        <v>1058</v>
      </c>
    </row>
    <row r="256" spans="1:10" x14ac:dyDescent="0.35">
      <c r="A256" s="1" t="s">
        <v>964</v>
      </c>
      <c r="B256" s="1" t="s">
        <v>965</v>
      </c>
      <c r="C256" s="1" t="s">
        <v>125</v>
      </c>
      <c r="D256" s="1" t="s">
        <v>1059</v>
      </c>
      <c r="E256" s="1" t="s">
        <v>1060</v>
      </c>
      <c r="F256" s="1" t="s">
        <v>1061</v>
      </c>
      <c r="G256" s="1" t="s">
        <v>969</v>
      </c>
      <c r="H256" s="1" t="s">
        <v>13</v>
      </c>
      <c r="I256" s="1" t="s">
        <v>970</v>
      </c>
      <c r="J256" s="1" t="s">
        <v>1062</v>
      </c>
    </row>
    <row r="257" spans="1:10" x14ac:dyDescent="0.35">
      <c r="A257" s="1" t="s">
        <v>964</v>
      </c>
      <c r="B257" s="1" t="s">
        <v>965</v>
      </c>
      <c r="C257" s="1" t="s">
        <v>130</v>
      </c>
      <c r="D257" s="1" t="s">
        <v>1063</v>
      </c>
      <c r="E257" s="1" t="s">
        <v>1064</v>
      </c>
      <c r="F257" s="1" t="s">
        <v>1065</v>
      </c>
      <c r="G257" s="1" t="s">
        <v>969</v>
      </c>
      <c r="H257" s="1" t="s">
        <v>13</v>
      </c>
      <c r="I257" s="1" t="s">
        <v>970</v>
      </c>
      <c r="J257" s="1" t="s">
        <v>1066</v>
      </c>
    </row>
    <row r="258" spans="1:10" x14ac:dyDescent="0.35">
      <c r="A258" s="1" t="s">
        <v>964</v>
      </c>
      <c r="B258" s="1" t="s">
        <v>965</v>
      </c>
      <c r="C258" s="1" t="s">
        <v>135</v>
      </c>
      <c r="D258" s="1" t="s">
        <v>1067</v>
      </c>
      <c r="E258" s="1" t="s">
        <v>1068</v>
      </c>
      <c r="F258" s="1" t="s">
        <v>1069</v>
      </c>
      <c r="G258" s="1" t="s">
        <v>969</v>
      </c>
      <c r="H258" s="1" t="s">
        <v>13</v>
      </c>
      <c r="I258" s="1" t="s">
        <v>970</v>
      </c>
      <c r="J258" s="1" t="s">
        <v>1070</v>
      </c>
    </row>
    <row r="259" spans="1:10" x14ac:dyDescent="0.35">
      <c r="A259" s="1" t="s">
        <v>964</v>
      </c>
      <c r="B259" s="1" t="s">
        <v>965</v>
      </c>
      <c r="C259" s="1" t="s">
        <v>140</v>
      </c>
      <c r="D259" s="1" t="s">
        <v>1071</v>
      </c>
      <c r="E259" s="1" t="s">
        <v>1072</v>
      </c>
      <c r="F259" s="1" t="s">
        <v>1073</v>
      </c>
      <c r="G259" s="1" t="s">
        <v>969</v>
      </c>
      <c r="H259" s="1" t="s">
        <v>13</v>
      </c>
      <c r="I259" s="1" t="s">
        <v>970</v>
      </c>
      <c r="J259" s="1" t="s">
        <v>1074</v>
      </c>
    </row>
    <row r="260" spans="1:10" x14ac:dyDescent="0.35">
      <c r="A260" s="1" t="s">
        <v>964</v>
      </c>
      <c r="B260" s="1" t="s">
        <v>965</v>
      </c>
      <c r="C260" s="1" t="s">
        <v>145</v>
      </c>
      <c r="D260" s="1" t="s">
        <v>1075</v>
      </c>
      <c r="E260" s="1" t="s">
        <v>1076</v>
      </c>
      <c r="F260" s="1" t="s">
        <v>1077</v>
      </c>
      <c r="G260" s="1" t="s">
        <v>969</v>
      </c>
      <c r="H260" s="1" t="s">
        <v>13</v>
      </c>
      <c r="I260" s="1" t="s">
        <v>970</v>
      </c>
      <c r="J260" s="1" t="s">
        <v>1078</v>
      </c>
    </row>
    <row r="261" spans="1:10" x14ac:dyDescent="0.35">
      <c r="A261" s="1" t="s">
        <v>964</v>
      </c>
      <c r="B261" s="1" t="s">
        <v>965</v>
      </c>
      <c r="C261" s="1" t="s">
        <v>150</v>
      </c>
      <c r="D261" s="1" t="s">
        <v>1079</v>
      </c>
      <c r="E261" s="1" t="s">
        <v>1080</v>
      </c>
      <c r="F261" s="1" t="s">
        <v>1081</v>
      </c>
      <c r="G261" s="1" t="s">
        <v>969</v>
      </c>
      <c r="H261" s="1" t="s">
        <v>13</v>
      </c>
      <c r="I261" s="1" t="s">
        <v>970</v>
      </c>
      <c r="J261" s="1" t="s">
        <v>1082</v>
      </c>
    </row>
    <row r="262" spans="1:10" x14ac:dyDescent="0.35">
      <c r="A262" s="1" t="s">
        <v>964</v>
      </c>
      <c r="B262" s="1" t="s">
        <v>965</v>
      </c>
      <c r="C262" s="1" t="s">
        <v>155</v>
      </c>
      <c r="D262" s="1" t="s">
        <v>1083</v>
      </c>
      <c r="E262" s="1" t="s">
        <v>1084</v>
      </c>
      <c r="F262" s="1" t="s">
        <v>1085</v>
      </c>
      <c r="G262" s="1" t="s">
        <v>969</v>
      </c>
      <c r="H262" s="1" t="s">
        <v>13</v>
      </c>
      <c r="I262" s="1" t="s">
        <v>970</v>
      </c>
      <c r="J262" s="1" t="s">
        <v>1086</v>
      </c>
    </row>
    <row r="263" spans="1:10" x14ac:dyDescent="0.35">
      <c r="A263" s="1" t="s">
        <v>964</v>
      </c>
      <c r="B263" s="1" t="s">
        <v>965</v>
      </c>
      <c r="C263" s="1" t="s">
        <v>160</v>
      </c>
      <c r="D263" s="1" t="s">
        <v>1087</v>
      </c>
      <c r="E263" s="1" t="s">
        <v>1088</v>
      </c>
      <c r="F263" s="1" t="s">
        <v>1089</v>
      </c>
      <c r="G263" s="1" t="s">
        <v>969</v>
      </c>
      <c r="H263" s="1" t="s">
        <v>13</v>
      </c>
      <c r="I263" s="1" t="s">
        <v>970</v>
      </c>
      <c r="J263" s="1" t="s">
        <v>1090</v>
      </c>
    </row>
    <row r="264" spans="1:10" x14ac:dyDescent="0.35">
      <c r="A264" s="1" t="s">
        <v>964</v>
      </c>
      <c r="B264" s="1" t="s">
        <v>965</v>
      </c>
      <c r="C264" s="1" t="s">
        <v>165</v>
      </c>
      <c r="D264" s="1" t="s">
        <v>1091</v>
      </c>
      <c r="E264" s="1" t="s">
        <v>1092</v>
      </c>
      <c r="F264" s="1" t="s">
        <v>1093</v>
      </c>
      <c r="G264" s="1" t="s">
        <v>969</v>
      </c>
      <c r="H264" s="1" t="s">
        <v>13</v>
      </c>
      <c r="I264" s="1" t="s">
        <v>970</v>
      </c>
      <c r="J264" s="1" t="s">
        <v>1094</v>
      </c>
    </row>
    <row r="265" spans="1:10" x14ac:dyDescent="0.35">
      <c r="A265" s="1" t="s">
        <v>964</v>
      </c>
      <c r="B265" s="1" t="s">
        <v>965</v>
      </c>
      <c r="C265" s="1" t="s">
        <v>170</v>
      </c>
      <c r="D265" s="1" t="s">
        <v>1095</v>
      </c>
      <c r="E265" s="1" t="s">
        <v>1096</v>
      </c>
      <c r="F265" s="1" t="s">
        <v>1097</v>
      </c>
      <c r="G265" s="1" t="s">
        <v>969</v>
      </c>
      <c r="H265" s="1" t="s">
        <v>13</v>
      </c>
      <c r="I265" s="1" t="s">
        <v>970</v>
      </c>
      <c r="J265" s="1" t="s">
        <v>1098</v>
      </c>
    </row>
    <row r="266" spans="1:10" x14ac:dyDescent="0.35">
      <c r="A266" s="1" t="s">
        <v>1099</v>
      </c>
      <c r="B266" s="1" t="s">
        <v>1100</v>
      </c>
      <c r="C266" s="1" t="s">
        <v>8</v>
      </c>
      <c r="D266" s="1" t="s">
        <v>1101</v>
      </c>
      <c r="E266" s="1" t="s">
        <v>1102</v>
      </c>
      <c r="F266" s="1" t="s">
        <v>1103</v>
      </c>
      <c r="G266" s="1" t="s">
        <v>1104</v>
      </c>
      <c r="H266" s="1" t="s">
        <v>13</v>
      </c>
      <c r="I266" s="1" t="s">
        <v>1105</v>
      </c>
      <c r="J266" s="1" t="s">
        <v>13</v>
      </c>
    </row>
    <row r="267" spans="1:10" x14ac:dyDescent="0.35">
      <c r="A267" s="1" t="s">
        <v>1099</v>
      </c>
      <c r="B267" s="1" t="s">
        <v>1100</v>
      </c>
      <c r="C267" s="1" t="s">
        <v>15</v>
      </c>
      <c r="D267" s="1" t="s">
        <v>1106</v>
      </c>
      <c r="E267" s="1" t="s">
        <v>1107</v>
      </c>
      <c r="F267" s="1" t="s">
        <v>1108</v>
      </c>
      <c r="G267" s="1" t="s">
        <v>1104</v>
      </c>
      <c r="H267" s="1" t="s">
        <v>13</v>
      </c>
      <c r="I267" s="1" t="s">
        <v>1105</v>
      </c>
      <c r="J267" s="1" t="s">
        <v>1109</v>
      </c>
    </row>
    <row r="268" spans="1:10" x14ac:dyDescent="0.35">
      <c r="A268" s="1" t="s">
        <v>1099</v>
      </c>
      <c r="B268" s="1" t="s">
        <v>1100</v>
      </c>
      <c r="C268" s="1" t="s">
        <v>20</v>
      </c>
      <c r="D268" s="1" t="s">
        <v>1110</v>
      </c>
      <c r="E268" s="1" t="s">
        <v>1111</v>
      </c>
      <c r="F268" s="1" t="s">
        <v>1112</v>
      </c>
      <c r="G268" s="1" t="s">
        <v>1104</v>
      </c>
      <c r="H268" s="1" t="s">
        <v>13</v>
      </c>
      <c r="I268" s="1" t="s">
        <v>1105</v>
      </c>
      <c r="J268" s="1" t="s">
        <v>1113</v>
      </c>
    </row>
    <row r="269" spans="1:10" x14ac:dyDescent="0.35">
      <c r="A269" s="1" t="s">
        <v>1099</v>
      </c>
      <c r="B269" s="1" t="s">
        <v>1100</v>
      </c>
      <c r="C269" s="1" t="s">
        <v>25</v>
      </c>
      <c r="D269" s="1" t="s">
        <v>1114</v>
      </c>
      <c r="E269" s="1" t="s">
        <v>1115</v>
      </c>
      <c r="F269" s="1" t="s">
        <v>1116</v>
      </c>
      <c r="G269" s="1" t="s">
        <v>1104</v>
      </c>
      <c r="H269" s="1" t="s">
        <v>13</v>
      </c>
      <c r="I269" s="1" t="s">
        <v>1105</v>
      </c>
      <c r="J269" s="1" t="s">
        <v>1117</v>
      </c>
    </row>
    <row r="270" spans="1:10" x14ac:dyDescent="0.35">
      <c r="A270" s="1" t="s">
        <v>1099</v>
      </c>
      <c r="B270" s="1" t="s">
        <v>1100</v>
      </c>
      <c r="C270" s="1" t="s">
        <v>30</v>
      </c>
      <c r="D270" s="1" t="s">
        <v>1118</v>
      </c>
      <c r="E270" s="1" t="s">
        <v>1119</v>
      </c>
      <c r="F270" s="1" t="s">
        <v>1120</v>
      </c>
      <c r="G270" s="1" t="s">
        <v>1104</v>
      </c>
      <c r="H270" s="1" t="s">
        <v>13</v>
      </c>
      <c r="I270" s="1" t="s">
        <v>1105</v>
      </c>
      <c r="J270" s="1" t="s">
        <v>1121</v>
      </c>
    </row>
    <row r="271" spans="1:10" x14ac:dyDescent="0.35">
      <c r="A271" s="1" t="s">
        <v>1099</v>
      </c>
      <c r="B271" s="1" t="s">
        <v>1100</v>
      </c>
      <c r="C271" s="1" t="s">
        <v>35</v>
      </c>
      <c r="D271" s="1" t="s">
        <v>1122</v>
      </c>
      <c r="E271" s="1" t="s">
        <v>1123</v>
      </c>
      <c r="F271" s="1" t="s">
        <v>1124</v>
      </c>
      <c r="G271" s="1" t="s">
        <v>1104</v>
      </c>
      <c r="H271" s="1" t="s">
        <v>13</v>
      </c>
      <c r="I271" s="1" t="s">
        <v>1105</v>
      </c>
      <c r="J271" s="1" t="s">
        <v>1125</v>
      </c>
    </row>
    <row r="272" spans="1:10" x14ac:dyDescent="0.35">
      <c r="A272" s="1" t="s">
        <v>1099</v>
      </c>
      <c r="B272" s="1" t="s">
        <v>1100</v>
      </c>
      <c r="C272" s="1" t="s">
        <v>40</v>
      </c>
      <c r="D272" s="1" t="s">
        <v>1126</v>
      </c>
      <c r="E272" s="1" t="s">
        <v>1127</v>
      </c>
      <c r="F272" s="1" t="s">
        <v>1128</v>
      </c>
      <c r="G272" s="1" t="s">
        <v>1104</v>
      </c>
      <c r="H272" s="1" t="s">
        <v>13</v>
      </c>
      <c r="I272" s="1" t="s">
        <v>1105</v>
      </c>
      <c r="J272" s="1" t="s">
        <v>1129</v>
      </c>
    </row>
    <row r="273" spans="1:10" x14ac:dyDescent="0.35">
      <c r="A273" s="1" t="s">
        <v>1099</v>
      </c>
      <c r="B273" s="1" t="s">
        <v>1100</v>
      </c>
      <c r="C273" s="1" t="s">
        <v>45</v>
      </c>
      <c r="D273" s="1" t="s">
        <v>1130</v>
      </c>
      <c r="E273" s="1" t="s">
        <v>1131</v>
      </c>
      <c r="F273" s="1" t="s">
        <v>1132</v>
      </c>
      <c r="G273" s="1" t="s">
        <v>1104</v>
      </c>
      <c r="H273" s="1" t="s">
        <v>13</v>
      </c>
      <c r="I273" s="1" t="s">
        <v>1105</v>
      </c>
      <c r="J273" s="1" t="s">
        <v>1133</v>
      </c>
    </row>
    <row r="274" spans="1:10" x14ac:dyDescent="0.35">
      <c r="A274" s="1" t="s">
        <v>1099</v>
      </c>
      <c r="B274" s="1" t="s">
        <v>1100</v>
      </c>
      <c r="C274" s="1" t="s">
        <v>50</v>
      </c>
      <c r="D274" s="1" t="s">
        <v>1134</v>
      </c>
      <c r="E274" s="1" t="s">
        <v>1135</v>
      </c>
      <c r="F274" s="1" t="s">
        <v>1136</v>
      </c>
      <c r="G274" s="1" t="s">
        <v>1104</v>
      </c>
      <c r="H274" s="1" t="s">
        <v>13</v>
      </c>
      <c r="I274" s="1" t="s">
        <v>1105</v>
      </c>
      <c r="J274" s="1" t="s">
        <v>1137</v>
      </c>
    </row>
    <row r="275" spans="1:10" x14ac:dyDescent="0.35">
      <c r="A275" s="1" t="s">
        <v>1099</v>
      </c>
      <c r="B275" s="1" t="s">
        <v>1100</v>
      </c>
      <c r="C275" s="1" t="s">
        <v>55</v>
      </c>
      <c r="D275" s="1" t="s">
        <v>1138</v>
      </c>
      <c r="E275" s="1" t="s">
        <v>1139</v>
      </c>
      <c r="F275" s="1" t="s">
        <v>1140</v>
      </c>
      <c r="G275" s="1" t="s">
        <v>1104</v>
      </c>
      <c r="H275" s="1" t="s">
        <v>13</v>
      </c>
      <c r="I275" s="1" t="s">
        <v>1105</v>
      </c>
      <c r="J275" s="1" t="s">
        <v>1141</v>
      </c>
    </row>
    <row r="276" spans="1:10" x14ac:dyDescent="0.35">
      <c r="A276" s="1" t="s">
        <v>1099</v>
      </c>
      <c r="B276" s="1" t="s">
        <v>1100</v>
      </c>
      <c r="C276" s="1" t="s">
        <v>60</v>
      </c>
      <c r="D276" s="1" t="s">
        <v>1142</v>
      </c>
      <c r="E276" s="1" t="s">
        <v>1143</v>
      </c>
      <c r="F276" s="1" t="s">
        <v>1144</v>
      </c>
      <c r="G276" s="1" t="s">
        <v>1104</v>
      </c>
      <c r="H276" s="1" t="s">
        <v>13</v>
      </c>
      <c r="I276" s="1" t="s">
        <v>1105</v>
      </c>
      <c r="J276" s="1" t="s">
        <v>1145</v>
      </c>
    </row>
    <row r="277" spans="1:10" x14ac:dyDescent="0.35">
      <c r="A277" s="1" t="s">
        <v>1099</v>
      </c>
      <c r="B277" s="1" t="s">
        <v>1100</v>
      </c>
      <c r="C277" s="1" t="s">
        <v>65</v>
      </c>
      <c r="D277" s="1" t="s">
        <v>1146</v>
      </c>
      <c r="E277" s="1" t="s">
        <v>1147</v>
      </c>
      <c r="F277" s="1" t="s">
        <v>1148</v>
      </c>
      <c r="G277" s="1" t="s">
        <v>1104</v>
      </c>
      <c r="H277" s="1" t="s">
        <v>13</v>
      </c>
      <c r="I277" s="1" t="s">
        <v>1105</v>
      </c>
      <c r="J277" s="1" t="s">
        <v>1149</v>
      </c>
    </row>
    <row r="278" spans="1:10" x14ac:dyDescent="0.35">
      <c r="A278" s="1" t="s">
        <v>1099</v>
      </c>
      <c r="B278" s="1" t="s">
        <v>1100</v>
      </c>
      <c r="C278" s="1" t="s">
        <v>70</v>
      </c>
      <c r="D278" s="1" t="s">
        <v>1150</v>
      </c>
      <c r="E278" s="1" t="s">
        <v>1151</v>
      </c>
      <c r="F278" s="1" t="s">
        <v>1152</v>
      </c>
      <c r="G278" s="1" t="s">
        <v>1104</v>
      </c>
      <c r="H278" s="1" t="s">
        <v>13</v>
      </c>
      <c r="I278" s="1" t="s">
        <v>1105</v>
      </c>
      <c r="J278" s="1" t="s">
        <v>1153</v>
      </c>
    </row>
    <row r="279" spans="1:10" x14ac:dyDescent="0.35">
      <c r="A279" s="1" t="s">
        <v>1099</v>
      </c>
      <c r="B279" s="1" t="s">
        <v>1100</v>
      </c>
      <c r="C279" s="1" t="s">
        <v>75</v>
      </c>
      <c r="D279" s="1" t="s">
        <v>1154</v>
      </c>
      <c r="E279" s="1" t="s">
        <v>1155</v>
      </c>
      <c r="F279" s="1" t="s">
        <v>1156</v>
      </c>
      <c r="G279" s="1" t="s">
        <v>1104</v>
      </c>
      <c r="H279" s="1" t="s">
        <v>13</v>
      </c>
      <c r="I279" s="1" t="s">
        <v>1105</v>
      </c>
      <c r="J279" s="1" t="s">
        <v>1157</v>
      </c>
    </row>
    <row r="280" spans="1:10" x14ac:dyDescent="0.35">
      <c r="A280" s="1" t="s">
        <v>1099</v>
      </c>
      <c r="B280" s="1" t="s">
        <v>1100</v>
      </c>
      <c r="C280" s="1" t="s">
        <v>80</v>
      </c>
      <c r="D280" s="1" t="s">
        <v>1158</v>
      </c>
      <c r="E280" s="1" t="s">
        <v>1159</v>
      </c>
      <c r="F280" s="1" t="s">
        <v>1160</v>
      </c>
      <c r="G280" s="1" t="s">
        <v>1104</v>
      </c>
      <c r="H280" s="1" t="s">
        <v>13</v>
      </c>
      <c r="I280" s="1" t="s">
        <v>1105</v>
      </c>
      <c r="J280" s="1" t="s">
        <v>1161</v>
      </c>
    </row>
    <row r="281" spans="1:10" x14ac:dyDescent="0.35">
      <c r="A281" s="1" t="s">
        <v>1099</v>
      </c>
      <c r="B281" s="1" t="s">
        <v>1100</v>
      </c>
      <c r="C281" s="1" t="s">
        <v>85</v>
      </c>
      <c r="D281" s="1" t="s">
        <v>1162</v>
      </c>
      <c r="E281" s="1" t="s">
        <v>1163</v>
      </c>
      <c r="F281" s="1" t="s">
        <v>1164</v>
      </c>
      <c r="G281" s="1" t="s">
        <v>1104</v>
      </c>
      <c r="H281" s="1" t="s">
        <v>13</v>
      </c>
      <c r="I281" s="1" t="s">
        <v>1105</v>
      </c>
      <c r="J281" s="1" t="s">
        <v>1165</v>
      </c>
    </row>
    <row r="282" spans="1:10" x14ac:dyDescent="0.35">
      <c r="A282" s="1" t="s">
        <v>1099</v>
      </c>
      <c r="B282" s="1" t="s">
        <v>1100</v>
      </c>
      <c r="C282" s="1" t="s">
        <v>90</v>
      </c>
      <c r="D282" s="1" t="s">
        <v>1166</v>
      </c>
      <c r="E282" s="1" t="s">
        <v>1167</v>
      </c>
      <c r="F282" s="1" t="s">
        <v>1168</v>
      </c>
      <c r="G282" s="1" t="s">
        <v>1104</v>
      </c>
      <c r="H282" s="1" t="s">
        <v>13</v>
      </c>
      <c r="I282" s="1" t="s">
        <v>1105</v>
      </c>
      <c r="J282" s="1" t="s">
        <v>1169</v>
      </c>
    </row>
    <row r="283" spans="1:10" x14ac:dyDescent="0.35">
      <c r="A283" s="1" t="s">
        <v>1099</v>
      </c>
      <c r="B283" s="1" t="s">
        <v>1100</v>
      </c>
      <c r="C283" s="1" t="s">
        <v>95</v>
      </c>
      <c r="D283" s="1" t="s">
        <v>1170</v>
      </c>
      <c r="E283" s="1" t="s">
        <v>1171</v>
      </c>
      <c r="F283" s="1" t="s">
        <v>1172</v>
      </c>
      <c r="G283" s="1" t="s">
        <v>1104</v>
      </c>
      <c r="H283" s="1" t="s">
        <v>13</v>
      </c>
      <c r="I283" s="1" t="s">
        <v>1105</v>
      </c>
      <c r="J283" s="1" t="s">
        <v>1173</v>
      </c>
    </row>
    <row r="284" spans="1:10" x14ac:dyDescent="0.35">
      <c r="A284" s="1" t="s">
        <v>1099</v>
      </c>
      <c r="B284" s="1" t="s">
        <v>1100</v>
      </c>
      <c r="C284" s="1" t="s">
        <v>100</v>
      </c>
      <c r="D284" s="1" t="s">
        <v>1174</v>
      </c>
      <c r="E284" s="1" t="s">
        <v>1175</v>
      </c>
      <c r="F284" s="1" t="s">
        <v>1176</v>
      </c>
      <c r="G284" s="1" t="s">
        <v>1104</v>
      </c>
      <c r="H284" s="1" t="s">
        <v>13</v>
      </c>
      <c r="I284" s="1" t="s">
        <v>1105</v>
      </c>
      <c r="J284" s="1" t="s">
        <v>1177</v>
      </c>
    </row>
    <row r="285" spans="1:10" x14ac:dyDescent="0.35">
      <c r="A285" s="1" t="s">
        <v>1099</v>
      </c>
      <c r="B285" s="1" t="s">
        <v>1100</v>
      </c>
      <c r="C285" s="1" t="s">
        <v>105</v>
      </c>
      <c r="D285" s="1" t="s">
        <v>1174</v>
      </c>
      <c r="E285" s="1" t="s">
        <v>1178</v>
      </c>
      <c r="F285" s="1" t="s">
        <v>1179</v>
      </c>
      <c r="G285" s="1" t="s">
        <v>1104</v>
      </c>
      <c r="H285" s="1" t="s">
        <v>13</v>
      </c>
      <c r="I285" s="1" t="s">
        <v>1105</v>
      </c>
      <c r="J285" s="1" t="s">
        <v>1180</v>
      </c>
    </row>
    <row r="286" spans="1:10" x14ac:dyDescent="0.35">
      <c r="A286" s="1" t="s">
        <v>1099</v>
      </c>
      <c r="B286" s="1" t="s">
        <v>1100</v>
      </c>
      <c r="C286" s="1" t="s">
        <v>110</v>
      </c>
      <c r="D286" s="1" t="s">
        <v>1181</v>
      </c>
      <c r="E286" s="1" t="s">
        <v>1182</v>
      </c>
      <c r="F286" s="1" t="s">
        <v>1183</v>
      </c>
      <c r="G286" s="1" t="s">
        <v>1104</v>
      </c>
      <c r="H286" s="1" t="s">
        <v>13</v>
      </c>
      <c r="I286" s="1" t="s">
        <v>1105</v>
      </c>
      <c r="J286" s="1" t="s">
        <v>1184</v>
      </c>
    </row>
    <row r="287" spans="1:10" x14ac:dyDescent="0.35">
      <c r="A287" s="1" t="s">
        <v>1099</v>
      </c>
      <c r="B287" s="1" t="s">
        <v>1100</v>
      </c>
      <c r="C287" s="1" t="s">
        <v>115</v>
      </c>
      <c r="D287" s="1" t="s">
        <v>1185</v>
      </c>
      <c r="E287" s="1" t="s">
        <v>1186</v>
      </c>
      <c r="F287" s="1" t="s">
        <v>1187</v>
      </c>
      <c r="G287" s="1" t="s">
        <v>1104</v>
      </c>
      <c r="H287" s="1" t="s">
        <v>13</v>
      </c>
      <c r="I287" s="1" t="s">
        <v>1105</v>
      </c>
      <c r="J287" s="1" t="s">
        <v>1188</v>
      </c>
    </row>
    <row r="288" spans="1:10" x14ac:dyDescent="0.35">
      <c r="A288" s="1" t="s">
        <v>1099</v>
      </c>
      <c r="B288" s="1" t="s">
        <v>1100</v>
      </c>
      <c r="C288" s="1" t="s">
        <v>120</v>
      </c>
      <c r="D288" s="1" t="s">
        <v>1189</v>
      </c>
      <c r="E288" s="1" t="s">
        <v>1190</v>
      </c>
      <c r="F288" s="1" t="s">
        <v>1191</v>
      </c>
      <c r="G288" s="1" t="s">
        <v>1104</v>
      </c>
      <c r="H288" s="1" t="s">
        <v>13</v>
      </c>
      <c r="I288" s="1" t="s">
        <v>1105</v>
      </c>
      <c r="J288" s="1" t="s">
        <v>1192</v>
      </c>
    </row>
    <row r="289" spans="1:10" x14ac:dyDescent="0.35">
      <c r="A289" s="1" t="s">
        <v>1099</v>
      </c>
      <c r="B289" s="1" t="s">
        <v>1100</v>
      </c>
      <c r="C289" s="1" t="s">
        <v>125</v>
      </c>
      <c r="D289" s="1" t="s">
        <v>1193</v>
      </c>
      <c r="E289" s="1" t="s">
        <v>1194</v>
      </c>
      <c r="F289" s="1" t="s">
        <v>1195</v>
      </c>
      <c r="G289" s="1" t="s">
        <v>1104</v>
      </c>
      <c r="H289" s="1" t="s">
        <v>13</v>
      </c>
      <c r="I289" s="1" t="s">
        <v>1105</v>
      </c>
      <c r="J289" s="1" t="s">
        <v>1196</v>
      </c>
    </row>
    <row r="290" spans="1:10" x14ac:dyDescent="0.35">
      <c r="A290" s="1" t="s">
        <v>1099</v>
      </c>
      <c r="B290" s="1" t="s">
        <v>1100</v>
      </c>
      <c r="C290" s="1" t="s">
        <v>130</v>
      </c>
      <c r="D290" s="1" t="s">
        <v>1197</v>
      </c>
      <c r="E290" s="1" t="s">
        <v>1198</v>
      </c>
      <c r="F290" s="1" t="s">
        <v>1199</v>
      </c>
      <c r="G290" s="1" t="s">
        <v>1104</v>
      </c>
      <c r="H290" s="1" t="s">
        <v>13</v>
      </c>
      <c r="I290" s="1" t="s">
        <v>1105</v>
      </c>
      <c r="J290" s="1" t="s">
        <v>1200</v>
      </c>
    </row>
    <row r="291" spans="1:10" x14ac:dyDescent="0.35">
      <c r="A291" s="1" t="s">
        <v>1099</v>
      </c>
      <c r="B291" s="1" t="s">
        <v>1100</v>
      </c>
      <c r="C291" s="1" t="s">
        <v>135</v>
      </c>
      <c r="D291" s="1" t="s">
        <v>1201</v>
      </c>
      <c r="E291" s="1" t="s">
        <v>1202</v>
      </c>
      <c r="F291" s="1" t="s">
        <v>1203</v>
      </c>
      <c r="G291" s="1" t="s">
        <v>1104</v>
      </c>
      <c r="H291" s="1" t="s">
        <v>13</v>
      </c>
      <c r="I291" s="1" t="s">
        <v>1105</v>
      </c>
      <c r="J291" s="1" t="s">
        <v>1204</v>
      </c>
    </row>
    <row r="292" spans="1:10" x14ac:dyDescent="0.35">
      <c r="A292" s="1" t="s">
        <v>1099</v>
      </c>
      <c r="B292" s="1" t="s">
        <v>1100</v>
      </c>
      <c r="C292" s="1" t="s">
        <v>140</v>
      </c>
      <c r="D292" s="1" t="s">
        <v>1205</v>
      </c>
      <c r="E292" s="1" t="s">
        <v>1206</v>
      </c>
      <c r="F292" s="1" t="s">
        <v>1207</v>
      </c>
      <c r="G292" s="1" t="s">
        <v>1104</v>
      </c>
      <c r="H292" s="1" t="s">
        <v>13</v>
      </c>
      <c r="I292" s="1" t="s">
        <v>1105</v>
      </c>
      <c r="J292" s="1" t="s">
        <v>1208</v>
      </c>
    </row>
    <row r="293" spans="1:10" x14ac:dyDescent="0.35">
      <c r="A293" s="1" t="s">
        <v>1099</v>
      </c>
      <c r="B293" s="1" t="s">
        <v>1100</v>
      </c>
      <c r="C293" s="1" t="s">
        <v>145</v>
      </c>
      <c r="D293" s="1" t="s">
        <v>1209</v>
      </c>
      <c r="E293" s="1" t="s">
        <v>1210</v>
      </c>
      <c r="F293" s="1" t="s">
        <v>1211</v>
      </c>
      <c r="G293" s="1" t="s">
        <v>1104</v>
      </c>
      <c r="H293" s="1" t="s">
        <v>13</v>
      </c>
      <c r="I293" s="1" t="s">
        <v>1105</v>
      </c>
      <c r="J293" s="1" t="s">
        <v>1212</v>
      </c>
    </row>
    <row r="294" spans="1:10" x14ac:dyDescent="0.35">
      <c r="A294" s="1" t="s">
        <v>1099</v>
      </c>
      <c r="B294" s="1" t="s">
        <v>1100</v>
      </c>
      <c r="C294" s="1" t="s">
        <v>150</v>
      </c>
      <c r="D294" s="1" t="s">
        <v>1213</v>
      </c>
      <c r="E294" s="1" t="s">
        <v>1214</v>
      </c>
      <c r="F294" s="1" t="s">
        <v>1215</v>
      </c>
      <c r="G294" s="1" t="s">
        <v>1104</v>
      </c>
      <c r="H294" s="1" t="s">
        <v>13</v>
      </c>
      <c r="I294" s="1" t="s">
        <v>1105</v>
      </c>
      <c r="J294" s="1" t="s">
        <v>1216</v>
      </c>
    </row>
    <row r="295" spans="1:10" x14ac:dyDescent="0.35">
      <c r="A295" s="1" t="s">
        <v>1099</v>
      </c>
      <c r="B295" s="1" t="s">
        <v>1100</v>
      </c>
      <c r="C295" s="1" t="s">
        <v>155</v>
      </c>
      <c r="D295" s="1" t="s">
        <v>1217</v>
      </c>
      <c r="E295" s="1" t="s">
        <v>1218</v>
      </c>
      <c r="F295" s="1" t="s">
        <v>1219</v>
      </c>
      <c r="G295" s="1" t="s">
        <v>1104</v>
      </c>
      <c r="H295" s="1" t="s">
        <v>13</v>
      </c>
      <c r="I295" s="1" t="s">
        <v>1105</v>
      </c>
      <c r="J295" s="1" t="s">
        <v>1220</v>
      </c>
    </row>
    <row r="296" spans="1:10" x14ac:dyDescent="0.35">
      <c r="A296" s="1" t="s">
        <v>1099</v>
      </c>
      <c r="B296" s="1" t="s">
        <v>1100</v>
      </c>
      <c r="C296" s="1" t="s">
        <v>160</v>
      </c>
      <c r="D296" s="1" t="s">
        <v>1221</v>
      </c>
      <c r="E296" s="1" t="s">
        <v>1222</v>
      </c>
      <c r="F296" s="1" t="s">
        <v>1223</v>
      </c>
      <c r="G296" s="1" t="s">
        <v>1104</v>
      </c>
      <c r="H296" s="1" t="s">
        <v>13</v>
      </c>
      <c r="I296" s="1" t="s">
        <v>1105</v>
      </c>
      <c r="J296" s="1" t="s">
        <v>1224</v>
      </c>
    </row>
    <row r="297" spans="1:10" x14ac:dyDescent="0.35">
      <c r="A297" s="1" t="s">
        <v>1099</v>
      </c>
      <c r="B297" s="1" t="s">
        <v>1100</v>
      </c>
      <c r="C297" s="1" t="s">
        <v>165</v>
      </c>
      <c r="D297" s="1" t="s">
        <v>1225</v>
      </c>
      <c r="E297" s="1" t="s">
        <v>1226</v>
      </c>
      <c r="F297" s="1" t="s">
        <v>1227</v>
      </c>
      <c r="G297" s="1" t="s">
        <v>1104</v>
      </c>
      <c r="H297" s="1" t="s">
        <v>13</v>
      </c>
      <c r="I297" s="1" t="s">
        <v>1105</v>
      </c>
      <c r="J297" s="1" t="s">
        <v>1228</v>
      </c>
    </row>
    <row r="298" spans="1:10" x14ac:dyDescent="0.35">
      <c r="A298" s="1" t="s">
        <v>1099</v>
      </c>
      <c r="B298" s="1" t="s">
        <v>1100</v>
      </c>
      <c r="C298" s="1" t="s">
        <v>170</v>
      </c>
      <c r="D298" s="1" t="s">
        <v>1229</v>
      </c>
      <c r="E298" s="1" t="s">
        <v>1230</v>
      </c>
      <c r="F298" s="1" t="s">
        <v>1231</v>
      </c>
      <c r="G298" s="1" t="s">
        <v>1104</v>
      </c>
      <c r="H298" s="1" t="s">
        <v>13</v>
      </c>
      <c r="I298" s="1" t="s">
        <v>1105</v>
      </c>
      <c r="J298" s="1" t="s">
        <v>1232</v>
      </c>
    </row>
    <row r="299" spans="1:10" x14ac:dyDescent="0.35">
      <c r="A299" s="1" t="s">
        <v>1233</v>
      </c>
      <c r="B299" s="1" t="s">
        <v>1234</v>
      </c>
      <c r="C299" s="1" t="s">
        <v>8</v>
      </c>
      <c r="D299" s="1" t="s">
        <v>1235</v>
      </c>
      <c r="E299" s="1" t="s">
        <v>1236</v>
      </c>
      <c r="F299" s="1" t="s">
        <v>1237</v>
      </c>
      <c r="G299" s="1" t="s">
        <v>1238</v>
      </c>
      <c r="H299" s="1" t="s">
        <v>13</v>
      </c>
      <c r="I299" s="1" t="s">
        <v>1239</v>
      </c>
      <c r="J299" s="1" t="s">
        <v>13</v>
      </c>
    </row>
    <row r="300" spans="1:10" x14ac:dyDescent="0.35">
      <c r="A300" s="1" t="s">
        <v>1233</v>
      </c>
      <c r="B300" s="1" t="s">
        <v>1234</v>
      </c>
      <c r="C300" s="1" t="s">
        <v>15</v>
      </c>
      <c r="D300" s="1" t="s">
        <v>1240</v>
      </c>
      <c r="E300" s="1" t="s">
        <v>1241</v>
      </c>
      <c r="F300" s="1" t="s">
        <v>1242</v>
      </c>
      <c r="G300" s="1" t="s">
        <v>1238</v>
      </c>
      <c r="H300" s="1" t="s">
        <v>13</v>
      </c>
      <c r="I300" s="1" t="s">
        <v>1239</v>
      </c>
      <c r="J300" s="1" t="s">
        <v>1243</v>
      </c>
    </row>
    <row r="301" spans="1:10" x14ac:dyDescent="0.35">
      <c r="A301" s="1" t="s">
        <v>1233</v>
      </c>
      <c r="B301" s="1" t="s">
        <v>1234</v>
      </c>
      <c r="C301" s="1" t="s">
        <v>20</v>
      </c>
      <c r="D301" s="1" t="s">
        <v>1244</v>
      </c>
      <c r="E301" s="1" t="s">
        <v>1245</v>
      </c>
      <c r="F301" s="1" t="s">
        <v>1246</v>
      </c>
      <c r="G301" s="1" t="s">
        <v>1238</v>
      </c>
      <c r="H301" s="1" t="s">
        <v>13</v>
      </c>
      <c r="I301" s="1" t="s">
        <v>1239</v>
      </c>
      <c r="J301" s="1" t="s">
        <v>1247</v>
      </c>
    </row>
    <row r="302" spans="1:10" x14ac:dyDescent="0.35">
      <c r="A302" s="1" t="s">
        <v>1233</v>
      </c>
      <c r="B302" s="1" t="s">
        <v>1234</v>
      </c>
      <c r="C302" s="1" t="s">
        <v>25</v>
      </c>
      <c r="D302" s="1" t="s">
        <v>1248</v>
      </c>
      <c r="E302" s="1" t="s">
        <v>1249</v>
      </c>
      <c r="F302" s="1" t="s">
        <v>1250</v>
      </c>
      <c r="G302" s="1" t="s">
        <v>1238</v>
      </c>
      <c r="H302" s="1" t="s">
        <v>13</v>
      </c>
      <c r="I302" s="1" t="s">
        <v>1239</v>
      </c>
      <c r="J302" s="1" t="s">
        <v>1251</v>
      </c>
    </row>
    <row r="303" spans="1:10" x14ac:dyDescent="0.35">
      <c r="A303" s="1" t="s">
        <v>1233</v>
      </c>
      <c r="B303" s="1" t="s">
        <v>1234</v>
      </c>
      <c r="C303" s="1" t="s">
        <v>30</v>
      </c>
      <c r="D303" s="1" t="s">
        <v>1252</v>
      </c>
      <c r="E303" s="1" t="s">
        <v>1253</v>
      </c>
      <c r="F303" s="1" t="s">
        <v>1254</v>
      </c>
      <c r="G303" s="1" t="s">
        <v>1238</v>
      </c>
      <c r="H303" s="1" t="s">
        <v>13</v>
      </c>
      <c r="I303" s="1" t="s">
        <v>1239</v>
      </c>
      <c r="J303" s="1" t="s">
        <v>1255</v>
      </c>
    </row>
    <row r="304" spans="1:10" x14ac:dyDescent="0.35">
      <c r="A304" s="1" t="s">
        <v>1233</v>
      </c>
      <c r="B304" s="1" t="s">
        <v>1234</v>
      </c>
      <c r="C304" s="1" t="s">
        <v>35</v>
      </c>
      <c r="D304" s="1" t="s">
        <v>1256</v>
      </c>
      <c r="E304" s="1" t="s">
        <v>1257</v>
      </c>
      <c r="F304" s="1" t="s">
        <v>1258</v>
      </c>
      <c r="G304" s="1" t="s">
        <v>1238</v>
      </c>
      <c r="H304" s="1" t="s">
        <v>13</v>
      </c>
      <c r="I304" s="1" t="s">
        <v>1239</v>
      </c>
      <c r="J304" s="1" t="s">
        <v>1259</v>
      </c>
    </row>
    <row r="305" spans="1:10" x14ac:dyDescent="0.35">
      <c r="A305" s="1" t="s">
        <v>1233</v>
      </c>
      <c r="B305" s="1" t="s">
        <v>1234</v>
      </c>
      <c r="C305" s="1" t="s">
        <v>40</v>
      </c>
      <c r="D305" s="1" t="s">
        <v>1260</v>
      </c>
      <c r="E305" s="1" t="s">
        <v>1261</v>
      </c>
      <c r="F305" s="1" t="s">
        <v>1262</v>
      </c>
      <c r="G305" s="1" t="s">
        <v>1238</v>
      </c>
      <c r="H305" s="1" t="s">
        <v>13</v>
      </c>
      <c r="I305" s="1" t="s">
        <v>1239</v>
      </c>
      <c r="J305" s="1" t="s">
        <v>1263</v>
      </c>
    </row>
    <row r="306" spans="1:10" x14ac:dyDescent="0.35">
      <c r="A306" s="1" t="s">
        <v>1233</v>
      </c>
      <c r="B306" s="1" t="s">
        <v>1234</v>
      </c>
      <c r="C306" s="1" t="s">
        <v>45</v>
      </c>
      <c r="D306" s="1" t="s">
        <v>1264</v>
      </c>
      <c r="E306" s="1" t="s">
        <v>1265</v>
      </c>
      <c r="F306" s="1" t="s">
        <v>1266</v>
      </c>
      <c r="G306" s="1" t="s">
        <v>1238</v>
      </c>
      <c r="H306" s="1" t="s">
        <v>13</v>
      </c>
      <c r="I306" s="1" t="s">
        <v>1239</v>
      </c>
      <c r="J306" s="1" t="s">
        <v>1267</v>
      </c>
    </row>
    <row r="307" spans="1:10" x14ac:dyDescent="0.35">
      <c r="A307" s="1" t="s">
        <v>1233</v>
      </c>
      <c r="B307" s="1" t="s">
        <v>1234</v>
      </c>
      <c r="C307" s="1" t="s">
        <v>50</v>
      </c>
      <c r="D307" s="1" t="s">
        <v>1268</v>
      </c>
      <c r="E307" s="1" t="s">
        <v>1269</v>
      </c>
      <c r="F307" s="1" t="s">
        <v>1270</v>
      </c>
      <c r="G307" s="1" t="s">
        <v>1238</v>
      </c>
      <c r="H307" s="1" t="s">
        <v>13</v>
      </c>
      <c r="I307" s="1" t="s">
        <v>1239</v>
      </c>
      <c r="J307" s="1" t="s">
        <v>1271</v>
      </c>
    </row>
    <row r="308" spans="1:10" x14ac:dyDescent="0.35">
      <c r="A308" s="1" t="s">
        <v>1233</v>
      </c>
      <c r="B308" s="1" t="s">
        <v>1234</v>
      </c>
      <c r="C308" s="1" t="s">
        <v>55</v>
      </c>
      <c r="D308" s="1" t="s">
        <v>1272</v>
      </c>
      <c r="E308" s="1" t="s">
        <v>1273</v>
      </c>
      <c r="F308" s="1" t="s">
        <v>1274</v>
      </c>
      <c r="G308" s="1" t="s">
        <v>1238</v>
      </c>
      <c r="H308" s="1" t="s">
        <v>13</v>
      </c>
      <c r="I308" s="1" t="s">
        <v>1239</v>
      </c>
      <c r="J308" s="1" t="s">
        <v>1275</v>
      </c>
    </row>
    <row r="309" spans="1:10" x14ac:dyDescent="0.35">
      <c r="A309" s="1" t="s">
        <v>1233</v>
      </c>
      <c r="B309" s="1" t="s">
        <v>1234</v>
      </c>
      <c r="C309" s="1" t="s">
        <v>60</v>
      </c>
      <c r="D309" s="1" t="s">
        <v>1276</v>
      </c>
      <c r="E309" s="1" t="s">
        <v>1277</v>
      </c>
      <c r="F309" s="1" t="s">
        <v>1278</v>
      </c>
      <c r="G309" s="1" t="s">
        <v>1238</v>
      </c>
      <c r="H309" s="1" t="s">
        <v>13</v>
      </c>
      <c r="I309" s="1" t="s">
        <v>1239</v>
      </c>
      <c r="J309" s="1" t="s">
        <v>1279</v>
      </c>
    </row>
    <row r="310" spans="1:10" x14ac:dyDescent="0.35">
      <c r="A310" s="1" t="s">
        <v>1233</v>
      </c>
      <c r="B310" s="1" t="s">
        <v>1234</v>
      </c>
      <c r="C310" s="1" t="s">
        <v>65</v>
      </c>
      <c r="D310" s="1" t="s">
        <v>1280</v>
      </c>
      <c r="E310" s="1" t="s">
        <v>1281</v>
      </c>
      <c r="F310" s="1" t="s">
        <v>1282</v>
      </c>
      <c r="G310" s="1" t="s">
        <v>1238</v>
      </c>
      <c r="H310" s="1" t="s">
        <v>13</v>
      </c>
      <c r="I310" s="1" t="s">
        <v>1239</v>
      </c>
      <c r="J310" s="1" t="s">
        <v>1283</v>
      </c>
    </row>
    <row r="311" spans="1:10" x14ac:dyDescent="0.35">
      <c r="A311" s="1" t="s">
        <v>1233</v>
      </c>
      <c r="B311" s="1" t="s">
        <v>1234</v>
      </c>
      <c r="C311" s="1" t="s">
        <v>70</v>
      </c>
      <c r="D311" s="1" t="s">
        <v>1284</v>
      </c>
      <c r="E311" s="1" t="s">
        <v>1285</v>
      </c>
      <c r="F311" s="1" t="s">
        <v>1286</v>
      </c>
      <c r="G311" s="1" t="s">
        <v>1238</v>
      </c>
      <c r="H311" s="1" t="s">
        <v>13</v>
      </c>
      <c r="I311" s="1" t="s">
        <v>1239</v>
      </c>
      <c r="J311" s="1" t="s">
        <v>1287</v>
      </c>
    </row>
    <row r="312" spans="1:10" x14ac:dyDescent="0.35">
      <c r="A312" s="1" t="s">
        <v>1233</v>
      </c>
      <c r="B312" s="1" t="s">
        <v>1234</v>
      </c>
      <c r="C312" s="1" t="s">
        <v>75</v>
      </c>
      <c r="D312" s="1" t="s">
        <v>1288</v>
      </c>
      <c r="E312" s="1" t="s">
        <v>1289</v>
      </c>
      <c r="F312" s="1" t="s">
        <v>1290</v>
      </c>
      <c r="G312" s="1" t="s">
        <v>1238</v>
      </c>
      <c r="H312" s="1" t="s">
        <v>13</v>
      </c>
      <c r="I312" s="1" t="s">
        <v>1239</v>
      </c>
      <c r="J312" s="1" t="s">
        <v>1291</v>
      </c>
    </row>
    <row r="313" spans="1:10" x14ac:dyDescent="0.35">
      <c r="A313" s="1" t="s">
        <v>1233</v>
      </c>
      <c r="B313" s="1" t="s">
        <v>1234</v>
      </c>
      <c r="C313" s="1" t="s">
        <v>80</v>
      </c>
      <c r="D313" s="1" t="s">
        <v>1292</v>
      </c>
      <c r="E313" s="1" t="s">
        <v>1293</v>
      </c>
      <c r="F313" s="1" t="s">
        <v>1294</v>
      </c>
      <c r="G313" s="1" t="s">
        <v>1238</v>
      </c>
      <c r="H313" s="1" t="s">
        <v>13</v>
      </c>
      <c r="I313" s="1" t="s">
        <v>1239</v>
      </c>
      <c r="J313" s="1" t="s">
        <v>1295</v>
      </c>
    </row>
    <row r="314" spans="1:10" x14ac:dyDescent="0.35">
      <c r="A314" s="1" t="s">
        <v>1233</v>
      </c>
      <c r="B314" s="1" t="s">
        <v>1234</v>
      </c>
      <c r="C314" s="1" t="s">
        <v>85</v>
      </c>
      <c r="D314" s="1" t="s">
        <v>1296</v>
      </c>
      <c r="E314" s="1" t="s">
        <v>1297</v>
      </c>
      <c r="F314" s="1" t="s">
        <v>1298</v>
      </c>
      <c r="G314" s="1" t="s">
        <v>1238</v>
      </c>
      <c r="H314" s="1" t="s">
        <v>13</v>
      </c>
      <c r="I314" s="1" t="s">
        <v>1239</v>
      </c>
      <c r="J314" s="1" t="s">
        <v>1299</v>
      </c>
    </row>
    <row r="315" spans="1:10" x14ac:dyDescent="0.35">
      <c r="A315" s="1" t="s">
        <v>1233</v>
      </c>
      <c r="B315" s="1" t="s">
        <v>1234</v>
      </c>
      <c r="C315" s="1" t="s">
        <v>90</v>
      </c>
      <c r="D315" s="1" t="s">
        <v>1300</v>
      </c>
      <c r="E315" s="1" t="s">
        <v>1301</v>
      </c>
      <c r="F315" s="1" t="s">
        <v>1302</v>
      </c>
      <c r="G315" s="1" t="s">
        <v>1238</v>
      </c>
      <c r="H315" s="1" t="s">
        <v>13</v>
      </c>
      <c r="I315" s="1" t="s">
        <v>1239</v>
      </c>
      <c r="J315" s="1" t="s">
        <v>1303</v>
      </c>
    </row>
    <row r="316" spans="1:10" x14ac:dyDescent="0.35">
      <c r="A316" s="1" t="s">
        <v>1233</v>
      </c>
      <c r="B316" s="1" t="s">
        <v>1234</v>
      </c>
      <c r="C316" s="1" t="s">
        <v>95</v>
      </c>
      <c r="D316" s="1" t="s">
        <v>1304</v>
      </c>
      <c r="E316" s="1" t="s">
        <v>1305</v>
      </c>
      <c r="F316" s="1" t="s">
        <v>1306</v>
      </c>
      <c r="G316" s="1" t="s">
        <v>1238</v>
      </c>
      <c r="H316" s="1" t="s">
        <v>13</v>
      </c>
      <c r="I316" s="1" t="s">
        <v>1239</v>
      </c>
      <c r="J316" s="1" t="s">
        <v>1307</v>
      </c>
    </row>
    <row r="317" spans="1:10" x14ac:dyDescent="0.35">
      <c r="A317" s="1" t="s">
        <v>1233</v>
      </c>
      <c r="B317" s="1" t="s">
        <v>1234</v>
      </c>
      <c r="C317" s="1" t="s">
        <v>100</v>
      </c>
      <c r="D317" s="1" t="s">
        <v>1308</v>
      </c>
      <c r="E317" s="1" t="s">
        <v>1309</v>
      </c>
      <c r="F317" s="1" t="s">
        <v>1310</v>
      </c>
      <c r="G317" s="1" t="s">
        <v>1238</v>
      </c>
      <c r="H317" s="1" t="s">
        <v>13</v>
      </c>
      <c r="I317" s="1" t="s">
        <v>1239</v>
      </c>
      <c r="J317" s="1" t="s">
        <v>1311</v>
      </c>
    </row>
    <row r="318" spans="1:10" x14ac:dyDescent="0.35">
      <c r="A318" s="1" t="s">
        <v>1233</v>
      </c>
      <c r="B318" s="1" t="s">
        <v>1234</v>
      </c>
      <c r="C318" s="1" t="s">
        <v>105</v>
      </c>
      <c r="D318" s="1" t="s">
        <v>1312</v>
      </c>
      <c r="E318" s="1" t="s">
        <v>1313</v>
      </c>
      <c r="F318" s="1" t="s">
        <v>1314</v>
      </c>
      <c r="G318" s="1" t="s">
        <v>1238</v>
      </c>
      <c r="H318" s="1" t="s">
        <v>13</v>
      </c>
      <c r="I318" s="1" t="s">
        <v>1239</v>
      </c>
      <c r="J318" s="1" t="s">
        <v>1315</v>
      </c>
    </row>
    <row r="319" spans="1:10" x14ac:dyDescent="0.35">
      <c r="A319" s="1" t="s">
        <v>1233</v>
      </c>
      <c r="B319" s="1" t="s">
        <v>1234</v>
      </c>
      <c r="C319" s="1" t="s">
        <v>110</v>
      </c>
      <c r="D319" s="1" t="s">
        <v>1316</v>
      </c>
      <c r="E319" s="1" t="s">
        <v>1317</v>
      </c>
      <c r="F319" s="1" t="s">
        <v>1318</v>
      </c>
      <c r="G319" s="1" t="s">
        <v>1238</v>
      </c>
      <c r="H319" s="1" t="s">
        <v>13</v>
      </c>
      <c r="I319" s="1" t="s">
        <v>1239</v>
      </c>
      <c r="J319" s="1" t="s">
        <v>1319</v>
      </c>
    </row>
    <row r="320" spans="1:10" x14ac:dyDescent="0.35">
      <c r="A320" s="1" t="s">
        <v>1233</v>
      </c>
      <c r="B320" s="1" t="s">
        <v>1234</v>
      </c>
      <c r="C320" s="1" t="s">
        <v>115</v>
      </c>
      <c r="D320" s="1" t="s">
        <v>1320</v>
      </c>
      <c r="E320" s="1" t="s">
        <v>1321</v>
      </c>
      <c r="F320" s="1" t="s">
        <v>1322</v>
      </c>
      <c r="G320" s="1" t="s">
        <v>1238</v>
      </c>
      <c r="H320" s="1" t="s">
        <v>13</v>
      </c>
      <c r="I320" s="1" t="s">
        <v>1239</v>
      </c>
      <c r="J320" s="1" t="s">
        <v>1323</v>
      </c>
    </row>
    <row r="321" spans="1:10" x14ac:dyDescent="0.35">
      <c r="A321" s="1" t="s">
        <v>1233</v>
      </c>
      <c r="B321" s="1" t="s">
        <v>1234</v>
      </c>
      <c r="C321" s="1" t="s">
        <v>120</v>
      </c>
      <c r="D321" s="1" t="s">
        <v>1324</v>
      </c>
      <c r="E321" s="1" t="s">
        <v>1325</v>
      </c>
      <c r="F321" s="1" t="s">
        <v>1326</v>
      </c>
      <c r="G321" s="1" t="s">
        <v>1238</v>
      </c>
      <c r="H321" s="1" t="s">
        <v>13</v>
      </c>
      <c r="I321" s="1" t="s">
        <v>1239</v>
      </c>
      <c r="J321" s="1" t="s">
        <v>1327</v>
      </c>
    </row>
    <row r="322" spans="1:10" x14ac:dyDescent="0.35">
      <c r="A322" s="1" t="s">
        <v>1233</v>
      </c>
      <c r="B322" s="1" t="s">
        <v>1234</v>
      </c>
      <c r="C322" s="1" t="s">
        <v>125</v>
      </c>
      <c r="D322" s="1" t="s">
        <v>1328</v>
      </c>
      <c r="E322" s="1" t="s">
        <v>1329</v>
      </c>
      <c r="F322" s="1" t="s">
        <v>1330</v>
      </c>
      <c r="G322" s="1" t="s">
        <v>1238</v>
      </c>
      <c r="H322" s="1" t="s">
        <v>13</v>
      </c>
      <c r="I322" s="1" t="s">
        <v>1239</v>
      </c>
      <c r="J322" s="1" t="s">
        <v>1331</v>
      </c>
    </row>
    <row r="323" spans="1:10" x14ac:dyDescent="0.35">
      <c r="A323" s="1" t="s">
        <v>1233</v>
      </c>
      <c r="B323" s="1" t="s">
        <v>1234</v>
      </c>
      <c r="C323" s="1" t="s">
        <v>130</v>
      </c>
      <c r="D323" s="1" t="s">
        <v>1332</v>
      </c>
      <c r="E323" s="1" t="s">
        <v>1333</v>
      </c>
      <c r="F323" s="1" t="s">
        <v>1334</v>
      </c>
      <c r="G323" s="1" t="s">
        <v>1238</v>
      </c>
      <c r="H323" s="1" t="s">
        <v>13</v>
      </c>
      <c r="I323" s="1" t="s">
        <v>1239</v>
      </c>
      <c r="J323" s="1" t="s">
        <v>1335</v>
      </c>
    </row>
    <row r="324" spans="1:10" x14ac:dyDescent="0.35">
      <c r="A324" s="1" t="s">
        <v>1233</v>
      </c>
      <c r="B324" s="1" t="s">
        <v>1234</v>
      </c>
      <c r="C324" s="1" t="s">
        <v>135</v>
      </c>
      <c r="D324" s="1" t="s">
        <v>1336</v>
      </c>
      <c r="E324" s="1" t="s">
        <v>1337</v>
      </c>
      <c r="F324" s="1" t="s">
        <v>1338</v>
      </c>
      <c r="G324" s="1" t="s">
        <v>1238</v>
      </c>
      <c r="H324" s="1" t="s">
        <v>13</v>
      </c>
      <c r="I324" s="1" t="s">
        <v>1239</v>
      </c>
      <c r="J324" s="1" t="s">
        <v>1339</v>
      </c>
    </row>
    <row r="325" spans="1:10" x14ac:dyDescent="0.35">
      <c r="A325" s="1" t="s">
        <v>1233</v>
      </c>
      <c r="B325" s="1" t="s">
        <v>1234</v>
      </c>
      <c r="C325" s="1" t="s">
        <v>140</v>
      </c>
      <c r="D325" s="1" t="s">
        <v>1340</v>
      </c>
      <c r="E325" s="1" t="s">
        <v>1341</v>
      </c>
      <c r="F325" s="1" t="s">
        <v>1342</v>
      </c>
      <c r="G325" s="1" t="s">
        <v>1238</v>
      </c>
      <c r="H325" s="1" t="s">
        <v>13</v>
      </c>
      <c r="I325" s="1" t="s">
        <v>1239</v>
      </c>
      <c r="J325" s="1" t="s">
        <v>1343</v>
      </c>
    </row>
    <row r="326" spans="1:10" x14ac:dyDescent="0.35">
      <c r="A326" s="1" t="s">
        <v>1233</v>
      </c>
      <c r="B326" s="1" t="s">
        <v>1234</v>
      </c>
      <c r="C326" s="1" t="s">
        <v>145</v>
      </c>
      <c r="D326" s="1" t="s">
        <v>1344</v>
      </c>
      <c r="E326" s="1" t="s">
        <v>1345</v>
      </c>
      <c r="F326" s="1" t="s">
        <v>1346</v>
      </c>
      <c r="G326" s="1" t="s">
        <v>1238</v>
      </c>
      <c r="H326" s="1" t="s">
        <v>13</v>
      </c>
      <c r="I326" s="1" t="s">
        <v>1239</v>
      </c>
      <c r="J326" s="1" t="s">
        <v>1347</v>
      </c>
    </row>
    <row r="327" spans="1:10" x14ac:dyDescent="0.35">
      <c r="A327" s="1" t="s">
        <v>1233</v>
      </c>
      <c r="B327" s="1" t="s">
        <v>1234</v>
      </c>
      <c r="C327" s="1" t="s">
        <v>150</v>
      </c>
      <c r="D327" s="1" t="s">
        <v>1348</v>
      </c>
      <c r="E327" s="1" t="s">
        <v>1349</v>
      </c>
      <c r="F327" s="1" t="s">
        <v>1350</v>
      </c>
      <c r="G327" s="1" t="s">
        <v>1238</v>
      </c>
      <c r="H327" s="1" t="s">
        <v>13</v>
      </c>
      <c r="I327" s="1" t="s">
        <v>1239</v>
      </c>
      <c r="J327" s="1" t="s">
        <v>1351</v>
      </c>
    </row>
    <row r="328" spans="1:10" x14ac:dyDescent="0.35">
      <c r="A328" s="1" t="s">
        <v>1233</v>
      </c>
      <c r="B328" s="1" t="s">
        <v>1234</v>
      </c>
      <c r="C328" s="1" t="s">
        <v>155</v>
      </c>
      <c r="D328" s="1" t="s">
        <v>1352</v>
      </c>
      <c r="E328" s="1" t="s">
        <v>1353</v>
      </c>
      <c r="F328" s="1" t="s">
        <v>1354</v>
      </c>
      <c r="G328" s="1" t="s">
        <v>1238</v>
      </c>
      <c r="H328" s="1" t="s">
        <v>13</v>
      </c>
      <c r="I328" s="1" t="s">
        <v>1239</v>
      </c>
      <c r="J328" s="1" t="s">
        <v>1355</v>
      </c>
    </row>
    <row r="329" spans="1:10" x14ac:dyDescent="0.35">
      <c r="A329" s="1" t="s">
        <v>1233</v>
      </c>
      <c r="B329" s="1" t="s">
        <v>1234</v>
      </c>
      <c r="C329" s="1" t="s">
        <v>160</v>
      </c>
      <c r="D329" s="1" t="s">
        <v>1356</v>
      </c>
      <c r="E329" s="1" t="s">
        <v>1357</v>
      </c>
      <c r="F329" s="1" t="s">
        <v>1358</v>
      </c>
      <c r="G329" s="1" t="s">
        <v>1238</v>
      </c>
      <c r="H329" s="1" t="s">
        <v>13</v>
      </c>
      <c r="I329" s="1" t="s">
        <v>1239</v>
      </c>
      <c r="J329" s="1" t="s">
        <v>1359</v>
      </c>
    </row>
    <row r="330" spans="1:10" x14ac:dyDescent="0.35">
      <c r="A330" s="1" t="s">
        <v>1233</v>
      </c>
      <c r="B330" s="1" t="s">
        <v>1234</v>
      </c>
      <c r="C330" s="1" t="s">
        <v>165</v>
      </c>
      <c r="D330" s="1" t="s">
        <v>1360</v>
      </c>
      <c r="E330" s="1" t="s">
        <v>1361</v>
      </c>
      <c r="F330" s="1" t="s">
        <v>1362</v>
      </c>
      <c r="G330" s="1" t="s">
        <v>1238</v>
      </c>
      <c r="H330" s="1" t="s">
        <v>13</v>
      </c>
      <c r="I330" s="1" t="s">
        <v>1239</v>
      </c>
      <c r="J330" s="1" t="s">
        <v>1363</v>
      </c>
    </row>
    <row r="331" spans="1:10" x14ac:dyDescent="0.35">
      <c r="A331" s="1" t="s">
        <v>1233</v>
      </c>
      <c r="B331" s="1" t="s">
        <v>1234</v>
      </c>
      <c r="C331" s="1" t="s">
        <v>170</v>
      </c>
      <c r="D331" s="1" t="s">
        <v>1364</v>
      </c>
      <c r="E331" s="1" t="s">
        <v>1365</v>
      </c>
      <c r="F331" s="1" t="s">
        <v>1366</v>
      </c>
      <c r="G331" s="1" t="s">
        <v>1238</v>
      </c>
      <c r="H331" s="1" t="s">
        <v>13</v>
      </c>
      <c r="I331" s="1" t="s">
        <v>1239</v>
      </c>
      <c r="J331" s="1" t="s">
        <v>1367</v>
      </c>
    </row>
    <row r="332" spans="1:10" x14ac:dyDescent="0.35">
      <c r="A332" s="1" t="s">
        <v>1368</v>
      </c>
      <c r="B332" s="1" t="s">
        <v>1369</v>
      </c>
      <c r="C332" s="1" t="s">
        <v>8</v>
      </c>
      <c r="D332" s="1" t="s">
        <v>1370</v>
      </c>
      <c r="E332" s="1" t="s">
        <v>1371</v>
      </c>
      <c r="F332" s="1" t="s">
        <v>1372</v>
      </c>
      <c r="G332" s="1" t="s">
        <v>1373</v>
      </c>
      <c r="H332" s="1" t="s">
        <v>13</v>
      </c>
      <c r="I332" s="1" t="s">
        <v>1374</v>
      </c>
      <c r="J332" s="1" t="s">
        <v>13</v>
      </c>
    </row>
    <row r="333" spans="1:10" x14ac:dyDescent="0.35">
      <c r="A333" s="1" t="s">
        <v>1368</v>
      </c>
      <c r="B333" s="1" t="s">
        <v>1369</v>
      </c>
      <c r="C333" s="1" t="s">
        <v>15</v>
      </c>
      <c r="D333" s="1" t="s">
        <v>1375</v>
      </c>
      <c r="E333" s="1" t="s">
        <v>1376</v>
      </c>
      <c r="F333" s="1" t="s">
        <v>1377</v>
      </c>
      <c r="G333" s="1" t="s">
        <v>1373</v>
      </c>
      <c r="H333" s="1" t="s">
        <v>13</v>
      </c>
      <c r="I333" s="1" t="s">
        <v>1374</v>
      </c>
      <c r="J333" s="1" t="s">
        <v>1378</v>
      </c>
    </row>
    <row r="334" spans="1:10" x14ac:dyDescent="0.35">
      <c r="A334" s="1" t="s">
        <v>1368</v>
      </c>
      <c r="B334" s="1" t="s">
        <v>1369</v>
      </c>
      <c r="C334" s="1" t="s">
        <v>20</v>
      </c>
      <c r="D334" s="1" t="s">
        <v>1379</v>
      </c>
      <c r="E334" s="1" t="s">
        <v>1380</v>
      </c>
      <c r="F334" s="1" t="s">
        <v>1381</v>
      </c>
      <c r="G334" s="1" t="s">
        <v>1373</v>
      </c>
      <c r="H334" s="1" t="s">
        <v>13</v>
      </c>
      <c r="I334" s="1" t="s">
        <v>1374</v>
      </c>
      <c r="J334" s="1" t="s">
        <v>1382</v>
      </c>
    </row>
    <row r="335" spans="1:10" x14ac:dyDescent="0.35">
      <c r="A335" s="1" t="s">
        <v>1368</v>
      </c>
      <c r="B335" s="1" t="s">
        <v>1369</v>
      </c>
      <c r="C335" s="1" t="s">
        <v>25</v>
      </c>
      <c r="D335" s="1" t="s">
        <v>1383</v>
      </c>
      <c r="E335" s="1" t="s">
        <v>1384</v>
      </c>
      <c r="F335" s="1" t="s">
        <v>1385</v>
      </c>
      <c r="G335" s="1" t="s">
        <v>1373</v>
      </c>
      <c r="H335" s="1" t="s">
        <v>13</v>
      </c>
      <c r="I335" s="1" t="s">
        <v>1374</v>
      </c>
      <c r="J335" s="1" t="s">
        <v>1386</v>
      </c>
    </row>
    <row r="336" spans="1:10" x14ac:dyDescent="0.35">
      <c r="A336" s="1" t="s">
        <v>1368</v>
      </c>
      <c r="B336" s="1" t="s">
        <v>1369</v>
      </c>
      <c r="C336" s="1" t="s">
        <v>30</v>
      </c>
      <c r="D336" s="1" t="s">
        <v>1387</v>
      </c>
      <c r="E336" s="1" t="s">
        <v>1388</v>
      </c>
      <c r="F336" s="1" t="s">
        <v>1389</v>
      </c>
      <c r="G336" s="1" t="s">
        <v>1373</v>
      </c>
      <c r="H336" s="1" t="s">
        <v>13</v>
      </c>
      <c r="I336" s="1" t="s">
        <v>1374</v>
      </c>
      <c r="J336" s="1" t="s">
        <v>1390</v>
      </c>
    </row>
    <row r="337" spans="1:10" x14ac:dyDescent="0.35">
      <c r="A337" s="1" t="s">
        <v>1368</v>
      </c>
      <c r="B337" s="1" t="s">
        <v>1369</v>
      </c>
      <c r="C337" s="1" t="s">
        <v>35</v>
      </c>
      <c r="D337" s="1" t="s">
        <v>1391</v>
      </c>
      <c r="E337" s="1" t="s">
        <v>1392</v>
      </c>
      <c r="F337" s="1" t="s">
        <v>1393</v>
      </c>
      <c r="G337" s="1" t="s">
        <v>1373</v>
      </c>
      <c r="H337" s="1" t="s">
        <v>13</v>
      </c>
      <c r="I337" s="1" t="s">
        <v>1374</v>
      </c>
      <c r="J337" s="1" t="s">
        <v>1394</v>
      </c>
    </row>
    <row r="338" spans="1:10" x14ac:dyDescent="0.35">
      <c r="A338" s="1" t="s">
        <v>1368</v>
      </c>
      <c r="B338" s="1" t="s">
        <v>1369</v>
      </c>
      <c r="C338" s="1" t="s">
        <v>40</v>
      </c>
      <c r="D338" s="1" t="s">
        <v>1395</v>
      </c>
      <c r="E338" s="1" t="s">
        <v>1396</v>
      </c>
      <c r="F338" s="1" t="s">
        <v>1397</v>
      </c>
      <c r="G338" s="1" t="s">
        <v>1373</v>
      </c>
      <c r="H338" s="1" t="s">
        <v>13</v>
      </c>
      <c r="I338" s="1" t="s">
        <v>1374</v>
      </c>
      <c r="J338" s="1" t="s">
        <v>1398</v>
      </c>
    </row>
    <row r="339" spans="1:10" x14ac:dyDescent="0.35">
      <c r="A339" s="1" t="s">
        <v>1368</v>
      </c>
      <c r="B339" s="1" t="s">
        <v>1369</v>
      </c>
      <c r="C339" s="1" t="s">
        <v>45</v>
      </c>
      <c r="D339" s="1" t="s">
        <v>1399</v>
      </c>
      <c r="E339" s="1" t="s">
        <v>1400</v>
      </c>
      <c r="F339" s="1" t="s">
        <v>1401</v>
      </c>
      <c r="G339" s="1" t="s">
        <v>1373</v>
      </c>
      <c r="H339" s="1" t="s">
        <v>13</v>
      </c>
      <c r="I339" s="1" t="s">
        <v>1374</v>
      </c>
      <c r="J339" s="1" t="s">
        <v>1402</v>
      </c>
    </row>
    <row r="340" spans="1:10" x14ac:dyDescent="0.35">
      <c r="A340" s="1" t="s">
        <v>1368</v>
      </c>
      <c r="B340" s="1" t="s">
        <v>1369</v>
      </c>
      <c r="C340" s="1" t="s">
        <v>50</v>
      </c>
      <c r="D340" s="1" t="s">
        <v>1403</v>
      </c>
      <c r="E340" s="1" t="s">
        <v>1404</v>
      </c>
      <c r="F340" s="1" t="s">
        <v>1405</v>
      </c>
      <c r="G340" s="1" t="s">
        <v>1373</v>
      </c>
      <c r="H340" s="1" t="s">
        <v>13</v>
      </c>
      <c r="I340" s="1" t="s">
        <v>1374</v>
      </c>
      <c r="J340" s="1" t="s">
        <v>1406</v>
      </c>
    </row>
    <row r="341" spans="1:10" x14ac:dyDescent="0.35">
      <c r="A341" s="1" t="s">
        <v>1368</v>
      </c>
      <c r="B341" s="1" t="s">
        <v>1369</v>
      </c>
      <c r="C341" s="1" t="s">
        <v>55</v>
      </c>
      <c r="D341" s="1" t="s">
        <v>1407</v>
      </c>
      <c r="E341" s="1" t="s">
        <v>1408</v>
      </c>
      <c r="F341" s="1" t="s">
        <v>1409</v>
      </c>
      <c r="G341" s="1" t="s">
        <v>1373</v>
      </c>
      <c r="H341" s="1" t="s">
        <v>13</v>
      </c>
      <c r="I341" s="1" t="s">
        <v>1374</v>
      </c>
      <c r="J341" s="1" t="s">
        <v>1410</v>
      </c>
    </row>
    <row r="342" spans="1:10" x14ac:dyDescent="0.35">
      <c r="A342" s="1" t="s">
        <v>1368</v>
      </c>
      <c r="B342" s="1" t="s">
        <v>1369</v>
      </c>
      <c r="C342" s="1" t="s">
        <v>60</v>
      </c>
      <c r="D342" s="1" t="s">
        <v>1411</v>
      </c>
      <c r="E342" s="1" t="s">
        <v>1412</v>
      </c>
      <c r="F342" s="1" t="s">
        <v>1413</v>
      </c>
      <c r="G342" s="1" t="s">
        <v>1373</v>
      </c>
      <c r="H342" s="1" t="s">
        <v>13</v>
      </c>
      <c r="I342" s="1" t="s">
        <v>1374</v>
      </c>
      <c r="J342" s="1" t="s">
        <v>1414</v>
      </c>
    </row>
    <row r="343" spans="1:10" x14ac:dyDescent="0.35">
      <c r="A343" s="1" t="s">
        <v>1368</v>
      </c>
      <c r="B343" s="1" t="s">
        <v>1369</v>
      </c>
      <c r="C343" s="1" t="s">
        <v>65</v>
      </c>
      <c r="D343" s="1" t="s">
        <v>1415</v>
      </c>
      <c r="E343" s="1" t="s">
        <v>1416</v>
      </c>
      <c r="F343" s="1" t="s">
        <v>1417</v>
      </c>
      <c r="G343" s="1" t="s">
        <v>1373</v>
      </c>
      <c r="H343" s="1" t="s">
        <v>13</v>
      </c>
      <c r="I343" s="1" t="s">
        <v>1374</v>
      </c>
      <c r="J343" s="1" t="s">
        <v>1418</v>
      </c>
    </row>
    <row r="344" spans="1:10" x14ac:dyDescent="0.35">
      <c r="A344" s="1" t="s">
        <v>1368</v>
      </c>
      <c r="B344" s="1" t="s">
        <v>1369</v>
      </c>
      <c r="C344" s="1" t="s">
        <v>70</v>
      </c>
      <c r="D344" s="1" t="s">
        <v>1419</v>
      </c>
      <c r="E344" s="1" t="s">
        <v>1420</v>
      </c>
      <c r="F344" s="1" t="s">
        <v>1417</v>
      </c>
      <c r="G344" s="1" t="s">
        <v>1373</v>
      </c>
      <c r="H344" s="1" t="s">
        <v>13</v>
      </c>
      <c r="I344" s="1" t="s">
        <v>1374</v>
      </c>
      <c r="J344" s="1" t="s">
        <v>1421</v>
      </c>
    </row>
    <row r="345" spans="1:10" x14ac:dyDescent="0.35">
      <c r="A345" s="1" t="s">
        <v>1368</v>
      </c>
      <c r="B345" s="1" t="s">
        <v>1369</v>
      </c>
      <c r="C345" s="1" t="s">
        <v>75</v>
      </c>
      <c r="D345" s="1" t="s">
        <v>1422</v>
      </c>
      <c r="E345" s="1" t="s">
        <v>1423</v>
      </c>
      <c r="F345" s="1" t="s">
        <v>1424</v>
      </c>
      <c r="G345" s="1" t="s">
        <v>1373</v>
      </c>
      <c r="H345" s="1" t="s">
        <v>13</v>
      </c>
      <c r="I345" s="1" t="s">
        <v>1374</v>
      </c>
      <c r="J345" s="1" t="s">
        <v>1425</v>
      </c>
    </row>
    <row r="346" spans="1:10" x14ac:dyDescent="0.35">
      <c r="A346" s="1" t="s">
        <v>1368</v>
      </c>
      <c r="B346" s="1" t="s">
        <v>1369</v>
      </c>
      <c r="C346" s="1" t="s">
        <v>80</v>
      </c>
      <c r="D346" s="1" t="s">
        <v>1426</v>
      </c>
      <c r="E346" s="1" t="s">
        <v>1427</v>
      </c>
      <c r="F346" s="1" t="s">
        <v>1428</v>
      </c>
      <c r="G346" s="1" t="s">
        <v>1373</v>
      </c>
      <c r="H346" s="1" t="s">
        <v>13</v>
      </c>
      <c r="I346" s="1" t="s">
        <v>1374</v>
      </c>
      <c r="J346" s="1" t="s">
        <v>1429</v>
      </c>
    </row>
    <row r="347" spans="1:10" x14ac:dyDescent="0.35">
      <c r="A347" s="1" t="s">
        <v>1368</v>
      </c>
      <c r="B347" s="1" t="s">
        <v>1369</v>
      </c>
      <c r="C347" s="1" t="s">
        <v>85</v>
      </c>
      <c r="D347" s="1" t="s">
        <v>1430</v>
      </c>
      <c r="E347" s="1" t="s">
        <v>1431</v>
      </c>
      <c r="F347" s="1" t="s">
        <v>1417</v>
      </c>
      <c r="G347" s="1" t="s">
        <v>1373</v>
      </c>
      <c r="H347" s="1" t="s">
        <v>13</v>
      </c>
      <c r="I347" s="1" t="s">
        <v>1374</v>
      </c>
      <c r="J347" s="1" t="s">
        <v>1432</v>
      </c>
    </row>
    <row r="348" spans="1:10" x14ac:dyDescent="0.35">
      <c r="A348" s="1" t="s">
        <v>1368</v>
      </c>
      <c r="B348" s="1" t="s">
        <v>1369</v>
      </c>
      <c r="C348" s="1" t="s">
        <v>90</v>
      </c>
      <c r="D348" s="1" t="s">
        <v>1433</v>
      </c>
      <c r="E348" s="1" t="s">
        <v>1434</v>
      </c>
      <c r="F348" s="1" t="s">
        <v>1417</v>
      </c>
      <c r="G348" s="1" t="s">
        <v>1373</v>
      </c>
      <c r="H348" s="1" t="s">
        <v>13</v>
      </c>
      <c r="I348" s="1" t="s">
        <v>1374</v>
      </c>
      <c r="J348" s="1" t="s">
        <v>1435</v>
      </c>
    </row>
    <row r="349" spans="1:10" x14ac:dyDescent="0.35">
      <c r="A349" s="1" t="s">
        <v>1368</v>
      </c>
      <c r="B349" s="1" t="s">
        <v>1369</v>
      </c>
      <c r="C349" s="1" t="s">
        <v>95</v>
      </c>
      <c r="D349" s="1" t="s">
        <v>1436</v>
      </c>
      <c r="E349" s="1" t="s">
        <v>1437</v>
      </c>
      <c r="F349" s="1" t="s">
        <v>1417</v>
      </c>
      <c r="G349" s="1" t="s">
        <v>1373</v>
      </c>
      <c r="H349" s="1" t="s">
        <v>13</v>
      </c>
      <c r="I349" s="1" t="s">
        <v>1374</v>
      </c>
      <c r="J349" s="1" t="s">
        <v>1438</v>
      </c>
    </row>
    <row r="350" spans="1:10" x14ac:dyDescent="0.35">
      <c r="A350" s="1" t="s">
        <v>1368</v>
      </c>
      <c r="B350" s="1" t="s">
        <v>1369</v>
      </c>
      <c r="C350" s="1" t="s">
        <v>100</v>
      </c>
      <c r="D350" s="1" t="s">
        <v>1439</v>
      </c>
      <c r="E350" s="1" t="s">
        <v>1440</v>
      </c>
      <c r="F350" s="1" t="s">
        <v>1417</v>
      </c>
      <c r="G350" s="1" t="s">
        <v>1373</v>
      </c>
      <c r="H350" s="1" t="s">
        <v>13</v>
      </c>
      <c r="I350" s="1" t="s">
        <v>1374</v>
      </c>
      <c r="J350" s="1" t="s">
        <v>1441</v>
      </c>
    </row>
    <row r="351" spans="1:10" x14ac:dyDescent="0.35">
      <c r="A351" s="1" t="s">
        <v>1368</v>
      </c>
      <c r="B351" s="1" t="s">
        <v>1369</v>
      </c>
      <c r="C351" s="1" t="s">
        <v>105</v>
      </c>
      <c r="D351" s="1" t="s">
        <v>1442</v>
      </c>
      <c r="E351" s="1" t="s">
        <v>1443</v>
      </c>
      <c r="F351" s="1" t="s">
        <v>1417</v>
      </c>
      <c r="G351" s="1" t="s">
        <v>1373</v>
      </c>
      <c r="H351" s="1" t="s">
        <v>13</v>
      </c>
      <c r="I351" s="1" t="s">
        <v>1374</v>
      </c>
      <c r="J351" s="1" t="s">
        <v>1444</v>
      </c>
    </row>
    <row r="352" spans="1:10" x14ac:dyDescent="0.35">
      <c r="A352" s="1" t="s">
        <v>1368</v>
      </c>
      <c r="B352" s="1" t="s">
        <v>1369</v>
      </c>
      <c r="C352" s="1" t="s">
        <v>110</v>
      </c>
      <c r="D352" s="1" t="s">
        <v>1445</v>
      </c>
      <c r="E352" s="1" t="s">
        <v>1446</v>
      </c>
      <c r="F352" s="1" t="s">
        <v>1417</v>
      </c>
      <c r="G352" s="1" t="s">
        <v>1373</v>
      </c>
      <c r="H352" s="1" t="s">
        <v>13</v>
      </c>
      <c r="I352" s="1" t="s">
        <v>1374</v>
      </c>
      <c r="J352" s="1" t="s">
        <v>1447</v>
      </c>
    </row>
    <row r="353" spans="1:10" x14ac:dyDescent="0.35">
      <c r="A353" s="1" t="s">
        <v>1368</v>
      </c>
      <c r="B353" s="1" t="s">
        <v>1369</v>
      </c>
      <c r="C353" s="1" t="s">
        <v>115</v>
      </c>
      <c r="D353" s="1" t="s">
        <v>1448</v>
      </c>
      <c r="E353" s="1" t="s">
        <v>1449</v>
      </c>
      <c r="F353" s="1" t="s">
        <v>1450</v>
      </c>
      <c r="G353" s="1" t="s">
        <v>1373</v>
      </c>
      <c r="H353" s="1" t="s">
        <v>13</v>
      </c>
      <c r="I353" s="1" t="s">
        <v>1374</v>
      </c>
      <c r="J353" s="1" t="s">
        <v>1451</v>
      </c>
    </row>
    <row r="354" spans="1:10" x14ac:dyDescent="0.35">
      <c r="A354" s="1" t="s">
        <v>1368</v>
      </c>
      <c r="B354" s="1" t="s">
        <v>1369</v>
      </c>
      <c r="C354" s="1" t="s">
        <v>120</v>
      </c>
      <c r="D354" s="1" t="s">
        <v>1452</v>
      </c>
      <c r="E354" s="1" t="s">
        <v>1453</v>
      </c>
      <c r="F354" s="1" t="s">
        <v>1454</v>
      </c>
      <c r="G354" s="1" t="s">
        <v>1373</v>
      </c>
      <c r="H354" s="1" t="s">
        <v>13</v>
      </c>
      <c r="I354" s="1" t="s">
        <v>1374</v>
      </c>
      <c r="J354" s="1" t="s">
        <v>1455</v>
      </c>
    </row>
    <row r="355" spans="1:10" x14ac:dyDescent="0.35">
      <c r="A355" s="1" t="s">
        <v>1368</v>
      </c>
      <c r="B355" s="1" t="s">
        <v>1369</v>
      </c>
      <c r="C355" s="1" t="s">
        <v>125</v>
      </c>
      <c r="D355" s="1" t="s">
        <v>1456</v>
      </c>
      <c r="E355" s="1" t="s">
        <v>1457</v>
      </c>
      <c r="F355" s="1" t="s">
        <v>1458</v>
      </c>
      <c r="G355" s="1" t="s">
        <v>1373</v>
      </c>
      <c r="H355" s="1" t="s">
        <v>13</v>
      </c>
      <c r="I355" s="1" t="s">
        <v>1374</v>
      </c>
      <c r="J355" s="1" t="s">
        <v>1459</v>
      </c>
    </row>
    <row r="356" spans="1:10" x14ac:dyDescent="0.35">
      <c r="A356" s="1" t="s">
        <v>1368</v>
      </c>
      <c r="B356" s="1" t="s">
        <v>1369</v>
      </c>
      <c r="C356" s="1" t="s">
        <v>130</v>
      </c>
      <c r="D356" s="1" t="s">
        <v>1460</v>
      </c>
      <c r="E356" s="1" t="s">
        <v>1461</v>
      </c>
      <c r="F356" s="1" t="s">
        <v>1462</v>
      </c>
      <c r="G356" s="1" t="s">
        <v>1373</v>
      </c>
      <c r="H356" s="1" t="s">
        <v>13</v>
      </c>
      <c r="I356" s="1" t="s">
        <v>1374</v>
      </c>
      <c r="J356" s="1" t="s">
        <v>1463</v>
      </c>
    </row>
    <row r="357" spans="1:10" x14ac:dyDescent="0.35">
      <c r="A357" s="1" t="s">
        <v>1368</v>
      </c>
      <c r="B357" s="1" t="s">
        <v>1369</v>
      </c>
      <c r="C357" s="1" t="s">
        <v>135</v>
      </c>
      <c r="D357" s="1" t="s">
        <v>1464</v>
      </c>
      <c r="E357" s="1" t="s">
        <v>1465</v>
      </c>
      <c r="F357" s="1" t="s">
        <v>1466</v>
      </c>
      <c r="G357" s="1" t="s">
        <v>1373</v>
      </c>
      <c r="H357" s="1" t="s">
        <v>13</v>
      </c>
      <c r="I357" s="1" t="s">
        <v>1374</v>
      </c>
      <c r="J357" s="1" t="s">
        <v>1467</v>
      </c>
    </row>
    <row r="358" spans="1:10" x14ac:dyDescent="0.35">
      <c r="A358" s="1" t="s">
        <v>1368</v>
      </c>
      <c r="B358" s="1" t="s">
        <v>1369</v>
      </c>
      <c r="C358" s="1" t="s">
        <v>140</v>
      </c>
      <c r="D358" s="1" t="s">
        <v>1468</v>
      </c>
      <c r="E358" s="1" t="s">
        <v>1469</v>
      </c>
      <c r="F358" s="1" t="s">
        <v>1470</v>
      </c>
      <c r="G358" s="1" t="s">
        <v>1373</v>
      </c>
      <c r="H358" s="1" t="s">
        <v>13</v>
      </c>
      <c r="I358" s="1" t="s">
        <v>1374</v>
      </c>
      <c r="J358" s="1" t="s">
        <v>1471</v>
      </c>
    </row>
    <row r="359" spans="1:10" x14ac:dyDescent="0.35">
      <c r="A359" s="1" t="s">
        <v>1368</v>
      </c>
      <c r="B359" s="1" t="s">
        <v>1369</v>
      </c>
      <c r="C359" s="1" t="s">
        <v>145</v>
      </c>
      <c r="D359" s="1" t="s">
        <v>1472</v>
      </c>
      <c r="E359" s="1" t="s">
        <v>1473</v>
      </c>
      <c r="F359" s="1" t="s">
        <v>1474</v>
      </c>
      <c r="G359" s="1" t="s">
        <v>1373</v>
      </c>
      <c r="H359" s="1" t="s">
        <v>13</v>
      </c>
      <c r="I359" s="1" t="s">
        <v>1374</v>
      </c>
      <c r="J359" s="1" t="s">
        <v>1475</v>
      </c>
    </row>
    <row r="360" spans="1:10" x14ac:dyDescent="0.35">
      <c r="A360" s="1" t="s">
        <v>1368</v>
      </c>
      <c r="B360" s="1" t="s">
        <v>1369</v>
      </c>
      <c r="C360" s="1" t="s">
        <v>150</v>
      </c>
      <c r="D360" s="1" t="s">
        <v>1476</v>
      </c>
      <c r="E360" s="1" t="s">
        <v>1477</v>
      </c>
      <c r="F360" s="1" t="s">
        <v>1417</v>
      </c>
      <c r="G360" s="1" t="s">
        <v>1373</v>
      </c>
      <c r="H360" s="1" t="s">
        <v>13</v>
      </c>
      <c r="I360" s="1" t="s">
        <v>1374</v>
      </c>
      <c r="J360" s="1" t="s">
        <v>1478</v>
      </c>
    </row>
    <row r="361" spans="1:10" x14ac:dyDescent="0.35">
      <c r="A361" s="1" t="s">
        <v>1368</v>
      </c>
      <c r="B361" s="1" t="s">
        <v>1369</v>
      </c>
      <c r="C361" s="1" t="s">
        <v>155</v>
      </c>
      <c r="D361" s="1" t="s">
        <v>597</v>
      </c>
      <c r="E361" s="1" t="s">
        <v>1479</v>
      </c>
      <c r="F361" s="1" t="s">
        <v>1480</v>
      </c>
      <c r="G361" s="1" t="s">
        <v>1373</v>
      </c>
      <c r="H361" s="1" t="s">
        <v>13</v>
      </c>
      <c r="I361" s="1" t="s">
        <v>1374</v>
      </c>
      <c r="J361" s="1" t="s">
        <v>1481</v>
      </c>
    </row>
    <row r="362" spans="1:10" x14ac:dyDescent="0.35">
      <c r="A362" s="1" t="s">
        <v>1368</v>
      </c>
      <c r="B362" s="1" t="s">
        <v>1369</v>
      </c>
      <c r="C362" s="1" t="s">
        <v>160</v>
      </c>
      <c r="D362" s="1" t="s">
        <v>1482</v>
      </c>
      <c r="E362" s="1" t="s">
        <v>1483</v>
      </c>
      <c r="F362" s="1" t="s">
        <v>1417</v>
      </c>
      <c r="G362" s="1" t="s">
        <v>1373</v>
      </c>
      <c r="H362" s="1" t="s">
        <v>13</v>
      </c>
      <c r="I362" s="1" t="s">
        <v>1374</v>
      </c>
      <c r="J362" s="1" t="s">
        <v>1484</v>
      </c>
    </row>
    <row r="363" spans="1:10" x14ac:dyDescent="0.35">
      <c r="A363" s="1" t="s">
        <v>1368</v>
      </c>
      <c r="B363" s="1" t="s">
        <v>1369</v>
      </c>
      <c r="C363" s="1" t="s">
        <v>165</v>
      </c>
      <c r="D363" s="1" t="s">
        <v>1485</v>
      </c>
      <c r="E363" s="1" t="s">
        <v>1486</v>
      </c>
      <c r="F363" s="1" t="s">
        <v>1417</v>
      </c>
      <c r="G363" s="1" t="s">
        <v>1373</v>
      </c>
      <c r="H363" s="1" t="s">
        <v>13</v>
      </c>
      <c r="I363" s="1" t="s">
        <v>1374</v>
      </c>
      <c r="J363" s="1" t="s">
        <v>1487</v>
      </c>
    </row>
    <row r="364" spans="1:10" x14ac:dyDescent="0.35">
      <c r="A364" s="1" t="s">
        <v>1368</v>
      </c>
      <c r="B364" s="1" t="s">
        <v>1369</v>
      </c>
      <c r="C364" s="1" t="s">
        <v>170</v>
      </c>
      <c r="D364" s="1" t="s">
        <v>1488</v>
      </c>
      <c r="E364" s="1" t="s">
        <v>1489</v>
      </c>
      <c r="F364" s="1" t="s">
        <v>1417</v>
      </c>
      <c r="G364" s="1" t="s">
        <v>1373</v>
      </c>
      <c r="H364" s="1" t="s">
        <v>13</v>
      </c>
      <c r="I364" s="1" t="s">
        <v>1374</v>
      </c>
      <c r="J364" s="1" t="s">
        <v>1490</v>
      </c>
    </row>
    <row r="365" spans="1:10" x14ac:dyDescent="0.35">
      <c r="A365" s="1" t="s">
        <v>1491</v>
      </c>
      <c r="B365" s="1" t="s">
        <v>1492</v>
      </c>
      <c r="C365" s="1" t="s">
        <v>8</v>
      </c>
      <c r="D365" s="1" t="s">
        <v>1118</v>
      </c>
      <c r="E365" s="1" t="s">
        <v>1493</v>
      </c>
      <c r="F365" s="1" t="s">
        <v>1494</v>
      </c>
      <c r="G365" s="1" t="s">
        <v>1495</v>
      </c>
      <c r="H365" s="1" t="s">
        <v>13</v>
      </c>
      <c r="I365" s="1" t="s">
        <v>1496</v>
      </c>
      <c r="J365" s="1" t="s">
        <v>13</v>
      </c>
    </row>
    <row r="366" spans="1:10" x14ac:dyDescent="0.35">
      <c r="A366" s="1" t="s">
        <v>1491</v>
      </c>
      <c r="B366" s="1" t="s">
        <v>1492</v>
      </c>
      <c r="C366" s="1" t="s">
        <v>15</v>
      </c>
      <c r="D366" s="1" t="s">
        <v>1497</v>
      </c>
      <c r="E366" s="1" t="s">
        <v>1498</v>
      </c>
      <c r="F366" s="1" t="s">
        <v>1499</v>
      </c>
      <c r="G366" s="1" t="s">
        <v>1495</v>
      </c>
      <c r="H366" s="1" t="s">
        <v>13</v>
      </c>
      <c r="I366" s="1" t="s">
        <v>1496</v>
      </c>
      <c r="J366" s="1" t="s">
        <v>1500</v>
      </c>
    </row>
    <row r="367" spans="1:10" x14ac:dyDescent="0.35">
      <c r="A367" s="1" t="s">
        <v>1491</v>
      </c>
      <c r="B367" s="1" t="s">
        <v>1492</v>
      </c>
      <c r="C367" s="1" t="s">
        <v>20</v>
      </c>
      <c r="D367" s="1" t="s">
        <v>1501</v>
      </c>
      <c r="E367" s="1" t="s">
        <v>1502</v>
      </c>
      <c r="F367" s="1" t="s">
        <v>1503</v>
      </c>
      <c r="G367" s="1" t="s">
        <v>1495</v>
      </c>
      <c r="H367" s="1" t="s">
        <v>13</v>
      </c>
      <c r="I367" s="1" t="s">
        <v>1496</v>
      </c>
      <c r="J367" s="1" t="s">
        <v>1504</v>
      </c>
    </row>
    <row r="368" spans="1:10" x14ac:dyDescent="0.35">
      <c r="A368" s="1" t="s">
        <v>1491</v>
      </c>
      <c r="B368" s="1" t="s">
        <v>1492</v>
      </c>
      <c r="C368" s="1" t="s">
        <v>25</v>
      </c>
      <c r="D368" s="1" t="s">
        <v>1505</v>
      </c>
      <c r="E368" s="1" t="s">
        <v>1506</v>
      </c>
      <c r="F368" s="1" t="s">
        <v>1507</v>
      </c>
      <c r="G368" s="1" t="s">
        <v>1495</v>
      </c>
      <c r="H368" s="1" t="s">
        <v>13</v>
      </c>
      <c r="I368" s="1" t="s">
        <v>1496</v>
      </c>
      <c r="J368" s="1" t="s">
        <v>1508</v>
      </c>
    </row>
    <row r="369" spans="1:10" x14ac:dyDescent="0.35">
      <c r="A369" s="1" t="s">
        <v>1491</v>
      </c>
      <c r="B369" s="1" t="s">
        <v>1492</v>
      </c>
      <c r="C369" s="1" t="s">
        <v>30</v>
      </c>
      <c r="D369" s="1" t="s">
        <v>1509</v>
      </c>
      <c r="E369" s="1" t="s">
        <v>1510</v>
      </c>
      <c r="F369" s="1" t="s">
        <v>1511</v>
      </c>
      <c r="G369" s="1" t="s">
        <v>1495</v>
      </c>
      <c r="H369" s="1" t="s">
        <v>13</v>
      </c>
      <c r="I369" s="1" t="s">
        <v>1496</v>
      </c>
      <c r="J369" s="1" t="s">
        <v>1512</v>
      </c>
    </row>
    <row r="370" spans="1:10" x14ac:dyDescent="0.35">
      <c r="A370" s="1" t="s">
        <v>1491</v>
      </c>
      <c r="B370" s="1" t="s">
        <v>1492</v>
      </c>
      <c r="C370" s="1" t="s">
        <v>35</v>
      </c>
      <c r="D370" s="1" t="s">
        <v>1248</v>
      </c>
      <c r="E370" s="1" t="s">
        <v>1513</v>
      </c>
      <c r="F370" s="1" t="s">
        <v>1514</v>
      </c>
      <c r="G370" s="1" t="s">
        <v>1495</v>
      </c>
      <c r="H370" s="1" t="s">
        <v>13</v>
      </c>
      <c r="I370" s="1" t="s">
        <v>1496</v>
      </c>
      <c r="J370" s="1" t="s">
        <v>1515</v>
      </c>
    </row>
    <row r="371" spans="1:10" x14ac:dyDescent="0.35">
      <c r="A371" s="1" t="s">
        <v>1491</v>
      </c>
      <c r="B371" s="1" t="s">
        <v>1492</v>
      </c>
      <c r="C371" s="1" t="s">
        <v>40</v>
      </c>
      <c r="D371" s="1" t="s">
        <v>1516</v>
      </c>
      <c r="E371" s="1" t="s">
        <v>1517</v>
      </c>
      <c r="F371" s="1" t="s">
        <v>1518</v>
      </c>
      <c r="G371" s="1" t="s">
        <v>1495</v>
      </c>
      <c r="H371" s="1" t="s">
        <v>13</v>
      </c>
      <c r="I371" s="1" t="s">
        <v>1496</v>
      </c>
      <c r="J371" s="1" t="s">
        <v>1519</v>
      </c>
    </row>
    <row r="372" spans="1:10" x14ac:dyDescent="0.35">
      <c r="A372" s="1" t="s">
        <v>1491</v>
      </c>
      <c r="B372" s="1" t="s">
        <v>1492</v>
      </c>
      <c r="C372" s="1" t="s">
        <v>45</v>
      </c>
      <c r="D372" s="1" t="s">
        <v>1520</v>
      </c>
      <c r="E372" s="1" t="s">
        <v>1521</v>
      </c>
      <c r="F372" s="1" t="s">
        <v>1522</v>
      </c>
      <c r="G372" s="1" t="s">
        <v>1495</v>
      </c>
      <c r="H372" s="1" t="s">
        <v>13</v>
      </c>
      <c r="I372" s="1" t="s">
        <v>1496</v>
      </c>
      <c r="J372" s="1" t="s">
        <v>1523</v>
      </c>
    </row>
    <row r="373" spans="1:10" x14ac:dyDescent="0.35">
      <c r="A373" s="1" t="s">
        <v>1491</v>
      </c>
      <c r="B373" s="1" t="s">
        <v>1492</v>
      </c>
      <c r="C373" s="1" t="s">
        <v>50</v>
      </c>
      <c r="D373" s="1" t="s">
        <v>1524</v>
      </c>
      <c r="E373" s="1" t="s">
        <v>1525</v>
      </c>
      <c r="F373" s="1" t="s">
        <v>1526</v>
      </c>
      <c r="G373" s="1" t="s">
        <v>1495</v>
      </c>
      <c r="H373" s="1" t="s">
        <v>13</v>
      </c>
      <c r="I373" s="1" t="s">
        <v>1496</v>
      </c>
      <c r="J373" s="1" t="s">
        <v>1527</v>
      </c>
    </row>
    <row r="374" spans="1:10" x14ac:dyDescent="0.35">
      <c r="A374" s="1" t="s">
        <v>1491</v>
      </c>
      <c r="B374" s="1" t="s">
        <v>1492</v>
      </c>
      <c r="C374" s="1" t="s">
        <v>55</v>
      </c>
      <c r="D374" s="1" t="s">
        <v>1528</v>
      </c>
      <c r="E374" s="1" t="s">
        <v>1529</v>
      </c>
      <c r="F374" s="1" t="s">
        <v>1530</v>
      </c>
      <c r="G374" s="1" t="s">
        <v>1495</v>
      </c>
      <c r="H374" s="1" t="s">
        <v>13</v>
      </c>
      <c r="I374" s="1" t="s">
        <v>1496</v>
      </c>
      <c r="J374" s="1" t="s">
        <v>1531</v>
      </c>
    </row>
    <row r="375" spans="1:10" x14ac:dyDescent="0.35">
      <c r="A375" s="1" t="s">
        <v>1491</v>
      </c>
      <c r="B375" s="1" t="s">
        <v>1492</v>
      </c>
      <c r="C375" s="1" t="s">
        <v>60</v>
      </c>
      <c r="D375" s="1" t="s">
        <v>1532</v>
      </c>
      <c r="E375" s="1" t="s">
        <v>1533</v>
      </c>
      <c r="F375" s="1" t="s">
        <v>1534</v>
      </c>
      <c r="G375" s="1" t="s">
        <v>1495</v>
      </c>
      <c r="H375" s="1" t="s">
        <v>13</v>
      </c>
      <c r="I375" s="1" t="s">
        <v>1496</v>
      </c>
      <c r="J375" s="1" t="s">
        <v>1535</v>
      </c>
    </row>
    <row r="376" spans="1:10" x14ac:dyDescent="0.35">
      <c r="A376" s="1" t="s">
        <v>1491</v>
      </c>
      <c r="B376" s="1" t="s">
        <v>1492</v>
      </c>
      <c r="C376" s="1" t="s">
        <v>65</v>
      </c>
      <c r="D376" s="1" t="s">
        <v>1536</v>
      </c>
      <c r="E376" s="1" t="s">
        <v>1537</v>
      </c>
      <c r="F376" s="1" t="s">
        <v>1538</v>
      </c>
      <c r="G376" s="1" t="s">
        <v>1495</v>
      </c>
      <c r="H376" s="1" t="s">
        <v>13</v>
      </c>
      <c r="I376" s="1" t="s">
        <v>1496</v>
      </c>
      <c r="J376" s="1" t="s">
        <v>1539</v>
      </c>
    </row>
    <row r="377" spans="1:10" x14ac:dyDescent="0.35">
      <c r="A377" s="1" t="s">
        <v>1491</v>
      </c>
      <c r="B377" s="1" t="s">
        <v>1492</v>
      </c>
      <c r="C377" s="1" t="s">
        <v>70</v>
      </c>
      <c r="D377" s="1" t="s">
        <v>1540</v>
      </c>
      <c r="E377" s="1" t="s">
        <v>1541</v>
      </c>
      <c r="F377" s="1" t="s">
        <v>1542</v>
      </c>
      <c r="G377" s="1" t="s">
        <v>1495</v>
      </c>
      <c r="H377" s="1" t="s">
        <v>13</v>
      </c>
      <c r="I377" s="1" t="s">
        <v>1496</v>
      </c>
      <c r="J377" s="1" t="s">
        <v>1543</v>
      </c>
    </row>
    <row r="378" spans="1:10" x14ac:dyDescent="0.35">
      <c r="A378" s="1" t="s">
        <v>1491</v>
      </c>
      <c r="B378" s="1" t="s">
        <v>1492</v>
      </c>
      <c r="C378" s="1" t="s">
        <v>75</v>
      </c>
      <c r="D378" s="1" t="s">
        <v>1544</v>
      </c>
      <c r="E378" s="1" t="s">
        <v>1545</v>
      </c>
      <c r="F378" s="1" t="s">
        <v>1546</v>
      </c>
      <c r="G378" s="1" t="s">
        <v>1495</v>
      </c>
      <c r="H378" s="1" t="s">
        <v>13</v>
      </c>
      <c r="I378" s="1" t="s">
        <v>1496</v>
      </c>
      <c r="J378" s="1" t="s">
        <v>1547</v>
      </c>
    </row>
    <row r="379" spans="1:10" x14ac:dyDescent="0.35">
      <c r="A379" s="1" t="s">
        <v>1491</v>
      </c>
      <c r="B379" s="1" t="s">
        <v>1492</v>
      </c>
      <c r="C379" s="1" t="s">
        <v>80</v>
      </c>
      <c r="D379" s="1" t="s">
        <v>1548</v>
      </c>
      <c r="E379" s="1" t="s">
        <v>1549</v>
      </c>
      <c r="F379" s="1" t="s">
        <v>1550</v>
      </c>
      <c r="G379" s="1" t="s">
        <v>1495</v>
      </c>
      <c r="H379" s="1" t="s">
        <v>13</v>
      </c>
      <c r="I379" s="1" t="s">
        <v>1496</v>
      </c>
      <c r="J379" s="1" t="s">
        <v>1551</v>
      </c>
    </row>
    <row r="380" spans="1:10" x14ac:dyDescent="0.35">
      <c r="A380" s="1" t="s">
        <v>1491</v>
      </c>
      <c r="B380" s="1" t="s">
        <v>1492</v>
      </c>
      <c r="C380" s="1" t="s">
        <v>85</v>
      </c>
      <c r="D380" s="1" t="s">
        <v>1552</v>
      </c>
      <c r="E380" s="1" t="s">
        <v>1553</v>
      </c>
      <c r="F380" s="1" t="s">
        <v>1554</v>
      </c>
      <c r="G380" s="1" t="s">
        <v>1495</v>
      </c>
      <c r="H380" s="1" t="s">
        <v>13</v>
      </c>
      <c r="I380" s="1" t="s">
        <v>1496</v>
      </c>
      <c r="J380" s="1" t="s">
        <v>1555</v>
      </c>
    </row>
    <row r="381" spans="1:10" x14ac:dyDescent="0.35">
      <c r="A381" s="1" t="s">
        <v>1491</v>
      </c>
      <c r="B381" s="1" t="s">
        <v>1492</v>
      </c>
      <c r="C381" s="1" t="s">
        <v>90</v>
      </c>
      <c r="D381" s="1" t="s">
        <v>1556</v>
      </c>
      <c r="E381" s="1" t="s">
        <v>1557</v>
      </c>
      <c r="F381" s="1" t="s">
        <v>1558</v>
      </c>
      <c r="G381" s="1" t="s">
        <v>1495</v>
      </c>
      <c r="H381" s="1" t="s">
        <v>13</v>
      </c>
      <c r="I381" s="1" t="s">
        <v>1496</v>
      </c>
      <c r="J381" s="1" t="s">
        <v>1559</v>
      </c>
    </row>
    <row r="382" spans="1:10" x14ac:dyDescent="0.35">
      <c r="A382" s="1" t="s">
        <v>1491</v>
      </c>
      <c r="B382" s="1" t="s">
        <v>1492</v>
      </c>
      <c r="C382" s="1" t="s">
        <v>95</v>
      </c>
      <c r="D382" s="1" t="s">
        <v>1560</v>
      </c>
      <c r="E382" s="1" t="s">
        <v>1561</v>
      </c>
      <c r="F382" s="1" t="s">
        <v>1562</v>
      </c>
      <c r="G382" s="1" t="s">
        <v>1495</v>
      </c>
      <c r="H382" s="1" t="s">
        <v>13</v>
      </c>
      <c r="I382" s="1" t="s">
        <v>1496</v>
      </c>
      <c r="J382" s="1" t="s">
        <v>1563</v>
      </c>
    </row>
    <row r="383" spans="1:10" x14ac:dyDescent="0.35">
      <c r="A383" s="1" t="s">
        <v>1491</v>
      </c>
      <c r="B383" s="1" t="s">
        <v>1492</v>
      </c>
      <c r="C383" s="1" t="s">
        <v>100</v>
      </c>
      <c r="D383" s="1" t="s">
        <v>1564</v>
      </c>
      <c r="E383" s="1" t="s">
        <v>1565</v>
      </c>
      <c r="F383" s="1" t="s">
        <v>1566</v>
      </c>
      <c r="G383" s="1" t="s">
        <v>1495</v>
      </c>
      <c r="H383" s="1" t="s">
        <v>13</v>
      </c>
      <c r="I383" s="1" t="s">
        <v>1496</v>
      </c>
      <c r="J383" s="1" t="s">
        <v>1567</v>
      </c>
    </row>
    <row r="384" spans="1:10" x14ac:dyDescent="0.35">
      <c r="A384" s="1" t="s">
        <v>1491</v>
      </c>
      <c r="B384" s="1" t="s">
        <v>1492</v>
      </c>
      <c r="C384" s="1" t="s">
        <v>105</v>
      </c>
      <c r="D384" s="1" t="s">
        <v>1568</v>
      </c>
      <c r="E384" s="1" t="s">
        <v>1569</v>
      </c>
      <c r="F384" s="1" t="s">
        <v>1570</v>
      </c>
      <c r="G384" s="1" t="s">
        <v>1495</v>
      </c>
      <c r="H384" s="1" t="s">
        <v>13</v>
      </c>
      <c r="I384" s="1" t="s">
        <v>1496</v>
      </c>
      <c r="J384" s="1" t="s">
        <v>1571</v>
      </c>
    </row>
    <row r="385" spans="1:10" x14ac:dyDescent="0.35">
      <c r="A385" s="1" t="s">
        <v>1491</v>
      </c>
      <c r="B385" s="1" t="s">
        <v>1492</v>
      </c>
      <c r="C385" s="1" t="s">
        <v>110</v>
      </c>
      <c r="D385" s="1" t="s">
        <v>1572</v>
      </c>
      <c r="E385" s="1" t="s">
        <v>1573</v>
      </c>
      <c r="F385" s="1" t="s">
        <v>1574</v>
      </c>
      <c r="G385" s="1" t="s">
        <v>1495</v>
      </c>
      <c r="H385" s="1" t="s">
        <v>13</v>
      </c>
      <c r="I385" s="1" t="s">
        <v>1496</v>
      </c>
      <c r="J385" s="1" t="s">
        <v>1575</v>
      </c>
    </row>
    <row r="386" spans="1:10" x14ac:dyDescent="0.35">
      <c r="A386" s="1" t="s">
        <v>1491</v>
      </c>
      <c r="B386" s="1" t="s">
        <v>1492</v>
      </c>
      <c r="C386" s="1" t="s">
        <v>115</v>
      </c>
      <c r="D386" s="1" t="s">
        <v>1576</v>
      </c>
      <c r="E386" s="1" t="s">
        <v>1577</v>
      </c>
      <c r="F386" s="1" t="s">
        <v>1578</v>
      </c>
      <c r="G386" s="1" t="s">
        <v>1495</v>
      </c>
      <c r="H386" s="1" t="s">
        <v>13</v>
      </c>
      <c r="I386" s="1" t="s">
        <v>1496</v>
      </c>
      <c r="J386" s="1" t="s">
        <v>1579</v>
      </c>
    </row>
    <row r="387" spans="1:10" x14ac:dyDescent="0.35">
      <c r="A387" s="1" t="s">
        <v>1491</v>
      </c>
      <c r="B387" s="1" t="s">
        <v>1492</v>
      </c>
      <c r="C387" s="1" t="s">
        <v>120</v>
      </c>
      <c r="D387" s="1" t="s">
        <v>1580</v>
      </c>
      <c r="E387" s="1" t="s">
        <v>1581</v>
      </c>
      <c r="F387" s="1" t="s">
        <v>1582</v>
      </c>
      <c r="G387" s="1" t="s">
        <v>1495</v>
      </c>
      <c r="H387" s="1" t="s">
        <v>13</v>
      </c>
      <c r="I387" s="1" t="s">
        <v>1496</v>
      </c>
      <c r="J387" s="1" t="s">
        <v>1583</v>
      </c>
    </row>
    <row r="388" spans="1:10" x14ac:dyDescent="0.35">
      <c r="A388" s="1" t="s">
        <v>1491</v>
      </c>
      <c r="B388" s="1" t="s">
        <v>1492</v>
      </c>
      <c r="C388" s="1" t="s">
        <v>125</v>
      </c>
      <c r="D388" s="1" t="s">
        <v>1584</v>
      </c>
      <c r="E388" s="1" t="s">
        <v>1585</v>
      </c>
      <c r="F388" s="1" t="s">
        <v>1586</v>
      </c>
      <c r="G388" s="1" t="s">
        <v>1495</v>
      </c>
      <c r="H388" s="1" t="s">
        <v>13</v>
      </c>
      <c r="I388" s="1" t="s">
        <v>1496</v>
      </c>
      <c r="J388" s="1" t="s">
        <v>1587</v>
      </c>
    </row>
    <row r="389" spans="1:10" x14ac:dyDescent="0.35">
      <c r="A389" s="1" t="s">
        <v>1491</v>
      </c>
      <c r="B389" s="1" t="s">
        <v>1492</v>
      </c>
      <c r="C389" s="1" t="s">
        <v>130</v>
      </c>
      <c r="D389" s="1" t="s">
        <v>1588</v>
      </c>
      <c r="E389" s="1" t="s">
        <v>1589</v>
      </c>
      <c r="F389" s="1" t="s">
        <v>1590</v>
      </c>
      <c r="G389" s="1" t="s">
        <v>1495</v>
      </c>
      <c r="H389" s="1" t="s">
        <v>13</v>
      </c>
      <c r="I389" s="1" t="s">
        <v>1496</v>
      </c>
      <c r="J389" s="1" t="s">
        <v>1591</v>
      </c>
    </row>
    <row r="390" spans="1:10" x14ac:dyDescent="0.35">
      <c r="A390" s="1" t="s">
        <v>1491</v>
      </c>
      <c r="B390" s="1" t="s">
        <v>1492</v>
      </c>
      <c r="C390" s="1" t="s">
        <v>135</v>
      </c>
      <c r="D390" s="1" t="s">
        <v>1592</v>
      </c>
      <c r="E390" s="1" t="s">
        <v>1593</v>
      </c>
      <c r="F390" s="1" t="s">
        <v>1594</v>
      </c>
      <c r="G390" s="1" t="s">
        <v>1495</v>
      </c>
      <c r="H390" s="1" t="s">
        <v>13</v>
      </c>
      <c r="I390" s="1" t="s">
        <v>1496</v>
      </c>
      <c r="J390" s="1" t="s">
        <v>1595</v>
      </c>
    </row>
    <row r="391" spans="1:10" x14ac:dyDescent="0.35">
      <c r="A391" s="1" t="s">
        <v>1491</v>
      </c>
      <c r="B391" s="1" t="s">
        <v>1492</v>
      </c>
      <c r="C391" s="1" t="s">
        <v>140</v>
      </c>
      <c r="D391" s="1" t="s">
        <v>1596</v>
      </c>
      <c r="E391" s="1" t="s">
        <v>1597</v>
      </c>
      <c r="F391" s="1" t="s">
        <v>1598</v>
      </c>
      <c r="G391" s="1" t="s">
        <v>1495</v>
      </c>
      <c r="H391" s="1" t="s">
        <v>13</v>
      </c>
      <c r="I391" s="1" t="s">
        <v>1496</v>
      </c>
      <c r="J391" s="1" t="s">
        <v>1599</v>
      </c>
    </row>
    <row r="392" spans="1:10" x14ac:dyDescent="0.35">
      <c r="A392" s="1" t="s">
        <v>1491</v>
      </c>
      <c r="B392" s="1" t="s">
        <v>1492</v>
      </c>
      <c r="C392" s="1" t="s">
        <v>145</v>
      </c>
      <c r="D392" s="1" t="s">
        <v>1600</v>
      </c>
      <c r="E392" s="1" t="s">
        <v>1601</v>
      </c>
      <c r="F392" s="1" t="s">
        <v>1602</v>
      </c>
      <c r="G392" s="1" t="s">
        <v>1495</v>
      </c>
      <c r="H392" s="1" t="s">
        <v>13</v>
      </c>
      <c r="I392" s="1" t="s">
        <v>1496</v>
      </c>
      <c r="J392" s="1" t="s">
        <v>1603</v>
      </c>
    </row>
    <row r="393" spans="1:10" x14ac:dyDescent="0.35">
      <c r="A393" s="1" t="s">
        <v>1491</v>
      </c>
      <c r="B393" s="1" t="s">
        <v>1492</v>
      </c>
      <c r="C393" s="1" t="s">
        <v>150</v>
      </c>
      <c r="D393" s="1" t="s">
        <v>1604</v>
      </c>
      <c r="E393" s="1" t="s">
        <v>1605</v>
      </c>
      <c r="F393" s="1" t="s">
        <v>1606</v>
      </c>
      <c r="G393" s="1" t="s">
        <v>1495</v>
      </c>
      <c r="H393" s="1" t="s">
        <v>13</v>
      </c>
      <c r="I393" s="1" t="s">
        <v>1496</v>
      </c>
      <c r="J393" s="1" t="s">
        <v>1607</v>
      </c>
    </row>
    <row r="394" spans="1:10" x14ac:dyDescent="0.35">
      <c r="A394" s="1" t="s">
        <v>1491</v>
      </c>
      <c r="B394" s="1" t="s">
        <v>1492</v>
      </c>
      <c r="C394" s="1" t="s">
        <v>155</v>
      </c>
      <c r="D394" s="1" t="s">
        <v>1608</v>
      </c>
      <c r="E394" s="1" t="s">
        <v>1609</v>
      </c>
      <c r="F394" s="1" t="s">
        <v>1610</v>
      </c>
      <c r="G394" s="1" t="s">
        <v>1495</v>
      </c>
      <c r="H394" s="1" t="s">
        <v>13</v>
      </c>
      <c r="I394" s="1" t="s">
        <v>1496</v>
      </c>
      <c r="J394" s="1" t="s">
        <v>1611</v>
      </c>
    </row>
    <row r="395" spans="1:10" x14ac:dyDescent="0.35">
      <c r="A395" s="1" t="s">
        <v>1491</v>
      </c>
      <c r="B395" s="1" t="s">
        <v>1492</v>
      </c>
      <c r="C395" s="1" t="s">
        <v>160</v>
      </c>
      <c r="D395" s="1" t="s">
        <v>1612</v>
      </c>
      <c r="E395" s="1" t="s">
        <v>1613</v>
      </c>
      <c r="F395" s="1" t="s">
        <v>1614</v>
      </c>
      <c r="G395" s="1" t="s">
        <v>1495</v>
      </c>
      <c r="H395" s="1" t="s">
        <v>13</v>
      </c>
      <c r="I395" s="1" t="s">
        <v>1496</v>
      </c>
      <c r="J395" s="1" t="s">
        <v>1615</v>
      </c>
    </row>
    <row r="396" spans="1:10" x14ac:dyDescent="0.35">
      <c r="A396" s="1" t="s">
        <v>1491</v>
      </c>
      <c r="B396" s="1" t="s">
        <v>1492</v>
      </c>
      <c r="C396" s="1" t="s">
        <v>165</v>
      </c>
      <c r="D396" s="1" t="s">
        <v>1616</v>
      </c>
      <c r="E396" s="1" t="s">
        <v>1617</v>
      </c>
      <c r="F396" s="1" t="s">
        <v>1618</v>
      </c>
      <c r="G396" s="1" t="s">
        <v>1495</v>
      </c>
      <c r="H396" s="1" t="s">
        <v>13</v>
      </c>
      <c r="I396" s="1" t="s">
        <v>1496</v>
      </c>
      <c r="J396" s="1" t="s">
        <v>1619</v>
      </c>
    </row>
    <row r="397" spans="1:10" x14ac:dyDescent="0.35">
      <c r="A397" s="1" t="s">
        <v>1491</v>
      </c>
      <c r="B397" s="1" t="s">
        <v>1492</v>
      </c>
      <c r="C397" s="1" t="s">
        <v>170</v>
      </c>
      <c r="D397" s="1" t="s">
        <v>1620</v>
      </c>
      <c r="E397" s="1" t="s">
        <v>1621</v>
      </c>
      <c r="F397" s="1" t="s">
        <v>1622</v>
      </c>
      <c r="G397" s="1" t="s">
        <v>1495</v>
      </c>
      <c r="H397" s="1" t="s">
        <v>13</v>
      </c>
      <c r="I397" s="1" t="s">
        <v>1496</v>
      </c>
      <c r="J397" s="1" t="s">
        <v>1623</v>
      </c>
    </row>
    <row r="398" spans="1:10" x14ac:dyDescent="0.35">
      <c r="A398" s="1" t="s">
        <v>1624</v>
      </c>
      <c r="B398" s="1" t="s">
        <v>1625</v>
      </c>
      <c r="C398" s="1" t="s">
        <v>8</v>
      </c>
      <c r="D398" s="1" t="s">
        <v>1626</v>
      </c>
      <c r="E398" s="1" t="s">
        <v>1627</v>
      </c>
      <c r="F398" s="1" t="s">
        <v>1628</v>
      </c>
      <c r="G398" s="1" t="s">
        <v>1629</v>
      </c>
      <c r="H398" s="1" t="s">
        <v>13</v>
      </c>
      <c r="I398" s="1" t="s">
        <v>1630</v>
      </c>
      <c r="J398" s="1" t="s">
        <v>13</v>
      </c>
    </row>
    <row r="399" spans="1:10" x14ac:dyDescent="0.35">
      <c r="A399" s="1" t="s">
        <v>1624</v>
      </c>
      <c r="B399" s="1" t="s">
        <v>1625</v>
      </c>
      <c r="C399" s="1" t="s">
        <v>15</v>
      </c>
      <c r="D399" s="1" t="s">
        <v>1631</v>
      </c>
      <c r="E399" s="1" t="s">
        <v>1632</v>
      </c>
      <c r="F399" s="1" t="s">
        <v>1633</v>
      </c>
      <c r="G399" s="1" t="s">
        <v>1629</v>
      </c>
      <c r="H399" s="1" t="s">
        <v>13</v>
      </c>
      <c r="I399" s="1" t="s">
        <v>1630</v>
      </c>
      <c r="J399" s="1" t="s">
        <v>1634</v>
      </c>
    </row>
    <row r="400" spans="1:10" x14ac:dyDescent="0.35">
      <c r="A400" s="1" t="s">
        <v>1624</v>
      </c>
      <c r="B400" s="1" t="s">
        <v>1625</v>
      </c>
      <c r="C400" s="1" t="s">
        <v>20</v>
      </c>
      <c r="D400" s="1" t="s">
        <v>1635</v>
      </c>
      <c r="E400" s="1" t="s">
        <v>1636</v>
      </c>
      <c r="F400" s="1" t="s">
        <v>1637</v>
      </c>
      <c r="G400" s="1" t="s">
        <v>1629</v>
      </c>
      <c r="H400" s="1" t="s">
        <v>13</v>
      </c>
      <c r="I400" s="1" t="s">
        <v>1630</v>
      </c>
      <c r="J400" s="1" t="s">
        <v>1638</v>
      </c>
    </row>
    <row r="401" spans="1:10" x14ac:dyDescent="0.35">
      <c r="A401" s="1" t="s">
        <v>1624</v>
      </c>
      <c r="B401" s="1" t="s">
        <v>1625</v>
      </c>
      <c r="C401" s="1" t="s">
        <v>25</v>
      </c>
      <c r="D401" s="1" t="s">
        <v>1639</v>
      </c>
      <c r="E401" s="1" t="s">
        <v>1640</v>
      </c>
      <c r="F401" s="1" t="s">
        <v>1641</v>
      </c>
      <c r="G401" s="1" t="s">
        <v>1629</v>
      </c>
      <c r="H401" s="1" t="s">
        <v>13</v>
      </c>
      <c r="I401" s="1" t="s">
        <v>1630</v>
      </c>
      <c r="J401" s="1" t="s">
        <v>1642</v>
      </c>
    </row>
    <row r="402" spans="1:10" x14ac:dyDescent="0.35">
      <c r="A402" s="1" t="s">
        <v>1624</v>
      </c>
      <c r="B402" s="1" t="s">
        <v>1625</v>
      </c>
      <c r="C402" s="1" t="s">
        <v>30</v>
      </c>
      <c r="D402" s="1" t="s">
        <v>1643</v>
      </c>
      <c r="E402" s="1" t="s">
        <v>1644</v>
      </c>
      <c r="F402" s="1" t="s">
        <v>1645</v>
      </c>
      <c r="G402" s="1" t="s">
        <v>1629</v>
      </c>
      <c r="H402" s="1" t="s">
        <v>13</v>
      </c>
      <c r="I402" s="1" t="s">
        <v>1630</v>
      </c>
      <c r="J402" s="1" t="s">
        <v>1646</v>
      </c>
    </row>
    <row r="403" spans="1:10" x14ac:dyDescent="0.35">
      <c r="A403" s="1" t="s">
        <v>1624</v>
      </c>
      <c r="B403" s="1" t="s">
        <v>1625</v>
      </c>
      <c r="C403" s="1" t="s">
        <v>35</v>
      </c>
      <c r="D403" s="1" t="s">
        <v>1647</v>
      </c>
      <c r="E403" s="1" t="s">
        <v>1648</v>
      </c>
      <c r="F403" s="1" t="s">
        <v>1649</v>
      </c>
      <c r="G403" s="1" t="s">
        <v>1629</v>
      </c>
      <c r="H403" s="1" t="s">
        <v>13</v>
      </c>
      <c r="I403" s="1" t="s">
        <v>1630</v>
      </c>
      <c r="J403" s="1" t="s">
        <v>1650</v>
      </c>
    </row>
    <row r="404" spans="1:10" x14ac:dyDescent="0.35">
      <c r="A404" s="1" t="s">
        <v>1624</v>
      </c>
      <c r="B404" s="1" t="s">
        <v>1625</v>
      </c>
      <c r="C404" s="1" t="s">
        <v>40</v>
      </c>
      <c r="D404" s="1" t="s">
        <v>1651</v>
      </c>
      <c r="E404" s="1" t="s">
        <v>1652</v>
      </c>
      <c r="F404" s="1" t="s">
        <v>1653</v>
      </c>
      <c r="G404" s="1" t="s">
        <v>1629</v>
      </c>
      <c r="H404" s="1" t="s">
        <v>13</v>
      </c>
      <c r="I404" s="1" t="s">
        <v>1630</v>
      </c>
      <c r="J404" s="1" t="s">
        <v>1654</v>
      </c>
    </row>
    <row r="405" spans="1:10" x14ac:dyDescent="0.35">
      <c r="A405" s="1" t="s">
        <v>1624</v>
      </c>
      <c r="B405" s="1" t="s">
        <v>1625</v>
      </c>
      <c r="C405" s="1" t="s">
        <v>45</v>
      </c>
      <c r="D405" s="1" t="s">
        <v>1655</v>
      </c>
      <c r="E405" s="1" t="s">
        <v>1656</v>
      </c>
      <c r="F405" s="1" t="s">
        <v>1657</v>
      </c>
      <c r="G405" s="1" t="s">
        <v>1629</v>
      </c>
      <c r="H405" s="1" t="s">
        <v>13</v>
      </c>
      <c r="I405" s="1" t="s">
        <v>1630</v>
      </c>
      <c r="J405" s="1" t="s">
        <v>1658</v>
      </c>
    </row>
    <row r="406" spans="1:10" x14ac:dyDescent="0.35">
      <c r="A406" s="1" t="s">
        <v>1624</v>
      </c>
      <c r="B406" s="1" t="s">
        <v>1625</v>
      </c>
      <c r="C406" s="1" t="s">
        <v>50</v>
      </c>
      <c r="D406" s="1" t="s">
        <v>1659</v>
      </c>
      <c r="E406" s="1" t="s">
        <v>1660</v>
      </c>
      <c r="F406" s="1" t="s">
        <v>1661</v>
      </c>
      <c r="G406" s="1" t="s">
        <v>1629</v>
      </c>
      <c r="H406" s="1" t="s">
        <v>13</v>
      </c>
      <c r="I406" s="1" t="s">
        <v>1630</v>
      </c>
      <c r="J406" s="1" t="s">
        <v>1662</v>
      </c>
    </row>
    <row r="407" spans="1:10" x14ac:dyDescent="0.35">
      <c r="A407" s="1" t="s">
        <v>1624</v>
      </c>
      <c r="B407" s="1" t="s">
        <v>1625</v>
      </c>
      <c r="C407" s="1" t="s">
        <v>55</v>
      </c>
      <c r="D407" s="1" t="s">
        <v>1663</v>
      </c>
      <c r="E407" s="1" t="s">
        <v>1664</v>
      </c>
      <c r="F407" s="1" t="s">
        <v>1665</v>
      </c>
      <c r="G407" s="1" t="s">
        <v>1629</v>
      </c>
      <c r="H407" s="1" t="s">
        <v>13</v>
      </c>
      <c r="I407" s="1" t="s">
        <v>1630</v>
      </c>
      <c r="J407" s="1" t="s">
        <v>1666</v>
      </c>
    </row>
    <row r="408" spans="1:10" x14ac:dyDescent="0.35">
      <c r="A408" s="1" t="s">
        <v>1624</v>
      </c>
      <c r="B408" s="1" t="s">
        <v>1625</v>
      </c>
      <c r="C408" s="1" t="s">
        <v>60</v>
      </c>
      <c r="D408" s="1" t="s">
        <v>1667</v>
      </c>
      <c r="E408" s="1" t="s">
        <v>1668</v>
      </c>
      <c r="F408" s="1" t="s">
        <v>1669</v>
      </c>
      <c r="G408" s="1" t="s">
        <v>1629</v>
      </c>
      <c r="H408" s="1" t="s">
        <v>13</v>
      </c>
      <c r="I408" s="1" t="s">
        <v>1630</v>
      </c>
      <c r="J408" s="1" t="s">
        <v>1670</v>
      </c>
    </row>
    <row r="409" spans="1:10" x14ac:dyDescent="0.35">
      <c r="A409" s="1" t="s">
        <v>1624</v>
      </c>
      <c r="B409" s="1" t="s">
        <v>1625</v>
      </c>
      <c r="C409" s="1" t="s">
        <v>65</v>
      </c>
      <c r="D409" s="1" t="s">
        <v>1671</v>
      </c>
      <c r="E409" s="1" t="s">
        <v>1672</v>
      </c>
      <c r="F409" s="1" t="s">
        <v>1673</v>
      </c>
      <c r="G409" s="1" t="s">
        <v>1629</v>
      </c>
      <c r="H409" s="1" t="s">
        <v>13</v>
      </c>
      <c r="I409" s="1" t="s">
        <v>1630</v>
      </c>
      <c r="J409" s="1" t="s">
        <v>1674</v>
      </c>
    </row>
    <row r="410" spans="1:10" x14ac:dyDescent="0.35">
      <c r="A410" s="1" t="s">
        <v>1624</v>
      </c>
      <c r="B410" s="1" t="s">
        <v>1625</v>
      </c>
      <c r="C410" s="1" t="s">
        <v>70</v>
      </c>
      <c r="D410" s="1" t="s">
        <v>1675</v>
      </c>
      <c r="E410" s="1" t="s">
        <v>1676</v>
      </c>
      <c r="F410" s="1" t="s">
        <v>1677</v>
      </c>
      <c r="G410" s="1" t="s">
        <v>1629</v>
      </c>
      <c r="H410" s="1" t="s">
        <v>13</v>
      </c>
      <c r="I410" s="1" t="s">
        <v>1630</v>
      </c>
      <c r="J410" s="1" t="s">
        <v>1678</v>
      </c>
    </row>
    <row r="411" spans="1:10" x14ac:dyDescent="0.35">
      <c r="A411" s="1" t="s">
        <v>1624</v>
      </c>
      <c r="B411" s="1" t="s">
        <v>1625</v>
      </c>
      <c r="C411" s="1" t="s">
        <v>75</v>
      </c>
      <c r="D411" s="1" t="s">
        <v>1679</v>
      </c>
      <c r="E411" s="1" t="s">
        <v>1680</v>
      </c>
      <c r="F411" s="1" t="s">
        <v>1681</v>
      </c>
      <c r="G411" s="1" t="s">
        <v>1629</v>
      </c>
      <c r="H411" s="1" t="s">
        <v>13</v>
      </c>
      <c r="I411" s="1" t="s">
        <v>1630</v>
      </c>
      <c r="J411" s="1" t="s">
        <v>1682</v>
      </c>
    </row>
    <row r="412" spans="1:10" x14ac:dyDescent="0.35">
      <c r="A412" s="1" t="s">
        <v>1624</v>
      </c>
      <c r="B412" s="1" t="s">
        <v>1625</v>
      </c>
      <c r="C412" s="1" t="s">
        <v>80</v>
      </c>
      <c r="D412" s="1" t="s">
        <v>1683</v>
      </c>
      <c r="E412" s="1" t="s">
        <v>1684</v>
      </c>
      <c r="F412" s="1" t="s">
        <v>1685</v>
      </c>
      <c r="G412" s="1" t="s">
        <v>1629</v>
      </c>
      <c r="H412" s="1" t="s">
        <v>13</v>
      </c>
      <c r="I412" s="1" t="s">
        <v>1630</v>
      </c>
      <c r="J412" s="1" t="s">
        <v>1686</v>
      </c>
    </row>
    <row r="413" spans="1:10" x14ac:dyDescent="0.35">
      <c r="A413" s="1" t="s">
        <v>1624</v>
      </c>
      <c r="B413" s="1" t="s">
        <v>1625</v>
      </c>
      <c r="C413" s="1" t="s">
        <v>85</v>
      </c>
      <c r="D413" s="1" t="s">
        <v>1687</v>
      </c>
      <c r="E413" s="1" t="s">
        <v>1688</v>
      </c>
      <c r="F413" s="1" t="s">
        <v>1689</v>
      </c>
      <c r="G413" s="1" t="s">
        <v>1629</v>
      </c>
      <c r="H413" s="1" t="s">
        <v>13</v>
      </c>
      <c r="I413" s="1" t="s">
        <v>1630</v>
      </c>
      <c r="J413" s="1" t="s">
        <v>1690</v>
      </c>
    </row>
    <row r="414" spans="1:10" x14ac:dyDescent="0.35">
      <c r="A414" s="1" t="s">
        <v>1624</v>
      </c>
      <c r="B414" s="1" t="s">
        <v>1625</v>
      </c>
      <c r="C414" s="1" t="s">
        <v>90</v>
      </c>
      <c r="D414" s="1" t="s">
        <v>1691</v>
      </c>
      <c r="E414" s="1" t="s">
        <v>1692</v>
      </c>
      <c r="F414" s="1" t="s">
        <v>1693</v>
      </c>
      <c r="G414" s="1" t="s">
        <v>1629</v>
      </c>
      <c r="H414" s="1" t="s">
        <v>13</v>
      </c>
      <c r="I414" s="1" t="s">
        <v>1630</v>
      </c>
      <c r="J414" s="1" t="s">
        <v>1694</v>
      </c>
    </row>
    <row r="415" spans="1:10" x14ac:dyDescent="0.35">
      <c r="A415" s="1" t="s">
        <v>1624</v>
      </c>
      <c r="B415" s="1" t="s">
        <v>1625</v>
      </c>
      <c r="C415" s="1" t="s">
        <v>95</v>
      </c>
      <c r="D415" s="1" t="s">
        <v>1695</v>
      </c>
      <c r="E415" s="1" t="s">
        <v>1696</v>
      </c>
      <c r="F415" s="1" t="s">
        <v>1697</v>
      </c>
      <c r="G415" s="1" t="s">
        <v>1629</v>
      </c>
      <c r="H415" s="1" t="s">
        <v>13</v>
      </c>
      <c r="I415" s="1" t="s">
        <v>1630</v>
      </c>
      <c r="J415" s="1" t="s">
        <v>1698</v>
      </c>
    </row>
    <row r="416" spans="1:10" x14ac:dyDescent="0.35">
      <c r="A416" s="1" t="s">
        <v>1624</v>
      </c>
      <c r="B416" s="1" t="s">
        <v>1625</v>
      </c>
      <c r="C416" s="1" t="s">
        <v>100</v>
      </c>
      <c r="D416" s="1" t="s">
        <v>1699</v>
      </c>
      <c r="E416" s="1" t="s">
        <v>1700</v>
      </c>
      <c r="F416" s="1" t="s">
        <v>1701</v>
      </c>
      <c r="G416" s="1" t="s">
        <v>1629</v>
      </c>
      <c r="H416" s="1" t="s">
        <v>13</v>
      </c>
      <c r="I416" s="1" t="s">
        <v>1630</v>
      </c>
      <c r="J416" s="1" t="s">
        <v>1702</v>
      </c>
    </row>
    <row r="417" spans="1:10" x14ac:dyDescent="0.35">
      <c r="A417" s="1" t="s">
        <v>1624</v>
      </c>
      <c r="B417" s="1" t="s">
        <v>1625</v>
      </c>
      <c r="C417" s="1" t="s">
        <v>105</v>
      </c>
      <c r="D417" s="1" t="s">
        <v>1703</v>
      </c>
      <c r="E417" s="1" t="s">
        <v>1704</v>
      </c>
      <c r="F417" s="1" t="s">
        <v>1705</v>
      </c>
      <c r="G417" s="1" t="s">
        <v>1629</v>
      </c>
      <c r="H417" s="1" t="s">
        <v>13</v>
      </c>
      <c r="I417" s="1" t="s">
        <v>1630</v>
      </c>
      <c r="J417" s="1" t="s">
        <v>1706</v>
      </c>
    </row>
    <row r="418" spans="1:10" x14ac:dyDescent="0.35">
      <c r="A418" s="1" t="s">
        <v>1624</v>
      </c>
      <c r="B418" s="1" t="s">
        <v>1625</v>
      </c>
      <c r="C418" s="1" t="s">
        <v>110</v>
      </c>
      <c r="D418" s="1" t="s">
        <v>1707</v>
      </c>
      <c r="E418" s="1" t="s">
        <v>1708</v>
      </c>
      <c r="F418" s="1" t="s">
        <v>1709</v>
      </c>
      <c r="G418" s="1" t="s">
        <v>1629</v>
      </c>
      <c r="H418" s="1" t="s">
        <v>13</v>
      </c>
      <c r="I418" s="1" t="s">
        <v>1630</v>
      </c>
      <c r="J418" s="1" t="s">
        <v>1710</v>
      </c>
    </row>
    <row r="419" spans="1:10" x14ac:dyDescent="0.35">
      <c r="A419" s="1" t="s">
        <v>1624</v>
      </c>
      <c r="B419" s="1" t="s">
        <v>1625</v>
      </c>
      <c r="C419" s="1" t="s">
        <v>115</v>
      </c>
      <c r="D419" s="1" t="s">
        <v>1711</v>
      </c>
      <c r="E419" s="1" t="s">
        <v>1712</v>
      </c>
      <c r="F419" s="1" t="s">
        <v>1713</v>
      </c>
      <c r="G419" s="1" t="s">
        <v>1629</v>
      </c>
      <c r="H419" s="1" t="s">
        <v>13</v>
      </c>
      <c r="I419" s="1" t="s">
        <v>1630</v>
      </c>
      <c r="J419" s="1" t="s">
        <v>1714</v>
      </c>
    </row>
    <row r="420" spans="1:10" x14ac:dyDescent="0.35">
      <c r="A420" s="1" t="s">
        <v>1624</v>
      </c>
      <c r="B420" s="1" t="s">
        <v>1625</v>
      </c>
      <c r="C420" s="1" t="s">
        <v>120</v>
      </c>
      <c r="D420" s="1" t="s">
        <v>1715</v>
      </c>
      <c r="E420" s="1" t="s">
        <v>1716</v>
      </c>
      <c r="F420" s="1" t="s">
        <v>1717</v>
      </c>
      <c r="G420" s="1" t="s">
        <v>1629</v>
      </c>
      <c r="H420" s="1" t="s">
        <v>13</v>
      </c>
      <c r="I420" s="1" t="s">
        <v>1630</v>
      </c>
      <c r="J420" s="1" t="s">
        <v>1718</v>
      </c>
    </row>
    <row r="421" spans="1:10" x14ac:dyDescent="0.35">
      <c r="A421" s="1" t="s">
        <v>1624</v>
      </c>
      <c r="B421" s="1" t="s">
        <v>1625</v>
      </c>
      <c r="C421" s="1" t="s">
        <v>125</v>
      </c>
      <c r="D421" s="1" t="s">
        <v>1719</v>
      </c>
      <c r="E421" s="1" t="s">
        <v>1720</v>
      </c>
      <c r="F421" s="1" t="s">
        <v>1721</v>
      </c>
      <c r="G421" s="1" t="s">
        <v>1629</v>
      </c>
      <c r="H421" s="1" t="s">
        <v>13</v>
      </c>
      <c r="I421" s="1" t="s">
        <v>1630</v>
      </c>
      <c r="J421" s="1" t="s">
        <v>1722</v>
      </c>
    </row>
    <row r="422" spans="1:10" x14ac:dyDescent="0.35">
      <c r="A422" s="1" t="s">
        <v>1624</v>
      </c>
      <c r="B422" s="1" t="s">
        <v>1625</v>
      </c>
      <c r="C422" s="1" t="s">
        <v>130</v>
      </c>
      <c r="D422" s="1" t="s">
        <v>1723</v>
      </c>
      <c r="E422" s="1" t="s">
        <v>1724</v>
      </c>
      <c r="F422" s="1" t="s">
        <v>1725</v>
      </c>
      <c r="G422" s="1" t="s">
        <v>1629</v>
      </c>
      <c r="H422" s="1" t="s">
        <v>13</v>
      </c>
      <c r="I422" s="1" t="s">
        <v>1630</v>
      </c>
      <c r="J422" s="1" t="s">
        <v>1726</v>
      </c>
    </row>
    <row r="423" spans="1:10" x14ac:dyDescent="0.35">
      <c r="A423" s="1" t="s">
        <v>1624</v>
      </c>
      <c r="B423" s="1" t="s">
        <v>1625</v>
      </c>
      <c r="C423" s="1" t="s">
        <v>135</v>
      </c>
      <c r="D423" s="1" t="s">
        <v>1727</v>
      </c>
      <c r="E423" s="1" t="s">
        <v>1728</v>
      </c>
      <c r="F423" s="1" t="s">
        <v>1729</v>
      </c>
      <c r="G423" s="1" t="s">
        <v>1629</v>
      </c>
      <c r="H423" s="1" t="s">
        <v>13</v>
      </c>
      <c r="I423" s="1" t="s">
        <v>1630</v>
      </c>
      <c r="J423" s="1" t="s">
        <v>1730</v>
      </c>
    </row>
    <row r="424" spans="1:10" x14ac:dyDescent="0.35">
      <c r="A424" s="1" t="s">
        <v>1624</v>
      </c>
      <c r="B424" s="1" t="s">
        <v>1625</v>
      </c>
      <c r="C424" s="1" t="s">
        <v>140</v>
      </c>
      <c r="D424" s="1" t="s">
        <v>1731</v>
      </c>
      <c r="E424" s="1" t="s">
        <v>1732</v>
      </c>
      <c r="F424" s="1" t="s">
        <v>1733</v>
      </c>
      <c r="G424" s="1" t="s">
        <v>1629</v>
      </c>
      <c r="H424" s="1" t="s">
        <v>13</v>
      </c>
      <c r="I424" s="1" t="s">
        <v>1630</v>
      </c>
      <c r="J424" s="1" t="s">
        <v>1734</v>
      </c>
    </row>
    <row r="425" spans="1:10" x14ac:dyDescent="0.35">
      <c r="A425" s="1" t="s">
        <v>1624</v>
      </c>
      <c r="B425" s="1" t="s">
        <v>1625</v>
      </c>
      <c r="C425" s="1" t="s">
        <v>145</v>
      </c>
      <c r="D425" s="1" t="s">
        <v>1735</v>
      </c>
      <c r="E425" s="1" t="s">
        <v>1736</v>
      </c>
      <c r="F425" s="1" t="s">
        <v>1737</v>
      </c>
      <c r="G425" s="1" t="s">
        <v>1629</v>
      </c>
      <c r="H425" s="1" t="s">
        <v>13</v>
      </c>
      <c r="I425" s="1" t="s">
        <v>1630</v>
      </c>
      <c r="J425" s="1" t="s">
        <v>1738</v>
      </c>
    </row>
    <row r="426" spans="1:10" x14ac:dyDescent="0.35">
      <c r="A426" s="1" t="s">
        <v>1624</v>
      </c>
      <c r="B426" s="1" t="s">
        <v>1625</v>
      </c>
      <c r="C426" s="1" t="s">
        <v>150</v>
      </c>
      <c r="D426" s="1" t="s">
        <v>1739</v>
      </c>
      <c r="E426" s="1" t="s">
        <v>1740</v>
      </c>
      <c r="F426" s="1" t="s">
        <v>1741</v>
      </c>
      <c r="G426" s="1" t="s">
        <v>1629</v>
      </c>
      <c r="H426" s="1" t="s">
        <v>13</v>
      </c>
      <c r="I426" s="1" t="s">
        <v>1630</v>
      </c>
      <c r="J426" s="1" t="s">
        <v>1742</v>
      </c>
    </row>
    <row r="427" spans="1:10" x14ac:dyDescent="0.35">
      <c r="A427" s="1" t="s">
        <v>1624</v>
      </c>
      <c r="B427" s="1" t="s">
        <v>1625</v>
      </c>
      <c r="C427" s="1" t="s">
        <v>155</v>
      </c>
      <c r="D427" s="1" t="s">
        <v>1743</v>
      </c>
      <c r="E427" s="1" t="s">
        <v>1744</v>
      </c>
      <c r="F427" s="1" t="s">
        <v>1745</v>
      </c>
      <c r="G427" s="1" t="s">
        <v>1629</v>
      </c>
      <c r="H427" s="1" t="s">
        <v>13</v>
      </c>
      <c r="I427" s="1" t="s">
        <v>1630</v>
      </c>
      <c r="J427" s="1" t="s">
        <v>1746</v>
      </c>
    </row>
    <row r="428" spans="1:10" x14ac:dyDescent="0.35">
      <c r="A428" s="1" t="s">
        <v>1624</v>
      </c>
      <c r="B428" s="1" t="s">
        <v>1625</v>
      </c>
      <c r="C428" s="1" t="s">
        <v>160</v>
      </c>
      <c r="D428" s="1" t="s">
        <v>1747</v>
      </c>
      <c r="E428" s="1" t="s">
        <v>1748</v>
      </c>
      <c r="F428" s="1" t="s">
        <v>1749</v>
      </c>
      <c r="G428" s="1" t="s">
        <v>1629</v>
      </c>
      <c r="H428" s="1" t="s">
        <v>13</v>
      </c>
      <c r="I428" s="1" t="s">
        <v>1630</v>
      </c>
      <c r="J428" s="1" t="s">
        <v>1750</v>
      </c>
    </row>
    <row r="429" spans="1:10" x14ac:dyDescent="0.35">
      <c r="A429" s="1" t="s">
        <v>1624</v>
      </c>
      <c r="B429" s="1" t="s">
        <v>1625</v>
      </c>
      <c r="C429" s="1" t="s">
        <v>165</v>
      </c>
      <c r="D429" s="1" t="s">
        <v>1751</v>
      </c>
      <c r="E429" s="1" t="s">
        <v>1752</v>
      </c>
      <c r="F429" s="1" t="s">
        <v>1753</v>
      </c>
      <c r="G429" s="1" t="s">
        <v>1629</v>
      </c>
      <c r="H429" s="1" t="s">
        <v>13</v>
      </c>
      <c r="I429" s="1" t="s">
        <v>1630</v>
      </c>
      <c r="J429" s="1" t="s">
        <v>1754</v>
      </c>
    </row>
    <row r="430" spans="1:10" x14ac:dyDescent="0.35">
      <c r="A430" s="1" t="s">
        <v>1624</v>
      </c>
      <c r="B430" s="1" t="s">
        <v>1625</v>
      </c>
      <c r="C430" s="1" t="s">
        <v>170</v>
      </c>
      <c r="D430" s="1" t="s">
        <v>1755</v>
      </c>
      <c r="E430" s="1" t="s">
        <v>1756</v>
      </c>
      <c r="F430" s="1" t="s">
        <v>1757</v>
      </c>
      <c r="G430" s="1" t="s">
        <v>1629</v>
      </c>
      <c r="H430" s="1" t="s">
        <v>13</v>
      </c>
      <c r="I430" s="1" t="s">
        <v>1630</v>
      </c>
      <c r="J430" s="1" t="s">
        <v>1758</v>
      </c>
    </row>
    <row r="431" spans="1:10" x14ac:dyDescent="0.35">
      <c r="A431" s="1" t="s">
        <v>1759</v>
      </c>
      <c r="B431" s="1" t="s">
        <v>1760</v>
      </c>
      <c r="C431" s="1" t="s">
        <v>8</v>
      </c>
      <c r="D431" s="1" t="s">
        <v>1761</v>
      </c>
      <c r="E431" s="1" t="s">
        <v>1762</v>
      </c>
      <c r="F431" s="1" t="s">
        <v>1763</v>
      </c>
      <c r="G431" s="1" t="s">
        <v>1764</v>
      </c>
      <c r="H431" s="1" t="s">
        <v>13</v>
      </c>
      <c r="I431" s="1" t="s">
        <v>1765</v>
      </c>
      <c r="J431" s="1" t="s">
        <v>13</v>
      </c>
    </row>
    <row r="432" spans="1:10" x14ac:dyDescent="0.35">
      <c r="A432" s="1" t="s">
        <v>1759</v>
      </c>
      <c r="B432" s="1" t="s">
        <v>1760</v>
      </c>
      <c r="C432" s="1" t="s">
        <v>15</v>
      </c>
      <c r="D432" s="1" t="s">
        <v>1766</v>
      </c>
      <c r="E432" s="1" t="s">
        <v>1767</v>
      </c>
      <c r="F432" s="1" t="s">
        <v>1768</v>
      </c>
      <c r="G432" s="1" t="s">
        <v>1764</v>
      </c>
      <c r="H432" s="1" t="s">
        <v>13</v>
      </c>
      <c r="I432" s="1" t="s">
        <v>1765</v>
      </c>
      <c r="J432" s="1" t="s">
        <v>1769</v>
      </c>
    </row>
    <row r="433" spans="1:10" x14ac:dyDescent="0.35">
      <c r="A433" s="1" t="s">
        <v>1759</v>
      </c>
      <c r="B433" s="1" t="s">
        <v>1760</v>
      </c>
      <c r="C433" s="1" t="s">
        <v>20</v>
      </c>
      <c r="D433" s="1" t="s">
        <v>1122</v>
      </c>
      <c r="E433" s="1" t="s">
        <v>1770</v>
      </c>
      <c r="F433" s="1" t="s">
        <v>1771</v>
      </c>
      <c r="G433" s="1" t="s">
        <v>1764</v>
      </c>
      <c r="H433" s="1" t="s">
        <v>13</v>
      </c>
      <c r="I433" s="1" t="s">
        <v>1765</v>
      </c>
      <c r="J433" s="1" t="s">
        <v>1772</v>
      </c>
    </row>
    <row r="434" spans="1:10" x14ac:dyDescent="0.35">
      <c r="A434" s="1" t="s">
        <v>1759</v>
      </c>
      <c r="B434" s="1" t="s">
        <v>1760</v>
      </c>
      <c r="C434" s="1" t="s">
        <v>25</v>
      </c>
      <c r="D434" s="1" t="s">
        <v>1773</v>
      </c>
      <c r="E434" s="1" t="s">
        <v>1774</v>
      </c>
      <c r="F434" s="1" t="s">
        <v>1775</v>
      </c>
      <c r="G434" s="1" t="s">
        <v>1764</v>
      </c>
      <c r="H434" s="1" t="s">
        <v>13</v>
      </c>
      <c r="I434" s="1" t="s">
        <v>1765</v>
      </c>
      <c r="J434" s="1" t="s">
        <v>1776</v>
      </c>
    </row>
    <row r="435" spans="1:10" x14ac:dyDescent="0.35">
      <c r="A435" s="1" t="s">
        <v>1759</v>
      </c>
      <c r="B435" s="1" t="s">
        <v>1760</v>
      </c>
      <c r="C435" s="1" t="s">
        <v>30</v>
      </c>
      <c r="D435" s="1" t="s">
        <v>1777</v>
      </c>
      <c r="E435" s="1" t="s">
        <v>1778</v>
      </c>
      <c r="F435" s="1" t="s">
        <v>1779</v>
      </c>
      <c r="G435" s="1" t="s">
        <v>1764</v>
      </c>
      <c r="H435" s="1" t="s">
        <v>13</v>
      </c>
      <c r="I435" s="1" t="s">
        <v>1765</v>
      </c>
      <c r="J435" s="1" t="s">
        <v>1780</v>
      </c>
    </row>
    <row r="436" spans="1:10" x14ac:dyDescent="0.35">
      <c r="A436" s="1" t="s">
        <v>1759</v>
      </c>
      <c r="B436" s="1" t="s">
        <v>1760</v>
      </c>
      <c r="C436" s="1" t="s">
        <v>35</v>
      </c>
      <c r="D436" s="1" t="s">
        <v>1781</v>
      </c>
      <c r="E436" s="1" t="s">
        <v>1782</v>
      </c>
      <c r="F436" s="1" t="s">
        <v>1783</v>
      </c>
      <c r="G436" s="1" t="s">
        <v>1764</v>
      </c>
      <c r="H436" s="1" t="s">
        <v>13</v>
      </c>
      <c r="I436" s="1" t="s">
        <v>1765</v>
      </c>
      <c r="J436" s="1" t="s">
        <v>1784</v>
      </c>
    </row>
    <row r="437" spans="1:10" x14ac:dyDescent="0.35">
      <c r="A437" s="1" t="s">
        <v>1759</v>
      </c>
      <c r="B437" s="1" t="s">
        <v>1760</v>
      </c>
      <c r="C437" s="1" t="s">
        <v>40</v>
      </c>
      <c r="D437" s="1" t="s">
        <v>1785</v>
      </c>
      <c r="E437" s="1" t="s">
        <v>1786</v>
      </c>
      <c r="F437" s="1" t="s">
        <v>1787</v>
      </c>
      <c r="G437" s="1" t="s">
        <v>1764</v>
      </c>
      <c r="H437" s="1" t="s">
        <v>13</v>
      </c>
      <c r="I437" s="1" t="s">
        <v>1765</v>
      </c>
      <c r="J437" s="1" t="s">
        <v>1788</v>
      </c>
    </row>
    <row r="438" spans="1:10" x14ac:dyDescent="0.35">
      <c r="A438" s="1" t="s">
        <v>1759</v>
      </c>
      <c r="B438" s="1" t="s">
        <v>1760</v>
      </c>
      <c r="C438" s="1" t="s">
        <v>45</v>
      </c>
      <c r="D438" s="1" t="s">
        <v>1789</v>
      </c>
      <c r="E438" s="1" t="s">
        <v>1790</v>
      </c>
      <c r="F438" s="1" t="s">
        <v>1791</v>
      </c>
      <c r="G438" s="1" t="s">
        <v>1764</v>
      </c>
      <c r="H438" s="1" t="s">
        <v>13</v>
      </c>
      <c r="I438" s="1" t="s">
        <v>1765</v>
      </c>
      <c r="J438" s="1" t="s">
        <v>1792</v>
      </c>
    </row>
    <row r="439" spans="1:10" x14ac:dyDescent="0.35">
      <c r="A439" s="1" t="s">
        <v>1759</v>
      </c>
      <c r="B439" s="1" t="s">
        <v>1760</v>
      </c>
      <c r="C439" s="1" t="s">
        <v>50</v>
      </c>
      <c r="D439" s="1" t="s">
        <v>1793</v>
      </c>
      <c r="E439" s="1" t="s">
        <v>1794</v>
      </c>
      <c r="F439" s="1" t="s">
        <v>1795</v>
      </c>
      <c r="G439" s="1" t="s">
        <v>1764</v>
      </c>
      <c r="H439" s="1" t="s">
        <v>13</v>
      </c>
      <c r="I439" s="1" t="s">
        <v>1765</v>
      </c>
      <c r="J439" s="1" t="s">
        <v>1796</v>
      </c>
    </row>
    <row r="440" spans="1:10" x14ac:dyDescent="0.35">
      <c r="A440" s="1" t="s">
        <v>1759</v>
      </c>
      <c r="B440" s="1" t="s">
        <v>1760</v>
      </c>
      <c r="C440" s="1" t="s">
        <v>55</v>
      </c>
      <c r="D440" s="1" t="s">
        <v>1797</v>
      </c>
      <c r="E440" s="1" t="s">
        <v>1798</v>
      </c>
      <c r="F440" s="1" t="s">
        <v>1799</v>
      </c>
      <c r="G440" s="1" t="s">
        <v>1764</v>
      </c>
      <c r="H440" s="1" t="s">
        <v>13</v>
      </c>
      <c r="I440" s="1" t="s">
        <v>1765</v>
      </c>
      <c r="J440" s="1" t="s">
        <v>1800</v>
      </c>
    </row>
    <row r="441" spans="1:10" x14ac:dyDescent="0.35">
      <c r="A441" s="1" t="s">
        <v>1759</v>
      </c>
      <c r="B441" s="1" t="s">
        <v>1760</v>
      </c>
      <c r="C441" s="1" t="s">
        <v>60</v>
      </c>
      <c r="D441" s="1" t="s">
        <v>1801</v>
      </c>
      <c r="E441" s="1" t="s">
        <v>1802</v>
      </c>
      <c r="F441" s="1" t="s">
        <v>1803</v>
      </c>
      <c r="G441" s="1" t="s">
        <v>1764</v>
      </c>
      <c r="H441" s="1" t="s">
        <v>13</v>
      </c>
      <c r="I441" s="1" t="s">
        <v>1765</v>
      </c>
      <c r="J441" s="1" t="s">
        <v>1804</v>
      </c>
    </row>
    <row r="442" spans="1:10" x14ac:dyDescent="0.35">
      <c r="A442" s="1" t="s">
        <v>1759</v>
      </c>
      <c r="B442" s="1" t="s">
        <v>1760</v>
      </c>
      <c r="C442" s="1" t="s">
        <v>65</v>
      </c>
      <c r="D442" s="1" t="s">
        <v>1805</v>
      </c>
      <c r="E442" s="1" t="s">
        <v>1806</v>
      </c>
      <c r="F442" s="1" t="s">
        <v>1807</v>
      </c>
      <c r="G442" s="1" t="s">
        <v>1764</v>
      </c>
      <c r="H442" s="1" t="s">
        <v>13</v>
      </c>
      <c r="I442" s="1" t="s">
        <v>1765</v>
      </c>
      <c r="J442" s="1" t="s">
        <v>1808</v>
      </c>
    </row>
    <row r="443" spans="1:10" x14ac:dyDescent="0.35">
      <c r="A443" s="1" t="s">
        <v>1759</v>
      </c>
      <c r="B443" s="1" t="s">
        <v>1760</v>
      </c>
      <c r="C443" s="1" t="s">
        <v>70</v>
      </c>
      <c r="D443" s="1" t="s">
        <v>1809</v>
      </c>
      <c r="E443" s="1" t="s">
        <v>1810</v>
      </c>
      <c r="F443" s="1" t="s">
        <v>1811</v>
      </c>
      <c r="G443" s="1" t="s">
        <v>1764</v>
      </c>
      <c r="H443" s="1" t="s">
        <v>13</v>
      </c>
      <c r="I443" s="1" t="s">
        <v>1765</v>
      </c>
      <c r="J443" s="1" t="s">
        <v>1812</v>
      </c>
    </row>
    <row r="444" spans="1:10" x14ac:dyDescent="0.35">
      <c r="A444" s="1" t="s">
        <v>1759</v>
      </c>
      <c r="B444" s="1" t="s">
        <v>1760</v>
      </c>
      <c r="C444" s="1" t="s">
        <v>75</v>
      </c>
      <c r="D444" s="1" t="s">
        <v>1813</v>
      </c>
      <c r="E444" s="1" t="s">
        <v>1814</v>
      </c>
      <c r="F444" s="1" t="s">
        <v>1815</v>
      </c>
      <c r="G444" s="1" t="s">
        <v>1764</v>
      </c>
      <c r="H444" s="1" t="s">
        <v>13</v>
      </c>
      <c r="I444" s="1" t="s">
        <v>1765</v>
      </c>
      <c r="J444" s="1" t="s">
        <v>1816</v>
      </c>
    </row>
    <row r="445" spans="1:10" x14ac:dyDescent="0.35">
      <c r="A445" s="1" t="s">
        <v>1759</v>
      </c>
      <c r="B445" s="1" t="s">
        <v>1760</v>
      </c>
      <c r="C445" s="1" t="s">
        <v>80</v>
      </c>
      <c r="D445" s="1" t="s">
        <v>1817</v>
      </c>
      <c r="E445" s="1" t="s">
        <v>1818</v>
      </c>
      <c r="F445" s="1" t="s">
        <v>1819</v>
      </c>
      <c r="G445" s="1" t="s">
        <v>1764</v>
      </c>
      <c r="H445" s="1" t="s">
        <v>13</v>
      </c>
      <c r="I445" s="1" t="s">
        <v>1765</v>
      </c>
      <c r="J445" s="1" t="s">
        <v>1820</v>
      </c>
    </row>
    <row r="446" spans="1:10" x14ac:dyDescent="0.35">
      <c r="A446" s="1" t="s">
        <v>1759</v>
      </c>
      <c r="B446" s="1" t="s">
        <v>1760</v>
      </c>
      <c r="C446" s="1" t="s">
        <v>85</v>
      </c>
      <c r="D446" s="1" t="s">
        <v>1821</v>
      </c>
      <c r="E446" s="1" t="s">
        <v>1822</v>
      </c>
      <c r="F446" s="1" t="s">
        <v>1823</v>
      </c>
      <c r="G446" s="1" t="s">
        <v>1764</v>
      </c>
      <c r="H446" s="1" t="s">
        <v>13</v>
      </c>
      <c r="I446" s="1" t="s">
        <v>1765</v>
      </c>
      <c r="J446" s="1" t="s">
        <v>1824</v>
      </c>
    </row>
    <row r="447" spans="1:10" x14ac:dyDescent="0.35">
      <c r="A447" s="1" t="s">
        <v>1759</v>
      </c>
      <c r="B447" s="1" t="s">
        <v>1760</v>
      </c>
      <c r="C447" s="1" t="s">
        <v>90</v>
      </c>
      <c r="D447" s="1" t="s">
        <v>1825</v>
      </c>
      <c r="E447" s="1" t="s">
        <v>1826</v>
      </c>
      <c r="F447" s="1" t="s">
        <v>1827</v>
      </c>
      <c r="G447" s="1" t="s">
        <v>1764</v>
      </c>
      <c r="H447" s="1" t="s">
        <v>13</v>
      </c>
      <c r="I447" s="1" t="s">
        <v>1765</v>
      </c>
      <c r="J447" s="1" t="s">
        <v>1828</v>
      </c>
    </row>
    <row r="448" spans="1:10" x14ac:dyDescent="0.35">
      <c r="A448" s="1" t="s">
        <v>1759</v>
      </c>
      <c r="B448" s="1" t="s">
        <v>1760</v>
      </c>
      <c r="C448" s="1" t="s">
        <v>95</v>
      </c>
      <c r="D448" s="1" t="s">
        <v>1829</v>
      </c>
      <c r="E448" s="1" t="s">
        <v>1830</v>
      </c>
      <c r="F448" s="1" t="s">
        <v>1831</v>
      </c>
      <c r="G448" s="1" t="s">
        <v>1764</v>
      </c>
      <c r="H448" s="1" t="s">
        <v>13</v>
      </c>
      <c r="I448" s="1" t="s">
        <v>1765</v>
      </c>
      <c r="J448" s="1" t="s">
        <v>1832</v>
      </c>
    </row>
    <row r="449" spans="1:10" x14ac:dyDescent="0.35">
      <c r="A449" s="1" t="s">
        <v>1759</v>
      </c>
      <c r="B449" s="1" t="s">
        <v>1760</v>
      </c>
      <c r="C449" s="1" t="s">
        <v>100</v>
      </c>
      <c r="D449" s="1" t="s">
        <v>1833</v>
      </c>
      <c r="E449" s="1" t="s">
        <v>1834</v>
      </c>
      <c r="F449" s="1" t="s">
        <v>1835</v>
      </c>
      <c r="G449" s="1" t="s">
        <v>1764</v>
      </c>
      <c r="H449" s="1" t="s">
        <v>13</v>
      </c>
      <c r="I449" s="1" t="s">
        <v>1765</v>
      </c>
      <c r="J449" s="1" t="s">
        <v>1836</v>
      </c>
    </row>
    <row r="450" spans="1:10" x14ac:dyDescent="0.35">
      <c r="A450" s="1" t="s">
        <v>1759</v>
      </c>
      <c r="B450" s="1" t="s">
        <v>1760</v>
      </c>
      <c r="C450" s="1" t="s">
        <v>105</v>
      </c>
      <c r="D450" s="1" t="s">
        <v>1252</v>
      </c>
      <c r="E450" s="1" t="s">
        <v>1837</v>
      </c>
      <c r="F450" s="1" t="s">
        <v>1838</v>
      </c>
      <c r="G450" s="1" t="s">
        <v>1764</v>
      </c>
      <c r="H450" s="1" t="s">
        <v>13</v>
      </c>
      <c r="I450" s="1" t="s">
        <v>1765</v>
      </c>
      <c r="J450" s="1" t="s">
        <v>1839</v>
      </c>
    </row>
    <row r="451" spans="1:10" x14ac:dyDescent="0.35">
      <c r="A451" s="1" t="s">
        <v>1759</v>
      </c>
      <c r="B451" s="1" t="s">
        <v>1760</v>
      </c>
      <c r="C451" s="1" t="s">
        <v>110</v>
      </c>
      <c r="D451" s="1" t="s">
        <v>1840</v>
      </c>
      <c r="E451" s="1" t="s">
        <v>1841</v>
      </c>
      <c r="F451" s="1" t="s">
        <v>1842</v>
      </c>
      <c r="G451" s="1" t="s">
        <v>1764</v>
      </c>
      <c r="H451" s="1" t="s">
        <v>13</v>
      </c>
      <c r="I451" s="1" t="s">
        <v>1765</v>
      </c>
      <c r="J451" s="1" t="s">
        <v>1843</v>
      </c>
    </row>
    <row r="452" spans="1:10" x14ac:dyDescent="0.35">
      <c r="A452" s="1" t="s">
        <v>1759</v>
      </c>
      <c r="B452" s="1" t="s">
        <v>1760</v>
      </c>
      <c r="C452" s="1" t="s">
        <v>115</v>
      </c>
      <c r="D452" s="1" t="s">
        <v>1844</v>
      </c>
      <c r="E452" s="1" t="s">
        <v>1845</v>
      </c>
      <c r="F452" s="1" t="s">
        <v>1846</v>
      </c>
      <c r="G452" s="1" t="s">
        <v>1764</v>
      </c>
      <c r="H452" s="1" t="s">
        <v>13</v>
      </c>
      <c r="I452" s="1" t="s">
        <v>1765</v>
      </c>
      <c r="J452" s="1" t="s">
        <v>1847</v>
      </c>
    </row>
    <row r="453" spans="1:10" x14ac:dyDescent="0.35">
      <c r="A453" s="1" t="s">
        <v>1759</v>
      </c>
      <c r="B453" s="1" t="s">
        <v>1760</v>
      </c>
      <c r="C453" s="1" t="s">
        <v>120</v>
      </c>
      <c r="D453" s="1" t="s">
        <v>1240</v>
      </c>
      <c r="E453" s="1" t="s">
        <v>1848</v>
      </c>
      <c r="F453" s="1" t="s">
        <v>1849</v>
      </c>
      <c r="G453" s="1" t="s">
        <v>1764</v>
      </c>
      <c r="H453" s="1" t="s">
        <v>13</v>
      </c>
      <c r="I453" s="1" t="s">
        <v>1765</v>
      </c>
      <c r="J453" s="1" t="s">
        <v>1850</v>
      </c>
    </row>
    <row r="454" spans="1:10" x14ac:dyDescent="0.35">
      <c r="A454" s="1" t="s">
        <v>1759</v>
      </c>
      <c r="B454" s="1" t="s">
        <v>1760</v>
      </c>
      <c r="C454" s="1" t="s">
        <v>125</v>
      </c>
      <c r="D454" s="1" t="s">
        <v>1340</v>
      </c>
      <c r="E454" s="1" t="s">
        <v>1851</v>
      </c>
      <c r="F454" s="1" t="s">
        <v>1852</v>
      </c>
      <c r="G454" s="1" t="s">
        <v>1764</v>
      </c>
      <c r="H454" s="1" t="s">
        <v>13</v>
      </c>
      <c r="I454" s="1" t="s">
        <v>1765</v>
      </c>
      <c r="J454" s="1" t="s">
        <v>1853</v>
      </c>
    </row>
    <row r="455" spans="1:10" x14ac:dyDescent="0.35">
      <c r="A455" s="1" t="s">
        <v>1759</v>
      </c>
      <c r="B455" s="1" t="s">
        <v>1760</v>
      </c>
      <c r="C455" s="1" t="s">
        <v>130</v>
      </c>
      <c r="D455" s="1" t="s">
        <v>1854</v>
      </c>
      <c r="E455" s="1" t="s">
        <v>1855</v>
      </c>
      <c r="F455" s="1" t="s">
        <v>1856</v>
      </c>
      <c r="G455" s="1" t="s">
        <v>1764</v>
      </c>
      <c r="H455" s="1" t="s">
        <v>13</v>
      </c>
      <c r="I455" s="1" t="s">
        <v>1765</v>
      </c>
      <c r="J455" s="1" t="s">
        <v>1857</v>
      </c>
    </row>
    <row r="456" spans="1:10" x14ac:dyDescent="0.35">
      <c r="A456" s="1" t="s">
        <v>1759</v>
      </c>
      <c r="B456" s="1" t="s">
        <v>1760</v>
      </c>
      <c r="C456" s="1" t="s">
        <v>135</v>
      </c>
      <c r="D456" s="1" t="s">
        <v>1858</v>
      </c>
      <c r="E456" s="1" t="s">
        <v>1859</v>
      </c>
      <c r="F456" s="1" t="s">
        <v>1860</v>
      </c>
      <c r="G456" s="1" t="s">
        <v>1764</v>
      </c>
      <c r="H456" s="1" t="s">
        <v>13</v>
      </c>
      <c r="I456" s="1" t="s">
        <v>1765</v>
      </c>
      <c r="J456" s="1" t="s">
        <v>1861</v>
      </c>
    </row>
    <row r="457" spans="1:10" x14ac:dyDescent="0.35">
      <c r="A457" s="1" t="s">
        <v>1759</v>
      </c>
      <c r="B457" s="1" t="s">
        <v>1760</v>
      </c>
      <c r="C457" s="1" t="s">
        <v>140</v>
      </c>
      <c r="D457" s="1" t="s">
        <v>1862</v>
      </c>
      <c r="E457" s="1" t="s">
        <v>1863</v>
      </c>
      <c r="F457" s="1" t="s">
        <v>1864</v>
      </c>
      <c r="G457" s="1" t="s">
        <v>1764</v>
      </c>
      <c r="H457" s="1" t="s">
        <v>13</v>
      </c>
      <c r="I457" s="1" t="s">
        <v>1765</v>
      </c>
      <c r="J457" s="1" t="s">
        <v>1865</v>
      </c>
    </row>
    <row r="458" spans="1:10" x14ac:dyDescent="0.35">
      <c r="A458" s="1" t="s">
        <v>1759</v>
      </c>
      <c r="B458" s="1" t="s">
        <v>1760</v>
      </c>
      <c r="C458" s="1" t="s">
        <v>145</v>
      </c>
      <c r="D458" s="1" t="s">
        <v>1866</v>
      </c>
      <c r="E458" s="1" t="s">
        <v>1867</v>
      </c>
      <c r="F458" s="1" t="s">
        <v>1868</v>
      </c>
      <c r="G458" s="1" t="s">
        <v>1764</v>
      </c>
      <c r="H458" s="1" t="s">
        <v>13</v>
      </c>
      <c r="I458" s="1" t="s">
        <v>1765</v>
      </c>
      <c r="J458" s="1" t="s">
        <v>1869</v>
      </c>
    </row>
    <row r="459" spans="1:10" x14ac:dyDescent="0.35">
      <c r="A459" s="1" t="s">
        <v>1759</v>
      </c>
      <c r="B459" s="1" t="s">
        <v>1760</v>
      </c>
      <c r="C459" s="1" t="s">
        <v>150</v>
      </c>
      <c r="D459" s="1" t="s">
        <v>1870</v>
      </c>
      <c r="E459" s="1" t="s">
        <v>1871</v>
      </c>
      <c r="F459" s="1" t="s">
        <v>1872</v>
      </c>
      <c r="G459" s="1" t="s">
        <v>1764</v>
      </c>
      <c r="H459" s="1" t="s">
        <v>13</v>
      </c>
      <c r="I459" s="1" t="s">
        <v>1765</v>
      </c>
      <c r="J459" s="1" t="s">
        <v>1873</v>
      </c>
    </row>
    <row r="460" spans="1:10" x14ac:dyDescent="0.35">
      <c r="A460" s="1" t="s">
        <v>1759</v>
      </c>
      <c r="B460" s="1" t="s">
        <v>1760</v>
      </c>
      <c r="C460" s="1" t="s">
        <v>155</v>
      </c>
      <c r="D460" s="1" t="s">
        <v>1272</v>
      </c>
      <c r="E460" s="1" t="s">
        <v>1874</v>
      </c>
      <c r="F460" s="1" t="s">
        <v>1875</v>
      </c>
      <c r="G460" s="1" t="s">
        <v>1764</v>
      </c>
      <c r="H460" s="1" t="s">
        <v>13</v>
      </c>
      <c r="I460" s="1" t="s">
        <v>1765</v>
      </c>
      <c r="J460" s="1" t="s">
        <v>1876</v>
      </c>
    </row>
    <row r="461" spans="1:10" x14ac:dyDescent="0.35">
      <c r="A461" s="1" t="s">
        <v>1759</v>
      </c>
      <c r="B461" s="1" t="s">
        <v>1760</v>
      </c>
      <c r="C461" s="1" t="s">
        <v>160</v>
      </c>
      <c r="D461" s="1" t="s">
        <v>1877</v>
      </c>
      <c r="E461" s="1" t="s">
        <v>1878</v>
      </c>
      <c r="F461" s="1" t="s">
        <v>1879</v>
      </c>
      <c r="G461" s="1" t="s">
        <v>1764</v>
      </c>
      <c r="H461" s="1" t="s">
        <v>13</v>
      </c>
      <c r="I461" s="1" t="s">
        <v>1765</v>
      </c>
      <c r="J461" s="1" t="s">
        <v>1880</v>
      </c>
    </row>
    <row r="462" spans="1:10" x14ac:dyDescent="0.35">
      <c r="A462" s="1" t="s">
        <v>1759</v>
      </c>
      <c r="B462" s="1" t="s">
        <v>1760</v>
      </c>
      <c r="C462" s="1" t="s">
        <v>165</v>
      </c>
      <c r="D462" s="1" t="s">
        <v>1881</v>
      </c>
      <c r="E462" s="1" t="s">
        <v>1882</v>
      </c>
      <c r="F462" s="1" t="s">
        <v>1883</v>
      </c>
      <c r="G462" s="1" t="s">
        <v>1764</v>
      </c>
      <c r="H462" s="1" t="s">
        <v>13</v>
      </c>
      <c r="I462" s="1" t="s">
        <v>1765</v>
      </c>
      <c r="J462" s="1" t="s">
        <v>1884</v>
      </c>
    </row>
    <row r="463" spans="1:10" x14ac:dyDescent="0.35">
      <c r="A463" s="1" t="s">
        <v>1759</v>
      </c>
      <c r="B463" s="1" t="s">
        <v>1760</v>
      </c>
      <c r="C463" s="1" t="s">
        <v>170</v>
      </c>
      <c r="D463" s="1" t="s">
        <v>1885</v>
      </c>
      <c r="E463" s="1" t="s">
        <v>1886</v>
      </c>
      <c r="F463" s="1" t="s">
        <v>1887</v>
      </c>
      <c r="G463" s="1" t="s">
        <v>1764</v>
      </c>
      <c r="H463" s="1" t="s">
        <v>13</v>
      </c>
      <c r="I463" s="1" t="s">
        <v>1765</v>
      </c>
      <c r="J463" s="1" t="s">
        <v>1888</v>
      </c>
    </row>
    <row r="464" spans="1:10" x14ac:dyDescent="0.35">
      <c r="A464" s="1" t="s">
        <v>1889</v>
      </c>
      <c r="B464" s="1" t="s">
        <v>1890</v>
      </c>
      <c r="C464" s="1" t="s">
        <v>8</v>
      </c>
      <c r="D464" s="1" t="s">
        <v>1891</v>
      </c>
      <c r="E464" s="1" t="s">
        <v>1892</v>
      </c>
      <c r="F464" s="1" t="s">
        <v>1893</v>
      </c>
      <c r="G464" s="1" t="s">
        <v>1894</v>
      </c>
      <c r="H464" s="1" t="s">
        <v>13</v>
      </c>
      <c r="I464" s="1" t="s">
        <v>1895</v>
      </c>
      <c r="J464" s="1" t="s">
        <v>13</v>
      </c>
    </row>
    <row r="465" spans="1:10" x14ac:dyDescent="0.35">
      <c r="A465" s="1" t="s">
        <v>1889</v>
      </c>
      <c r="B465" s="1" t="s">
        <v>1890</v>
      </c>
      <c r="C465" s="1" t="s">
        <v>15</v>
      </c>
      <c r="D465" s="1" t="s">
        <v>1896</v>
      </c>
      <c r="E465" s="1" t="s">
        <v>1897</v>
      </c>
      <c r="F465" s="1" t="s">
        <v>1898</v>
      </c>
      <c r="G465" s="1" t="s">
        <v>1894</v>
      </c>
      <c r="H465" s="1" t="s">
        <v>13</v>
      </c>
      <c r="I465" s="1" t="s">
        <v>1895</v>
      </c>
      <c r="J465" s="1" t="s">
        <v>1899</v>
      </c>
    </row>
    <row r="466" spans="1:10" x14ac:dyDescent="0.35">
      <c r="A466" s="1" t="s">
        <v>1889</v>
      </c>
      <c r="B466" s="1" t="s">
        <v>1890</v>
      </c>
      <c r="C466" s="1" t="s">
        <v>20</v>
      </c>
      <c r="D466" s="1" t="s">
        <v>1900</v>
      </c>
      <c r="E466" s="1" t="s">
        <v>1901</v>
      </c>
      <c r="F466" s="1" t="s">
        <v>1902</v>
      </c>
      <c r="G466" s="1" t="s">
        <v>1894</v>
      </c>
      <c r="H466" s="1" t="s">
        <v>13</v>
      </c>
      <c r="I466" s="1" t="s">
        <v>1895</v>
      </c>
      <c r="J466" s="1" t="s">
        <v>1903</v>
      </c>
    </row>
    <row r="467" spans="1:10" x14ac:dyDescent="0.35">
      <c r="A467" s="1" t="s">
        <v>1889</v>
      </c>
      <c r="B467" s="1" t="s">
        <v>1890</v>
      </c>
      <c r="C467" s="1" t="s">
        <v>25</v>
      </c>
      <c r="D467" s="1" t="s">
        <v>1904</v>
      </c>
      <c r="E467" s="1" t="s">
        <v>1905</v>
      </c>
      <c r="F467" s="1" t="s">
        <v>1906</v>
      </c>
      <c r="G467" s="1" t="s">
        <v>1894</v>
      </c>
      <c r="H467" s="1" t="s">
        <v>13</v>
      </c>
      <c r="I467" s="1" t="s">
        <v>1895</v>
      </c>
      <c r="J467" s="1" t="s">
        <v>1907</v>
      </c>
    </row>
    <row r="468" spans="1:10" x14ac:dyDescent="0.35">
      <c r="A468" s="1" t="s">
        <v>1889</v>
      </c>
      <c r="B468" s="1" t="s">
        <v>1890</v>
      </c>
      <c r="C468" s="1" t="s">
        <v>30</v>
      </c>
      <c r="D468" s="1" t="s">
        <v>1908</v>
      </c>
      <c r="E468" s="1" t="s">
        <v>1909</v>
      </c>
      <c r="F468" s="1" t="s">
        <v>1910</v>
      </c>
      <c r="G468" s="1" t="s">
        <v>1894</v>
      </c>
      <c r="H468" s="1" t="s">
        <v>13</v>
      </c>
      <c r="I468" s="1" t="s">
        <v>1895</v>
      </c>
      <c r="J468" s="1" t="s">
        <v>1911</v>
      </c>
    </row>
    <row r="469" spans="1:10" x14ac:dyDescent="0.35">
      <c r="A469" s="1" t="s">
        <v>1889</v>
      </c>
      <c r="B469" s="1" t="s">
        <v>1890</v>
      </c>
      <c r="C469" s="1" t="s">
        <v>35</v>
      </c>
      <c r="D469" s="1" t="s">
        <v>1912</v>
      </c>
      <c r="E469" s="1" t="s">
        <v>1913</v>
      </c>
      <c r="F469" s="1" t="s">
        <v>1914</v>
      </c>
      <c r="G469" s="1" t="s">
        <v>1894</v>
      </c>
      <c r="H469" s="1" t="s">
        <v>13</v>
      </c>
      <c r="I469" s="1" t="s">
        <v>1895</v>
      </c>
      <c r="J469" s="1" t="s">
        <v>1915</v>
      </c>
    </row>
    <row r="470" spans="1:10" x14ac:dyDescent="0.35">
      <c r="A470" s="1" t="s">
        <v>1889</v>
      </c>
      <c r="B470" s="1" t="s">
        <v>1890</v>
      </c>
      <c r="C470" s="1" t="s">
        <v>40</v>
      </c>
      <c r="D470" s="1" t="s">
        <v>1916</v>
      </c>
      <c r="E470" s="1" t="s">
        <v>1917</v>
      </c>
      <c r="F470" s="1" t="s">
        <v>1918</v>
      </c>
      <c r="G470" s="1" t="s">
        <v>1894</v>
      </c>
      <c r="H470" s="1" t="s">
        <v>13</v>
      </c>
      <c r="I470" s="1" t="s">
        <v>1895</v>
      </c>
      <c r="J470" s="1" t="s">
        <v>1919</v>
      </c>
    </row>
    <row r="471" spans="1:10" x14ac:dyDescent="0.35">
      <c r="A471" s="1" t="s">
        <v>1889</v>
      </c>
      <c r="B471" s="1" t="s">
        <v>1890</v>
      </c>
      <c r="C471" s="1" t="s">
        <v>45</v>
      </c>
      <c r="D471" s="1" t="s">
        <v>1256</v>
      </c>
      <c r="E471" s="1" t="s">
        <v>1920</v>
      </c>
      <c r="F471" s="1" t="s">
        <v>1921</v>
      </c>
      <c r="G471" s="1" t="s">
        <v>1894</v>
      </c>
      <c r="H471" s="1" t="s">
        <v>13</v>
      </c>
      <c r="I471" s="1" t="s">
        <v>1895</v>
      </c>
      <c r="J471" s="1" t="s">
        <v>1922</v>
      </c>
    </row>
    <row r="472" spans="1:10" x14ac:dyDescent="0.35">
      <c r="A472" s="1" t="s">
        <v>1889</v>
      </c>
      <c r="B472" s="1" t="s">
        <v>1890</v>
      </c>
      <c r="C472" s="1" t="s">
        <v>50</v>
      </c>
      <c r="D472" s="1" t="s">
        <v>1908</v>
      </c>
      <c r="E472" s="1" t="s">
        <v>1923</v>
      </c>
      <c r="F472" s="1" t="s">
        <v>1924</v>
      </c>
      <c r="G472" s="1" t="s">
        <v>1894</v>
      </c>
      <c r="H472" s="1" t="s">
        <v>13</v>
      </c>
      <c r="I472" s="1" t="s">
        <v>1895</v>
      </c>
      <c r="J472" s="1" t="s">
        <v>1925</v>
      </c>
    </row>
    <row r="473" spans="1:10" x14ac:dyDescent="0.35">
      <c r="A473" s="1" t="s">
        <v>1889</v>
      </c>
      <c r="B473" s="1" t="s">
        <v>1890</v>
      </c>
      <c r="C473" s="1" t="s">
        <v>55</v>
      </c>
      <c r="D473" s="1" t="s">
        <v>1926</v>
      </c>
      <c r="E473" s="1" t="s">
        <v>1927</v>
      </c>
      <c r="F473" s="1" t="s">
        <v>1928</v>
      </c>
      <c r="G473" s="1" t="s">
        <v>1894</v>
      </c>
      <c r="H473" s="1" t="s">
        <v>13</v>
      </c>
      <c r="I473" s="1" t="s">
        <v>1895</v>
      </c>
      <c r="J473" s="1" t="s">
        <v>1929</v>
      </c>
    </row>
    <row r="474" spans="1:10" x14ac:dyDescent="0.35">
      <c r="A474" s="1" t="s">
        <v>1889</v>
      </c>
      <c r="B474" s="1" t="s">
        <v>1890</v>
      </c>
      <c r="C474" s="1" t="s">
        <v>60</v>
      </c>
      <c r="D474" s="1" t="s">
        <v>1930</v>
      </c>
      <c r="E474" s="1" t="s">
        <v>1931</v>
      </c>
      <c r="F474" s="1" t="s">
        <v>1932</v>
      </c>
      <c r="G474" s="1" t="s">
        <v>1894</v>
      </c>
      <c r="H474" s="1" t="s">
        <v>13</v>
      </c>
      <c r="I474" s="1" t="s">
        <v>1895</v>
      </c>
      <c r="J474" s="1" t="s">
        <v>1933</v>
      </c>
    </row>
    <row r="475" spans="1:10" x14ac:dyDescent="0.35">
      <c r="A475" s="1" t="s">
        <v>1889</v>
      </c>
      <c r="B475" s="1" t="s">
        <v>1890</v>
      </c>
      <c r="C475" s="1" t="s">
        <v>65</v>
      </c>
      <c r="D475" s="1" t="s">
        <v>1934</v>
      </c>
      <c r="E475" s="1" t="s">
        <v>1935</v>
      </c>
      <c r="F475" s="1" t="s">
        <v>1936</v>
      </c>
      <c r="G475" s="1" t="s">
        <v>1894</v>
      </c>
      <c r="H475" s="1" t="s">
        <v>13</v>
      </c>
      <c r="I475" s="1" t="s">
        <v>1895</v>
      </c>
      <c r="J475" s="1" t="s">
        <v>1937</v>
      </c>
    </row>
    <row r="476" spans="1:10" x14ac:dyDescent="0.35">
      <c r="A476" s="1" t="s">
        <v>1889</v>
      </c>
      <c r="B476" s="1" t="s">
        <v>1890</v>
      </c>
      <c r="C476" s="1" t="s">
        <v>70</v>
      </c>
      <c r="D476" s="1" t="s">
        <v>1938</v>
      </c>
      <c r="E476" s="1" t="s">
        <v>1939</v>
      </c>
      <c r="F476" s="1" t="s">
        <v>1940</v>
      </c>
      <c r="G476" s="1" t="s">
        <v>1894</v>
      </c>
      <c r="H476" s="1" t="s">
        <v>13</v>
      </c>
      <c r="I476" s="1" t="s">
        <v>1895</v>
      </c>
      <c r="J476" s="1" t="s">
        <v>1941</v>
      </c>
    </row>
    <row r="477" spans="1:10" x14ac:dyDescent="0.35">
      <c r="A477" s="1" t="s">
        <v>1889</v>
      </c>
      <c r="B477" s="1" t="s">
        <v>1890</v>
      </c>
      <c r="C477" s="1" t="s">
        <v>75</v>
      </c>
      <c r="D477" s="1" t="s">
        <v>1942</v>
      </c>
      <c r="E477" s="1" t="s">
        <v>1943</v>
      </c>
      <c r="F477" s="1" t="s">
        <v>1944</v>
      </c>
      <c r="G477" s="1" t="s">
        <v>1894</v>
      </c>
      <c r="H477" s="1" t="s">
        <v>13</v>
      </c>
      <c r="I477" s="1" t="s">
        <v>1895</v>
      </c>
      <c r="J477" s="1" t="s">
        <v>1945</v>
      </c>
    </row>
    <row r="478" spans="1:10" x14ac:dyDescent="0.35">
      <c r="A478" s="1" t="s">
        <v>1889</v>
      </c>
      <c r="B478" s="1" t="s">
        <v>1890</v>
      </c>
      <c r="C478" s="1" t="s">
        <v>80</v>
      </c>
      <c r="D478" s="1" t="s">
        <v>1946</v>
      </c>
      <c r="E478" s="1" t="s">
        <v>1947</v>
      </c>
      <c r="F478" s="1" t="s">
        <v>1948</v>
      </c>
      <c r="G478" s="1" t="s">
        <v>1894</v>
      </c>
      <c r="H478" s="1" t="s">
        <v>13</v>
      </c>
      <c r="I478" s="1" t="s">
        <v>1895</v>
      </c>
      <c r="J478" s="1" t="s">
        <v>1949</v>
      </c>
    </row>
    <row r="479" spans="1:10" x14ac:dyDescent="0.35">
      <c r="A479" s="1" t="s">
        <v>1889</v>
      </c>
      <c r="B479" s="1" t="s">
        <v>1890</v>
      </c>
      <c r="C479" s="1" t="s">
        <v>85</v>
      </c>
      <c r="D479" s="1" t="s">
        <v>1950</v>
      </c>
      <c r="E479" s="1" t="s">
        <v>1951</v>
      </c>
      <c r="F479" s="1" t="s">
        <v>1952</v>
      </c>
      <c r="G479" s="1" t="s">
        <v>1894</v>
      </c>
      <c r="H479" s="1" t="s">
        <v>13</v>
      </c>
      <c r="I479" s="1" t="s">
        <v>1895</v>
      </c>
      <c r="J479" s="1" t="s">
        <v>1953</v>
      </c>
    </row>
    <row r="480" spans="1:10" x14ac:dyDescent="0.35">
      <c r="A480" s="1" t="s">
        <v>1889</v>
      </c>
      <c r="B480" s="1" t="s">
        <v>1890</v>
      </c>
      <c r="C480" s="1" t="s">
        <v>90</v>
      </c>
      <c r="D480" s="1" t="s">
        <v>1954</v>
      </c>
      <c r="E480" s="1" t="s">
        <v>1955</v>
      </c>
      <c r="F480" s="1" t="s">
        <v>1956</v>
      </c>
      <c r="G480" s="1" t="s">
        <v>1894</v>
      </c>
      <c r="H480" s="1" t="s">
        <v>13</v>
      </c>
      <c r="I480" s="1" t="s">
        <v>1895</v>
      </c>
      <c r="J480" s="1" t="s">
        <v>1957</v>
      </c>
    </row>
    <row r="481" spans="1:10" x14ac:dyDescent="0.35">
      <c r="A481" s="1" t="s">
        <v>1889</v>
      </c>
      <c r="B481" s="1" t="s">
        <v>1890</v>
      </c>
      <c r="C481" s="1" t="s">
        <v>95</v>
      </c>
      <c r="D481" s="1" t="s">
        <v>1958</v>
      </c>
      <c r="E481" s="1" t="s">
        <v>1959</v>
      </c>
      <c r="F481" s="1" t="s">
        <v>1960</v>
      </c>
      <c r="G481" s="1" t="s">
        <v>1894</v>
      </c>
      <c r="H481" s="1" t="s">
        <v>13</v>
      </c>
      <c r="I481" s="1" t="s">
        <v>1895</v>
      </c>
      <c r="J481" s="1" t="s">
        <v>1961</v>
      </c>
    </row>
    <row r="482" spans="1:10" x14ac:dyDescent="0.35">
      <c r="A482" s="1" t="s">
        <v>1889</v>
      </c>
      <c r="B482" s="1" t="s">
        <v>1890</v>
      </c>
      <c r="C482" s="1" t="s">
        <v>100</v>
      </c>
      <c r="D482" s="1" t="s">
        <v>1962</v>
      </c>
      <c r="E482" s="1" t="s">
        <v>1963</v>
      </c>
      <c r="F482" s="1" t="s">
        <v>1964</v>
      </c>
      <c r="G482" s="1" t="s">
        <v>1894</v>
      </c>
      <c r="H482" s="1" t="s">
        <v>13</v>
      </c>
      <c r="I482" s="1" t="s">
        <v>1895</v>
      </c>
      <c r="J482" s="1" t="s">
        <v>1965</v>
      </c>
    </row>
    <row r="483" spans="1:10" x14ac:dyDescent="0.35">
      <c r="A483" s="1" t="s">
        <v>1889</v>
      </c>
      <c r="B483" s="1" t="s">
        <v>1890</v>
      </c>
      <c r="C483" s="1" t="s">
        <v>105</v>
      </c>
      <c r="D483" s="1" t="s">
        <v>1954</v>
      </c>
      <c r="E483" s="1" t="s">
        <v>1966</v>
      </c>
      <c r="F483" s="1" t="s">
        <v>1967</v>
      </c>
      <c r="G483" s="1" t="s">
        <v>1894</v>
      </c>
      <c r="H483" s="1" t="s">
        <v>13</v>
      </c>
      <c r="I483" s="1" t="s">
        <v>1895</v>
      </c>
      <c r="J483" s="1" t="s">
        <v>1968</v>
      </c>
    </row>
    <row r="484" spans="1:10" x14ac:dyDescent="0.35">
      <c r="A484" s="1" t="s">
        <v>1889</v>
      </c>
      <c r="B484" s="1" t="s">
        <v>1890</v>
      </c>
      <c r="C484" s="1" t="s">
        <v>110</v>
      </c>
      <c r="D484" s="1" t="s">
        <v>1969</v>
      </c>
      <c r="E484" s="1" t="s">
        <v>1970</v>
      </c>
      <c r="F484" s="1" t="s">
        <v>1971</v>
      </c>
      <c r="G484" s="1" t="s">
        <v>1894</v>
      </c>
      <c r="H484" s="1" t="s">
        <v>13</v>
      </c>
      <c r="I484" s="1" t="s">
        <v>1895</v>
      </c>
      <c r="J484" s="1" t="s">
        <v>1972</v>
      </c>
    </row>
    <row r="485" spans="1:10" x14ac:dyDescent="0.35">
      <c r="A485" s="1" t="s">
        <v>1889</v>
      </c>
      <c r="B485" s="1" t="s">
        <v>1890</v>
      </c>
      <c r="C485" s="1" t="s">
        <v>115</v>
      </c>
      <c r="D485" s="1" t="s">
        <v>1973</v>
      </c>
      <c r="E485" s="1" t="s">
        <v>1974</v>
      </c>
      <c r="F485" s="1" t="s">
        <v>1975</v>
      </c>
      <c r="G485" s="1" t="s">
        <v>1894</v>
      </c>
      <c r="H485" s="1" t="s">
        <v>13</v>
      </c>
      <c r="I485" s="1" t="s">
        <v>1895</v>
      </c>
      <c r="J485" s="1" t="s">
        <v>1976</v>
      </c>
    </row>
    <row r="486" spans="1:10" x14ac:dyDescent="0.35">
      <c r="A486" s="1" t="s">
        <v>1889</v>
      </c>
      <c r="B486" s="1" t="s">
        <v>1890</v>
      </c>
      <c r="C486" s="1" t="s">
        <v>120</v>
      </c>
      <c r="D486" s="1" t="s">
        <v>1977</v>
      </c>
      <c r="E486" s="1" t="s">
        <v>1978</v>
      </c>
      <c r="F486" s="1" t="s">
        <v>1979</v>
      </c>
      <c r="G486" s="1" t="s">
        <v>1894</v>
      </c>
      <c r="H486" s="1" t="s">
        <v>13</v>
      </c>
      <c r="I486" s="1" t="s">
        <v>1895</v>
      </c>
      <c r="J486" s="1" t="s">
        <v>1980</v>
      </c>
    </row>
    <row r="487" spans="1:10" x14ac:dyDescent="0.35">
      <c r="A487" s="1" t="s">
        <v>1889</v>
      </c>
      <c r="B487" s="1" t="s">
        <v>1890</v>
      </c>
      <c r="C487" s="1" t="s">
        <v>125</v>
      </c>
      <c r="D487" s="1" t="s">
        <v>1981</v>
      </c>
      <c r="E487" s="1" t="s">
        <v>1982</v>
      </c>
      <c r="F487" s="1" t="s">
        <v>1983</v>
      </c>
      <c r="G487" s="1" t="s">
        <v>1894</v>
      </c>
      <c r="H487" s="1" t="s">
        <v>13</v>
      </c>
      <c r="I487" s="1" t="s">
        <v>1895</v>
      </c>
      <c r="J487" s="1" t="s">
        <v>1984</v>
      </c>
    </row>
    <row r="488" spans="1:10" x14ac:dyDescent="0.35">
      <c r="A488" s="1" t="s">
        <v>1889</v>
      </c>
      <c r="B488" s="1" t="s">
        <v>1890</v>
      </c>
      <c r="C488" s="1" t="s">
        <v>130</v>
      </c>
      <c r="D488" s="1" t="s">
        <v>1985</v>
      </c>
      <c r="E488" s="1" t="s">
        <v>1986</v>
      </c>
      <c r="F488" s="1" t="s">
        <v>1987</v>
      </c>
      <c r="G488" s="1" t="s">
        <v>1894</v>
      </c>
      <c r="H488" s="1" t="s">
        <v>13</v>
      </c>
      <c r="I488" s="1" t="s">
        <v>1895</v>
      </c>
      <c r="J488" s="1" t="s">
        <v>1988</v>
      </c>
    </row>
    <row r="489" spans="1:10" x14ac:dyDescent="0.35">
      <c r="A489" s="1" t="s">
        <v>1889</v>
      </c>
      <c r="B489" s="1" t="s">
        <v>1890</v>
      </c>
      <c r="C489" s="1" t="s">
        <v>135</v>
      </c>
      <c r="D489" s="1" t="s">
        <v>1989</v>
      </c>
      <c r="E489" s="1" t="s">
        <v>1990</v>
      </c>
      <c r="F489" s="1" t="s">
        <v>1991</v>
      </c>
      <c r="G489" s="1" t="s">
        <v>1894</v>
      </c>
      <c r="H489" s="1" t="s">
        <v>13</v>
      </c>
      <c r="I489" s="1" t="s">
        <v>1895</v>
      </c>
      <c r="J489" s="1" t="s">
        <v>1992</v>
      </c>
    </row>
    <row r="490" spans="1:10" x14ac:dyDescent="0.35">
      <c r="A490" s="1" t="s">
        <v>1889</v>
      </c>
      <c r="B490" s="1" t="s">
        <v>1890</v>
      </c>
      <c r="C490" s="1" t="s">
        <v>140</v>
      </c>
      <c r="D490" s="1" t="s">
        <v>1973</v>
      </c>
      <c r="E490" s="1" t="s">
        <v>1993</v>
      </c>
      <c r="F490" s="1" t="s">
        <v>1994</v>
      </c>
      <c r="G490" s="1" t="s">
        <v>1894</v>
      </c>
      <c r="H490" s="1" t="s">
        <v>13</v>
      </c>
      <c r="I490" s="1" t="s">
        <v>1895</v>
      </c>
      <c r="J490" s="1" t="s">
        <v>1995</v>
      </c>
    </row>
    <row r="491" spans="1:10" x14ac:dyDescent="0.35">
      <c r="A491" s="1" t="s">
        <v>1889</v>
      </c>
      <c r="B491" s="1" t="s">
        <v>1890</v>
      </c>
      <c r="C491" s="1" t="s">
        <v>145</v>
      </c>
      <c r="D491" s="1" t="s">
        <v>1996</v>
      </c>
      <c r="E491" s="1" t="s">
        <v>1997</v>
      </c>
      <c r="F491" s="1" t="s">
        <v>1998</v>
      </c>
      <c r="G491" s="1" t="s">
        <v>1894</v>
      </c>
      <c r="H491" s="1" t="s">
        <v>13</v>
      </c>
      <c r="I491" s="1" t="s">
        <v>1895</v>
      </c>
      <c r="J491" s="1" t="s">
        <v>1999</v>
      </c>
    </row>
    <row r="492" spans="1:10" x14ac:dyDescent="0.35">
      <c r="A492" s="1" t="s">
        <v>1889</v>
      </c>
      <c r="B492" s="1" t="s">
        <v>1890</v>
      </c>
      <c r="C492" s="1" t="s">
        <v>150</v>
      </c>
      <c r="D492" s="1" t="s">
        <v>2000</v>
      </c>
      <c r="E492" s="1" t="s">
        <v>2001</v>
      </c>
      <c r="F492" s="1" t="s">
        <v>2002</v>
      </c>
      <c r="G492" s="1" t="s">
        <v>1894</v>
      </c>
      <c r="H492" s="1" t="s">
        <v>13</v>
      </c>
      <c r="I492" s="1" t="s">
        <v>1895</v>
      </c>
      <c r="J492" s="1" t="s">
        <v>2003</v>
      </c>
    </row>
    <row r="493" spans="1:10" x14ac:dyDescent="0.35">
      <c r="A493" s="1" t="s">
        <v>1889</v>
      </c>
      <c r="B493" s="1" t="s">
        <v>1890</v>
      </c>
      <c r="C493" s="1" t="s">
        <v>155</v>
      </c>
      <c r="D493" s="1" t="s">
        <v>2004</v>
      </c>
      <c r="E493" s="1" t="s">
        <v>2005</v>
      </c>
      <c r="F493" s="1" t="s">
        <v>2006</v>
      </c>
      <c r="G493" s="1" t="s">
        <v>1894</v>
      </c>
      <c r="H493" s="1" t="s">
        <v>13</v>
      </c>
      <c r="I493" s="1" t="s">
        <v>1895</v>
      </c>
      <c r="J493" s="1" t="s">
        <v>2007</v>
      </c>
    </row>
    <row r="494" spans="1:10" x14ac:dyDescent="0.35">
      <c r="A494" s="1" t="s">
        <v>1889</v>
      </c>
      <c r="B494" s="1" t="s">
        <v>1890</v>
      </c>
      <c r="C494" s="1" t="s">
        <v>160</v>
      </c>
      <c r="D494" s="1" t="s">
        <v>2008</v>
      </c>
      <c r="E494" s="1" t="s">
        <v>2009</v>
      </c>
      <c r="F494" s="1" t="s">
        <v>2010</v>
      </c>
      <c r="G494" s="1" t="s">
        <v>1894</v>
      </c>
      <c r="H494" s="1" t="s">
        <v>13</v>
      </c>
      <c r="I494" s="1" t="s">
        <v>1895</v>
      </c>
      <c r="J494" s="1" t="s">
        <v>2011</v>
      </c>
    </row>
    <row r="495" spans="1:10" x14ac:dyDescent="0.35">
      <c r="A495" s="1" t="s">
        <v>1889</v>
      </c>
      <c r="B495" s="1" t="s">
        <v>1890</v>
      </c>
      <c r="C495" s="1" t="s">
        <v>165</v>
      </c>
      <c r="D495" s="1" t="s">
        <v>2012</v>
      </c>
      <c r="E495" s="1" t="s">
        <v>2013</v>
      </c>
      <c r="F495" s="1" t="s">
        <v>2014</v>
      </c>
      <c r="G495" s="1" t="s">
        <v>1894</v>
      </c>
      <c r="H495" s="1" t="s">
        <v>13</v>
      </c>
      <c r="I495" s="1" t="s">
        <v>1895</v>
      </c>
      <c r="J495" s="1" t="s">
        <v>2015</v>
      </c>
    </row>
    <row r="496" spans="1:10" x14ac:dyDescent="0.35">
      <c r="A496" s="1" t="s">
        <v>1889</v>
      </c>
      <c r="B496" s="1" t="s">
        <v>1890</v>
      </c>
      <c r="C496" s="1" t="s">
        <v>170</v>
      </c>
      <c r="D496" s="1" t="s">
        <v>2016</v>
      </c>
      <c r="E496" s="1" t="s">
        <v>2017</v>
      </c>
      <c r="F496" s="1" t="s">
        <v>2018</v>
      </c>
      <c r="G496" s="1" t="s">
        <v>1894</v>
      </c>
      <c r="H496" s="1" t="s">
        <v>13</v>
      </c>
      <c r="I496" s="1" t="s">
        <v>1895</v>
      </c>
      <c r="J496" s="1" t="s">
        <v>2019</v>
      </c>
    </row>
    <row r="497" spans="1:10" x14ac:dyDescent="0.35">
      <c r="A497" s="1" t="s">
        <v>2020</v>
      </c>
      <c r="B497" s="1" t="s">
        <v>2021</v>
      </c>
      <c r="C497" s="1" t="s">
        <v>8</v>
      </c>
      <c r="D497" s="1" t="s">
        <v>2022</v>
      </c>
      <c r="E497" s="1" t="s">
        <v>2023</v>
      </c>
      <c r="F497" s="1" t="s">
        <v>2024</v>
      </c>
      <c r="G497" s="1" t="s">
        <v>2025</v>
      </c>
      <c r="H497" s="1" t="s">
        <v>13</v>
      </c>
      <c r="I497" s="1" t="s">
        <v>2026</v>
      </c>
      <c r="J497" s="1" t="s">
        <v>13</v>
      </c>
    </row>
    <row r="498" spans="1:10" x14ac:dyDescent="0.35">
      <c r="A498" s="1" t="s">
        <v>2020</v>
      </c>
      <c r="B498" s="1" t="s">
        <v>2021</v>
      </c>
      <c r="C498" s="1" t="s">
        <v>15</v>
      </c>
      <c r="D498" s="1" t="s">
        <v>2027</v>
      </c>
      <c r="E498" s="1" t="s">
        <v>2028</v>
      </c>
      <c r="F498" s="1" t="s">
        <v>2029</v>
      </c>
      <c r="G498" s="1" t="s">
        <v>2025</v>
      </c>
      <c r="H498" s="1" t="s">
        <v>13</v>
      </c>
      <c r="I498" s="1" t="s">
        <v>2026</v>
      </c>
      <c r="J498" s="1" t="s">
        <v>2030</v>
      </c>
    </row>
    <row r="499" spans="1:10" x14ac:dyDescent="0.35">
      <c r="A499" s="1" t="s">
        <v>2020</v>
      </c>
      <c r="B499" s="1" t="s">
        <v>2021</v>
      </c>
      <c r="C499" s="1" t="s">
        <v>20</v>
      </c>
      <c r="D499" s="1" t="s">
        <v>2031</v>
      </c>
      <c r="E499" s="1" t="s">
        <v>2032</v>
      </c>
      <c r="F499" s="1" t="s">
        <v>2033</v>
      </c>
      <c r="G499" s="1" t="s">
        <v>2025</v>
      </c>
      <c r="H499" s="1" t="s">
        <v>13</v>
      </c>
      <c r="I499" s="1" t="s">
        <v>2026</v>
      </c>
      <c r="J499" s="1" t="s">
        <v>2034</v>
      </c>
    </row>
    <row r="500" spans="1:10" x14ac:dyDescent="0.35">
      <c r="A500" s="1" t="s">
        <v>2020</v>
      </c>
      <c r="B500" s="1" t="s">
        <v>2021</v>
      </c>
      <c r="C500" s="1" t="s">
        <v>25</v>
      </c>
      <c r="D500" s="1" t="s">
        <v>2035</v>
      </c>
      <c r="E500" s="1" t="s">
        <v>2036</v>
      </c>
      <c r="F500" s="1" t="s">
        <v>2037</v>
      </c>
      <c r="G500" s="1" t="s">
        <v>2025</v>
      </c>
      <c r="H500" s="1" t="s">
        <v>13</v>
      </c>
      <c r="I500" s="1" t="s">
        <v>2026</v>
      </c>
      <c r="J500" s="1" t="s">
        <v>2038</v>
      </c>
    </row>
    <row r="501" spans="1:10" x14ac:dyDescent="0.35">
      <c r="A501" s="1" t="s">
        <v>2020</v>
      </c>
      <c r="B501" s="1" t="s">
        <v>2021</v>
      </c>
      <c r="C501" s="1" t="s">
        <v>30</v>
      </c>
      <c r="D501" s="1" t="s">
        <v>2039</v>
      </c>
      <c r="E501" s="1" t="s">
        <v>2040</v>
      </c>
      <c r="F501" s="1" t="s">
        <v>2041</v>
      </c>
      <c r="G501" s="1" t="s">
        <v>2025</v>
      </c>
      <c r="H501" s="1" t="s">
        <v>13</v>
      </c>
      <c r="I501" s="1" t="s">
        <v>2026</v>
      </c>
      <c r="J501" s="1" t="s">
        <v>2042</v>
      </c>
    </row>
    <row r="502" spans="1:10" x14ac:dyDescent="0.35">
      <c r="A502" s="1" t="s">
        <v>2020</v>
      </c>
      <c r="B502" s="1" t="s">
        <v>2021</v>
      </c>
      <c r="C502" s="1" t="s">
        <v>35</v>
      </c>
      <c r="D502" s="1" t="s">
        <v>2043</v>
      </c>
      <c r="E502" s="1" t="s">
        <v>2044</v>
      </c>
      <c r="F502" s="1" t="s">
        <v>2045</v>
      </c>
      <c r="G502" s="1" t="s">
        <v>2025</v>
      </c>
      <c r="H502" s="1" t="s">
        <v>13</v>
      </c>
      <c r="I502" s="1" t="s">
        <v>2026</v>
      </c>
      <c r="J502" s="1" t="s">
        <v>2046</v>
      </c>
    </row>
    <row r="503" spans="1:10" x14ac:dyDescent="0.35">
      <c r="A503" s="1" t="s">
        <v>2020</v>
      </c>
      <c r="B503" s="1" t="s">
        <v>2021</v>
      </c>
      <c r="C503" s="1" t="s">
        <v>40</v>
      </c>
      <c r="D503" s="1" t="s">
        <v>2047</v>
      </c>
      <c r="E503" s="1" t="s">
        <v>2048</v>
      </c>
      <c r="F503" s="1" t="s">
        <v>2049</v>
      </c>
      <c r="G503" s="1" t="s">
        <v>2025</v>
      </c>
      <c r="H503" s="1" t="s">
        <v>13</v>
      </c>
      <c r="I503" s="1" t="s">
        <v>2026</v>
      </c>
      <c r="J503" s="1" t="s">
        <v>2050</v>
      </c>
    </row>
    <row r="504" spans="1:10" x14ac:dyDescent="0.35">
      <c r="A504" s="1" t="s">
        <v>2020</v>
      </c>
      <c r="B504" s="1" t="s">
        <v>2021</v>
      </c>
      <c r="C504" s="1" t="s">
        <v>45</v>
      </c>
      <c r="D504" s="1" t="s">
        <v>2051</v>
      </c>
      <c r="E504" s="1" t="s">
        <v>2052</v>
      </c>
      <c r="F504" s="1" t="s">
        <v>2053</v>
      </c>
      <c r="G504" s="1" t="s">
        <v>2025</v>
      </c>
      <c r="H504" s="1" t="s">
        <v>13</v>
      </c>
      <c r="I504" s="1" t="s">
        <v>2026</v>
      </c>
      <c r="J504" s="1" t="s">
        <v>2054</v>
      </c>
    </row>
    <row r="505" spans="1:10" x14ac:dyDescent="0.35">
      <c r="A505" s="1" t="s">
        <v>2020</v>
      </c>
      <c r="B505" s="1" t="s">
        <v>2021</v>
      </c>
      <c r="C505" s="1" t="s">
        <v>50</v>
      </c>
      <c r="D505" s="1" t="s">
        <v>2055</v>
      </c>
      <c r="E505" s="1" t="s">
        <v>2056</v>
      </c>
      <c r="F505" s="1" t="s">
        <v>2057</v>
      </c>
      <c r="G505" s="1" t="s">
        <v>2025</v>
      </c>
      <c r="H505" s="1" t="s">
        <v>13</v>
      </c>
      <c r="I505" s="1" t="s">
        <v>2026</v>
      </c>
      <c r="J505" s="1" t="s">
        <v>2058</v>
      </c>
    </row>
    <row r="506" spans="1:10" x14ac:dyDescent="0.35">
      <c r="A506" s="1" t="s">
        <v>2020</v>
      </c>
      <c r="B506" s="1" t="s">
        <v>2021</v>
      </c>
      <c r="C506" s="1" t="s">
        <v>55</v>
      </c>
      <c r="D506" s="1" t="s">
        <v>2059</v>
      </c>
      <c r="E506" s="1" t="s">
        <v>2060</v>
      </c>
      <c r="F506" s="1" t="s">
        <v>2061</v>
      </c>
      <c r="G506" s="1" t="s">
        <v>2025</v>
      </c>
      <c r="H506" s="1" t="s">
        <v>13</v>
      </c>
      <c r="I506" s="1" t="s">
        <v>2026</v>
      </c>
      <c r="J506" s="1" t="s">
        <v>2062</v>
      </c>
    </row>
    <row r="507" spans="1:10" x14ac:dyDescent="0.35">
      <c r="A507" s="1" t="s">
        <v>2020</v>
      </c>
      <c r="B507" s="1" t="s">
        <v>2021</v>
      </c>
      <c r="C507" s="1" t="s">
        <v>60</v>
      </c>
      <c r="D507" s="1" t="s">
        <v>2063</v>
      </c>
      <c r="E507" s="1" t="s">
        <v>2064</v>
      </c>
      <c r="F507" s="1" t="s">
        <v>2065</v>
      </c>
      <c r="G507" s="1" t="s">
        <v>2025</v>
      </c>
      <c r="H507" s="1" t="s">
        <v>13</v>
      </c>
      <c r="I507" s="1" t="s">
        <v>2026</v>
      </c>
      <c r="J507" s="1" t="s">
        <v>2066</v>
      </c>
    </row>
    <row r="508" spans="1:10" x14ac:dyDescent="0.35">
      <c r="A508" s="1" t="s">
        <v>2020</v>
      </c>
      <c r="B508" s="1" t="s">
        <v>2021</v>
      </c>
      <c r="C508" s="1" t="s">
        <v>65</v>
      </c>
      <c r="D508" s="1" t="s">
        <v>2067</v>
      </c>
      <c r="E508" s="1" t="s">
        <v>2068</v>
      </c>
      <c r="F508" s="1" t="s">
        <v>2069</v>
      </c>
      <c r="G508" s="1" t="s">
        <v>2025</v>
      </c>
      <c r="H508" s="1" t="s">
        <v>13</v>
      </c>
      <c r="I508" s="1" t="s">
        <v>2026</v>
      </c>
      <c r="J508" s="1" t="s">
        <v>2070</v>
      </c>
    </row>
    <row r="509" spans="1:10" x14ac:dyDescent="0.35">
      <c r="A509" s="1" t="s">
        <v>2020</v>
      </c>
      <c r="B509" s="1" t="s">
        <v>2021</v>
      </c>
      <c r="C509" s="1" t="s">
        <v>70</v>
      </c>
      <c r="D509" s="1" t="s">
        <v>2071</v>
      </c>
      <c r="E509" s="1" t="s">
        <v>2072</v>
      </c>
      <c r="F509" s="1" t="s">
        <v>2073</v>
      </c>
      <c r="G509" s="1" t="s">
        <v>2025</v>
      </c>
      <c r="H509" s="1" t="s">
        <v>13</v>
      </c>
      <c r="I509" s="1" t="s">
        <v>2026</v>
      </c>
      <c r="J509" s="1" t="s">
        <v>2074</v>
      </c>
    </row>
    <row r="510" spans="1:10" x14ac:dyDescent="0.35">
      <c r="A510" s="1" t="s">
        <v>2020</v>
      </c>
      <c r="B510" s="1" t="s">
        <v>2021</v>
      </c>
      <c r="C510" s="1" t="s">
        <v>75</v>
      </c>
      <c r="D510" s="1" t="s">
        <v>2075</v>
      </c>
      <c r="E510" s="1" t="s">
        <v>2076</v>
      </c>
      <c r="F510" s="1" t="s">
        <v>2077</v>
      </c>
      <c r="G510" s="1" t="s">
        <v>2025</v>
      </c>
      <c r="H510" s="1" t="s">
        <v>13</v>
      </c>
      <c r="I510" s="1" t="s">
        <v>2026</v>
      </c>
      <c r="J510" s="1" t="s">
        <v>2078</v>
      </c>
    </row>
    <row r="511" spans="1:10" x14ac:dyDescent="0.35">
      <c r="A511" s="1" t="s">
        <v>2020</v>
      </c>
      <c r="B511" s="1" t="s">
        <v>2021</v>
      </c>
      <c r="C511" s="1" t="s">
        <v>80</v>
      </c>
      <c r="D511" s="1" t="s">
        <v>2075</v>
      </c>
      <c r="E511" s="1" t="s">
        <v>2079</v>
      </c>
      <c r="F511" s="1" t="s">
        <v>2080</v>
      </c>
      <c r="G511" s="1" t="s">
        <v>2025</v>
      </c>
      <c r="H511" s="1" t="s">
        <v>13</v>
      </c>
      <c r="I511" s="1" t="s">
        <v>2026</v>
      </c>
      <c r="J511" s="1" t="s">
        <v>1180</v>
      </c>
    </row>
    <row r="512" spans="1:10" x14ac:dyDescent="0.35">
      <c r="A512" s="1" t="s">
        <v>2020</v>
      </c>
      <c r="B512" s="1" t="s">
        <v>2021</v>
      </c>
      <c r="C512" s="1" t="s">
        <v>85</v>
      </c>
      <c r="D512" s="1" t="s">
        <v>2081</v>
      </c>
      <c r="E512" s="1" t="s">
        <v>2082</v>
      </c>
      <c r="F512" s="1" t="s">
        <v>2083</v>
      </c>
      <c r="G512" s="1" t="s">
        <v>2025</v>
      </c>
      <c r="H512" s="1" t="s">
        <v>13</v>
      </c>
      <c r="I512" s="1" t="s">
        <v>2026</v>
      </c>
      <c r="J512" s="1" t="s">
        <v>2084</v>
      </c>
    </row>
    <row r="513" spans="1:10" x14ac:dyDescent="0.35">
      <c r="A513" s="1" t="s">
        <v>2020</v>
      </c>
      <c r="B513" s="1" t="s">
        <v>2021</v>
      </c>
      <c r="C513" s="1" t="s">
        <v>90</v>
      </c>
      <c r="D513" s="1" t="s">
        <v>2085</v>
      </c>
      <c r="E513" s="1" t="s">
        <v>2086</v>
      </c>
      <c r="F513" s="1" t="s">
        <v>2087</v>
      </c>
      <c r="G513" s="1" t="s">
        <v>2025</v>
      </c>
      <c r="H513" s="1" t="s">
        <v>13</v>
      </c>
      <c r="I513" s="1" t="s">
        <v>2026</v>
      </c>
      <c r="J513" s="1" t="s">
        <v>2088</v>
      </c>
    </row>
    <row r="514" spans="1:10" x14ac:dyDescent="0.35">
      <c r="A514" s="1" t="s">
        <v>2020</v>
      </c>
      <c r="B514" s="1" t="s">
        <v>2021</v>
      </c>
      <c r="C514" s="1" t="s">
        <v>95</v>
      </c>
      <c r="D514" s="1" t="s">
        <v>2089</v>
      </c>
      <c r="E514" s="1" t="s">
        <v>2090</v>
      </c>
      <c r="F514" s="1" t="s">
        <v>2091</v>
      </c>
      <c r="G514" s="1" t="s">
        <v>2025</v>
      </c>
      <c r="H514" s="1" t="s">
        <v>13</v>
      </c>
      <c r="I514" s="1" t="s">
        <v>2026</v>
      </c>
      <c r="J514" s="1" t="s">
        <v>2092</v>
      </c>
    </row>
    <row r="515" spans="1:10" x14ac:dyDescent="0.35">
      <c r="A515" s="1" t="s">
        <v>2020</v>
      </c>
      <c r="B515" s="1" t="s">
        <v>2021</v>
      </c>
      <c r="C515" s="1" t="s">
        <v>100</v>
      </c>
      <c r="D515" s="1" t="s">
        <v>2093</v>
      </c>
      <c r="E515" s="1" t="s">
        <v>2094</v>
      </c>
      <c r="F515" s="1" t="s">
        <v>2095</v>
      </c>
      <c r="G515" s="1" t="s">
        <v>2025</v>
      </c>
      <c r="H515" s="1" t="s">
        <v>13</v>
      </c>
      <c r="I515" s="1" t="s">
        <v>2026</v>
      </c>
      <c r="J515" s="1" t="s">
        <v>2096</v>
      </c>
    </row>
    <row r="516" spans="1:10" x14ac:dyDescent="0.35">
      <c r="A516" s="1" t="s">
        <v>2020</v>
      </c>
      <c r="B516" s="1" t="s">
        <v>2021</v>
      </c>
      <c r="C516" s="1" t="s">
        <v>105</v>
      </c>
      <c r="D516" s="1" t="s">
        <v>2097</v>
      </c>
      <c r="E516" s="1" t="s">
        <v>2098</v>
      </c>
      <c r="F516" s="1" t="s">
        <v>2099</v>
      </c>
      <c r="G516" s="1" t="s">
        <v>2025</v>
      </c>
      <c r="H516" s="1" t="s">
        <v>13</v>
      </c>
      <c r="I516" s="1" t="s">
        <v>2026</v>
      </c>
      <c r="J516" s="1" t="s">
        <v>2100</v>
      </c>
    </row>
    <row r="517" spans="1:10" x14ac:dyDescent="0.35">
      <c r="A517" s="1" t="s">
        <v>2020</v>
      </c>
      <c r="B517" s="1" t="s">
        <v>2021</v>
      </c>
      <c r="C517" s="1" t="s">
        <v>110</v>
      </c>
      <c r="D517" s="1" t="s">
        <v>2101</v>
      </c>
      <c r="E517" s="1" t="s">
        <v>2102</v>
      </c>
      <c r="F517" s="1" t="s">
        <v>2103</v>
      </c>
      <c r="G517" s="1" t="s">
        <v>2025</v>
      </c>
      <c r="H517" s="1" t="s">
        <v>13</v>
      </c>
      <c r="I517" s="1" t="s">
        <v>2026</v>
      </c>
      <c r="J517" s="1" t="s">
        <v>2104</v>
      </c>
    </row>
    <row r="518" spans="1:10" x14ac:dyDescent="0.35">
      <c r="A518" s="1" t="s">
        <v>2020</v>
      </c>
      <c r="B518" s="1" t="s">
        <v>2021</v>
      </c>
      <c r="C518" s="1" t="s">
        <v>115</v>
      </c>
      <c r="D518" s="1" t="s">
        <v>2105</v>
      </c>
      <c r="E518" s="1" t="s">
        <v>2106</v>
      </c>
      <c r="F518" s="1" t="s">
        <v>2107</v>
      </c>
      <c r="G518" s="1" t="s">
        <v>2025</v>
      </c>
      <c r="H518" s="1" t="s">
        <v>13</v>
      </c>
      <c r="I518" s="1" t="s">
        <v>2026</v>
      </c>
      <c r="J518" s="1" t="s">
        <v>2108</v>
      </c>
    </row>
    <row r="519" spans="1:10" x14ac:dyDescent="0.35">
      <c r="A519" s="1" t="s">
        <v>2020</v>
      </c>
      <c r="B519" s="1" t="s">
        <v>2021</v>
      </c>
      <c r="C519" s="1" t="s">
        <v>120</v>
      </c>
      <c r="D519" s="1" t="s">
        <v>2109</v>
      </c>
      <c r="E519" s="1" t="s">
        <v>2110</v>
      </c>
      <c r="F519" s="1" t="s">
        <v>2111</v>
      </c>
      <c r="G519" s="1" t="s">
        <v>2025</v>
      </c>
      <c r="H519" s="1" t="s">
        <v>13</v>
      </c>
      <c r="I519" s="1" t="s">
        <v>2026</v>
      </c>
      <c r="J519" s="1" t="s">
        <v>2112</v>
      </c>
    </row>
    <row r="520" spans="1:10" x14ac:dyDescent="0.35">
      <c r="A520" s="1" t="s">
        <v>2020</v>
      </c>
      <c r="B520" s="1" t="s">
        <v>2021</v>
      </c>
      <c r="C520" s="1" t="s">
        <v>125</v>
      </c>
      <c r="D520" s="1" t="s">
        <v>2113</v>
      </c>
      <c r="E520" s="1" t="s">
        <v>2114</v>
      </c>
      <c r="F520" s="1" t="s">
        <v>2115</v>
      </c>
      <c r="G520" s="1" t="s">
        <v>2025</v>
      </c>
      <c r="H520" s="1" t="s">
        <v>13</v>
      </c>
      <c r="I520" s="1" t="s">
        <v>2026</v>
      </c>
      <c r="J520" s="1" t="s">
        <v>2116</v>
      </c>
    </row>
    <row r="521" spans="1:10" x14ac:dyDescent="0.35">
      <c r="A521" s="1" t="s">
        <v>2020</v>
      </c>
      <c r="B521" s="1" t="s">
        <v>2021</v>
      </c>
      <c r="C521" s="1" t="s">
        <v>130</v>
      </c>
      <c r="D521" s="1" t="s">
        <v>2117</v>
      </c>
      <c r="E521" s="1" t="s">
        <v>2118</v>
      </c>
      <c r="F521" s="1" t="s">
        <v>2119</v>
      </c>
      <c r="G521" s="1" t="s">
        <v>2025</v>
      </c>
      <c r="H521" s="1" t="s">
        <v>13</v>
      </c>
      <c r="I521" s="1" t="s">
        <v>2026</v>
      </c>
      <c r="J521" s="1" t="s">
        <v>2120</v>
      </c>
    </row>
    <row r="522" spans="1:10" x14ac:dyDescent="0.35">
      <c r="A522" s="1" t="s">
        <v>2020</v>
      </c>
      <c r="B522" s="1" t="s">
        <v>2021</v>
      </c>
      <c r="C522" s="1" t="s">
        <v>135</v>
      </c>
      <c r="D522" s="1" t="s">
        <v>2121</v>
      </c>
      <c r="E522" s="1" t="s">
        <v>2122</v>
      </c>
      <c r="F522" s="1" t="s">
        <v>2123</v>
      </c>
      <c r="G522" s="1" t="s">
        <v>2025</v>
      </c>
      <c r="H522" s="1" t="s">
        <v>13</v>
      </c>
      <c r="I522" s="1" t="s">
        <v>2026</v>
      </c>
      <c r="J522" s="1" t="s">
        <v>2124</v>
      </c>
    </row>
    <row r="523" spans="1:10" x14ac:dyDescent="0.35">
      <c r="A523" s="1" t="s">
        <v>2020</v>
      </c>
      <c r="B523" s="1" t="s">
        <v>2021</v>
      </c>
      <c r="C523" s="1" t="s">
        <v>140</v>
      </c>
      <c r="D523" s="1" t="s">
        <v>2125</v>
      </c>
      <c r="E523" s="1" t="s">
        <v>2126</v>
      </c>
      <c r="F523" s="1" t="s">
        <v>2127</v>
      </c>
      <c r="G523" s="1" t="s">
        <v>2025</v>
      </c>
      <c r="H523" s="1" t="s">
        <v>13</v>
      </c>
      <c r="I523" s="1" t="s">
        <v>2026</v>
      </c>
      <c r="J523" s="1" t="s">
        <v>2128</v>
      </c>
    </row>
    <row r="524" spans="1:10" x14ac:dyDescent="0.35">
      <c r="A524" s="1" t="s">
        <v>2020</v>
      </c>
      <c r="B524" s="1" t="s">
        <v>2021</v>
      </c>
      <c r="C524" s="1" t="s">
        <v>145</v>
      </c>
      <c r="D524" s="1" t="s">
        <v>2129</v>
      </c>
      <c r="E524" s="1" t="s">
        <v>2130</v>
      </c>
      <c r="F524" s="1" t="s">
        <v>2131</v>
      </c>
      <c r="G524" s="1" t="s">
        <v>2025</v>
      </c>
      <c r="H524" s="1" t="s">
        <v>13</v>
      </c>
      <c r="I524" s="1" t="s">
        <v>2026</v>
      </c>
      <c r="J524" s="1" t="s">
        <v>2132</v>
      </c>
    </row>
    <row r="525" spans="1:10" x14ac:dyDescent="0.35">
      <c r="A525" s="1" t="s">
        <v>2020</v>
      </c>
      <c r="B525" s="1" t="s">
        <v>2021</v>
      </c>
      <c r="C525" s="1" t="s">
        <v>150</v>
      </c>
      <c r="D525" s="1" t="s">
        <v>2133</v>
      </c>
      <c r="E525" s="1" t="s">
        <v>2134</v>
      </c>
      <c r="F525" s="1" t="s">
        <v>2135</v>
      </c>
      <c r="G525" s="1" t="s">
        <v>2025</v>
      </c>
      <c r="H525" s="1" t="s">
        <v>13</v>
      </c>
      <c r="I525" s="1" t="s">
        <v>2026</v>
      </c>
      <c r="J525" s="1" t="s">
        <v>2136</v>
      </c>
    </row>
    <row r="526" spans="1:10" x14ac:dyDescent="0.35">
      <c r="A526" s="1" t="s">
        <v>2020</v>
      </c>
      <c r="B526" s="1" t="s">
        <v>2021</v>
      </c>
      <c r="C526" s="1" t="s">
        <v>155</v>
      </c>
      <c r="D526" s="1" t="s">
        <v>2137</v>
      </c>
      <c r="E526" s="1" t="s">
        <v>2138</v>
      </c>
      <c r="F526" s="1" t="s">
        <v>2139</v>
      </c>
      <c r="G526" s="1" t="s">
        <v>2025</v>
      </c>
      <c r="H526" s="1" t="s">
        <v>13</v>
      </c>
      <c r="I526" s="1" t="s">
        <v>2026</v>
      </c>
      <c r="J526" s="1" t="s">
        <v>2140</v>
      </c>
    </row>
    <row r="527" spans="1:10" x14ac:dyDescent="0.35">
      <c r="A527" s="1" t="s">
        <v>2020</v>
      </c>
      <c r="B527" s="1" t="s">
        <v>2021</v>
      </c>
      <c r="C527" s="1" t="s">
        <v>160</v>
      </c>
      <c r="D527" s="1" t="s">
        <v>2141</v>
      </c>
      <c r="E527" s="1" t="s">
        <v>2142</v>
      </c>
      <c r="F527" s="1" t="s">
        <v>2143</v>
      </c>
      <c r="G527" s="1" t="s">
        <v>2025</v>
      </c>
      <c r="H527" s="1" t="s">
        <v>13</v>
      </c>
      <c r="I527" s="1" t="s">
        <v>2026</v>
      </c>
      <c r="J527" s="1" t="s">
        <v>2144</v>
      </c>
    </row>
    <row r="528" spans="1:10" x14ac:dyDescent="0.35">
      <c r="A528" s="1" t="s">
        <v>2020</v>
      </c>
      <c r="B528" s="1" t="s">
        <v>2021</v>
      </c>
      <c r="C528" s="1" t="s">
        <v>165</v>
      </c>
      <c r="D528" s="1" t="s">
        <v>2145</v>
      </c>
      <c r="E528" s="1" t="s">
        <v>2146</v>
      </c>
      <c r="F528" s="1" t="s">
        <v>2147</v>
      </c>
      <c r="G528" s="1" t="s">
        <v>2025</v>
      </c>
      <c r="H528" s="1" t="s">
        <v>13</v>
      </c>
      <c r="I528" s="1" t="s">
        <v>2026</v>
      </c>
      <c r="J528" s="1" t="s">
        <v>2148</v>
      </c>
    </row>
    <row r="529" spans="1:10" x14ac:dyDescent="0.35">
      <c r="A529" s="1" t="s">
        <v>2020</v>
      </c>
      <c r="B529" s="1" t="s">
        <v>2021</v>
      </c>
      <c r="C529" s="1" t="s">
        <v>170</v>
      </c>
      <c r="D529" s="1" t="s">
        <v>2149</v>
      </c>
      <c r="E529" s="1" t="s">
        <v>2150</v>
      </c>
      <c r="F529" s="1" t="s">
        <v>2151</v>
      </c>
      <c r="G529" s="1" t="s">
        <v>2025</v>
      </c>
      <c r="H529" s="1" t="s">
        <v>13</v>
      </c>
      <c r="I529" s="1" t="s">
        <v>2026</v>
      </c>
      <c r="J529" s="1" t="s">
        <v>2152</v>
      </c>
    </row>
    <row r="530" spans="1:10" x14ac:dyDescent="0.35">
      <c r="A530" s="1" t="s">
        <v>2153</v>
      </c>
      <c r="B530" s="1" t="s">
        <v>2154</v>
      </c>
      <c r="C530" s="1" t="s">
        <v>8</v>
      </c>
      <c r="D530" s="1" t="s">
        <v>2155</v>
      </c>
      <c r="E530" s="1" t="s">
        <v>2156</v>
      </c>
      <c r="F530" s="1" t="s">
        <v>2157</v>
      </c>
      <c r="G530" s="1" t="s">
        <v>2158</v>
      </c>
      <c r="H530" s="1" t="s">
        <v>13</v>
      </c>
      <c r="I530" s="1" t="s">
        <v>2159</v>
      </c>
      <c r="J530" s="1" t="s">
        <v>13</v>
      </c>
    </row>
    <row r="531" spans="1:10" x14ac:dyDescent="0.35">
      <c r="A531" s="1" t="s">
        <v>2153</v>
      </c>
      <c r="B531" s="1" t="s">
        <v>2154</v>
      </c>
      <c r="C531" s="1" t="s">
        <v>15</v>
      </c>
      <c r="D531" s="1" t="s">
        <v>2160</v>
      </c>
      <c r="E531" s="1" t="s">
        <v>2161</v>
      </c>
      <c r="F531" s="1" t="s">
        <v>2162</v>
      </c>
      <c r="G531" s="1" t="s">
        <v>2158</v>
      </c>
      <c r="H531" s="1" t="s">
        <v>13</v>
      </c>
      <c r="I531" s="1" t="s">
        <v>2159</v>
      </c>
      <c r="J531" s="1" t="s">
        <v>2163</v>
      </c>
    </row>
    <row r="532" spans="1:10" x14ac:dyDescent="0.35">
      <c r="A532" s="1" t="s">
        <v>2153</v>
      </c>
      <c r="B532" s="1" t="s">
        <v>2154</v>
      </c>
      <c r="C532" s="1" t="s">
        <v>20</v>
      </c>
      <c r="D532" s="1" t="s">
        <v>2164</v>
      </c>
      <c r="E532" s="1" t="s">
        <v>2165</v>
      </c>
      <c r="F532" s="1" t="s">
        <v>2166</v>
      </c>
      <c r="G532" s="1" t="s">
        <v>2158</v>
      </c>
      <c r="H532" s="1" t="s">
        <v>13</v>
      </c>
      <c r="I532" s="1" t="s">
        <v>2159</v>
      </c>
      <c r="J532" s="1" t="s">
        <v>2167</v>
      </c>
    </row>
    <row r="533" spans="1:10" x14ac:dyDescent="0.35">
      <c r="A533" s="1" t="s">
        <v>2153</v>
      </c>
      <c r="B533" s="1" t="s">
        <v>2154</v>
      </c>
      <c r="C533" s="1" t="s">
        <v>25</v>
      </c>
      <c r="D533" s="1" t="s">
        <v>2168</v>
      </c>
      <c r="E533" s="1" t="s">
        <v>2169</v>
      </c>
      <c r="F533" s="1" t="s">
        <v>2170</v>
      </c>
      <c r="G533" s="1" t="s">
        <v>2158</v>
      </c>
      <c r="H533" s="1" t="s">
        <v>13</v>
      </c>
      <c r="I533" s="1" t="s">
        <v>2159</v>
      </c>
      <c r="J533" s="1" t="s">
        <v>2171</v>
      </c>
    </row>
    <row r="534" spans="1:10" x14ac:dyDescent="0.35">
      <c r="A534" s="1" t="s">
        <v>2153</v>
      </c>
      <c r="B534" s="1" t="s">
        <v>2154</v>
      </c>
      <c r="C534" s="1" t="s">
        <v>30</v>
      </c>
      <c r="D534" s="1" t="s">
        <v>2172</v>
      </c>
      <c r="E534" s="1" t="s">
        <v>2173</v>
      </c>
      <c r="F534" s="1" t="s">
        <v>2174</v>
      </c>
      <c r="G534" s="1" t="s">
        <v>2158</v>
      </c>
      <c r="H534" s="1" t="s">
        <v>13</v>
      </c>
      <c r="I534" s="1" t="s">
        <v>2159</v>
      </c>
      <c r="J534" s="1" t="s">
        <v>2175</v>
      </c>
    </row>
    <row r="535" spans="1:10" x14ac:dyDescent="0.35">
      <c r="A535" s="1" t="s">
        <v>2153</v>
      </c>
      <c r="B535" s="1" t="s">
        <v>2154</v>
      </c>
      <c r="C535" s="1" t="s">
        <v>35</v>
      </c>
      <c r="D535" s="1" t="s">
        <v>1817</v>
      </c>
      <c r="E535" s="1" t="s">
        <v>2176</v>
      </c>
      <c r="F535" s="1" t="s">
        <v>2177</v>
      </c>
      <c r="G535" s="1" t="s">
        <v>2158</v>
      </c>
      <c r="H535" s="1" t="s">
        <v>13</v>
      </c>
      <c r="I535" s="1" t="s">
        <v>2159</v>
      </c>
      <c r="J535" s="1" t="s">
        <v>2178</v>
      </c>
    </row>
    <row r="536" spans="1:10" x14ac:dyDescent="0.35">
      <c r="A536" s="1" t="s">
        <v>2153</v>
      </c>
      <c r="B536" s="1" t="s">
        <v>2154</v>
      </c>
      <c r="C536" s="1" t="s">
        <v>40</v>
      </c>
      <c r="D536" s="1" t="s">
        <v>2179</v>
      </c>
      <c r="E536" s="1" t="s">
        <v>2180</v>
      </c>
      <c r="F536" s="1" t="s">
        <v>2181</v>
      </c>
      <c r="G536" s="1" t="s">
        <v>2158</v>
      </c>
      <c r="H536" s="1" t="s">
        <v>13</v>
      </c>
      <c r="I536" s="1" t="s">
        <v>2159</v>
      </c>
      <c r="J536" s="1" t="s">
        <v>2182</v>
      </c>
    </row>
    <row r="537" spans="1:10" x14ac:dyDescent="0.35">
      <c r="A537" s="1" t="s">
        <v>2153</v>
      </c>
      <c r="B537" s="1" t="s">
        <v>2154</v>
      </c>
      <c r="C537" s="1" t="s">
        <v>45</v>
      </c>
      <c r="D537" s="1" t="s">
        <v>2183</v>
      </c>
      <c r="E537" s="1" t="s">
        <v>2184</v>
      </c>
      <c r="F537" s="1" t="s">
        <v>2185</v>
      </c>
      <c r="G537" s="1" t="s">
        <v>2158</v>
      </c>
      <c r="H537" s="1" t="s">
        <v>13</v>
      </c>
      <c r="I537" s="1" t="s">
        <v>2159</v>
      </c>
      <c r="J537" s="1" t="s">
        <v>2186</v>
      </c>
    </row>
    <row r="538" spans="1:10" x14ac:dyDescent="0.35">
      <c r="A538" s="1" t="s">
        <v>2153</v>
      </c>
      <c r="B538" s="1" t="s">
        <v>2154</v>
      </c>
      <c r="C538" s="1" t="s">
        <v>50</v>
      </c>
      <c r="D538" s="1" t="s">
        <v>2187</v>
      </c>
      <c r="E538" s="1" t="s">
        <v>2188</v>
      </c>
      <c r="F538" s="1" t="s">
        <v>2189</v>
      </c>
      <c r="G538" s="1" t="s">
        <v>2158</v>
      </c>
      <c r="H538" s="1" t="s">
        <v>13</v>
      </c>
      <c r="I538" s="1" t="s">
        <v>2159</v>
      </c>
      <c r="J538" s="1" t="s">
        <v>2190</v>
      </c>
    </row>
    <row r="539" spans="1:10" x14ac:dyDescent="0.35">
      <c r="A539" s="1" t="s">
        <v>2153</v>
      </c>
      <c r="B539" s="1" t="s">
        <v>2154</v>
      </c>
      <c r="C539" s="1" t="s">
        <v>55</v>
      </c>
      <c r="D539" s="1" t="s">
        <v>2191</v>
      </c>
      <c r="E539" s="1" t="s">
        <v>2192</v>
      </c>
      <c r="F539" s="1" t="s">
        <v>2193</v>
      </c>
      <c r="G539" s="1" t="s">
        <v>2158</v>
      </c>
      <c r="H539" s="1" t="s">
        <v>13</v>
      </c>
      <c r="I539" s="1" t="s">
        <v>2159</v>
      </c>
      <c r="J539" s="1" t="s">
        <v>2194</v>
      </c>
    </row>
    <row r="540" spans="1:10" x14ac:dyDescent="0.35">
      <c r="A540" s="1" t="s">
        <v>2153</v>
      </c>
      <c r="B540" s="1" t="s">
        <v>2154</v>
      </c>
      <c r="C540" s="1" t="s">
        <v>60</v>
      </c>
      <c r="D540" s="1" t="s">
        <v>2195</v>
      </c>
      <c r="E540" s="1" t="s">
        <v>2196</v>
      </c>
      <c r="F540" s="1" t="s">
        <v>2197</v>
      </c>
      <c r="G540" s="1" t="s">
        <v>2158</v>
      </c>
      <c r="H540" s="1" t="s">
        <v>13</v>
      </c>
      <c r="I540" s="1" t="s">
        <v>2159</v>
      </c>
      <c r="J540" s="1" t="s">
        <v>2198</v>
      </c>
    </row>
    <row r="541" spans="1:10" x14ac:dyDescent="0.35">
      <c r="A541" s="1" t="s">
        <v>2153</v>
      </c>
      <c r="B541" s="1" t="s">
        <v>2154</v>
      </c>
      <c r="C541" s="1" t="s">
        <v>65</v>
      </c>
      <c r="D541" s="1" t="s">
        <v>2199</v>
      </c>
      <c r="E541" s="1" t="s">
        <v>2200</v>
      </c>
      <c r="F541" s="1" t="s">
        <v>2201</v>
      </c>
      <c r="G541" s="1" t="s">
        <v>2158</v>
      </c>
      <c r="H541" s="1" t="s">
        <v>13</v>
      </c>
      <c r="I541" s="1" t="s">
        <v>2159</v>
      </c>
      <c r="J541" s="1" t="s">
        <v>2202</v>
      </c>
    </row>
    <row r="542" spans="1:10" x14ac:dyDescent="0.35">
      <c r="A542" s="1" t="s">
        <v>2153</v>
      </c>
      <c r="B542" s="1" t="s">
        <v>2154</v>
      </c>
      <c r="C542" s="1" t="s">
        <v>70</v>
      </c>
      <c r="D542" s="1" t="s">
        <v>2203</v>
      </c>
      <c r="E542" s="1" t="s">
        <v>2204</v>
      </c>
      <c r="F542" s="1" t="s">
        <v>2205</v>
      </c>
      <c r="G542" s="1" t="s">
        <v>2158</v>
      </c>
      <c r="H542" s="1" t="s">
        <v>13</v>
      </c>
      <c r="I542" s="1" t="s">
        <v>2159</v>
      </c>
      <c r="J542" s="1" t="s">
        <v>2206</v>
      </c>
    </row>
    <row r="543" spans="1:10" x14ac:dyDescent="0.35">
      <c r="A543" s="1" t="s">
        <v>2153</v>
      </c>
      <c r="B543" s="1" t="s">
        <v>2154</v>
      </c>
      <c r="C543" s="1" t="s">
        <v>75</v>
      </c>
      <c r="D543" s="1" t="s">
        <v>1364</v>
      </c>
      <c r="E543" s="1" t="s">
        <v>2207</v>
      </c>
      <c r="F543" s="1" t="s">
        <v>2208</v>
      </c>
      <c r="G543" s="1" t="s">
        <v>2158</v>
      </c>
      <c r="H543" s="1" t="s">
        <v>13</v>
      </c>
      <c r="I543" s="1" t="s">
        <v>2159</v>
      </c>
      <c r="J543" s="1" t="s">
        <v>2209</v>
      </c>
    </row>
    <row r="544" spans="1:10" x14ac:dyDescent="0.35">
      <c r="A544" s="1" t="s">
        <v>2153</v>
      </c>
      <c r="B544" s="1" t="s">
        <v>2154</v>
      </c>
      <c r="C544" s="1" t="s">
        <v>80</v>
      </c>
      <c r="D544" s="1" t="s">
        <v>2210</v>
      </c>
      <c r="E544" s="1" t="s">
        <v>2211</v>
      </c>
      <c r="F544" s="1" t="s">
        <v>2212</v>
      </c>
      <c r="G544" s="1" t="s">
        <v>2158</v>
      </c>
      <c r="H544" s="1" t="s">
        <v>13</v>
      </c>
      <c r="I544" s="1" t="s">
        <v>2159</v>
      </c>
      <c r="J544" s="1" t="s">
        <v>2213</v>
      </c>
    </row>
    <row r="545" spans="1:10" x14ac:dyDescent="0.35">
      <c r="A545" s="1" t="s">
        <v>2153</v>
      </c>
      <c r="B545" s="1" t="s">
        <v>2154</v>
      </c>
      <c r="C545" s="1" t="s">
        <v>85</v>
      </c>
      <c r="D545" s="1" t="s">
        <v>2214</v>
      </c>
      <c r="E545" s="1" t="s">
        <v>2215</v>
      </c>
      <c r="F545" s="1" t="s">
        <v>2216</v>
      </c>
      <c r="G545" s="1" t="s">
        <v>2158</v>
      </c>
      <c r="H545" s="1" t="s">
        <v>13</v>
      </c>
      <c r="I545" s="1" t="s">
        <v>2159</v>
      </c>
      <c r="J545" s="1" t="s">
        <v>2217</v>
      </c>
    </row>
    <row r="546" spans="1:10" x14ac:dyDescent="0.35">
      <c r="A546" s="1" t="s">
        <v>2153</v>
      </c>
      <c r="B546" s="1" t="s">
        <v>2154</v>
      </c>
      <c r="C546" s="1" t="s">
        <v>90</v>
      </c>
      <c r="D546" s="1" t="s">
        <v>2218</v>
      </c>
      <c r="E546" s="1" t="s">
        <v>2219</v>
      </c>
      <c r="F546" s="1" t="s">
        <v>2220</v>
      </c>
      <c r="G546" s="1" t="s">
        <v>2158</v>
      </c>
      <c r="H546" s="1" t="s">
        <v>13</v>
      </c>
      <c r="I546" s="1" t="s">
        <v>2159</v>
      </c>
      <c r="J546" s="1" t="s">
        <v>2221</v>
      </c>
    </row>
    <row r="547" spans="1:10" x14ac:dyDescent="0.35">
      <c r="A547" s="1" t="s">
        <v>2153</v>
      </c>
      <c r="B547" s="1" t="s">
        <v>2154</v>
      </c>
      <c r="C547" s="1" t="s">
        <v>95</v>
      </c>
      <c r="D547" s="1" t="s">
        <v>2222</v>
      </c>
      <c r="E547" s="1" t="s">
        <v>2223</v>
      </c>
      <c r="F547" s="1" t="s">
        <v>2224</v>
      </c>
      <c r="G547" s="1" t="s">
        <v>2158</v>
      </c>
      <c r="H547" s="1" t="s">
        <v>13</v>
      </c>
      <c r="I547" s="1" t="s">
        <v>2159</v>
      </c>
      <c r="J547" s="1" t="s">
        <v>2225</v>
      </c>
    </row>
    <row r="548" spans="1:10" x14ac:dyDescent="0.35">
      <c r="A548" s="1" t="s">
        <v>2153</v>
      </c>
      <c r="B548" s="1" t="s">
        <v>2154</v>
      </c>
      <c r="C548" s="1" t="s">
        <v>100</v>
      </c>
      <c r="D548" s="1" t="s">
        <v>2226</v>
      </c>
      <c r="E548" s="1" t="s">
        <v>2227</v>
      </c>
      <c r="F548" s="1" t="s">
        <v>2228</v>
      </c>
      <c r="G548" s="1" t="s">
        <v>2158</v>
      </c>
      <c r="H548" s="1" t="s">
        <v>13</v>
      </c>
      <c r="I548" s="1" t="s">
        <v>2159</v>
      </c>
      <c r="J548" s="1" t="s">
        <v>2229</v>
      </c>
    </row>
    <row r="549" spans="1:10" x14ac:dyDescent="0.35">
      <c r="A549" s="1" t="s">
        <v>2153</v>
      </c>
      <c r="B549" s="1" t="s">
        <v>2154</v>
      </c>
      <c r="C549" s="1" t="s">
        <v>105</v>
      </c>
      <c r="D549" s="1" t="s">
        <v>2230</v>
      </c>
      <c r="E549" s="1" t="s">
        <v>2231</v>
      </c>
      <c r="F549" s="1" t="s">
        <v>2232</v>
      </c>
      <c r="G549" s="1" t="s">
        <v>2158</v>
      </c>
      <c r="H549" s="1" t="s">
        <v>13</v>
      </c>
      <c r="I549" s="1" t="s">
        <v>2159</v>
      </c>
      <c r="J549" s="1" t="s">
        <v>2233</v>
      </c>
    </row>
    <row r="550" spans="1:10" x14ac:dyDescent="0.35">
      <c r="A550" s="1" t="s">
        <v>2153</v>
      </c>
      <c r="B550" s="1" t="s">
        <v>2154</v>
      </c>
      <c r="C550" s="1" t="s">
        <v>110</v>
      </c>
      <c r="D550" s="1" t="s">
        <v>2234</v>
      </c>
      <c r="E550" s="1" t="s">
        <v>2235</v>
      </c>
      <c r="F550" s="1" t="s">
        <v>2236</v>
      </c>
      <c r="G550" s="1" t="s">
        <v>2158</v>
      </c>
      <c r="H550" s="1" t="s">
        <v>13</v>
      </c>
      <c r="I550" s="1" t="s">
        <v>2159</v>
      </c>
      <c r="J550" s="1" t="s">
        <v>2237</v>
      </c>
    </row>
    <row r="551" spans="1:10" x14ac:dyDescent="0.35">
      <c r="A551" s="1" t="s">
        <v>2153</v>
      </c>
      <c r="B551" s="1" t="s">
        <v>2154</v>
      </c>
      <c r="C551" s="1" t="s">
        <v>115</v>
      </c>
      <c r="D551" s="1" t="s">
        <v>2238</v>
      </c>
      <c r="E551" s="1" t="s">
        <v>2239</v>
      </c>
      <c r="F551" s="1" t="s">
        <v>2240</v>
      </c>
      <c r="G551" s="1" t="s">
        <v>2158</v>
      </c>
      <c r="H551" s="1" t="s">
        <v>13</v>
      </c>
      <c r="I551" s="1" t="s">
        <v>2159</v>
      </c>
      <c r="J551" s="1" t="s">
        <v>2241</v>
      </c>
    </row>
    <row r="552" spans="1:10" x14ac:dyDescent="0.35">
      <c r="A552" s="1" t="s">
        <v>2153</v>
      </c>
      <c r="B552" s="1" t="s">
        <v>2154</v>
      </c>
      <c r="C552" s="1" t="s">
        <v>120</v>
      </c>
      <c r="D552" s="1" t="s">
        <v>2183</v>
      </c>
      <c r="E552" s="1" t="s">
        <v>2242</v>
      </c>
      <c r="F552" s="1" t="s">
        <v>2243</v>
      </c>
      <c r="G552" s="1" t="s">
        <v>2158</v>
      </c>
      <c r="H552" s="1" t="s">
        <v>13</v>
      </c>
      <c r="I552" s="1" t="s">
        <v>2159</v>
      </c>
      <c r="J552" s="1" t="s">
        <v>2244</v>
      </c>
    </row>
    <row r="553" spans="1:10" x14ac:dyDescent="0.35">
      <c r="A553" s="1" t="s">
        <v>2153</v>
      </c>
      <c r="B553" s="1" t="s">
        <v>2154</v>
      </c>
      <c r="C553" s="1" t="s">
        <v>125</v>
      </c>
      <c r="D553" s="1" t="s">
        <v>2245</v>
      </c>
      <c r="E553" s="1" t="s">
        <v>2246</v>
      </c>
      <c r="F553" s="1" t="s">
        <v>2247</v>
      </c>
      <c r="G553" s="1" t="s">
        <v>2158</v>
      </c>
      <c r="H553" s="1" t="s">
        <v>13</v>
      </c>
      <c r="I553" s="1" t="s">
        <v>2159</v>
      </c>
      <c r="J553" s="1" t="s">
        <v>2248</v>
      </c>
    </row>
    <row r="554" spans="1:10" x14ac:dyDescent="0.35">
      <c r="A554" s="1" t="s">
        <v>2153</v>
      </c>
      <c r="B554" s="1" t="s">
        <v>2154</v>
      </c>
      <c r="C554" s="1" t="s">
        <v>130</v>
      </c>
      <c r="D554" s="1" t="s">
        <v>1817</v>
      </c>
      <c r="E554" s="1" t="s">
        <v>2249</v>
      </c>
      <c r="F554" s="1" t="s">
        <v>2250</v>
      </c>
      <c r="G554" s="1" t="s">
        <v>2158</v>
      </c>
      <c r="H554" s="1" t="s">
        <v>13</v>
      </c>
      <c r="I554" s="1" t="s">
        <v>2159</v>
      </c>
      <c r="J554" s="1" t="s">
        <v>2251</v>
      </c>
    </row>
    <row r="555" spans="1:10" x14ac:dyDescent="0.35">
      <c r="A555" s="1" t="s">
        <v>2153</v>
      </c>
      <c r="B555" s="1" t="s">
        <v>2154</v>
      </c>
      <c r="C555" s="1" t="s">
        <v>135</v>
      </c>
      <c r="D555" s="1" t="s">
        <v>2252</v>
      </c>
      <c r="E555" s="1" t="s">
        <v>2253</v>
      </c>
      <c r="F555" s="1" t="s">
        <v>2254</v>
      </c>
      <c r="G555" s="1" t="s">
        <v>2158</v>
      </c>
      <c r="H555" s="1" t="s">
        <v>13</v>
      </c>
      <c r="I555" s="1" t="s">
        <v>2159</v>
      </c>
      <c r="J555" s="1" t="s">
        <v>2255</v>
      </c>
    </row>
    <row r="556" spans="1:10" x14ac:dyDescent="0.35">
      <c r="A556" s="1" t="s">
        <v>2153</v>
      </c>
      <c r="B556" s="1" t="s">
        <v>2154</v>
      </c>
      <c r="C556" s="1" t="s">
        <v>140</v>
      </c>
      <c r="D556" s="1" t="s">
        <v>1110</v>
      </c>
      <c r="E556" s="1" t="s">
        <v>2256</v>
      </c>
      <c r="F556" s="1" t="s">
        <v>2257</v>
      </c>
      <c r="G556" s="1" t="s">
        <v>2158</v>
      </c>
      <c r="H556" s="1" t="s">
        <v>13</v>
      </c>
      <c r="I556" s="1" t="s">
        <v>2159</v>
      </c>
      <c r="J556" s="1" t="s">
        <v>2258</v>
      </c>
    </row>
    <row r="557" spans="1:10" x14ac:dyDescent="0.35">
      <c r="A557" s="1" t="s">
        <v>2153</v>
      </c>
      <c r="B557" s="1" t="s">
        <v>2154</v>
      </c>
      <c r="C557" s="1" t="s">
        <v>145</v>
      </c>
      <c r="D557" s="1" t="s">
        <v>2259</v>
      </c>
      <c r="E557" s="1" t="s">
        <v>2260</v>
      </c>
      <c r="F557" s="1" t="s">
        <v>2261</v>
      </c>
      <c r="G557" s="1" t="s">
        <v>2158</v>
      </c>
      <c r="H557" s="1" t="s">
        <v>13</v>
      </c>
      <c r="I557" s="1" t="s">
        <v>2159</v>
      </c>
      <c r="J557" s="1" t="s">
        <v>2262</v>
      </c>
    </row>
    <row r="558" spans="1:10" x14ac:dyDescent="0.35">
      <c r="A558" s="1" t="s">
        <v>2153</v>
      </c>
      <c r="B558" s="1" t="s">
        <v>2154</v>
      </c>
      <c r="C558" s="1" t="s">
        <v>150</v>
      </c>
      <c r="D558" s="1" t="s">
        <v>2263</v>
      </c>
      <c r="E558" s="1" t="s">
        <v>2264</v>
      </c>
      <c r="F558" s="1" t="s">
        <v>2265</v>
      </c>
      <c r="G558" s="1" t="s">
        <v>2158</v>
      </c>
      <c r="H558" s="1" t="s">
        <v>13</v>
      </c>
      <c r="I558" s="1" t="s">
        <v>2159</v>
      </c>
      <c r="J558" s="1" t="s">
        <v>2266</v>
      </c>
    </row>
    <row r="559" spans="1:10" x14ac:dyDescent="0.35">
      <c r="A559" s="1" t="s">
        <v>2153</v>
      </c>
      <c r="B559" s="1" t="s">
        <v>2154</v>
      </c>
      <c r="C559" s="1" t="s">
        <v>155</v>
      </c>
      <c r="D559" s="1" t="s">
        <v>2267</v>
      </c>
      <c r="E559" s="1" t="s">
        <v>2268</v>
      </c>
      <c r="F559" s="1" t="s">
        <v>2269</v>
      </c>
      <c r="G559" s="1" t="s">
        <v>2158</v>
      </c>
      <c r="H559" s="1" t="s">
        <v>13</v>
      </c>
      <c r="I559" s="1" t="s">
        <v>2159</v>
      </c>
      <c r="J559" s="1" t="s">
        <v>2270</v>
      </c>
    </row>
    <row r="560" spans="1:10" x14ac:dyDescent="0.35">
      <c r="A560" s="1" t="s">
        <v>2153</v>
      </c>
      <c r="B560" s="1" t="s">
        <v>2154</v>
      </c>
      <c r="C560" s="1" t="s">
        <v>160</v>
      </c>
      <c r="D560" s="1" t="s">
        <v>1106</v>
      </c>
      <c r="E560" s="1" t="s">
        <v>2271</v>
      </c>
      <c r="F560" s="1" t="s">
        <v>2272</v>
      </c>
      <c r="G560" s="1" t="s">
        <v>2158</v>
      </c>
      <c r="H560" s="1" t="s">
        <v>13</v>
      </c>
      <c r="I560" s="1" t="s">
        <v>2159</v>
      </c>
      <c r="J560" s="1" t="s">
        <v>2273</v>
      </c>
    </row>
    <row r="561" spans="1:10" x14ac:dyDescent="0.35">
      <c r="A561" s="1" t="s">
        <v>2153</v>
      </c>
      <c r="B561" s="1" t="s">
        <v>2154</v>
      </c>
      <c r="C561" s="1" t="s">
        <v>165</v>
      </c>
      <c r="D561" s="1" t="s">
        <v>2274</v>
      </c>
      <c r="E561" s="1" t="s">
        <v>2275</v>
      </c>
      <c r="F561" s="1" t="s">
        <v>2276</v>
      </c>
      <c r="G561" s="1" t="s">
        <v>2158</v>
      </c>
      <c r="H561" s="1" t="s">
        <v>13</v>
      </c>
      <c r="I561" s="1" t="s">
        <v>2159</v>
      </c>
      <c r="J561" s="1" t="s">
        <v>2277</v>
      </c>
    </row>
    <row r="562" spans="1:10" x14ac:dyDescent="0.35">
      <c r="A562" s="1" t="s">
        <v>2153</v>
      </c>
      <c r="B562" s="1" t="s">
        <v>2154</v>
      </c>
      <c r="C562" s="1" t="s">
        <v>170</v>
      </c>
      <c r="D562" s="1" t="s">
        <v>1942</v>
      </c>
      <c r="E562" s="1" t="s">
        <v>2278</v>
      </c>
      <c r="F562" s="1" t="s">
        <v>2279</v>
      </c>
      <c r="G562" s="1" t="s">
        <v>2158</v>
      </c>
      <c r="H562" s="1" t="s">
        <v>13</v>
      </c>
      <c r="I562" s="1" t="s">
        <v>2159</v>
      </c>
      <c r="J562" s="1" t="s">
        <v>2280</v>
      </c>
    </row>
    <row r="563" spans="1:10" x14ac:dyDescent="0.35">
      <c r="A563" s="1" t="s">
        <v>2281</v>
      </c>
      <c r="B563" s="1" t="s">
        <v>2282</v>
      </c>
      <c r="C563" s="1" t="s">
        <v>8</v>
      </c>
      <c r="D563" s="1" t="s">
        <v>2283</v>
      </c>
      <c r="E563" s="1" t="s">
        <v>2284</v>
      </c>
      <c r="F563" s="1" t="s">
        <v>2285</v>
      </c>
      <c r="G563" s="1" t="s">
        <v>2286</v>
      </c>
      <c r="H563" s="1" t="s">
        <v>13</v>
      </c>
      <c r="I563" s="1" t="s">
        <v>2287</v>
      </c>
      <c r="J563" s="1" t="s">
        <v>13</v>
      </c>
    </row>
    <row r="564" spans="1:10" x14ac:dyDescent="0.35">
      <c r="A564" s="1" t="s">
        <v>2281</v>
      </c>
      <c r="B564" s="1" t="s">
        <v>2282</v>
      </c>
      <c r="C564" s="1" t="s">
        <v>15</v>
      </c>
      <c r="D564" s="1" t="s">
        <v>2288</v>
      </c>
      <c r="E564" s="1" t="s">
        <v>2289</v>
      </c>
      <c r="F564" s="1" t="s">
        <v>2290</v>
      </c>
      <c r="G564" s="1" t="s">
        <v>2286</v>
      </c>
      <c r="H564" s="1" t="s">
        <v>13</v>
      </c>
      <c r="I564" s="1" t="s">
        <v>2287</v>
      </c>
      <c r="J564" s="1" t="s">
        <v>2291</v>
      </c>
    </row>
    <row r="565" spans="1:10" x14ac:dyDescent="0.35">
      <c r="A565" s="1" t="s">
        <v>2281</v>
      </c>
      <c r="B565" s="1" t="s">
        <v>2282</v>
      </c>
      <c r="C565" s="1" t="s">
        <v>20</v>
      </c>
      <c r="D565" s="1" t="s">
        <v>2292</v>
      </c>
      <c r="E565" s="1" t="s">
        <v>2293</v>
      </c>
      <c r="F565" s="1" t="s">
        <v>2294</v>
      </c>
      <c r="G565" s="1" t="s">
        <v>2286</v>
      </c>
      <c r="H565" s="1" t="s">
        <v>13</v>
      </c>
      <c r="I565" s="1" t="s">
        <v>2287</v>
      </c>
      <c r="J565" s="1" t="s">
        <v>2295</v>
      </c>
    </row>
    <row r="566" spans="1:10" x14ac:dyDescent="0.35">
      <c r="A566" s="1" t="s">
        <v>2281</v>
      </c>
      <c r="B566" s="1" t="s">
        <v>2282</v>
      </c>
      <c r="C566" s="1" t="s">
        <v>25</v>
      </c>
      <c r="D566" s="1" t="s">
        <v>2296</v>
      </c>
      <c r="E566" s="1" t="s">
        <v>2297</v>
      </c>
      <c r="F566" s="1" t="s">
        <v>2298</v>
      </c>
      <c r="G566" s="1" t="s">
        <v>2286</v>
      </c>
      <c r="H566" s="1" t="s">
        <v>13</v>
      </c>
      <c r="I566" s="1" t="s">
        <v>2287</v>
      </c>
      <c r="J566" s="1" t="s">
        <v>2299</v>
      </c>
    </row>
    <row r="567" spans="1:10" x14ac:dyDescent="0.35">
      <c r="A567" s="1" t="s">
        <v>2281</v>
      </c>
      <c r="B567" s="1" t="s">
        <v>2282</v>
      </c>
      <c r="C567" s="1" t="s">
        <v>30</v>
      </c>
      <c r="D567" s="1" t="s">
        <v>1608</v>
      </c>
      <c r="E567" s="1" t="s">
        <v>2300</v>
      </c>
      <c r="F567" s="1" t="s">
        <v>2301</v>
      </c>
      <c r="G567" s="1" t="s">
        <v>2286</v>
      </c>
      <c r="H567" s="1" t="s">
        <v>13</v>
      </c>
      <c r="I567" s="1" t="s">
        <v>2287</v>
      </c>
      <c r="J567" s="1" t="s">
        <v>2302</v>
      </c>
    </row>
    <row r="568" spans="1:10" x14ac:dyDescent="0.35">
      <c r="A568" s="1" t="s">
        <v>2281</v>
      </c>
      <c r="B568" s="1" t="s">
        <v>2282</v>
      </c>
      <c r="C568" s="1" t="s">
        <v>35</v>
      </c>
      <c r="D568" s="1" t="s">
        <v>2303</v>
      </c>
      <c r="E568" s="1" t="s">
        <v>2304</v>
      </c>
      <c r="F568" s="1" t="s">
        <v>2305</v>
      </c>
      <c r="G568" s="1" t="s">
        <v>2286</v>
      </c>
      <c r="H568" s="1" t="s">
        <v>13</v>
      </c>
      <c r="I568" s="1" t="s">
        <v>2287</v>
      </c>
      <c r="J568" s="1" t="s">
        <v>2306</v>
      </c>
    </row>
    <row r="569" spans="1:10" x14ac:dyDescent="0.35">
      <c r="A569" s="1" t="s">
        <v>2281</v>
      </c>
      <c r="B569" s="1" t="s">
        <v>2282</v>
      </c>
      <c r="C569" s="1" t="s">
        <v>40</v>
      </c>
      <c r="D569" s="1" t="s">
        <v>2307</v>
      </c>
      <c r="E569" s="1" t="s">
        <v>2308</v>
      </c>
      <c r="F569" s="1" t="s">
        <v>2309</v>
      </c>
      <c r="G569" s="1" t="s">
        <v>2286</v>
      </c>
      <c r="H569" s="1" t="s">
        <v>13</v>
      </c>
      <c r="I569" s="1" t="s">
        <v>2287</v>
      </c>
      <c r="J569" s="1" t="s">
        <v>2310</v>
      </c>
    </row>
    <row r="570" spans="1:10" x14ac:dyDescent="0.35">
      <c r="A570" s="1" t="s">
        <v>2281</v>
      </c>
      <c r="B570" s="1" t="s">
        <v>2282</v>
      </c>
      <c r="C570" s="1" t="s">
        <v>45</v>
      </c>
      <c r="D570" s="1" t="s">
        <v>2311</v>
      </c>
      <c r="E570" s="1" t="s">
        <v>2312</v>
      </c>
      <c r="F570" s="1" t="s">
        <v>2313</v>
      </c>
      <c r="G570" s="1" t="s">
        <v>2286</v>
      </c>
      <c r="H570" s="1" t="s">
        <v>13</v>
      </c>
      <c r="I570" s="1" t="s">
        <v>2287</v>
      </c>
      <c r="J570" s="1" t="s">
        <v>2314</v>
      </c>
    </row>
    <row r="571" spans="1:10" x14ac:dyDescent="0.35">
      <c r="A571" s="1" t="s">
        <v>2281</v>
      </c>
      <c r="B571" s="1" t="s">
        <v>2282</v>
      </c>
      <c r="C571" s="1" t="s">
        <v>50</v>
      </c>
      <c r="D571" s="1" t="s">
        <v>2315</v>
      </c>
      <c r="E571" s="1" t="s">
        <v>2316</v>
      </c>
      <c r="F571" s="1" t="s">
        <v>2317</v>
      </c>
      <c r="G571" s="1" t="s">
        <v>2286</v>
      </c>
      <c r="H571" s="1" t="s">
        <v>13</v>
      </c>
      <c r="I571" s="1" t="s">
        <v>2287</v>
      </c>
      <c r="J571" s="1" t="s">
        <v>2318</v>
      </c>
    </row>
    <row r="572" spans="1:10" x14ac:dyDescent="0.35">
      <c r="A572" s="1" t="s">
        <v>2281</v>
      </c>
      <c r="B572" s="1" t="s">
        <v>2282</v>
      </c>
      <c r="C572" s="1" t="s">
        <v>55</v>
      </c>
      <c r="D572" s="1" t="s">
        <v>2319</v>
      </c>
      <c r="E572" s="1" t="s">
        <v>2320</v>
      </c>
      <c r="F572" s="1" t="s">
        <v>2321</v>
      </c>
      <c r="G572" s="1" t="s">
        <v>2286</v>
      </c>
      <c r="H572" s="1" t="s">
        <v>13</v>
      </c>
      <c r="I572" s="1" t="s">
        <v>2287</v>
      </c>
      <c r="J572" s="1" t="s">
        <v>2322</v>
      </c>
    </row>
    <row r="573" spans="1:10" x14ac:dyDescent="0.35">
      <c r="A573" s="1" t="s">
        <v>2281</v>
      </c>
      <c r="B573" s="1" t="s">
        <v>2282</v>
      </c>
      <c r="C573" s="1" t="s">
        <v>60</v>
      </c>
      <c r="D573" s="1" t="s">
        <v>2323</v>
      </c>
      <c r="E573" s="1" t="s">
        <v>2324</v>
      </c>
      <c r="F573" s="1" t="s">
        <v>2325</v>
      </c>
      <c r="G573" s="1" t="s">
        <v>2286</v>
      </c>
      <c r="H573" s="1" t="s">
        <v>13</v>
      </c>
      <c r="I573" s="1" t="s">
        <v>2287</v>
      </c>
      <c r="J573" s="1" t="s">
        <v>2326</v>
      </c>
    </row>
    <row r="574" spans="1:10" x14ac:dyDescent="0.35">
      <c r="A574" s="1" t="s">
        <v>2281</v>
      </c>
      <c r="B574" s="1" t="s">
        <v>2282</v>
      </c>
      <c r="C574" s="1" t="s">
        <v>65</v>
      </c>
      <c r="D574" s="1" t="s">
        <v>2327</v>
      </c>
      <c r="E574" s="1" t="s">
        <v>2328</v>
      </c>
      <c r="F574" s="1" t="s">
        <v>2329</v>
      </c>
      <c r="G574" s="1" t="s">
        <v>2286</v>
      </c>
      <c r="H574" s="1" t="s">
        <v>13</v>
      </c>
      <c r="I574" s="1" t="s">
        <v>2287</v>
      </c>
      <c r="J574" s="1" t="s">
        <v>2330</v>
      </c>
    </row>
    <row r="575" spans="1:10" x14ac:dyDescent="0.35">
      <c r="A575" s="1" t="s">
        <v>2281</v>
      </c>
      <c r="B575" s="1" t="s">
        <v>2282</v>
      </c>
      <c r="C575" s="1" t="s">
        <v>70</v>
      </c>
      <c r="D575" s="1" t="s">
        <v>2331</v>
      </c>
      <c r="E575" s="1" t="s">
        <v>2332</v>
      </c>
      <c r="F575" s="1" t="s">
        <v>2333</v>
      </c>
      <c r="G575" s="1" t="s">
        <v>2286</v>
      </c>
      <c r="H575" s="1" t="s">
        <v>13</v>
      </c>
      <c r="I575" s="1" t="s">
        <v>2287</v>
      </c>
      <c r="J575" s="1" t="s">
        <v>2334</v>
      </c>
    </row>
    <row r="576" spans="1:10" x14ac:dyDescent="0.35">
      <c r="A576" s="1" t="s">
        <v>2281</v>
      </c>
      <c r="B576" s="1" t="s">
        <v>2282</v>
      </c>
      <c r="C576" s="1" t="s">
        <v>75</v>
      </c>
      <c r="D576" s="1" t="s">
        <v>2335</v>
      </c>
      <c r="E576" s="1" t="s">
        <v>2336</v>
      </c>
      <c r="F576" s="1" t="s">
        <v>2337</v>
      </c>
      <c r="G576" s="1" t="s">
        <v>2286</v>
      </c>
      <c r="H576" s="1" t="s">
        <v>13</v>
      </c>
      <c r="I576" s="1" t="s">
        <v>2287</v>
      </c>
      <c r="J576" s="1" t="s">
        <v>2338</v>
      </c>
    </row>
    <row r="577" spans="1:10" x14ac:dyDescent="0.35">
      <c r="A577" s="1" t="s">
        <v>2281</v>
      </c>
      <c r="B577" s="1" t="s">
        <v>2282</v>
      </c>
      <c r="C577" s="1" t="s">
        <v>80</v>
      </c>
      <c r="D577" s="1" t="s">
        <v>2339</v>
      </c>
      <c r="E577" s="1" t="s">
        <v>2340</v>
      </c>
      <c r="F577" s="1" t="s">
        <v>2341</v>
      </c>
      <c r="G577" s="1" t="s">
        <v>2286</v>
      </c>
      <c r="H577" s="1" t="s">
        <v>13</v>
      </c>
      <c r="I577" s="1" t="s">
        <v>2287</v>
      </c>
      <c r="J577" s="1" t="s">
        <v>2342</v>
      </c>
    </row>
    <row r="578" spans="1:10" x14ac:dyDescent="0.35">
      <c r="A578" s="1" t="s">
        <v>2281</v>
      </c>
      <c r="B578" s="1" t="s">
        <v>2282</v>
      </c>
      <c r="C578" s="1" t="s">
        <v>85</v>
      </c>
      <c r="D578" s="1" t="s">
        <v>2343</v>
      </c>
      <c r="E578" s="1" t="s">
        <v>2344</v>
      </c>
      <c r="F578" s="1" t="s">
        <v>2345</v>
      </c>
      <c r="G578" s="1" t="s">
        <v>2286</v>
      </c>
      <c r="H578" s="1" t="s">
        <v>13</v>
      </c>
      <c r="I578" s="1" t="s">
        <v>2287</v>
      </c>
      <c r="J578" s="1" t="s">
        <v>2346</v>
      </c>
    </row>
    <row r="579" spans="1:10" x14ac:dyDescent="0.35">
      <c r="A579" s="1" t="s">
        <v>2281</v>
      </c>
      <c r="B579" s="1" t="s">
        <v>2282</v>
      </c>
      <c r="C579" s="1" t="s">
        <v>90</v>
      </c>
      <c r="D579" s="1" t="s">
        <v>2347</v>
      </c>
      <c r="E579" s="1" t="s">
        <v>2348</v>
      </c>
      <c r="F579" s="1" t="s">
        <v>2349</v>
      </c>
      <c r="G579" s="1" t="s">
        <v>2286</v>
      </c>
      <c r="H579" s="1" t="s">
        <v>13</v>
      </c>
      <c r="I579" s="1" t="s">
        <v>2287</v>
      </c>
      <c r="J579" s="1" t="s">
        <v>2350</v>
      </c>
    </row>
    <row r="580" spans="1:10" x14ac:dyDescent="0.35">
      <c r="A580" s="1" t="s">
        <v>2281</v>
      </c>
      <c r="B580" s="1" t="s">
        <v>2282</v>
      </c>
      <c r="C580" s="1" t="s">
        <v>95</v>
      </c>
      <c r="D580" s="1" t="s">
        <v>2351</v>
      </c>
      <c r="E580" s="1" t="s">
        <v>2352</v>
      </c>
      <c r="F580" s="1" t="s">
        <v>2353</v>
      </c>
      <c r="G580" s="1" t="s">
        <v>2286</v>
      </c>
      <c r="H580" s="1" t="s">
        <v>13</v>
      </c>
      <c r="I580" s="1" t="s">
        <v>2287</v>
      </c>
      <c r="J580" s="1" t="s">
        <v>2354</v>
      </c>
    </row>
    <row r="581" spans="1:10" x14ac:dyDescent="0.35">
      <c r="A581" s="1" t="s">
        <v>2281</v>
      </c>
      <c r="B581" s="1" t="s">
        <v>2282</v>
      </c>
      <c r="C581" s="1" t="s">
        <v>100</v>
      </c>
      <c r="D581" s="1" t="s">
        <v>2311</v>
      </c>
      <c r="E581" s="1" t="s">
        <v>2355</v>
      </c>
      <c r="F581" s="1" t="s">
        <v>2356</v>
      </c>
      <c r="G581" s="1" t="s">
        <v>2286</v>
      </c>
      <c r="H581" s="1" t="s">
        <v>13</v>
      </c>
      <c r="I581" s="1" t="s">
        <v>2287</v>
      </c>
      <c r="J581" s="1" t="s">
        <v>2357</v>
      </c>
    </row>
    <row r="582" spans="1:10" x14ac:dyDescent="0.35">
      <c r="A582" s="1" t="s">
        <v>2281</v>
      </c>
      <c r="B582" s="1" t="s">
        <v>2282</v>
      </c>
      <c r="C582" s="1" t="s">
        <v>105</v>
      </c>
      <c r="D582" s="1" t="s">
        <v>2358</v>
      </c>
      <c r="E582" s="1" t="s">
        <v>2359</v>
      </c>
      <c r="F582" s="1" t="s">
        <v>2360</v>
      </c>
      <c r="G582" s="1" t="s">
        <v>2286</v>
      </c>
      <c r="H582" s="1" t="s">
        <v>13</v>
      </c>
      <c r="I582" s="1" t="s">
        <v>2287</v>
      </c>
      <c r="J582" s="1" t="s">
        <v>2361</v>
      </c>
    </row>
    <row r="583" spans="1:10" x14ac:dyDescent="0.35">
      <c r="A583" s="1" t="s">
        <v>2281</v>
      </c>
      <c r="B583" s="1" t="s">
        <v>2282</v>
      </c>
      <c r="C583" s="1" t="s">
        <v>110</v>
      </c>
      <c r="D583" s="1" t="s">
        <v>2362</v>
      </c>
      <c r="E583" s="1" t="s">
        <v>2363</v>
      </c>
      <c r="F583" s="1" t="s">
        <v>2364</v>
      </c>
      <c r="G583" s="1" t="s">
        <v>2286</v>
      </c>
      <c r="H583" s="1" t="s">
        <v>13</v>
      </c>
      <c r="I583" s="1" t="s">
        <v>2287</v>
      </c>
      <c r="J583" s="1" t="s">
        <v>2365</v>
      </c>
    </row>
    <row r="584" spans="1:10" x14ac:dyDescent="0.35">
      <c r="A584" s="1" t="s">
        <v>2281</v>
      </c>
      <c r="B584" s="1" t="s">
        <v>2282</v>
      </c>
      <c r="C584" s="1" t="s">
        <v>115</v>
      </c>
      <c r="D584" s="1" t="s">
        <v>2366</v>
      </c>
      <c r="E584" s="1" t="s">
        <v>2367</v>
      </c>
      <c r="F584" s="1" t="s">
        <v>2368</v>
      </c>
      <c r="G584" s="1" t="s">
        <v>2286</v>
      </c>
      <c r="H584" s="1" t="s">
        <v>13</v>
      </c>
      <c r="I584" s="1" t="s">
        <v>2287</v>
      </c>
      <c r="J584" s="1" t="s">
        <v>2369</v>
      </c>
    </row>
    <row r="585" spans="1:10" x14ac:dyDescent="0.35">
      <c r="A585" s="1" t="s">
        <v>2281</v>
      </c>
      <c r="B585" s="1" t="s">
        <v>2282</v>
      </c>
      <c r="C585" s="1" t="s">
        <v>120</v>
      </c>
      <c r="D585" s="1" t="s">
        <v>2370</v>
      </c>
      <c r="E585" s="1" t="s">
        <v>2371</v>
      </c>
      <c r="F585" s="1" t="s">
        <v>2372</v>
      </c>
      <c r="G585" s="1" t="s">
        <v>2286</v>
      </c>
      <c r="H585" s="1" t="s">
        <v>13</v>
      </c>
      <c r="I585" s="1" t="s">
        <v>2287</v>
      </c>
      <c r="J585" s="1" t="s">
        <v>2373</v>
      </c>
    </row>
    <row r="586" spans="1:10" x14ac:dyDescent="0.35">
      <c r="A586" s="1" t="s">
        <v>2281</v>
      </c>
      <c r="B586" s="1" t="s">
        <v>2282</v>
      </c>
      <c r="C586" s="1" t="s">
        <v>125</v>
      </c>
      <c r="D586" s="1" t="s">
        <v>2374</v>
      </c>
      <c r="E586" s="1" t="s">
        <v>2375</v>
      </c>
      <c r="F586" s="1" t="s">
        <v>2376</v>
      </c>
      <c r="G586" s="1" t="s">
        <v>2286</v>
      </c>
      <c r="H586" s="1" t="s">
        <v>13</v>
      </c>
      <c r="I586" s="1" t="s">
        <v>2287</v>
      </c>
      <c r="J586" s="1" t="s">
        <v>2377</v>
      </c>
    </row>
    <row r="587" spans="1:10" x14ac:dyDescent="0.35">
      <c r="A587" s="1" t="s">
        <v>2281</v>
      </c>
      <c r="B587" s="1" t="s">
        <v>2282</v>
      </c>
      <c r="C587" s="1" t="s">
        <v>130</v>
      </c>
      <c r="D587" s="1" t="s">
        <v>2378</v>
      </c>
      <c r="E587" s="1" t="s">
        <v>2379</v>
      </c>
      <c r="F587" s="1" t="s">
        <v>2380</v>
      </c>
      <c r="G587" s="1" t="s">
        <v>2286</v>
      </c>
      <c r="H587" s="1" t="s">
        <v>13</v>
      </c>
      <c r="I587" s="1" t="s">
        <v>2287</v>
      </c>
      <c r="J587" s="1" t="s">
        <v>2381</v>
      </c>
    </row>
    <row r="588" spans="1:10" x14ac:dyDescent="0.35">
      <c r="A588" s="1" t="s">
        <v>2281</v>
      </c>
      <c r="B588" s="1" t="s">
        <v>2282</v>
      </c>
      <c r="C588" s="1" t="s">
        <v>135</v>
      </c>
      <c r="D588" s="1" t="s">
        <v>2382</v>
      </c>
      <c r="E588" s="1" t="s">
        <v>2383</v>
      </c>
      <c r="F588" s="1" t="s">
        <v>2384</v>
      </c>
      <c r="G588" s="1" t="s">
        <v>2286</v>
      </c>
      <c r="H588" s="1" t="s">
        <v>13</v>
      </c>
      <c r="I588" s="1" t="s">
        <v>2287</v>
      </c>
      <c r="J588" s="1" t="s">
        <v>2385</v>
      </c>
    </row>
    <row r="589" spans="1:10" x14ac:dyDescent="0.35">
      <c r="A589" s="1" t="s">
        <v>2281</v>
      </c>
      <c r="B589" s="1" t="s">
        <v>2282</v>
      </c>
      <c r="C589" s="1" t="s">
        <v>140</v>
      </c>
      <c r="D589" s="1" t="s">
        <v>2386</v>
      </c>
      <c r="E589" s="1" t="s">
        <v>2387</v>
      </c>
      <c r="F589" s="1" t="s">
        <v>2388</v>
      </c>
      <c r="G589" s="1" t="s">
        <v>2286</v>
      </c>
      <c r="H589" s="1" t="s">
        <v>13</v>
      </c>
      <c r="I589" s="1" t="s">
        <v>2287</v>
      </c>
      <c r="J589" s="1" t="s">
        <v>2389</v>
      </c>
    </row>
    <row r="590" spans="1:10" x14ac:dyDescent="0.35">
      <c r="A590" s="1" t="s">
        <v>2281</v>
      </c>
      <c r="B590" s="1" t="s">
        <v>2282</v>
      </c>
      <c r="C590" s="1" t="s">
        <v>145</v>
      </c>
      <c r="D590" s="1" t="s">
        <v>2390</v>
      </c>
      <c r="E590" s="1" t="s">
        <v>2391</v>
      </c>
      <c r="F590" s="1" t="s">
        <v>2392</v>
      </c>
      <c r="G590" s="1" t="s">
        <v>2286</v>
      </c>
      <c r="H590" s="1" t="s">
        <v>13</v>
      </c>
      <c r="I590" s="1" t="s">
        <v>2287</v>
      </c>
      <c r="J590" s="1" t="s">
        <v>2393</v>
      </c>
    </row>
    <row r="591" spans="1:10" x14ac:dyDescent="0.35">
      <c r="A591" s="1" t="s">
        <v>2281</v>
      </c>
      <c r="B591" s="1" t="s">
        <v>2282</v>
      </c>
      <c r="C591" s="1" t="s">
        <v>150</v>
      </c>
      <c r="D591" s="1" t="s">
        <v>2394</v>
      </c>
      <c r="E591" s="1" t="s">
        <v>2395</v>
      </c>
      <c r="F591" s="1" t="s">
        <v>2396</v>
      </c>
      <c r="G591" s="1" t="s">
        <v>2286</v>
      </c>
      <c r="H591" s="1" t="s">
        <v>13</v>
      </c>
      <c r="I591" s="1" t="s">
        <v>2287</v>
      </c>
      <c r="J591" s="1" t="s">
        <v>2397</v>
      </c>
    </row>
    <row r="592" spans="1:10" x14ac:dyDescent="0.35">
      <c r="A592" s="1" t="s">
        <v>2281</v>
      </c>
      <c r="B592" s="1" t="s">
        <v>2282</v>
      </c>
      <c r="C592" s="1" t="s">
        <v>155</v>
      </c>
      <c r="D592" s="1" t="s">
        <v>2398</v>
      </c>
      <c r="E592" s="1" t="s">
        <v>2399</v>
      </c>
      <c r="F592" s="1" t="s">
        <v>2400</v>
      </c>
      <c r="G592" s="1" t="s">
        <v>2286</v>
      </c>
      <c r="H592" s="1" t="s">
        <v>13</v>
      </c>
      <c r="I592" s="1" t="s">
        <v>2287</v>
      </c>
      <c r="J592" s="1" t="s">
        <v>2401</v>
      </c>
    </row>
    <row r="593" spans="1:10" x14ac:dyDescent="0.35">
      <c r="A593" s="1" t="s">
        <v>2281</v>
      </c>
      <c r="B593" s="1" t="s">
        <v>2282</v>
      </c>
      <c r="C593" s="1" t="s">
        <v>160</v>
      </c>
      <c r="D593" s="1" t="s">
        <v>2402</v>
      </c>
      <c r="E593" s="1" t="s">
        <v>2403</v>
      </c>
      <c r="F593" s="1" t="s">
        <v>2404</v>
      </c>
      <c r="G593" s="1" t="s">
        <v>2286</v>
      </c>
      <c r="H593" s="1" t="s">
        <v>13</v>
      </c>
      <c r="I593" s="1" t="s">
        <v>2287</v>
      </c>
      <c r="J593" s="1" t="s">
        <v>2405</v>
      </c>
    </row>
    <row r="594" spans="1:10" x14ac:dyDescent="0.35">
      <c r="A594" s="1" t="s">
        <v>2281</v>
      </c>
      <c r="B594" s="1" t="s">
        <v>2282</v>
      </c>
      <c r="C594" s="1" t="s">
        <v>165</v>
      </c>
      <c r="D594" s="1" t="s">
        <v>2406</v>
      </c>
      <c r="E594" s="1" t="s">
        <v>2407</v>
      </c>
      <c r="F594" s="1" t="s">
        <v>2408</v>
      </c>
      <c r="G594" s="1" t="s">
        <v>2286</v>
      </c>
      <c r="H594" s="1" t="s">
        <v>13</v>
      </c>
      <c r="I594" s="1" t="s">
        <v>2287</v>
      </c>
      <c r="J594" s="1" t="s">
        <v>2409</v>
      </c>
    </row>
    <row r="595" spans="1:10" x14ac:dyDescent="0.35">
      <c r="A595" s="1" t="s">
        <v>2281</v>
      </c>
      <c r="B595" s="1" t="s">
        <v>2282</v>
      </c>
      <c r="C595" s="1" t="s">
        <v>170</v>
      </c>
      <c r="D595" s="1" t="s">
        <v>2410</v>
      </c>
      <c r="E595" s="1" t="s">
        <v>2411</v>
      </c>
      <c r="F595" s="1" t="s">
        <v>2412</v>
      </c>
      <c r="G595" s="1" t="s">
        <v>2286</v>
      </c>
      <c r="H595" s="1" t="s">
        <v>13</v>
      </c>
      <c r="I595" s="1" t="s">
        <v>2287</v>
      </c>
      <c r="J595" s="1" t="s">
        <v>2413</v>
      </c>
    </row>
    <row r="596" spans="1:10" x14ac:dyDescent="0.35">
      <c r="A596" s="1" t="s">
        <v>2414</v>
      </c>
      <c r="B596" s="1" t="s">
        <v>2415</v>
      </c>
      <c r="C596" s="1" t="s">
        <v>8</v>
      </c>
      <c r="D596" s="1" t="s">
        <v>2416</v>
      </c>
      <c r="E596" s="1" t="s">
        <v>2417</v>
      </c>
      <c r="F596" s="1" t="s">
        <v>2418</v>
      </c>
      <c r="G596" s="1" t="s">
        <v>2419</v>
      </c>
      <c r="H596" s="1" t="s">
        <v>13</v>
      </c>
      <c r="I596" s="1" t="s">
        <v>2420</v>
      </c>
      <c r="J596" s="1" t="s">
        <v>13</v>
      </c>
    </row>
    <row r="597" spans="1:10" x14ac:dyDescent="0.35">
      <c r="A597" s="1" t="s">
        <v>2414</v>
      </c>
      <c r="B597" s="1" t="s">
        <v>2415</v>
      </c>
      <c r="C597" s="1" t="s">
        <v>15</v>
      </c>
      <c r="D597" s="1" t="s">
        <v>2421</v>
      </c>
      <c r="E597" s="1" t="s">
        <v>2422</v>
      </c>
      <c r="F597" s="1" t="s">
        <v>2423</v>
      </c>
      <c r="G597" s="1" t="s">
        <v>2419</v>
      </c>
      <c r="H597" s="1" t="s">
        <v>13</v>
      </c>
      <c r="I597" s="1" t="s">
        <v>2420</v>
      </c>
      <c r="J597" s="1" t="s">
        <v>2424</v>
      </c>
    </row>
    <row r="598" spans="1:10" x14ac:dyDescent="0.35">
      <c r="A598" s="1" t="s">
        <v>2414</v>
      </c>
      <c r="B598" s="1" t="s">
        <v>2415</v>
      </c>
      <c r="C598" s="1" t="s">
        <v>20</v>
      </c>
      <c r="D598" s="1" t="s">
        <v>2425</v>
      </c>
      <c r="E598" s="1" t="s">
        <v>2426</v>
      </c>
      <c r="F598" s="1" t="s">
        <v>2427</v>
      </c>
      <c r="G598" s="1" t="s">
        <v>2419</v>
      </c>
      <c r="H598" s="1" t="s">
        <v>13</v>
      </c>
      <c r="I598" s="1" t="s">
        <v>2420</v>
      </c>
      <c r="J598" s="1" t="s">
        <v>2428</v>
      </c>
    </row>
    <row r="599" spans="1:10" x14ac:dyDescent="0.35">
      <c r="A599" s="1" t="s">
        <v>2414</v>
      </c>
      <c r="B599" s="1" t="s">
        <v>2415</v>
      </c>
      <c r="C599" s="1" t="s">
        <v>25</v>
      </c>
      <c r="D599" s="1" t="s">
        <v>2429</v>
      </c>
      <c r="E599" s="1" t="s">
        <v>2430</v>
      </c>
      <c r="F599" s="1" t="s">
        <v>2431</v>
      </c>
      <c r="G599" s="1" t="s">
        <v>2419</v>
      </c>
      <c r="H599" s="1" t="s">
        <v>13</v>
      </c>
      <c r="I599" s="1" t="s">
        <v>2420</v>
      </c>
      <c r="J599" s="1" t="s">
        <v>2432</v>
      </c>
    </row>
    <row r="600" spans="1:10" x14ac:dyDescent="0.35">
      <c r="A600" s="1" t="s">
        <v>2414</v>
      </c>
      <c r="B600" s="1" t="s">
        <v>2415</v>
      </c>
      <c r="C600" s="1" t="s">
        <v>30</v>
      </c>
      <c r="D600" s="1" t="s">
        <v>2433</v>
      </c>
      <c r="E600" s="1" t="s">
        <v>2434</v>
      </c>
      <c r="F600" s="1" t="s">
        <v>2435</v>
      </c>
      <c r="G600" s="1" t="s">
        <v>2419</v>
      </c>
      <c r="H600" s="1" t="s">
        <v>13</v>
      </c>
      <c r="I600" s="1" t="s">
        <v>2420</v>
      </c>
      <c r="J600" s="1" t="s">
        <v>2436</v>
      </c>
    </row>
    <row r="601" spans="1:10" x14ac:dyDescent="0.35">
      <c r="A601" s="1" t="s">
        <v>2414</v>
      </c>
      <c r="B601" s="1" t="s">
        <v>2415</v>
      </c>
      <c r="C601" s="1" t="s">
        <v>35</v>
      </c>
      <c r="D601" s="1" t="s">
        <v>2437</v>
      </c>
      <c r="E601" s="1" t="s">
        <v>2438</v>
      </c>
      <c r="F601" s="1" t="s">
        <v>2439</v>
      </c>
      <c r="G601" s="1" t="s">
        <v>2419</v>
      </c>
      <c r="H601" s="1" t="s">
        <v>13</v>
      </c>
      <c r="I601" s="1" t="s">
        <v>2420</v>
      </c>
      <c r="J601" s="1" t="s">
        <v>2440</v>
      </c>
    </row>
    <row r="602" spans="1:10" x14ac:dyDescent="0.35">
      <c r="A602" s="1" t="s">
        <v>2414</v>
      </c>
      <c r="B602" s="1" t="s">
        <v>2415</v>
      </c>
      <c r="C602" s="1" t="s">
        <v>40</v>
      </c>
      <c r="D602" s="1" t="s">
        <v>2441</v>
      </c>
      <c r="E602" s="1" t="s">
        <v>2442</v>
      </c>
      <c r="F602" s="1" t="s">
        <v>2443</v>
      </c>
      <c r="G602" s="1" t="s">
        <v>2419</v>
      </c>
      <c r="H602" s="1" t="s">
        <v>13</v>
      </c>
      <c r="I602" s="1" t="s">
        <v>2420</v>
      </c>
      <c r="J602" s="1" t="s">
        <v>2444</v>
      </c>
    </row>
    <row r="603" spans="1:10" x14ac:dyDescent="0.35">
      <c r="A603" s="1" t="s">
        <v>2414</v>
      </c>
      <c r="B603" s="1" t="s">
        <v>2415</v>
      </c>
      <c r="C603" s="1" t="s">
        <v>45</v>
      </c>
      <c r="D603" s="1" t="s">
        <v>2445</v>
      </c>
      <c r="E603" s="1" t="s">
        <v>2446</v>
      </c>
      <c r="F603" s="1" t="s">
        <v>2447</v>
      </c>
      <c r="G603" s="1" t="s">
        <v>2419</v>
      </c>
      <c r="H603" s="1" t="s">
        <v>13</v>
      </c>
      <c r="I603" s="1" t="s">
        <v>2420</v>
      </c>
      <c r="J603" s="1" t="s">
        <v>2448</v>
      </c>
    </row>
    <row r="604" spans="1:10" x14ac:dyDescent="0.35">
      <c r="A604" s="1" t="s">
        <v>2414</v>
      </c>
      <c r="B604" s="1" t="s">
        <v>2415</v>
      </c>
      <c r="C604" s="1" t="s">
        <v>50</v>
      </c>
      <c r="D604" s="1" t="s">
        <v>2449</v>
      </c>
      <c r="E604" s="1" t="s">
        <v>2450</v>
      </c>
      <c r="F604" s="1" t="s">
        <v>2451</v>
      </c>
      <c r="G604" s="1" t="s">
        <v>2419</v>
      </c>
      <c r="H604" s="1" t="s">
        <v>13</v>
      </c>
      <c r="I604" s="1" t="s">
        <v>2420</v>
      </c>
      <c r="J604" s="1" t="s">
        <v>2452</v>
      </c>
    </row>
    <row r="605" spans="1:10" x14ac:dyDescent="0.35">
      <c r="A605" s="1" t="s">
        <v>2414</v>
      </c>
      <c r="B605" s="1" t="s">
        <v>2415</v>
      </c>
      <c r="C605" s="1" t="s">
        <v>55</v>
      </c>
      <c r="D605" s="1" t="s">
        <v>2453</v>
      </c>
      <c r="E605" s="1" t="s">
        <v>2454</v>
      </c>
      <c r="F605" s="1" t="s">
        <v>2455</v>
      </c>
      <c r="G605" s="1" t="s">
        <v>2419</v>
      </c>
      <c r="H605" s="1" t="s">
        <v>13</v>
      </c>
      <c r="I605" s="1" t="s">
        <v>2420</v>
      </c>
      <c r="J605" s="1" t="s">
        <v>2456</v>
      </c>
    </row>
    <row r="606" spans="1:10" x14ac:dyDescent="0.35">
      <c r="A606" s="1" t="s">
        <v>2414</v>
      </c>
      <c r="B606" s="1" t="s">
        <v>2415</v>
      </c>
      <c r="C606" s="1" t="s">
        <v>60</v>
      </c>
      <c r="D606" s="1" t="s">
        <v>2457</v>
      </c>
      <c r="E606" s="1" t="s">
        <v>2458</v>
      </c>
      <c r="F606" s="1" t="s">
        <v>2459</v>
      </c>
      <c r="G606" s="1" t="s">
        <v>2419</v>
      </c>
      <c r="H606" s="1" t="s">
        <v>13</v>
      </c>
      <c r="I606" s="1" t="s">
        <v>2420</v>
      </c>
      <c r="J606" s="1" t="s">
        <v>2460</v>
      </c>
    </row>
    <row r="607" spans="1:10" x14ac:dyDescent="0.35">
      <c r="A607" s="1" t="s">
        <v>2414</v>
      </c>
      <c r="B607" s="1" t="s">
        <v>2415</v>
      </c>
      <c r="C607" s="1" t="s">
        <v>65</v>
      </c>
      <c r="D607" s="1" t="s">
        <v>2461</v>
      </c>
      <c r="E607" s="1" t="s">
        <v>2462</v>
      </c>
      <c r="F607" s="1" t="s">
        <v>2463</v>
      </c>
      <c r="G607" s="1" t="s">
        <v>2419</v>
      </c>
      <c r="H607" s="1" t="s">
        <v>13</v>
      </c>
      <c r="I607" s="1" t="s">
        <v>2420</v>
      </c>
      <c r="J607" s="1" t="s">
        <v>2464</v>
      </c>
    </row>
    <row r="608" spans="1:10" x14ac:dyDescent="0.35">
      <c r="A608" s="1" t="s">
        <v>2414</v>
      </c>
      <c r="B608" s="1" t="s">
        <v>2415</v>
      </c>
      <c r="C608" s="1" t="s">
        <v>70</v>
      </c>
      <c r="D608" s="1" t="s">
        <v>2465</v>
      </c>
      <c r="E608" s="1" t="s">
        <v>2466</v>
      </c>
      <c r="F608" s="1" t="s">
        <v>2467</v>
      </c>
      <c r="G608" s="1" t="s">
        <v>2419</v>
      </c>
      <c r="H608" s="1" t="s">
        <v>13</v>
      </c>
      <c r="I608" s="1" t="s">
        <v>2420</v>
      </c>
      <c r="J608" s="1" t="s">
        <v>2468</v>
      </c>
    </row>
    <row r="609" spans="1:10" x14ac:dyDescent="0.35">
      <c r="A609" s="1" t="s">
        <v>2414</v>
      </c>
      <c r="B609" s="1" t="s">
        <v>2415</v>
      </c>
      <c r="C609" s="1" t="s">
        <v>75</v>
      </c>
      <c r="D609" s="1" t="s">
        <v>2469</v>
      </c>
      <c r="E609" s="1" t="s">
        <v>2470</v>
      </c>
      <c r="F609" s="1" t="s">
        <v>2471</v>
      </c>
      <c r="G609" s="1" t="s">
        <v>2419</v>
      </c>
      <c r="H609" s="1" t="s">
        <v>13</v>
      </c>
      <c r="I609" s="1" t="s">
        <v>2420</v>
      </c>
      <c r="J609" s="1" t="s">
        <v>2472</v>
      </c>
    </row>
    <row r="610" spans="1:10" x14ac:dyDescent="0.35">
      <c r="A610" s="1" t="s">
        <v>2414</v>
      </c>
      <c r="B610" s="1" t="s">
        <v>2415</v>
      </c>
      <c r="C610" s="1" t="s">
        <v>80</v>
      </c>
      <c r="D610" s="1" t="s">
        <v>2473</v>
      </c>
      <c r="E610" s="1" t="s">
        <v>2474</v>
      </c>
      <c r="F610" s="1" t="s">
        <v>2475</v>
      </c>
      <c r="G610" s="1" t="s">
        <v>2419</v>
      </c>
      <c r="H610" s="1" t="s">
        <v>13</v>
      </c>
      <c r="I610" s="1" t="s">
        <v>2420</v>
      </c>
      <c r="J610" s="1" t="s">
        <v>2476</v>
      </c>
    </row>
    <row r="611" spans="1:10" x14ac:dyDescent="0.35">
      <c r="A611" s="1" t="s">
        <v>2414</v>
      </c>
      <c r="B611" s="1" t="s">
        <v>2415</v>
      </c>
      <c r="C611" s="1" t="s">
        <v>85</v>
      </c>
      <c r="D611" s="1" t="s">
        <v>2477</v>
      </c>
      <c r="E611" s="1" t="s">
        <v>2478</v>
      </c>
      <c r="F611" s="1" t="s">
        <v>2479</v>
      </c>
      <c r="G611" s="1" t="s">
        <v>2419</v>
      </c>
      <c r="H611" s="1" t="s">
        <v>13</v>
      </c>
      <c r="I611" s="1" t="s">
        <v>2420</v>
      </c>
      <c r="J611" s="1" t="s">
        <v>2480</v>
      </c>
    </row>
    <row r="612" spans="1:10" x14ac:dyDescent="0.35">
      <c r="A612" s="1" t="s">
        <v>2414</v>
      </c>
      <c r="B612" s="1" t="s">
        <v>2415</v>
      </c>
      <c r="C612" s="1" t="s">
        <v>90</v>
      </c>
      <c r="D612" s="1" t="s">
        <v>2481</v>
      </c>
      <c r="E612" s="1" t="s">
        <v>2482</v>
      </c>
      <c r="F612" s="1" t="s">
        <v>2483</v>
      </c>
      <c r="G612" s="1" t="s">
        <v>2419</v>
      </c>
      <c r="H612" s="1" t="s">
        <v>13</v>
      </c>
      <c r="I612" s="1" t="s">
        <v>2420</v>
      </c>
      <c r="J612" s="1" t="s">
        <v>2484</v>
      </c>
    </row>
    <row r="613" spans="1:10" x14ac:dyDescent="0.35">
      <c r="A613" s="1" t="s">
        <v>2414</v>
      </c>
      <c r="B613" s="1" t="s">
        <v>2415</v>
      </c>
      <c r="C613" s="1" t="s">
        <v>95</v>
      </c>
      <c r="D613" s="1" t="s">
        <v>2485</v>
      </c>
      <c r="E613" s="1" t="s">
        <v>2486</v>
      </c>
      <c r="F613" s="1" t="s">
        <v>2487</v>
      </c>
      <c r="G613" s="1" t="s">
        <v>2419</v>
      </c>
      <c r="H613" s="1" t="s">
        <v>13</v>
      </c>
      <c r="I613" s="1" t="s">
        <v>2420</v>
      </c>
      <c r="J613" s="1" t="s">
        <v>2488</v>
      </c>
    </row>
    <row r="614" spans="1:10" x14ac:dyDescent="0.35">
      <c r="A614" s="1" t="s">
        <v>2414</v>
      </c>
      <c r="B614" s="1" t="s">
        <v>2415</v>
      </c>
      <c r="C614" s="1" t="s">
        <v>100</v>
      </c>
      <c r="D614" s="1" t="s">
        <v>2489</v>
      </c>
      <c r="E614" s="1" t="s">
        <v>2490</v>
      </c>
      <c r="F614" s="1" t="s">
        <v>2491</v>
      </c>
      <c r="G614" s="1" t="s">
        <v>2419</v>
      </c>
      <c r="H614" s="1" t="s">
        <v>13</v>
      </c>
      <c r="I614" s="1" t="s">
        <v>2420</v>
      </c>
      <c r="J614" s="1" t="s">
        <v>2492</v>
      </c>
    </row>
    <row r="615" spans="1:10" x14ac:dyDescent="0.35">
      <c r="A615" s="1" t="s">
        <v>2414</v>
      </c>
      <c r="B615" s="1" t="s">
        <v>2415</v>
      </c>
      <c r="C615" s="1" t="s">
        <v>105</v>
      </c>
      <c r="D615" s="1" t="s">
        <v>2493</v>
      </c>
      <c r="E615" s="1" t="s">
        <v>2494</v>
      </c>
      <c r="F615" s="1" t="s">
        <v>2495</v>
      </c>
      <c r="G615" s="1" t="s">
        <v>2419</v>
      </c>
      <c r="H615" s="1" t="s">
        <v>13</v>
      </c>
      <c r="I615" s="1" t="s">
        <v>2420</v>
      </c>
      <c r="J615" s="1" t="s">
        <v>2496</v>
      </c>
    </row>
    <row r="616" spans="1:10" x14ac:dyDescent="0.35">
      <c r="A616" s="1" t="s">
        <v>2414</v>
      </c>
      <c r="B616" s="1" t="s">
        <v>2415</v>
      </c>
      <c r="C616" s="1" t="s">
        <v>110</v>
      </c>
      <c r="D616" s="1" t="s">
        <v>2497</v>
      </c>
      <c r="E616" s="1" t="s">
        <v>2498</v>
      </c>
      <c r="F616" s="1" t="s">
        <v>2499</v>
      </c>
      <c r="G616" s="1" t="s">
        <v>2419</v>
      </c>
      <c r="H616" s="1" t="s">
        <v>13</v>
      </c>
      <c r="I616" s="1" t="s">
        <v>2420</v>
      </c>
      <c r="J616" s="1" t="s">
        <v>2500</v>
      </c>
    </row>
    <row r="617" spans="1:10" x14ac:dyDescent="0.35">
      <c r="A617" s="1" t="s">
        <v>2414</v>
      </c>
      <c r="B617" s="1" t="s">
        <v>2415</v>
      </c>
      <c r="C617" s="1" t="s">
        <v>115</v>
      </c>
      <c r="D617" s="1" t="s">
        <v>2501</v>
      </c>
      <c r="E617" s="1" t="s">
        <v>2502</v>
      </c>
      <c r="F617" s="1" t="s">
        <v>2503</v>
      </c>
      <c r="G617" s="1" t="s">
        <v>2419</v>
      </c>
      <c r="H617" s="1" t="s">
        <v>13</v>
      </c>
      <c r="I617" s="1" t="s">
        <v>2420</v>
      </c>
      <c r="J617" s="1" t="s">
        <v>2504</v>
      </c>
    </row>
    <row r="618" spans="1:10" x14ac:dyDescent="0.35">
      <c r="A618" s="1" t="s">
        <v>2414</v>
      </c>
      <c r="B618" s="1" t="s">
        <v>2415</v>
      </c>
      <c r="C618" s="1" t="s">
        <v>120</v>
      </c>
      <c r="D618" s="1" t="s">
        <v>2505</v>
      </c>
      <c r="E618" s="1" t="s">
        <v>2506</v>
      </c>
      <c r="F618" s="1" t="s">
        <v>2507</v>
      </c>
      <c r="G618" s="1" t="s">
        <v>2419</v>
      </c>
      <c r="H618" s="1" t="s">
        <v>13</v>
      </c>
      <c r="I618" s="1" t="s">
        <v>2420</v>
      </c>
      <c r="J618" s="1" t="s">
        <v>2508</v>
      </c>
    </row>
    <row r="619" spans="1:10" x14ac:dyDescent="0.35">
      <c r="A619" s="1" t="s">
        <v>2414</v>
      </c>
      <c r="B619" s="1" t="s">
        <v>2415</v>
      </c>
      <c r="C619" s="1" t="s">
        <v>125</v>
      </c>
      <c r="D619" s="1" t="s">
        <v>2509</v>
      </c>
      <c r="E619" s="1" t="s">
        <v>2510</v>
      </c>
      <c r="F619" s="1" t="s">
        <v>2511</v>
      </c>
      <c r="G619" s="1" t="s">
        <v>2419</v>
      </c>
      <c r="H619" s="1" t="s">
        <v>13</v>
      </c>
      <c r="I619" s="1" t="s">
        <v>2420</v>
      </c>
      <c r="J619" s="1" t="s">
        <v>2512</v>
      </c>
    </row>
    <row r="620" spans="1:10" x14ac:dyDescent="0.35">
      <c r="A620" s="1" t="s">
        <v>2414</v>
      </c>
      <c r="B620" s="1" t="s">
        <v>2415</v>
      </c>
      <c r="C620" s="1" t="s">
        <v>130</v>
      </c>
      <c r="D620" s="1" t="s">
        <v>2513</v>
      </c>
      <c r="E620" s="1" t="s">
        <v>2514</v>
      </c>
      <c r="F620" s="1" t="s">
        <v>2515</v>
      </c>
      <c r="G620" s="1" t="s">
        <v>2419</v>
      </c>
      <c r="H620" s="1" t="s">
        <v>13</v>
      </c>
      <c r="I620" s="1" t="s">
        <v>2420</v>
      </c>
      <c r="J620" s="1" t="s">
        <v>2516</v>
      </c>
    </row>
    <row r="621" spans="1:10" x14ac:dyDescent="0.35">
      <c r="A621" s="1" t="s">
        <v>2414</v>
      </c>
      <c r="B621" s="1" t="s">
        <v>2415</v>
      </c>
      <c r="C621" s="1" t="s">
        <v>135</v>
      </c>
      <c r="D621" s="1" t="s">
        <v>2517</v>
      </c>
      <c r="E621" s="1" t="s">
        <v>2518</v>
      </c>
      <c r="F621" s="1" t="s">
        <v>2519</v>
      </c>
      <c r="G621" s="1" t="s">
        <v>2419</v>
      </c>
      <c r="H621" s="1" t="s">
        <v>13</v>
      </c>
      <c r="I621" s="1" t="s">
        <v>2420</v>
      </c>
      <c r="J621" s="1" t="s">
        <v>2520</v>
      </c>
    </row>
    <row r="622" spans="1:10" x14ac:dyDescent="0.35">
      <c r="A622" s="1" t="s">
        <v>2414</v>
      </c>
      <c r="B622" s="1" t="s">
        <v>2415</v>
      </c>
      <c r="C622" s="1" t="s">
        <v>140</v>
      </c>
      <c r="D622" s="1" t="s">
        <v>2521</v>
      </c>
      <c r="E622" s="1" t="s">
        <v>2522</v>
      </c>
      <c r="F622" s="1" t="s">
        <v>2523</v>
      </c>
      <c r="G622" s="1" t="s">
        <v>2419</v>
      </c>
      <c r="H622" s="1" t="s">
        <v>13</v>
      </c>
      <c r="I622" s="1" t="s">
        <v>2420</v>
      </c>
      <c r="J622" s="1" t="s">
        <v>2524</v>
      </c>
    </row>
    <row r="623" spans="1:10" x14ac:dyDescent="0.35">
      <c r="A623" s="1" t="s">
        <v>2414</v>
      </c>
      <c r="B623" s="1" t="s">
        <v>2415</v>
      </c>
      <c r="C623" s="1" t="s">
        <v>145</v>
      </c>
      <c r="D623" s="1" t="s">
        <v>2525</v>
      </c>
      <c r="E623" s="1" t="s">
        <v>2526</v>
      </c>
      <c r="F623" s="1" t="s">
        <v>2527</v>
      </c>
      <c r="G623" s="1" t="s">
        <v>2419</v>
      </c>
      <c r="H623" s="1" t="s">
        <v>13</v>
      </c>
      <c r="I623" s="1" t="s">
        <v>2420</v>
      </c>
      <c r="J623" s="1" t="s">
        <v>2528</v>
      </c>
    </row>
    <row r="624" spans="1:10" x14ac:dyDescent="0.35">
      <c r="A624" s="1" t="s">
        <v>2414</v>
      </c>
      <c r="B624" s="1" t="s">
        <v>2415</v>
      </c>
      <c r="C624" s="1" t="s">
        <v>150</v>
      </c>
      <c r="D624" s="1" t="s">
        <v>2529</v>
      </c>
      <c r="E624" s="1" t="s">
        <v>2530</v>
      </c>
      <c r="F624" s="1" t="s">
        <v>2531</v>
      </c>
      <c r="G624" s="1" t="s">
        <v>2419</v>
      </c>
      <c r="H624" s="1" t="s">
        <v>13</v>
      </c>
      <c r="I624" s="1" t="s">
        <v>2420</v>
      </c>
      <c r="J624" s="1" t="s">
        <v>2532</v>
      </c>
    </row>
    <row r="625" spans="1:10" x14ac:dyDescent="0.35">
      <c r="A625" s="1" t="s">
        <v>2414</v>
      </c>
      <c r="B625" s="1" t="s">
        <v>2415</v>
      </c>
      <c r="C625" s="1" t="s">
        <v>155</v>
      </c>
      <c r="D625" s="1" t="s">
        <v>2533</v>
      </c>
      <c r="E625" s="1" t="s">
        <v>2534</v>
      </c>
      <c r="F625" s="1" t="s">
        <v>2535</v>
      </c>
      <c r="G625" s="1" t="s">
        <v>2419</v>
      </c>
      <c r="H625" s="1" t="s">
        <v>13</v>
      </c>
      <c r="I625" s="1" t="s">
        <v>2420</v>
      </c>
      <c r="J625" s="1" t="s">
        <v>2536</v>
      </c>
    </row>
    <row r="626" spans="1:10" x14ac:dyDescent="0.35">
      <c r="A626" s="1" t="s">
        <v>2414</v>
      </c>
      <c r="B626" s="1" t="s">
        <v>2415</v>
      </c>
      <c r="C626" s="1" t="s">
        <v>160</v>
      </c>
      <c r="D626" s="1" t="s">
        <v>2537</v>
      </c>
      <c r="E626" s="1" t="s">
        <v>2538</v>
      </c>
      <c r="F626" s="1" t="s">
        <v>2539</v>
      </c>
      <c r="G626" s="1" t="s">
        <v>2419</v>
      </c>
      <c r="H626" s="1" t="s">
        <v>13</v>
      </c>
      <c r="I626" s="1" t="s">
        <v>2420</v>
      </c>
      <c r="J626" s="1" t="s">
        <v>2540</v>
      </c>
    </row>
    <row r="627" spans="1:10" x14ac:dyDescent="0.35">
      <c r="A627" s="1" t="s">
        <v>2414</v>
      </c>
      <c r="B627" s="1" t="s">
        <v>2415</v>
      </c>
      <c r="C627" s="1" t="s">
        <v>165</v>
      </c>
      <c r="D627" s="1" t="s">
        <v>2541</v>
      </c>
      <c r="E627" s="1" t="s">
        <v>2542</v>
      </c>
      <c r="F627" s="1" t="s">
        <v>2543</v>
      </c>
      <c r="G627" s="1" t="s">
        <v>2419</v>
      </c>
      <c r="H627" s="1" t="s">
        <v>13</v>
      </c>
      <c r="I627" s="1" t="s">
        <v>2420</v>
      </c>
      <c r="J627" s="1" t="s">
        <v>2544</v>
      </c>
    </row>
    <row r="628" spans="1:10" x14ac:dyDescent="0.35">
      <c r="A628" s="1" t="s">
        <v>2414</v>
      </c>
      <c r="B628" s="1" t="s">
        <v>2415</v>
      </c>
      <c r="C628" s="1" t="s">
        <v>170</v>
      </c>
      <c r="D628" s="1" t="s">
        <v>2545</v>
      </c>
      <c r="E628" s="1" t="s">
        <v>2546</v>
      </c>
      <c r="F628" s="1" t="s">
        <v>2547</v>
      </c>
      <c r="G628" s="1" t="s">
        <v>2419</v>
      </c>
      <c r="H628" s="1" t="s">
        <v>13</v>
      </c>
      <c r="I628" s="1" t="s">
        <v>2420</v>
      </c>
      <c r="J628" s="1" t="s">
        <v>2548</v>
      </c>
    </row>
    <row r="629" spans="1:10" x14ac:dyDescent="0.35">
      <c r="A629" s="1" t="s">
        <v>2549</v>
      </c>
      <c r="B629" s="1" t="s">
        <v>2550</v>
      </c>
      <c r="C629" s="1" t="s">
        <v>8</v>
      </c>
      <c r="D629" s="1" t="s">
        <v>2551</v>
      </c>
      <c r="E629" s="1" t="s">
        <v>2552</v>
      </c>
      <c r="F629" s="1" t="s">
        <v>2553</v>
      </c>
      <c r="G629" s="1" t="s">
        <v>2554</v>
      </c>
      <c r="H629" s="1" t="s">
        <v>13</v>
      </c>
      <c r="I629" s="1" t="s">
        <v>2555</v>
      </c>
      <c r="J629" s="1" t="s">
        <v>13</v>
      </c>
    </row>
    <row r="630" spans="1:10" x14ac:dyDescent="0.35">
      <c r="A630" s="1" t="s">
        <v>2549</v>
      </c>
      <c r="B630" s="1" t="s">
        <v>2550</v>
      </c>
      <c r="C630" s="1" t="s">
        <v>15</v>
      </c>
      <c r="D630" s="1" t="s">
        <v>2556</v>
      </c>
      <c r="E630" s="1" t="s">
        <v>2557</v>
      </c>
      <c r="F630" s="1" t="s">
        <v>2558</v>
      </c>
      <c r="G630" s="1" t="s">
        <v>2554</v>
      </c>
      <c r="H630" s="1" t="s">
        <v>13</v>
      </c>
      <c r="I630" s="1" t="s">
        <v>2555</v>
      </c>
      <c r="J630" s="1" t="s">
        <v>2559</v>
      </c>
    </row>
    <row r="631" spans="1:10" x14ac:dyDescent="0.35">
      <c r="A631" s="1" t="s">
        <v>2549</v>
      </c>
      <c r="B631" s="1" t="s">
        <v>2550</v>
      </c>
      <c r="C631" s="1" t="s">
        <v>20</v>
      </c>
      <c r="D631" s="1" t="s">
        <v>2560</v>
      </c>
      <c r="E631" s="1" t="s">
        <v>2561</v>
      </c>
      <c r="F631" s="1" t="s">
        <v>2562</v>
      </c>
      <c r="G631" s="1" t="s">
        <v>2554</v>
      </c>
      <c r="H631" s="1" t="s">
        <v>13</v>
      </c>
      <c r="I631" s="1" t="s">
        <v>2555</v>
      </c>
      <c r="J631" s="1" t="s">
        <v>2563</v>
      </c>
    </row>
    <row r="632" spans="1:10" x14ac:dyDescent="0.35">
      <c r="A632" s="1" t="s">
        <v>2549</v>
      </c>
      <c r="B632" s="1" t="s">
        <v>2550</v>
      </c>
      <c r="C632" s="1" t="s">
        <v>25</v>
      </c>
      <c r="D632" s="1" t="s">
        <v>2564</v>
      </c>
      <c r="E632" s="1" t="s">
        <v>2565</v>
      </c>
      <c r="F632" s="1" t="s">
        <v>2566</v>
      </c>
      <c r="G632" s="1" t="s">
        <v>2554</v>
      </c>
      <c r="H632" s="1" t="s">
        <v>13</v>
      </c>
      <c r="I632" s="1" t="s">
        <v>2555</v>
      </c>
      <c r="J632" s="1" t="s">
        <v>2567</v>
      </c>
    </row>
    <row r="633" spans="1:10" x14ac:dyDescent="0.35">
      <c r="A633" s="1" t="s">
        <v>2549</v>
      </c>
      <c r="B633" s="1" t="s">
        <v>2550</v>
      </c>
      <c r="C633" s="1" t="s">
        <v>30</v>
      </c>
      <c r="D633" s="1" t="s">
        <v>2568</v>
      </c>
      <c r="E633" s="1" t="s">
        <v>2569</v>
      </c>
      <c r="F633" s="1" t="s">
        <v>2570</v>
      </c>
      <c r="G633" s="1" t="s">
        <v>2554</v>
      </c>
      <c r="H633" s="1" t="s">
        <v>13</v>
      </c>
      <c r="I633" s="1" t="s">
        <v>2555</v>
      </c>
      <c r="J633" s="1" t="s">
        <v>2571</v>
      </c>
    </row>
    <row r="634" spans="1:10" x14ac:dyDescent="0.35">
      <c r="A634" s="1" t="s">
        <v>2549</v>
      </c>
      <c r="B634" s="1" t="s">
        <v>2550</v>
      </c>
      <c r="C634" s="1" t="s">
        <v>35</v>
      </c>
      <c r="D634" s="1" t="s">
        <v>2572</v>
      </c>
      <c r="E634" s="1" t="s">
        <v>2573</v>
      </c>
      <c r="F634" s="1" t="s">
        <v>2574</v>
      </c>
      <c r="G634" s="1" t="s">
        <v>2554</v>
      </c>
      <c r="H634" s="1" t="s">
        <v>13</v>
      </c>
      <c r="I634" s="1" t="s">
        <v>2555</v>
      </c>
      <c r="J634" s="1" t="s">
        <v>2575</v>
      </c>
    </row>
    <row r="635" spans="1:10" x14ac:dyDescent="0.35">
      <c r="A635" s="1" t="s">
        <v>2549</v>
      </c>
      <c r="B635" s="1" t="s">
        <v>2550</v>
      </c>
      <c r="C635" s="1" t="s">
        <v>40</v>
      </c>
      <c r="D635" s="1" t="s">
        <v>2576</v>
      </c>
      <c r="E635" s="1" t="s">
        <v>2577</v>
      </c>
      <c r="F635" s="1" t="s">
        <v>2578</v>
      </c>
      <c r="G635" s="1" t="s">
        <v>2554</v>
      </c>
      <c r="H635" s="1" t="s">
        <v>13</v>
      </c>
      <c r="I635" s="1" t="s">
        <v>2555</v>
      </c>
      <c r="J635" s="1" t="s">
        <v>2579</v>
      </c>
    </row>
    <row r="636" spans="1:10" x14ac:dyDescent="0.35">
      <c r="A636" s="1" t="s">
        <v>2549</v>
      </c>
      <c r="B636" s="1" t="s">
        <v>2550</v>
      </c>
      <c r="C636" s="1" t="s">
        <v>45</v>
      </c>
      <c r="D636" s="1" t="s">
        <v>2580</v>
      </c>
      <c r="E636" s="1" t="s">
        <v>2581</v>
      </c>
      <c r="F636" s="1" t="s">
        <v>2582</v>
      </c>
      <c r="G636" s="1" t="s">
        <v>2554</v>
      </c>
      <c r="H636" s="1" t="s">
        <v>13</v>
      </c>
      <c r="I636" s="1" t="s">
        <v>2555</v>
      </c>
      <c r="J636" s="1" t="s">
        <v>2583</v>
      </c>
    </row>
    <row r="637" spans="1:10" x14ac:dyDescent="0.35">
      <c r="A637" s="1" t="s">
        <v>2549</v>
      </c>
      <c r="B637" s="1" t="s">
        <v>2550</v>
      </c>
      <c r="C637" s="1" t="s">
        <v>50</v>
      </c>
      <c r="D637" s="1" t="s">
        <v>2584</v>
      </c>
      <c r="E637" s="1" t="s">
        <v>2585</v>
      </c>
      <c r="F637" s="1" t="s">
        <v>2586</v>
      </c>
      <c r="G637" s="1" t="s">
        <v>2554</v>
      </c>
      <c r="H637" s="1" t="s">
        <v>13</v>
      </c>
      <c r="I637" s="1" t="s">
        <v>2555</v>
      </c>
      <c r="J637" s="1" t="s">
        <v>2587</v>
      </c>
    </row>
    <row r="638" spans="1:10" x14ac:dyDescent="0.35">
      <c r="A638" s="1" t="s">
        <v>2549</v>
      </c>
      <c r="B638" s="1" t="s">
        <v>2550</v>
      </c>
      <c r="C638" s="1" t="s">
        <v>55</v>
      </c>
      <c r="D638" s="1" t="s">
        <v>2588</v>
      </c>
      <c r="E638" s="1" t="s">
        <v>2589</v>
      </c>
      <c r="F638" s="1" t="s">
        <v>2590</v>
      </c>
      <c r="G638" s="1" t="s">
        <v>2554</v>
      </c>
      <c r="H638" s="1" t="s">
        <v>13</v>
      </c>
      <c r="I638" s="1" t="s">
        <v>2555</v>
      </c>
      <c r="J638" s="1" t="s">
        <v>2591</v>
      </c>
    </row>
    <row r="639" spans="1:10" x14ac:dyDescent="0.35">
      <c r="A639" s="1" t="s">
        <v>2549</v>
      </c>
      <c r="B639" s="1" t="s">
        <v>2550</v>
      </c>
      <c r="C639" s="1" t="s">
        <v>60</v>
      </c>
      <c r="D639" s="1" t="s">
        <v>2592</v>
      </c>
      <c r="E639" s="1" t="s">
        <v>2593</v>
      </c>
      <c r="F639" s="1" t="s">
        <v>2594</v>
      </c>
      <c r="G639" s="1" t="s">
        <v>2554</v>
      </c>
      <c r="H639" s="1" t="s">
        <v>13</v>
      </c>
      <c r="I639" s="1" t="s">
        <v>2555</v>
      </c>
      <c r="J639" s="1" t="s">
        <v>2595</v>
      </c>
    </row>
    <row r="640" spans="1:10" x14ac:dyDescent="0.35">
      <c r="A640" s="1" t="s">
        <v>2549</v>
      </c>
      <c r="B640" s="1" t="s">
        <v>2550</v>
      </c>
      <c r="C640" s="1" t="s">
        <v>65</v>
      </c>
      <c r="D640" s="1" t="s">
        <v>2596</v>
      </c>
      <c r="E640" s="1" t="s">
        <v>2597</v>
      </c>
      <c r="F640" s="1" t="s">
        <v>2598</v>
      </c>
      <c r="G640" s="1" t="s">
        <v>2554</v>
      </c>
      <c r="H640" s="1" t="s">
        <v>13</v>
      </c>
      <c r="I640" s="1" t="s">
        <v>2555</v>
      </c>
      <c r="J640" s="1" t="s">
        <v>2599</v>
      </c>
    </row>
    <row r="641" spans="1:10" x14ac:dyDescent="0.35">
      <c r="A641" s="1" t="s">
        <v>2549</v>
      </c>
      <c r="B641" s="1" t="s">
        <v>2550</v>
      </c>
      <c r="C641" s="1" t="s">
        <v>70</v>
      </c>
      <c r="D641" s="1" t="s">
        <v>194</v>
      </c>
      <c r="E641" s="1" t="s">
        <v>2600</v>
      </c>
      <c r="F641" s="1" t="s">
        <v>2601</v>
      </c>
      <c r="G641" s="1" t="s">
        <v>2554</v>
      </c>
      <c r="H641" s="1" t="s">
        <v>13</v>
      </c>
      <c r="I641" s="1" t="s">
        <v>2555</v>
      </c>
      <c r="J641" s="1" t="s">
        <v>2602</v>
      </c>
    </row>
    <row r="642" spans="1:10" x14ac:dyDescent="0.35">
      <c r="A642" s="1" t="s">
        <v>2549</v>
      </c>
      <c r="B642" s="1" t="s">
        <v>2550</v>
      </c>
      <c r="C642" s="1" t="s">
        <v>75</v>
      </c>
      <c r="D642" s="1" t="s">
        <v>2603</v>
      </c>
      <c r="E642" s="1" t="s">
        <v>2604</v>
      </c>
      <c r="F642" s="1" t="s">
        <v>2605</v>
      </c>
      <c r="G642" s="1" t="s">
        <v>2554</v>
      </c>
      <c r="H642" s="1" t="s">
        <v>13</v>
      </c>
      <c r="I642" s="1" t="s">
        <v>2555</v>
      </c>
      <c r="J642" s="1" t="s">
        <v>2606</v>
      </c>
    </row>
    <row r="643" spans="1:10" x14ac:dyDescent="0.35">
      <c r="A643" s="1" t="s">
        <v>2549</v>
      </c>
      <c r="B643" s="1" t="s">
        <v>2550</v>
      </c>
      <c r="C643" s="1" t="s">
        <v>80</v>
      </c>
      <c r="D643" s="1" t="s">
        <v>2607</v>
      </c>
      <c r="E643" s="1" t="s">
        <v>2608</v>
      </c>
      <c r="F643" s="1" t="s">
        <v>2609</v>
      </c>
      <c r="G643" s="1" t="s">
        <v>2554</v>
      </c>
      <c r="H643" s="1" t="s">
        <v>13</v>
      </c>
      <c r="I643" s="1" t="s">
        <v>2555</v>
      </c>
      <c r="J643" s="1" t="s">
        <v>2610</v>
      </c>
    </row>
    <row r="644" spans="1:10" x14ac:dyDescent="0.35">
      <c r="A644" s="1" t="s">
        <v>2549</v>
      </c>
      <c r="B644" s="1" t="s">
        <v>2550</v>
      </c>
      <c r="C644" s="1" t="s">
        <v>85</v>
      </c>
      <c r="D644" s="1" t="s">
        <v>2611</v>
      </c>
      <c r="E644" s="1" t="s">
        <v>2612</v>
      </c>
      <c r="F644" s="1" t="s">
        <v>2613</v>
      </c>
      <c r="G644" s="1" t="s">
        <v>2554</v>
      </c>
      <c r="H644" s="1" t="s">
        <v>13</v>
      </c>
      <c r="I644" s="1" t="s">
        <v>2555</v>
      </c>
      <c r="J644" s="1" t="s">
        <v>2614</v>
      </c>
    </row>
    <row r="645" spans="1:10" x14ac:dyDescent="0.35">
      <c r="A645" s="1" t="s">
        <v>2549</v>
      </c>
      <c r="B645" s="1" t="s">
        <v>2550</v>
      </c>
      <c r="C645" s="1" t="s">
        <v>90</v>
      </c>
      <c r="D645" s="1" t="s">
        <v>2615</v>
      </c>
      <c r="E645" s="1" t="s">
        <v>2616</v>
      </c>
      <c r="F645" s="1" t="s">
        <v>2617</v>
      </c>
      <c r="G645" s="1" t="s">
        <v>2554</v>
      </c>
      <c r="H645" s="1" t="s">
        <v>13</v>
      </c>
      <c r="I645" s="1" t="s">
        <v>2555</v>
      </c>
      <c r="J645" s="1" t="s">
        <v>2618</v>
      </c>
    </row>
    <row r="646" spans="1:10" x14ac:dyDescent="0.35">
      <c r="A646" s="1" t="s">
        <v>2549</v>
      </c>
      <c r="B646" s="1" t="s">
        <v>2550</v>
      </c>
      <c r="C646" s="1" t="s">
        <v>95</v>
      </c>
      <c r="D646" s="1" t="s">
        <v>2619</v>
      </c>
      <c r="E646" s="1" t="s">
        <v>2620</v>
      </c>
      <c r="F646" s="1" t="s">
        <v>2621</v>
      </c>
      <c r="G646" s="1" t="s">
        <v>2554</v>
      </c>
      <c r="H646" s="1" t="s">
        <v>13</v>
      </c>
      <c r="I646" s="1" t="s">
        <v>2555</v>
      </c>
      <c r="J646" s="1" t="s">
        <v>2622</v>
      </c>
    </row>
    <row r="647" spans="1:10" x14ac:dyDescent="0.35">
      <c r="A647" s="1" t="s">
        <v>2549</v>
      </c>
      <c r="B647" s="1" t="s">
        <v>2550</v>
      </c>
      <c r="C647" s="1" t="s">
        <v>100</v>
      </c>
      <c r="D647" s="1" t="s">
        <v>2623</v>
      </c>
      <c r="E647" s="1" t="s">
        <v>2624</v>
      </c>
      <c r="F647" s="1" t="s">
        <v>2625</v>
      </c>
      <c r="G647" s="1" t="s">
        <v>2554</v>
      </c>
      <c r="H647" s="1" t="s">
        <v>13</v>
      </c>
      <c r="I647" s="1" t="s">
        <v>2555</v>
      </c>
      <c r="J647" s="1" t="s">
        <v>2626</v>
      </c>
    </row>
    <row r="648" spans="1:10" x14ac:dyDescent="0.35">
      <c r="A648" s="1" t="s">
        <v>2549</v>
      </c>
      <c r="B648" s="1" t="s">
        <v>2550</v>
      </c>
      <c r="C648" s="1" t="s">
        <v>105</v>
      </c>
      <c r="D648" s="1" t="s">
        <v>2627</v>
      </c>
      <c r="E648" s="1" t="s">
        <v>2628</v>
      </c>
      <c r="F648" s="1" t="s">
        <v>2629</v>
      </c>
      <c r="G648" s="1" t="s">
        <v>2554</v>
      </c>
      <c r="H648" s="1" t="s">
        <v>13</v>
      </c>
      <c r="I648" s="1" t="s">
        <v>2555</v>
      </c>
      <c r="J648" s="1" t="s">
        <v>2630</v>
      </c>
    </row>
    <row r="649" spans="1:10" x14ac:dyDescent="0.35">
      <c r="A649" s="1" t="s">
        <v>2549</v>
      </c>
      <c r="B649" s="1" t="s">
        <v>2550</v>
      </c>
      <c r="C649" s="1" t="s">
        <v>110</v>
      </c>
      <c r="D649" s="1" t="s">
        <v>2631</v>
      </c>
      <c r="E649" s="1" t="s">
        <v>2632</v>
      </c>
      <c r="F649" s="1" t="s">
        <v>2633</v>
      </c>
      <c r="G649" s="1" t="s">
        <v>2554</v>
      </c>
      <c r="H649" s="1" t="s">
        <v>13</v>
      </c>
      <c r="I649" s="1" t="s">
        <v>2555</v>
      </c>
      <c r="J649" s="1" t="s">
        <v>2634</v>
      </c>
    </row>
    <row r="650" spans="1:10" x14ac:dyDescent="0.35">
      <c r="A650" s="1" t="s">
        <v>2549</v>
      </c>
      <c r="B650" s="1" t="s">
        <v>2550</v>
      </c>
      <c r="C650" s="1" t="s">
        <v>115</v>
      </c>
      <c r="D650" s="1" t="s">
        <v>2635</v>
      </c>
      <c r="E650" s="1" t="s">
        <v>2636</v>
      </c>
      <c r="F650" s="1" t="s">
        <v>2637</v>
      </c>
      <c r="G650" s="1" t="s">
        <v>2554</v>
      </c>
      <c r="H650" s="1" t="s">
        <v>13</v>
      </c>
      <c r="I650" s="1" t="s">
        <v>2555</v>
      </c>
      <c r="J650" s="1" t="s">
        <v>2638</v>
      </c>
    </row>
    <row r="651" spans="1:10" x14ac:dyDescent="0.35">
      <c r="A651" s="1" t="s">
        <v>2549</v>
      </c>
      <c r="B651" s="1" t="s">
        <v>2550</v>
      </c>
      <c r="C651" s="1" t="s">
        <v>120</v>
      </c>
      <c r="D651" s="1" t="s">
        <v>2639</v>
      </c>
      <c r="E651" s="1" t="s">
        <v>2640</v>
      </c>
      <c r="F651" s="1" t="s">
        <v>2641</v>
      </c>
      <c r="G651" s="1" t="s">
        <v>2554</v>
      </c>
      <c r="H651" s="1" t="s">
        <v>13</v>
      </c>
      <c r="I651" s="1" t="s">
        <v>2555</v>
      </c>
      <c r="J651" s="1" t="s">
        <v>2642</v>
      </c>
    </row>
    <row r="652" spans="1:10" x14ac:dyDescent="0.35">
      <c r="A652" s="1" t="s">
        <v>2549</v>
      </c>
      <c r="B652" s="1" t="s">
        <v>2550</v>
      </c>
      <c r="C652" s="1" t="s">
        <v>125</v>
      </c>
      <c r="D652" s="1" t="s">
        <v>2643</v>
      </c>
      <c r="E652" s="1" t="s">
        <v>2644</v>
      </c>
      <c r="F652" s="1" t="s">
        <v>2645</v>
      </c>
      <c r="G652" s="1" t="s">
        <v>2554</v>
      </c>
      <c r="H652" s="1" t="s">
        <v>13</v>
      </c>
      <c r="I652" s="1" t="s">
        <v>2555</v>
      </c>
      <c r="J652" s="1" t="s">
        <v>2646</v>
      </c>
    </row>
    <row r="653" spans="1:10" x14ac:dyDescent="0.35">
      <c r="A653" s="1" t="s">
        <v>2549</v>
      </c>
      <c r="B653" s="1" t="s">
        <v>2550</v>
      </c>
      <c r="C653" s="1" t="s">
        <v>130</v>
      </c>
      <c r="D653" s="1" t="s">
        <v>2647</v>
      </c>
      <c r="E653" s="1" t="s">
        <v>2648</v>
      </c>
      <c r="F653" s="1" t="s">
        <v>2649</v>
      </c>
      <c r="G653" s="1" t="s">
        <v>2554</v>
      </c>
      <c r="H653" s="1" t="s">
        <v>13</v>
      </c>
      <c r="I653" s="1" t="s">
        <v>2555</v>
      </c>
      <c r="J653" s="1" t="s">
        <v>2650</v>
      </c>
    </row>
    <row r="654" spans="1:10" x14ac:dyDescent="0.35">
      <c r="A654" s="1" t="s">
        <v>2549</v>
      </c>
      <c r="B654" s="1" t="s">
        <v>2550</v>
      </c>
      <c r="C654" s="1" t="s">
        <v>135</v>
      </c>
      <c r="D654" s="1" t="s">
        <v>2651</v>
      </c>
      <c r="E654" s="1" t="s">
        <v>2652</v>
      </c>
      <c r="F654" s="1" t="s">
        <v>2653</v>
      </c>
      <c r="G654" s="1" t="s">
        <v>2554</v>
      </c>
      <c r="H654" s="1" t="s">
        <v>13</v>
      </c>
      <c r="I654" s="1" t="s">
        <v>2555</v>
      </c>
      <c r="J654" s="1" t="s">
        <v>2654</v>
      </c>
    </row>
    <row r="655" spans="1:10" x14ac:dyDescent="0.35">
      <c r="A655" s="1" t="s">
        <v>2549</v>
      </c>
      <c r="B655" s="1" t="s">
        <v>2550</v>
      </c>
      <c r="C655" s="1" t="s">
        <v>140</v>
      </c>
      <c r="D655" s="1" t="s">
        <v>2655</v>
      </c>
      <c r="E655" s="1" t="s">
        <v>2656</v>
      </c>
      <c r="F655" s="1" t="s">
        <v>2657</v>
      </c>
      <c r="G655" s="1" t="s">
        <v>2554</v>
      </c>
      <c r="H655" s="1" t="s">
        <v>13</v>
      </c>
      <c r="I655" s="1" t="s">
        <v>2555</v>
      </c>
      <c r="J655" s="1" t="s">
        <v>2658</v>
      </c>
    </row>
    <row r="656" spans="1:10" x14ac:dyDescent="0.35">
      <c r="A656" s="1" t="s">
        <v>2549</v>
      </c>
      <c r="B656" s="1" t="s">
        <v>2550</v>
      </c>
      <c r="C656" s="1" t="s">
        <v>145</v>
      </c>
      <c r="D656" s="1" t="s">
        <v>2659</v>
      </c>
      <c r="E656" s="1" t="s">
        <v>2660</v>
      </c>
      <c r="F656" s="1" t="s">
        <v>2661</v>
      </c>
      <c r="G656" s="1" t="s">
        <v>2554</v>
      </c>
      <c r="H656" s="1" t="s">
        <v>13</v>
      </c>
      <c r="I656" s="1" t="s">
        <v>2555</v>
      </c>
      <c r="J656" s="1" t="s">
        <v>2662</v>
      </c>
    </row>
    <row r="657" spans="1:10" x14ac:dyDescent="0.35">
      <c r="A657" s="1" t="s">
        <v>2549</v>
      </c>
      <c r="B657" s="1" t="s">
        <v>2550</v>
      </c>
      <c r="C657" s="1" t="s">
        <v>150</v>
      </c>
      <c r="D657" s="1" t="s">
        <v>2663</v>
      </c>
      <c r="E657" s="1" t="s">
        <v>2664</v>
      </c>
      <c r="F657" s="1" t="s">
        <v>2665</v>
      </c>
      <c r="G657" s="1" t="s">
        <v>2554</v>
      </c>
      <c r="H657" s="1" t="s">
        <v>13</v>
      </c>
      <c r="I657" s="1" t="s">
        <v>2555</v>
      </c>
      <c r="J657" s="1" t="s">
        <v>2666</v>
      </c>
    </row>
    <row r="658" spans="1:10" x14ac:dyDescent="0.35">
      <c r="A658" s="1" t="s">
        <v>2549</v>
      </c>
      <c r="B658" s="1" t="s">
        <v>2550</v>
      </c>
      <c r="C658" s="1" t="s">
        <v>155</v>
      </c>
      <c r="D658" s="1" t="s">
        <v>2667</v>
      </c>
      <c r="E658" s="1" t="s">
        <v>2668</v>
      </c>
      <c r="F658" s="1" t="s">
        <v>2669</v>
      </c>
      <c r="G658" s="1" t="s">
        <v>2554</v>
      </c>
      <c r="H658" s="1" t="s">
        <v>13</v>
      </c>
      <c r="I658" s="1" t="s">
        <v>2555</v>
      </c>
      <c r="J658" s="1" t="s">
        <v>2670</v>
      </c>
    </row>
    <row r="659" spans="1:10" x14ac:dyDescent="0.35">
      <c r="A659" s="1" t="s">
        <v>2549</v>
      </c>
      <c r="B659" s="1" t="s">
        <v>2550</v>
      </c>
      <c r="C659" s="1" t="s">
        <v>160</v>
      </c>
      <c r="D659" s="1" t="s">
        <v>2671</v>
      </c>
      <c r="E659" s="1" t="s">
        <v>2672</v>
      </c>
      <c r="F659" s="1" t="s">
        <v>2673</v>
      </c>
      <c r="G659" s="1" t="s">
        <v>2554</v>
      </c>
      <c r="H659" s="1" t="s">
        <v>13</v>
      </c>
      <c r="I659" s="1" t="s">
        <v>2555</v>
      </c>
      <c r="J659" s="1" t="s">
        <v>2674</v>
      </c>
    </row>
    <row r="660" spans="1:10" x14ac:dyDescent="0.35">
      <c r="A660" s="1" t="s">
        <v>2549</v>
      </c>
      <c r="B660" s="1" t="s">
        <v>2550</v>
      </c>
      <c r="C660" s="1" t="s">
        <v>165</v>
      </c>
      <c r="D660" s="1" t="s">
        <v>2675</v>
      </c>
      <c r="E660" s="1" t="s">
        <v>2676</v>
      </c>
      <c r="F660" s="1" t="s">
        <v>2677</v>
      </c>
      <c r="G660" s="1" t="s">
        <v>2554</v>
      </c>
      <c r="H660" s="1" t="s">
        <v>13</v>
      </c>
      <c r="I660" s="1" t="s">
        <v>2555</v>
      </c>
      <c r="J660" s="1" t="s">
        <v>2678</v>
      </c>
    </row>
    <row r="661" spans="1:10" x14ac:dyDescent="0.35">
      <c r="A661" s="1" t="s">
        <v>2549</v>
      </c>
      <c r="B661" s="1" t="s">
        <v>2550</v>
      </c>
      <c r="C661" s="1" t="s">
        <v>170</v>
      </c>
      <c r="D661" s="1" t="s">
        <v>2679</v>
      </c>
      <c r="E661" s="1" t="s">
        <v>2680</v>
      </c>
      <c r="F661" s="1" t="s">
        <v>2681</v>
      </c>
      <c r="G661" s="1" t="s">
        <v>2554</v>
      </c>
      <c r="H661" s="1" t="s">
        <v>13</v>
      </c>
      <c r="I661" s="1" t="s">
        <v>2555</v>
      </c>
      <c r="J661" s="1" t="s">
        <v>2682</v>
      </c>
    </row>
    <row r="662" spans="1:10" x14ac:dyDescent="0.35">
      <c r="A662" s="1" t="s">
        <v>2683</v>
      </c>
      <c r="B662" s="1" t="s">
        <v>2684</v>
      </c>
      <c r="C662" s="1" t="s">
        <v>8</v>
      </c>
      <c r="D662" s="1" t="s">
        <v>2685</v>
      </c>
      <c r="E662" s="1" t="s">
        <v>2686</v>
      </c>
      <c r="F662" s="1" t="s">
        <v>2687</v>
      </c>
      <c r="G662" s="1" t="s">
        <v>2688</v>
      </c>
      <c r="H662" s="1" t="s">
        <v>13</v>
      </c>
      <c r="I662" s="1" t="s">
        <v>2689</v>
      </c>
      <c r="J662" s="1" t="s">
        <v>13</v>
      </c>
    </row>
    <row r="663" spans="1:10" x14ac:dyDescent="0.35">
      <c r="A663" s="1" t="s">
        <v>2683</v>
      </c>
      <c r="B663" s="1" t="s">
        <v>2684</v>
      </c>
      <c r="C663" s="1" t="s">
        <v>15</v>
      </c>
      <c r="D663" s="1" t="s">
        <v>2690</v>
      </c>
      <c r="E663" s="1" t="s">
        <v>2691</v>
      </c>
      <c r="F663" s="1" t="s">
        <v>2692</v>
      </c>
      <c r="G663" s="1" t="s">
        <v>2688</v>
      </c>
      <c r="H663" s="1" t="s">
        <v>13</v>
      </c>
      <c r="I663" s="1" t="s">
        <v>2689</v>
      </c>
      <c r="J663" s="1" t="s">
        <v>2693</v>
      </c>
    </row>
    <row r="664" spans="1:10" x14ac:dyDescent="0.35">
      <c r="A664" s="1" t="s">
        <v>2683</v>
      </c>
      <c r="B664" s="1" t="s">
        <v>2684</v>
      </c>
      <c r="C664" s="1" t="s">
        <v>20</v>
      </c>
      <c r="D664" s="1" t="s">
        <v>2694</v>
      </c>
      <c r="E664" s="1" t="s">
        <v>2695</v>
      </c>
      <c r="F664" s="1" t="s">
        <v>2696</v>
      </c>
      <c r="G664" s="1" t="s">
        <v>2688</v>
      </c>
      <c r="H664" s="1" t="s">
        <v>13</v>
      </c>
      <c r="I664" s="1" t="s">
        <v>2689</v>
      </c>
      <c r="J664" s="1" t="s">
        <v>2697</v>
      </c>
    </row>
    <row r="665" spans="1:10" x14ac:dyDescent="0.35">
      <c r="A665" s="1" t="s">
        <v>2683</v>
      </c>
      <c r="B665" s="1" t="s">
        <v>2684</v>
      </c>
      <c r="C665" s="1" t="s">
        <v>25</v>
      </c>
      <c r="D665" s="1" t="s">
        <v>2698</v>
      </c>
      <c r="E665" s="1" t="s">
        <v>2699</v>
      </c>
      <c r="F665" s="1" t="s">
        <v>2700</v>
      </c>
      <c r="G665" s="1" t="s">
        <v>2688</v>
      </c>
      <c r="H665" s="1" t="s">
        <v>13</v>
      </c>
      <c r="I665" s="1" t="s">
        <v>2689</v>
      </c>
      <c r="J665" s="1" t="s">
        <v>2701</v>
      </c>
    </row>
    <row r="666" spans="1:10" x14ac:dyDescent="0.35">
      <c r="A666" s="1" t="s">
        <v>2683</v>
      </c>
      <c r="B666" s="1" t="s">
        <v>2684</v>
      </c>
      <c r="C666" s="1" t="s">
        <v>30</v>
      </c>
      <c r="D666" s="1" t="s">
        <v>2702</v>
      </c>
      <c r="E666" s="1" t="s">
        <v>2703</v>
      </c>
      <c r="F666" s="1" t="s">
        <v>2704</v>
      </c>
      <c r="G666" s="1" t="s">
        <v>2688</v>
      </c>
      <c r="H666" s="1" t="s">
        <v>13</v>
      </c>
      <c r="I666" s="1" t="s">
        <v>2689</v>
      </c>
      <c r="J666" s="1" t="s">
        <v>2705</v>
      </c>
    </row>
    <row r="667" spans="1:10" x14ac:dyDescent="0.35">
      <c r="A667" s="1" t="s">
        <v>2683</v>
      </c>
      <c r="B667" s="1" t="s">
        <v>2684</v>
      </c>
      <c r="C667" s="1" t="s">
        <v>35</v>
      </c>
      <c r="D667" s="1" t="s">
        <v>2706</v>
      </c>
      <c r="E667" s="1" t="s">
        <v>2707</v>
      </c>
      <c r="F667" s="1" t="s">
        <v>2708</v>
      </c>
      <c r="G667" s="1" t="s">
        <v>2688</v>
      </c>
      <c r="H667" s="1" t="s">
        <v>13</v>
      </c>
      <c r="I667" s="1" t="s">
        <v>2689</v>
      </c>
      <c r="J667" s="1" t="s">
        <v>2709</v>
      </c>
    </row>
    <row r="668" spans="1:10" x14ac:dyDescent="0.35">
      <c r="A668" s="1" t="s">
        <v>2683</v>
      </c>
      <c r="B668" s="1" t="s">
        <v>2684</v>
      </c>
      <c r="C668" s="1" t="s">
        <v>40</v>
      </c>
      <c r="D668" s="1" t="s">
        <v>2710</v>
      </c>
      <c r="E668" s="1" t="s">
        <v>2711</v>
      </c>
      <c r="F668" s="1" t="s">
        <v>2712</v>
      </c>
      <c r="G668" s="1" t="s">
        <v>2688</v>
      </c>
      <c r="H668" s="1" t="s">
        <v>13</v>
      </c>
      <c r="I668" s="1" t="s">
        <v>2689</v>
      </c>
      <c r="J668" s="1" t="s">
        <v>2713</v>
      </c>
    </row>
    <row r="669" spans="1:10" x14ac:dyDescent="0.35">
      <c r="A669" s="1" t="s">
        <v>2683</v>
      </c>
      <c r="B669" s="1" t="s">
        <v>2684</v>
      </c>
      <c r="C669" s="1" t="s">
        <v>45</v>
      </c>
      <c r="D669" s="1" t="s">
        <v>2714</v>
      </c>
      <c r="E669" s="1" t="s">
        <v>2715</v>
      </c>
      <c r="F669" s="1" t="s">
        <v>2716</v>
      </c>
      <c r="G669" s="1" t="s">
        <v>2688</v>
      </c>
      <c r="H669" s="1" t="s">
        <v>13</v>
      </c>
      <c r="I669" s="1" t="s">
        <v>2689</v>
      </c>
      <c r="J669" s="1" t="s">
        <v>2717</v>
      </c>
    </row>
    <row r="670" spans="1:10" x14ac:dyDescent="0.35">
      <c r="A670" s="1" t="s">
        <v>2683</v>
      </c>
      <c r="B670" s="1" t="s">
        <v>2684</v>
      </c>
      <c r="C670" s="1" t="s">
        <v>50</v>
      </c>
      <c r="D670" s="1" t="s">
        <v>2718</v>
      </c>
      <c r="E670" s="1" t="s">
        <v>2719</v>
      </c>
      <c r="F670" s="1" t="s">
        <v>2720</v>
      </c>
      <c r="G670" s="1" t="s">
        <v>2688</v>
      </c>
      <c r="H670" s="1" t="s">
        <v>13</v>
      </c>
      <c r="I670" s="1" t="s">
        <v>2689</v>
      </c>
      <c r="J670" s="1" t="s">
        <v>2721</v>
      </c>
    </row>
    <row r="671" spans="1:10" x14ac:dyDescent="0.35">
      <c r="A671" s="1" t="s">
        <v>2683</v>
      </c>
      <c r="B671" s="1" t="s">
        <v>2684</v>
      </c>
      <c r="C671" s="1" t="s">
        <v>55</v>
      </c>
      <c r="D671" s="1" t="s">
        <v>2722</v>
      </c>
      <c r="E671" s="1" t="s">
        <v>2723</v>
      </c>
      <c r="F671" s="1" t="s">
        <v>2724</v>
      </c>
      <c r="G671" s="1" t="s">
        <v>2688</v>
      </c>
      <c r="H671" s="1" t="s">
        <v>13</v>
      </c>
      <c r="I671" s="1" t="s">
        <v>2689</v>
      </c>
      <c r="J671" s="1" t="s">
        <v>2725</v>
      </c>
    </row>
    <row r="672" spans="1:10" x14ac:dyDescent="0.35">
      <c r="A672" s="1" t="s">
        <v>2683</v>
      </c>
      <c r="B672" s="1" t="s">
        <v>2684</v>
      </c>
      <c r="C672" s="1" t="s">
        <v>60</v>
      </c>
      <c r="D672" s="1" t="s">
        <v>2726</v>
      </c>
      <c r="E672" s="1" t="s">
        <v>2727</v>
      </c>
      <c r="F672" s="1" t="s">
        <v>2728</v>
      </c>
      <c r="G672" s="1" t="s">
        <v>2688</v>
      </c>
      <c r="H672" s="1" t="s">
        <v>13</v>
      </c>
      <c r="I672" s="1" t="s">
        <v>2689</v>
      </c>
      <c r="J672" s="1" t="s">
        <v>2729</v>
      </c>
    </row>
    <row r="673" spans="1:10" x14ac:dyDescent="0.35">
      <c r="A673" s="1" t="s">
        <v>2683</v>
      </c>
      <c r="B673" s="1" t="s">
        <v>2684</v>
      </c>
      <c r="C673" s="1" t="s">
        <v>65</v>
      </c>
      <c r="D673" s="1" t="s">
        <v>2730</v>
      </c>
      <c r="E673" s="1" t="s">
        <v>2731</v>
      </c>
      <c r="F673" s="1" t="s">
        <v>2732</v>
      </c>
      <c r="G673" s="1" t="s">
        <v>2688</v>
      </c>
      <c r="H673" s="1" t="s">
        <v>13</v>
      </c>
      <c r="I673" s="1" t="s">
        <v>2689</v>
      </c>
      <c r="J673" s="1" t="s">
        <v>2733</v>
      </c>
    </row>
    <row r="674" spans="1:10" x14ac:dyDescent="0.35">
      <c r="A674" s="1" t="s">
        <v>2683</v>
      </c>
      <c r="B674" s="1" t="s">
        <v>2684</v>
      </c>
      <c r="C674" s="1" t="s">
        <v>70</v>
      </c>
      <c r="D674" s="1" t="s">
        <v>2734</v>
      </c>
      <c r="E674" s="1" t="s">
        <v>2735</v>
      </c>
      <c r="F674" s="1" t="s">
        <v>2736</v>
      </c>
      <c r="G674" s="1" t="s">
        <v>2688</v>
      </c>
      <c r="H674" s="1" t="s">
        <v>13</v>
      </c>
      <c r="I674" s="1" t="s">
        <v>2689</v>
      </c>
      <c r="J674" s="1" t="s">
        <v>2737</v>
      </c>
    </row>
    <row r="675" spans="1:10" x14ac:dyDescent="0.35">
      <c r="A675" s="1" t="s">
        <v>2683</v>
      </c>
      <c r="B675" s="1" t="s">
        <v>2684</v>
      </c>
      <c r="C675" s="1" t="s">
        <v>75</v>
      </c>
      <c r="D675" s="1" t="s">
        <v>2738</v>
      </c>
      <c r="E675" s="1" t="s">
        <v>2739</v>
      </c>
      <c r="F675" s="1" t="s">
        <v>2740</v>
      </c>
      <c r="G675" s="1" t="s">
        <v>2688</v>
      </c>
      <c r="H675" s="1" t="s">
        <v>13</v>
      </c>
      <c r="I675" s="1" t="s">
        <v>2689</v>
      </c>
      <c r="J675" s="1" t="s">
        <v>2741</v>
      </c>
    </row>
    <row r="676" spans="1:10" x14ac:dyDescent="0.35">
      <c r="A676" s="1" t="s">
        <v>2683</v>
      </c>
      <c r="B676" s="1" t="s">
        <v>2684</v>
      </c>
      <c r="C676" s="1" t="s">
        <v>80</v>
      </c>
      <c r="D676" s="1" t="s">
        <v>2742</v>
      </c>
      <c r="E676" s="1" t="s">
        <v>2743</v>
      </c>
      <c r="F676" s="1" t="s">
        <v>2744</v>
      </c>
      <c r="G676" s="1" t="s">
        <v>2688</v>
      </c>
      <c r="H676" s="1" t="s">
        <v>13</v>
      </c>
      <c r="I676" s="1" t="s">
        <v>2689</v>
      </c>
      <c r="J676" s="1" t="s">
        <v>2745</v>
      </c>
    </row>
    <row r="677" spans="1:10" x14ac:dyDescent="0.35">
      <c r="A677" s="1" t="s">
        <v>2683</v>
      </c>
      <c r="B677" s="1" t="s">
        <v>2684</v>
      </c>
      <c r="C677" s="1" t="s">
        <v>85</v>
      </c>
      <c r="D677" s="1" t="s">
        <v>2746</v>
      </c>
      <c r="E677" s="1" t="s">
        <v>2747</v>
      </c>
      <c r="F677" s="1" t="s">
        <v>2748</v>
      </c>
      <c r="G677" s="1" t="s">
        <v>2688</v>
      </c>
      <c r="H677" s="1" t="s">
        <v>13</v>
      </c>
      <c r="I677" s="1" t="s">
        <v>2689</v>
      </c>
      <c r="J677" s="1" t="s">
        <v>2749</v>
      </c>
    </row>
    <row r="678" spans="1:10" x14ac:dyDescent="0.35">
      <c r="A678" s="1" t="s">
        <v>2683</v>
      </c>
      <c r="B678" s="1" t="s">
        <v>2684</v>
      </c>
      <c r="C678" s="1" t="s">
        <v>90</v>
      </c>
      <c r="D678" s="1" t="s">
        <v>2750</v>
      </c>
      <c r="E678" s="1" t="s">
        <v>2751</v>
      </c>
      <c r="F678" s="1" t="s">
        <v>2752</v>
      </c>
      <c r="G678" s="1" t="s">
        <v>2688</v>
      </c>
      <c r="H678" s="1" t="s">
        <v>13</v>
      </c>
      <c r="I678" s="1" t="s">
        <v>2689</v>
      </c>
      <c r="J678" s="1" t="s">
        <v>2753</v>
      </c>
    </row>
    <row r="679" spans="1:10" x14ac:dyDescent="0.35">
      <c r="A679" s="1" t="s">
        <v>2683</v>
      </c>
      <c r="B679" s="1" t="s">
        <v>2684</v>
      </c>
      <c r="C679" s="1" t="s">
        <v>95</v>
      </c>
      <c r="D679" s="1" t="s">
        <v>2754</v>
      </c>
      <c r="E679" s="1" t="s">
        <v>2755</v>
      </c>
      <c r="F679" s="1" t="s">
        <v>2756</v>
      </c>
      <c r="G679" s="1" t="s">
        <v>2688</v>
      </c>
      <c r="H679" s="1" t="s">
        <v>13</v>
      </c>
      <c r="I679" s="1" t="s">
        <v>2689</v>
      </c>
      <c r="J679" s="1" t="s">
        <v>2757</v>
      </c>
    </row>
    <row r="680" spans="1:10" x14ac:dyDescent="0.35">
      <c r="A680" s="1" t="s">
        <v>2683</v>
      </c>
      <c r="B680" s="1" t="s">
        <v>2684</v>
      </c>
      <c r="C680" s="1" t="s">
        <v>100</v>
      </c>
      <c r="D680" s="1" t="s">
        <v>2758</v>
      </c>
      <c r="E680" s="1" t="s">
        <v>2759</v>
      </c>
      <c r="F680" s="1" t="s">
        <v>2760</v>
      </c>
      <c r="G680" s="1" t="s">
        <v>2688</v>
      </c>
      <c r="H680" s="1" t="s">
        <v>13</v>
      </c>
      <c r="I680" s="1" t="s">
        <v>2689</v>
      </c>
      <c r="J680" s="1" t="s">
        <v>2761</v>
      </c>
    </row>
    <row r="681" spans="1:10" x14ac:dyDescent="0.35">
      <c r="A681" s="1" t="s">
        <v>2683</v>
      </c>
      <c r="B681" s="1" t="s">
        <v>2684</v>
      </c>
      <c r="C681" s="1" t="s">
        <v>105</v>
      </c>
      <c r="D681" s="1" t="s">
        <v>2762</v>
      </c>
      <c r="E681" s="1" t="s">
        <v>2763</v>
      </c>
      <c r="F681" s="1" t="s">
        <v>2764</v>
      </c>
      <c r="G681" s="1" t="s">
        <v>2688</v>
      </c>
      <c r="H681" s="1" t="s">
        <v>13</v>
      </c>
      <c r="I681" s="1" t="s">
        <v>2689</v>
      </c>
      <c r="J681" s="1" t="s">
        <v>2765</v>
      </c>
    </row>
    <row r="682" spans="1:10" x14ac:dyDescent="0.35">
      <c r="A682" s="1" t="s">
        <v>2683</v>
      </c>
      <c r="B682" s="1" t="s">
        <v>2684</v>
      </c>
      <c r="C682" s="1" t="s">
        <v>110</v>
      </c>
      <c r="D682" s="1" t="s">
        <v>2766</v>
      </c>
      <c r="E682" s="1" t="s">
        <v>2767</v>
      </c>
      <c r="F682" s="1" t="s">
        <v>2768</v>
      </c>
      <c r="G682" s="1" t="s">
        <v>2688</v>
      </c>
      <c r="H682" s="1" t="s">
        <v>13</v>
      </c>
      <c r="I682" s="1" t="s">
        <v>2689</v>
      </c>
      <c r="J682" s="1" t="s">
        <v>2769</v>
      </c>
    </row>
    <row r="683" spans="1:10" x14ac:dyDescent="0.35">
      <c r="A683" s="1" t="s">
        <v>2683</v>
      </c>
      <c r="B683" s="1" t="s">
        <v>2684</v>
      </c>
      <c r="C683" s="1" t="s">
        <v>115</v>
      </c>
      <c r="D683" s="1" t="s">
        <v>2770</v>
      </c>
      <c r="E683" s="1" t="s">
        <v>2771</v>
      </c>
      <c r="F683" s="1" t="s">
        <v>2772</v>
      </c>
      <c r="G683" s="1" t="s">
        <v>2688</v>
      </c>
      <c r="H683" s="1" t="s">
        <v>13</v>
      </c>
      <c r="I683" s="1" t="s">
        <v>2689</v>
      </c>
      <c r="J683" s="1" t="s">
        <v>2773</v>
      </c>
    </row>
    <row r="684" spans="1:10" x14ac:dyDescent="0.35">
      <c r="A684" s="1" t="s">
        <v>2683</v>
      </c>
      <c r="B684" s="1" t="s">
        <v>2684</v>
      </c>
      <c r="C684" s="1" t="s">
        <v>120</v>
      </c>
      <c r="D684" s="1" t="s">
        <v>2774</v>
      </c>
      <c r="E684" s="1" t="s">
        <v>2775</v>
      </c>
      <c r="F684" s="1" t="s">
        <v>2776</v>
      </c>
      <c r="G684" s="1" t="s">
        <v>2688</v>
      </c>
      <c r="H684" s="1" t="s">
        <v>13</v>
      </c>
      <c r="I684" s="1" t="s">
        <v>2689</v>
      </c>
      <c r="J684" s="1" t="s">
        <v>2777</v>
      </c>
    </row>
    <row r="685" spans="1:10" x14ac:dyDescent="0.35">
      <c r="A685" s="1" t="s">
        <v>2683</v>
      </c>
      <c r="B685" s="1" t="s">
        <v>2684</v>
      </c>
      <c r="C685" s="1" t="s">
        <v>125</v>
      </c>
      <c r="D685" s="1" t="s">
        <v>2778</v>
      </c>
      <c r="E685" s="1" t="s">
        <v>2779</v>
      </c>
      <c r="F685" s="1" t="s">
        <v>2780</v>
      </c>
      <c r="G685" s="1" t="s">
        <v>2688</v>
      </c>
      <c r="H685" s="1" t="s">
        <v>13</v>
      </c>
      <c r="I685" s="1" t="s">
        <v>2689</v>
      </c>
      <c r="J685" s="1" t="s">
        <v>2781</v>
      </c>
    </row>
    <row r="686" spans="1:10" x14ac:dyDescent="0.35">
      <c r="A686" s="1" t="s">
        <v>2683</v>
      </c>
      <c r="B686" s="1" t="s">
        <v>2684</v>
      </c>
      <c r="C686" s="1" t="s">
        <v>130</v>
      </c>
      <c r="D686" s="1" t="s">
        <v>2782</v>
      </c>
      <c r="E686" s="1" t="s">
        <v>2783</v>
      </c>
      <c r="F686" s="1" t="s">
        <v>2784</v>
      </c>
      <c r="G686" s="1" t="s">
        <v>2688</v>
      </c>
      <c r="H686" s="1" t="s">
        <v>13</v>
      </c>
      <c r="I686" s="1" t="s">
        <v>2689</v>
      </c>
      <c r="J686" s="1" t="s">
        <v>2785</v>
      </c>
    </row>
    <row r="687" spans="1:10" x14ac:dyDescent="0.35">
      <c r="A687" s="1" t="s">
        <v>2683</v>
      </c>
      <c r="B687" s="1" t="s">
        <v>2684</v>
      </c>
      <c r="C687" s="1" t="s">
        <v>135</v>
      </c>
      <c r="D687" s="1" t="s">
        <v>2786</v>
      </c>
      <c r="E687" s="1" t="s">
        <v>2787</v>
      </c>
      <c r="F687" s="1" t="s">
        <v>2788</v>
      </c>
      <c r="G687" s="1" t="s">
        <v>2688</v>
      </c>
      <c r="H687" s="1" t="s">
        <v>13</v>
      </c>
      <c r="I687" s="1" t="s">
        <v>2689</v>
      </c>
      <c r="J687" s="1" t="s">
        <v>2789</v>
      </c>
    </row>
    <row r="688" spans="1:10" x14ac:dyDescent="0.35">
      <c r="A688" s="1" t="s">
        <v>2683</v>
      </c>
      <c r="B688" s="1" t="s">
        <v>2684</v>
      </c>
      <c r="C688" s="1" t="s">
        <v>140</v>
      </c>
      <c r="D688" s="1" t="s">
        <v>2790</v>
      </c>
      <c r="E688" s="1" t="s">
        <v>2791</v>
      </c>
      <c r="F688" s="1" t="s">
        <v>2792</v>
      </c>
      <c r="G688" s="1" t="s">
        <v>2688</v>
      </c>
      <c r="H688" s="1" t="s">
        <v>13</v>
      </c>
      <c r="I688" s="1" t="s">
        <v>2689</v>
      </c>
      <c r="J688" s="1" t="s">
        <v>2793</v>
      </c>
    </row>
    <row r="689" spans="1:10" x14ac:dyDescent="0.35">
      <c r="A689" s="1" t="s">
        <v>2683</v>
      </c>
      <c r="B689" s="1" t="s">
        <v>2684</v>
      </c>
      <c r="C689" s="1" t="s">
        <v>145</v>
      </c>
      <c r="D689" s="1" t="s">
        <v>2794</v>
      </c>
      <c r="E689" s="1" t="s">
        <v>2795</v>
      </c>
      <c r="F689" s="1" t="s">
        <v>2796</v>
      </c>
      <c r="G689" s="1" t="s">
        <v>2688</v>
      </c>
      <c r="H689" s="1" t="s">
        <v>13</v>
      </c>
      <c r="I689" s="1" t="s">
        <v>2689</v>
      </c>
      <c r="J689" s="1" t="s">
        <v>2797</v>
      </c>
    </row>
    <row r="690" spans="1:10" x14ac:dyDescent="0.35">
      <c r="A690" s="1" t="s">
        <v>2683</v>
      </c>
      <c r="B690" s="1" t="s">
        <v>2684</v>
      </c>
      <c r="C690" s="1" t="s">
        <v>150</v>
      </c>
      <c r="D690" s="1" t="s">
        <v>2798</v>
      </c>
      <c r="E690" s="1" t="s">
        <v>2799</v>
      </c>
      <c r="F690" s="1" t="s">
        <v>2800</v>
      </c>
      <c r="G690" s="1" t="s">
        <v>2688</v>
      </c>
      <c r="H690" s="1" t="s">
        <v>13</v>
      </c>
      <c r="I690" s="1" t="s">
        <v>2689</v>
      </c>
      <c r="J690" s="1" t="s">
        <v>2801</v>
      </c>
    </row>
    <row r="691" spans="1:10" x14ac:dyDescent="0.35">
      <c r="A691" s="1" t="s">
        <v>2683</v>
      </c>
      <c r="B691" s="1" t="s">
        <v>2684</v>
      </c>
      <c r="C691" s="1" t="s">
        <v>155</v>
      </c>
      <c r="D691" s="1" t="s">
        <v>2802</v>
      </c>
      <c r="E691" s="1" t="s">
        <v>2803</v>
      </c>
      <c r="F691" s="1" t="s">
        <v>2804</v>
      </c>
      <c r="G691" s="1" t="s">
        <v>2688</v>
      </c>
      <c r="H691" s="1" t="s">
        <v>13</v>
      </c>
      <c r="I691" s="1" t="s">
        <v>2689</v>
      </c>
      <c r="J691" s="1" t="s">
        <v>2805</v>
      </c>
    </row>
    <row r="692" spans="1:10" x14ac:dyDescent="0.35">
      <c r="A692" s="1" t="s">
        <v>2683</v>
      </c>
      <c r="B692" s="1" t="s">
        <v>2684</v>
      </c>
      <c r="C692" s="1" t="s">
        <v>160</v>
      </c>
      <c r="D692" s="1" t="s">
        <v>2806</v>
      </c>
      <c r="E692" s="1" t="s">
        <v>2807</v>
      </c>
      <c r="F692" s="1" t="s">
        <v>2808</v>
      </c>
      <c r="G692" s="1" t="s">
        <v>2688</v>
      </c>
      <c r="H692" s="1" t="s">
        <v>13</v>
      </c>
      <c r="I692" s="1" t="s">
        <v>2689</v>
      </c>
      <c r="J692" s="1" t="s">
        <v>2809</v>
      </c>
    </row>
    <row r="693" spans="1:10" x14ac:dyDescent="0.35">
      <c r="A693" s="1" t="s">
        <v>2683</v>
      </c>
      <c r="B693" s="1" t="s">
        <v>2684</v>
      </c>
      <c r="C693" s="1" t="s">
        <v>165</v>
      </c>
      <c r="D693" s="1" t="s">
        <v>2810</v>
      </c>
      <c r="E693" s="1" t="s">
        <v>2811</v>
      </c>
      <c r="F693" s="1" t="s">
        <v>2812</v>
      </c>
      <c r="G693" s="1" t="s">
        <v>2688</v>
      </c>
      <c r="H693" s="1" t="s">
        <v>13</v>
      </c>
      <c r="I693" s="1" t="s">
        <v>2689</v>
      </c>
      <c r="J693" s="1" t="s">
        <v>2813</v>
      </c>
    </row>
    <row r="694" spans="1:10" x14ac:dyDescent="0.35">
      <c r="A694" s="1" t="s">
        <v>2683</v>
      </c>
      <c r="B694" s="1" t="s">
        <v>2684</v>
      </c>
      <c r="C694" s="1" t="s">
        <v>170</v>
      </c>
      <c r="D694" s="1" t="s">
        <v>2814</v>
      </c>
      <c r="E694" s="1" t="s">
        <v>2815</v>
      </c>
      <c r="F694" s="1" t="s">
        <v>2816</v>
      </c>
      <c r="G694" s="1" t="s">
        <v>2688</v>
      </c>
      <c r="H694" s="1" t="s">
        <v>13</v>
      </c>
      <c r="I694" s="1" t="s">
        <v>2689</v>
      </c>
      <c r="J694" s="1" t="s">
        <v>2817</v>
      </c>
    </row>
    <row r="695" spans="1:10" x14ac:dyDescent="0.35">
      <c r="A695" s="1" t="s">
        <v>2818</v>
      </c>
      <c r="B695" s="1" t="s">
        <v>2819</v>
      </c>
      <c r="C695" s="1" t="s">
        <v>8</v>
      </c>
      <c r="D695" s="1" t="s">
        <v>2820</v>
      </c>
      <c r="E695" s="1" t="s">
        <v>2821</v>
      </c>
      <c r="F695" s="1" t="s">
        <v>2822</v>
      </c>
      <c r="G695" s="1" t="s">
        <v>2823</v>
      </c>
      <c r="H695" s="1" t="s">
        <v>13</v>
      </c>
      <c r="I695" s="1" t="s">
        <v>2824</v>
      </c>
      <c r="J695" s="1" t="s">
        <v>13</v>
      </c>
    </row>
    <row r="696" spans="1:10" x14ac:dyDescent="0.35">
      <c r="A696" s="1" t="s">
        <v>2818</v>
      </c>
      <c r="B696" s="1" t="s">
        <v>2819</v>
      </c>
      <c r="C696" s="1" t="s">
        <v>15</v>
      </c>
      <c r="D696" s="1" t="s">
        <v>2825</v>
      </c>
      <c r="E696" s="1" t="s">
        <v>2826</v>
      </c>
      <c r="F696" s="1" t="s">
        <v>2827</v>
      </c>
      <c r="G696" s="1" t="s">
        <v>2823</v>
      </c>
      <c r="H696" s="1" t="s">
        <v>13</v>
      </c>
      <c r="I696" s="1" t="s">
        <v>2824</v>
      </c>
      <c r="J696" s="1" t="s">
        <v>2828</v>
      </c>
    </row>
    <row r="697" spans="1:10" x14ac:dyDescent="0.35">
      <c r="A697" s="1" t="s">
        <v>2818</v>
      </c>
      <c r="B697" s="1" t="s">
        <v>2819</v>
      </c>
      <c r="C697" s="1" t="s">
        <v>20</v>
      </c>
      <c r="D697" s="1" t="s">
        <v>2829</v>
      </c>
      <c r="E697" s="1" t="s">
        <v>2830</v>
      </c>
      <c r="F697" s="1" t="s">
        <v>2831</v>
      </c>
      <c r="G697" s="1" t="s">
        <v>2823</v>
      </c>
      <c r="H697" s="1" t="s">
        <v>13</v>
      </c>
      <c r="I697" s="1" t="s">
        <v>2824</v>
      </c>
      <c r="J697" s="1" t="s">
        <v>2832</v>
      </c>
    </row>
    <row r="698" spans="1:10" x14ac:dyDescent="0.35">
      <c r="A698" s="1" t="s">
        <v>2818</v>
      </c>
      <c r="B698" s="1" t="s">
        <v>2819</v>
      </c>
      <c r="C698" s="1" t="s">
        <v>25</v>
      </c>
      <c r="D698" s="1" t="s">
        <v>2833</v>
      </c>
      <c r="E698" s="1" t="s">
        <v>2834</v>
      </c>
      <c r="F698" s="1" t="s">
        <v>2835</v>
      </c>
      <c r="G698" s="1" t="s">
        <v>2823</v>
      </c>
      <c r="H698" s="1" t="s">
        <v>13</v>
      </c>
      <c r="I698" s="1" t="s">
        <v>2824</v>
      </c>
      <c r="J698" s="1" t="s">
        <v>2836</v>
      </c>
    </row>
    <row r="699" spans="1:10" x14ac:dyDescent="0.35">
      <c r="A699" s="1" t="s">
        <v>2818</v>
      </c>
      <c r="B699" s="1" t="s">
        <v>2819</v>
      </c>
      <c r="C699" s="1" t="s">
        <v>30</v>
      </c>
      <c r="D699" s="1" t="s">
        <v>2837</v>
      </c>
      <c r="E699" s="1" t="s">
        <v>2838</v>
      </c>
      <c r="F699" s="1" t="s">
        <v>2839</v>
      </c>
      <c r="G699" s="1" t="s">
        <v>2823</v>
      </c>
      <c r="H699" s="1" t="s">
        <v>13</v>
      </c>
      <c r="I699" s="1" t="s">
        <v>2824</v>
      </c>
      <c r="J699" s="1" t="s">
        <v>2840</v>
      </c>
    </row>
    <row r="700" spans="1:10" x14ac:dyDescent="0.35">
      <c r="A700" s="1" t="s">
        <v>2818</v>
      </c>
      <c r="B700" s="1" t="s">
        <v>2819</v>
      </c>
      <c r="C700" s="1" t="s">
        <v>35</v>
      </c>
      <c r="D700" s="1" t="s">
        <v>2841</v>
      </c>
      <c r="E700" s="1" t="s">
        <v>2842</v>
      </c>
      <c r="F700" s="1" t="s">
        <v>2843</v>
      </c>
      <c r="G700" s="1" t="s">
        <v>2823</v>
      </c>
      <c r="H700" s="1" t="s">
        <v>13</v>
      </c>
      <c r="I700" s="1" t="s">
        <v>2824</v>
      </c>
      <c r="J700" s="1" t="s">
        <v>2844</v>
      </c>
    </row>
    <row r="701" spans="1:10" x14ac:dyDescent="0.35">
      <c r="A701" s="1" t="s">
        <v>2818</v>
      </c>
      <c r="B701" s="1" t="s">
        <v>2819</v>
      </c>
      <c r="C701" s="1" t="s">
        <v>40</v>
      </c>
      <c r="D701" s="1" t="s">
        <v>2845</v>
      </c>
      <c r="E701" s="1" t="s">
        <v>2846</v>
      </c>
      <c r="F701" s="1" t="s">
        <v>2847</v>
      </c>
      <c r="G701" s="1" t="s">
        <v>2823</v>
      </c>
      <c r="H701" s="1" t="s">
        <v>13</v>
      </c>
      <c r="I701" s="1" t="s">
        <v>2824</v>
      </c>
      <c r="J701" s="1" t="s">
        <v>2848</v>
      </c>
    </row>
    <row r="702" spans="1:10" x14ac:dyDescent="0.35">
      <c r="A702" s="1" t="s">
        <v>2818</v>
      </c>
      <c r="B702" s="1" t="s">
        <v>2819</v>
      </c>
      <c r="C702" s="1" t="s">
        <v>45</v>
      </c>
      <c r="D702" s="1" t="s">
        <v>2849</v>
      </c>
      <c r="E702" s="1" t="s">
        <v>2850</v>
      </c>
      <c r="F702" s="1" t="s">
        <v>2851</v>
      </c>
      <c r="G702" s="1" t="s">
        <v>2823</v>
      </c>
      <c r="H702" s="1" t="s">
        <v>13</v>
      </c>
      <c r="I702" s="1" t="s">
        <v>2824</v>
      </c>
      <c r="J702" s="1" t="s">
        <v>2852</v>
      </c>
    </row>
    <row r="703" spans="1:10" x14ac:dyDescent="0.35">
      <c r="A703" s="1" t="s">
        <v>2818</v>
      </c>
      <c r="B703" s="1" t="s">
        <v>2819</v>
      </c>
      <c r="C703" s="1" t="s">
        <v>50</v>
      </c>
      <c r="D703" s="1" t="s">
        <v>2853</v>
      </c>
      <c r="E703" s="1" t="s">
        <v>2854</v>
      </c>
      <c r="F703" s="1" t="s">
        <v>2855</v>
      </c>
      <c r="G703" s="1" t="s">
        <v>2823</v>
      </c>
      <c r="H703" s="1" t="s">
        <v>13</v>
      </c>
      <c r="I703" s="1" t="s">
        <v>2824</v>
      </c>
      <c r="J703" s="1" t="s">
        <v>2856</v>
      </c>
    </row>
    <row r="704" spans="1:10" x14ac:dyDescent="0.35">
      <c r="A704" s="1" t="s">
        <v>2818</v>
      </c>
      <c r="B704" s="1" t="s">
        <v>2819</v>
      </c>
      <c r="C704" s="1" t="s">
        <v>55</v>
      </c>
      <c r="D704" s="1" t="s">
        <v>2857</v>
      </c>
      <c r="E704" s="1" t="s">
        <v>2858</v>
      </c>
      <c r="F704" s="1" t="s">
        <v>2859</v>
      </c>
      <c r="G704" s="1" t="s">
        <v>2823</v>
      </c>
      <c r="H704" s="1" t="s">
        <v>13</v>
      </c>
      <c r="I704" s="1" t="s">
        <v>2824</v>
      </c>
      <c r="J704" s="1" t="s">
        <v>2860</v>
      </c>
    </row>
    <row r="705" spans="1:10" x14ac:dyDescent="0.35">
      <c r="A705" s="1" t="s">
        <v>2818</v>
      </c>
      <c r="B705" s="1" t="s">
        <v>2819</v>
      </c>
      <c r="C705" s="1" t="s">
        <v>60</v>
      </c>
      <c r="D705" s="1" t="s">
        <v>2861</v>
      </c>
      <c r="E705" s="1" t="s">
        <v>2862</v>
      </c>
      <c r="F705" s="1" t="s">
        <v>2863</v>
      </c>
      <c r="G705" s="1" t="s">
        <v>2823</v>
      </c>
      <c r="H705" s="1" t="s">
        <v>13</v>
      </c>
      <c r="I705" s="1" t="s">
        <v>2824</v>
      </c>
      <c r="J705" s="1" t="s">
        <v>2864</v>
      </c>
    </row>
    <row r="706" spans="1:10" x14ac:dyDescent="0.35">
      <c r="A706" s="1" t="s">
        <v>2818</v>
      </c>
      <c r="B706" s="1" t="s">
        <v>2819</v>
      </c>
      <c r="C706" s="1" t="s">
        <v>65</v>
      </c>
      <c r="D706" s="1" t="s">
        <v>2865</v>
      </c>
      <c r="E706" s="1" t="s">
        <v>2866</v>
      </c>
      <c r="F706" s="1" t="s">
        <v>2867</v>
      </c>
      <c r="G706" s="1" t="s">
        <v>2823</v>
      </c>
      <c r="H706" s="1" t="s">
        <v>13</v>
      </c>
      <c r="I706" s="1" t="s">
        <v>2824</v>
      </c>
      <c r="J706" s="1" t="s">
        <v>2868</v>
      </c>
    </row>
    <row r="707" spans="1:10" x14ac:dyDescent="0.35">
      <c r="A707" s="1" t="s">
        <v>2818</v>
      </c>
      <c r="B707" s="1" t="s">
        <v>2819</v>
      </c>
      <c r="C707" s="1" t="s">
        <v>70</v>
      </c>
      <c r="D707" s="1" t="s">
        <v>2869</v>
      </c>
      <c r="E707" s="1" t="s">
        <v>2870</v>
      </c>
      <c r="F707" s="1" t="s">
        <v>2871</v>
      </c>
      <c r="G707" s="1" t="s">
        <v>2823</v>
      </c>
      <c r="H707" s="1" t="s">
        <v>13</v>
      </c>
      <c r="I707" s="1" t="s">
        <v>2824</v>
      </c>
      <c r="J707" s="1" t="s">
        <v>2872</v>
      </c>
    </row>
    <row r="708" spans="1:10" x14ac:dyDescent="0.35">
      <c r="A708" s="1" t="s">
        <v>2818</v>
      </c>
      <c r="B708" s="1" t="s">
        <v>2819</v>
      </c>
      <c r="C708" s="1" t="s">
        <v>75</v>
      </c>
      <c r="D708" s="1" t="s">
        <v>2873</v>
      </c>
      <c r="E708" s="1" t="s">
        <v>2874</v>
      </c>
      <c r="F708" s="1" t="s">
        <v>2875</v>
      </c>
      <c r="G708" s="1" t="s">
        <v>2823</v>
      </c>
      <c r="H708" s="1" t="s">
        <v>13</v>
      </c>
      <c r="I708" s="1" t="s">
        <v>2824</v>
      </c>
      <c r="J708" s="1" t="s">
        <v>2876</v>
      </c>
    </row>
    <row r="709" spans="1:10" x14ac:dyDescent="0.35">
      <c r="A709" s="1" t="s">
        <v>2818</v>
      </c>
      <c r="B709" s="1" t="s">
        <v>2819</v>
      </c>
      <c r="C709" s="1" t="s">
        <v>80</v>
      </c>
      <c r="D709" s="1" t="s">
        <v>2877</v>
      </c>
      <c r="E709" s="1" t="s">
        <v>2878</v>
      </c>
      <c r="F709" s="1" t="s">
        <v>2879</v>
      </c>
      <c r="G709" s="1" t="s">
        <v>2823</v>
      </c>
      <c r="H709" s="1" t="s">
        <v>13</v>
      </c>
      <c r="I709" s="1" t="s">
        <v>2824</v>
      </c>
      <c r="J709" s="1" t="s">
        <v>2880</v>
      </c>
    </row>
    <row r="710" spans="1:10" x14ac:dyDescent="0.35">
      <c r="A710" s="1" t="s">
        <v>2818</v>
      </c>
      <c r="B710" s="1" t="s">
        <v>2819</v>
      </c>
      <c r="C710" s="1" t="s">
        <v>85</v>
      </c>
      <c r="D710" s="1" t="s">
        <v>2881</v>
      </c>
      <c r="E710" s="1" t="s">
        <v>2882</v>
      </c>
      <c r="F710" s="1" t="s">
        <v>2883</v>
      </c>
      <c r="G710" s="1" t="s">
        <v>2823</v>
      </c>
      <c r="H710" s="1" t="s">
        <v>13</v>
      </c>
      <c r="I710" s="1" t="s">
        <v>2824</v>
      </c>
      <c r="J710" s="1" t="s">
        <v>2884</v>
      </c>
    </row>
    <row r="711" spans="1:10" x14ac:dyDescent="0.35">
      <c r="A711" s="1" t="s">
        <v>2818</v>
      </c>
      <c r="B711" s="1" t="s">
        <v>2819</v>
      </c>
      <c r="C711" s="1" t="s">
        <v>90</v>
      </c>
      <c r="D711" s="1" t="s">
        <v>2885</v>
      </c>
      <c r="E711" s="1" t="s">
        <v>2886</v>
      </c>
      <c r="F711" s="1" t="s">
        <v>2887</v>
      </c>
      <c r="G711" s="1" t="s">
        <v>2823</v>
      </c>
      <c r="H711" s="1" t="s">
        <v>13</v>
      </c>
      <c r="I711" s="1" t="s">
        <v>2824</v>
      </c>
      <c r="J711" s="1" t="s">
        <v>2888</v>
      </c>
    </row>
    <row r="712" spans="1:10" x14ac:dyDescent="0.35">
      <c r="A712" s="1" t="s">
        <v>2818</v>
      </c>
      <c r="B712" s="1" t="s">
        <v>2819</v>
      </c>
      <c r="C712" s="1" t="s">
        <v>95</v>
      </c>
      <c r="D712" s="1" t="s">
        <v>2889</v>
      </c>
      <c r="E712" s="1" t="s">
        <v>2890</v>
      </c>
      <c r="F712" s="1" t="s">
        <v>2891</v>
      </c>
      <c r="G712" s="1" t="s">
        <v>2823</v>
      </c>
      <c r="H712" s="1" t="s">
        <v>13</v>
      </c>
      <c r="I712" s="1" t="s">
        <v>2824</v>
      </c>
      <c r="J712" s="1" t="s">
        <v>2892</v>
      </c>
    </row>
    <row r="713" spans="1:10" x14ac:dyDescent="0.35">
      <c r="A713" s="1" t="s">
        <v>2818</v>
      </c>
      <c r="B713" s="1" t="s">
        <v>2819</v>
      </c>
      <c r="C713" s="1" t="s">
        <v>100</v>
      </c>
      <c r="D713" s="1" t="s">
        <v>2893</v>
      </c>
      <c r="E713" s="1" t="s">
        <v>2894</v>
      </c>
      <c r="F713" s="1" t="s">
        <v>2895</v>
      </c>
      <c r="G713" s="1" t="s">
        <v>2823</v>
      </c>
      <c r="H713" s="1" t="s">
        <v>13</v>
      </c>
      <c r="I713" s="1" t="s">
        <v>2824</v>
      </c>
      <c r="J713" s="1" t="s">
        <v>2896</v>
      </c>
    </row>
    <row r="714" spans="1:10" x14ac:dyDescent="0.35">
      <c r="A714" s="1" t="s">
        <v>2818</v>
      </c>
      <c r="B714" s="1" t="s">
        <v>2819</v>
      </c>
      <c r="C714" s="1" t="s">
        <v>105</v>
      </c>
      <c r="D714" s="1" t="s">
        <v>2897</v>
      </c>
      <c r="E714" s="1" t="s">
        <v>2898</v>
      </c>
      <c r="F714" s="1" t="s">
        <v>2899</v>
      </c>
      <c r="G714" s="1" t="s">
        <v>2823</v>
      </c>
      <c r="H714" s="1" t="s">
        <v>13</v>
      </c>
      <c r="I714" s="1" t="s">
        <v>2824</v>
      </c>
      <c r="J714" s="1" t="s">
        <v>2900</v>
      </c>
    </row>
    <row r="715" spans="1:10" x14ac:dyDescent="0.35">
      <c r="A715" s="1" t="s">
        <v>2818</v>
      </c>
      <c r="B715" s="1" t="s">
        <v>2819</v>
      </c>
      <c r="C715" s="1" t="s">
        <v>110</v>
      </c>
      <c r="D715" s="1" t="s">
        <v>2901</v>
      </c>
      <c r="E715" s="1" t="s">
        <v>2902</v>
      </c>
      <c r="F715" s="1" t="s">
        <v>2903</v>
      </c>
      <c r="G715" s="1" t="s">
        <v>2823</v>
      </c>
      <c r="H715" s="1" t="s">
        <v>13</v>
      </c>
      <c r="I715" s="1" t="s">
        <v>2824</v>
      </c>
      <c r="J715" s="1" t="s">
        <v>2904</v>
      </c>
    </row>
    <row r="716" spans="1:10" x14ac:dyDescent="0.35">
      <c r="A716" s="1" t="s">
        <v>2818</v>
      </c>
      <c r="B716" s="1" t="s">
        <v>2819</v>
      </c>
      <c r="C716" s="1" t="s">
        <v>115</v>
      </c>
      <c r="D716" s="1" t="s">
        <v>2905</v>
      </c>
      <c r="E716" s="1" t="s">
        <v>2906</v>
      </c>
      <c r="F716" s="1" t="s">
        <v>2907</v>
      </c>
      <c r="G716" s="1" t="s">
        <v>2823</v>
      </c>
      <c r="H716" s="1" t="s">
        <v>13</v>
      </c>
      <c r="I716" s="1" t="s">
        <v>2824</v>
      </c>
      <c r="J716" s="1" t="s">
        <v>2908</v>
      </c>
    </row>
    <row r="717" spans="1:10" x14ac:dyDescent="0.35">
      <c r="A717" s="1" t="s">
        <v>2818</v>
      </c>
      <c r="B717" s="1" t="s">
        <v>2819</v>
      </c>
      <c r="C717" s="1" t="s">
        <v>120</v>
      </c>
      <c r="D717" s="1" t="s">
        <v>2909</v>
      </c>
      <c r="E717" s="1" t="s">
        <v>2910</v>
      </c>
      <c r="F717" s="1" t="s">
        <v>2911</v>
      </c>
      <c r="G717" s="1" t="s">
        <v>2823</v>
      </c>
      <c r="H717" s="1" t="s">
        <v>13</v>
      </c>
      <c r="I717" s="1" t="s">
        <v>2824</v>
      </c>
      <c r="J717" s="1" t="s">
        <v>2912</v>
      </c>
    </row>
    <row r="718" spans="1:10" x14ac:dyDescent="0.35">
      <c r="A718" s="1" t="s">
        <v>2818</v>
      </c>
      <c r="B718" s="1" t="s">
        <v>2819</v>
      </c>
      <c r="C718" s="1" t="s">
        <v>125</v>
      </c>
      <c r="D718" s="1" t="s">
        <v>2913</v>
      </c>
      <c r="E718" s="1" t="s">
        <v>2914</v>
      </c>
      <c r="F718" s="1" t="s">
        <v>2915</v>
      </c>
      <c r="G718" s="1" t="s">
        <v>2823</v>
      </c>
      <c r="H718" s="1" t="s">
        <v>13</v>
      </c>
      <c r="I718" s="1" t="s">
        <v>2824</v>
      </c>
      <c r="J718" s="1" t="s">
        <v>2916</v>
      </c>
    </row>
    <row r="719" spans="1:10" x14ac:dyDescent="0.35">
      <c r="A719" s="1" t="s">
        <v>2818</v>
      </c>
      <c r="B719" s="1" t="s">
        <v>2819</v>
      </c>
      <c r="C719" s="1" t="s">
        <v>130</v>
      </c>
      <c r="D719" s="1" t="s">
        <v>2917</v>
      </c>
      <c r="E719" s="1" t="s">
        <v>2918</v>
      </c>
      <c r="F719" s="1" t="s">
        <v>2919</v>
      </c>
      <c r="G719" s="1" t="s">
        <v>2823</v>
      </c>
      <c r="H719" s="1" t="s">
        <v>13</v>
      </c>
      <c r="I719" s="1" t="s">
        <v>2824</v>
      </c>
      <c r="J719" s="1" t="s">
        <v>2920</v>
      </c>
    </row>
    <row r="720" spans="1:10" x14ac:dyDescent="0.35">
      <c r="A720" s="1" t="s">
        <v>2818</v>
      </c>
      <c r="B720" s="1" t="s">
        <v>2819</v>
      </c>
      <c r="C720" s="1" t="s">
        <v>135</v>
      </c>
      <c r="D720" s="1" t="s">
        <v>2921</v>
      </c>
      <c r="E720" s="1" t="s">
        <v>2922</v>
      </c>
      <c r="F720" s="1" t="s">
        <v>2923</v>
      </c>
      <c r="G720" s="1" t="s">
        <v>2823</v>
      </c>
      <c r="H720" s="1" t="s">
        <v>13</v>
      </c>
      <c r="I720" s="1" t="s">
        <v>2824</v>
      </c>
      <c r="J720" s="1" t="s">
        <v>2924</v>
      </c>
    </row>
    <row r="721" spans="1:10" x14ac:dyDescent="0.35">
      <c r="A721" s="1" t="s">
        <v>2818</v>
      </c>
      <c r="B721" s="1" t="s">
        <v>2819</v>
      </c>
      <c r="C721" s="1" t="s">
        <v>140</v>
      </c>
      <c r="D721" s="1" t="s">
        <v>2925</v>
      </c>
      <c r="E721" s="1" t="s">
        <v>2926</v>
      </c>
      <c r="F721" s="1" t="s">
        <v>2927</v>
      </c>
      <c r="G721" s="1" t="s">
        <v>2823</v>
      </c>
      <c r="H721" s="1" t="s">
        <v>13</v>
      </c>
      <c r="I721" s="1" t="s">
        <v>2824</v>
      </c>
      <c r="J721" s="1" t="s">
        <v>2928</v>
      </c>
    </row>
    <row r="722" spans="1:10" x14ac:dyDescent="0.35">
      <c r="A722" s="1" t="s">
        <v>2818</v>
      </c>
      <c r="B722" s="1" t="s">
        <v>2819</v>
      </c>
      <c r="C722" s="1" t="s">
        <v>145</v>
      </c>
      <c r="D722" s="1" t="s">
        <v>2929</v>
      </c>
      <c r="E722" s="1" t="s">
        <v>2930</v>
      </c>
      <c r="F722" s="1" t="s">
        <v>2931</v>
      </c>
      <c r="G722" s="1" t="s">
        <v>2823</v>
      </c>
      <c r="H722" s="1" t="s">
        <v>13</v>
      </c>
      <c r="I722" s="1" t="s">
        <v>2824</v>
      </c>
      <c r="J722" s="1" t="s">
        <v>2932</v>
      </c>
    </row>
    <row r="723" spans="1:10" x14ac:dyDescent="0.35">
      <c r="A723" s="1" t="s">
        <v>2818</v>
      </c>
      <c r="B723" s="1" t="s">
        <v>2819</v>
      </c>
      <c r="C723" s="1" t="s">
        <v>150</v>
      </c>
      <c r="D723" s="1" t="s">
        <v>2933</v>
      </c>
      <c r="E723" s="1" t="s">
        <v>2934</v>
      </c>
      <c r="F723" s="1" t="s">
        <v>2935</v>
      </c>
      <c r="G723" s="1" t="s">
        <v>2823</v>
      </c>
      <c r="H723" s="1" t="s">
        <v>13</v>
      </c>
      <c r="I723" s="1" t="s">
        <v>2824</v>
      </c>
      <c r="J723" s="1" t="s">
        <v>2936</v>
      </c>
    </row>
    <row r="724" spans="1:10" x14ac:dyDescent="0.35">
      <c r="A724" s="1" t="s">
        <v>2818</v>
      </c>
      <c r="B724" s="1" t="s">
        <v>2819</v>
      </c>
      <c r="C724" s="1" t="s">
        <v>155</v>
      </c>
      <c r="D724" s="1" t="s">
        <v>221</v>
      </c>
      <c r="E724" s="1" t="s">
        <v>2937</v>
      </c>
      <c r="F724" s="1" t="s">
        <v>2938</v>
      </c>
      <c r="G724" s="1" t="s">
        <v>2823</v>
      </c>
      <c r="H724" s="1" t="s">
        <v>13</v>
      </c>
      <c r="I724" s="1" t="s">
        <v>2824</v>
      </c>
      <c r="J724" s="1" t="s">
        <v>2939</v>
      </c>
    </row>
    <row r="725" spans="1:10" x14ac:dyDescent="0.35">
      <c r="A725" s="1" t="s">
        <v>2818</v>
      </c>
      <c r="B725" s="1" t="s">
        <v>2819</v>
      </c>
      <c r="C725" s="1" t="s">
        <v>160</v>
      </c>
      <c r="D725" s="1" t="s">
        <v>2940</v>
      </c>
      <c r="E725" s="1" t="s">
        <v>2941</v>
      </c>
      <c r="F725" s="1" t="s">
        <v>2942</v>
      </c>
      <c r="G725" s="1" t="s">
        <v>2823</v>
      </c>
      <c r="H725" s="1" t="s">
        <v>13</v>
      </c>
      <c r="I725" s="1" t="s">
        <v>2824</v>
      </c>
      <c r="J725" s="1" t="s">
        <v>2943</v>
      </c>
    </row>
    <row r="726" spans="1:10" x14ac:dyDescent="0.35">
      <c r="A726" s="1" t="s">
        <v>2818</v>
      </c>
      <c r="B726" s="1" t="s">
        <v>2819</v>
      </c>
      <c r="C726" s="1" t="s">
        <v>165</v>
      </c>
      <c r="D726" s="1" t="s">
        <v>2944</v>
      </c>
      <c r="E726" s="1" t="s">
        <v>2945</v>
      </c>
      <c r="F726" s="1" t="s">
        <v>2946</v>
      </c>
      <c r="G726" s="1" t="s">
        <v>2823</v>
      </c>
      <c r="H726" s="1" t="s">
        <v>13</v>
      </c>
      <c r="I726" s="1" t="s">
        <v>2824</v>
      </c>
      <c r="J726" s="1" t="s">
        <v>2947</v>
      </c>
    </row>
    <row r="727" spans="1:10" x14ac:dyDescent="0.35">
      <c r="A727" s="1" t="s">
        <v>2818</v>
      </c>
      <c r="B727" s="1" t="s">
        <v>2819</v>
      </c>
      <c r="C727" s="1" t="s">
        <v>170</v>
      </c>
      <c r="D727" s="1" t="s">
        <v>2948</v>
      </c>
      <c r="E727" s="1" t="s">
        <v>2949</v>
      </c>
      <c r="F727" s="1" t="s">
        <v>2950</v>
      </c>
      <c r="G727" s="1" t="s">
        <v>2823</v>
      </c>
      <c r="H727" s="1" t="s">
        <v>13</v>
      </c>
      <c r="I727" s="1" t="s">
        <v>2824</v>
      </c>
      <c r="J727" s="1" t="s">
        <v>2951</v>
      </c>
    </row>
    <row r="728" spans="1:10" x14ac:dyDescent="0.35">
      <c r="A728" s="1" t="s">
        <v>2952</v>
      </c>
      <c r="B728" s="1" t="s">
        <v>2953</v>
      </c>
      <c r="C728" s="1" t="s">
        <v>8</v>
      </c>
      <c r="D728" s="1" t="s">
        <v>2954</v>
      </c>
      <c r="E728" s="1" t="s">
        <v>2955</v>
      </c>
      <c r="F728" s="1" t="s">
        <v>2956</v>
      </c>
      <c r="G728" s="1" t="s">
        <v>2957</v>
      </c>
      <c r="H728" s="1" t="s">
        <v>13</v>
      </c>
      <c r="I728" s="1" t="s">
        <v>2958</v>
      </c>
      <c r="J728" s="1" t="s">
        <v>13</v>
      </c>
    </row>
    <row r="729" spans="1:10" x14ac:dyDescent="0.35">
      <c r="A729" s="1" t="s">
        <v>2952</v>
      </c>
      <c r="B729" s="1" t="s">
        <v>2953</v>
      </c>
      <c r="C729" s="1" t="s">
        <v>15</v>
      </c>
      <c r="D729" s="1" t="s">
        <v>2959</v>
      </c>
      <c r="E729" s="1" t="s">
        <v>2960</v>
      </c>
      <c r="F729" s="1" t="s">
        <v>2961</v>
      </c>
      <c r="G729" s="1" t="s">
        <v>2957</v>
      </c>
      <c r="H729" s="1" t="s">
        <v>13</v>
      </c>
      <c r="I729" s="1" t="s">
        <v>2958</v>
      </c>
      <c r="J729" s="1" t="s">
        <v>2962</v>
      </c>
    </row>
    <row r="730" spans="1:10" x14ac:dyDescent="0.35">
      <c r="A730" s="1" t="s">
        <v>2952</v>
      </c>
      <c r="B730" s="1" t="s">
        <v>2953</v>
      </c>
      <c r="C730" s="1" t="s">
        <v>20</v>
      </c>
      <c r="D730" s="1" t="s">
        <v>2963</v>
      </c>
      <c r="E730" s="1" t="s">
        <v>2964</v>
      </c>
      <c r="F730" s="1" t="s">
        <v>2965</v>
      </c>
      <c r="G730" s="1" t="s">
        <v>2957</v>
      </c>
      <c r="H730" s="1" t="s">
        <v>13</v>
      </c>
      <c r="I730" s="1" t="s">
        <v>2958</v>
      </c>
      <c r="J730" s="1" t="s">
        <v>2966</v>
      </c>
    </row>
    <row r="731" spans="1:10" x14ac:dyDescent="0.35">
      <c r="A731" s="1" t="s">
        <v>2952</v>
      </c>
      <c r="B731" s="1" t="s">
        <v>2953</v>
      </c>
      <c r="C731" s="1" t="s">
        <v>25</v>
      </c>
      <c r="D731" s="1" t="s">
        <v>2967</v>
      </c>
      <c r="E731" s="1" t="s">
        <v>2968</v>
      </c>
      <c r="F731" s="1" t="s">
        <v>2969</v>
      </c>
      <c r="G731" s="1" t="s">
        <v>2957</v>
      </c>
      <c r="H731" s="1" t="s">
        <v>13</v>
      </c>
      <c r="I731" s="1" t="s">
        <v>2958</v>
      </c>
      <c r="J731" s="1" t="s">
        <v>2970</v>
      </c>
    </row>
    <row r="732" spans="1:10" x14ac:dyDescent="0.35">
      <c r="A732" s="1" t="s">
        <v>2952</v>
      </c>
      <c r="B732" s="1" t="s">
        <v>2953</v>
      </c>
      <c r="C732" s="1" t="s">
        <v>30</v>
      </c>
      <c r="D732" s="1" t="s">
        <v>2967</v>
      </c>
      <c r="E732" s="1" t="s">
        <v>2971</v>
      </c>
      <c r="F732" s="1" t="s">
        <v>2972</v>
      </c>
      <c r="G732" s="1" t="s">
        <v>2957</v>
      </c>
      <c r="H732" s="1" t="s">
        <v>13</v>
      </c>
      <c r="I732" s="1" t="s">
        <v>2958</v>
      </c>
      <c r="J732" s="1" t="s">
        <v>1180</v>
      </c>
    </row>
    <row r="733" spans="1:10" x14ac:dyDescent="0.35">
      <c r="A733" s="1" t="s">
        <v>2952</v>
      </c>
      <c r="B733" s="1" t="s">
        <v>2953</v>
      </c>
      <c r="C733" s="1" t="s">
        <v>35</v>
      </c>
      <c r="D733" s="1" t="s">
        <v>2973</v>
      </c>
      <c r="E733" s="1" t="s">
        <v>2974</v>
      </c>
      <c r="F733" s="1" t="s">
        <v>2975</v>
      </c>
      <c r="G733" s="1" t="s">
        <v>2957</v>
      </c>
      <c r="H733" s="1" t="s">
        <v>13</v>
      </c>
      <c r="I733" s="1" t="s">
        <v>2958</v>
      </c>
      <c r="J733" s="1" t="s">
        <v>2976</v>
      </c>
    </row>
    <row r="734" spans="1:10" x14ac:dyDescent="0.35">
      <c r="A734" s="1" t="s">
        <v>2952</v>
      </c>
      <c r="B734" s="1" t="s">
        <v>2953</v>
      </c>
      <c r="C734" s="1" t="s">
        <v>40</v>
      </c>
      <c r="D734" s="1" t="s">
        <v>2977</v>
      </c>
      <c r="E734" s="1" t="s">
        <v>2978</v>
      </c>
      <c r="F734" s="1" t="s">
        <v>2979</v>
      </c>
      <c r="G734" s="1" t="s">
        <v>2957</v>
      </c>
      <c r="H734" s="1" t="s">
        <v>13</v>
      </c>
      <c r="I734" s="1" t="s">
        <v>2958</v>
      </c>
      <c r="J734" s="1" t="s">
        <v>2980</v>
      </c>
    </row>
    <row r="735" spans="1:10" x14ac:dyDescent="0.35">
      <c r="A735" s="1" t="s">
        <v>2952</v>
      </c>
      <c r="B735" s="1" t="s">
        <v>2953</v>
      </c>
      <c r="C735" s="1" t="s">
        <v>45</v>
      </c>
      <c r="D735" s="1" t="s">
        <v>2981</v>
      </c>
      <c r="E735" s="1" t="s">
        <v>2982</v>
      </c>
      <c r="F735" s="1" t="s">
        <v>2983</v>
      </c>
      <c r="G735" s="1" t="s">
        <v>2957</v>
      </c>
      <c r="H735" s="1" t="s">
        <v>13</v>
      </c>
      <c r="I735" s="1" t="s">
        <v>2958</v>
      </c>
      <c r="J735" s="1" t="s">
        <v>2984</v>
      </c>
    </row>
    <row r="736" spans="1:10" x14ac:dyDescent="0.35">
      <c r="A736" s="1" t="s">
        <v>2952</v>
      </c>
      <c r="B736" s="1" t="s">
        <v>2953</v>
      </c>
      <c r="C736" s="1" t="s">
        <v>50</v>
      </c>
      <c r="D736" s="1" t="s">
        <v>2985</v>
      </c>
      <c r="E736" s="1" t="s">
        <v>2986</v>
      </c>
      <c r="F736" s="1" t="s">
        <v>2987</v>
      </c>
      <c r="G736" s="1" t="s">
        <v>2957</v>
      </c>
      <c r="H736" s="1" t="s">
        <v>13</v>
      </c>
      <c r="I736" s="1" t="s">
        <v>2958</v>
      </c>
      <c r="J736" s="1" t="s">
        <v>2988</v>
      </c>
    </row>
    <row r="737" spans="1:10" x14ac:dyDescent="0.35">
      <c r="A737" s="1" t="s">
        <v>2952</v>
      </c>
      <c r="B737" s="1" t="s">
        <v>2953</v>
      </c>
      <c r="C737" s="1" t="s">
        <v>55</v>
      </c>
      <c r="D737" s="1" t="s">
        <v>2989</v>
      </c>
      <c r="E737" s="1" t="s">
        <v>2990</v>
      </c>
      <c r="F737" s="1" t="s">
        <v>2991</v>
      </c>
      <c r="G737" s="1" t="s">
        <v>2957</v>
      </c>
      <c r="H737" s="1" t="s">
        <v>13</v>
      </c>
      <c r="I737" s="1" t="s">
        <v>2958</v>
      </c>
      <c r="J737" s="1" t="s">
        <v>2992</v>
      </c>
    </row>
    <row r="738" spans="1:10" x14ac:dyDescent="0.35">
      <c r="A738" s="1" t="s">
        <v>2952</v>
      </c>
      <c r="B738" s="1" t="s">
        <v>2953</v>
      </c>
      <c r="C738" s="1" t="s">
        <v>60</v>
      </c>
      <c r="D738" s="1" t="s">
        <v>2993</v>
      </c>
      <c r="E738" s="1" t="s">
        <v>2955</v>
      </c>
      <c r="F738" s="1" t="s">
        <v>2994</v>
      </c>
      <c r="G738" s="1" t="s">
        <v>2957</v>
      </c>
      <c r="H738" s="1" t="s">
        <v>13</v>
      </c>
      <c r="I738" s="1" t="s">
        <v>2958</v>
      </c>
      <c r="J738" s="1" t="s">
        <v>2995</v>
      </c>
    </row>
    <row r="739" spans="1:10" x14ac:dyDescent="0.35">
      <c r="A739" s="1" t="s">
        <v>2952</v>
      </c>
      <c r="B739" s="1" t="s">
        <v>2953</v>
      </c>
      <c r="C739" s="1" t="s">
        <v>65</v>
      </c>
      <c r="D739" s="1" t="s">
        <v>2996</v>
      </c>
      <c r="E739" s="1" t="s">
        <v>2997</v>
      </c>
      <c r="F739" s="1" t="s">
        <v>2998</v>
      </c>
      <c r="G739" s="1" t="s">
        <v>2957</v>
      </c>
      <c r="H739" s="1" t="s">
        <v>13</v>
      </c>
      <c r="I739" s="1" t="s">
        <v>2958</v>
      </c>
      <c r="J739" s="1" t="s">
        <v>2999</v>
      </c>
    </row>
    <row r="740" spans="1:10" x14ac:dyDescent="0.35">
      <c r="A740" s="1" t="s">
        <v>2952</v>
      </c>
      <c r="B740" s="1" t="s">
        <v>2953</v>
      </c>
      <c r="C740" s="1" t="s">
        <v>70</v>
      </c>
      <c r="D740" s="1" t="s">
        <v>3000</v>
      </c>
      <c r="E740" s="1" t="s">
        <v>3001</v>
      </c>
      <c r="F740" s="1" t="s">
        <v>3002</v>
      </c>
      <c r="G740" s="1" t="s">
        <v>2957</v>
      </c>
      <c r="H740" s="1" t="s">
        <v>13</v>
      </c>
      <c r="I740" s="1" t="s">
        <v>2958</v>
      </c>
      <c r="J740" s="1" t="s">
        <v>3003</v>
      </c>
    </row>
    <row r="741" spans="1:10" x14ac:dyDescent="0.35">
      <c r="A741" s="1" t="s">
        <v>2952</v>
      </c>
      <c r="B741" s="1" t="s">
        <v>2953</v>
      </c>
      <c r="C741" s="1" t="s">
        <v>75</v>
      </c>
      <c r="D741" s="1" t="s">
        <v>3004</v>
      </c>
      <c r="E741" s="1" t="s">
        <v>3005</v>
      </c>
      <c r="F741" s="1" t="s">
        <v>3006</v>
      </c>
      <c r="G741" s="1" t="s">
        <v>2957</v>
      </c>
      <c r="H741" s="1" t="s">
        <v>13</v>
      </c>
      <c r="I741" s="1" t="s">
        <v>2958</v>
      </c>
      <c r="J741" s="1" t="s">
        <v>3007</v>
      </c>
    </row>
    <row r="742" spans="1:10" x14ac:dyDescent="0.35">
      <c r="A742" s="1" t="s">
        <v>2952</v>
      </c>
      <c r="B742" s="1" t="s">
        <v>2953</v>
      </c>
      <c r="C742" s="1" t="s">
        <v>80</v>
      </c>
      <c r="D742" s="1" t="s">
        <v>3008</v>
      </c>
      <c r="E742" s="1" t="s">
        <v>3009</v>
      </c>
      <c r="F742" s="1" t="s">
        <v>3010</v>
      </c>
      <c r="G742" s="1" t="s">
        <v>2957</v>
      </c>
      <c r="H742" s="1" t="s">
        <v>13</v>
      </c>
      <c r="I742" s="1" t="s">
        <v>2958</v>
      </c>
      <c r="J742" s="1" t="s">
        <v>3011</v>
      </c>
    </row>
    <row r="743" spans="1:10" x14ac:dyDescent="0.35">
      <c r="A743" s="1" t="s">
        <v>2952</v>
      </c>
      <c r="B743" s="1" t="s">
        <v>2953</v>
      </c>
      <c r="C743" s="1" t="s">
        <v>85</v>
      </c>
      <c r="D743" s="1" t="s">
        <v>3012</v>
      </c>
      <c r="E743" s="1" t="s">
        <v>3013</v>
      </c>
      <c r="F743" s="1" t="s">
        <v>3014</v>
      </c>
      <c r="G743" s="1" t="s">
        <v>2957</v>
      </c>
      <c r="H743" s="1" t="s">
        <v>13</v>
      </c>
      <c r="I743" s="1" t="s">
        <v>2958</v>
      </c>
      <c r="J743" s="1" t="s">
        <v>3015</v>
      </c>
    </row>
    <row r="744" spans="1:10" x14ac:dyDescent="0.35">
      <c r="A744" s="1" t="s">
        <v>2952</v>
      </c>
      <c r="B744" s="1" t="s">
        <v>2953</v>
      </c>
      <c r="C744" s="1" t="s">
        <v>90</v>
      </c>
      <c r="D744" s="1" t="s">
        <v>3016</v>
      </c>
      <c r="E744" s="1" t="s">
        <v>3017</v>
      </c>
      <c r="F744" s="1" t="s">
        <v>3018</v>
      </c>
      <c r="G744" s="1" t="s">
        <v>2957</v>
      </c>
      <c r="H744" s="1" t="s">
        <v>13</v>
      </c>
      <c r="I744" s="1" t="s">
        <v>2958</v>
      </c>
      <c r="J744" s="1" t="s">
        <v>3019</v>
      </c>
    </row>
    <row r="745" spans="1:10" x14ac:dyDescent="0.35">
      <c r="A745" s="1" t="s">
        <v>2952</v>
      </c>
      <c r="B745" s="1" t="s">
        <v>2953</v>
      </c>
      <c r="C745" s="1" t="s">
        <v>95</v>
      </c>
      <c r="D745" s="1" t="s">
        <v>3020</v>
      </c>
      <c r="E745" s="1" t="s">
        <v>3021</v>
      </c>
      <c r="F745" s="1" t="s">
        <v>3022</v>
      </c>
      <c r="G745" s="1" t="s">
        <v>2957</v>
      </c>
      <c r="H745" s="1" t="s">
        <v>13</v>
      </c>
      <c r="I745" s="1" t="s">
        <v>2958</v>
      </c>
      <c r="J745" s="1" t="s">
        <v>3023</v>
      </c>
    </row>
    <row r="746" spans="1:10" x14ac:dyDescent="0.35">
      <c r="A746" s="1" t="s">
        <v>2952</v>
      </c>
      <c r="B746" s="1" t="s">
        <v>2953</v>
      </c>
      <c r="C746" s="1" t="s">
        <v>100</v>
      </c>
      <c r="D746" s="1" t="s">
        <v>3024</v>
      </c>
      <c r="E746" s="1" t="s">
        <v>3025</v>
      </c>
      <c r="F746" s="1" t="s">
        <v>3026</v>
      </c>
      <c r="G746" s="1" t="s">
        <v>2957</v>
      </c>
      <c r="H746" s="1" t="s">
        <v>13</v>
      </c>
      <c r="I746" s="1" t="s">
        <v>2958</v>
      </c>
      <c r="J746" s="1" t="s">
        <v>3027</v>
      </c>
    </row>
    <row r="747" spans="1:10" x14ac:dyDescent="0.35">
      <c r="A747" s="1" t="s">
        <v>2952</v>
      </c>
      <c r="B747" s="1" t="s">
        <v>2953</v>
      </c>
      <c r="C747" s="1" t="s">
        <v>105</v>
      </c>
      <c r="D747" s="1" t="s">
        <v>3028</v>
      </c>
      <c r="E747" s="1" t="s">
        <v>3029</v>
      </c>
      <c r="F747" s="1" t="s">
        <v>3030</v>
      </c>
      <c r="G747" s="1" t="s">
        <v>2957</v>
      </c>
      <c r="H747" s="1" t="s">
        <v>13</v>
      </c>
      <c r="I747" s="1" t="s">
        <v>2958</v>
      </c>
      <c r="J747" s="1" t="s">
        <v>3031</v>
      </c>
    </row>
    <row r="748" spans="1:10" x14ac:dyDescent="0.35">
      <c r="A748" s="1" t="s">
        <v>2952</v>
      </c>
      <c r="B748" s="1" t="s">
        <v>2953</v>
      </c>
      <c r="C748" s="1" t="s">
        <v>110</v>
      </c>
      <c r="D748" s="1" t="s">
        <v>3032</v>
      </c>
      <c r="E748" s="1" t="s">
        <v>3033</v>
      </c>
      <c r="F748" s="1" t="s">
        <v>3034</v>
      </c>
      <c r="G748" s="1" t="s">
        <v>2957</v>
      </c>
      <c r="H748" s="1" t="s">
        <v>13</v>
      </c>
      <c r="I748" s="1" t="s">
        <v>2958</v>
      </c>
      <c r="J748" s="1" t="s">
        <v>3035</v>
      </c>
    </row>
    <row r="749" spans="1:10" x14ac:dyDescent="0.35">
      <c r="A749" s="1" t="s">
        <v>2952</v>
      </c>
      <c r="B749" s="1" t="s">
        <v>2953</v>
      </c>
      <c r="C749" s="1" t="s">
        <v>115</v>
      </c>
      <c r="D749" s="1" t="s">
        <v>3036</v>
      </c>
      <c r="E749" s="1" t="s">
        <v>3037</v>
      </c>
      <c r="F749" s="1" t="s">
        <v>3038</v>
      </c>
      <c r="G749" s="1" t="s">
        <v>2957</v>
      </c>
      <c r="H749" s="1" t="s">
        <v>13</v>
      </c>
      <c r="I749" s="1" t="s">
        <v>2958</v>
      </c>
      <c r="J749" s="1" t="s">
        <v>3039</v>
      </c>
    </row>
    <row r="750" spans="1:10" x14ac:dyDescent="0.35">
      <c r="A750" s="1" t="s">
        <v>2952</v>
      </c>
      <c r="B750" s="1" t="s">
        <v>2953</v>
      </c>
      <c r="C750" s="1" t="s">
        <v>120</v>
      </c>
      <c r="D750" s="1" t="s">
        <v>3040</v>
      </c>
      <c r="E750" s="1" t="s">
        <v>3041</v>
      </c>
      <c r="F750" s="1" t="s">
        <v>3042</v>
      </c>
      <c r="G750" s="1" t="s">
        <v>2957</v>
      </c>
      <c r="H750" s="1" t="s">
        <v>13</v>
      </c>
      <c r="I750" s="1" t="s">
        <v>2958</v>
      </c>
      <c r="J750" s="1" t="s">
        <v>3043</v>
      </c>
    </row>
    <row r="751" spans="1:10" x14ac:dyDescent="0.35">
      <c r="A751" s="1" t="s">
        <v>2952</v>
      </c>
      <c r="B751" s="1" t="s">
        <v>2953</v>
      </c>
      <c r="C751" s="1" t="s">
        <v>125</v>
      </c>
      <c r="D751" s="1" t="s">
        <v>3044</v>
      </c>
      <c r="E751" s="1" t="s">
        <v>3045</v>
      </c>
      <c r="F751" s="1" t="s">
        <v>3046</v>
      </c>
      <c r="G751" s="1" t="s">
        <v>2957</v>
      </c>
      <c r="H751" s="1" t="s">
        <v>13</v>
      </c>
      <c r="I751" s="1" t="s">
        <v>2958</v>
      </c>
      <c r="J751" s="1" t="s">
        <v>3047</v>
      </c>
    </row>
    <row r="752" spans="1:10" x14ac:dyDescent="0.35">
      <c r="A752" s="1" t="s">
        <v>2952</v>
      </c>
      <c r="B752" s="1" t="s">
        <v>2953</v>
      </c>
      <c r="C752" s="1" t="s">
        <v>130</v>
      </c>
      <c r="D752" s="1" t="s">
        <v>3048</v>
      </c>
      <c r="E752" s="1" t="s">
        <v>3049</v>
      </c>
      <c r="F752" s="1" t="s">
        <v>3050</v>
      </c>
      <c r="G752" s="1" t="s">
        <v>2957</v>
      </c>
      <c r="H752" s="1" t="s">
        <v>13</v>
      </c>
      <c r="I752" s="1" t="s">
        <v>2958</v>
      </c>
      <c r="J752" s="1" t="s">
        <v>3051</v>
      </c>
    </row>
    <row r="753" spans="1:10" x14ac:dyDescent="0.35">
      <c r="A753" s="1" t="s">
        <v>2952</v>
      </c>
      <c r="B753" s="1" t="s">
        <v>2953</v>
      </c>
      <c r="C753" s="1" t="s">
        <v>135</v>
      </c>
      <c r="D753" s="1" t="s">
        <v>3052</v>
      </c>
      <c r="E753" s="1" t="s">
        <v>3053</v>
      </c>
      <c r="F753" s="1" t="s">
        <v>3054</v>
      </c>
      <c r="G753" s="1" t="s">
        <v>2957</v>
      </c>
      <c r="H753" s="1" t="s">
        <v>13</v>
      </c>
      <c r="I753" s="1" t="s">
        <v>2958</v>
      </c>
      <c r="J753" s="1" t="s">
        <v>3055</v>
      </c>
    </row>
    <row r="754" spans="1:10" x14ac:dyDescent="0.35">
      <c r="A754" s="1" t="s">
        <v>2952</v>
      </c>
      <c r="B754" s="1" t="s">
        <v>2953</v>
      </c>
      <c r="C754" s="1" t="s">
        <v>140</v>
      </c>
      <c r="D754" s="1" t="s">
        <v>3056</v>
      </c>
      <c r="E754" s="1" t="s">
        <v>3057</v>
      </c>
      <c r="F754" s="1" t="s">
        <v>3058</v>
      </c>
      <c r="G754" s="1" t="s">
        <v>2957</v>
      </c>
      <c r="H754" s="1" t="s">
        <v>13</v>
      </c>
      <c r="I754" s="1" t="s">
        <v>2958</v>
      </c>
      <c r="J754" s="1" t="s">
        <v>3059</v>
      </c>
    </row>
    <row r="755" spans="1:10" x14ac:dyDescent="0.35">
      <c r="A755" s="1" t="s">
        <v>2952</v>
      </c>
      <c r="B755" s="1" t="s">
        <v>2953</v>
      </c>
      <c r="C755" s="1" t="s">
        <v>145</v>
      </c>
      <c r="D755" s="1" t="s">
        <v>3060</v>
      </c>
      <c r="E755" s="1" t="s">
        <v>3045</v>
      </c>
      <c r="F755" s="1" t="s">
        <v>3061</v>
      </c>
      <c r="G755" s="1" t="s">
        <v>2957</v>
      </c>
      <c r="H755" s="1" t="s">
        <v>13</v>
      </c>
      <c r="I755" s="1" t="s">
        <v>2958</v>
      </c>
      <c r="J755" s="1" t="s">
        <v>3062</v>
      </c>
    </row>
    <row r="756" spans="1:10" x14ac:dyDescent="0.35">
      <c r="A756" s="1" t="s">
        <v>2952</v>
      </c>
      <c r="B756" s="1" t="s">
        <v>2953</v>
      </c>
      <c r="C756" s="1" t="s">
        <v>150</v>
      </c>
      <c r="D756" s="1" t="s">
        <v>3063</v>
      </c>
      <c r="E756" s="1" t="s">
        <v>2964</v>
      </c>
      <c r="F756" s="1" t="s">
        <v>3064</v>
      </c>
      <c r="G756" s="1" t="s">
        <v>2957</v>
      </c>
      <c r="H756" s="1" t="s">
        <v>13</v>
      </c>
      <c r="I756" s="1" t="s">
        <v>2958</v>
      </c>
      <c r="J756" s="1" t="s">
        <v>3065</v>
      </c>
    </row>
    <row r="757" spans="1:10" x14ac:dyDescent="0.35">
      <c r="A757" s="1" t="s">
        <v>2952</v>
      </c>
      <c r="B757" s="1" t="s">
        <v>2953</v>
      </c>
      <c r="C757" s="1" t="s">
        <v>155</v>
      </c>
      <c r="D757" s="1" t="s">
        <v>3066</v>
      </c>
      <c r="E757" s="1" t="s">
        <v>3067</v>
      </c>
      <c r="F757" s="1" t="s">
        <v>3068</v>
      </c>
      <c r="G757" s="1" t="s">
        <v>2957</v>
      </c>
      <c r="H757" s="1" t="s">
        <v>13</v>
      </c>
      <c r="I757" s="1" t="s">
        <v>2958</v>
      </c>
      <c r="J757" s="1" t="s">
        <v>3069</v>
      </c>
    </row>
    <row r="758" spans="1:10" x14ac:dyDescent="0.35">
      <c r="A758" s="1" t="s">
        <v>2952</v>
      </c>
      <c r="B758" s="1" t="s">
        <v>2953</v>
      </c>
      <c r="C758" s="1" t="s">
        <v>160</v>
      </c>
      <c r="D758" s="1" t="s">
        <v>3070</v>
      </c>
      <c r="E758" s="1" t="s">
        <v>2997</v>
      </c>
      <c r="F758" s="1" t="s">
        <v>3071</v>
      </c>
      <c r="G758" s="1" t="s">
        <v>2957</v>
      </c>
      <c r="H758" s="1" t="s">
        <v>13</v>
      </c>
      <c r="I758" s="1" t="s">
        <v>2958</v>
      </c>
      <c r="J758" s="1" t="s">
        <v>3072</v>
      </c>
    </row>
    <row r="759" spans="1:10" x14ac:dyDescent="0.35">
      <c r="A759" s="1" t="s">
        <v>2952</v>
      </c>
      <c r="B759" s="1" t="s">
        <v>2953</v>
      </c>
      <c r="C759" s="1" t="s">
        <v>165</v>
      </c>
      <c r="D759" s="1" t="s">
        <v>3073</v>
      </c>
      <c r="E759" s="1" t="s">
        <v>3074</v>
      </c>
      <c r="F759" s="1" t="s">
        <v>3075</v>
      </c>
      <c r="G759" s="1" t="s">
        <v>2957</v>
      </c>
      <c r="H759" s="1" t="s">
        <v>13</v>
      </c>
      <c r="I759" s="1" t="s">
        <v>2958</v>
      </c>
      <c r="J759" s="1" t="s">
        <v>3076</v>
      </c>
    </row>
    <row r="760" spans="1:10" x14ac:dyDescent="0.35">
      <c r="A760" s="1" t="s">
        <v>2952</v>
      </c>
      <c r="B760" s="1" t="s">
        <v>2953</v>
      </c>
      <c r="C760" s="1" t="s">
        <v>170</v>
      </c>
      <c r="D760" s="1" t="s">
        <v>3077</v>
      </c>
      <c r="E760" s="1" t="s">
        <v>3078</v>
      </c>
      <c r="F760" s="1" t="s">
        <v>3079</v>
      </c>
      <c r="G760" s="1" t="s">
        <v>2957</v>
      </c>
      <c r="H760" s="1" t="s">
        <v>13</v>
      </c>
      <c r="I760" s="1" t="s">
        <v>2958</v>
      </c>
      <c r="J760" s="1" t="s">
        <v>3080</v>
      </c>
    </row>
    <row r="761" spans="1:10" x14ac:dyDescent="0.35">
      <c r="A761" s="1" t="s">
        <v>3081</v>
      </c>
      <c r="B761" s="1" t="s">
        <v>3082</v>
      </c>
      <c r="C761" s="1" t="s">
        <v>8</v>
      </c>
      <c r="D761" s="1" t="s">
        <v>3083</v>
      </c>
      <c r="E761" s="1" t="s">
        <v>3084</v>
      </c>
      <c r="F761" s="1" t="s">
        <v>3085</v>
      </c>
      <c r="G761" s="1" t="s">
        <v>3086</v>
      </c>
      <c r="H761" s="1" t="s">
        <v>13</v>
      </c>
      <c r="I761" s="1" t="s">
        <v>3087</v>
      </c>
      <c r="J761" s="1" t="s">
        <v>13</v>
      </c>
    </row>
    <row r="762" spans="1:10" x14ac:dyDescent="0.35">
      <c r="A762" s="1" t="s">
        <v>3081</v>
      </c>
      <c r="B762" s="1" t="s">
        <v>3082</v>
      </c>
      <c r="C762" s="1" t="s">
        <v>15</v>
      </c>
      <c r="D762" s="1" t="s">
        <v>3088</v>
      </c>
      <c r="E762" s="1" t="s">
        <v>3089</v>
      </c>
      <c r="F762" s="1" t="s">
        <v>3090</v>
      </c>
      <c r="G762" s="1" t="s">
        <v>3086</v>
      </c>
      <c r="H762" s="1" t="s">
        <v>13</v>
      </c>
      <c r="I762" s="1" t="s">
        <v>3087</v>
      </c>
      <c r="J762" s="1" t="s">
        <v>3091</v>
      </c>
    </row>
    <row r="763" spans="1:10" x14ac:dyDescent="0.35">
      <c r="A763" s="1" t="s">
        <v>3081</v>
      </c>
      <c r="B763" s="1" t="s">
        <v>3082</v>
      </c>
      <c r="C763" s="1" t="s">
        <v>20</v>
      </c>
      <c r="D763" s="1" t="s">
        <v>3092</v>
      </c>
      <c r="E763" s="1" t="s">
        <v>3093</v>
      </c>
      <c r="F763" s="1" t="s">
        <v>3094</v>
      </c>
      <c r="G763" s="1" t="s">
        <v>3086</v>
      </c>
      <c r="H763" s="1" t="s">
        <v>13</v>
      </c>
      <c r="I763" s="1" t="s">
        <v>3087</v>
      </c>
      <c r="J763" s="1" t="s">
        <v>3095</v>
      </c>
    </row>
    <row r="764" spans="1:10" x14ac:dyDescent="0.35">
      <c r="A764" s="1" t="s">
        <v>3081</v>
      </c>
      <c r="B764" s="1" t="s">
        <v>3082</v>
      </c>
      <c r="C764" s="1" t="s">
        <v>25</v>
      </c>
      <c r="D764" s="1" t="s">
        <v>3096</v>
      </c>
      <c r="E764" s="1" t="s">
        <v>3097</v>
      </c>
      <c r="F764" s="1" t="s">
        <v>3098</v>
      </c>
      <c r="G764" s="1" t="s">
        <v>3086</v>
      </c>
      <c r="H764" s="1" t="s">
        <v>13</v>
      </c>
      <c r="I764" s="1" t="s">
        <v>3087</v>
      </c>
      <c r="J764" s="1" t="s">
        <v>3099</v>
      </c>
    </row>
    <row r="765" spans="1:10" x14ac:dyDescent="0.35">
      <c r="A765" s="1" t="s">
        <v>3081</v>
      </c>
      <c r="B765" s="1" t="s">
        <v>3082</v>
      </c>
      <c r="C765" s="1" t="s">
        <v>30</v>
      </c>
      <c r="D765" s="1" t="s">
        <v>3100</v>
      </c>
      <c r="E765" s="1" t="s">
        <v>3101</v>
      </c>
      <c r="F765" s="1" t="s">
        <v>3102</v>
      </c>
      <c r="G765" s="1" t="s">
        <v>3086</v>
      </c>
      <c r="H765" s="1" t="s">
        <v>13</v>
      </c>
      <c r="I765" s="1" t="s">
        <v>3087</v>
      </c>
      <c r="J765" s="1" t="s">
        <v>3103</v>
      </c>
    </row>
    <row r="766" spans="1:10" x14ac:dyDescent="0.35">
      <c r="A766" s="1" t="s">
        <v>3081</v>
      </c>
      <c r="B766" s="1" t="s">
        <v>3082</v>
      </c>
      <c r="C766" s="1" t="s">
        <v>35</v>
      </c>
      <c r="D766" s="1" t="s">
        <v>3104</v>
      </c>
      <c r="E766" s="1" t="s">
        <v>3105</v>
      </c>
      <c r="F766" s="1" t="s">
        <v>3106</v>
      </c>
      <c r="G766" s="1" t="s">
        <v>3086</v>
      </c>
      <c r="H766" s="1" t="s">
        <v>13</v>
      </c>
      <c r="I766" s="1" t="s">
        <v>3087</v>
      </c>
      <c r="J766" s="1" t="s">
        <v>3107</v>
      </c>
    </row>
    <row r="767" spans="1:10" x14ac:dyDescent="0.35">
      <c r="A767" s="1" t="s">
        <v>3081</v>
      </c>
      <c r="B767" s="1" t="s">
        <v>3082</v>
      </c>
      <c r="C767" s="1" t="s">
        <v>40</v>
      </c>
      <c r="D767" s="1" t="s">
        <v>3108</v>
      </c>
      <c r="E767" s="1" t="s">
        <v>3109</v>
      </c>
      <c r="F767" s="1" t="s">
        <v>3110</v>
      </c>
      <c r="G767" s="1" t="s">
        <v>3086</v>
      </c>
      <c r="H767" s="1" t="s">
        <v>13</v>
      </c>
      <c r="I767" s="1" t="s">
        <v>3087</v>
      </c>
      <c r="J767" s="1" t="s">
        <v>3111</v>
      </c>
    </row>
    <row r="768" spans="1:10" x14ac:dyDescent="0.35">
      <c r="A768" s="1" t="s">
        <v>3081</v>
      </c>
      <c r="B768" s="1" t="s">
        <v>3082</v>
      </c>
      <c r="C768" s="1" t="s">
        <v>45</v>
      </c>
      <c r="D768" s="1" t="s">
        <v>3112</v>
      </c>
      <c r="E768" s="1" t="s">
        <v>3113</v>
      </c>
      <c r="F768" s="1" t="s">
        <v>3114</v>
      </c>
      <c r="G768" s="1" t="s">
        <v>3086</v>
      </c>
      <c r="H768" s="1" t="s">
        <v>13</v>
      </c>
      <c r="I768" s="1" t="s">
        <v>3087</v>
      </c>
      <c r="J768" s="1" t="s">
        <v>3115</v>
      </c>
    </row>
    <row r="769" spans="1:10" x14ac:dyDescent="0.35">
      <c r="A769" s="1" t="s">
        <v>3081</v>
      </c>
      <c r="B769" s="1" t="s">
        <v>3082</v>
      </c>
      <c r="C769" s="1" t="s">
        <v>50</v>
      </c>
      <c r="D769" s="1" t="s">
        <v>3116</v>
      </c>
      <c r="E769" s="1" t="s">
        <v>3117</v>
      </c>
      <c r="F769" s="1" t="s">
        <v>3118</v>
      </c>
      <c r="G769" s="1" t="s">
        <v>3086</v>
      </c>
      <c r="H769" s="1" t="s">
        <v>13</v>
      </c>
      <c r="I769" s="1" t="s">
        <v>3087</v>
      </c>
      <c r="J769" s="1" t="s">
        <v>3119</v>
      </c>
    </row>
    <row r="770" spans="1:10" x14ac:dyDescent="0.35">
      <c r="A770" s="1" t="s">
        <v>3081</v>
      </c>
      <c r="B770" s="1" t="s">
        <v>3082</v>
      </c>
      <c r="C770" s="1" t="s">
        <v>55</v>
      </c>
      <c r="D770" s="1" t="s">
        <v>3120</v>
      </c>
      <c r="E770" s="1" t="s">
        <v>3121</v>
      </c>
      <c r="F770" s="1" t="s">
        <v>3122</v>
      </c>
      <c r="G770" s="1" t="s">
        <v>3086</v>
      </c>
      <c r="H770" s="1" t="s">
        <v>13</v>
      </c>
      <c r="I770" s="1" t="s">
        <v>3087</v>
      </c>
      <c r="J770" s="1" t="s">
        <v>3123</v>
      </c>
    </row>
    <row r="771" spans="1:10" x14ac:dyDescent="0.35">
      <c r="A771" s="1" t="s">
        <v>3081</v>
      </c>
      <c r="B771" s="1" t="s">
        <v>3082</v>
      </c>
      <c r="C771" s="1" t="s">
        <v>60</v>
      </c>
      <c r="D771" s="1" t="s">
        <v>3124</v>
      </c>
      <c r="E771" s="1" t="s">
        <v>3125</v>
      </c>
      <c r="F771" s="1" t="s">
        <v>3126</v>
      </c>
      <c r="G771" s="1" t="s">
        <v>3086</v>
      </c>
      <c r="H771" s="1" t="s">
        <v>13</v>
      </c>
      <c r="I771" s="1" t="s">
        <v>3087</v>
      </c>
      <c r="J771" s="1" t="s">
        <v>3127</v>
      </c>
    </row>
    <row r="772" spans="1:10" x14ac:dyDescent="0.35">
      <c r="A772" s="1" t="s">
        <v>3081</v>
      </c>
      <c r="B772" s="1" t="s">
        <v>3082</v>
      </c>
      <c r="C772" s="1" t="s">
        <v>65</v>
      </c>
      <c r="D772" s="1" t="s">
        <v>3128</v>
      </c>
      <c r="E772" s="1" t="s">
        <v>3129</v>
      </c>
      <c r="F772" s="1" t="s">
        <v>3130</v>
      </c>
      <c r="G772" s="1" t="s">
        <v>3086</v>
      </c>
      <c r="H772" s="1" t="s">
        <v>13</v>
      </c>
      <c r="I772" s="1" t="s">
        <v>3087</v>
      </c>
      <c r="J772" s="1" t="s">
        <v>3131</v>
      </c>
    </row>
    <row r="773" spans="1:10" x14ac:dyDescent="0.35">
      <c r="A773" s="1" t="s">
        <v>3081</v>
      </c>
      <c r="B773" s="1" t="s">
        <v>3082</v>
      </c>
      <c r="C773" s="1" t="s">
        <v>70</v>
      </c>
      <c r="D773" s="1" t="s">
        <v>3132</v>
      </c>
      <c r="E773" s="1" t="s">
        <v>3133</v>
      </c>
      <c r="F773" s="1" t="s">
        <v>3134</v>
      </c>
      <c r="G773" s="1" t="s">
        <v>3086</v>
      </c>
      <c r="H773" s="1" t="s">
        <v>13</v>
      </c>
      <c r="I773" s="1" t="s">
        <v>3087</v>
      </c>
      <c r="J773" s="1" t="s">
        <v>3135</v>
      </c>
    </row>
    <row r="774" spans="1:10" x14ac:dyDescent="0.35">
      <c r="A774" s="1" t="s">
        <v>3081</v>
      </c>
      <c r="B774" s="1" t="s">
        <v>3082</v>
      </c>
      <c r="C774" s="1" t="s">
        <v>75</v>
      </c>
      <c r="D774" s="1" t="s">
        <v>3136</v>
      </c>
      <c r="E774" s="1" t="s">
        <v>3137</v>
      </c>
      <c r="F774" s="1" t="s">
        <v>3138</v>
      </c>
      <c r="G774" s="1" t="s">
        <v>3086</v>
      </c>
      <c r="H774" s="1" t="s">
        <v>13</v>
      </c>
      <c r="I774" s="1" t="s">
        <v>3087</v>
      </c>
      <c r="J774" s="1" t="s">
        <v>3139</v>
      </c>
    </row>
    <row r="775" spans="1:10" x14ac:dyDescent="0.35">
      <c r="A775" s="1" t="s">
        <v>3081</v>
      </c>
      <c r="B775" s="1" t="s">
        <v>3082</v>
      </c>
      <c r="C775" s="1" t="s">
        <v>80</v>
      </c>
      <c r="D775" s="1" t="s">
        <v>3140</v>
      </c>
      <c r="E775" s="1" t="s">
        <v>3141</v>
      </c>
      <c r="F775" s="1" t="s">
        <v>3142</v>
      </c>
      <c r="G775" s="1" t="s">
        <v>3086</v>
      </c>
      <c r="H775" s="1" t="s">
        <v>13</v>
      </c>
      <c r="I775" s="1" t="s">
        <v>3087</v>
      </c>
      <c r="J775" s="1" t="s">
        <v>3143</v>
      </c>
    </row>
    <row r="776" spans="1:10" x14ac:dyDescent="0.35">
      <c r="A776" s="1" t="s">
        <v>3081</v>
      </c>
      <c r="B776" s="1" t="s">
        <v>3082</v>
      </c>
      <c r="C776" s="1" t="s">
        <v>85</v>
      </c>
      <c r="D776" s="1" t="s">
        <v>3144</v>
      </c>
      <c r="E776" s="1" t="s">
        <v>3145</v>
      </c>
      <c r="F776" s="1" t="s">
        <v>3146</v>
      </c>
      <c r="G776" s="1" t="s">
        <v>3086</v>
      </c>
      <c r="H776" s="1" t="s">
        <v>13</v>
      </c>
      <c r="I776" s="1" t="s">
        <v>3087</v>
      </c>
      <c r="J776" s="1" t="s">
        <v>3147</v>
      </c>
    </row>
    <row r="777" spans="1:10" x14ac:dyDescent="0.35">
      <c r="A777" s="1" t="s">
        <v>3081</v>
      </c>
      <c r="B777" s="1" t="s">
        <v>3082</v>
      </c>
      <c r="C777" s="1" t="s">
        <v>90</v>
      </c>
      <c r="D777" s="1" t="s">
        <v>3148</v>
      </c>
      <c r="E777" s="1" t="s">
        <v>3149</v>
      </c>
      <c r="F777" s="1" t="s">
        <v>3150</v>
      </c>
      <c r="G777" s="1" t="s">
        <v>3086</v>
      </c>
      <c r="H777" s="1" t="s">
        <v>13</v>
      </c>
      <c r="I777" s="1" t="s">
        <v>3087</v>
      </c>
      <c r="J777" s="1" t="s">
        <v>3151</v>
      </c>
    </row>
    <row r="778" spans="1:10" x14ac:dyDescent="0.35">
      <c r="A778" s="1" t="s">
        <v>3081</v>
      </c>
      <c r="B778" s="1" t="s">
        <v>3082</v>
      </c>
      <c r="C778" s="1" t="s">
        <v>95</v>
      </c>
      <c r="D778" s="1" t="s">
        <v>3152</v>
      </c>
      <c r="E778" s="1" t="s">
        <v>3153</v>
      </c>
      <c r="F778" s="1" t="s">
        <v>3154</v>
      </c>
      <c r="G778" s="1" t="s">
        <v>3086</v>
      </c>
      <c r="H778" s="1" t="s">
        <v>13</v>
      </c>
      <c r="I778" s="1" t="s">
        <v>3087</v>
      </c>
      <c r="J778" s="1" t="s">
        <v>3155</v>
      </c>
    </row>
    <row r="779" spans="1:10" x14ac:dyDescent="0.35">
      <c r="A779" s="1" t="s">
        <v>3081</v>
      </c>
      <c r="B779" s="1" t="s">
        <v>3082</v>
      </c>
      <c r="C779" s="1" t="s">
        <v>100</v>
      </c>
      <c r="D779" s="1" t="s">
        <v>3156</v>
      </c>
      <c r="E779" s="1" t="s">
        <v>3157</v>
      </c>
      <c r="F779" s="1" t="s">
        <v>3158</v>
      </c>
      <c r="G779" s="1" t="s">
        <v>3086</v>
      </c>
      <c r="H779" s="1" t="s">
        <v>13</v>
      </c>
      <c r="I779" s="1" t="s">
        <v>3087</v>
      </c>
      <c r="J779" s="1" t="s">
        <v>3159</v>
      </c>
    </row>
    <row r="780" spans="1:10" x14ac:dyDescent="0.35">
      <c r="A780" s="1" t="s">
        <v>3081</v>
      </c>
      <c r="B780" s="1" t="s">
        <v>3082</v>
      </c>
      <c r="C780" s="1" t="s">
        <v>105</v>
      </c>
      <c r="D780" s="1" t="s">
        <v>3160</v>
      </c>
      <c r="E780" s="1" t="s">
        <v>3161</v>
      </c>
      <c r="F780" s="1" t="s">
        <v>3162</v>
      </c>
      <c r="G780" s="1" t="s">
        <v>3086</v>
      </c>
      <c r="H780" s="1" t="s">
        <v>13</v>
      </c>
      <c r="I780" s="1" t="s">
        <v>3087</v>
      </c>
      <c r="J780" s="1" t="s">
        <v>3163</v>
      </c>
    </row>
    <row r="781" spans="1:10" x14ac:dyDescent="0.35">
      <c r="A781" s="1" t="s">
        <v>3081</v>
      </c>
      <c r="B781" s="1" t="s">
        <v>3082</v>
      </c>
      <c r="C781" s="1" t="s">
        <v>110</v>
      </c>
      <c r="D781" s="1" t="s">
        <v>3164</v>
      </c>
      <c r="E781" s="1" t="s">
        <v>3165</v>
      </c>
      <c r="F781" s="1" t="s">
        <v>3166</v>
      </c>
      <c r="G781" s="1" t="s">
        <v>3086</v>
      </c>
      <c r="H781" s="1" t="s">
        <v>13</v>
      </c>
      <c r="I781" s="1" t="s">
        <v>3087</v>
      </c>
      <c r="J781" s="1" t="s">
        <v>3167</v>
      </c>
    </row>
    <row r="782" spans="1:10" x14ac:dyDescent="0.35">
      <c r="A782" s="1" t="s">
        <v>3081</v>
      </c>
      <c r="B782" s="1" t="s">
        <v>3082</v>
      </c>
      <c r="C782" s="1" t="s">
        <v>115</v>
      </c>
      <c r="D782" s="1" t="s">
        <v>3168</v>
      </c>
      <c r="E782" s="1" t="s">
        <v>3169</v>
      </c>
      <c r="F782" s="1" t="s">
        <v>3170</v>
      </c>
      <c r="G782" s="1" t="s">
        <v>3086</v>
      </c>
      <c r="H782" s="1" t="s">
        <v>13</v>
      </c>
      <c r="I782" s="1" t="s">
        <v>3087</v>
      </c>
      <c r="J782" s="1" t="s">
        <v>3171</v>
      </c>
    </row>
    <row r="783" spans="1:10" x14ac:dyDescent="0.35">
      <c r="A783" s="1" t="s">
        <v>3081</v>
      </c>
      <c r="B783" s="1" t="s">
        <v>3082</v>
      </c>
      <c r="C783" s="1" t="s">
        <v>120</v>
      </c>
      <c r="D783" s="1" t="s">
        <v>3172</v>
      </c>
      <c r="E783" s="1" t="s">
        <v>3173</v>
      </c>
      <c r="F783" s="1" t="s">
        <v>3174</v>
      </c>
      <c r="G783" s="1" t="s">
        <v>3086</v>
      </c>
      <c r="H783" s="1" t="s">
        <v>13</v>
      </c>
      <c r="I783" s="1" t="s">
        <v>3087</v>
      </c>
      <c r="J783" s="1" t="s">
        <v>3175</v>
      </c>
    </row>
    <row r="784" spans="1:10" x14ac:dyDescent="0.35">
      <c r="A784" s="1" t="s">
        <v>3081</v>
      </c>
      <c r="B784" s="1" t="s">
        <v>3082</v>
      </c>
      <c r="C784" s="1" t="s">
        <v>125</v>
      </c>
      <c r="D784" s="1" t="s">
        <v>3176</v>
      </c>
      <c r="E784" s="1" t="s">
        <v>3177</v>
      </c>
      <c r="F784" s="1" t="s">
        <v>3178</v>
      </c>
      <c r="G784" s="1" t="s">
        <v>3086</v>
      </c>
      <c r="H784" s="1" t="s">
        <v>13</v>
      </c>
      <c r="I784" s="1" t="s">
        <v>3087</v>
      </c>
      <c r="J784" s="1" t="s">
        <v>3179</v>
      </c>
    </row>
    <row r="785" spans="1:10" x14ac:dyDescent="0.35">
      <c r="A785" s="1" t="s">
        <v>3081</v>
      </c>
      <c r="B785" s="1" t="s">
        <v>3082</v>
      </c>
      <c r="C785" s="1" t="s">
        <v>130</v>
      </c>
      <c r="D785" s="1" t="s">
        <v>3180</v>
      </c>
      <c r="E785" s="1" t="s">
        <v>3181</v>
      </c>
      <c r="F785" s="1" t="s">
        <v>3182</v>
      </c>
      <c r="G785" s="1" t="s">
        <v>3086</v>
      </c>
      <c r="H785" s="1" t="s">
        <v>13</v>
      </c>
      <c r="I785" s="1" t="s">
        <v>3087</v>
      </c>
      <c r="J785" s="1" t="s">
        <v>3183</v>
      </c>
    </row>
    <row r="786" spans="1:10" x14ac:dyDescent="0.35">
      <c r="A786" s="1" t="s">
        <v>3081</v>
      </c>
      <c r="B786" s="1" t="s">
        <v>3082</v>
      </c>
      <c r="C786" s="1" t="s">
        <v>135</v>
      </c>
      <c r="D786" s="1" t="s">
        <v>3184</v>
      </c>
      <c r="E786" s="1" t="s">
        <v>3185</v>
      </c>
      <c r="F786" s="1" t="s">
        <v>3186</v>
      </c>
      <c r="G786" s="1" t="s">
        <v>3086</v>
      </c>
      <c r="H786" s="1" t="s">
        <v>13</v>
      </c>
      <c r="I786" s="1" t="s">
        <v>3087</v>
      </c>
      <c r="J786" s="1" t="s">
        <v>3187</v>
      </c>
    </row>
    <row r="787" spans="1:10" x14ac:dyDescent="0.35">
      <c r="A787" s="1" t="s">
        <v>3081</v>
      </c>
      <c r="B787" s="1" t="s">
        <v>3082</v>
      </c>
      <c r="C787" s="1" t="s">
        <v>140</v>
      </c>
      <c r="D787" s="1" t="s">
        <v>3188</v>
      </c>
      <c r="E787" s="1" t="s">
        <v>3189</v>
      </c>
      <c r="F787" s="1" t="s">
        <v>3190</v>
      </c>
      <c r="G787" s="1" t="s">
        <v>3086</v>
      </c>
      <c r="H787" s="1" t="s">
        <v>13</v>
      </c>
      <c r="I787" s="1" t="s">
        <v>3087</v>
      </c>
      <c r="J787" s="1" t="s">
        <v>3191</v>
      </c>
    </row>
    <row r="788" spans="1:10" x14ac:dyDescent="0.35">
      <c r="A788" s="1" t="s">
        <v>3081</v>
      </c>
      <c r="B788" s="1" t="s">
        <v>3082</v>
      </c>
      <c r="C788" s="1" t="s">
        <v>145</v>
      </c>
      <c r="D788" s="1" t="s">
        <v>3192</v>
      </c>
      <c r="E788" s="1" t="s">
        <v>3193</v>
      </c>
      <c r="F788" s="1" t="s">
        <v>3194</v>
      </c>
      <c r="G788" s="1" t="s">
        <v>3086</v>
      </c>
      <c r="H788" s="1" t="s">
        <v>13</v>
      </c>
      <c r="I788" s="1" t="s">
        <v>3087</v>
      </c>
      <c r="J788" s="1" t="s">
        <v>3195</v>
      </c>
    </row>
    <row r="789" spans="1:10" x14ac:dyDescent="0.35">
      <c r="A789" s="1" t="s">
        <v>3081</v>
      </c>
      <c r="B789" s="1" t="s">
        <v>3082</v>
      </c>
      <c r="C789" s="1" t="s">
        <v>150</v>
      </c>
      <c r="D789" s="1" t="s">
        <v>3196</v>
      </c>
      <c r="E789" s="1" t="s">
        <v>3197</v>
      </c>
      <c r="F789" s="1" t="s">
        <v>3198</v>
      </c>
      <c r="G789" s="1" t="s">
        <v>3086</v>
      </c>
      <c r="H789" s="1" t="s">
        <v>13</v>
      </c>
      <c r="I789" s="1" t="s">
        <v>3087</v>
      </c>
      <c r="J789" s="1" t="s">
        <v>3199</v>
      </c>
    </row>
    <row r="790" spans="1:10" x14ac:dyDescent="0.35">
      <c r="A790" s="1" t="s">
        <v>3081</v>
      </c>
      <c r="B790" s="1" t="s">
        <v>3082</v>
      </c>
      <c r="C790" s="1" t="s">
        <v>155</v>
      </c>
      <c r="D790" s="1" t="s">
        <v>3200</v>
      </c>
      <c r="E790" s="1" t="s">
        <v>3201</v>
      </c>
      <c r="F790" s="1" t="s">
        <v>3202</v>
      </c>
      <c r="G790" s="1" t="s">
        <v>3086</v>
      </c>
      <c r="H790" s="1" t="s">
        <v>13</v>
      </c>
      <c r="I790" s="1" t="s">
        <v>3087</v>
      </c>
      <c r="J790" s="1" t="s">
        <v>3203</v>
      </c>
    </row>
    <row r="791" spans="1:10" x14ac:dyDescent="0.35">
      <c r="A791" s="1" t="s">
        <v>3081</v>
      </c>
      <c r="B791" s="1" t="s">
        <v>3082</v>
      </c>
      <c r="C791" s="1" t="s">
        <v>160</v>
      </c>
      <c r="D791" s="1" t="s">
        <v>3204</v>
      </c>
      <c r="E791" s="1" t="s">
        <v>3205</v>
      </c>
      <c r="F791" s="1" t="s">
        <v>3206</v>
      </c>
      <c r="G791" s="1" t="s">
        <v>3086</v>
      </c>
      <c r="H791" s="1" t="s">
        <v>13</v>
      </c>
      <c r="I791" s="1" t="s">
        <v>3087</v>
      </c>
      <c r="J791" s="1" t="s">
        <v>3207</v>
      </c>
    </row>
    <row r="792" spans="1:10" x14ac:dyDescent="0.35">
      <c r="A792" s="1" t="s">
        <v>3081</v>
      </c>
      <c r="B792" s="1" t="s">
        <v>3082</v>
      </c>
      <c r="C792" s="1" t="s">
        <v>165</v>
      </c>
      <c r="D792" s="1" t="s">
        <v>3208</v>
      </c>
      <c r="E792" s="1" t="s">
        <v>3209</v>
      </c>
      <c r="F792" s="1" t="s">
        <v>3210</v>
      </c>
      <c r="G792" s="1" t="s">
        <v>3086</v>
      </c>
      <c r="H792" s="1" t="s">
        <v>13</v>
      </c>
      <c r="I792" s="1" t="s">
        <v>3087</v>
      </c>
      <c r="J792" s="1" t="s">
        <v>3211</v>
      </c>
    </row>
    <row r="793" spans="1:10" x14ac:dyDescent="0.35">
      <c r="A793" s="1" t="s">
        <v>3081</v>
      </c>
      <c r="B793" s="1" t="s">
        <v>3082</v>
      </c>
      <c r="C793" s="1" t="s">
        <v>170</v>
      </c>
      <c r="D793" s="1" t="s">
        <v>3212</v>
      </c>
      <c r="E793" s="1" t="s">
        <v>3213</v>
      </c>
      <c r="F793" s="1" t="s">
        <v>3214</v>
      </c>
      <c r="G793" s="1" t="s">
        <v>3086</v>
      </c>
      <c r="H793" s="1" t="s">
        <v>13</v>
      </c>
      <c r="I793" s="1" t="s">
        <v>3087</v>
      </c>
      <c r="J793" s="1" t="s">
        <v>3215</v>
      </c>
    </row>
    <row r="794" spans="1:10" x14ac:dyDescent="0.35">
      <c r="A794" s="1" t="s">
        <v>3216</v>
      </c>
      <c r="B794" s="1" t="s">
        <v>3217</v>
      </c>
      <c r="C794" s="1" t="s">
        <v>8</v>
      </c>
      <c r="D794" s="1" t="s">
        <v>1916</v>
      </c>
      <c r="E794" s="1" t="s">
        <v>3218</v>
      </c>
      <c r="F794" s="1" t="s">
        <v>3219</v>
      </c>
      <c r="G794" s="1" t="s">
        <v>3220</v>
      </c>
      <c r="H794" s="1" t="s">
        <v>13</v>
      </c>
      <c r="I794" s="1" t="s">
        <v>3221</v>
      </c>
      <c r="J794" s="1" t="s">
        <v>13</v>
      </c>
    </row>
    <row r="795" spans="1:10" x14ac:dyDescent="0.35">
      <c r="A795" s="1" t="s">
        <v>3216</v>
      </c>
      <c r="B795" s="1" t="s">
        <v>3217</v>
      </c>
      <c r="C795" s="1" t="s">
        <v>15</v>
      </c>
      <c r="D795" s="1" t="s">
        <v>3222</v>
      </c>
      <c r="E795" s="1" t="s">
        <v>3223</v>
      </c>
      <c r="F795" s="1" t="s">
        <v>3224</v>
      </c>
      <c r="G795" s="1" t="s">
        <v>3220</v>
      </c>
      <c r="H795" s="1" t="s">
        <v>13</v>
      </c>
      <c r="I795" s="1" t="s">
        <v>3221</v>
      </c>
      <c r="J795" s="1" t="s">
        <v>3225</v>
      </c>
    </row>
    <row r="796" spans="1:10" x14ac:dyDescent="0.35">
      <c r="A796" s="1" t="s">
        <v>3216</v>
      </c>
      <c r="B796" s="1" t="s">
        <v>3217</v>
      </c>
      <c r="C796" s="1" t="s">
        <v>20</v>
      </c>
      <c r="D796" s="1" t="s">
        <v>1844</v>
      </c>
      <c r="E796" s="1" t="s">
        <v>3226</v>
      </c>
      <c r="F796" s="1" t="s">
        <v>3227</v>
      </c>
      <c r="G796" s="1" t="s">
        <v>3220</v>
      </c>
      <c r="H796" s="1" t="s">
        <v>13</v>
      </c>
      <c r="I796" s="1" t="s">
        <v>3221</v>
      </c>
      <c r="J796" s="1" t="s">
        <v>3228</v>
      </c>
    </row>
    <row r="797" spans="1:10" x14ac:dyDescent="0.35">
      <c r="A797" s="1" t="s">
        <v>3216</v>
      </c>
      <c r="B797" s="1" t="s">
        <v>3217</v>
      </c>
      <c r="C797" s="1" t="s">
        <v>25</v>
      </c>
      <c r="D797" s="1" t="s">
        <v>3229</v>
      </c>
      <c r="E797" s="1" t="s">
        <v>3230</v>
      </c>
      <c r="F797" s="1" t="s">
        <v>3231</v>
      </c>
      <c r="G797" s="1" t="s">
        <v>3220</v>
      </c>
      <c r="H797" s="1" t="s">
        <v>13</v>
      </c>
      <c r="I797" s="1" t="s">
        <v>3221</v>
      </c>
      <c r="J797" s="1" t="s">
        <v>3232</v>
      </c>
    </row>
    <row r="798" spans="1:10" x14ac:dyDescent="0.35">
      <c r="A798" s="1" t="s">
        <v>3216</v>
      </c>
      <c r="B798" s="1" t="s">
        <v>3217</v>
      </c>
      <c r="C798" s="1" t="s">
        <v>30</v>
      </c>
      <c r="D798" s="1" t="s">
        <v>3233</v>
      </c>
      <c r="E798" s="1" t="s">
        <v>3234</v>
      </c>
      <c r="F798" s="1" t="s">
        <v>3235</v>
      </c>
      <c r="G798" s="1" t="s">
        <v>3220</v>
      </c>
      <c r="H798" s="1" t="s">
        <v>13</v>
      </c>
      <c r="I798" s="1" t="s">
        <v>3221</v>
      </c>
      <c r="J798" s="1" t="s">
        <v>3236</v>
      </c>
    </row>
    <row r="799" spans="1:10" x14ac:dyDescent="0.35">
      <c r="A799" s="1" t="s">
        <v>3216</v>
      </c>
      <c r="B799" s="1" t="s">
        <v>3217</v>
      </c>
      <c r="C799" s="1" t="s">
        <v>35</v>
      </c>
      <c r="D799" s="1" t="s">
        <v>1174</v>
      </c>
      <c r="E799" s="1" t="s">
        <v>3237</v>
      </c>
      <c r="F799" s="1" t="s">
        <v>3238</v>
      </c>
      <c r="G799" s="1" t="s">
        <v>3220</v>
      </c>
      <c r="H799" s="1" t="s">
        <v>13</v>
      </c>
      <c r="I799" s="1" t="s">
        <v>3221</v>
      </c>
      <c r="J799" s="1" t="s">
        <v>3239</v>
      </c>
    </row>
    <row r="800" spans="1:10" x14ac:dyDescent="0.35">
      <c r="A800" s="1" t="s">
        <v>3216</v>
      </c>
      <c r="B800" s="1" t="s">
        <v>3217</v>
      </c>
      <c r="C800" s="1" t="s">
        <v>40</v>
      </c>
      <c r="D800" s="1" t="s">
        <v>3240</v>
      </c>
      <c r="E800" s="1" t="s">
        <v>3241</v>
      </c>
      <c r="F800" s="1" t="s">
        <v>3242</v>
      </c>
      <c r="G800" s="1" t="s">
        <v>3220</v>
      </c>
      <c r="H800" s="1" t="s">
        <v>13</v>
      </c>
      <c r="I800" s="1" t="s">
        <v>3221</v>
      </c>
      <c r="J800" s="1" t="s">
        <v>3243</v>
      </c>
    </row>
    <row r="801" spans="1:10" x14ac:dyDescent="0.35">
      <c r="A801" s="1" t="s">
        <v>3216</v>
      </c>
      <c r="B801" s="1" t="s">
        <v>3217</v>
      </c>
      <c r="C801" s="1" t="s">
        <v>45</v>
      </c>
      <c r="D801" s="1" t="s">
        <v>3244</v>
      </c>
      <c r="E801" s="1" t="s">
        <v>3245</v>
      </c>
      <c r="F801" s="1" t="s">
        <v>3246</v>
      </c>
      <c r="G801" s="1" t="s">
        <v>3220</v>
      </c>
      <c r="H801" s="1" t="s">
        <v>13</v>
      </c>
      <c r="I801" s="1" t="s">
        <v>3221</v>
      </c>
      <c r="J801" s="1" t="s">
        <v>3247</v>
      </c>
    </row>
    <row r="802" spans="1:10" x14ac:dyDescent="0.35">
      <c r="A802" s="1" t="s">
        <v>3216</v>
      </c>
      <c r="B802" s="1" t="s">
        <v>3217</v>
      </c>
      <c r="C802" s="1" t="s">
        <v>50</v>
      </c>
      <c r="D802" s="1" t="s">
        <v>3248</v>
      </c>
      <c r="E802" s="1" t="s">
        <v>3249</v>
      </c>
      <c r="F802" s="1" t="s">
        <v>3250</v>
      </c>
      <c r="G802" s="1" t="s">
        <v>3220</v>
      </c>
      <c r="H802" s="1" t="s">
        <v>13</v>
      </c>
      <c r="I802" s="1" t="s">
        <v>3221</v>
      </c>
      <c r="J802" s="1" t="s">
        <v>3251</v>
      </c>
    </row>
    <row r="803" spans="1:10" x14ac:dyDescent="0.35">
      <c r="A803" s="1" t="s">
        <v>3216</v>
      </c>
      <c r="B803" s="1" t="s">
        <v>3217</v>
      </c>
      <c r="C803" s="1" t="s">
        <v>55</v>
      </c>
      <c r="D803" s="1" t="s">
        <v>3252</v>
      </c>
      <c r="E803" s="1" t="s">
        <v>3253</v>
      </c>
      <c r="F803" s="1" t="s">
        <v>3254</v>
      </c>
      <c r="G803" s="1" t="s">
        <v>3220</v>
      </c>
      <c r="H803" s="1" t="s">
        <v>13</v>
      </c>
      <c r="I803" s="1" t="s">
        <v>3221</v>
      </c>
      <c r="J803" s="1" t="s">
        <v>3255</v>
      </c>
    </row>
    <row r="804" spans="1:10" x14ac:dyDescent="0.35">
      <c r="A804" s="1" t="s">
        <v>3216</v>
      </c>
      <c r="B804" s="1" t="s">
        <v>3217</v>
      </c>
      <c r="C804" s="1" t="s">
        <v>60</v>
      </c>
      <c r="D804" s="1" t="s">
        <v>3256</v>
      </c>
      <c r="E804" s="1" t="s">
        <v>3257</v>
      </c>
      <c r="F804" s="1" t="s">
        <v>3258</v>
      </c>
      <c r="G804" s="1" t="s">
        <v>3220</v>
      </c>
      <c r="H804" s="1" t="s">
        <v>13</v>
      </c>
      <c r="I804" s="1" t="s">
        <v>3221</v>
      </c>
      <c r="J804" s="1" t="s">
        <v>3259</v>
      </c>
    </row>
    <row r="805" spans="1:10" x14ac:dyDescent="0.35">
      <c r="A805" s="1" t="s">
        <v>3216</v>
      </c>
      <c r="B805" s="1" t="s">
        <v>3217</v>
      </c>
      <c r="C805" s="1" t="s">
        <v>65</v>
      </c>
      <c r="D805" s="1" t="s">
        <v>3260</v>
      </c>
      <c r="E805" s="1" t="s">
        <v>3261</v>
      </c>
      <c r="F805" s="1" t="s">
        <v>3262</v>
      </c>
      <c r="G805" s="1" t="s">
        <v>3220</v>
      </c>
      <c r="H805" s="1" t="s">
        <v>13</v>
      </c>
      <c r="I805" s="1" t="s">
        <v>3221</v>
      </c>
      <c r="J805" s="1" t="s">
        <v>3263</v>
      </c>
    </row>
    <row r="806" spans="1:10" x14ac:dyDescent="0.35">
      <c r="A806" s="1" t="s">
        <v>3216</v>
      </c>
      <c r="B806" s="1" t="s">
        <v>3217</v>
      </c>
      <c r="C806" s="1" t="s">
        <v>70</v>
      </c>
      <c r="D806" s="1" t="s">
        <v>3264</v>
      </c>
      <c r="E806" s="1" t="s">
        <v>3265</v>
      </c>
      <c r="F806" s="1" t="s">
        <v>3266</v>
      </c>
      <c r="G806" s="1" t="s">
        <v>3220</v>
      </c>
      <c r="H806" s="1" t="s">
        <v>13</v>
      </c>
      <c r="I806" s="1" t="s">
        <v>3221</v>
      </c>
      <c r="J806" s="1" t="s">
        <v>3267</v>
      </c>
    </row>
    <row r="807" spans="1:10" x14ac:dyDescent="0.35">
      <c r="A807" s="1" t="s">
        <v>3216</v>
      </c>
      <c r="B807" s="1" t="s">
        <v>3217</v>
      </c>
      <c r="C807" s="1" t="s">
        <v>75</v>
      </c>
      <c r="D807" s="1" t="s">
        <v>3268</v>
      </c>
      <c r="E807" s="1" t="s">
        <v>3269</v>
      </c>
      <c r="F807" s="1" t="s">
        <v>3270</v>
      </c>
      <c r="G807" s="1" t="s">
        <v>3220</v>
      </c>
      <c r="H807" s="1" t="s">
        <v>13</v>
      </c>
      <c r="I807" s="1" t="s">
        <v>3221</v>
      </c>
      <c r="J807" s="1" t="s">
        <v>3271</v>
      </c>
    </row>
    <row r="808" spans="1:10" x14ac:dyDescent="0.35">
      <c r="A808" s="1" t="s">
        <v>3216</v>
      </c>
      <c r="B808" s="1" t="s">
        <v>3217</v>
      </c>
      <c r="C808" s="1" t="s">
        <v>80</v>
      </c>
      <c r="D808" s="1" t="s">
        <v>3272</v>
      </c>
      <c r="E808" s="1" t="s">
        <v>3273</v>
      </c>
      <c r="F808" s="1" t="s">
        <v>3274</v>
      </c>
      <c r="G808" s="1" t="s">
        <v>3220</v>
      </c>
      <c r="H808" s="1" t="s">
        <v>13</v>
      </c>
      <c r="I808" s="1" t="s">
        <v>3221</v>
      </c>
      <c r="J808" s="1" t="s">
        <v>3275</v>
      </c>
    </row>
    <row r="809" spans="1:10" x14ac:dyDescent="0.35">
      <c r="A809" s="1" t="s">
        <v>3216</v>
      </c>
      <c r="B809" s="1" t="s">
        <v>3217</v>
      </c>
      <c r="C809" s="1" t="s">
        <v>85</v>
      </c>
      <c r="D809" s="1" t="s">
        <v>3276</v>
      </c>
      <c r="E809" s="1" t="s">
        <v>3277</v>
      </c>
      <c r="F809" s="1" t="s">
        <v>3278</v>
      </c>
      <c r="G809" s="1" t="s">
        <v>3220</v>
      </c>
      <c r="H809" s="1" t="s">
        <v>13</v>
      </c>
      <c r="I809" s="1" t="s">
        <v>3221</v>
      </c>
      <c r="J809" s="1" t="s">
        <v>3279</v>
      </c>
    </row>
    <row r="810" spans="1:10" x14ac:dyDescent="0.35">
      <c r="A810" s="1" t="s">
        <v>3216</v>
      </c>
      <c r="B810" s="1" t="s">
        <v>3217</v>
      </c>
      <c r="C810" s="1" t="s">
        <v>90</v>
      </c>
      <c r="D810" s="1" t="s">
        <v>3280</v>
      </c>
      <c r="E810" s="1" t="s">
        <v>3281</v>
      </c>
      <c r="F810" s="1" t="s">
        <v>3282</v>
      </c>
      <c r="G810" s="1" t="s">
        <v>3220</v>
      </c>
      <c r="H810" s="1" t="s">
        <v>13</v>
      </c>
      <c r="I810" s="1" t="s">
        <v>3221</v>
      </c>
      <c r="J810" s="1" t="s">
        <v>3283</v>
      </c>
    </row>
    <row r="811" spans="1:10" x14ac:dyDescent="0.35">
      <c r="A811" s="1" t="s">
        <v>3216</v>
      </c>
      <c r="B811" s="1" t="s">
        <v>3217</v>
      </c>
      <c r="C811" s="1" t="s">
        <v>95</v>
      </c>
      <c r="D811" s="1" t="s">
        <v>3284</v>
      </c>
      <c r="E811" s="1" t="s">
        <v>3285</v>
      </c>
      <c r="F811" s="1" t="s">
        <v>3286</v>
      </c>
      <c r="G811" s="1" t="s">
        <v>3220</v>
      </c>
      <c r="H811" s="1" t="s">
        <v>13</v>
      </c>
      <c r="I811" s="1" t="s">
        <v>3221</v>
      </c>
      <c r="J811" s="1" t="s">
        <v>3287</v>
      </c>
    </row>
    <row r="812" spans="1:10" x14ac:dyDescent="0.35">
      <c r="A812" s="1" t="s">
        <v>3216</v>
      </c>
      <c r="B812" s="1" t="s">
        <v>3217</v>
      </c>
      <c r="C812" s="1" t="s">
        <v>100</v>
      </c>
      <c r="D812" s="1" t="s">
        <v>3288</v>
      </c>
      <c r="E812" s="1" t="s">
        <v>3289</v>
      </c>
      <c r="F812" s="1" t="s">
        <v>3290</v>
      </c>
      <c r="G812" s="1" t="s">
        <v>3220</v>
      </c>
      <c r="H812" s="1" t="s">
        <v>13</v>
      </c>
      <c r="I812" s="1" t="s">
        <v>3221</v>
      </c>
      <c r="J812" s="1" t="s">
        <v>3291</v>
      </c>
    </row>
    <row r="813" spans="1:10" x14ac:dyDescent="0.35">
      <c r="A813" s="1" t="s">
        <v>3216</v>
      </c>
      <c r="B813" s="1" t="s">
        <v>3217</v>
      </c>
      <c r="C813" s="1" t="s">
        <v>105</v>
      </c>
      <c r="D813" s="1" t="s">
        <v>3292</v>
      </c>
      <c r="E813" s="1" t="s">
        <v>3293</v>
      </c>
      <c r="F813" s="1" t="s">
        <v>3294</v>
      </c>
      <c r="G813" s="1" t="s">
        <v>3220</v>
      </c>
      <c r="H813" s="1" t="s">
        <v>13</v>
      </c>
      <c r="I813" s="1" t="s">
        <v>3221</v>
      </c>
      <c r="J813" s="1" t="s">
        <v>3295</v>
      </c>
    </row>
    <row r="814" spans="1:10" x14ac:dyDescent="0.35">
      <c r="A814" s="1" t="s">
        <v>3216</v>
      </c>
      <c r="B814" s="1" t="s">
        <v>3217</v>
      </c>
      <c r="C814" s="1" t="s">
        <v>110</v>
      </c>
      <c r="D814" s="1" t="s">
        <v>3296</v>
      </c>
      <c r="E814" s="1" t="s">
        <v>3297</v>
      </c>
      <c r="F814" s="1" t="s">
        <v>3298</v>
      </c>
      <c r="G814" s="1" t="s">
        <v>3220</v>
      </c>
      <c r="H814" s="1" t="s">
        <v>13</v>
      </c>
      <c r="I814" s="1" t="s">
        <v>3221</v>
      </c>
      <c r="J814" s="1" t="s">
        <v>3299</v>
      </c>
    </row>
    <row r="815" spans="1:10" x14ac:dyDescent="0.35">
      <c r="A815" s="1" t="s">
        <v>3216</v>
      </c>
      <c r="B815" s="1" t="s">
        <v>3217</v>
      </c>
      <c r="C815" s="1" t="s">
        <v>115</v>
      </c>
      <c r="D815" s="1" t="s">
        <v>3300</v>
      </c>
      <c r="E815" s="1" t="s">
        <v>3301</v>
      </c>
      <c r="F815" s="1" t="s">
        <v>3302</v>
      </c>
      <c r="G815" s="1" t="s">
        <v>3220</v>
      </c>
      <c r="H815" s="1" t="s">
        <v>13</v>
      </c>
      <c r="I815" s="1" t="s">
        <v>3221</v>
      </c>
      <c r="J815" s="1" t="s">
        <v>3303</v>
      </c>
    </row>
    <row r="816" spans="1:10" x14ac:dyDescent="0.35">
      <c r="A816" s="1" t="s">
        <v>3216</v>
      </c>
      <c r="B816" s="1" t="s">
        <v>3217</v>
      </c>
      <c r="C816" s="1" t="s">
        <v>120</v>
      </c>
      <c r="D816" s="1" t="s">
        <v>3304</v>
      </c>
      <c r="E816" s="1" t="s">
        <v>3305</v>
      </c>
      <c r="F816" s="1" t="s">
        <v>3306</v>
      </c>
      <c r="G816" s="1" t="s">
        <v>3220</v>
      </c>
      <c r="H816" s="1" t="s">
        <v>13</v>
      </c>
      <c r="I816" s="1" t="s">
        <v>3221</v>
      </c>
      <c r="J816" s="1" t="s">
        <v>3307</v>
      </c>
    </row>
    <row r="817" spans="1:10" x14ac:dyDescent="0.35">
      <c r="A817" s="1" t="s">
        <v>3216</v>
      </c>
      <c r="B817" s="1" t="s">
        <v>3217</v>
      </c>
      <c r="C817" s="1" t="s">
        <v>125</v>
      </c>
      <c r="D817" s="1" t="s">
        <v>3308</v>
      </c>
      <c r="E817" s="1" t="s">
        <v>3309</v>
      </c>
      <c r="F817" s="1" t="s">
        <v>3310</v>
      </c>
      <c r="G817" s="1" t="s">
        <v>3220</v>
      </c>
      <c r="H817" s="1" t="s">
        <v>13</v>
      </c>
      <c r="I817" s="1" t="s">
        <v>3221</v>
      </c>
      <c r="J817" s="1" t="s">
        <v>3311</v>
      </c>
    </row>
    <row r="818" spans="1:10" x14ac:dyDescent="0.35">
      <c r="A818" s="1" t="s">
        <v>3216</v>
      </c>
      <c r="B818" s="1" t="s">
        <v>3217</v>
      </c>
      <c r="C818" s="1" t="s">
        <v>130</v>
      </c>
      <c r="D818" s="1" t="s">
        <v>3312</v>
      </c>
      <c r="E818" s="1" t="s">
        <v>3313</v>
      </c>
      <c r="F818" s="1" t="s">
        <v>3314</v>
      </c>
      <c r="G818" s="1" t="s">
        <v>3220</v>
      </c>
      <c r="H818" s="1" t="s">
        <v>13</v>
      </c>
      <c r="I818" s="1" t="s">
        <v>3221</v>
      </c>
      <c r="J818" s="1" t="s">
        <v>3315</v>
      </c>
    </row>
    <row r="819" spans="1:10" x14ac:dyDescent="0.35">
      <c r="A819" s="1" t="s">
        <v>3216</v>
      </c>
      <c r="B819" s="1" t="s">
        <v>3217</v>
      </c>
      <c r="C819" s="1" t="s">
        <v>135</v>
      </c>
      <c r="D819" s="1" t="s">
        <v>3316</v>
      </c>
      <c r="E819" s="1" t="s">
        <v>3317</v>
      </c>
      <c r="F819" s="1" t="s">
        <v>3318</v>
      </c>
      <c r="G819" s="1" t="s">
        <v>3220</v>
      </c>
      <c r="H819" s="1" t="s">
        <v>13</v>
      </c>
      <c r="I819" s="1" t="s">
        <v>3221</v>
      </c>
      <c r="J819" s="1" t="s">
        <v>3319</v>
      </c>
    </row>
    <row r="820" spans="1:10" x14ac:dyDescent="0.35">
      <c r="A820" s="1" t="s">
        <v>3216</v>
      </c>
      <c r="B820" s="1" t="s">
        <v>3217</v>
      </c>
      <c r="C820" s="1" t="s">
        <v>140</v>
      </c>
      <c r="D820" s="1" t="s">
        <v>3320</v>
      </c>
      <c r="E820" s="1" t="s">
        <v>3321</v>
      </c>
      <c r="F820" s="1" t="s">
        <v>3322</v>
      </c>
      <c r="G820" s="1" t="s">
        <v>3220</v>
      </c>
      <c r="H820" s="1" t="s">
        <v>13</v>
      </c>
      <c r="I820" s="1" t="s">
        <v>3221</v>
      </c>
      <c r="J820" s="1" t="s">
        <v>3323</v>
      </c>
    </row>
    <row r="821" spans="1:10" x14ac:dyDescent="0.35">
      <c r="A821" s="1" t="s">
        <v>3216</v>
      </c>
      <c r="B821" s="1" t="s">
        <v>3217</v>
      </c>
      <c r="C821" s="1" t="s">
        <v>145</v>
      </c>
      <c r="D821" s="1" t="s">
        <v>3324</v>
      </c>
      <c r="E821" s="1" t="s">
        <v>3325</v>
      </c>
      <c r="F821" s="1" t="s">
        <v>3326</v>
      </c>
      <c r="G821" s="1" t="s">
        <v>3220</v>
      </c>
      <c r="H821" s="1" t="s">
        <v>13</v>
      </c>
      <c r="I821" s="1" t="s">
        <v>3221</v>
      </c>
      <c r="J821" s="1" t="s">
        <v>3327</v>
      </c>
    </row>
    <row r="822" spans="1:10" x14ac:dyDescent="0.35">
      <c r="A822" s="1" t="s">
        <v>3216</v>
      </c>
      <c r="B822" s="1" t="s">
        <v>3217</v>
      </c>
      <c r="C822" s="1" t="s">
        <v>150</v>
      </c>
      <c r="D822" s="1" t="s">
        <v>3328</v>
      </c>
      <c r="E822" s="1" t="s">
        <v>3329</v>
      </c>
      <c r="F822" s="1" t="s">
        <v>3330</v>
      </c>
      <c r="G822" s="1" t="s">
        <v>3220</v>
      </c>
      <c r="H822" s="1" t="s">
        <v>13</v>
      </c>
      <c r="I822" s="1" t="s">
        <v>3221</v>
      </c>
      <c r="J822" s="1" t="s">
        <v>3331</v>
      </c>
    </row>
    <row r="823" spans="1:10" x14ac:dyDescent="0.35">
      <c r="A823" s="1" t="s">
        <v>3216</v>
      </c>
      <c r="B823" s="1" t="s">
        <v>3217</v>
      </c>
      <c r="C823" s="1" t="s">
        <v>155</v>
      </c>
      <c r="D823" s="1" t="s">
        <v>3332</v>
      </c>
      <c r="E823" s="1" t="s">
        <v>3333</v>
      </c>
      <c r="F823" s="1" t="s">
        <v>3334</v>
      </c>
      <c r="G823" s="1" t="s">
        <v>3220</v>
      </c>
      <c r="H823" s="1" t="s">
        <v>13</v>
      </c>
      <c r="I823" s="1" t="s">
        <v>3221</v>
      </c>
      <c r="J823" s="1" t="s">
        <v>3335</v>
      </c>
    </row>
    <row r="824" spans="1:10" x14ac:dyDescent="0.35">
      <c r="A824" s="1" t="s">
        <v>3216</v>
      </c>
      <c r="B824" s="1" t="s">
        <v>3217</v>
      </c>
      <c r="C824" s="1" t="s">
        <v>160</v>
      </c>
      <c r="D824" s="1" t="s">
        <v>3336</v>
      </c>
      <c r="E824" s="1" t="s">
        <v>3337</v>
      </c>
      <c r="F824" s="1" t="s">
        <v>3338</v>
      </c>
      <c r="G824" s="1" t="s">
        <v>3220</v>
      </c>
      <c r="H824" s="1" t="s">
        <v>13</v>
      </c>
      <c r="I824" s="1" t="s">
        <v>3221</v>
      </c>
      <c r="J824" s="1" t="s">
        <v>3339</v>
      </c>
    </row>
    <row r="825" spans="1:10" x14ac:dyDescent="0.35">
      <c r="A825" s="1" t="s">
        <v>3216</v>
      </c>
      <c r="B825" s="1" t="s">
        <v>3217</v>
      </c>
      <c r="C825" s="1" t="s">
        <v>165</v>
      </c>
      <c r="D825" s="1" t="s">
        <v>3340</v>
      </c>
      <c r="E825" s="1" t="s">
        <v>3341</v>
      </c>
      <c r="F825" s="1" t="s">
        <v>3342</v>
      </c>
      <c r="G825" s="1" t="s">
        <v>3220</v>
      </c>
      <c r="H825" s="1" t="s">
        <v>13</v>
      </c>
      <c r="I825" s="1" t="s">
        <v>3221</v>
      </c>
      <c r="J825" s="1" t="s">
        <v>3343</v>
      </c>
    </row>
    <row r="826" spans="1:10" x14ac:dyDescent="0.35">
      <c r="A826" s="1" t="s">
        <v>3216</v>
      </c>
      <c r="B826" s="1" t="s">
        <v>3217</v>
      </c>
      <c r="C826" s="1" t="s">
        <v>170</v>
      </c>
      <c r="D826" s="1" t="s">
        <v>3344</v>
      </c>
      <c r="E826" s="1" t="s">
        <v>3345</v>
      </c>
      <c r="F826" s="1" t="s">
        <v>3346</v>
      </c>
      <c r="G826" s="1" t="s">
        <v>3220</v>
      </c>
      <c r="H826" s="1" t="s">
        <v>13</v>
      </c>
      <c r="I826" s="1" t="s">
        <v>3221</v>
      </c>
      <c r="J826" s="1" t="s">
        <v>3347</v>
      </c>
    </row>
    <row r="827" spans="1:10" x14ac:dyDescent="0.35">
      <c r="A827" s="1" t="s">
        <v>3348</v>
      </c>
      <c r="B827" s="1" t="s">
        <v>3349</v>
      </c>
      <c r="C827" s="1" t="s">
        <v>8</v>
      </c>
      <c r="D827" s="1" t="s">
        <v>3350</v>
      </c>
      <c r="E827" s="1" t="s">
        <v>3351</v>
      </c>
      <c r="F827" s="1" t="s">
        <v>3352</v>
      </c>
      <c r="G827" s="1" t="s">
        <v>3353</v>
      </c>
      <c r="H827" s="1" t="s">
        <v>13</v>
      </c>
      <c r="I827" s="1" t="s">
        <v>3354</v>
      </c>
      <c r="J827" s="1" t="s">
        <v>13</v>
      </c>
    </row>
    <row r="828" spans="1:10" x14ac:dyDescent="0.35">
      <c r="A828" s="1" t="s">
        <v>3348</v>
      </c>
      <c r="B828" s="1" t="s">
        <v>3349</v>
      </c>
      <c r="C828" s="1" t="s">
        <v>15</v>
      </c>
      <c r="D828" s="1" t="s">
        <v>3355</v>
      </c>
      <c r="E828" s="1" t="s">
        <v>3356</v>
      </c>
      <c r="F828" s="1" t="s">
        <v>3357</v>
      </c>
      <c r="G828" s="1" t="s">
        <v>3353</v>
      </c>
      <c r="H828" s="1" t="s">
        <v>13</v>
      </c>
      <c r="I828" s="1" t="s">
        <v>3354</v>
      </c>
      <c r="J828" s="1" t="s">
        <v>3358</v>
      </c>
    </row>
    <row r="829" spans="1:10" x14ac:dyDescent="0.35">
      <c r="A829" s="1" t="s">
        <v>3348</v>
      </c>
      <c r="B829" s="1" t="s">
        <v>3349</v>
      </c>
      <c r="C829" s="1" t="s">
        <v>20</v>
      </c>
      <c r="D829" s="1" t="s">
        <v>3359</v>
      </c>
      <c r="E829" s="1" t="s">
        <v>3360</v>
      </c>
      <c r="F829" s="1" t="s">
        <v>3361</v>
      </c>
      <c r="G829" s="1" t="s">
        <v>3353</v>
      </c>
      <c r="H829" s="1" t="s">
        <v>13</v>
      </c>
      <c r="I829" s="1" t="s">
        <v>3354</v>
      </c>
      <c r="J829" s="1" t="s">
        <v>3362</v>
      </c>
    </row>
    <row r="830" spans="1:10" x14ac:dyDescent="0.35">
      <c r="A830" s="1" t="s">
        <v>3348</v>
      </c>
      <c r="B830" s="1" t="s">
        <v>3349</v>
      </c>
      <c r="C830" s="1" t="s">
        <v>25</v>
      </c>
      <c r="D830" s="1" t="s">
        <v>3363</v>
      </c>
      <c r="E830" s="1" t="s">
        <v>3364</v>
      </c>
      <c r="F830" s="1" t="s">
        <v>3365</v>
      </c>
      <c r="G830" s="1" t="s">
        <v>3353</v>
      </c>
      <c r="H830" s="1" t="s">
        <v>13</v>
      </c>
      <c r="I830" s="1" t="s">
        <v>3354</v>
      </c>
      <c r="J830" s="1" t="s">
        <v>3366</v>
      </c>
    </row>
    <row r="831" spans="1:10" x14ac:dyDescent="0.35">
      <c r="A831" s="1" t="s">
        <v>3348</v>
      </c>
      <c r="B831" s="1" t="s">
        <v>3349</v>
      </c>
      <c r="C831" s="1" t="s">
        <v>30</v>
      </c>
      <c r="D831" s="1" t="s">
        <v>3367</v>
      </c>
      <c r="E831" s="1" t="s">
        <v>3368</v>
      </c>
      <c r="F831" s="1" t="s">
        <v>3369</v>
      </c>
      <c r="G831" s="1" t="s">
        <v>3353</v>
      </c>
      <c r="H831" s="1" t="s">
        <v>13</v>
      </c>
      <c r="I831" s="1" t="s">
        <v>3354</v>
      </c>
      <c r="J831" s="1" t="s">
        <v>3370</v>
      </c>
    </row>
    <row r="832" spans="1:10" x14ac:dyDescent="0.35">
      <c r="A832" s="1" t="s">
        <v>3348</v>
      </c>
      <c r="B832" s="1" t="s">
        <v>3349</v>
      </c>
      <c r="C832" s="1" t="s">
        <v>35</v>
      </c>
      <c r="D832" s="1" t="s">
        <v>3371</v>
      </c>
      <c r="E832" s="1" t="s">
        <v>3372</v>
      </c>
      <c r="F832" s="1" t="s">
        <v>3373</v>
      </c>
      <c r="G832" s="1" t="s">
        <v>3353</v>
      </c>
      <c r="H832" s="1" t="s">
        <v>13</v>
      </c>
      <c r="I832" s="1" t="s">
        <v>3354</v>
      </c>
      <c r="J832" s="1" t="s">
        <v>3374</v>
      </c>
    </row>
    <row r="833" spans="1:10" x14ac:dyDescent="0.35">
      <c r="A833" s="1" t="s">
        <v>3348</v>
      </c>
      <c r="B833" s="1" t="s">
        <v>3349</v>
      </c>
      <c r="C833" s="1" t="s">
        <v>40</v>
      </c>
      <c r="D833" s="1" t="s">
        <v>3375</v>
      </c>
      <c r="E833" s="1" t="s">
        <v>3376</v>
      </c>
      <c r="F833" s="1" t="s">
        <v>3377</v>
      </c>
      <c r="G833" s="1" t="s">
        <v>3353</v>
      </c>
      <c r="H833" s="1" t="s">
        <v>13</v>
      </c>
      <c r="I833" s="1" t="s">
        <v>3354</v>
      </c>
      <c r="J833" s="1" t="s">
        <v>3378</v>
      </c>
    </row>
    <row r="834" spans="1:10" x14ac:dyDescent="0.35">
      <c r="A834" s="1" t="s">
        <v>3348</v>
      </c>
      <c r="B834" s="1" t="s">
        <v>3349</v>
      </c>
      <c r="C834" s="1" t="s">
        <v>45</v>
      </c>
      <c r="D834" s="1" t="s">
        <v>3379</v>
      </c>
      <c r="E834" s="1" t="s">
        <v>3380</v>
      </c>
      <c r="F834" s="1" t="s">
        <v>3381</v>
      </c>
      <c r="G834" s="1" t="s">
        <v>3353</v>
      </c>
      <c r="H834" s="1" t="s">
        <v>13</v>
      </c>
      <c r="I834" s="1" t="s">
        <v>3354</v>
      </c>
      <c r="J834" s="1" t="s">
        <v>3382</v>
      </c>
    </row>
    <row r="835" spans="1:10" x14ac:dyDescent="0.35">
      <c r="A835" s="1" t="s">
        <v>3348</v>
      </c>
      <c r="B835" s="1" t="s">
        <v>3349</v>
      </c>
      <c r="C835" s="1" t="s">
        <v>50</v>
      </c>
      <c r="D835" s="1" t="s">
        <v>3383</v>
      </c>
      <c r="E835" s="1" t="s">
        <v>3384</v>
      </c>
      <c r="F835" s="1" t="s">
        <v>3385</v>
      </c>
      <c r="G835" s="1" t="s">
        <v>3353</v>
      </c>
      <c r="H835" s="1" t="s">
        <v>13</v>
      </c>
      <c r="I835" s="1" t="s">
        <v>3354</v>
      </c>
      <c r="J835" s="1" t="s">
        <v>3386</v>
      </c>
    </row>
    <row r="836" spans="1:10" x14ac:dyDescent="0.35">
      <c r="A836" s="1" t="s">
        <v>3348</v>
      </c>
      <c r="B836" s="1" t="s">
        <v>3349</v>
      </c>
      <c r="C836" s="1" t="s">
        <v>55</v>
      </c>
      <c r="D836" s="1" t="s">
        <v>3387</v>
      </c>
      <c r="E836" s="1" t="s">
        <v>3388</v>
      </c>
      <c r="F836" s="1" t="s">
        <v>3389</v>
      </c>
      <c r="G836" s="1" t="s">
        <v>3353</v>
      </c>
      <c r="H836" s="1" t="s">
        <v>13</v>
      </c>
      <c r="I836" s="1" t="s">
        <v>3354</v>
      </c>
      <c r="J836" s="1" t="s">
        <v>3390</v>
      </c>
    </row>
    <row r="837" spans="1:10" x14ac:dyDescent="0.35">
      <c r="A837" s="1" t="s">
        <v>3348</v>
      </c>
      <c r="B837" s="1" t="s">
        <v>3349</v>
      </c>
      <c r="C837" s="1" t="s">
        <v>60</v>
      </c>
      <c r="D837" s="1" t="s">
        <v>3391</v>
      </c>
      <c r="E837" s="1" t="s">
        <v>3392</v>
      </c>
      <c r="F837" s="1" t="s">
        <v>3393</v>
      </c>
      <c r="G837" s="1" t="s">
        <v>3353</v>
      </c>
      <c r="H837" s="1" t="s">
        <v>13</v>
      </c>
      <c r="I837" s="1" t="s">
        <v>3354</v>
      </c>
      <c r="J837" s="1" t="s">
        <v>3394</v>
      </c>
    </row>
    <row r="838" spans="1:10" x14ac:dyDescent="0.35">
      <c r="A838" s="1" t="s">
        <v>3348</v>
      </c>
      <c r="B838" s="1" t="s">
        <v>3349</v>
      </c>
      <c r="C838" s="1" t="s">
        <v>65</v>
      </c>
      <c r="D838" s="1" t="s">
        <v>3391</v>
      </c>
      <c r="E838" s="1" t="s">
        <v>3395</v>
      </c>
      <c r="F838" s="1" t="s">
        <v>3396</v>
      </c>
      <c r="G838" s="1" t="s">
        <v>3353</v>
      </c>
      <c r="H838" s="1" t="s">
        <v>13</v>
      </c>
      <c r="I838" s="1" t="s">
        <v>3354</v>
      </c>
      <c r="J838" s="1" t="s">
        <v>1180</v>
      </c>
    </row>
    <row r="839" spans="1:10" x14ac:dyDescent="0.35">
      <c r="A839" s="1" t="s">
        <v>3348</v>
      </c>
      <c r="B839" s="1" t="s">
        <v>3349</v>
      </c>
      <c r="C839" s="1" t="s">
        <v>70</v>
      </c>
      <c r="D839" s="1" t="s">
        <v>3397</v>
      </c>
      <c r="E839" s="1" t="s">
        <v>3398</v>
      </c>
      <c r="F839" s="1" t="s">
        <v>3399</v>
      </c>
      <c r="G839" s="1" t="s">
        <v>3353</v>
      </c>
      <c r="H839" s="1" t="s">
        <v>13</v>
      </c>
      <c r="I839" s="1" t="s">
        <v>3354</v>
      </c>
      <c r="J839" s="1" t="s">
        <v>3400</v>
      </c>
    </row>
    <row r="840" spans="1:10" x14ac:dyDescent="0.35">
      <c r="A840" s="1" t="s">
        <v>3348</v>
      </c>
      <c r="B840" s="1" t="s">
        <v>3349</v>
      </c>
      <c r="C840" s="1" t="s">
        <v>75</v>
      </c>
      <c r="D840" s="1" t="s">
        <v>3401</v>
      </c>
      <c r="E840" s="1" t="s">
        <v>3402</v>
      </c>
      <c r="F840" s="1" t="s">
        <v>3403</v>
      </c>
      <c r="G840" s="1" t="s">
        <v>3353</v>
      </c>
      <c r="H840" s="1" t="s">
        <v>13</v>
      </c>
      <c r="I840" s="1" t="s">
        <v>3354</v>
      </c>
      <c r="J840" s="1" t="s">
        <v>3404</v>
      </c>
    </row>
    <row r="841" spans="1:10" x14ac:dyDescent="0.35">
      <c r="A841" s="1" t="s">
        <v>3348</v>
      </c>
      <c r="B841" s="1" t="s">
        <v>3349</v>
      </c>
      <c r="C841" s="1" t="s">
        <v>80</v>
      </c>
      <c r="D841" s="1" t="s">
        <v>3405</v>
      </c>
      <c r="E841" s="1" t="s">
        <v>3406</v>
      </c>
      <c r="F841" s="1" t="s">
        <v>3407</v>
      </c>
      <c r="G841" s="1" t="s">
        <v>3353</v>
      </c>
      <c r="H841" s="1" t="s">
        <v>13</v>
      </c>
      <c r="I841" s="1" t="s">
        <v>3354</v>
      </c>
      <c r="J841" s="1" t="s">
        <v>3408</v>
      </c>
    </row>
    <row r="842" spans="1:10" x14ac:dyDescent="0.35">
      <c r="A842" s="1" t="s">
        <v>3348</v>
      </c>
      <c r="B842" s="1" t="s">
        <v>3349</v>
      </c>
      <c r="C842" s="1" t="s">
        <v>85</v>
      </c>
      <c r="D842" s="1" t="s">
        <v>3409</v>
      </c>
      <c r="E842" s="1" t="s">
        <v>3410</v>
      </c>
      <c r="F842" s="1" t="s">
        <v>3411</v>
      </c>
      <c r="G842" s="1" t="s">
        <v>3353</v>
      </c>
      <c r="H842" s="1" t="s">
        <v>13</v>
      </c>
      <c r="I842" s="1" t="s">
        <v>3354</v>
      </c>
      <c r="J842" s="1" t="s">
        <v>3412</v>
      </c>
    </row>
    <row r="843" spans="1:10" x14ac:dyDescent="0.35">
      <c r="A843" s="1" t="s">
        <v>3348</v>
      </c>
      <c r="B843" s="1" t="s">
        <v>3349</v>
      </c>
      <c r="C843" s="1" t="s">
        <v>90</v>
      </c>
      <c r="D843" s="1" t="s">
        <v>3413</v>
      </c>
      <c r="E843" s="1" t="s">
        <v>3414</v>
      </c>
      <c r="F843" s="1" t="s">
        <v>3415</v>
      </c>
      <c r="G843" s="1" t="s">
        <v>3353</v>
      </c>
      <c r="H843" s="1" t="s">
        <v>13</v>
      </c>
      <c r="I843" s="1" t="s">
        <v>3354</v>
      </c>
      <c r="J843" s="1" t="s">
        <v>3416</v>
      </c>
    </row>
    <row r="844" spans="1:10" x14ac:dyDescent="0.35">
      <c r="A844" s="1" t="s">
        <v>3348</v>
      </c>
      <c r="B844" s="1" t="s">
        <v>3349</v>
      </c>
      <c r="C844" s="1" t="s">
        <v>95</v>
      </c>
      <c r="D844" s="1" t="s">
        <v>3417</v>
      </c>
      <c r="E844" s="1" t="s">
        <v>3418</v>
      </c>
      <c r="F844" s="1" t="s">
        <v>3419</v>
      </c>
      <c r="G844" s="1" t="s">
        <v>3353</v>
      </c>
      <c r="H844" s="1" t="s">
        <v>13</v>
      </c>
      <c r="I844" s="1" t="s">
        <v>3354</v>
      </c>
      <c r="J844" s="1" t="s">
        <v>3420</v>
      </c>
    </row>
    <row r="845" spans="1:10" x14ac:dyDescent="0.35">
      <c r="A845" s="1" t="s">
        <v>3348</v>
      </c>
      <c r="B845" s="1" t="s">
        <v>3349</v>
      </c>
      <c r="C845" s="1" t="s">
        <v>100</v>
      </c>
      <c r="D845" s="1" t="s">
        <v>3421</v>
      </c>
      <c r="E845" s="1" t="s">
        <v>3422</v>
      </c>
      <c r="F845" s="1" t="s">
        <v>3423</v>
      </c>
      <c r="G845" s="1" t="s">
        <v>3353</v>
      </c>
      <c r="H845" s="1" t="s">
        <v>13</v>
      </c>
      <c r="I845" s="1" t="s">
        <v>3354</v>
      </c>
      <c r="J845" s="1" t="s">
        <v>3424</v>
      </c>
    </row>
    <row r="846" spans="1:10" x14ac:dyDescent="0.35">
      <c r="A846" s="1" t="s">
        <v>3348</v>
      </c>
      <c r="B846" s="1" t="s">
        <v>3349</v>
      </c>
      <c r="C846" s="1" t="s">
        <v>105</v>
      </c>
      <c r="D846" s="1" t="s">
        <v>3425</v>
      </c>
      <c r="E846" s="1" t="s">
        <v>3426</v>
      </c>
      <c r="F846" s="1" t="s">
        <v>3427</v>
      </c>
      <c r="G846" s="1" t="s">
        <v>3353</v>
      </c>
      <c r="H846" s="1" t="s">
        <v>13</v>
      </c>
      <c r="I846" s="1" t="s">
        <v>3354</v>
      </c>
      <c r="J846" s="1" t="s">
        <v>3428</v>
      </c>
    </row>
    <row r="847" spans="1:10" x14ac:dyDescent="0.35">
      <c r="A847" s="1" t="s">
        <v>3348</v>
      </c>
      <c r="B847" s="1" t="s">
        <v>3349</v>
      </c>
      <c r="C847" s="1" t="s">
        <v>110</v>
      </c>
      <c r="D847" s="1" t="s">
        <v>3429</v>
      </c>
      <c r="E847" s="1" t="s">
        <v>3430</v>
      </c>
      <c r="F847" s="1" t="s">
        <v>3431</v>
      </c>
      <c r="G847" s="1" t="s">
        <v>3353</v>
      </c>
      <c r="H847" s="1" t="s">
        <v>13</v>
      </c>
      <c r="I847" s="1" t="s">
        <v>3354</v>
      </c>
      <c r="J847" s="1" t="s">
        <v>3432</v>
      </c>
    </row>
    <row r="848" spans="1:10" x14ac:dyDescent="0.35">
      <c r="A848" s="1" t="s">
        <v>3348</v>
      </c>
      <c r="B848" s="1" t="s">
        <v>3349</v>
      </c>
      <c r="C848" s="1" t="s">
        <v>115</v>
      </c>
      <c r="D848" s="1" t="s">
        <v>3433</v>
      </c>
      <c r="E848" s="1" t="s">
        <v>3434</v>
      </c>
      <c r="F848" s="1" t="s">
        <v>3435</v>
      </c>
      <c r="G848" s="1" t="s">
        <v>3353</v>
      </c>
      <c r="H848" s="1" t="s">
        <v>13</v>
      </c>
      <c r="I848" s="1" t="s">
        <v>3354</v>
      </c>
      <c r="J848" s="1" t="s">
        <v>3436</v>
      </c>
    </row>
    <row r="849" spans="1:10" x14ac:dyDescent="0.35">
      <c r="A849" s="1" t="s">
        <v>3348</v>
      </c>
      <c r="B849" s="1" t="s">
        <v>3349</v>
      </c>
      <c r="C849" s="1" t="s">
        <v>120</v>
      </c>
      <c r="D849" s="1" t="s">
        <v>3437</v>
      </c>
      <c r="E849" s="1" t="s">
        <v>3438</v>
      </c>
      <c r="F849" s="1" t="s">
        <v>3439</v>
      </c>
      <c r="G849" s="1" t="s">
        <v>3353</v>
      </c>
      <c r="H849" s="1" t="s">
        <v>13</v>
      </c>
      <c r="I849" s="1" t="s">
        <v>3354</v>
      </c>
      <c r="J849" s="1" t="s">
        <v>3440</v>
      </c>
    </row>
    <row r="850" spans="1:10" x14ac:dyDescent="0.35">
      <c r="A850" s="1" t="s">
        <v>3348</v>
      </c>
      <c r="B850" s="1" t="s">
        <v>3349</v>
      </c>
      <c r="C850" s="1" t="s">
        <v>125</v>
      </c>
      <c r="D850" s="1" t="s">
        <v>3441</v>
      </c>
      <c r="E850" s="1" t="s">
        <v>3442</v>
      </c>
      <c r="F850" s="1" t="s">
        <v>3443</v>
      </c>
      <c r="G850" s="1" t="s">
        <v>3353</v>
      </c>
      <c r="H850" s="1" t="s">
        <v>13</v>
      </c>
      <c r="I850" s="1" t="s">
        <v>3354</v>
      </c>
      <c r="J850" s="1" t="s">
        <v>3444</v>
      </c>
    </row>
    <row r="851" spans="1:10" x14ac:dyDescent="0.35">
      <c r="A851" s="1" t="s">
        <v>3348</v>
      </c>
      <c r="B851" s="1" t="s">
        <v>3349</v>
      </c>
      <c r="C851" s="1" t="s">
        <v>130</v>
      </c>
      <c r="D851" s="1" t="s">
        <v>3445</v>
      </c>
      <c r="E851" s="1" t="s">
        <v>3446</v>
      </c>
      <c r="F851" s="1" t="s">
        <v>3447</v>
      </c>
      <c r="G851" s="1" t="s">
        <v>3353</v>
      </c>
      <c r="H851" s="1" t="s">
        <v>13</v>
      </c>
      <c r="I851" s="1" t="s">
        <v>3354</v>
      </c>
      <c r="J851" s="1" t="s">
        <v>3448</v>
      </c>
    </row>
    <row r="852" spans="1:10" x14ac:dyDescent="0.35">
      <c r="A852" s="1" t="s">
        <v>3348</v>
      </c>
      <c r="B852" s="1" t="s">
        <v>3349</v>
      </c>
      <c r="C852" s="1" t="s">
        <v>135</v>
      </c>
      <c r="D852" s="1" t="s">
        <v>3449</v>
      </c>
      <c r="E852" s="1" t="s">
        <v>3450</v>
      </c>
      <c r="F852" s="1" t="s">
        <v>3451</v>
      </c>
      <c r="G852" s="1" t="s">
        <v>3353</v>
      </c>
      <c r="H852" s="1" t="s">
        <v>13</v>
      </c>
      <c r="I852" s="1" t="s">
        <v>3354</v>
      </c>
      <c r="J852" s="1" t="s">
        <v>3452</v>
      </c>
    </row>
    <row r="853" spans="1:10" x14ac:dyDescent="0.35">
      <c r="A853" s="1" t="s">
        <v>3348</v>
      </c>
      <c r="B853" s="1" t="s">
        <v>3349</v>
      </c>
      <c r="C853" s="1" t="s">
        <v>140</v>
      </c>
      <c r="D853" s="1" t="s">
        <v>3453</v>
      </c>
      <c r="E853" s="1" t="s">
        <v>3454</v>
      </c>
      <c r="F853" s="1" t="s">
        <v>3455</v>
      </c>
      <c r="G853" s="1" t="s">
        <v>3353</v>
      </c>
      <c r="H853" s="1" t="s">
        <v>13</v>
      </c>
      <c r="I853" s="1" t="s">
        <v>3354</v>
      </c>
      <c r="J853" s="1" t="s">
        <v>3456</v>
      </c>
    </row>
    <row r="854" spans="1:10" x14ac:dyDescent="0.35">
      <c r="A854" s="1" t="s">
        <v>3348</v>
      </c>
      <c r="B854" s="1" t="s">
        <v>3349</v>
      </c>
      <c r="C854" s="1" t="s">
        <v>145</v>
      </c>
      <c r="D854" s="1" t="s">
        <v>3457</v>
      </c>
      <c r="E854" s="1" t="s">
        <v>3458</v>
      </c>
      <c r="F854" s="1" t="s">
        <v>3459</v>
      </c>
      <c r="G854" s="1" t="s">
        <v>3353</v>
      </c>
      <c r="H854" s="1" t="s">
        <v>13</v>
      </c>
      <c r="I854" s="1" t="s">
        <v>3354</v>
      </c>
      <c r="J854" s="1" t="s">
        <v>3460</v>
      </c>
    </row>
    <row r="855" spans="1:10" x14ac:dyDescent="0.35">
      <c r="A855" s="1" t="s">
        <v>3348</v>
      </c>
      <c r="B855" s="1" t="s">
        <v>3349</v>
      </c>
      <c r="C855" s="1" t="s">
        <v>150</v>
      </c>
      <c r="D855" s="1" t="s">
        <v>3461</v>
      </c>
      <c r="E855" s="1" t="s">
        <v>3462</v>
      </c>
      <c r="F855" s="1" t="s">
        <v>3463</v>
      </c>
      <c r="G855" s="1" t="s">
        <v>3353</v>
      </c>
      <c r="H855" s="1" t="s">
        <v>13</v>
      </c>
      <c r="I855" s="1" t="s">
        <v>3354</v>
      </c>
      <c r="J855" s="1" t="s">
        <v>3464</v>
      </c>
    </row>
    <row r="856" spans="1:10" x14ac:dyDescent="0.35">
      <c r="A856" s="1" t="s">
        <v>3348</v>
      </c>
      <c r="B856" s="1" t="s">
        <v>3349</v>
      </c>
      <c r="C856" s="1" t="s">
        <v>155</v>
      </c>
      <c r="D856" s="1" t="s">
        <v>3465</v>
      </c>
      <c r="E856" s="1" t="s">
        <v>3466</v>
      </c>
      <c r="F856" s="1" t="s">
        <v>3467</v>
      </c>
      <c r="G856" s="1" t="s">
        <v>3353</v>
      </c>
      <c r="H856" s="1" t="s">
        <v>13</v>
      </c>
      <c r="I856" s="1" t="s">
        <v>3354</v>
      </c>
      <c r="J856" s="1" t="s">
        <v>3468</v>
      </c>
    </row>
    <row r="857" spans="1:10" x14ac:dyDescent="0.35">
      <c r="A857" s="1" t="s">
        <v>3348</v>
      </c>
      <c r="B857" s="1" t="s">
        <v>3349</v>
      </c>
      <c r="C857" s="1" t="s">
        <v>160</v>
      </c>
      <c r="D857" s="1" t="s">
        <v>3469</v>
      </c>
      <c r="E857" s="1" t="s">
        <v>3470</v>
      </c>
      <c r="F857" s="1" t="s">
        <v>3471</v>
      </c>
      <c r="G857" s="1" t="s">
        <v>3353</v>
      </c>
      <c r="H857" s="1" t="s">
        <v>13</v>
      </c>
      <c r="I857" s="1" t="s">
        <v>3354</v>
      </c>
      <c r="J857" s="1" t="s">
        <v>3472</v>
      </c>
    </row>
    <row r="858" spans="1:10" x14ac:dyDescent="0.35">
      <c r="A858" s="1" t="s">
        <v>3348</v>
      </c>
      <c r="B858" s="1" t="s">
        <v>3349</v>
      </c>
      <c r="C858" s="1" t="s">
        <v>165</v>
      </c>
      <c r="D858" s="1" t="s">
        <v>3473</v>
      </c>
      <c r="E858" s="1" t="s">
        <v>3474</v>
      </c>
      <c r="F858" s="1" t="s">
        <v>3475</v>
      </c>
      <c r="G858" s="1" t="s">
        <v>3353</v>
      </c>
      <c r="H858" s="1" t="s">
        <v>13</v>
      </c>
      <c r="I858" s="1" t="s">
        <v>3354</v>
      </c>
      <c r="J858" s="1" t="s">
        <v>3476</v>
      </c>
    </row>
    <row r="859" spans="1:10" x14ac:dyDescent="0.35">
      <c r="A859" s="1" t="s">
        <v>3348</v>
      </c>
      <c r="B859" s="1" t="s">
        <v>3349</v>
      </c>
      <c r="C859" s="1" t="s">
        <v>170</v>
      </c>
      <c r="D859" s="1" t="s">
        <v>3477</v>
      </c>
      <c r="E859" s="1" t="s">
        <v>3478</v>
      </c>
      <c r="F859" s="1" t="s">
        <v>3479</v>
      </c>
      <c r="G859" s="1" t="s">
        <v>3353</v>
      </c>
      <c r="H859" s="1" t="s">
        <v>13</v>
      </c>
      <c r="I859" s="1" t="s">
        <v>3354</v>
      </c>
      <c r="J859" s="1" t="s">
        <v>3480</v>
      </c>
    </row>
    <row r="860" spans="1:10" x14ac:dyDescent="0.35">
      <c r="A860" s="1" t="s">
        <v>3481</v>
      </c>
      <c r="B860" s="1" t="s">
        <v>3482</v>
      </c>
      <c r="C860" s="1" t="s">
        <v>8</v>
      </c>
      <c r="D860" s="1" t="s">
        <v>3483</v>
      </c>
      <c r="E860" s="1" t="s">
        <v>3484</v>
      </c>
      <c r="F860" s="1" t="s">
        <v>3485</v>
      </c>
      <c r="G860" s="1" t="s">
        <v>3486</v>
      </c>
      <c r="H860" s="1" t="s">
        <v>13</v>
      </c>
      <c r="I860" s="1" t="s">
        <v>3487</v>
      </c>
      <c r="J860" s="1" t="s">
        <v>13</v>
      </c>
    </row>
    <row r="861" spans="1:10" x14ac:dyDescent="0.35">
      <c r="A861" s="1" t="s">
        <v>3481</v>
      </c>
      <c r="B861" s="1" t="s">
        <v>3482</v>
      </c>
      <c r="C861" s="1" t="s">
        <v>15</v>
      </c>
      <c r="D861" s="1" t="s">
        <v>3488</v>
      </c>
      <c r="E861" s="1" t="s">
        <v>3489</v>
      </c>
      <c r="F861" s="1" t="s">
        <v>3490</v>
      </c>
      <c r="G861" s="1" t="s">
        <v>3486</v>
      </c>
      <c r="H861" s="1" t="s">
        <v>13</v>
      </c>
      <c r="I861" s="1" t="s">
        <v>3487</v>
      </c>
      <c r="J861" s="1" t="s">
        <v>3491</v>
      </c>
    </row>
    <row r="862" spans="1:10" x14ac:dyDescent="0.35">
      <c r="A862" s="1" t="s">
        <v>3481</v>
      </c>
      <c r="B862" s="1" t="s">
        <v>3482</v>
      </c>
      <c r="C862" s="1" t="s">
        <v>20</v>
      </c>
      <c r="D862" s="1" t="s">
        <v>3492</v>
      </c>
      <c r="E862" s="1" t="s">
        <v>3493</v>
      </c>
      <c r="F862" s="1" t="s">
        <v>3494</v>
      </c>
      <c r="G862" s="1" t="s">
        <v>3486</v>
      </c>
      <c r="H862" s="1" t="s">
        <v>13</v>
      </c>
      <c r="I862" s="1" t="s">
        <v>3487</v>
      </c>
      <c r="J862" s="1" t="s">
        <v>3495</v>
      </c>
    </row>
    <row r="863" spans="1:10" x14ac:dyDescent="0.35">
      <c r="A863" s="1" t="s">
        <v>3481</v>
      </c>
      <c r="B863" s="1" t="s">
        <v>3482</v>
      </c>
      <c r="C863" s="1" t="s">
        <v>25</v>
      </c>
      <c r="D863" s="1" t="s">
        <v>3496</v>
      </c>
      <c r="E863" s="1" t="s">
        <v>3497</v>
      </c>
      <c r="F863" s="1" t="s">
        <v>3498</v>
      </c>
      <c r="G863" s="1" t="s">
        <v>3486</v>
      </c>
      <c r="H863" s="1" t="s">
        <v>13</v>
      </c>
      <c r="I863" s="1" t="s">
        <v>3487</v>
      </c>
      <c r="J863" s="1" t="s">
        <v>3499</v>
      </c>
    </row>
    <row r="864" spans="1:10" x14ac:dyDescent="0.35">
      <c r="A864" s="1" t="s">
        <v>3481</v>
      </c>
      <c r="B864" s="1" t="s">
        <v>3482</v>
      </c>
      <c r="C864" s="1" t="s">
        <v>30</v>
      </c>
      <c r="D864" s="1" t="s">
        <v>3500</v>
      </c>
      <c r="E864" s="1" t="s">
        <v>3501</v>
      </c>
      <c r="F864" s="1" t="s">
        <v>3502</v>
      </c>
      <c r="G864" s="1" t="s">
        <v>3486</v>
      </c>
      <c r="H864" s="1" t="s">
        <v>13</v>
      </c>
      <c r="I864" s="1" t="s">
        <v>3487</v>
      </c>
      <c r="J864" s="1" t="s">
        <v>3503</v>
      </c>
    </row>
    <row r="865" spans="1:10" x14ac:dyDescent="0.35">
      <c r="A865" s="1" t="s">
        <v>3481</v>
      </c>
      <c r="B865" s="1" t="s">
        <v>3482</v>
      </c>
      <c r="C865" s="1" t="s">
        <v>35</v>
      </c>
      <c r="D865" s="1" t="s">
        <v>3504</v>
      </c>
      <c r="E865" s="1" t="s">
        <v>3505</v>
      </c>
      <c r="F865" s="1" t="s">
        <v>3506</v>
      </c>
      <c r="G865" s="1" t="s">
        <v>3486</v>
      </c>
      <c r="H865" s="1" t="s">
        <v>13</v>
      </c>
      <c r="I865" s="1" t="s">
        <v>3487</v>
      </c>
      <c r="J865" s="1" t="s">
        <v>3507</v>
      </c>
    </row>
    <row r="866" spans="1:10" x14ac:dyDescent="0.35">
      <c r="A866" s="1" t="s">
        <v>3481</v>
      </c>
      <c r="B866" s="1" t="s">
        <v>3482</v>
      </c>
      <c r="C866" s="1" t="s">
        <v>40</v>
      </c>
      <c r="D866" s="1" t="s">
        <v>3508</v>
      </c>
      <c r="E866" s="1" t="s">
        <v>3509</v>
      </c>
      <c r="F866" s="1" t="s">
        <v>3510</v>
      </c>
      <c r="G866" s="1" t="s">
        <v>3486</v>
      </c>
      <c r="H866" s="1" t="s">
        <v>13</v>
      </c>
      <c r="I866" s="1" t="s">
        <v>3487</v>
      </c>
      <c r="J866" s="1" t="s">
        <v>3511</v>
      </c>
    </row>
    <row r="867" spans="1:10" x14ac:dyDescent="0.35">
      <c r="A867" s="1" t="s">
        <v>3481</v>
      </c>
      <c r="B867" s="1" t="s">
        <v>3482</v>
      </c>
      <c r="C867" s="1" t="s">
        <v>45</v>
      </c>
      <c r="D867" s="1" t="s">
        <v>3508</v>
      </c>
      <c r="E867" s="1" t="s">
        <v>3512</v>
      </c>
      <c r="F867" s="1" t="s">
        <v>3513</v>
      </c>
      <c r="G867" s="1" t="s">
        <v>3486</v>
      </c>
      <c r="H867" s="1" t="s">
        <v>13</v>
      </c>
      <c r="I867" s="1" t="s">
        <v>3487</v>
      </c>
      <c r="J867" s="1" t="s">
        <v>1180</v>
      </c>
    </row>
    <row r="868" spans="1:10" x14ac:dyDescent="0.35">
      <c r="A868" s="1" t="s">
        <v>3481</v>
      </c>
      <c r="B868" s="1" t="s">
        <v>3482</v>
      </c>
      <c r="C868" s="1" t="s">
        <v>50</v>
      </c>
      <c r="D868" s="1" t="s">
        <v>3514</v>
      </c>
      <c r="E868" s="1" t="s">
        <v>3515</v>
      </c>
      <c r="F868" s="1" t="s">
        <v>3516</v>
      </c>
      <c r="G868" s="1" t="s">
        <v>3486</v>
      </c>
      <c r="H868" s="1" t="s">
        <v>13</v>
      </c>
      <c r="I868" s="1" t="s">
        <v>3487</v>
      </c>
      <c r="J868" s="1" t="s">
        <v>3517</v>
      </c>
    </row>
    <row r="869" spans="1:10" x14ac:dyDescent="0.35">
      <c r="A869" s="1" t="s">
        <v>3481</v>
      </c>
      <c r="B869" s="1" t="s">
        <v>3482</v>
      </c>
      <c r="C869" s="1" t="s">
        <v>55</v>
      </c>
      <c r="D869" s="1" t="s">
        <v>3518</v>
      </c>
      <c r="E869" s="1" t="s">
        <v>3519</v>
      </c>
      <c r="F869" s="1" t="s">
        <v>3520</v>
      </c>
      <c r="G869" s="1" t="s">
        <v>3486</v>
      </c>
      <c r="H869" s="1" t="s">
        <v>13</v>
      </c>
      <c r="I869" s="1" t="s">
        <v>3487</v>
      </c>
      <c r="J869" s="1" t="s">
        <v>3521</v>
      </c>
    </row>
    <row r="870" spans="1:10" x14ac:dyDescent="0.35">
      <c r="A870" s="1" t="s">
        <v>3481</v>
      </c>
      <c r="B870" s="1" t="s">
        <v>3482</v>
      </c>
      <c r="C870" s="1" t="s">
        <v>60</v>
      </c>
      <c r="D870" s="1" t="s">
        <v>3522</v>
      </c>
      <c r="E870" s="1" t="s">
        <v>3523</v>
      </c>
      <c r="F870" s="1" t="s">
        <v>3524</v>
      </c>
      <c r="G870" s="1" t="s">
        <v>3486</v>
      </c>
      <c r="H870" s="1" t="s">
        <v>13</v>
      </c>
      <c r="I870" s="1" t="s">
        <v>3487</v>
      </c>
      <c r="J870" s="1" t="s">
        <v>3525</v>
      </c>
    </row>
    <row r="871" spans="1:10" x14ac:dyDescent="0.35">
      <c r="A871" s="1" t="s">
        <v>3481</v>
      </c>
      <c r="B871" s="1" t="s">
        <v>3482</v>
      </c>
      <c r="C871" s="1" t="s">
        <v>65</v>
      </c>
      <c r="D871" s="1" t="s">
        <v>3526</v>
      </c>
      <c r="E871" s="1" t="s">
        <v>3527</v>
      </c>
      <c r="F871" s="1" t="s">
        <v>3528</v>
      </c>
      <c r="G871" s="1" t="s">
        <v>3486</v>
      </c>
      <c r="H871" s="1" t="s">
        <v>13</v>
      </c>
      <c r="I871" s="1" t="s">
        <v>3487</v>
      </c>
      <c r="J871" s="1" t="s">
        <v>3529</v>
      </c>
    </row>
    <row r="872" spans="1:10" x14ac:dyDescent="0.35">
      <c r="A872" s="1" t="s">
        <v>3481</v>
      </c>
      <c r="B872" s="1" t="s">
        <v>3482</v>
      </c>
      <c r="C872" s="1" t="s">
        <v>70</v>
      </c>
      <c r="D872" s="1" t="s">
        <v>3530</v>
      </c>
      <c r="E872" s="1" t="s">
        <v>3531</v>
      </c>
      <c r="F872" s="1" t="s">
        <v>3532</v>
      </c>
      <c r="G872" s="1" t="s">
        <v>3486</v>
      </c>
      <c r="H872" s="1" t="s">
        <v>13</v>
      </c>
      <c r="I872" s="1" t="s">
        <v>3487</v>
      </c>
      <c r="J872" s="1" t="s">
        <v>3533</v>
      </c>
    </row>
    <row r="873" spans="1:10" x14ac:dyDescent="0.35">
      <c r="A873" s="1" t="s">
        <v>3481</v>
      </c>
      <c r="B873" s="1" t="s">
        <v>3482</v>
      </c>
      <c r="C873" s="1" t="s">
        <v>75</v>
      </c>
      <c r="D873" s="1" t="s">
        <v>3534</v>
      </c>
      <c r="E873" s="1" t="s">
        <v>3535</v>
      </c>
      <c r="F873" s="1" t="s">
        <v>3536</v>
      </c>
      <c r="G873" s="1" t="s">
        <v>3486</v>
      </c>
      <c r="H873" s="1" t="s">
        <v>13</v>
      </c>
      <c r="I873" s="1" t="s">
        <v>3487</v>
      </c>
      <c r="J873" s="1" t="s">
        <v>3537</v>
      </c>
    </row>
    <row r="874" spans="1:10" x14ac:dyDescent="0.35">
      <c r="A874" s="1" t="s">
        <v>3481</v>
      </c>
      <c r="B874" s="1" t="s">
        <v>3482</v>
      </c>
      <c r="C874" s="1" t="s">
        <v>80</v>
      </c>
      <c r="D874" s="1" t="s">
        <v>1336</v>
      </c>
      <c r="E874" s="1" t="s">
        <v>3538</v>
      </c>
      <c r="F874" s="1" t="s">
        <v>3539</v>
      </c>
      <c r="G874" s="1" t="s">
        <v>3486</v>
      </c>
      <c r="H874" s="1" t="s">
        <v>13</v>
      </c>
      <c r="I874" s="1" t="s">
        <v>3487</v>
      </c>
      <c r="J874" s="1" t="s">
        <v>3540</v>
      </c>
    </row>
    <row r="875" spans="1:10" x14ac:dyDescent="0.35">
      <c r="A875" s="1" t="s">
        <v>3481</v>
      </c>
      <c r="B875" s="1" t="s">
        <v>3482</v>
      </c>
      <c r="C875" s="1" t="s">
        <v>85</v>
      </c>
      <c r="D875" s="1" t="s">
        <v>3541</v>
      </c>
      <c r="E875" s="1" t="s">
        <v>3542</v>
      </c>
      <c r="F875" s="1" t="s">
        <v>3543</v>
      </c>
      <c r="G875" s="1" t="s">
        <v>3486</v>
      </c>
      <c r="H875" s="1" t="s">
        <v>13</v>
      </c>
      <c r="I875" s="1" t="s">
        <v>3487</v>
      </c>
      <c r="J875" s="1" t="s">
        <v>3544</v>
      </c>
    </row>
    <row r="876" spans="1:10" x14ac:dyDescent="0.35">
      <c r="A876" s="1" t="s">
        <v>3481</v>
      </c>
      <c r="B876" s="1" t="s">
        <v>3482</v>
      </c>
      <c r="C876" s="1" t="s">
        <v>90</v>
      </c>
      <c r="D876" s="1" t="s">
        <v>3545</v>
      </c>
      <c r="E876" s="1" t="s">
        <v>3546</v>
      </c>
      <c r="F876" s="1" t="s">
        <v>3547</v>
      </c>
      <c r="G876" s="1" t="s">
        <v>3486</v>
      </c>
      <c r="H876" s="1" t="s">
        <v>13</v>
      </c>
      <c r="I876" s="1" t="s">
        <v>3487</v>
      </c>
      <c r="J876" s="1" t="s">
        <v>3548</v>
      </c>
    </row>
    <row r="877" spans="1:10" x14ac:dyDescent="0.35">
      <c r="A877" s="1" t="s">
        <v>3481</v>
      </c>
      <c r="B877" s="1" t="s">
        <v>3482</v>
      </c>
      <c r="C877" s="1" t="s">
        <v>95</v>
      </c>
      <c r="D877" s="1" t="s">
        <v>3549</v>
      </c>
      <c r="E877" s="1" t="s">
        <v>3550</v>
      </c>
      <c r="F877" s="1" t="s">
        <v>3551</v>
      </c>
      <c r="G877" s="1" t="s">
        <v>3486</v>
      </c>
      <c r="H877" s="1" t="s">
        <v>13</v>
      </c>
      <c r="I877" s="1" t="s">
        <v>3487</v>
      </c>
      <c r="J877" s="1" t="s">
        <v>3552</v>
      </c>
    </row>
    <row r="878" spans="1:10" x14ac:dyDescent="0.35">
      <c r="A878" s="1" t="s">
        <v>3481</v>
      </c>
      <c r="B878" s="1" t="s">
        <v>3482</v>
      </c>
      <c r="C878" s="1" t="s">
        <v>100</v>
      </c>
      <c r="D878" s="1" t="s">
        <v>3553</v>
      </c>
      <c r="E878" s="1" t="s">
        <v>3554</v>
      </c>
      <c r="F878" s="1" t="s">
        <v>3555</v>
      </c>
      <c r="G878" s="1" t="s">
        <v>3486</v>
      </c>
      <c r="H878" s="1" t="s">
        <v>13</v>
      </c>
      <c r="I878" s="1" t="s">
        <v>3487</v>
      </c>
      <c r="J878" s="1" t="s">
        <v>3556</v>
      </c>
    </row>
    <row r="879" spans="1:10" x14ac:dyDescent="0.35">
      <c r="A879" s="1" t="s">
        <v>3481</v>
      </c>
      <c r="B879" s="1" t="s">
        <v>3482</v>
      </c>
      <c r="C879" s="1" t="s">
        <v>105</v>
      </c>
      <c r="D879" s="1" t="s">
        <v>3557</v>
      </c>
      <c r="E879" s="1" t="s">
        <v>3558</v>
      </c>
      <c r="F879" s="1" t="s">
        <v>3559</v>
      </c>
      <c r="G879" s="1" t="s">
        <v>3486</v>
      </c>
      <c r="H879" s="1" t="s">
        <v>13</v>
      </c>
      <c r="I879" s="1" t="s">
        <v>3487</v>
      </c>
      <c r="J879" s="1" t="s">
        <v>3560</v>
      </c>
    </row>
    <row r="880" spans="1:10" x14ac:dyDescent="0.35">
      <c r="A880" s="1" t="s">
        <v>3481</v>
      </c>
      <c r="B880" s="1" t="s">
        <v>3482</v>
      </c>
      <c r="C880" s="1" t="s">
        <v>110</v>
      </c>
      <c r="D880" s="1" t="s">
        <v>3561</v>
      </c>
      <c r="E880" s="1" t="s">
        <v>3562</v>
      </c>
      <c r="F880" s="1" t="s">
        <v>3563</v>
      </c>
      <c r="G880" s="1" t="s">
        <v>3486</v>
      </c>
      <c r="H880" s="1" t="s">
        <v>13</v>
      </c>
      <c r="I880" s="1" t="s">
        <v>3487</v>
      </c>
      <c r="J880" s="1" t="s">
        <v>3564</v>
      </c>
    </row>
    <row r="881" spans="1:10" x14ac:dyDescent="0.35">
      <c r="A881" s="1" t="s">
        <v>3481</v>
      </c>
      <c r="B881" s="1" t="s">
        <v>3482</v>
      </c>
      <c r="C881" s="1" t="s">
        <v>115</v>
      </c>
      <c r="D881" s="1" t="s">
        <v>3565</v>
      </c>
      <c r="E881" s="1" t="s">
        <v>3566</v>
      </c>
      <c r="F881" s="1" t="s">
        <v>3567</v>
      </c>
      <c r="G881" s="1" t="s">
        <v>3486</v>
      </c>
      <c r="H881" s="1" t="s">
        <v>13</v>
      </c>
      <c r="I881" s="1" t="s">
        <v>3487</v>
      </c>
      <c r="J881" s="1" t="s">
        <v>3568</v>
      </c>
    </row>
    <row r="882" spans="1:10" x14ac:dyDescent="0.35">
      <c r="A882" s="1" t="s">
        <v>3481</v>
      </c>
      <c r="B882" s="1" t="s">
        <v>3482</v>
      </c>
      <c r="C882" s="1" t="s">
        <v>120</v>
      </c>
      <c r="D882" s="1" t="s">
        <v>3569</v>
      </c>
      <c r="E882" s="1" t="s">
        <v>3570</v>
      </c>
      <c r="F882" s="1" t="s">
        <v>3571</v>
      </c>
      <c r="G882" s="1" t="s">
        <v>3486</v>
      </c>
      <c r="H882" s="1" t="s">
        <v>13</v>
      </c>
      <c r="I882" s="1" t="s">
        <v>3487</v>
      </c>
      <c r="J882" s="1" t="s">
        <v>3572</v>
      </c>
    </row>
    <row r="883" spans="1:10" x14ac:dyDescent="0.35">
      <c r="A883" s="1" t="s">
        <v>3481</v>
      </c>
      <c r="B883" s="1" t="s">
        <v>3482</v>
      </c>
      <c r="C883" s="1" t="s">
        <v>125</v>
      </c>
      <c r="D883" s="1" t="s">
        <v>3573</v>
      </c>
      <c r="E883" s="1" t="s">
        <v>3574</v>
      </c>
      <c r="F883" s="1" t="s">
        <v>3575</v>
      </c>
      <c r="G883" s="1" t="s">
        <v>3486</v>
      </c>
      <c r="H883" s="1" t="s">
        <v>13</v>
      </c>
      <c r="I883" s="1" t="s">
        <v>3487</v>
      </c>
      <c r="J883" s="1" t="s">
        <v>3576</v>
      </c>
    </row>
    <row r="884" spans="1:10" x14ac:dyDescent="0.35">
      <c r="A884" s="1" t="s">
        <v>3481</v>
      </c>
      <c r="B884" s="1" t="s">
        <v>3482</v>
      </c>
      <c r="C884" s="1" t="s">
        <v>130</v>
      </c>
      <c r="D884" s="1" t="s">
        <v>3577</v>
      </c>
      <c r="E884" s="1" t="s">
        <v>3578</v>
      </c>
      <c r="F884" s="1" t="s">
        <v>3579</v>
      </c>
      <c r="G884" s="1" t="s">
        <v>3486</v>
      </c>
      <c r="H884" s="1" t="s">
        <v>13</v>
      </c>
      <c r="I884" s="1" t="s">
        <v>3487</v>
      </c>
      <c r="J884" s="1" t="s">
        <v>3580</v>
      </c>
    </row>
    <row r="885" spans="1:10" x14ac:dyDescent="0.35">
      <c r="A885" s="1" t="s">
        <v>3481</v>
      </c>
      <c r="B885" s="1" t="s">
        <v>3482</v>
      </c>
      <c r="C885" s="1" t="s">
        <v>135</v>
      </c>
      <c r="D885" s="1" t="s">
        <v>3581</v>
      </c>
      <c r="E885" s="1" t="s">
        <v>3582</v>
      </c>
      <c r="F885" s="1" t="s">
        <v>3583</v>
      </c>
      <c r="G885" s="1" t="s">
        <v>3486</v>
      </c>
      <c r="H885" s="1" t="s">
        <v>13</v>
      </c>
      <c r="I885" s="1" t="s">
        <v>3487</v>
      </c>
      <c r="J885" s="1" t="s">
        <v>3584</v>
      </c>
    </row>
    <row r="886" spans="1:10" x14ac:dyDescent="0.35">
      <c r="A886" s="1" t="s">
        <v>3481</v>
      </c>
      <c r="B886" s="1" t="s">
        <v>3482</v>
      </c>
      <c r="C886" s="1" t="s">
        <v>140</v>
      </c>
      <c r="D886" s="1" t="s">
        <v>3585</v>
      </c>
      <c r="E886" s="1" t="s">
        <v>3586</v>
      </c>
      <c r="F886" s="1" t="s">
        <v>3587</v>
      </c>
      <c r="G886" s="1" t="s">
        <v>3486</v>
      </c>
      <c r="H886" s="1" t="s">
        <v>13</v>
      </c>
      <c r="I886" s="1" t="s">
        <v>3487</v>
      </c>
      <c r="J886" s="1" t="s">
        <v>3588</v>
      </c>
    </row>
    <row r="887" spans="1:10" x14ac:dyDescent="0.35">
      <c r="A887" s="1" t="s">
        <v>3481</v>
      </c>
      <c r="B887" s="1" t="s">
        <v>3482</v>
      </c>
      <c r="C887" s="1" t="s">
        <v>145</v>
      </c>
      <c r="D887" s="1" t="s">
        <v>3589</v>
      </c>
      <c r="E887" s="1" t="s">
        <v>3590</v>
      </c>
      <c r="F887" s="1" t="s">
        <v>3591</v>
      </c>
      <c r="G887" s="1" t="s">
        <v>3486</v>
      </c>
      <c r="H887" s="1" t="s">
        <v>13</v>
      </c>
      <c r="I887" s="1" t="s">
        <v>3487</v>
      </c>
      <c r="J887" s="1" t="s">
        <v>3592</v>
      </c>
    </row>
    <row r="888" spans="1:10" x14ac:dyDescent="0.35">
      <c r="A888" s="1" t="s">
        <v>3481</v>
      </c>
      <c r="B888" s="1" t="s">
        <v>3482</v>
      </c>
      <c r="C888" s="1" t="s">
        <v>150</v>
      </c>
      <c r="D888" s="1" t="s">
        <v>1383</v>
      </c>
      <c r="E888" s="1" t="s">
        <v>3593</v>
      </c>
      <c r="F888" s="1" t="s">
        <v>3594</v>
      </c>
      <c r="G888" s="1" t="s">
        <v>3486</v>
      </c>
      <c r="H888" s="1" t="s">
        <v>13</v>
      </c>
      <c r="I888" s="1" t="s">
        <v>3487</v>
      </c>
      <c r="J888" s="1" t="s">
        <v>3595</v>
      </c>
    </row>
    <row r="889" spans="1:10" x14ac:dyDescent="0.35">
      <c r="A889" s="1" t="s">
        <v>3481</v>
      </c>
      <c r="B889" s="1" t="s">
        <v>3482</v>
      </c>
      <c r="C889" s="1" t="s">
        <v>155</v>
      </c>
      <c r="D889" s="1" t="s">
        <v>3596</v>
      </c>
      <c r="E889" s="1" t="s">
        <v>3597</v>
      </c>
      <c r="F889" s="1" t="s">
        <v>3598</v>
      </c>
      <c r="G889" s="1" t="s">
        <v>3486</v>
      </c>
      <c r="H889" s="1" t="s">
        <v>13</v>
      </c>
      <c r="I889" s="1" t="s">
        <v>3487</v>
      </c>
      <c r="J889" s="1" t="s">
        <v>3599</v>
      </c>
    </row>
    <row r="890" spans="1:10" x14ac:dyDescent="0.35">
      <c r="A890" s="1" t="s">
        <v>3481</v>
      </c>
      <c r="B890" s="1" t="s">
        <v>3482</v>
      </c>
      <c r="C890" s="1" t="s">
        <v>160</v>
      </c>
      <c r="D890" s="1" t="s">
        <v>3600</v>
      </c>
      <c r="E890" s="1" t="s">
        <v>3601</v>
      </c>
      <c r="F890" s="1" t="s">
        <v>3602</v>
      </c>
      <c r="G890" s="1" t="s">
        <v>3486</v>
      </c>
      <c r="H890" s="1" t="s">
        <v>13</v>
      </c>
      <c r="I890" s="1" t="s">
        <v>3487</v>
      </c>
      <c r="J890" s="1" t="s">
        <v>3603</v>
      </c>
    </row>
    <row r="891" spans="1:10" x14ac:dyDescent="0.35">
      <c r="A891" s="1" t="s">
        <v>3481</v>
      </c>
      <c r="B891" s="1" t="s">
        <v>3482</v>
      </c>
      <c r="C891" s="1" t="s">
        <v>165</v>
      </c>
      <c r="D891" s="1" t="s">
        <v>3604</v>
      </c>
      <c r="E891" s="1" t="s">
        <v>3605</v>
      </c>
      <c r="F891" s="1" t="s">
        <v>3606</v>
      </c>
      <c r="G891" s="1" t="s">
        <v>3486</v>
      </c>
      <c r="H891" s="1" t="s">
        <v>13</v>
      </c>
      <c r="I891" s="1" t="s">
        <v>3487</v>
      </c>
      <c r="J891" s="1" t="s">
        <v>3607</v>
      </c>
    </row>
    <row r="892" spans="1:10" x14ac:dyDescent="0.35">
      <c r="A892" s="1" t="s">
        <v>3481</v>
      </c>
      <c r="B892" s="1" t="s">
        <v>3482</v>
      </c>
      <c r="C892" s="1" t="s">
        <v>170</v>
      </c>
      <c r="D892" s="1" t="s">
        <v>3608</v>
      </c>
      <c r="E892" s="1" t="s">
        <v>3609</v>
      </c>
      <c r="F892" s="1" t="s">
        <v>3610</v>
      </c>
      <c r="G892" s="1" t="s">
        <v>3486</v>
      </c>
      <c r="H892" s="1" t="s">
        <v>13</v>
      </c>
      <c r="I892" s="1" t="s">
        <v>3487</v>
      </c>
      <c r="J892" s="1" t="s">
        <v>3611</v>
      </c>
    </row>
    <row r="893" spans="1:10" x14ac:dyDescent="0.35">
      <c r="A893" s="1" t="s">
        <v>3612</v>
      </c>
      <c r="B893" s="1" t="s">
        <v>3613</v>
      </c>
      <c r="C893" s="1" t="s">
        <v>8</v>
      </c>
      <c r="D893" s="1" t="s">
        <v>3614</v>
      </c>
      <c r="E893" s="1" t="s">
        <v>3615</v>
      </c>
      <c r="F893" s="1" t="s">
        <v>3616</v>
      </c>
      <c r="G893" s="1" t="s">
        <v>3617</v>
      </c>
      <c r="H893" s="1" t="s">
        <v>13</v>
      </c>
      <c r="I893" s="1" t="s">
        <v>3618</v>
      </c>
      <c r="J893" s="1" t="s">
        <v>13</v>
      </c>
    </row>
    <row r="894" spans="1:10" x14ac:dyDescent="0.35">
      <c r="A894" s="1" t="s">
        <v>3612</v>
      </c>
      <c r="B894" s="1" t="s">
        <v>3613</v>
      </c>
      <c r="C894" s="1" t="s">
        <v>15</v>
      </c>
      <c r="D894" s="1" t="s">
        <v>3619</v>
      </c>
      <c r="E894" s="1" t="s">
        <v>3620</v>
      </c>
      <c r="F894" s="1" t="s">
        <v>3621</v>
      </c>
      <c r="G894" s="1" t="s">
        <v>3617</v>
      </c>
      <c r="H894" s="1" t="s">
        <v>13</v>
      </c>
      <c r="I894" s="1" t="s">
        <v>3618</v>
      </c>
      <c r="J894" s="1" t="s">
        <v>3622</v>
      </c>
    </row>
    <row r="895" spans="1:10" x14ac:dyDescent="0.35">
      <c r="A895" s="1" t="s">
        <v>3612</v>
      </c>
      <c r="B895" s="1" t="s">
        <v>3613</v>
      </c>
      <c r="C895" s="1" t="s">
        <v>20</v>
      </c>
      <c r="D895" s="1" t="s">
        <v>3623</v>
      </c>
      <c r="E895" s="1" t="s">
        <v>3624</v>
      </c>
      <c r="F895" s="1" t="s">
        <v>3625</v>
      </c>
      <c r="G895" s="1" t="s">
        <v>3617</v>
      </c>
      <c r="H895" s="1" t="s">
        <v>13</v>
      </c>
      <c r="I895" s="1" t="s">
        <v>3618</v>
      </c>
      <c r="J895" s="1" t="s">
        <v>3626</v>
      </c>
    </row>
    <row r="896" spans="1:10" x14ac:dyDescent="0.35">
      <c r="A896" s="1" t="s">
        <v>3612</v>
      </c>
      <c r="B896" s="1" t="s">
        <v>3613</v>
      </c>
      <c r="C896" s="1" t="s">
        <v>25</v>
      </c>
      <c r="D896" s="1" t="s">
        <v>3627</v>
      </c>
      <c r="E896" s="1" t="s">
        <v>3628</v>
      </c>
      <c r="F896" s="1" t="s">
        <v>3629</v>
      </c>
      <c r="G896" s="1" t="s">
        <v>3617</v>
      </c>
      <c r="H896" s="1" t="s">
        <v>13</v>
      </c>
      <c r="I896" s="1" t="s">
        <v>3618</v>
      </c>
      <c r="J896" s="1" t="s">
        <v>3630</v>
      </c>
    </row>
    <row r="897" spans="1:10" x14ac:dyDescent="0.35">
      <c r="A897" s="1" t="s">
        <v>3612</v>
      </c>
      <c r="B897" s="1" t="s">
        <v>3613</v>
      </c>
      <c r="C897" s="1" t="s">
        <v>30</v>
      </c>
      <c r="D897" s="1" t="s">
        <v>3631</v>
      </c>
      <c r="E897" s="1" t="s">
        <v>3632</v>
      </c>
      <c r="F897" s="1" t="s">
        <v>3633</v>
      </c>
      <c r="G897" s="1" t="s">
        <v>3617</v>
      </c>
      <c r="H897" s="1" t="s">
        <v>13</v>
      </c>
      <c r="I897" s="1" t="s">
        <v>3618</v>
      </c>
      <c r="J897" s="1" t="s">
        <v>3634</v>
      </c>
    </row>
    <row r="898" spans="1:10" x14ac:dyDescent="0.35">
      <c r="A898" s="1" t="s">
        <v>3612</v>
      </c>
      <c r="B898" s="1" t="s">
        <v>3613</v>
      </c>
      <c r="C898" s="1" t="s">
        <v>35</v>
      </c>
      <c r="D898" s="1" t="s">
        <v>3635</v>
      </c>
      <c r="E898" s="1" t="s">
        <v>3636</v>
      </c>
      <c r="F898" s="1" t="s">
        <v>3637</v>
      </c>
      <c r="G898" s="1" t="s">
        <v>3617</v>
      </c>
      <c r="H898" s="1" t="s">
        <v>13</v>
      </c>
      <c r="I898" s="1" t="s">
        <v>3618</v>
      </c>
      <c r="J898" s="1" t="s">
        <v>3638</v>
      </c>
    </row>
    <row r="899" spans="1:10" x14ac:dyDescent="0.35">
      <c r="A899" s="1" t="s">
        <v>3612</v>
      </c>
      <c r="B899" s="1" t="s">
        <v>3613</v>
      </c>
      <c r="C899" s="1" t="s">
        <v>40</v>
      </c>
      <c r="D899" s="1" t="s">
        <v>3639</v>
      </c>
      <c r="E899" s="1" t="s">
        <v>3640</v>
      </c>
      <c r="F899" s="1" t="s">
        <v>3641</v>
      </c>
      <c r="G899" s="1" t="s">
        <v>3617</v>
      </c>
      <c r="H899" s="1" t="s">
        <v>13</v>
      </c>
      <c r="I899" s="1" t="s">
        <v>3618</v>
      </c>
      <c r="J899" s="1" t="s">
        <v>3642</v>
      </c>
    </row>
    <row r="900" spans="1:10" x14ac:dyDescent="0.35">
      <c r="A900" s="1" t="s">
        <v>3612</v>
      </c>
      <c r="B900" s="1" t="s">
        <v>3613</v>
      </c>
      <c r="C900" s="1" t="s">
        <v>45</v>
      </c>
      <c r="D900" s="1" t="s">
        <v>3643</v>
      </c>
      <c r="E900" s="1" t="s">
        <v>3644</v>
      </c>
      <c r="F900" s="1" t="s">
        <v>3645</v>
      </c>
      <c r="G900" s="1" t="s">
        <v>3617</v>
      </c>
      <c r="H900" s="1" t="s">
        <v>13</v>
      </c>
      <c r="I900" s="1" t="s">
        <v>3618</v>
      </c>
      <c r="J900" s="1" t="s">
        <v>3646</v>
      </c>
    </row>
    <row r="901" spans="1:10" x14ac:dyDescent="0.35">
      <c r="A901" s="1" t="s">
        <v>3612</v>
      </c>
      <c r="B901" s="1" t="s">
        <v>3613</v>
      </c>
      <c r="C901" s="1" t="s">
        <v>50</v>
      </c>
      <c r="D901" s="1" t="s">
        <v>3647</v>
      </c>
      <c r="E901" s="1" t="s">
        <v>3648</v>
      </c>
      <c r="F901" s="1" t="s">
        <v>3649</v>
      </c>
      <c r="G901" s="1" t="s">
        <v>3617</v>
      </c>
      <c r="H901" s="1" t="s">
        <v>13</v>
      </c>
      <c r="I901" s="1" t="s">
        <v>3618</v>
      </c>
      <c r="J901" s="1" t="s">
        <v>3650</v>
      </c>
    </row>
    <row r="902" spans="1:10" x14ac:dyDescent="0.35">
      <c r="A902" s="1" t="s">
        <v>3612</v>
      </c>
      <c r="B902" s="1" t="s">
        <v>3613</v>
      </c>
      <c r="C902" s="1" t="s">
        <v>55</v>
      </c>
      <c r="D902" s="1" t="s">
        <v>3651</v>
      </c>
      <c r="E902" s="1" t="s">
        <v>3652</v>
      </c>
      <c r="F902" s="1" t="s">
        <v>3653</v>
      </c>
      <c r="G902" s="1" t="s">
        <v>3617</v>
      </c>
      <c r="H902" s="1" t="s">
        <v>13</v>
      </c>
      <c r="I902" s="1" t="s">
        <v>3618</v>
      </c>
      <c r="J902" s="1" t="s">
        <v>3654</v>
      </c>
    </row>
    <row r="903" spans="1:10" x14ac:dyDescent="0.35">
      <c r="A903" s="1" t="s">
        <v>3612</v>
      </c>
      <c r="B903" s="1" t="s">
        <v>3613</v>
      </c>
      <c r="C903" s="1" t="s">
        <v>60</v>
      </c>
      <c r="D903" s="1" t="s">
        <v>3655</v>
      </c>
      <c r="E903" s="1" t="s">
        <v>3656</v>
      </c>
      <c r="F903" s="1" t="s">
        <v>3657</v>
      </c>
      <c r="G903" s="1" t="s">
        <v>3617</v>
      </c>
      <c r="H903" s="1" t="s">
        <v>13</v>
      </c>
      <c r="I903" s="1" t="s">
        <v>3618</v>
      </c>
      <c r="J903" s="1" t="s">
        <v>3658</v>
      </c>
    </row>
    <row r="904" spans="1:10" x14ac:dyDescent="0.35">
      <c r="A904" s="1" t="s">
        <v>3612</v>
      </c>
      <c r="B904" s="1" t="s">
        <v>3613</v>
      </c>
      <c r="C904" s="1" t="s">
        <v>65</v>
      </c>
      <c r="D904" s="1" t="s">
        <v>3659</v>
      </c>
      <c r="E904" s="1" t="s">
        <v>3660</v>
      </c>
      <c r="F904" s="1" t="s">
        <v>3661</v>
      </c>
      <c r="G904" s="1" t="s">
        <v>3617</v>
      </c>
      <c r="H904" s="1" t="s">
        <v>13</v>
      </c>
      <c r="I904" s="1" t="s">
        <v>3618</v>
      </c>
      <c r="J904" s="1" t="s">
        <v>3662</v>
      </c>
    </row>
    <row r="905" spans="1:10" x14ac:dyDescent="0.35">
      <c r="A905" s="1" t="s">
        <v>3612</v>
      </c>
      <c r="B905" s="1" t="s">
        <v>3613</v>
      </c>
      <c r="C905" s="1" t="s">
        <v>70</v>
      </c>
      <c r="D905" s="1" t="s">
        <v>3663</v>
      </c>
      <c r="E905" s="1" t="s">
        <v>3664</v>
      </c>
      <c r="F905" s="1" t="s">
        <v>3665</v>
      </c>
      <c r="G905" s="1" t="s">
        <v>3617</v>
      </c>
      <c r="H905" s="1" t="s">
        <v>13</v>
      </c>
      <c r="I905" s="1" t="s">
        <v>3618</v>
      </c>
      <c r="J905" s="1" t="s">
        <v>3666</v>
      </c>
    </row>
    <row r="906" spans="1:10" x14ac:dyDescent="0.35">
      <c r="A906" s="1" t="s">
        <v>3612</v>
      </c>
      <c r="B906" s="1" t="s">
        <v>3613</v>
      </c>
      <c r="C906" s="1" t="s">
        <v>75</v>
      </c>
      <c r="D906" s="1" t="s">
        <v>3667</v>
      </c>
      <c r="E906" s="1" t="s">
        <v>3668</v>
      </c>
      <c r="F906" s="1" t="s">
        <v>3669</v>
      </c>
      <c r="G906" s="1" t="s">
        <v>3617</v>
      </c>
      <c r="H906" s="1" t="s">
        <v>13</v>
      </c>
      <c r="I906" s="1" t="s">
        <v>3618</v>
      </c>
      <c r="J906" s="1" t="s">
        <v>3670</v>
      </c>
    </row>
    <row r="907" spans="1:10" x14ac:dyDescent="0.35">
      <c r="A907" s="1" t="s">
        <v>3612</v>
      </c>
      <c r="B907" s="1" t="s">
        <v>3613</v>
      </c>
      <c r="C907" s="1" t="s">
        <v>80</v>
      </c>
      <c r="D907" s="1" t="s">
        <v>3671</v>
      </c>
      <c r="E907" s="1" t="s">
        <v>3672</v>
      </c>
      <c r="F907" s="1" t="s">
        <v>3673</v>
      </c>
      <c r="G907" s="1" t="s">
        <v>3617</v>
      </c>
      <c r="H907" s="1" t="s">
        <v>13</v>
      </c>
      <c r="I907" s="1" t="s">
        <v>3618</v>
      </c>
      <c r="J907" s="1" t="s">
        <v>3674</v>
      </c>
    </row>
    <row r="908" spans="1:10" x14ac:dyDescent="0.35">
      <c r="A908" s="1" t="s">
        <v>3612</v>
      </c>
      <c r="B908" s="1" t="s">
        <v>3613</v>
      </c>
      <c r="C908" s="1" t="s">
        <v>85</v>
      </c>
      <c r="D908" s="1" t="s">
        <v>3675</v>
      </c>
      <c r="E908" s="1" t="s">
        <v>3676</v>
      </c>
      <c r="F908" s="1" t="s">
        <v>3677</v>
      </c>
      <c r="G908" s="1" t="s">
        <v>3617</v>
      </c>
      <c r="H908" s="1" t="s">
        <v>13</v>
      </c>
      <c r="I908" s="1" t="s">
        <v>3618</v>
      </c>
      <c r="J908" s="1" t="s">
        <v>3678</v>
      </c>
    </row>
    <row r="909" spans="1:10" x14ac:dyDescent="0.35">
      <c r="A909" s="1" t="s">
        <v>3612</v>
      </c>
      <c r="B909" s="1" t="s">
        <v>3613</v>
      </c>
      <c r="C909" s="1" t="s">
        <v>90</v>
      </c>
      <c r="D909" s="1" t="s">
        <v>3679</v>
      </c>
      <c r="E909" s="1" t="s">
        <v>3680</v>
      </c>
      <c r="F909" s="1" t="s">
        <v>3681</v>
      </c>
      <c r="G909" s="1" t="s">
        <v>3617</v>
      </c>
      <c r="H909" s="1" t="s">
        <v>13</v>
      </c>
      <c r="I909" s="1" t="s">
        <v>3618</v>
      </c>
      <c r="J909" s="1" t="s">
        <v>3682</v>
      </c>
    </row>
    <row r="910" spans="1:10" x14ac:dyDescent="0.35">
      <c r="A910" s="1" t="s">
        <v>3612</v>
      </c>
      <c r="B910" s="1" t="s">
        <v>3613</v>
      </c>
      <c r="C910" s="1" t="s">
        <v>95</v>
      </c>
      <c r="D910" s="1" t="s">
        <v>3683</v>
      </c>
      <c r="E910" s="1" t="s">
        <v>3684</v>
      </c>
      <c r="F910" s="1" t="s">
        <v>3685</v>
      </c>
      <c r="G910" s="1" t="s">
        <v>3617</v>
      </c>
      <c r="H910" s="1" t="s">
        <v>13</v>
      </c>
      <c r="I910" s="1" t="s">
        <v>3618</v>
      </c>
      <c r="J910" s="1" t="s">
        <v>3686</v>
      </c>
    </row>
    <row r="911" spans="1:10" x14ac:dyDescent="0.35">
      <c r="A911" s="1" t="s">
        <v>3612</v>
      </c>
      <c r="B911" s="1" t="s">
        <v>3613</v>
      </c>
      <c r="C911" s="1" t="s">
        <v>100</v>
      </c>
      <c r="D911" s="1" t="s">
        <v>3687</v>
      </c>
      <c r="E911" s="1" t="s">
        <v>3688</v>
      </c>
      <c r="F911" s="1" t="s">
        <v>3689</v>
      </c>
      <c r="G911" s="1" t="s">
        <v>3617</v>
      </c>
      <c r="H911" s="1" t="s">
        <v>13</v>
      </c>
      <c r="I911" s="1" t="s">
        <v>3618</v>
      </c>
      <c r="J911" s="1" t="s">
        <v>3690</v>
      </c>
    </row>
    <row r="912" spans="1:10" x14ac:dyDescent="0.35">
      <c r="A912" s="1" t="s">
        <v>3612</v>
      </c>
      <c r="B912" s="1" t="s">
        <v>3613</v>
      </c>
      <c r="C912" s="1" t="s">
        <v>105</v>
      </c>
      <c r="D912" s="1" t="s">
        <v>3691</v>
      </c>
      <c r="E912" s="1" t="s">
        <v>3692</v>
      </c>
      <c r="F912" s="1" t="s">
        <v>3693</v>
      </c>
      <c r="G912" s="1" t="s">
        <v>3617</v>
      </c>
      <c r="H912" s="1" t="s">
        <v>13</v>
      </c>
      <c r="I912" s="1" t="s">
        <v>3618</v>
      </c>
      <c r="J912" s="1" t="s">
        <v>3694</v>
      </c>
    </row>
    <row r="913" spans="1:10" x14ac:dyDescent="0.35">
      <c r="A913" s="1" t="s">
        <v>3612</v>
      </c>
      <c r="B913" s="1" t="s">
        <v>3613</v>
      </c>
      <c r="C913" s="1" t="s">
        <v>110</v>
      </c>
      <c r="D913" s="1" t="s">
        <v>3695</v>
      </c>
      <c r="E913" s="1" t="s">
        <v>3696</v>
      </c>
      <c r="F913" s="1" t="s">
        <v>3697</v>
      </c>
      <c r="G913" s="1" t="s">
        <v>3617</v>
      </c>
      <c r="H913" s="1" t="s">
        <v>13</v>
      </c>
      <c r="I913" s="1" t="s">
        <v>3618</v>
      </c>
      <c r="J913" s="1" t="s">
        <v>3698</v>
      </c>
    </row>
    <row r="914" spans="1:10" x14ac:dyDescent="0.35">
      <c r="A914" s="1" t="s">
        <v>3612</v>
      </c>
      <c r="B914" s="1" t="s">
        <v>3613</v>
      </c>
      <c r="C914" s="1" t="s">
        <v>115</v>
      </c>
      <c r="D914" s="1" t="s">
        <v>3699</v>
      </c>
      <c r="E914" s="1" t="s">
        <v>3700</v>
      </c>
      <c r="F914" s="1" t="s">
        <v>3701</v>
      </c>
      <c r="G914" s="1" t="s">
        <v>3617</v>
      </c>
      <c r="H914" s="1" t="s">
        <v>13</v>
      </c>
      <c r="I914" s="1" t="s">
        <v>3618</v>
      </c>
      <c r="J914" s="1" t="s">
        <v>3702</v>
      </c>
    </row>
    <row r="915" spans="1:10" x14ac:dyDescent="0.35">
      <c r="A915" s="1" t="s">
        <v>3612</v>
      </c>
      <c r="B915" s="1" t="s">
        <v>3613</v>
      </c>
      <c r="C915" s="1" t="s">
        <v>120</v>
      </c>
      <c r="D915" s="1" t="s">
        <v>3703</v>
      </c>
      <c r="E915" s="1" t="s">
        <v>3704</v>
      </c>
      <c r="F915" s="1" t="s">
        <v>3705</v>
      </c>
      <c r="G915" s="1" t="s">
        <v>3617</v>
      </c>
      <c r="H915" s="1" t="s">
        <v>13</v>
      </c>
      <c r="I915" s="1" t="s">
        <v>3618</v>
      </c>
      <c r="J915" s="1" t="s">
        <v>3706</v>
      </c>
    </row>
    <row r="916" spans="1:10" x14ac:dyDescent="0.35">
      <c r="A916" s="1" t="s">
        <v>3612</v>
      </c>
      <c r="B916" s="1" t="s">
        <v>3613</v>
      </c>
      <c r="C916" s="1" t="s">
        <v>125</v>
      </c>
      <c r="D916" s="1" t="s">
        <v>3707</v>
      </c>
      <c r="E916" s="1" t="s">
        <v>3708</v>
      </c>
      <c r="F916" s="1" t="s">
        <v>3709</v>
      </c>
      <c r="G916" s="1" t="s">
        <v>3617</v>
      </c>
      <c r="H916" s="1" t="s">
        <v>13</v>
      </c>
      <c r="I916" s="1" t="s">
        <v>3618</v>
      </c>
      <c r="J916" s="1" t="s">
        <v>3710</v>
      </c>
    </row>
    <row r="917" spans="1:10" x14ac:dyDescent="0.35">
      <c r="A917" s="1" t="s">
        <v>3612</v>
      </c>
      <c r="B917" s="1" t="s">
        <v>3613</v>
      </c>
      <c r="C917" s="1" t="s">
        <v>130</v>
      </c>
      <c r="D917" s="1" t="s">
        <v>3711</v>
      </c>
      <c r="E917" s="1" t="s">
        <v>3712</v>
      </c>
      <c r="F917" s="1" t="s">
        <v>3713</v>
      </c>
      <c r="G917" s="1" t="s">
        <v>3617</v>
      </c>
      <c r="H917" s="1" t="s">
        <v>13</v>
      </c>
      <c r="I917" s="1" t="s">
        <v>3618</v>
      </c>
      <c r="J917" s="1" t="s">
        <v>3714</v>
      </c>
    </row>
    <row r="918" spans="1:10" x14ac:dyDescent="0.35">
      <c r="A918" s="1" t="s">
        <v>3612</v>
      </c>
      <c r="B918" s="1" t="s">
        <v>3613</v>
      </c>
      <c r="C918" s="1" t="s">
        <v>135</v>
      </c>
      <c r="D918" s="1" t="s">
        <v>3715</v>
      </c>
      <c r="E918" s="1" t="s">
        <v>3716</v>
      </c>
      <c r="F918" s="1" t="s">
        <v>3717</v>
      </c>
      <c r="G918" s="1" t="s">
        <v>3617</v>
      </c>
      <c r="H918" s="1" t="s">
        <v>13</v>
      </c>
      <c r="I918" s="1" t="s">
        <v>3618</v>
      </c>
      <c r="J918" s="1" t="s">
        <v>3718</v>
      </c>
    </row>
    <row r="919" spans="1:10" x14ac:dyDescent="0.35">
      <c r="A919" s="1" t="s">
        <v>3612</v>
      </c>
      <c r="B919" s="1" t="s">
        <v>3613</v>
      </c>
      <c r="C919" s="1" t="s">
        <v>140</v>
      </c>
      <c r="D919" s="1" t="s">
        <v>3719</v>
      </c>
      <c r="E919" s="1" t="s">
        <v>3720</v>
      </c>
      <c r="F919" s="1" t="s">
        <v>3721</v>
      </c>
      <c r="G919" s="1" t="s">
        <v>3617</v>
      </c>
      <c r="H919" s="1" t="s">
        <v>13</v>
      </c>
      <c r="I919" s="1" t="s">
        <v>3618</v>
      </c>
      <c r="J919" s="1" t="s">
        <v>3722</v>
      </c>
    </row>
    <row r="920" spans="1:10" x14ac:dyDescent="0.35">
      <c r="A920" s="1" t="s">
        <v>3612</v>
      </c>
      <c r="B920" s="1" t="s">
        <v>3613</v>
      </c>
      <c r="C920" s="1" t="s">
        <v>145</v>
      </c>
      <c r="D920" s="1" t="s">
        <v>3723</v>
      </c>
      <c r="E920" s="1" t="s">
        <v>3724</v>
      </c>
      <c r="F920" s="1" t="s">
        <v>3725</v>
      </c>
      <c r="G920" s="1" t="s">
        <v>3617</v>
      </c>
      <c r="H920" s="1" t="s">
        <v>13</v>
      </c>
      <c r="I920" s="1" t="s">
        <v>3618</v>
      </c>
      <c r="J920" s="1" t="s">
        <v>3726</v>
      </c>
    </row>
    <row r="921" spans="1:10" x14ac:dyDescent="0.35">
      <c r="A921" s="1" t="s">
        <v>3612</v>
      </c>
      <c r="B921" s="1" t="s">
        <v>3613</v>
      </c>
      <c r="C921" s="1" t="s">
        <v>150</v>
      </c>
      <c r="D921" s="1" t="s">
        <v>3727</v>
      </c>
      <c r="E921" s="1" t="s">
        <v>3728</v>
      </c>
      <c r="F921" s="1" t="s">
        <v>3729</v>
      </c>
      <c r="G921" s="1" t="s">
        <v>3617</v>
      </c>
      <c r="H921" s="1" t="s">
        <v>13</v>
      </c>
      <c r="I921" s="1" t="s">
        <v>3618</v>
      </c>
      <c r="J921" s="1" t="s">
        <v>3730</v>
      </c>
    </row>
    <row r="922" spans="1:10" x14ac:dyDescent="0.35">
      <c r="A922" s="1" t="s">
        <v>3612</v>
      </c>
      <c r="B922" s="1" t="s">
        <v>3613</v>
      </c>
      <c r="C922" s="1" t="s">
        <v>155</v>
      </c>
      <c r="D922" s="1" t="s">
        <v>3731</v>
      </c>
      <c r="E922" s="1" t="s">
        <v>3732</v>
      </c>
      <c r="F922" s="1" t="s">
        <v>3733</v>
      </c>
      <c r="G922" s="1" t="s">
        <v>3617</v>
      </c>
      <c r="H922" s="1" t="s">
        <v>13</v>
      </c>
      <c r="I922" s="1" t="s">
        <v>3618</v>
      </c>
      <c r="J922" s="1" t="s">
        <v>3734</v>
      </c>
    </row>
    <row r="923" spans="1:10" x14ac:dyDescent="0.35">
      <c r="A923" s="1" t="s">
        <v>3612</v>
      </c>
      <c r="B923" s="1" t="s">
        <v>3613</v>
      </c>
      <c r="C923" s="1" t="s">
        <v>160</v>
      </c>
      <c r="D923" s="1" t="s">
        <v>3735</v>
      </c>
      <c r="E923" s="1" t="s">
        <v>3736</v>
      </c>
      <c r="F923" s="1" t="s">
        <v>3737</v>
      </c>
      <c r="G923" s="1" t="s">
        <v>3617</v>
      </c>
      <c r="H923" s="1" t="s">
        <v>13</v>
      </c>
      <c r="I923" s="1" t="s">
        <v>3618</v>
      </c>
      <c r="J923" s="1" t="s">
        <v>3738</v>
      </c>
    </row>
    <row r="924" spans="1:10" x14ac:dyDescent="0.35">
      <c r="A924" s="1" t="s">
        <v>3612</v>
      </c>
      <c r="B924" s="1" t="s">
        <v>3613</v>
      </c>
      <c r="C924" s="1" t="s">
        <v>165</v>
      </c>
      <c r="D924" s="1" t="s">
        <v>3739</v>
      </c>
      <c r="E924" s="1" t="s">
        <v>3740</v>
      </c>
      <c r="F924" s="1" t="s">
        <v>3741</v>
      </c>
      <c r="G924" s="1" t="s">
        <v>3617</v>
      </c>
      <c r="H924" s="1" t="s">
        <v>13</v>
      </c>
      <c r="I924" s="1" t="s">
        <v>3618</v>
      </c>
      <c r="J924" s="1" t="s">
        <v>3742</v>
      </c>
    </row>
    <row r="925" spans="1:10" x14ac:dyDescent="0.35">
      <c r="A925" s="1" t="s">
        <v>3612</v>
      </c>
      <c r="B925" s="1" t="s">
        <v>3613</v>
      </c>
      <c r="C925" s="1" t="s">
        <v>170</v>
      </c>
      <c r="D925" s="1" t="s">
        <v>3743</v>
      </c>
      <c r="E925" s="1" t="s">
        <v>3744</v>
      </c>
      <c r="F925" s="1" t="s">
        <v>3745</v>
      </c>
      <c r="G925" s="1" t="s">
        <v>3617</v>
      </c>
      <c r="H925" s="1" t="s">
        <v>13</v>
      </c>
      <c r="I925" s="1" t="s">
        <v>3618</v>
      </c>
      <c r="J925" s="1" t="s">
        <v>3746</v>
      </c>
    </row>
    <row r="926" spans="1:10" x14ac:dyDescent="0.35">
      <c r="A926" s="1" t="s">
        <v>3747</v>
      </c>
      <c r="B926" s="1" t="s">
        <v>3748</v>
      </c>
      <c r="C926" s="1" t="s">
        <v>8</v>
      </c>
      <c r="D926" s="1" t="s">
        <v>3749</v>
      </c>
      <c r="E926" s="1" t="s">
        <v>3750</v>
      </c>
      <c r="F926" s="1" t="s">
        <v>3751</v>
      </c>
      <c r="G926" s="1" t="s">
        <v>3752</v>
      </c>
      <c r="H926" s="1" t="s">
        <v>13</v>
      </c>
      <c r="I926" s="1" t="s">
        <v>3753</v>
      </c>
      <c r="J926" s="1" t="s">
        <v>13</v>
      </c>
    </row>
    <row r="927" spans="1:10" x14ac:dyDescent="0.35">
      <c r="A927" s="1" t="s">
        <v>3747</v>
      </c>
      <c r="B927" s="1" t="s">
        <v>3748</v>
      </c>
      <c r="C927" s="1" t="s">
        <v>15</v>
      </c>
      <c r="D927" s="1" t="s">
        <v>3754</v>
      </c>
      <c r="E927" s="1" t="s">
        <v>3755</v>
      </c>
      <c r="F927" s="1" t="s">
        <v>3756</v>
      </c>
      <c r="G927" s="1" t="s">
        <v>3752</v>
      </c>
      <c r="H927" s="1" t="s">
        <v>13</v>
      </c>
      <c r="I927" s="1" t="s">
        <v>3753</v>
      </c>
      <c r="J927" s="1" t="s">
        <v>3757</v>
      </c>
    </row>
    <row r="928" spans="1:10" x14ac:dyDescent="0.35">
      <c r="A928" s="1" t="s">
        <v>3747</v>
      </c>
      <c r="B928" s="1" t="s">
        <v>3748</v>
      </c>
      <c r="C928" s="1" t="s">
        <v>20</v>
      </c>
      <c r="D928" s="1" t="s">
        <v>3758</v>
      </c>
      <c r="E928" s="1" t="s">
        <v>3759</v>
      </c>
      <c r="F928" s="1" t="s">
        <v>3760</v>
      </c>
      <c r="G928" s="1" t="s">
        <v>3752</v>
      </c>
      <c r="H928" s="1" t="s">
        <v>13</v>
      </c>
      <c r="I928" s="1" t="s">
        <v>3753</v>
      </c>
      <c r="J928" s="1" t="s">
        <v>3761</v>
      </c>
    </row>
    <row r="929" spans="1:10" x14ac:dyDescent="0.35">
      <c r="A929" s="1" t="s">
        <v>3747</v>
      </c>
      <c r="B929" s="1" t="s">
        <v>3748</v>
      </c>
      <c r="C929" s="1" t="s">
        <v>25</v>
      </c>
      <c r="D929" s="1" t="s">
        <v>3762</v>
      </c>
      <c r="E929" s="1" t="s">
        <v>3763</v>
      </c>
      <c r="F929" s="1" t="s">
        <v>3764</v>
      </c>
      <c r="G929" s="1" t="s">
        <v>3752</v>
      </c>
      <c r="H929" s="1" t="s">
        <v>13</v>
      </c>
      <c r="I929" s="1" t="s">
        <v>3753</v>
      </c>
      <c r="J929" s="1" t="s">
        <v>3765</v>
      </c>
    </row>
    <row r="930" spans="1:10" x14ac:dyDescent="0.35">
      <c r="A930" s="1" t="s">
        <v>3747</v>
      </c>
      <c r="B930" s="1" t="s">
        <v>3748</v>
      </c>
      <c r="C930" s="1" t="s">
        <v>30</v>
      </c>
      <c r="D930" s="1" t="s">
        <v>3766</v>
      </c>
      <c r="E930" s="1" t="s">
        <v>3767</v>
      </c>
      <c r="F930" s="1" t="s">
        <v>3768</v>
      </c>
      <c r="G930" s="1" t="s">
        <v>3752</v>
      </c>
      <c r="H930" s="1" t="s">
        <v>13</v>
      </c>
      <c r="I930" s="1" t="s">
        <v>3753</v>
      </c>
      <c r="J930" s="1" t="s">
        <v>3769</v>
      </c>
    </row>
    <row r="931" spans="1:10" x14ac:dyDescent="0.35">
      <c r="A931" s="1" t="s">
        <v>3747</v>
      </c>
      <c r="B931" s="1" t="s">
        <v>3748</v>
      </c>
      <c r="C931" s="1" t="s">
        <v>35</v>
      </c>
      <c r="D931" s="1" t="s">
        <v>3770</v>
      </c>
      <c r="E931" s="1" t="s">
        <v>3771</v>
      </c>
      <c r="F931" s="1" t="s">
        <v>3772</v>
      </c>
      <c r="G931" s="1" t="s">
        <v>3752</v>
      </c>
      <c r="H931" s="1" t="s">
        <v>13</v>
      </c>
      <c r="I931" s="1" t="s">
        <v>3753</v>
      </c>
      <c r="J931" s="1" t="s">
        <v>3773</v>
      </c>
    </row>
    <row r="932" spans="1:10" x14ac:dyDescent="0.35">
      <c r="A932" s="1" t="s">
        <v>3747</v>
      </c>
      <c r="B932" s="1" t="s">
        <v>3748</v>
      </c>
      <c r="C932" s="1" t="s">
        <v>40</v>
      </c>
      <c r="D932" s="1" t="s">
        <v>3774</v>
      </c>
      <c r="E932" s="1" t="s">
        <v>3775</v>
      </c>
      <c r="F932" s="1" t="s">
        <v>3776</v>
      </c>
      <c r="G932" s="1" t="s">
        <v>3752</v>
      </c>
      <c r="H932" s="1" t="s">
        <v>13</v>
      </c>
      <c r="I932" s="1" t="s">
        <v>3753</v>
      </c>
      <c r="J932" s="1" t="s">
        <v>3777</v>
      </c>
    </row>
    <row r="933" spans="1:10" x14ac:dyDescent="0.35">
      <c r="A933" s="1" t="s">
        <v>3747</v>
      </c>
      <c r="B933" s="1" t="s">
        <v>3748</v>
      </c>
      <c r="C933" s="1" t="s">
        <v>45</v>
      </c>
      <c r="D933" s="1" t="s">
        <v>3778</v>
      </c>
      <c r="E933" s="1" t="s">
        <v>3779</v>
      </c>
      <c r="F933" s="1" t="s">
        <v>3780</v>
      </c>
      <c r="G933" s="1" t="s">
        <v>3752</v>
      </c>
      <c r="H933" s="1" t="s">
        <v>13</v>
      </c>
      <c r="I933" s="1" t="s">
        <v>3753</v>
      </c>
      <c r="J933" s="1" t="s">
        <v>3781</v>
      </c>
    </row>
    <row r="934" spans="1:10" x14ac:dyDescent="0.35">
      <c r="A934" s="1" t="s">
        <v>3747</v>
      </c>
      <c r="B934" s="1" t="s">
        <v>3748</v>
      </c>
      <c r="C934" s="1" t="s">
        <v>50</v>
      </c>
      <c r="D934" s="1" t="s">
        <v>3782</v>
      </c>
      <c r="E934" s="1" t="s">
        <v>3783</v>
      </c>
      <c r="F934" s="1" t="s">
        <v>3784</v>
      </c>
      <c r="G934" s="1" t="s">
        <v>3752</v>
      </c>
      <c r="H934" s="1" t="s">
        <v>13</v>
      </c>
      <c r="I934" s="1" t="s">
        <v>3753</v>
      </c>
      <c r="J934" s="1" t="s">
        <v>3785</v>
      </c>
    </row>
    <row r="935" spans="1:10" x14ac:dyDescent="0.35">
      <c r="A935" s="1" t="s">
        <v>3747</v>
      </c>
      <c r="B935" s="1" t="s">
        <v>3748</v>
      </c>
      <c r="C935" s="1" t="s">
        <v>55</v>
      </c>
      <c r="D935" s="1" t="s">
        <v>3786</v>
      </c>
      <c r="E935" s="1" t="s">
        <v>3787</v>
      </c>
      <c r="F935" s="1" t="s">
        <v>3788</v>
      </c>
      <c r="G935" s="1" t="s">
        <v>3752</v>
      </c>
      <c r="H935" s="1" t="s">
        <v>13</v>
      </c>
      <c r="I935" s="1" t="s">
        <v>3753</v>
      </c>
      <c r="J935" s="1" t="s">
        <v>3789</v>
      </c>
    </row>
    <row r="936" spans="1:10" x14ac:dyDescent="0.35">
      <c r="A936" s="1" t="s">
        <v>3747</v>
      </c>
      <c r="B936" s="1" t="s">
        <v>3748</v>
      </c>
      <c r="C936" s="1" t="s">
        <v>60</v>
      </c>
      <c r="D936" s="1" t="s">
        <v>3790</v>
      </c>
      <c r="E936" s="1" t="s">
        <v>3791</v>
      </c>
      <c r="F936" s="1" t="s">
        <v>3792</v>
      </c>
      <c r="G936" s="1" t="s">
        <v>3752</v>
      </c>
      <c r="H936" s="1" t="s">
        <v>13</v>
      </c>
      <c r="I936" s="1" t="s">
        <v>3753</v>
      </c>
      <c r="J936" s="1" t="s">
        <v>3793</v>
      </c>
    </row>
    <row r="937" spans="1:10" x14ac:dyDescent="0.35">
      <c r="A937" s="1" t="s">
        <v>3747</v>
      </c>
      <c r="B937" s="1" t="s">
        <v>3748</v>
      </c>
      <c r="C937" s="1" t="s">
        <v>65</v>
      </c>
      <c r="D937" s="1" t="s">
        <v>3794</v>
      </c>
      <c r="E937" s="1" t="s">
        <v>3795</v>
      </c>
      <c r="F937" s="1" t="s">
        <v>3796</v>
      </c>
      <c r="G937" s="1" t="s">
        <v>3752</v>
      </c>
      <c r="H937" s="1" t="s">
        <v>13</v>
      </c>
      <c r="I937" s="1" t="s">
        <v>3753</v>
      </c>
      <c r="J937" s="1" t="s">
        <v>3797</v>
      </c>
    </row>
    <row r="938" spans="1:10" x14ac:dyDescent="0.35">
      <c r="A938" s="1" t="s">
        <v>3747</v>
      </c>
      <c r="B938" s="1" t="s">
        <v>3748</v>
      </c>
      <c r="C938" s="1" t="s">
        <v>70</v>
      </c>
      <c r="D938" s="1" t="s">
        <v>3798</v>
      </c>
      <c r="E938" s="1" t="s">
        <v>3799</v>
      </c>
      <c r="F938" s="1" t="s">
        <v>3800</v>
      </c>
      <c r="G938" s="1" t="s">
        <v>3752</v>
      </c>
      <c r="H938" s="1" t="s">
        <v>13</v>
      </c>
      <c r="I938" s="1" t="s">
        <v>3753</v>
      </c>
      <c r="J938" s="1" t="s">
        <v>3801</v>
      </c>
    </row>
    <row r="939" spans="1:10" x14ac:dyDescent="0.35">
      <c r="A939" s="1" t="s">
        <v>3747</v>
      </c>
      <c r="B939" s="1" t="s">
        <v>3748</v>
      </c>
      <c r="C939" s="1" t="s">
        <v>75</v>
      </c>
      <c r="D939" s="1" t="s">
        <v>3802</v>
      </c>
      <c r="E939" s="1" t="s">
        <v>3803</v>
      </c>
      <c r="F939" s="1" t="s">
        <v>3804</v>
      </c>
      <c r="G939" s="1" t="s">
        <v>3752</v>
      </c>
      <c r="H939" s="1" t="s">
        <v>13</v>
      </c>
      <c r="I939" s="1" t="s">
        <v>3753</v>
      </c>
      <c r="J939" s="1" t="s">
        <v>3805</v>
      </c>
    </row>
    <row r="940" spans="1:10" x14ac:dyDescent="0.35">
      <c r="A940" s="1" t="s">
        <v>3747</v>
      </c>
      <c r="B940" s="1" t="s">
        <v>3748</v>
      </c>
      <c r="C940" s="1" t="s">
        <v>80</v>
      </c>
      <c r="D940" s="1" t="s">
        <v>3806</v>
      </c>
      <c r="E940" s="1" t="s">
        <v>3807</v>
      </c>
      <c r="F940" s="1" t="s">
        <v>3808</v>
      </c>
      <c r="G940" s="1" t="s">
        <v>3752</v>
      </c>
      <c r="H940" s="1" t="s">
        <v>13</v>
      </c>
      <c r="I940" s="1" t="s">
        <v>3753</v>
      </c>
      <c r="J940" s="1" t="s">
        <v>3809</v>
      </c>
    </row>
    <row r="941" spans="1:10" x14ac:dyDescent="0.35">
      <c r="A941" s="1" t="s">
        <v>3747</v>
      </c>
      <c r="B941" s="1" t="s">
        <v>3748</v>
      </c>
      <c r="C941" s="1" t="s">
        <v>85</v>
      </c>
      <c r="D941" s="1" t="s">
        <v>3810</v>
      </c>
      <c r="E941" s="1" t="s">
        <v>3811</v>
      </c>
      <c r="F941" s="1" t="s">
        <v>3812</v>
      </c>
      <c r="G941" s="1" t="s">
        <v>3752</v>
      </c>
      <c r="H941" s="1" t="s">
        <v>13</v>
      </c>
      <c r="I941" s="1" t="s">
        <v>3753</v>
      </c>
      <c r="J941" s="1" t="s">
        <v>3813</v>
      </c>
    </row>
    <row r="942" spans="1:10" x14ac:dyDescent="0.35">
      <c r="A942" s="1" t="s">
        <v>3747</v>
      </c>
      <c r="B942" s="1" t="s">
        <v>3748</v>
      </c>
      <c r="C942" s="1" t="s">
        <v>90</v>
      </c>
      <c r="D942" s="1" t="s">
        <v>3814</v>
      </c>
      <c r="E942" s="1" t="s">
        <v>3815</v>
      </c>
      <c r="F942" s="1" t="s">
        <v>3816</v>
      </c>
      <c r="G942" s="1" t="s">
        <v>3752</v>
      </c>
      <c r="H942" s="1" t="s">
        <v>13</v>
      </c>
      <c r="I942" s="1" t="s">
        <v>3753</v>
      </c>
      <c r="J942" s="1" t="s">
        <v>3817</v>
      </c>
    </row>
    <row r="943" spans="1:10" x14ac:dyDescent="0.35">
      <c r="A943" s="1" t="s">
        <v>3747</v>
      </c>
      <c r="B943" s="1" t="s">
        <v>3748</v>
      </c>
      <c r="C943" s="1" t="s">
        <v>95</v>
      </c>
      <c r="D943" s="1" t="s">
        <v>3818</v>
      </c>
      <c r="E943" s="1" t="s">
        <v>3819</v>
      </c>
      <c r="F943" s="1" t="s">
        <v>3820</v>
      </c>
      <c r="G943" s="1" t="s">
        <v>3752</v>
      </c>
      <c r="H943" s="1" t="s">
        <v>13</v>
      </c>
      <c r="I943" s="1" t="s">
        <v>3753</v>
      </c>
      <c r="J943" s="1" t="s">
        <v>3821</v>
      </c>
    </row>
    <row r="944" spans="1:10" x14ac:dyDescent="0.35">
      <c r="A944" s="1" t="s">
        <v>3747</v>
      </c>
      <c r="B944" s="1" t="s">
        <v>3748</v>
      </c>
      <c r="C944" s="1" t="s">
        <v>100</v>
      </c>
      <c r="D944" s="1" t="s">
        <v>3822</v>
      </c>
      <c r="E944" s="1" t="s">
        <v>3823</v>
      </c>
      <c r="F944" s="1" t="s">
        <v>3824</v>
      </c>
      <c r="G944" s="1" t="s">
        <v>3752</v>
      </c>
      <c r="H944" s="1" t="s">
        <v>13</v>
      </c>
      <c r="I944" s="1" t="s">
        <v>3753</v>
      </c>
      <c r="J944" s="1" t="s">
        <v>3825</v>
      </c>
    </row>
    <row r="945" spans="1:10" x14ac:dyDescent="0.35">
      <c r="A945" s="1" t="s">
        <v>3747</v>
      </c>
      <c r="B945" s="1" t="s">
        <v>3748</v>
      </c>
      <c r="C945" s="1" t="s">
        <v>105</v>
      </c>
      <c r="D945" s="1" t="s">
        <v>3826</v>
      </c>
      <c r="E945" s="1" t="s">
        <v>3827</v>
      </c>
      <c r="F945" s="1" t="s">
        <v>3828</v>
      </c>
      <c r="G945" s="1" t="s">
        <v>3752</v>
      </c>
      <c r="H945" s="1" t="s">
        <v>13</v>
      </c>
      <c r="I945" s="1" t="s">
        <v>3753</v>
      </c>
      <c r="J945" s="1" t="s">
        <v>3829</v>
      </c>
    </row>
    <row r="946" spans="1:10" x14ac:dyDescent="0.35">
      <c r="A946" s="1" t="s">
        <v>3747</v>
      </c>
      <c r="B946" s="1" t="s">
        <v>3748</v>
      </c>
      <c r="C946" s="1" t="s">
        <v>110</v>
      </c>
      <c r="D946" s="1" t="s">
        <v>3830</v>
      </c>
      <c r="E946" s="1" t="s">
        <v>3831</v>
      </c>
      <c r="F946" s="1" t="s">
        <v>3832</v>
      </c>
      <c r="G946" s="1" t="s">
        <v>3752</v>
      </c>
      <c r="H946" s="1" t="s">
        <v>13</v>
      </c>
      <c r="I946" s="1" t="s">
        <v>3753</v>
      </c>
      <c r="J946" s="1" t="s">
        <v>3833</v>
      </c>
    </row>
    <row r="947" spans="1:10" x14ac:dyDescent="0.35">
      <c r="A947" s="1" t="s">
        <v>3747</v>
      </c>
      <c r="B947" s="1" t="s">
        <v>3748</v>
      </c>
      <c r="C947" s="1" t="s">
        <v>115</v>
      </c>
      <c r="D947" s="1" t="s">
        <v>3834</v>
      </c>
      <c r="E947" s="1" t="s">
        <v>3835</v>
      </c>
      <c r="F947" s="1" t="s">
        <v>3836</v>
      </c>
      <c r="G947" s="1" t="s">
        <v>3752</v>
      </c>
      <c r="H947" s="1" t="s">
        <v>13</v>
      </c>
      <c r="I947" s="1" t="s">
        <v>3753</v>
      </c>
      <c r="J947" s="1" t="s">
        <v>3837</v>
      </c>
    </row>
    <row r="948" spans="1:10" x14ac:dyDescent="0.35">
      <c r="A948" s="1" t="s">
        <v>3747</v>
      </c>
      <c r="B948" s="1" t="s">
        <v>3748</v>
      </c>
      <c r="C948" s="1" t="s">
        <v>120</v>
      </c>
      <c r="D948" s="1" t="s">
        <v>3838</v>
      </c>
      <c r="E948" s="1" t="s">
        <v>3839</v>
      </c>
      <c r="F948" s="1" t="s">
        <v>3840</v>
      </c>
      <c r="G948" s="1" t="s">
        <v>3752</v>
      </c>
      <c r="H948" s="1" t="s">
        <v>13</v>
      </c>
      <c r="I948" s="1" t="s">
        <v>3753</v>
      </c>
      <c r="J948" s="1" t="s">
        <v>3841</v>
      </c>
    </row>
    <row r="949" spans="1:10" x14ac:dyDescent="0.35">
      <c r="A949" s="1" t="s">
        <v>3747</v>
      </c>
      <c r="B949" s="1" t="s">
        <v>3748</v>
      </c>
      <c r="C949" s="1" t="s">
        <v>125</v>
      </c>
      <c r="D949" s="1" t="s">
        <v>3842</v>
      </c>
      <c r="E949" s="1" t="s">
        <v>3843</v>
      </c>
      <c r="F949" s="1" t="s">
        <v>3844</v>
      </c>
      <c r="G949" s="1" t="s">
        <v>3752</v>
      </c>
      <c r="H949" s="1" t="s">
        <v>13</v>
      </c>
      <c r="I949" s="1" t="s">
        <v>3753</v>
      </c>
      <c r="J949" s="1" t="s">
        <v>3845</v>
      </c>
    </row>
    <row r="950" spans="1:10" x14ac:dyDescent="0.35">
      <c r="A950" s="1" t="s">
        <v>3747</v>
      </c>
      <c r="B950" s="1" t="s">
        <v>3748</v>
      </c>
      <c r="C950" s="1" t="s">
        <v>130</v>
      </c>
      <c r="D950" s="1" t="s">
        <v>3846</v>
      </c>
      <c r="E950" s="1" t="s">
        <v>3847</v>
      </c>
      <c r="F950" s="1" t="s">
        <v>3848</v>
      </c>
      <c r="G950" s="1" t="s">
        <v>3752</v>
      </c>
      <c r="H950" s="1" t="s">
        <v>13</v>
      </c>
      <c r="I950" s="1" t="s">
        <v>3753</v>
      </c>
      <c r="J950" s="1" t="s">
        <v>3849</v>
      </c>
    </row>
    <row r="951" spans="1:10" x14ac:dyDescent="0.35">
      <c r="A951" s="1" t="s">
        <v>3747</v>
      </c>
      <c r="B951" s="1" t="s">
        <v>3748</v>
      </c>
      <c r="C951" s="1" t="s">
        <v>135</v>
      </c>
      <c r="D951" s="1" t="s">
        <v>3850</v>
      </c>
      <c r="E951" s="1" t="s">
        <v>3851</v>
      </c>
      <c r="F951" s="1" t="s">
        <v>3852</v>
      </c>
      <c r="G951" s="1" t="s">
        <v>3752</v>
      </c>
      <c r="H951" s="1" t="s">
        <v>13</v>
      </c>
      <c r="I951" s="1" t="s">
        <v>3753</v>
      </c>
      <c r="J951" s="1" t="s">
        <v>3853</v>
      </c>
    </row>
    <row r="952" spans="1:10" x14ac:dyDescent="0.35">
      <c r="A952" s="1" t="s">
        <v>3747</v>
      </c>
      <c r="B952" s="1" t="s">
        <v>3748</v>
      </c>
      <c r="C952" s="1" t="s">
        <v>140</v>
      </c>
      <c r="D952" s="1" t="s">
        <v>3854</v>
      </c>
      <c r="E952" s="1" t="s">
        <v>3855</v>
      </c>
      <c r="F952" s="1" t="s">
        <v>3856</v>
      </c>
      <c r="G952" s="1" t="s">
        <v>3752</v>
      </c>
      <c r="H952" s="1" t="s">
        <v>13</v>
      </c>
      <c r="I952" s="1" t="s">
        <v>3753</v>
      </c>
      <c r="J952" s="1" t="s">
        <v>3857</v>
      </c>
    </row>
    <row r="953" spans="1:10" x14ac:dyDescent="0.35">
      <c r="A953" s="1" t="s">
        <v>3747</v>
      </c>
      <c r="B953" s="1" t="s">
        <v>3748</v>
      </c>
      <c r="C953" s="1" t="s">
        <v>145</v>
      </c>
      <c r="D953" s="1" t="s">
        <v>3858</v>
      </c>
      <c r="E953" s="1" t="s">
        <v>3859</v>
      </c>
      <c r="F953" s="1" t="s">
        <v>3860</v>
      </c>
      <c r="G953" s="1" t="s">
        <v>3752</v>
      </c>
      <c r="H953" s="1" t="s">
        <v>13</v>
      </c>
      <c r="I953" s="1" t="s">
        <v>3753</v>
      </c>
      <c r="J953" s="1" t="s">
        <v>3861</v>
      </c>
    </row>
    <row r="954" spans="1:10" x14ac:dyDescent="0.35">
      <c r="A954" s="1" t="s">
        <v>3747</v>
      </c>
      <c r="B954" s="1" t="s">
        <v>3748</v>
      </c>
      <c r="C954" s="1" t="s">
        <v>150</v>
      </c>
      <c r="D954" s="1" t="s">
        <v>3862</v>
      </c>
      <c r="E954" s="1" t="s">
        <v>3863</v>
      </c>
      <c r="F954" s="1" t="s">
        <v>3864</v>
      </c>
      <c r="G954" s="1" t="s">
        <v>3752</v>
      </c>
      <c r="H954" s="1" t="s">
        <v>13</v>
      </c>
      <c r="I954" s="1" t="s">
        <v>3753</v>
      </c>
      <c r="J954" s="1" t="s">
        <v>3865</v>
      </c>
    </row>
    <row r="955" spans="1:10" x14ac:dyDescent="0.35">
      <c r="A955" s="1" t="s">
        <v>3747</v>
      </c>
      <c r="B955" s="1" t="s">
        <v>3748</v>
      </c>
      <c r="C955" s="1" t="s">
        <v>155</v>
      </c>
      <c r="D955" s="1" t="s">
        <v>3858</v>
      </c>
      <c r="E955" s="1" t="s">
        <v>3866</v>
      </c>
      <c r="F955" s="1" t="s">
        <v>3867</v>
      </c>
      <c r="G955" s="1" t="s">
        <v>3752</v>
      </c>
      <c r="H955" s="1" t="s">
        <v>13</v>
      </c>
      <c r="I955" s="1" t="s">
        <v>3753</v>
      </c>
      <c r="J955" s="1" t="s">
        <v>3868</v>
      </c>
    </row>
    <row r="956" spans="1:10" x14ac:dyDescent="0.35">
      <c r="A956" s="1" t="s">
        <v>3747</v>
      </c>
      <c r="B956" s="1" t="s">
        <v>3748</v>
      </c>
      <c r="C956" s="1" t="s">
        <v>160</v>
      </c>
      <c r="D956" s="1" t="s">
        <v>3869</v>
      </c>
      <c r="E956" s="1" t="s">
        <v>3870</v>
      </c>
      <c r="F956" s="1" t="s">
        <v>3871</v>
      </c>
      <c r="G956" s="1" t="s">
        <v>3752</v>
      </c>
      <c r="H956" s="1" t="s">
        <v>13</v>
      </c>
      <c r="I956" s="1" t="s">
        <v>3753</v>
      </c>
      <c r="J956" s="1" t="s">
        <v>3872</v>
      </c>
    </row>
    <row r="957" spans="1:10" x14ac:dyDescent="0.35">
      <c r="A957" s="1" t="s">
        <v>3747</v>
      </c>
      <c r="B957" s="1" t="s">
        <v>3748</v>
      </c>
      <c r="C957" s="1" t="s">
        <v>165</v>
      </c>
      <c r="D957" s="1" t="s">
        <v>3873</v>
      </c>
      <c r="E957" s="1" t="s">
        <v>3874</v>
      </c>
      <c r="F957" s="1" t="s">
        <v>3875</v>
      </c>
      <c r="G957" s="1" t="s">
        <v>3752</v>
      </c>
      <c r="H957" s="1" t="s">
        <v>13</v>
      </c>
      <c r="I957" s="1" t="s">
        <v>3753</v>
      </c>
      <c r="J957" s="1" t="s">
        <v>3876</v>
      </c>
    </row>
    <row r="958" spans="1:10" x14ac:dyDescent="0.35">
      <c r="A958" s="1" t="s">
        <v>3747</v>
      </c>
      <c r="B958" s="1" t="s">
        <v>3748</v>
      </c>
      <c r="C958" s="1" t="s">
        <v>170</v>
      </c>
      <c r="D958" s="1" t="s">
        <v>3877</v>
      </c>
      <c r="E958" s="1" t="s">
        <v>3878</v>
      </c>
      <c r="F958" s="1" t="s">
        <v>3879</v>
      </c>
      <c r="G958" s="1" t="s">
        <v>3752</v>
      </c>
      <c r="H958" s="1" t="s">
        <v>13</v>
      </c>
      <c r="I958" s="1" t="s">
        <v>3753</v>
      </c>
      <c r="J958" s="1" t="s">
        <v>3880</v>
      </c>
    </row>
    <row r="959" spans="1:10" x14ac:dyDescent="0.35">
      <c r="A959" s="1" t="s">
        <v>3881</v>
      </c>
      <c r="B959" s="1" t="s">
        <v>3882</v>
      </c>
      <c r="C959" s="1" t="s">
        <v>8</v>
      </c>
      <c r="D959" s="1" t="s">
        <v>3883</v>
      </c>
      <c r="E959" s="1" t="s">
        <v>3884</v>
      </c>
      <c r="F959" s="1" t="s">
        <v>3885</v>
      </c>
      <c r="G959" s="1" t="s">
        <v>3886</v>
      </c>
      <c r="H959" s="1" t="s">
        <v>13</v>
      </c>
      <c r="I959" s="1" t="s">
        <v>3887</v>
      </c>
      <c r="J959" s="1" t="s">
        <v>13</v>
      </c>
    </row>
    <row r="960" spans="1:10" x14ac:dyDescent="0.35">
      <c r="A960" s="1" t="s">
        <v>3881</v>
      </c>
      <c r="B960" s="1" t="s">
        <v>3882</v>
      </c>
      <c r="C960" s="1" t="s">
        <v>15</v>
      </c>
      <c r="D960" s="1" t="s">
        <v>3888</v>
      </c>
      <c r="E960" s="1" t="s">
        <v>3889</v>
      </c>
      <c r="F960" s="1" t="s">
        <v>3890</v>
      </c>
      <c r="G960" s="1" t="s">
        <v>3886</v>
      </c>
      <c r="H960" s="1" t="s">
        <v>13</v>
      </c>
      <c r="I960" s="1" t="s">
        <v>3887</v>
      </c>
      <c r="J960" s="1" t="s">
        <v>3891</v>
      </c>
    </row>
    <row r="961" spans="1:10" x14ac:dyDescent="0.35">
      <c r="A961" s="1" t="s">
        <v>3881</v>
      </c>
      <c r="B961" s="1" t="s">
        <v>3882</v>
      </c>
      <c r="C961" s="1" t="s">
        <v>20</v>
      </c>
      <c r="D961" s="1" t="s">
        <v>3892</v>
      </c>
      <c r="E961" s="1" t="s">
        <v>3893</v>
      </c>
      <c r="F961" s="1" t="s">
        <v>3894</v>
      </c>
      <c r="G961" s="1" t="s">
        <v>3886</v>
      </c>
      <c r="H961" s="1" t="s">
        <v>13</v>
      </c>
      <c r="I961" s="1" t="s">
        <v>3887</v>
      </c>
      <c r="J961" s="1" t="s">
        <v>3895</v>
      </c>
    </row>
    <row r="962" spans="1:10" x14ac:dyDescent="0.35">
      <c r="A962" s="1" t="s">
        <v>3881</v>
      </c>
      <c r="B962" s="1" t="s">
        <v>3882</v>
      </c>
      <c r="C962" s="1" t="s">
        <v>25</v>
      </c>
      <c r="D962" s="1" t="s">
        <v>3896</v>
      </c>
      <c r="E962" s="1" t="s">
        <v>3897</v>
      </c>
      <c r="F962" s="1" t="s">
        <v>3898</v>
      </c>
      <c r="G962" s="1" t="s">
        <v>3886</v>
      </c>
      <c r="H962" s="1" t="s">
        <v>13</v>
      </c>
      <c r="I962" s="1" t="s">
        <v>3887</v>
      </c>
      <c r="J962" s="1" t="s">
        <v>3899</v>
      </c>
    </row>
    <row r="963" spans="1:10" x14ac:dyDescent="0.35">
      <c r="A963" s="1" t="s">
        <v>3881</v>
      </c>
      <c r="B963" s="1" t="s">
        <v>3882</v>
      </c>
      <c r="C963" s="1" t="s">
        <v>30</v>
      </c>
      <c r="D963" s="1" t="s">
        <v>3900</v>
      </c>
      <c r="E963" s="1" t="s">
        <v>3901</v>
      </c>
      <c r="F963" s="1" t="s">
        <v>3902</v>
      </c>
      <c r="G963" s="1" t="s">
        <v>3886</v>
      </c>
      <c r="H963" s="1" t="s">
        <v>13</v>
      </c>
      <c r="I963" s="1" t="s">
        <v>3887</v>
      </c>
      <c r="J963" s="1" t="s">
        <v>3903</v>
      </c>
    </row>
    <row r="964" spans="1:10" x14ac:dyDescent="0.35">
      <c r="A964" s="1" t="s">
        <v>3881</v>
      </c>
      <c r="B964" s="1" t="s">
        <v>3882</v>
      </c>
      <c r="C964" s="1" t="s">
        <v>35</v>
      </c>
      <c r="D964" s="1" t="s">
        <v>3904</v>
      </c>
      <c r="E964" s="1" t="s">
        <v>3905</v>
      </c>
      <c r="F964" s="1" t="s">
        <v>3906</v>
      </c>
      <c r="G964" s="1" t="s">
        <v>3886</v>
      </c>
      <c r="H964" s="1" t="s">
        <v>13</v>
      </c>
      <c r="I964" s="1" t="s">
        <v>3887</v>
      </c>
      <c r="J964" s="1" t="s">
        <v>3907</v>
      </c>
    </row>
    <row r="965" spans="1:10" x14ac:dyDescent="0.35">
      <c r="A965" s="1" t="s">
        <v>3881</v>
      </c>
      <c r="B965" s="1" t="s">
        <v>3882</v>
      </c>
      <c r="C965" s="1" t="s">
        <v>40</v>
      </c>
      <c r="D965" s="1" t="s">
        <v>3908</v>
      </c>
      <c r="E965" s="1" t="s">
        <v>3909</v>
      </c>
      <c r="F965" s="1" t="s">
        <v>3910</v>
      </c>
      <c r="G965" s="1" t="s">
        <v>3886</v>
      </c>
      <c r="H965" s="1" t="s">
        <v>13</v>
      </c>
      <c r="I965" s="1" t="s">
        <v>3887</v>
      </c>
      <c r="J965" s="1" t="s">
        <v>3911</v>
      </c>
    </row>
    <row r="966" spans="1:10" x14ac:dyDescent="0.35">
      <c r="A966" s="1" t="s">
        <v>3881</v>
      </c>
      <c r="B966" s="1" t="s">
        <v>3882</v>
      </c>
      <c r="C966" s="1" t="s">
        <v>45</v>
      </c>
      <c r="D966" s="1" t="s">
        <v>3912</v>
      </c>
      <c r="E966" s="1" t="s">
        <v>3913</v>
      </c>
      <c r="F966" s="1" t="s">
        <v>3914</v>
      </c>
      <c r="G966" s="1" t="s">
        <v>3886</v>
      </c>
      <c r="H966" s="1" t="s">
        <v>13</v>
      </c>
      <c r="I966" s="1" t="s">
        <v>3887</v>
      </c>
      <c r="J966" s="1" t="s">
        <v>3915</v>
      </c>
    </row>
    <row r="967" spans="1:10" x14ac:dyDescent="0.35">
      <c r="A967" s="1" t="s">
        <v>3881</v>
      </c>
      <c r="B967" s="1" t="s">
        <v>3882</v>
      </c>
      <c r="C967" s="1" t="s">
        <v>50</v>
      </c>
      <c r="D967" s="1" t="s">
        <v>3916</v>
      </c>
      <c r="E967" s="1" t="s">
        <v>3917</v>
      </c>
      <c r="F967" s="1" t="s">
        <v>3918</v>
      </c>
      <c r="G967" s="1" t="s">
        <v>3886</v>
      </c>
      <c r="H967" s="1" t="s">
        <v>13</v>
      </c>
      <c r="I967" s="1" t="s">
        <v>3887</v>
      </c>
      <c r="J967" s="1" t="s">
        <v>3919</v>
      </c>
    </row>
    <row r="968" spans="1:10" x14ac:dyDescent="0.35">
      <c r="A968" s="1" t="s">
        <v>3881</v>
      </c>
      <c r="B968" s="1" t="s">
        <v>3882</v>
      </c>
      <c r="C968" s="1" t="s">
        <v>55</v>
      </c>
      <c r="D968" s="1" t="s">
        <v>3920</v>
      </c>
      <c r="E968" s="1" t="s">
        <v>3921</v>
      </c>
      <c r="F968" s="1" t="s">
        <v>3922</v>
      </c>
      <c r="G968" s="1" t="s">
        <v>3886</v>
      </c>
      <c r="H968" s="1" t="s">
        <v>13</v>
      </c>
      <c r="I968" s="1" t="s">
        <v>3887</v>
      </c>
      <c r="J968" s="1" t="s">
        <v>3923</v>
      </c>
    </row>
    <row r="969" spans="1:10" x14ac:dyDescent="0.35">
      <c r="A969" s="1" t="s">
        <v>3881</v>
      </c>
      <c r="B969" s="1" t="s">
        <v>3882</v>
      </c>
      <c r="C969" s="1" t="s">
        <v>60</v>
      </c>
      <c r="D969" s="1" t="s">
        <v>3924</v>
      </c>
      <c r="E969" s="1" t="s">
        <v>3925</v>
      </c>
      <c r="F969" s="1" t="s">
        <v>3926</v>
      </c>
      <c r="G969" s="1" t="s">
        <v>3886</v>
      </c>
      <c r="H969" s="1" t="s">
        <v>13</v>
      </c>
      <c r="I969" s="1" t="s">
        <v>3887</v>
      </c>
      <c r="J969" s="1" t="s">
        <v>3927</v>
      </c>
    </row>
    <row r="970" spans="1:10" x14ac:dyDescent="0.35">
      <c r="A970" s="1" t="s">
        <v>3881</v>
      </c>
      <c r="B970" s="1" t="s">
        <v>3882</v>
      </c>
      <c r="C970" s="1" t="s">
        <v>65</v>
      </c>
      <c r="D970" s="1" t="s">
        <v>3928</v>
      </c>
      <c r="E970" s="1" t="s">
        <v>3929</v>
      </c>
      <c r="F970" s="1" t="s">
        <v>3930</v>
      </c>
      <c r="G970" s="1" t="s">
        <v>3886</v>
      </c>
      <c r="H970" s="1" t="s">
        <v>13</v>
      </c>
      <c r="I970" s="1" t="s">
        <v>3887</v>
      </c>
      <c r="J970" s="1" t="s">
        <v>3931</v>
      </c>
    </row>
    <row r="971" spans="1:10" x14ac:dyDescent="0.35">
      <c r="A971" s="1" t="s">
        <v>3881</v>
      </c>
      <c r="B971" s="1" t="s">
        <v>3882</v>
      </c>
      <c r="C971" s="1" t="s">
        <v>70</v>
      </c>
      <c r="D971" s="1" t="s">
        <v>120</v>
      </c>
      <c r="E971" s="1" t="s">
        <v>3932</v>
      </c>
      <c r="F971" s="1" t="s">
        <v>3933</v>
      </c>
      <c r="G971" s="1" t="s">
        <v>3886</v>
      </c>
      <c r="H971" s="1" t="s">
        <v>13</v>
      </c>
      <c r="I971" s="1" t="s">
        <v>3887</v>
      </c>
      <c r="J971" s="1" t="s">
        <v>3934</v>
      </c>
    </row>
    <row r="972" spans="1:10" x14ac:dyDescent="0.35">
      <c r="A972" s="1" t="s">
        <v>3881</v>
      </c>
      <c r="B972" s="1" t="s">
        <v>3882</v>
      </c>
      <c r="C972" s="1" t="s">
        <v>75</v>
      </c>
      <c r="D972" s="1" t="s">
        <v>1221</v>
      </c>
      <c r="E972" s="1" t="s">
        <v>3935</v>
      </c>
      <c r="F972" s="1" t="s">
        <v>3936</v>
      </c>
      <c r="G972" s="1" t="s">
        <v>3886</v>
      </c>
      <c r="H972" s="1" t="s">
        <v>13</v>
      </c>
      <c r="I972" s="1" t="s">
        <v>3887</v>
      </c>
      <c r="J972" s="1" t="s">
        <v>3937</v>
      </c>
    </row>
    <row r="973" spans="1:10" x14ac:dyDescent="0.35">
      <c r="A973" s="1" t="s">
        <v>3881</v>
      </c>
      <c r="B973" s="1" t="s">
        <v>3882</v>
      </c>
      <c r="C973" s="1" t="s">
        <v>80</v>
      </c>
      <c r="D973" s="1" t="s">
        <v>3938</v>
      </c>
      <c r="E973" s="1" t="s">
        <v>3939</v>
      </c>
      <c r="F973" s="1" t="s">
        <v>3940</v>
      </c>
      <c r="G973" s="1" t="s">
        <v>3886</v>
      </c>
      <c r="H973" s="1" t="s">
        <v>13</v>
      </c>
      <c r="I973" s="1" t="s">
        <v>3887</v>
      </c>
      <c r="J973" s="1" t="s">
        <v>3941</v>
      </c>
    </row>
    <row r="974" spans="1:10" x14ac:dyDescent="0.35">
      <c r="A974" s="1" t="s">
        <v>3881</v>
      </c>
      <c r="B974" s="1" t="s">
        <v>3882</v>
      </c>
      <c r="C974" s="1" t="s">
        <v>85</v>
      </c>
      <c r="D974" s="1" t="s">
        <v>3942</v>
      </c>
      <c r="E974" s="1" t="s">
        <v>3943</v>
      </c>
      <c r="F974" s="1" t="s">
        <v>3944</v>
      </c>
      <c r="G974" s="1" t="s">
        <v>3886</v>
      </c>
      <c r="H974" s="1" t="s">
        <v>13</v>
      </c>
      <c r="I974" s="1" t="s">
        <v>3887</v>
      </c>
      <c r="J974" s="1" t="s">
        <v>3945</v>
      </c>
    </row>
    <row r="975" spans="1:10" x14ac:dyDescent="0.35">
      <c r="A975" s="1" t="s">
        <v>3881</v>
      </c>
      <c r="B975" s="1" t="s">
        <v>3882</v>
      </c>
      <c r="C975" s="1" t="s">
        <v>90</v>
      </c>
      <c r="D975" s="1" t="s">
        <v>3589</v>
      </c>
      <c r="E975" s="1" t="s">
        <v>3946</v>
      </c>
      <c r="F975" s="1" t="s">
        <v>3947</v>
      </c>
      <c r="G975" s="1" t="s">
        <v>3886</v>
      </c>
      <c r="H975" s="1" t="s">
        <v>13</v>
      </c>
      <c r="I975" s="1" t="s">
        <v>3887</v>
      </c>
      <c r="J975" s="1" t="s">
        <v>3948</v>
      </c>
    </row>
    <row r="976" spans="1:10" x14ac:dyDescent="0.35">
      <c r="A976" s="1" t="s">
        <v>3881</v>
      </c>
      <c r="B976" s="1" t="s">
        <v>3882</v>
      </c>
      <c r="C976" s="1" t="s">
        <v>95</v>
      </c>
      <c r="D976" s="1" t="s">
        <v>3949</v>
      </c>
      <c r="E976" s="1" t="s">
        <v>3950</v>
      </c>
      <c r="F976" s="1" t="s">
        <v>3951</v>
      </c>
      <c r="G976" s="1" t="s">
        <v>3886</v>
      </c>
      <c r="H976" s="1" t="s">
        <v>13</v>
      </c>
      <c r="I976" s="1" t="s">
        <v>3887</v>
      </c>
      <c r="J976" s="1" t="s">
        <v>3952</v>
      </c>
    </row>
    <row r="977" spans="1:10" x14ac:dyDescent="0.35">
      <c r="A977" s="1" t="s">
        <v>3881</v>
      </c>
      <c r="B977" s="1" t="s">
        <v>3882</v>
      </c>
      <c r="C977" s="1" t="s">
        <v>100</v>
      </c>
      <c r="D977" s="1" t="s">
        <v>3953</v>
      </c>
      <c r="E977" s="1" t="s">
        <v>3954</v>
      </c>
      <c r="F977" s="1" t="s">
        <v>3955</v>
      </c>
      <c r="G977" s="1" t="s">
        <v>3886</v>
      </c>
      <c r="H977" s="1" t="s">
        <v>13</v>
      </c>
      <c r="I977" s="1" t="s">
        <v>3887</v>
      </c>
      <c r="J977" s="1" t="s">
        <v>3956</v>
      </c>
    </row>
    <row r="978" spans="1:10" x14ac:dyDescent="0.35">
      <c r="A978" s="1" t="s">
        <v>3881</v>
      </c>
      <c r="B978" s="1" t="s">
        <v>3882</v>
      </c>
      <c r="C978" s="1" t="s">
        <v>105</v>
      </c>
      <c r="D978" s="1" t="s">
        <v>3957</v>
      </c>
      <c r="E978" s="1" t="s">
        <v>3958</v>
      </c>
      <c r="F978" s="1" t="s">
        <v>3959</v>
      </c>
      <c r="G978" s="1" t="s">
        <v>3886</v>
      </c>
      <c r="H978" s="1" t="s">
        <v>13</v>
      </c>
      <c r="I978" s="1" t="s">
        <v>3887</v>
      </c>
      <c r="J978" s="1" t="s">
        <v>3960</v>
      </c>
    </row>
    <row r="979" spans="1:10" x14ac:dyDescent="0.35">
      <c r="A979" s="1" t="s">
        <v>3881</v>
      </c>
      <c r="B979" s="1" t="s">
        <v>3882</v>
      </c>
      <c r="C979" s="1" t="s">
        <v>110</v>
      </c>
      <c r="D979" s="1" t="s">
        <v>3961</v>
      </c>
      <c r="E979" s="1" t="s">
        <v>3962</v>
      </c>
      <c r="F979" s="1" t="s">
        <v>3963</v>
      </c>
      <c r="G979" s="1" t="s">
        <v>3886</v>
      </c>
      <c r="H979" s="1" t="s">
        <v>13</v>
      </c>
      <c r="I979" s="1" t="s">
        <v>3887</v>
      </c>
      <c r="J979" s="1" t="s">
        <v>3964</v>
      </c>
    </row>
    <row r="980" spans="1:10" x14ac:dyDescent="0.35">
      <c r="A980" s="1" t="s">
        <v>3881</v>
      </c>
      <c r="B980" s="1" t="s">
        <v>3882</v>
      </c>
      <c r="C980" s="1" t="s">
        <v>115</v>
      </c>
      <c r="D980" s="1" t="s">
        <v>3965</v>
      </c>
      <c r="E980" s="1" t="s">
        <v>3966</v>
      </c>
      <c r="F980" s="1" t="s">
        <v>3967</v>
      </c>
      <c r="G980" s="1" t="s">
        <v>3886</v>
      </c>
      <c r="H980" s="1" t="s">
        <v>13</v>
      </c>
      <c r="I980" s="1" t="s">
        <v>3887</v>
      </c>
      <c r="J980" s="1" t="s">
        <v>3968</v>
      </c>
    </row>
    <row r="981" spans="1:10" x14ac:dyDescent="0.35">
      <c r="A981" s="1" t="s">
        <v>3881</v>
      </c>
      <c r="B981" s="1" t="s">
        <v>3882</v>
      </c>
      <c r="C981" s="1" t="s">
        <v>120</v>
      </c>
      <c r="D981" s="1" t="s">
        <v>3900</v>
      </c>
      <c r="E981" s="1" t="s">
        <v>3969</v>
      </c>
      <c r="F981" s="1" t="s">
        <v>3970</v>
      </c>
      <c r="G981" s="1" t="s">
        <v>3886</v>
      </c>
      <c r="H981" s="1" t="s">
        <v>13</v>
      </c>
      <c r="I981" s="1" t="s">
        <v>3887</v>
      </c>
      <c r="J981" s="1" t="s">
        <v>3971</v>
      </c>
    </row>
    <row r="982" spans="1:10" x14ac:dyDescent="0.35">
      <c r="A982" s="1" t="s">
        <v>3881</v>
      </c>
      <c r="B982" s="1" t="s">
        <v>3882</v>
      </c>
      <c r="C982" s="1" t="s">
        <v>125</v>
      </c>
      <c r="D982" s="1" t="s">
        <v>3972</v>
      </c>
      <c r="E982" s="1" t="s">
        <v>3973</v>
      </c>
      <c r="F982" s="1" t="s">
        <v>3974</v>
      </c>
      <c r="G982" s="1" t="s">
        <v>3886</v>
      </c>
      <c r="H982" s="1" t="s">
        <v>13</v>
      </c>
      <c r="I982" s="1" t="s">
        <v>3887</v>
      </c>
      <c r="J982" s="1" t="s">
        <v>3975</v>
      </c>
    </row>
    <row r="983" spans="1:10" x14ac:dyDescent="0.35">
      <c r="A983" s="1" t="s">
        <v>3881</v>
      </c>
      <c r="B983" s="1" t="s">
        <v>3882</v>
      </c>
      <c r="C983" s="1" t="s">
        <v>130</v>
      </c>
      <c r="D983" s="1" t="s">
        <v>3976</v>
      </c>
      <c r="E983" s="1" t="s">
        <v>3977</v>
      </c>
      <c r="F983" s="1" t="s">
        <v>3978</v>
      </c>
      <c r="G983" s="1" t="s">
        <v>3886</v>
      </c>
      <c r="H983" s="1" t="s">
        <v>13</v>
      </c>
      <c r="I983" s="1" t="s">
        <v>3887</v>
      </c>
      <c r="J983" s="1" t="s">
        <v>3979</v>
      </c>
    </row>
    <row r="984" spans="1:10" x14ac:dyDescent="0.35">
      <c r="A984" s="1" t="s">
        <v>3881</v>
      </c>
      <c r="B984" s="1" t="s">
        <v>3882</v>
      </c>
      <c r="C984" s="1" t="s">
        <v>135</v>
      </c>
      <c r="D984" s="1" t="s">
        <v>3980</v>
      </c>
      <c r="E984" s="1" t="s">
        <v>3981</v>
      </c>
      <c r="F984" s="1" t="s">
        <v>3982</v>
      </c>
      <c r="G984" s="1" t="s">
        <v>3886</v>
      </c>
      <c r="H984" s="1" t="s">
        <v>13</v>
      </c>
      <c r="I984" s="1" t="s">
        <v>3887</v>
      </c>
      <c r="J984" s="1" t="s">
        <v>3983</v>
      </c>
    </row>
    <row r="985" spans="1:10" x14ac:dyDescent="0.35">
      <c r="A985" s="1" t="s">
        <v>3881</v>
      </c>
      <c r="B985" s="1" t="s">
        <v>3882</v>
      </c>
      <c r="C985" s="1" t="s">
        <v>140</v>
      </c>
      <c r="D985" s="1" t="s">
        <v>3984</v>
      </c>
      <c r="E985" s="1" t="s">
        <v>3985</v>
      </c>
      <c r="F985" s="1" t="s">
        <v>3986</v>
      </c>
      <c r="G985" s="1" t="s">
        <v>3886</v>
      </c>
      <c r="H985" s="1" t="s">
        <v>13</v>
      </c>
      <c r="I985" s="1" t="s">
        <v>3887</v>
      </c>
      <c r="J985" s="1" t="s">
        <v>3987</v>
      </c>
    </row>
    <row r="986" spans="1:10" x14ac:dyDescent="0.35">
      <c r="A986" s="1" t="s">
        <v>3881</v>
      </c>
      <c r="B986" s="1" t="s">
        <v>3882</v>
      </c>
      <c r="C986" s="1" t="s">
        <v>145</v>
      </c>
      <c r="D986" s="1" t="s">
        <v>3988</v>
      </c>
      <c r="E986" s="1" t="s">
        <v>3989</v>
      </c>
      <c r="F986" s="1" t="s">
        <v>3990</v>
      </c>
      <c r="G986" s="1" t="s">
        <v>3886</v>
      </c>
      <c r="H986" s="1" t="s">
        <v>13</v>
      </c>
      <c r="I986" s="1" t="s">
        <v>3887</v>
      </c>
      <c r="J986" s="1" t="s">
        <v>3991</v>
      </c>
    </row>
    <row r="987" spans="1:10" x14ac:dyDescent="0.35">
      <c r="A987" s="1" t="s">
        <v>3881</v>
      </c>
      <c r="B987" s="1" t="s">
        <v>3882</v>
      </c>
      <c r="C987" s="1" t="s">
        <v>150</v>
      </c>
      <c r="D987" s="1" t="s">
        <v>125</v>
      </c>
      <c r="E987" s="1" t="s">
        <v>3992</v>
      </c>
      <c r="F987" s="1" t="s">
        <v>3993</v>
      </c>
      <c r="G987" s="1" t="s">
        <v>3886</v>
      </c>
      <c r="H987" s="1" t="s">
        <v>13</v>
      </c>
      <c r="I987" s="1" t="s">
        <v>3887</v>
      </c>
      <c r="J987" s="1" t="s">
        <v>3994</v>
      </c>
    </row>
    <row r="988" spans="1:10" x14ac:dyDescent="0.35">
      <c r="A988" s="1" t="s">
        <v>3881</v>
      </c>
      <c r="B988" s="1" t="s">
        <v>3882</v>
      </c>
      <c r="C988" s="1" t="s">
        <v>155</v>
      </c>
      <c r="D988" s="1" t="s">
        <v>3995</v>
      </c>
      <c r="E988" s="1" t="s">
        <v>3996</v>
      </c>
      <c r="F988" s="1" t="s">
        <v>3997</v>
      </c>
      <c r="G988" s="1" t="s">
        <v>3886</v>
      </c>
      <c r="H988" s="1" t="s">
        <v>13</v>
      </c>
      <c r="I988" s="1" t="s">
        <v>3887</v>
      </c>
      <c r="J988" s="1" t="s">
        <v>3998</v>
      </c>
    </row>
    <row r="989" spans="1:10" x14ac:dyDescent="0.35">
      <c r="A989" s="1" t="s">
        <v>3881</v>
      </c>
      <c r="B989" s="1" t="s">
        <v>3882</v>
      </c>
      <c r="C989" s="1" t="s">
        <v>160</v>
      </c>
      <c r="D989" s="1" t="s">
        <v>3999</v>
      </c>
      <c r="E989" s="1" t="s">
        <v>4000</v>
      </c>
      <c r="F989" s="1" t="s">
        <v>4001</v>
      </c>
      <c r="G989" s="1" t="s">
        <v>3886</v>
      </c>
      <c r="H989" s="1" t="s">
        <v>13</v>
      </c>
      <c r="I989" s="1" t="s">
        <v>3887</v>
      </c>
      <c r="J989" s="1" t="s">
        <v>4002</v>
      </c>
    </row>
    <row r="990" spans="1:10" x14ac:dyDescent="0.35">
      <c r="A990" s="1" t="s">
        <v>3881</v>
      </c>
      <c r="B990" s="1" t="s">
        <v>3882</v>
      </c>
      <c r="C990" s="1" t="s">
        <v>165</v>
      </c>
      <c r="D990" s="1" t="s">
        <v>4003</v>
      </c>
      <c r="E990" s="1" t="s">
        <v>4004</v>
      </c>
      <c r="F990" s="1" t="s">
        <v>4005</v>
      </c>
      <c r="G990" s="1" t="s">
        <v>3886</v>
      </c>
      <c r="H990" s="1" t="s">
        <v>13</v>
      </c>
      <c r="I990" s="1" t="s">
        <v>3887</v>
      </c>
      <c r="J990" s="1" t="s">
        <v>4006</v>
      </c>
    </row>
    <row r="991" spans="1:10" x14ac:dyDescent="0.35">
      <c r="A991" s="1" t="s">
        <v>3881</v>
      </c>
      <c r="B991" s="1" t="s">
        <v>3882</v>
      </c>
      <c r="C991" s="1" t="s">
        <v>170</v>
      </c>
      <c r="D991" s="1" t="s">
        <v>4007</v>
      </c>
      <c r="E991" s="1" t="s">
        <v>4008</v>
      </c>
      <c r="F991" s="1" t="s">
        <v>4009</v>
      </c>
      <c r="G991" s="1" t="s">
        <v>3886</v>
      </c>
      <c r="H991" s="1" t="s">
        <v>13</v>
      </c>
      <c r="I991" s="1" t="s">
        <v>3887</v>
      </c>
      <c r="J991" s="1" t="s">
        <v>4010</v>
      </c>
    </row>
    <row r="992" spans="1:10" x14ac:dyDescent="0.35">
      <c r="A992" s="1" t="s">
        <v>4011</v>
      </c>
      <c r="B992" s="1" t="s">
        <v>4012</v>
      </c>
      <c r="C992" s="1" t="s">
        <v>8</v>
      </c>
      <c r="D992" s="1" t="s">
        <v>4013</v>
      </c>
      <c r="E992" s="1" t="s">
        <v>4014</v>
      </c>
      <c r="F992" s="1" t="s">
        <v>4015</v>
      </c>
      <c r="G992" s="1" t="s">
        <v>4016</v>
      </c>
      <c r="H992" s="1" t="s">
        <v>13</v>
      </c>
      <c r="I992" s="1" t="s">
        <v>4017</v>
      </c>
      <c r="J992" s="1" t="s">
        <v>13</v>
      </c>
    </row>
    <row r="993" spans="1:10" x14ac:dyDescent="0.35">
      <c r="A993" s="1" t="s">
        <v>4011</v>
      </c>
      <c r="B993" s="1" t="s">
        <v>4012</v>
      </c>
      <c r="C993" s="1" t="s">
        <v>15</v>
      </c>
      <c r="D993" s="1" t="s">
        <v>4018</v>
      </c>
      <c r="E993" s="1" t="s">
        <v>4019</v>
      </c>
      <c r="F993" s="1" t="s">
        <v>4020</v>
      </c>
      <c r="G993" s="1" t="s">
        <v>4016</v>
      </c>
      <c r="H993" s="1" t="s">
        <v>13</v>
      </c>
      <c r="I993" s="1" t="s">
        <v>4017</v>
      </c>
      <c r="J993" s="1" t="s">
        <v>4021</v>
      </c>
    </row>
    <row r="994" spans="1:10" x14ac:dyDescent="0.35">
      <c r="A994" s="1" t="s">
        <v>4011</v>
      </c>
      <c r="B994" s="1" t="s">
        <v>4012</v>
      </c>
      <c r="C994" s="1" t="s">
        <v>20</v>
      </c>
      <c r="D994" s="1" t="s">
        <v>4022</v>
      </c>
      <c r="E994" s="1" t="s">
        <v>4023</v>
      </c>
      <c r="F994" s="1" t="s">
        <v>4024</v>
      </c>
      <c r="G994" s="1" t="s">
        <v>4016</v>
      </c>
      <c r="H994" s="1" t="s">
        <v>13</v>
      </c>
      <c r="I994" s="1" t="s">
        <v>4017</v>
      </c>
      <c r="J994" s="1" t="s">
        <v>4025</v>
      </c>
    </row>
    <row r="995" spans="1:10" x14ac:dyDescent="0.35">
      <c r="A995" s="1" t="s">
        <v>4011</v>
      </c>
      <c r="B995" s="1" t="s">
        <v>4012</v>
      </c>
      <c r="C995" s="1" t="s">
        <v>25</v>
      </c>
      <c r="D995" s="1" t="s">
        <v>4026</v>
      </c>
      <c r="E995" s="1" t="s">
        <v>4027</v>
      </c>
      <c r="F995" s="1" t="s">
        <v>4028</v>
      </c>
      <c r="G995" s="1" t="s">
        <v>4016</v>
      </c>
      <c r="H995" s="1" t="s">
        <v>13</v>
      </c>
      <c r="I995" s="1" t="s">
        <v>4017</v>
      </c>
      <c r="J995" s="1" t="s">
        <v>4029</v>
      </c>
    </row>
    <row r="996" spans="1:10" x14ac:dyDescent="0.35">
      <c r="A996" s="1" t="s">
        <v>4011</v>
      </c>
      <c r="B996" s="1" t="s">
        <v>4012</v>
      </c>
      <c r="C996" s="1" t="s">
        <v>30</v>
      </c>
      <c r="D996" s="1" t="s">
        <v>4030</v>
      </c>
      <c r="E996" s="1" t="s">
        <v>4031</v>
      </c>
      <c r="F996" s="1" t="s">
        <v>4032</v>
      </c>
      <c r="G996" s="1" t="s">
        <v>4016</v>
      </c>
      <c r="H996" s="1" t="s">
        <v>13</v>
      </c>
      <c r="I996" s="1" t="s">
        <v>4017</v>
      </c>
      <c r="J996" s="1" t="s">
        <v>4033</v>
      </c>
    </row>
    <row r="997" spans="1:10" x14ac:dyDescent="0.35">
      <c r="A997" s="1" t="s">
        <v>4011</v>
      </c>
      <c r="B997" s="1" t="s">
        <v>4012</v>
      </c>
      <c r="C997" s="1" t="s">
        <v>35</v>
      </c>
      <c r="D997" s="1" t="s">
        <v>4034</v>
      </c>
      <c r="E997" s="1" t="s">
        <v>4035</v>
      </c>
      <c r="F997" s="1" t="s">
        <v>4036</v>
      </c>
      <c r="G997" s="1" t="s">
        <v>4016</v>
      </c>
      <c r="H997" s="1" t="s">
        <v>13</v>
      </c>
      <c r="I997" s="1" t="s">
        <v>4017</v>
      </c>
      <c r="J997" s="1" t="s">
        <v>4037</v>
      </c>
    </row>
    <row r="998" spans="1:10" x14ac:dyDescent="0.35">
      <c r="A998" s="1" t="s">
        <v>4011</v>
      </c>
      <c r="B998" s="1" t="s">
        <v>4012</v>
      </c>
      <c r="C998" s="1" t="s">
        <v>40</v>
      </c>
      <c r="D998" s="1" t="s">
        <v>4038</v>
      </c>
      <c r="E998" s="1" t="s">
        <v>4039</v>
      </c>
      <c r="F998" s="1" t="s">
        <v>4040</v>
      </c>
      <c r="G998" s="1" t="s">
        <v>4016</v>
      </c>
      <c r="H998" s="1" t="s">
        <v>13</v>
      </c>
      <c r="I998" s="1" t="s">
        <v>4017</v>
      </c>
      <c r="J998" s="1" t="s">
        <v>4041</v>
      </c>
    </row>
    <row r="999" spans="1:10" x14ac:dyDescent="0.35">
      <c r="A999" s="1" t="s">
        <v>4011</v>
      </c>
      <c r="B999" s="1" t="s">
        <v>4012</v>
      </c>
      <c r="C999" s="1" t="s">
        <v>45</v>
      </c>
      <c r="D999" s="1" t="s">
        <v>4042</v>
      </c>
      <c r="E999" s="1" t="s">
        <v>4043</v>
      </c>
      <c r="F999" s="1" t="s">
        <v>4044</v>
      </c>
      <c r="G999" s="1" t="s">
        <v>4016</v>
      </c>
      <c r="H999" s="1" t="s">
        <v>13</v>
      </c>
      <c r="I999" s="1" t="s">
        <v>4017</v>
      </c>
      <c r="J999" s="1" t="s">
        <v>4045</v>
      </c>
    </row>
    <row r="1000" spans="1:10" x14ac:dyDescent="0.35">
      <c r="A1000" s="1" t="s">
        <v>4011</v>
      </c>
      <c r="B1000" s="1" t="s">
        <v>4012</v>
      </c>
      <c r="C1000" s="1" t="s">
        <v>50</v>
      </c>
      <c r="D1000" s="1" t="s">
        <v>4046</v>
      </c>
      <c r="E1000" s="1" t="s">
        <v>4047</v>
      </c>
      <c r="F1000" s="1" t="s">
        <v>4048</v>
      </c>
      <c r="G1000" s="1" t="s">
        <v>4016</v>
      </c>
      <c r="H1000" s="1" t="s">
        <v>13</v>
      </c>
      <c r="I1000" s="1" t="s">
        <v>4017</v>
      </c>
      <c r="J1000" s="1" t="s">
        <v>4049</v>
      </c>
    </row>
    <row r="1001" spans="1:10" x14ac:dyDescent="0.35">
      <c r="A1001" s="1" t="s">
        <v>4011</v>
      </c>
      <c r="B1001" s="1" t="s">
        <v>4012</v>
      </c>
      <c r="C1001" s="1" t="s">
        <v>55</v>
      </c>
      <c r="D1001" s="1" t="s">
        <v>4050</v>
      </c>
      <c r="E1001" s="1" t="s">
        <v>4051</v>
      </c>
      <c r="F1001" s="1" t="s">
        <v>4052</v>
      </c>
      <c r="G1001" s="1" t="s">
        <v>4016</v>
      </c>
      <c r="H1001" s="1" t="s">
        <v>13</v>
      </c>
      <c r="I1001" s="1" t="s">
        <v>4017</v>
      </c>
      <c r="J1001" s="1" t="s">
        <v>4053</v>
      </c>
    </row>
    <row r="1002" spans="1:10" x14ac:dyDescent="0.35">
      <c r="A1002" s="1" t="s">
        <v>4011</v>
      </c>
      <c r="B1002" s="1" t="s">
        <v>4012</v>
      </c>
      <c r="C1002" s="1" t="s">
        <v>60</v>
      </c>
      <c r="D1002" s="1" t="s">
        <v>4054</v>
      </c>
      <c r="E1002" s="1" t="s">
        <v>4055</v>
      </c>
      <c r="F1002" s="1" t="s">
        <v>4056</v>
      </c>
      <c r="G1002" s="1" t="s">
        <v>4016</v>
      </c>
      <c r="H1002" s="1" t="s">
        <v>13</v>
      </c>
      <c r="I1002" s="1" t="s">
        <v>4017</v>
      </c>
      <c r="J1002" s="1" t="s">
        <v>4057</v>
      </c>
    </row>
    <row r="1003" spans="1:10" x14ac:dyDescent="0.35">
      <c r="A1003" s="1" t="s">
        <v>4011</v>
      </c>
      <c r="B1003" s="1" t="s">
        <v>4012</v>
      </c>
      <c r="C1003" s="1" t="s">
        <v>65</v>
      </c>
      <c r="D1003" s="1" t="s">
        <v>4058</v>
      </c>
      <c r="E1003" s="1" t="s">
        <v>4059</v>
      </c>
      <c r="F1003" s="1" t="s">
        <v>4060</v>
      </c>
      <c r="G1003" s="1" t="s">
        <v>4016</v>
      </c>
      <c r="H1003" s="1" t="s">
        <v>13</v>
      </c>
      <c r="I1003" s="1" t="s">
        <v>4017</v>
      </c>
      <c r="J1003" s="1" t="s">
        <v>4061</v>
      </c>
    </row>
    <row r="1004" spans="1:10" x14ac:dyDescent="0.35">
      <c r="A1004" s="1" t="s">
        <v>4011</v>
      </c>
      <c r="B1004" s="1" t="s">
        <v>4012</v>
      </c>
      <c r="C1004" s="1" t="s">
        <v>70</v>
      </c>
      <c r="D1004" s="1" t="s">
        <v>4062</v>
      </c>
      <c r="E1004" s="1" t="s">
        <v>4063</v>
      </c>
      <c r="F1004" s="1" t="s">
        <v>4064</v>
      </c>
      <c r="G1004" s="1" t="s">
        <v>4016</v>
      </c>
      <c r="H1004" s="1" t="s">
        <v>13</v>
      </c>
      <c r="I1004" s="1" t="s">
        <v>4017</v>
      </c>
      <c r="J1004" s="1" t="s">
        <v>4065</v>
      </c>
    </row>
    <row r="1005" spans="1:10" x14ac:dyDescent="0.35">
      <c r="A1005" s="1" t="s">
        <v>4011</v>
      </c>
      <c r="B1005" s="1" t="s">
        <v>4012</v>
      </c>
      <c r="C1005" s="1" t="s">
        <v>75</v>
      </c>
      <c r="D1005" s="1" t="s">
        <v>4066</v>
      </c>
      <c r="E1005" s="1" t="s">
        <v>4067</v>
      </c>
      <c r="F1005" s="1" t="s">
        <v>4068</v>
      </c>
      <c r="G1005" s="1" t="s">
        <v>4016</v>
      </c>
      <c r="H1005" s="1" t="s">
        <v>13</v>
      </c>
      <c r="I1005" s="1" t="s">
        <v>4017</v>
      </c>
      <c r="J1005" s="1" t="s">
        <v>4069</v>
      </c>
    </row>
    <row r="1006" spans="1:10" x14ac:dyDescent="0.35">
      <c r="A1006" s="1" t="s">
        <v>4011</v>
      </c>
      <c r="B1006" s="1" t="s">
        <v>4012</v>
      </c>
      <c r="C1006" s="1" t="s">
        <v>80</v>
      </c>
      <c r="D1006" s="1" t="s">
        <v>4070</v>
      </c>
      <c r="E1006" s="1" t="s">
        <v>4071</v>
      </c>
      <c r="F1006" s="1" t="s">
        <v>4072</v>
      </c>
      <c r="G1006" s="1" t="s">
        <v>4016</v>
      </c>
      <c r="H1006" s="1" t="s">
        <v>13</v>
      </c>
      <c r="I1006" s="1" t="s">
        <v>4017</v>
      </c>
      <c r="J1006" s="1" t="s">
        <v>4073</v>
      </c>
    </row>
    <row r="1007" spans="1:10" x14ac:dyDescent="0.35">
      <c r="A1007" s="1" t="s">
        <v>4011</v>
      </c>
      <c r="B1007" s="1" t="s">
        <v>4012</v>
      </c>
      <c r="C1007" s="1" t="s">
        <v>85</v>
      </c>
      <c r="D1007" s="1" t="s">
        <v>4074</v>
      </c>
      <c r="E1007" s="1" t="s">
        <v>4075</v>
      </c>
      <c r="F1007" s="1" t="s">
        <v>4076</v>
      </c>
      <c r="G1007" s="1" t="s">
        <v>4016</v>
      </c>
      <c r="H1007" s="1" t="s">
        <v>13</v>
      </c>
      <c r="I1007" s="1" t="s">
        <v>4017</v>
      </c>
      <c r="J1007" s="1" t="s">
        <v>4077</v>
      </c>
    </row>
    <row r="1008" spans="1:10" x14ac:dyDescent="0.35">
      <c r="A1008" s="1" t="s">
        <v>4011</v>
      </c>
      <c r="B1008" s="1" t="s">
        <v>4012</v>
      </c>
      <c r="C1008" s="1" t="s">
        <v>90</v>
      </c>
      <c r="D1008" s="1" t="s">
        <v>4078</v>
      </c>
      <c r="E1008" s="1" t="s">
        <v>4079</v>
      </c>
      <c r="F1008" s="1" t="s">
        <v>4080</v>
      </c>
      <c r="G1008" s="1" t="s">
        <v>4016</v>
      </c>
      <c r="H1008" s="1" t="s">
        <v>13</v>
      </c>
      <c r="I1008" s="1" t="s">
        <v>4017</v>
      </c>
      <c r="J1008" s="1" t="s">
        <v>4081</v>
      </c>
    </row>
    <row r="1009" spans="1:10" x14ac:dyDescent="0.35">
      <c r="A1009" s="1" t="s">
        <v>4011</v>
      </c>
      <c r="B1009" s="1" t="s">
        <v>4012</v>
      </c>
      <c r="C1009" s="1" t="s">
        <v>95</v>
      </c>
      <c r="D1009" s="1" t="s">
        <v>4082</v>
      </c>
      <c r="E1009" s="1" t="s">
        <v>4083</v>
      </c>
      <c r="F1009" s="1" t="s">
        <v>4084</v>
      </c>
      <c r="G1009" s="1" t="s">
        <v>4016</v>
      </c>
      <c r="H1009" s="1" t="s">
        <v>13</v>
      </c>
      <c r="I1009" s="1" t="s">
        <v>4017</v>
      </c>
      <c r="J1009" s="1" t="s">
        <v>4085</v>
      </c>
    </row>
    <row r="1010" spans="1:10" x14ac:dyDescent="0.35">
      <c r="A1010" s="1" t="s">
        <v>4011</v>
      </c>
      <c r="B1010" s="1" t="s">
        <v>4012</v>
      </c>
      <c r="C1010" s="1" t="s">
        <v>100</v>
      </c>
      <c r="D1010" s="1" t="s">
        <v>4086</v>
      </c>
      <c r="E1010" s="1" t="s">
        <v>4087</v>
      </c>
      <c r="F1010" s="1" t="s">
        <v>4088</v>
      </c>
      <c r="G1010" s="1" t="s">
        <v>4016</v>
      </c>
      <c r="H1010" s="1" t="s">
        <v>13</v>
      </c>
      <c r="I1010" s="1" t="s">
        <v>4017</v>
      </c>
      <c r="J1010" s="1" t="s">
        <v>4089</v>
      </c>
    </row>
    <row r="1011" spans="1:10" x14ac:dyDescent="0.35">
      <c r="A1011" s="1" t="s">
        <v>4011</v>
      </c>
      <c r="B1011" s="1" t="s">
        <v>4012</v>
      </c>
      <c r="C1011" s="1" t="s">
        <v>105</v>
      </c>
      <c r="D1011" s="1" t="s">
        <v>4090</v>
      </c>
      <c r="E1011" s="1" t="s">
        <v>4091</v>
      </c>
      <c r="F1011" s="1" t="s">
        <v>4092</v>
      </c>
      <c r="G1011" s="1" t="s">
        <v>4016</v>
      </c>
      <c r="H1011" s="1" t="s">
        <v>13</v>
      </c>
      <c r="I1011" s="1" t="s">
        <v>4017</v>
      </c>
      <c r="J1011" s="1" t="s">
        <v>4093</v>
      </c>
    </row>
    <row r="1012" spans="1:10" x14ac:dyDescent="0.35">
      <c r="A1012" s="1" t="s">
        <v>4011</v>
      </c>
      <c r="B1012" s="1" t="s">
        <v>4012</v>
      </c>
      <c r="C1012" s="1" t="s">
        <v>110</v>
      </c>
      <c r="D1012" s="1" t="s">
        <v>4094</v>
      </c>
      <c r="E1012" s="1" t="s">
        <v>4095</v>
      </c>
      <c r="F1012" s="1" t="s">
        <v>4096</v>
      </c>
      <c r="G1012" s="1" t="s">
        <v>4016</v>
      </c>
      <c r="H1012" s="1" t="s">
        <v>13</v>
      </c>
      <c r="I1012" s="1" t="s">
        <v>4017</v>
      </c>
      <c r="J1012" s="1" t="s">
        <v>4097</v>
      </c>
    </row>
    <row r="1013" spans="1:10" x14ac:dyDescent="0.35">
      <c r="A1013" s="1" t="s">
        <v>4011</v>
      </c>
      <c r="B1013" s="1" t="s">
        <v>4012</v>
      </c>
      <c r="C1013" s="1" t="s">
        <v>115</v>
      </c>
      <c r="D1013" s="1" t="s">
        <v>4098</v>
      </c>
      <c r="E1013" s="1" t="s">
        <v>4099</v>
      </c>
      <c r="F1013" s="1" t="s">
        <v>4100</v>
      </c>
      <c r="G1013" s="1" t="s">
        <v>4016</v>
      </c>
      <c r="H1013" s="1" t="s">
        <v>13</v>
      </c>
      <c r="I1013" s="1" t="s">
        <v>4017</v>
      </c>
      <c r="J1013" s="1" t="s">
        <v>4101</v>
      </c>
    </row>
    <row r="1014" spans="1:10" x14ac:dyDescent="0.35">
      <c r="A1014" s="1" t="s">
        <v>4011</v>
      </c>
      <c r="B1014" s="1" t="s">
        <v>4012</v>
      </c>
      <c r="C1014" s="1" t="s">
        <v>120</v>
      </c>
      <c r="D1014" s="1" t="s">
        <v>4102</v>
      </c>
      <c r="E1014" s="1" t="s">
        <v>4103</v>
      </c>
      <c r="F1014" s="1" t="s">
        <v>4104</v>
      </c>
      <c r="G1014" s="1" t="s">
        <v>4016</v>
      </c>
      <c r="H1014" s="1" t="s">
        <v>13</v>
      </c>
      <c r="I1014" s="1" t="s">
        <v>4017</v>
      </c>
      <c r="J1014" s="1" t="s">
        <v>4105</v>
      </c>
    </row>
    <row r="1015" spans="1:10" x14ac:dyDescent="0.35">
      <c r="A1015" s="1" t="s">
        <v>4011</v>
      </c>
      <c r="B1015" s="1" t="s">
        <v>4012</v>
      </c>
      <c r="C1015" s="1" t="s">
        <v>125</v>
      </c>
      <c r="D1015" s="1" t="s">
        <v>4106</v>
      </c>
      <c r="E1015" s="1" t="s">
        <v>4107</v>
      </c>
      <c r="F1015" s="1" t="s">
        <v>4108</v>
      </c>
      <c r="G1015" s="1" t="s">
        <v>4016</v>
      </c>
      <c r="H1015" s="1" t="s">
        <v>13</v>
      </c>
      <c r="I1015" s="1" t="s">
        <v>4017</v>
      </c>
      <c r="J1015" s="1" t="s">
        <v>4109</v>
      </c>
    </row>
    <row r="1016" spans="1:10" x14ac:dyDescent="0.35">
      <c r="A1016" s="1" t="s">
        <v>4011</v>
      </c>
      <c r="B1016" s="1" t="s">
        <v>4012</v>
      </c>
      <c r="C1016" s="1" t="s">
        <v>130</v>
      </c>
      <c r="D1016" s="1" t="s">
        <v>4110</v>
      </c>
      <c r="E1016" s="1" t="s">
        <v>4111</v>
      </c>
      <c r="F1016" s="1" t="s">
        <v>4112</v>
      </c>
      <c r="G1016" s="1" t="s">
        <v>4016</v>
      </c>
      <c r="H1016" s="1" t="s">
        <v>13</v>
      </c>
      <c r="I1016" s="1" t="s">
        <v>4017</v>
      </c>
      <c r="J1016" s="1" t="s">
        <v>4113</v>
      </c>
    </row>
    <row r="1017" spans="1:10" x14ac:dyDescent="0.35">
      <c r="A1017" s="1" t="s">
        <v>4011</v>
      </c>
      <c r="B1017" s="1" t="s">
        <v>4012</v>
      </c>
      <c r="C1017" s="1" t="s">
        <v>135</v>
      </c>
      <c r="D1017" s="1" t="s">
        <v>4114</v>
      </c>
      <c r="E1017" s="1" t="s">
        <v>4115</v>
      </c>
      <c r="F1017" s="1" t="s">
        <v>4116</v>
      </c>
      <c r="G1017" s="1" t="s">
        <v>4016</v>
      </c>
      <c r="H1017" s="1" t="s">
        <v>13</v>
      </c>
      <c r="I1017" s="1" t="s">
        <v>4017</v>
      </c>
      <c r="J1017" s="1" t="s">
        <v>4117</v>
      </c>
    </row>
    <row r="1018" spans="1:10" x14ac:dyDescent="0.35">
      <c r="A1018" s="1" t="s">
        <v>4011</v>
      </c>
      <c r="B1018" s="1" t="s">
        <v>4012</v>
      </c>
      <c r="C1018" s="1" t="s">
        <v>140</v>
      </c>
      <c r="D1018" s="1" t="s">
        <v>4118</v>
      </c>
      <c r="E1018" s="1" t="s">
        <v>4119</v>
      </c>
      <c r="F1018" s="1" t="s">
        <v>4120</v>
      </c>
      <c r="G1018" s="1" t="s">
        <v>4016</v>
      </c>
      <c r="H1018" s="1" t="s">
        <v>13</v>
      </c>
      <c r="I1018" s="1" t="s">
        <v>4017</v>
      </c>
      <c r="J1018" s="1" t="s">
        <v>4121</v>
      </c>
    </row>
    <row r="1019" spans="1:10" x14ac:dyDescent="0.35">
      <c r="A1019" s="1" t="s">
        <v>4011</v>
      </c>
      <c r="B1019" s="1" t="s">
        <v>4012</v>
      </c>
      <c r="C1019" s="1" t="s">
        <v>145</v>
      </c>
      <c r="D1019" s="1" t="s">
        <v>4122</v>
      </c>
      <c r="E1019" s="1" t="s">
        <v>4123</v>
      </c>
      <c r="F1019" s="1" t="s">
        <v>4124</v>
      </c>
      <c r="G1019" s="1" t="s">
        <v>4016</v>
      </c>
      <c r="H1019" s="1" t="s">
        <v>13</v>
      </c>
      <c r="I1019" s="1" t="s">
        <v>4017</v>
      </c>
      <c r="J1019" s="1" t="s">
        <v>4125</v>
      </c>
    </row>
    <row r="1020" spans="1:10" x14ac:dyDescent="0.35">
      <c r="A1020" s="1" t="s">
        <v>4011</v>
      </c>
      <c r="B1020" s="1" t="s">
        <v>4012</v>
      </c>
      <c r="C1020" s="1" t="s">
        <v>150</v>
      </c>
      <c r="D1020" s="1" t="s">
        <v>4126</v>
      </c>
      <c r="E1020" s="1" t="s">
        <v>4127</v>
      </c>
      <c r="F1020" s="1" t="s">
        <v>4128</v>
      </c>
      <c r="G1020" s="1" t="s">
        <v>4016</v>
      </c>
      <c r="H1020" s="1" t="s">
        <v>13</v>
      </c>
      <c r="I1020" s="1" t="s">
        <v>4017</v>
      </c>
      <c r="J1020" s="1" t="s">
        <v>4129</v>
      </c>
    </row>
    <row r="1021" spans="1:10" x14ac:dyDescent="0.35">
      <c r="A1021" s="1" t="s">
        <v>4011</v>
      </c>
      <c r="B1021" s="1" t="s">
        <v>4012</v>
      </c>
      <c r="C1021" s="1" t="s">
        <v>155</v>
      </c>
      <c r="D1021" s="1" t="s">
        <v>4130</v>
      </c>
      <c r="E1021" s="1" t="s">
        <v>4131</v>
      </c>
      <c r="F1021" s="1" t="s">
        <v>4132</v>
      </c>
      <c r="G1021" s="1" t="s">
        <v>4016</v>
      </c>
      <c r="H1021" s="1" t="s">
        <v>13</v>
      </c>
      <c r="I1021" s="1" t="s">
        <v>4017</v>
      </c>
      <c r="J1021" s="1" t="s">
        <v>4133</v>
      </c>
    </row>
    <row r="1022" spans="1:10" x14ac:dyDescent="0.35">
      <c r="A1022" s="1" t="s">
        <v>4011</v>
      </c>
      <c r="B1022" s="1" t="s">
        <v>4012</v>
      </c>
      <c r="C1022" s="1" t="s">
        <v>160</v>
      </c>
      <c r="D1022" s="1" t="s">
        <v>4134</v>
      </c>
      <c r="E1022" s="1" t="s">
        <v>4135</v>
      </c>
      <c r="F1022" s="1" t="s">
        <v>4136</v>
      </c>
      <c r="G1022" s="1" t="s">
        <v>4016</v>
      </c>
      <c r="H1022" s="1" t="s">
        <v>13</v>
      </c>
      <c r="I1022" s="1" t="s">
        <v>4017</v>
      </c>
      <c r="J1022" s="1" t="s">
        <v>4137</v>
      </c>
    </row>
    <row r="1023" spans="1:10" x14ac:dyDescent="0.35">
      <c r="A1023" s="1" t="s">
        <v>4011</v>
      </c>
      <c r="B1023" s="1" t="s">
        <v>4012</v>
      </c>
      <c r="C1023" s="1" t="s">
        <v>165</v>
      </c>
      <c r="D1023" s="1" t="s">
        <v>4138</v>
      </c>
      <c r="E1023" s="1" t="s">
        <v>4139</v>
      </c>
      <c r="F1023" s="1" t="s">
        <v>4140</v>
      </c>
      <c r="G1023" s="1" t="s">
        <v>4016</v>
      </c>
      <c r="H1023" s="1" t="s">
        <v>13</v>
      </c>
      <c r="I1023" s="1" t="s">
        <v>4017</v>
      </c>
      <c r="J1023" s="1" t="s">
        <v>4141</v>
      </c>
    </row>
    <row r="1024" spans="1:10" x14ac:dyDescent="0.35">
      <c r="A1024" s="1" t="s">
        <v>4011</v>
      </c>
      <c r="B1024" s="1" t="s">
        <v>4012</v>
      </c>
      <c r="C1024" s="1" t="s">
        <v>170</v>
      </c>
      <c r="D1024" s="1" t="s">
        <v>4142</v>
      </c>
      <c r="E1024" s="1" t="s">
        <v>4143</v>
      </c>
      <c r="F1024" s="1" t="s">
        <v>4144</v>
      </c>
      <c r="G1024" s="1" t="s">
        <v>4016</v>
      </c>
      <c r="H1024" s="1" t="s">
        <v>13</v>
      </c>
      <c r="I1024" s="1" t="s">
        <v>4017</v>
      </c>
      <c r="J1024" s="1" t="s">
        <v>4145</v>
      </c>
    </row>
    <row r="1025" spans="1:10" x14ac:dyDescent="0.35">
      <c r="A1025" s="1" t="s">
        <v>4146</v>
      </c>
      <c r="B1025" s="1" t="s">
        <v>4147</v>
      </c>
      <c r="C1025" s="1" t="s">
        <v>8</v>
      </c>
      <c r="D1025" s="1" t="s">
        <v>4148</v>
      </c>
      <c r="E1025" s="1" t="s">
        <v>4149</v>
      </c>
      <c r="F1025" s="1" t="s">
        <v>4150</v>
      </c>
      <c r="G1025" s="1" t="s">
        <v>4151</v>
      </c>
      <c r="H1025" s="1" t="s">
        <v>13</v>
      </c>
      <c r="I1025" s="1" t="s">
        <v>4152</v>
      </c>
      <c r="J1025" s="1" t="s">
        <v>13</v>
      </c>
    </row>
    <row r="1026" spans="1:10" x14ac:dyDescent="0.35">
      <c r="A1026" s="1" t="s">
        <v>4146</v>
      </c>
      <c r="B1026" s="1" t="s">
        <v>4147</v>
      </c>
      <c r="C1026" s="1" t="s">
        <v>15</v>
      </c>
      <c r="D1026" s="1" t="s">
        <v>4153</v>
      </c>
      <c r="E1026" s="1" t="s">
        <v>4154</v>
      </c>
      <c r="F1026" s="1" t="s">
        <v>4155</v>
      </c>
      <c r="G1026" s="1" t="s">
        <v>4151</v>
      </c>
      <c r="H1026" s="1" t="s">
        <v>13</v>
      </c>
      <c r="I1026" s="1" t="s">
        <v>4152</v>
      </c>
      <c r="J1026" s="1" t="s">
        <v>4156</v>
      </c>
    </row>
    <row r="1027" spans="1:10" x14ac:dyDescent="0.35">
      <c r="A1027" s="1" t="s">
        <v>4146</v>
      </c>
      <c r="B1027" s="1" t="s">
        <v>4147</v>
      </c>
      <c r="C1027" s="1" t="s">
        <v>20</v>
      </c>
      <c r="D1027" s="1" t="s">
        <v>4157</v>
      </c>
      <c r="E1027" s="1" t="s">
        <v>4158</v>
      </c>
      <c r="F1027" s="1" t="s">
        <v>4159</v>
      </c>
      <c r="G1027" s="1" t="s">
        <v>4151</v>
      </c>
      <c r="H1027" s="1" t="s">
        <v>13</v>
      </c>
      <c r="I1027" s="1" t="s">
        <v>4152</v>
      </c>
      <c r="J1027" s="1" t="s">
        <v>4160</v>
      </c>
    </row>
    <row r="1028" spans="1:10" x14ac:dyDescent="0.35">
      <c r="A1028" s="1" t="s">
        <v>4146</v>
      </c>
      <c r="B1028" s="1" t="s">
        <v>4147</v>
      </c>
      <c r="C1028" s="1" t="s">
        <v>25</v>
      </c>
      <c r="D1028" s="1" t="s">
        <v>4161</v>
      </c>
      <c r="E1028" s="1" t="s">
        <v>4162</v>
      </c>
      <c r="F1028" s="1" t="s">
        <v>4163</v>
      </c>
      <c r="G1028" s="1" t="s">
        <v>4151</v>
      </c>
      <c r="H1028" s="1" t="s">
        <v>13</v>
      </c>
      <c r="I1028" s="1" t="s">
        <v>4152</v>
      </c>
      <c r="J1028" s="1" t="s">
        <v>4164</v>
      </c>
    </row>
    <row r="1029" spans="1:10" x14ac:dyDescent="0.35">
      <c r="A1029" s="1" t="s">
        <v>4146</v>
      </c>
      <c r="B1029" s="1" t="s">
        <v>4147</v>
      </c>
      <c r="C1029" s="1" t="s">
        <v>30</v>
      </c>
      <c r="D1029" s="1" t="s">
        <v>4165</v>
      </c>
      <c r="E1029" s="1" t="s">
        <v>4166</v>
      </c>
      <c r="F1029" s="1" t="s">
        <v>4167</v>
      </c>
      <c r="G1029" s="1" t="s">
        <v>4151</v>
      </c>
      <c r="H1029" s="1" t="s">
        <v>13</v>
      </c>
      <c r="I1029" s="1" t="s">
        <v>4152</v>
      </c>
      <c r="J1029" s="1" t="s">
        <v>4168</v>
      </c>
    </row>
    <row r="1030" spans="1:10" x14ac:dyDescent="0.35">
      <c r="A1030" s="1" t="s">
        <v>4146</v>
      </c>
      <c r="B1030" s="1" t="s">
        <v>4147</v>
      </c>
      <c r="C1030" s="1" t="s">
        <v>35</v>
      </c>
      <c r="D1030" s="1" t="s">
        <v>4169</v>
      </c>
      <c r="E1030" s="1" t="s">
        <v>4170</v>
      </c>
      <c r="F1030" s="1" t="s">
        <v>4171</v>
      </c>
      <c r="G1030" s="1" t="s">
        <v>4151</v>
      </c>
      <c r="H1030" s="1" t="s">
        <v>13</v>
      </c>
      <c r="I1030" s="1" t="s">
        <v>4152</v>
      </c>
      <c r="J1030" s="1" t="s">
        <v>4172</v>
      </c>
    </row>
    <row r="1031" spans="1:10" x14ac:dyDescent="0.35">
      <c r="A1031" s="1" t="s">
        <v>4146</v>
      </c>
      <c r="B1031" s="1" t="s">
        <v>4147</v>
      </c>
      <c r="C1031" s="1" t="s">
        <v>40</v>
      </c>
      <c r="D1031" s="1" t="s">
        <v>4173</v>
      </c>
      <c r="E1031" s="1" t="s">
        <v>4174</v>
      </c>
      <c r="F1031" s="1" t="s">
        <v>4175</v>
      </c>
      <c r="G1031" s="1" t="s">
        <v>4151</v>
      </c>
      <c r="H1031" s="1" t="s">
        <v>13</v>
      </c>
      <c r="I1031" s="1" t="s">
        <v>4152</v>
      </c>
      <c r="J1031" s="1" t="s">
        <v>4176</v>
      </c>
    </row>
    <row r="1032" spans="1:10" x14ac:dyDescent="0.35">
      <c r="A1032" s="1" t="s">
        <v>4146</v>
      </c>
      <c r="B1032" s="1" t="s">
        <v>4147</v>
      </c>
      <c r="C1032" s="1" t="s">
        <v>45</v>
      </c>
      <c r="D1032" s="1" t="s">
        <v>4177</v>
      </c>
      <c r="E1032" s="1" t="s">
        <v>4178</v>
      </c>
      <c r="F1032" s="1" t="s">
        <v>4179</v>
      </c>
      <c r="G1032" s="1" t="s">
        <v>4151</v>
      </c>
      <c r="H1032" s="1" t="s">
        <v>13</v>
      </c>
      <c r="I1032" s="1" t="s">
        <v>4152</v>
      </c>
      <c r="J1032" s="1" t="s">
        <v>4180</v>
      </c>
    </row>
    <row r="1033" spans="1:10" x14ac:dyDescent="0.35">
      <c r="A1033" s="1" t="s">
        <v>4146</v>
      </c>
      <c r="B1033" s="1" t="s">
        <v>4147</v>
      </c>
      <c r="C1033" s="1" t="s">
        <v>50</v>
      </c>
      <c r="D1033" s="1" t="s">
        <v>4181</v>
      </c>
      <c r="E1033" s="1" t="s">
        <v>4182</v>
      </c>
      <c r="F1033" s="1" t="s">
        <v>4183</v>
      </c>
      <c r="G1033" s="1" t="s">
        <v>4151</v>
      </c>
      <c r="H1033" s="1" t="s">
        <v>13</v>
      </c>
      <c r="I1033" s="1" t="s">
        <v>4152</v>
      </c>
      <c r="J1033" s="1" t="s">
        <v>4184</v>
      </c>
    </row>
    <row r="1034" spans="1:10" x14ac:dyDescent="0.35">
      <c r="A1034" s="1" t="s">
        <v>4146</v>
      </c>
      <c r="B1034" s="1" t="s">
        <v>4147</v>
      </c>
      <c r="C1034" s="1" t="s">
        <v>55</v>
      </c>
      <c r="D1034" s="1" t="s">
        <v>4185</v>
      </c>
      <c r="E1034" s="1" t="s">
        <v>4174</v>
      </c>
      <c r="F1034" s="1" t="s">
        <v>4186</v>
      </c>
      <c r="G1034" s="1" t="s">
        <v>4151</v>
      </c>
      <c r="H1034" s="1" t="s">
        <v>13</v>
      </c>
      <c r="I1034" s="1" t="s">
        <v>4152</v>
      </c>
      <c r="J1034" s="1" t="s">
        <v>4187</v>
      </c>
    </row>
    <row r="1035" spans="1:10" x14ac:dyDescent="0.35">
      <c r="A1035" s="1" t="s">
        <v>4146</v>
      </c>
      <c r="B1035" s="1" t="s">
        <v>4147</v>
      </c>
      <c r="C1035" s="1" t="s">
        <v>60</v>
      </c>
      <c r="D1035" s="1" t="s">
        <v>4188</v>
      </c>
      <c r="E1035" s="1" t="s">
        <v>476</v>
      </c>
      <c r="F1035" s="1" t="s">
        <v>4189</v>
      </c>
      <c r="G1035" s="1" t="s">
        <v>4151</v>
      </c>
      <c r="H1035" s="1" t="s">
        <v>13</v>
      </c>
      <c r="I1035" s="1" t="s">
        <v>4152</v>
      </c>
      <c r="J1035" s="1" t="s">
        <v>4190</v>
      </c>
    </row>
    <row r="1036" spans="1:10" x14ac:dyDescent="0.35">
      <c r="A1036" s="1" t="s">
        <v>4146</v>
      </c>
      <c r="B1036" s="1" t="s">
        <v>4147</v>
      </c>
      <c r="C1036" s="1" t="s">
        <v>65</v>
      </c>
      <c r="D1036" s="1" t="s">
        <v>4191</v>
      </c>
      <c r="E1036" s="1" t="s">
        <v>4192</v>
      </c>
      <c r="F1036" s="1" t="s">
        <v>4193</v>
      </c>
      <c r="G1036" s="1" t="s">
        <v>4151</v>
      </c>
      <c r="H1036" s="1" t="s">
        <v>13</v>
      </c>
      <c r="I1036" s="1" t="s">
        <v>4152</v>
      </c>
      <c r="J1036" s="1" t="s">
        <v>4194</v>
      </c>
    </row>
    <row r="1037" spans="1:10" x14ac:dyDescent="0.35">
      <c r="A1037" s="1" t="s">
        <v>4146</v>
      </c>
      <c r="B1037" s="1" t="s">
        <v>4147</v>
      </c>
      <c r="C1037" s="1" t="s">
        <v>70</v>
      </c>
      <c r="D1037" s="1" t="s">
        <v>4195</v>
      </c>
      <c r="E1037" s="1" t="s">
        <v>4196</v>
      </c>
      <c r="F1037" s="1" t="s">
        <v>4197</v>
      </c>
      <c r="G1037" s="1" t="s">
        <v>4151</v>
      </c>
      <c r="H1037" s="1" t="s">
        <v>13</v>
      </c>
      <c r="I1037" s="1" t="s">
        <v>4152</v>
      </c>
      <c r="J1037" s="1" t="s">
        <v>4198</v>
      </c>
    </row>
    <row r="1038" spans="1:10" x14ac:dyDescent="0.35">
      <c r="A1038" s="1" t="s">
        <v>4146</v>
      </c>
      <c r="B1038" s="1" t="s">
        <v>4147</v>
      </c>
      <c r="C1038" s="1" t="s">
        <v>75</v>
      </c>
      <c r="D1038" s="1" t="s">
        <v>4199</v>
      </c>
      <c r="E1038" s="1" t="s">
        <v>4196</v>
      </c>
      <c r="F1038" s="1" t="s">
        <v>4200</v>
      </c>
      <c r="G1038" s="1" t="s">
        <v>4151</v>
      </c>
      <c r="H1038" s="1" t="s">
        <v>13</v>
      </c>
      <c r="I1038" s="1" t="s">
        <v>4152</v>
      </c>
      <c r="J1038" s="1" t="s">
        <v>4201</v>
      </c>
    </row>
    <row r="1039" spans="1:10" x14ac:dyDescent="0.35">
      <c r="A1039" s="1" t="s">
        <v>4146</v>
      </c>
      <c r="B1039" s="1" t="s">
        <v>4147</v>
      </c>
      <c r="C1039" s="1" t="s">
        <v>80</v>
      </c>
      <c r="D1039" s="1" t="s">
        <v>4202</v>
      </c>
      <c r="E1039" s="1" t="s">
        <v>4203</v>
      </c>
      <c r="F1039" s="1" t="s">
        <v>4204</v>
      </c>
      <c r="G1039" s="1" t="s">
        <v>4151</v>
      </c>
      <c r="H1039" s="1" t="s">
        <v>13</v>
      </c>
      <c r="I1039" s="1" t="s">
        <v>4152</v>
      </c>
      <c r="J1039" s="1" t="s">
        <v>4205</v>
      </c>
    </row>
    <row r="1040" spans="1:10" x14ac:dyDescent="0.35">
      <c r="A1040" s="1" t="s">
        <v>4146</v>
      </c>
      <c r="B1040" s="1" t="s">
        <v>4147</v>
      </c>
      <c r="C1040" s="1" t="s">
        <v>85</v>
      </c>
      <c r="D1040" s="1" t="s">
        <v>4206</v>
      </c>
      <c r="E1040" s="1" t="s">
        <v>4207</v>
      </c>
      <c r="F1040" s="1" t="s">
        <v>4208</v>
      </c>
      <c r="G1040" s="1" t="s">
        <v>4151</v>
      </c>
      <c r="H1040" s="1" t="s">
        <v>13</v>
      </c>
      <c r="I1040" s="1" t="s">
        <v>4152</v>
      </c>
      <c r="J1040" s="1" t="s">
        <v>4209</v>
      </c>
    </row>
    <row r="1041" spans="1:10" x14ac:dyDescent="0.35">
      <c r="A1041" s="1" t="s">
        <v>4146</v>
      </c>
      <c r="B1041" s="1" t="s">
        <v>4147</v>
      </c>
      <c r="C1041" s="1" t="s">
        <v>90</v>
      </c>
      <c r="D1041" s="1" t="s">
        <v>4210</v>
      </c>
      <c r="E1041" s="1" t="s">
        <v>4211</v>
      </c>
      <c r="F1041" s="1" t="s">
        <v>4212</v>
      </c>
      <c r="G1041" s="1" t="s">
        <v>4151</v>
      </c>
      <c r="H1041" s="1" t="s">
        <v>13</v>
      </c>
      <c r="I1041" s="1" t="s">
        <v>4152</v>
      </c>
      <c r="J1041" s="1" t="s">
        <v>4213</v>
      </c>
    </row>
    <row r="1042" spans="1:10" x14ac:dyDescent="0.35">
      <c r="A1042" s="1" t="s">
        <v>4146</v>
      </c>
      <c r="B1042" s="1" t="s">
        <v>4147</v>
      </c>
      <c r="C1042" s="1" t="s">
        <v>95</v>
      </c>
      <c r="D1042" s="1" t="s">
        <v>4214</v>
      </c>
      <c r="E1042" s="1" t="s">
        <v>4215</v>
      </c>
      <c r="F1042" s="1" t="s">
        <v>4216</v>
      </c>
      <c r="G1042" s="1" t="s">
        <v>4151</v>
      </c>
      <c r="H1042" s="1" t="s">
        <v>13</v>
      </c>
      <c r="I1042" s="1" t="s">
        <v>4152</v>
      </c>
      <c r="J1042" s="1" t="s">
        <v>4217</v>
      </c>
    </row>
    <row r="1043" spans="1:10" x14ac:dyDescent="0.35">
      <c r="A1043" s="1" t="s">
        <v>4146</v>
      </c>
      <c r="B1043" s="1" t="s">
        <v>4147</v>
      </c>
      <c r="C1043" s="1" t="s">
        <v>100</v>
      </c>
      <c r="D1043" s="1" t="s">
        <v>4218</v>
      </c>
      <c r="E1043" s="1" t="s">
        <v>4219</v>
      </c>
      <c r="F1043" s="1" t="s">
        <v>4220</v>
      </c>
      <c r="G1043" s="1" t="s">
        <v>4151</v>
      </c>
      <c r="H1043" s="1" t="s">
        <v>13</v>
      </c>
      <c r="I1043" s="1" t="s">
        <v>4152</v>
      </c>
      <c r="J1043" s="1" t="s">
        <v>4221</v>
      </c>
    </row>
    <row r="1044" spans="1:10" x14ac:dyDescent="0.35">
      <c r="A1044" s="1" t="s">
        <v>4146</v>
      </c>
      <c r="B1044" s="1" t="s">
        <v>4147</v>
      </c>
      <c r="C1044" s="1" t="s">
        <v>105</v>
      </c>
      <c r="D1044" s="1" t="s">
        <v>4222</v>
      </c>
      <c r="E1044" s="1" t="s">
        <v>4223</v>
      </c>
      <c r="F1044" s="1" t="s">
        <v>4224</v>
      </c>
      <c r="G1044" s="1" t="s">
        <v>4151</v>
      </c>
      <c r="H1044" s="1" t="s">
        <v>13</v>
      </c>
      <c r="I1044" s="1" t="s">
        <v>4152</v>
      </c>
      <c r="J1044" s="1" t="s">
        <v>4225</v>
      </c>
    </row>
    <row r="1045" spans="1:10" x14ac:dyDescent="0.35">
      <c r="A1045" s="1" t="s">
        <v>4146</v>
      </c>
      <c r="B1045" s="1" t="s">
        <v>4147</v>
      </c>
      <c r="C1045" s="1" t="s">
        <v>110</v>
      </c>
      <c r="D1045" s="1" t="s">
        <v>892</v>
      </c>
      <c r="E1045" s="1" t="s">
        <v>4226</v>
      </c>
      <c r="F1045" s="1" t="s">
        <v>4227</v>
      </c>
      <c r="G1045" s="1" t="s">
        <v>4151</v>
      </c>
      <c r="H1045" s="1" t="s">
        <v>13</v>
      </c>
      <c r="I1045" s="1" t="s">
        <v>4152</v>
      </c>
      <c r="J1045" s="1" t="s">
        <v>4228</v>
      </c>
    </row>
    <row r="1046" spans="1:10" x14ac:dyDescent="0.35">
      <c r="A1046" s="1" t="s">
        <v>4146</v>
      </c>
      <c r="B1046" s="1" t="s">
        <v>4147</v>
      </c>
      <c r="C1046" s="1" t="s">
        <v>115</v>
      </c>
      <c r="D1046" s="1" t="s">
        <v>4229</v>
      </c>
      <c r="E1046" s="1" t="s">
        <v>4230</v>
      </c>
      <c r="F1046" s="1" t="s">
        <v>4231</v>
      </c>
      <c r="G1046" s="1" t="s">
        <v>4151</v>
      </c>
      <c r="H1046" s="1" t="s">
        <v>13</v>
      </c>
      <c r="I1046" s="1" t="s">
        <v>4152</v>
      </c>
      <c r="J1046" s="1" t="s">
        <v>4232</v>
      </c>
    </row>
    <row r="1047" spans="1:10" x14ac:dyDescent="0.35">
      <c r="A1047" s="1" t="s">
        <v>4146</v>
      </c>
      <c r="B1047" s="1" t="s">
        <v>4147</v>
      </c>
      <c r="C1047" s="1" t="s">
        <v>120</v>
      </c>
      <c r="D1047" s="1" t="s">
        <v>4233</v>
      </c>
      <c r="E1047" s="1" t="s">
        <v>4234</v>
      </c>
      <c r="F1047" s="1" t="s">
        <v>4235</v>
      </c>
      <c r="G1047" s="1" t="s">
        <v>4151</v>
      </c>
      <c r="H1047" s="1" t="s">
        <v>13</v>
      </c>
      <c r="I1047" s="1" t="s">
        <v>4152</v>
      </c>
      <c r="J1047" s="1" t="s">
        <v>4236</v>
      </c>
    </row>
    <row r="1048" spans="1:10" x14ac:dyDescent="0.35">
      <c r="A1048" s="1" t="s">
        <v>4146</v>
      </c>
      <c r="B1048" s="1" t="s">
        <v>4147</v>
      </c>
      <c r="C1048" s="1" t="s">
        <v>125</v>
      </c>
      <c r="D1048" s="1" t="s">
        <v>4237</v>
      </c>
      <c r="E1048" s="1" t="s">
        <v>4238</v>
      </c>
      <c r="F1048" s="1" t="s">
        <v>4239</v>
      </c>
      <c r="G1048" s="1" t="s">
        <v>4151</v>
      </c>
      <c r="H1048" s="1" t="s">
        <v>13</v>
      </c>
      <c r="I1048" s="1" t="s">
        <v>4152</v>
      </c>
      <c r="J1048" s="1" t="s">
        <v>4240</v>
      </c>
    </row>
    <row r="1049" spans="1:10" x14ac:dyDescent="0.35">
      <c r="A1049" s="1" t="s">
        <v>4146</v>
      </c>
      <c r="B1049" s="1" t="s">
        <v>4147</v>
      </c>
      <c r="C1049" s="1" t="s">
        <v>130</v>
      </c>
      <c r="D1049" s="1" t="s">
        <v>4241</v>
      </c>
      <c r="E1049" s="1" t="s">
        <v>4242</v>
      </c>
      <c r="F1049" s="1" t="s">
        <v>4243</v>
      </c>
      <c r="G1049" s="1" t="s">
        <v>4151</v>
      </c>
      <c r="H1049" s="1" t="s">
        <v>13</v>
      </c>
      <c r="I1049" s="1" t="s">
        <v>4152</v>
      </c>
      <c r="J1049" s="1" t="s">
        <v>4244</v>
      </c>
    </row>
    <row r="1050" spans="1:10" x14ac:dyDescent="0.35">
      <c r="A1050" s="1" t="s">
        <v>4146</v>
      </c>
      <c r="B1050" s="1" t="s">
        <v>4147</v>
      </c>
      <c r="C1050" s="1" t="s">
        <v>135</v>
      </c>
      <c r="D1050" s="1" t="s">
        <v>4245</v>
      </c>
      <c r="E1050" s="1" t="s">
        <v>4246</v>
      </c>
      <c r="F1050" s="1" t="s">
        <v>4247</v>
      </c>
      <c r="G1050" s="1" t="s">
        <v>4151</v>
      </c>
      <c r="H1050" s="1" t="s">
        <v>13</v>
      </c>
      <c r="I1050" s="1" t="s">
        <v>4152</v>
      </c>
      <c r="J1050" s="1" t="s">
        <v>4248</v>
      </c>
    </row>
    <row r="1051" spans="1:10" x14ac:dyDescent="0.35">
      <c r="A1051" s="1" t="s">
        <v>4146</v>
      </c>
      <c r="B1051" s="1" t="s">
        <v>4147</v>
      </c>
      <c r="C1051" s="1" t="s">
        <v>140</v>
      </c>
      <c r="D1051" s="1" t="s">
        <v>4249</v>
      </c>
      <c r="E1051" s="1" t="s">
        <v>4250</v>
      </c>
      <c r="F1051" s="1" t="s">
        <v>4251</v>
      </c>
      <c r="G1051" s="1" t="s">
        <v>4151</v>
      </c>
      <c r="H1051" s="1" t="s">
        <v>13</v>
      </c>
      <c r="I1051" s="1" t="s">
        <v>4152</v>
      </c>
      <c r="J1051" s="1" t="s">
        <v>4252</v>
      </c>
    </row>
    <row r="1052" spans="1:10" x14ac:dyDescent="0.35">
      <c r="A1052" s="1" t="s">
        <v>4146</v>
      </c>
      <c r="B1052" s="1" t="s">
        <v>4147</v>
      </c>
      <c r="C1052" s="1" t="s">
        <v>145</v>
      </c>
      <c r="D1052" s="1" t="s">
        <v>4253</v>
      </c>
      <c r="E1052" s="1" t="s">
        <v>4234</v>
      </c>
      <c r="F1052" s="1" t="s">
        <v>4254</v>
      </c>
      <c r="G1052" s="1" t="s">
        <v>4151</v>
      </c>
      <c r="H1052" s="1" t="s">
        <v>13</v>
      </c>
      <c r="I1052" s="1" t="s">
        <v>4152</v>
      </c>
      <c r="J1052" s="1" t="s">
        <v>4255</v>
      </c>
    </row>
    <row r="1053" spans="1:10" x14ac:dyDescent="0.35">
      <c r="A1053" s="1" t="s">
        <v>4146</v>
      </c>
      <c r="B1053" s="1" t="s">
        <v>4147</v>
      </c>
      <c r="C1053" s="1" t="s">
        <v>150</v>
      </c>
      <c r="D1053" s="1" t="s">
        <v>4256</v>
      </c>
      <c r="E1053" s="1" t="s">
        <v>4257</v>
      </c>
      <c r="F1053" s="1" t="s">
        <v>4258</v>
      </c>
      <c r="G1053" s="1" t="s">
        <v>4151</v>
      </c>
      <c r="H1053" s="1" t="s">
        <v>13</v>
      </c>
      <c r="I1053" s="1" t="s">
        <v>4152</v>
      </c>
      <c r="J1053" s="1" t="s">
        <v>4259</v>
      </c>
    </row>
    <row r="1054" spans="1:10" x14ac:dyDescent="0.35">
      <c r="A1054" s="1" t="s">
        <v>4146</v>
      </c>
      <c r="B1054" s="1" t="s">
        <v>4147</v>
      </c>
      <c r="C1054" s="1" t="s">
        <v>155</v>
      </c>
      <c r="D1054" s="1" t="s">
        <v>4260</v>
      </c>
      <c r="E1054" s="1" t="s">
        <v>4261</v>
      </c>
      <c r="F1054" s="1" t="s">
        <v>4262</v>
      </c>
      <c r="G1054" s="1" t="s">
        <v>4151</v>
      </c>
      <c r="H1054" s="1" t="s">
        <v>13</v>
      </c>
      <c r="I1054" s="1" t="s">
        <v>4152</v>
      </c>
      <c r="J1054" s="1" t="s">
        <v>4263</v>
      </c>
    </row>
    <row r="1055" spans="1:10" x14ac:dyDescent="0.35">
      <c r="A1055" s="1" t="s">
        <v>4146</v>
      </c>
      <c r="B1055" s="1" t="s">
        <v>4147</v>
      </c>
      <c r="C1055" s="1" t="s">
        <v>160</v>
      </c>
      <c r="D1055" s="1" t="s">
        <v>4264</v>
      </c>
      <c r="E1055" s="1" t="s">
        <v>4265</v>
      </c>
      <c r="F1055" s="1" t="s">
        <v>4266</v>
      </c>
      <c r="G1055" s="1" t="s">
        <v>4151</v>
      </c>
      <c r="H1055" s="1" t="s">
        <v>13</v>
      </c>
      <c r="I1055" s="1" t="s">
        <v>4152</v>
      </c>
      <c r="J1055" s="1" t="s">
        <v>4267</v>
      </c>
    </row>
    <row r="1056" spans="1:10" x14ac:dyDescent="0.35">
      <c r="A1056" s="1" t="s">
        <v>4146</v>
      </c>
      <c r="B1056" s="1" t="s">
        <v>4147</v>
      </c>
      <c r="C1056" s="1" t="s">
        <v>165</v>
      </c>
      <c r="D1056" s="1" t="s">
        <v>4268</v>
      </c>
      <c r="E1056" s="1" t="s">
        <v>4269</v>
      </c>
      <c r="F1056" s="1" t="s">
        <v>4270</v>
      </c>
      <c r="G1056" s="1" t="s">
        <v>4151</v>
      </c>
      <c r="H1056" s="1" t="s">
        <v>13</v>
      </c>
      <c r="I1056" s="1" t="s">
        <v>4152</v>
      </c>
      <c r="J1056" s="1" t="s">
        <v>4271</v>
      </c>
    </row>
    <row r="1057" spans="1:10" x14ac:dyDescent="0.35">
      <c r="A1057" s="1" t="s">
        <v>4146</v>
      </c>
      <c r="B1057" s="1" t="s">
        <v>4147</v>
      </c>
      <c r="C1057" s="1" t="s">
        <v>170</v>
      </c>
      <c r="D1057" s="1" t="s">
        <v>4272</v>
      </c>
      <c r="E1057" s="1" t="s">
        <v>4273</v>
      </c>
      <c r="F1057" s="1" t="s">
        <v>4274</v>
      </c>
      <c r="G1057" s="1" t="s">
        <v>4151</v>
      </c>
      <c r="H1057" s="1" t="s">
        <v>13</v>
      </c>
      <c r="I1057" s="1" t="s">
        <v>4152</v>
      </c>
      <c r="J1057" s="1" t="s">
        <v>4275</v>
      </c>
    </row>
    <row r="1058" spans="1:10" x14ac:dyDescent="0.35">
      <c r="A1058" s="1" t="s">
        <v>4276</v>
      </c>
      <c r="B1058" s="1" t="s">
        <v>4277</v>
      </c>
      <c r="C1058" s="1" t="s">
        <v>8</v>
      </c>
      <c r="D1058" s="1" t="s">
        <v>4278</v>
      </c>
      <c r="E1058" s="1" t="s">
        <v>4279</v>
      </c>
      <c r="F1058" s="1" t="s">
        <v>4280</v>
      </c>
      <c r="G1058" s="1" t="s">
        <v>4281</v>
      </c>
      <c r="H1058" s="1" t="s">
        <v>13</v>
      </c>
      <c r="I1058" s="1" t="s">
        <v>4282</v>
      </c>
      <c r="J1058" s="1" t="s">
        <v>13</v>
      </c>
    </row>
    <row r="1059" spans="1:10" x14ac:dyDescent="0.35">
      <c r="A1059" s="1" t="s">
        <v>4276</v>
      </c>
      <c r="B1059" s="1" t="s">
        <v>4277</v>
      </c>
      <c r="C1059" s="1" t="s">
        <v>15</v>
      </c>
      <c r="D1059" s="1" t="s">
        <v>4283</v>
      </c>
      <c r="E1059" s="1" t="s">
        <v>4284</v>
      </c>
      <c r="F1059" s="1" t="s">
        <v>4285</v>
      </c>
      <c r="G1059" s="1" t="s">
        <v>4281</v>
      </c>
      <c r="H1059" s="1" t="s">
        <v>13</v>
      </c>
      <c r="I1059" s="1" t="s">
        <v>4282</v>
      </c>
      <c r="J1059" s="1" t="s">
        <v>4286</v>
      </c>
    </row>
    <row r="1060" spans="1:10" x14ac:dyDescent="0.35">
      <c r="A1060" s="1" t="s">
        <v>4276</v>
      </c>
      <c r="B1060" s="1" t="s">
        <v>4277</v>
      </c>
      <c r="C1060" s="1" t="s">
        <v>20</v>
      </c>
      <c r="D1060" s="1" t="s">
        <v>4283</v>
      </c>
      <c r="E1060" s="1" t="s">
        <v>4287</v>
      </c>
      <c r="F1060" s="1" t="s">
        <v>4288</v>
      </c>
      <c r="G1060" s="1" t="s">
        <v>4281</v>
      </c>
      <c r="H1060" s="1" t="s">
        <v>13</v>
      </c>
      <c r="I1060" s="1" t="s">
        <v>4282</v>
      </c>
      <c r="J1060" s="1" t="s">
        <v>1180</v>
      </c>
    </row>
    <row r="1061" spans="1:10" x14ac:dyDescent="0.35">
      <c r="A1061" s="1" t="s">
        <v>4276</v>
      </c>
      <c r="B1061" s="1" t="s">
        <v>4277</v>
      </c>
      <c r="C1061" s="1" t="s">
        <v>25</v>
      </c>
      <c r="D1061" s="1" t="s">
        <v>4289</v>
      </c>
      <c r="E1061" s="1" t="s">
        <v>4290</v>
      </c>
      <c r="F1061" s="1" t="s">
        <v>4291</v>
      </c>
      <c r="G1061" s="1" t="s">
        <v>4281</v>
      </c>
      <c r="H1061" s="1" t="s">
        <v>13</v>
      </c>
      <c r="I1061" s="1" t="s">
        <v>4282</v>
      </c>
      <c r="J1061" s="1" t="s">
        <v>4292</v>
      </c>
    </row>
    <row r="1062" spans="1:10" x14ac:dyDescent="0.35">
      <c r="A1062" s="1" t="s">
        <v>4276</v>
      </c>
      <c r="B1062" s="1" t="s">
        <v>4277</v>
      </c>
      <c r="C1062" s="1" t="s">
        <v>30</v>
      </c>
      <c r="D1062" s="1" t="s">
        <v>4293</v>
      </c>
      <c r="E1062" s="1" t="s">
        <v>4294</v>
      </c>
      <c r="F1062" s="1" t="s">
        <v>4295</v>
      </c>
      <c r="G1062" s="1" t="s">
        <v>4281</v>
      </c>
      <c r="H1062" s="1" t="s">
        <v>13</v>
      </c>
      <c r="I1062" s="1" t="s">
        <v>4282</v>
      </c>
      <c r="J1062" s="1" t="s">
        <v>4296</v>
      </c>
    </row>
    <row r="1063" spans="1:10" x14ac:dyDescent="0.35">
      <c r="A1063" s="1" t="s">
        <v>4276</v>
      </c>
      <c r="B1063" s="1" t="s">
        <v>4277</v>
      </c>
      <c r="C1063" s="1" t="s">
        <v>35</v>
      </c>
      <c r="D1063" s="1" t="s">
        <v>4297</v>
      </c>
      <c r="E1063" s="1" t="s">
        <v>4298</v>
      </c>
      <c r="F1063" s="1" t="s">
        <v>4299</v>
      </c>
      <c r="G1063" s="1" t="s">
        <v>4281</v>
      </c>
      <c r="H1063" s="1" t="s">
        <v>13</v>
      </c>
      <c r="I1063" s="1" t="s">
        <v>4282</v>
      </c>
      <c r="J1063" s="1" t="s">
        <v>4300</v>
      </c>
    </row>
    <row r="1064" spans="1:10" x14ac:dyDescent="0.35">
      <c r="A1064" s="1" t="s">
        <v>4276</v>
      </c>
      <c r="B1064" s="1" t="s">
        <v>4277</v>
      </c>
      <c r="C1064" s="1" t="s">
        <v>40</v>
      </c>
      <c r="D1064" s="1" t="s">
        <v>4301</v>
      </c>
      <c r="E1064" s="1" t="s">
        <v>4302</v>
      </c>
      <c r="F1064" s="1" t="s">
        <v>4303</v>
      </c>
      <c r="G1064" s="1" t="s">
        <v>4281</v>
      </c>
      <c r="H1064" s="1" t="s">
        <v>13</v>
      </c>
      <c r="I1064" s="1" t="s">
        <v>4282</v>
      </c>
      <c r="J1064" s="1" t="s">
        <v>4304</v>
      </c>
    </row>
    <row r="1065" spans="1:10" x14ac:dyDescent="0.35">
      <c r="A1065" s="1" t="s">
        <v>4276</v>
      </c>
      <c r="B1065" s="1" t="s">
        <v>4277</v>
      </c>
      <c r="C1065" s="1" t="s">
        <v>45</v>
      </c>
      <c r="D1065" s="1" t="s">
        <v>4305</v>
      </c>
      <c r="E1065" s="1" t="s">
        <v>4306</v>
      </c>
      <c r="F1065" s="1" t="s">
        <v>4307</v>
      </c>
      <c r="G1065" s="1" t="s">
        <v>4281</v>
      </c>
      <c r="H1065" s="1" t="s">
        <v>13</v>
      </c>
      <c r="I1065" s="1" t="s">
        <v>4282</v>
      </c>
      <c r="J1065" s="1" t="s">
        <v>4308</v>
      </c>
    </row>
    <row r="1066" spans="1:10" x14ac:dyDescent="0.35">
      <c r="A1066" s="1" t="s">
        <v>4276</v>
      </c>
      <c r="B1066" s="1" t="s">
        <v>4277</v>
      </c>
      <c r="C1066" s="1" t="s">
        <v>50</v>
      </c>
      <c r="D1066" s="1" t="s">
        <v>4309</v>
      </c>
      <c r="E1066" s="1" t="s">
        <v>4310</v>
      </c>
      <c r="F1066" s="1" t="s">
        <v>4311</v>
      </c>
      <c r="G1066" s="1" t="s">
        <v>4281</v>
      </c>
      <c r="H1066" s="1" t="s">
        <v>13</v>
      </c>
      <c r="I1066" s="1" t="s">
        <v>4282</v>
      </c>
      <c r="J1066" s="1" t="s">
        <v>4312</v>
      </c>
    </row>
    <row r="1067" spans="1:10" x14ac:dyDescent="0.35">
      <c r="A1067" s="1" t="s">
        <v>4276</v>
      </c>
      <c r="B1067" s="1" t="s">
        <v>4277</v>
      </c>
      <c r="C1067" s="1" t="s">
        <v>55</v>
      </c>
      <c r="D1067" s="1" t="s">
        <v>4313</v>
      </c>
      <c r="E1067" s="1" t="s">
        <v>4314</v>
      </c>
      <c r="F1067" s="1" t="s">
        <v>4315</v>
      </c>
      <c r="G1067" s="1" t="s">
        <v>4281</v>
      </c>
      <c r="H1067" s="1" t="s">
        <v>13</v>
      </c>
      <c r="I1067" s="1" t="s">
        <v>4282</v>
      </c>
      <c r="J1067" s="1" t="s">
        <v>4316</v>
      </c>
    </row>
    <row r="1068" spans="1:10" x14ac:dyDescent="0.35">
      <c r="A1068" s="1" t="s">
        <v>4276</v>
      </c>
      <c r="B1068" s="1" t="s">
        <v>4277</v>
      </c>
      <c r="C1068" s="1" t="s">
        <v>60</v>
      </c>
      <c r="D1068" s="1" t="s">
        <v>4317</v>
      </c>
      <c r="E1068" s="1" t="s">
        <v>4318</v>
      </c>
      <c r="F1068" s="1" t="s">
        <v>4319</v>
      </c>
      <c r="G1068" s="1" t="s">
        <v>4281</v>
      </c>
      <c r="H1068" s="1" t="s">
        <v>13</v>
      </c>
      <c r="I1068" s="1" t="s">
        <v>4282</v>
      </c>
      <c r="J1068" s="1" t="s">
        <v>4320</v>
      </c>
    </row>
    <row r="1069" spans="1:10" x14ac:dyDescent="0.35">
      <c r="A1069" s="1" t="s">
        <v>4276</v>
      </c>
      <c r="B1069" s="1" t="s">
        <v>4277</v>
      </c>
      <c r="C1069" s="1" t="s">
        <v>65</v>
      </c>
      <c r="D1069" s="1" t="s">
        <v>4321</v>
      </c>
      <c r="E1069" s="1" t="s">
        <v>4322</v>
      </c>
      <c r="F1069" s="1" t="s">
        <v>4323</v>
      </c>
      <c r="G1069" s="1" t="s">
        <v>4281</v>
      </c>
      <c r="H1069" s="1" t="s">
        <v>13</v>
      </c>
      <c r="I1069" s="1" t="s">
        <v>4282</v>
      </c>
      <c r="J1069" s="1" t="s">
        <v>4324</v>
      </c>
    </row>
    <row r="1070" spans="1:10" x14ac:dyDescent="0.35">
      <c r="A1070" s="1" t="s">
        <v>4276</v>
      </c>
      <c r="B1070" s="1" t="s">
        <v>4277</v>
      </c>
      <c r="C1070" s="1" t="s">
        <v>70</v>
      </c>
      <c r="D1070" s="1" t="s">
        <v>4325</v>
      </c>
      <c r="E1070" s="1" t="s">
        <v>4326</v>
      </c>
      <c r="F1070" s="1" t="s">
        <v>4327</v>
      </c>
      <c r="G1070" s="1" t="s">
        <v>4281</v>
      </c>
      <c r="H1070" s="1" t="s">
        <v>13</v>
      </c>
      <c r="I1070" s="1" t="s">
        <v>4282</v>
      </c>
      <c r="J1070" s="1" t="s">
        <v>4328</v>
      </c>
    </row>
    <row r="1071" spans="1:10" x14ac:dyDescent="0.35">
      <c r="A1071" s="1" t="s">
        <v>4276</v>
      </c>
      <c r="B1071" s="1" t="s">
        <v>4277</v>
      </c>
      <c r="C1071" s="1" t="s">
        <v>75</v>
      </c>
      <c r="D1071" s="1" t="s">
        <v>4329</v>
      </c>
      <c r="E1071" s="1" t="s">
        <v>4330</v>
      </c>
      <c r="F1071" s="1" t="s">
        <v>4331</v>
      </c>
      <c r="G1071" s="1" t="s">
        <v>4281</v>
      </c>
      <c r="H1071" s="1" t="s">
        <v>13</v>
      </c>
      <c r="I1071" s="1" t="s">
        <v>4282</v>
      </c>
      <c r="J1071" s="1" t="s">
        <v>4332</v>
      </c>
    </row>
    <row r="1072" spans="1:10" x14ac:dyDescent="0.35">
      <c r="A1072" s="1" t="s">
        <v>4276</v>
      </c>
      <c r="B1072" s="1" t="s">
        <v>4277</v>
      </c>
      <c r="C1072" s="1" t="s">
        <v>80</v>
      </c>
      <c r="D1072" s="1" t="s">
        <v>4333</v>
      </c>
      <c r="E1072" s="1" t="s">
        <v>4334</v>
      </c>
      <c r="F1072" s="1" t="s">
        <v>4335</v>
      </c>
      <c r="G1072" s="1" t="s">
        <v>4281</v>
      </c>
      <c r="H1072" s="1" t="s">
        <v>13</v>
      </c>
      <c r="I1072" s="1" t="s">
        <v>4282</v>
      </c>
      <c r="J1072" s="1" t="s">
        <v>4336</v>
      </c>
    </row>
    <row r="1073" spans="1:10" x14ac:dyDescent="0.35">
      <c r="A1073" s="1" t="s">
        <v>4276</v>
      </c>
      <c r="B1073" s="1" t="s">
        <v>4277</v>
      </c>
      <c r="C1073" s="1" t="s">
        <v>85</v>
      </c>
      <c r="D1073" s="1" t="s">
        <v>4337</v>
      </c>
      <c r="E1073" s="1" t="s">
        <v>4338</v>
      </c>
      <c r="F1073" s="1" t="s">
        <v>4339</v>
      </c>
      <c r="G1073" s="1" t="s">
        <v>4281</v>
      </c>
      <c r="H1073" s="1" t="s">
        <v>13</v>
      </c>
      <c r="I1073" s="1" t="s">
        <v>4282</v>
      </c>
      <c r="J1073" s="1" t="s">
        <v>4340</v>
      </c>
    </row>
    <row r="1074" spans="1:10" x14ac:dyDescent="0.35">
      <c r="A1074" s="1" t="s">
        <v>4276</v>
      </c>
      <c r="B1074" s="1" t="s">
        <v>4277</v>
      </c>
      <c r="C1074" s="1" t="s">
        <v>90</v>
      </c>
      <c r="D1074" s="1" t="s">
        <v>4341</v>
      </c>
      <c r="E1074" s="1" t="s">
        <v>4342</v>
      </c>
      <c r="F1074" s="1" t="s">
        <v>4343</v>
      </c>
      <c r="G1074" s="1" t="s">
        <v>4281</v>
      </c>
      <c r="H1074" s="1" t="s">
        <v>13</v>
      </c>
      <c r="I1074" s="1" t="s">
        <v>4282</v>
      </c>
      <c r="J1074" s="1" t="s">
        <v>4344</v>
      </c>
    </row>
    <row r="1075" spans="1:10" x14ac:dyDescent="0.35">
      <c r="A1075" s="1" t="s">
        <v>4276</v>
      </c>
      <c r="B1075" s="1" t="s">
        <v>4277</v>
      </c>
      <c r="C1075" s="1" t="s">
        <v>95</v>
      </c>
      <c r="D1075" s="1" t="s">
        <v>4345</v>
      </c>
      <c r="E1075" s="1" t="s">
        <v>4346</v>
      </c>
      <c r="F1075" s="1" t="s">
        <v>4347</v>
      </c>
      <c r="G1075" s="1" t="s">
        <v>4281</v>
      </c>
      <c r="H1075" s="1" t="s">
        <v>13</v>
      </c>
      <c r="I1075" s="1" t="s">
        <v>4282</v>
      </c>
      <c r="J1075" s="1" t="s">
        <v>4348</v>
      </c>
    </row>
    <row r="1076" spans="1:10" x14ac:dyDescent="0.35">
      <c r="A1076" s="1" t="s">
        <v>4276</v>
      </c>
      <c r="B1076" s="1" t="s">
        <v>4277</v>
      </c>
      <c r="C1076" s="1" t="s">
        <v>100</v>
      </c>
      <c r="D1076" s="1" t="s">
        <v>4349</v>
      </c>
      <c r="E1076" s="1" t="s">
        <v>4350</v>
      </c>
      <c r="F1076" s="1" t="s">
        <v>4351</v>
      </c>
      <c r="G1076" s="1" t="s">
        <v>4281</v>
      </c>
      <c r="H1076" s="1" t="s">
        <v>13</v>
      </c>
      <c r="I1076" s="1" t="s">
        <v>4282</v>
      </c>
      <c r="J1076" s="1" t="s">
        <v>4352</v>
      </c>
    </row>
    <row r="1077" spans="1:10" x14ac:dyDescent="0.35">
      <c r="A1077" s="1" t="s">
        <v>4276</v>
      </c>
      <c r="B1077" s="1" t="s">
        <v>4277</v>
      </c>
      <c r="C1077" s="1" t="s">
        <v>105</v>
      </c>
      <c r="D1077" s="1" t="s">
        <v>4353</v>
      </c>
      <c r="E1077" s="1" t="s">
        <v>4354</v>
      </c>
      <c r="F1077" s="1" t="s">
        <v>4355</v>
      </c>
      <c r="G1077" s="1" t="s">
        <v>4281</v>
      </c>
      <c r="H1077" s="1" t="s">
        <v>13</v>
      </c>
      <c r="I1077" s="1" t="s">
        <v>4282</v>
      </c>
      <c r="J1077" s="1" t="s">
        <v>4356</v>
      </c>
    </row>
    <row r="1078" spans="1:10" x14ac:dyDescent="0.35">
      <c r="A1078" s="1" t="s">
        <v>4276</v>
      </c>
      <c r="B1078" s="1" t="s">
        <v>4277</v>
      </c>
      <c r="C1078" s="1" t="s">
        <v>110</v>
      </c>
      <c r="D1078" s="1" t="s">
        <v>4357</v>
      </c>
      <c r="E1078" s="1" t="s">
        <v>4358</v>
      </c>
      <c r="F1078" s="1" t="s">
        <v>4359</v>
      </c>
      <c r="G1078" s="1" t="s">
        <v>4281</v>
      </c>
      <c r="H1078" s="1" t="s">
        <v>13</v>
      </c>
      <c r="I1078" s="1" t="s">
        <v>4282</v>
      </c>
      <c r="J1078" s="1" t="s">
        <v>4360</v>
      </c>
    </row>
    <row r="1079" spans="1:10" x14ac:dyDescent="0.35">
      <c r="A1079" s="1" t="s">
        <v>4276</v>
      </c>
      <c r="B1079" s="1" t="s">
        <v>4277</v>
      </c>
      <c r="C1079" s="1" t="s">
        <v>115</v>
      </c>
      <c r="D1079" s="1" t="s">
        <v>4361</v>
      </c>
      <c r="E1079" s="1" t="s">
        <v>4362</v>
      </c>
      <c r="F1079" s="1" t="s">
        <v>4363</v>
      </c>
      <c r="G1079" s="1" t="s">
        <v>4281</v>
      </c>
      <c r="H1079" s="1" t="s">
        <v>13</v>
      </c>
      <c r="I1079" s="1" t="s">
        <v>4282</v>
      </c>
      <c r="J1079" s="1" t="s">
        <v>4364</v>
      </c>
    </row>
    <row r="1080" spans="1:10" x14ac:dyDescent="0.35">
      <c r="A1080" s="1" t="s">
        <v>4276</v>
      </c>
      <c r="B1080" s="1" t="s">
        <v>4277</v>
      </c>
      <c r="C1080" s="1" t="s">
        <v>120</v>
      </c>
      <c r="D1080" s="1" t="s">
        <v>4365</v>
      </c>
      <c r="E1080" s="1" t="s">
        <v>4366</v>
      </c>
      <c r="F1080" s="1" t="s">
        <v>4367</v>
      </c>
      <c r="G1080" s="1" t="s">
        <v>4281</v>
      </c>
      <c r="H1080" s="1" t="s">
        <v>13</v>
      </c>
      <c r="I1080" s="1" t="s">
        <v>4282</v>
      </c>
      <c r="J1080" s="1" t="s">
        <v>4368</v>
      </c>
    </row>
    <row r="1081" spans="1:10" x14ac:dyDescent="0.35">
      <c r="A1081" s="1" t="s">
        <v>4276</v>
      </c>
      <c r="B1081" s="1" t="s">
        <v>4277</v>
      </c>
      <c r="C1081" s="1" t="s">
        <v>125</v>
      </c>
      <c r="D1081" s="1" t="s">
        <v>85</v>
      </c>
      <c r="E1081" s="1" t="s">
        <v>4369</v>
      </c>
      <c r="F1081" s="1" t="s">
        <v>4370</v>
      </c>
      <c r="G1081" s="1" t="s">
        <v>4281</v>
      </c>
      <c r="H1081" s="1" t="s">
        <v>13</v>
      </c>
      <c r="I1081" s="1" t="s">
        <v>4282</v>
      </c>
      <c r="J1081" s="1" t="s">
        <v>4371</v>
      </c>
    </row>
    <row r="1082" spans="1:10" x14ac:dyDescent="0.35">
      <c r="A1082" s="1" t="s">
        <v>4276</v>
      </c>
      <c r="B1082" s="1" t="s">
        <v>4277</v>
      </c>
      <c r="C1082" s="1" t="s">
        <v>130</v>
      </c>
      <c r="D1082" s="1" t="s">
        <v>4372</v>
      </c>
      <c r="E1082" s="1" t="s">
        <v>4373</v>
      </c>
      <c r="F1082" s="1" t="s">
        <v>4374</v>
      </c>
      <c r="G1082" s="1" t="s">
        <v>4281</v>
      </c>
      <c r="H1082" s="1" t="s">
        <v>13</v>
      </c>
      <c r="I1082" s="1" t="s">
        <v>4282</v>
      </c>
      <c r="J1082" s="1" t="s">
        <v>4375</v>
      </c>
    </row>
    <row r="1083" spans="1:10" x14ac:dyDescent="0.35">
      <c r="A1083" s="1" t="s">
        <v>4276</v>
      </c>
      <c r="B1083" s="1" t="s">
        <v>4277</v>
      </c>
      <c r="C1083" s="1" t="s">
        <v>135</v>
      </c>
      <c r="D1083" s="1" t="s">
        <v>4376</v>
      </c>
      <c r="E1083" s="1" t="s">
        <v>4377</v>
      </c>
      <c r="F1083" s="1" t="s">
        <v>4378</v>
      </c>
      <c r="G1083" s="1" t="s">
        <v>4281</v>
      </c>
      <c r="H1083" s="1" t="s">
        <v>13</v>
      </c>
      <c r="I1083" s="1" t="s">
        <v>4282</v>
      </c>
      <c r="J1083" s="1" t="s">
        <v>4379</v>
      </c>
    </row>
    <row r="1084" spans="1:10" x14ac:dyDescent="0.35">
      <c r="A1084" s="1" t="s">
        <v>4276</v>
      </c>
      <c r="B1084" s="1" t="s">
        <v>4277</v>
      </c>
      <c r="C1084" s="1" t="s">
        <v>140</v>
      </c>
      <c r="D1084" s="1" t="s">
        <v>4380</v>
      </c>
      <c r="E1084" s="1" t="s">
        <v>4381</v>
      </c>
      <c r="F1084" s="1" t="s">
        <v>4382</v>
      </c>
      <c r="G1084" s="1" t="s">
        <v>4281</v>
      </c>
      <c r="H1084" s="1" t="s">
        <v>13</v>
      </c>
      <c r="I1084" s="1" t="s">
        <v>4282</v>
      </c>
      <c r="J1084" s="1" t="s">
        <v>4383</v>
      </c>
    </row>
    <row r="1085" spans="1:10" x14ac:dyDescent="0.35">
      <c r="A1085" s="1" t="s">
        <v>4276</v>
      </c>
      <c r="B1085" s="1" t="s">
        <v>4277</v>
      </c>
      <c r="C1085" s="1" t="s">
        <v>145</v>
      </c>
      <c r="D1085" s="1" t="s">
        <v>4384</v>
      </c>
      <c r="E1085" s="1" t="s">
        <v>4385</v>
      </c>
      <c r="F1085" s="1" t="s">
        <v>4386</v>
      </c>
      <c r="G1085" s="1" t="s">
        <v>4281</v>
      </c>
      <c r="H1085" s="1" t="s">
        <v>13</v>
      </c>
      <c r="I1085" s="1" t="s">
        <v>4282</v>
      </c>
      <c r="J1085" s="1" t="s">
        <v>4387</v>
      </c>
    </row>
    <row r="1086" spans="1:10" x14ac:dyDescent="0.35">
      <c r="A1086" s="1" t="s">
        <v>4276</v>
      </c>
      <c r="B1086" s="1" t="s">
        <v>4277</v>
      </c>
      <c r="C1086" s="1" t="s">
        <v>150</v>
      </c>
      <c r="D1086" s="1" t="s">
        <v>4388</v>
      </c>
      <c r="E1086" s="1" t="s">
        <v>4389</v>
      </c>
      <c r="F1086" s="1" t="s">
        <v>4390</v>
      </c>
      <c r="G1086" s="1" t="s">
        <v>4281</v>
      </c>
      <c r="H1086" s="1" t="s">
        <v>13</v>
      </c>
      <c r="I1086" s="1" t="s">
        <v>4282</v>
      </c>
      <c r="J1086" s="1" t="s">
        <v>4391</v>
      </c>
    </row>
    <row r="1087" spans="1:10" x14ac:dyDescent="0.35">
      <c r="A1087" s="1" t="s">
        <v>4276</v>
      </c>
      <c r="B1087" s="1" t="s">
        <v>4277</v>
      </c>
      <c r="C1087" s="1" t="s">
        <v>155</v>
      </c>
      <c r="D1087" s="1" t="s">
        <v>4392</v>
      </c>
      <c r="E1087" s="1" t="s">
        <v>4393</v>
      </c>
      <c r="F1087" s="1" t="s">
        <v>4394</v>
      </c>
      <c r="G1087" s="1" t="s">
        <v>4281</v>
      </c>
      <c r="H1087" s="1" t="s">
        <v>13</v>
      </c>
      <c r="I1087" s="1" t="s">
        <v>4282</v>
      </c>
      <c r="J1087" s="1" t="s">
        <v>4395</v>
      </c>
    </row>
    <row r="1088" spans="1:10" x14ac:dyDescent="0.35">
      <c r="A1088" s="1" t="s">
        <v>4276</v>
      </c>
      <c r="B1088" s="1" t="s">
        <v>4277</v>
      </c>
      <c r="C1088" s="1" t="s">
        <v>160</v>
      </c>
      <c r="D1088" s="1" t="s">
        <v>4396</v>
      </c>
      <c r="E1088" s="1" t="s">
        <v>4397</v>
      </c>
      <c r="F1088" s="1" t="s">
        <v>4398</v>
      </c>
      <c r="G1088" s="1" t="s">
        <v>4281</v>
      </c>
      <c r="H1088" s="1" t="s">
        <v>13</v>
      </c>
      <c r="I1088" s="1" t="s">
        <v>4282</v>
      </c>
      <c r="J1088" s="1" t="s">
        <v>4399</v>
      </c>
    </row>
    <row r="1089" spans="1:10" x14ac:dyDescent="0.35">
      <c r="A1089" s="1" t="s">
        <v>4276</v>
      </c>
      <c r="B1089" s="1" t="s">
        <v>4277</v>
      </c>
      <c r="C1089" s="1" t="s">
        <v>165</v>
      </c>
      <c r="D1089" s="1" t="s">
        <v>4400</v>
      </c>
      <c r="E1089" s="1" t="s">
        <v>4401</v>
      </c>
      <c r="F1089" s="1" t="s">
        <v>4402</v>
      </c>
      <c r="G1089" s="1" t="s">
        <v>4281</v>
      </c>
      <c r="H1089" s="1" t="s">
        <v>13</v>
      </c>
      <c r="I1089" s="1" t="s">
        <v>4282</v>
      </c>
      <c r="J1089" s="1" t="s">
        <v>4403</v>
      </c>
    </row>
    <row r="1090" spans="1:10" x14ac:dyDescent="0.35">
      <c r="A1090" s="1" t="s">
        <v>4276</v>
      </c>
      <c r="B1090" s="1" t="s">
        <v>4277</v>
      </c>
      <c r="C1090" s="1" t="s">
        <v>170</v>
      </c>
      <c r="D1090" s="1" t="s">
        <v>4404</v>
      </c>
      <c r="E1090" s="1" t="s">
        <v>4405</v>
      </c>
      <c r="F1090" s="1" t="s">
        <v>4406</v>
      </c>
      <c r="G1090" s="1" t="s">
        <v>4281</v>
      </c>
      <c r="H1090" s="1" t="s">
        <v>13</v>
      </c>
      <c r="I1090" s="1" t="s">
        <v>4282</v>
      </c>
      <c r="J1090" s="1" t="s">
        <v>4407</v>
      </c>
    </row>
    <row r="1091" spans="1:10" x14ac:dyDescent="0.35">
      <c r="A1091" s="1" t="s">
        <v>4408</v>
      </c>
      <c r="B1091" s="1" t="s">
        <v>4409</v>
      </c>
      <c r="C1091" s="1" t="s">
        <v>8</v>
      </c>
      <c r="D1091" s="1" t="s">
        <v>50</v>
      </c>
      <c r="E1091" s="1" t="s">
        <v>4410</v>
      </c>
      <c r="F1091" s="1" t="s">
        <v>4411</v>
      </c>
      <c r="G1091" s="1" t="s">
        <v>4412</v>
      </c>
      <c r="H1091" s="1" t="s">
        <v>13</v>
      </c>
      <c r="I1091" s="1" t="s">
        <v>4413</v>
      </c>
      <c r="J1091" s="1" t="s">
        <v>13</v>
      </c>
    </row>
    <row r="1092" spans="1:10" x14ac:dyDescent="0.35">
      <c r="A1092" s="1" t="s">
        <v>4408</v>
      </c>
      <c r="B1092" s="1" t="s">
        <v>4409</v>
      </c>
      <c r="C1092" s="1" t="s">
        <v>15</v>
      </c>
      <c r="D1092" s="1" t="s">
        <v>4414</v>
      </c>
      <c r="E1092" s="1" t="s">
        <v>4415</v>
      </c>
      <c r="F1092" s="1" t="s">
        <v>4416</v>
      </c>
      <c r="G1092" s="1" t="s">
        <v>4412</v>
      </c>
      <c r="H1092" s="1" t="s">
        <v>13</v>
      </c>
      <c r="I1092" s="1" t="s">
        <v>4413</v>
      </c>
      <c r="J1092" s="1" t="s">
        <v>4417</v>
      </c>
    </row>
    <row r="1093" spans="1:10" x14ac:dyDescent="0.35">
      <c r="A1093" s="1" t="s">
        <v>4408</v>
      </c>
      <c r="B1093" s="1" t="s">
        <v>4409</v>
      </c>
      <c r="C1093" s="1" t="s">
        <v>20</v>
      </c>
      <c r="D1093" s="1" t="s">
        <v>165</v>
      </c>
      <c r="E1093" s="1" t="s">
        <v>4418</v>
      </c>
      <c r="F1093" s="1" t="s">
        <v>4419</v>
      </c>
      <c r="G1093" s="1" t="s">
        <v>4412</v>
      </c>
      <c r="H1093" s="1" t="s">
        <v>13</v>
      </c>
      <c r="I1093" s="1" t="s">
        <v>4413</v>
      </c>
      <c r="J1093" s="1" t="s">
        <v>4420</v>
      </c>
    </row>
    <row r="1094" spans="1:10" x14ac:dyDescent="0.35">
      <c r="A1094" s="1" t="s">
        <v>4408</v>
      </c>
      <c r="B1094" s="1" t="s">
        <v>4409</v>
      </c>
      <c r="C1094" s="1" t="s">
        <v>25</v>
      </c>
      <c r="D1094" s="1" t="s">
        <v>45</v>
      </c>
      <c r="E1094" s="1" t="s">
        <v>4421</v>
      </c>
      <c r="F1094" s="1" t="s">
        <v>4422</v>
      </c>
      <c r="G1094" s="1" t="s">
        <v>4412</v>
      </c>
      <c r="H1094" s="1" t="s">
        <v>13</v>
      </c>
      <c r="I1094" s="1" t="s">
        <v>4413</v>
      </c>
      <c r="J1094" s="1" t="s">
        <v>4423</v>
      </c>
    </row>
    <row r="1095" spans="1:10" x14ac:dyDescent="0.35">
      <c r="A1095" s="1" t="s">
        <v>4408</v>
      </c>
      <c r="B1095" s="1" t="s">
        <v>4409</v>
      </c>
      <c r="C1095" s="1" t="s">
        <v>30</v>
      </c>
      <c r="D1095" s="1" t="s">
        <v>55</v>
      </c>
      <c r="E1095" s="1" t="s">
        <v>4424</v>
      </c>
      <c r="F1095" s="1" t="s">
        <v>4425</v>
      </c>
      <c r="G1095" s="1" t="s">
        <v>4412</v>
      </c>
      <c r="H1095" s="1" t="s">
        <v>13</v>
      </c>
      <c r="I1095" s="1" t="s">
        <v>4413</v>
      </c>
      <c r="J1095" s="1" t="s">
        <v>4426</v>
      </c>
    </row>
    <row r="1096" spans="1:10" x14ac:dyDescent="0.35">
      <c r="A1096" s="1" t="s">
        <v>4408</v>
      </c>
      <c r="B1096" s="1" t="s">
        <v>4409</v>
      </c>
      <c r="C1096" s="1" t="s">
        <v>35</v>
      </c>
      <c r="D1096" s="1" t="s">
        <v>4427</v>
      </c>
      <c r="E1096" s="1" t="s">
        <v>4428</v>
      </c>
      <c r="F1096" s="1" t="s">
        <v>4429</v>
      </c>
      <c r="G1096" s="1" t="s">
        <v>4412</v>
      </c>
      <c r="H1096" s="1" t="s">
        <v>13</v>
      </c>
      <c r="I1096" s="1" t="s">
        <v>4413</v>
      </c>
      <c r="J1096" s="1" t="s">
        <v>4430</v>
      </c>
    </row>
    <row r="1097" spans="1:10" x14ac:dyDescent="0.35">
      <c r="A1097" s="1" t="s">
        <v>4408</v>
      </c>
      <c r="B1097" s="1" t="s">
        <v>4409</v>
      </c>
      <c r="C1097" s="1" t="s">
        <v>40</v>
      </c>
      <c r="D1097" s="1" t="s">
        <v>4431</v>
      </c>
      <c r="E1097" s="1" t="s">
        <v>4432</v>
      </c>
      <c r="F1097" s="1" t="s">
        <v>4433</v>
      </c>
      <c r="G1097" s="1" t="s">
        <v>4412</v>
      </c>
      <c r="H1097" s="1" t="s">
        <v>13</v>
      </c>
      <c r="I1097" s="1" t="s">
        <v>4413</v>
      </c>
      <c r="J1097" s="1" t="s">
        <v>4434</v>
      </c>
    </row>
    <row r="1098" spans="1:10" x14ac:dyDescent="0.35">
      <c r="A1098" s="1" t="s">
        <v>4408</v>
      </c>
      <c r="B1098" s="1" t="s">
        <v>4409</v>
      </c>
      <c r="C1098" s="1" t="s">
        <v>45</v>
      </c>
      <c r="D1098" s="1" t="s">
        <v>4435</v>
      </c>
      <c r="E1098" s="1" t="s">
        <v>4436</v>
      </c>
      <c r="F1098" s="1" t="s">
        <v>4437</v>
      </c>
      <c r="G1098" s="1" t="s">
        <v>4412</v>
      </c>
      <c r="H1098" s="1" t="s">
        <v>13</v>
      </c>
      <c r="I1098" s="1" t="s">
        <v>4413</v>
      </c>
      <c r="J1098" s="1" t="s">
        <v>4438</v>
      </c>
    </row>
    <row r="1099" spans="1:10" x14ac:dyDescent="0.35">
      <c r="A1099" s="1" t="s">
        <v>4408</v>
      </c>
      <c r="B1099" s="1" t="s">
        <v>4409</v>
      </c>
      <c r="C1099" s="1" t="s">
        <v>50</v>
      </c>
      <c r="D1099" s="1" t="s">
        <v>4439</v>
      </c>
      <c r="E1099" s="1" t="s">
        <v>4440</v>
      </c>
      <c r="F1099" s="1" t="s">
        <v>4441</v>
      </c>
      <c r="G1099" s="1" t="s">
        <v>4412</v>
      </c>
      <c r="H1099" s="1" t="s">
        <v>13</v>
      </c>
      <c r="I1099" s="1" t="s">
        <v>4413</v>
      </c>
      <c r="J1099" s="1" t="s">
        <v>4442</v>
      </c>
    </row>
    <row r="1100" spans="1:10" x14ac:dyDescent="0.35">
      <c r="A1100" s="1" t="s">
        <v>4408</v>
      </c>
      <c r="B1100" s="1" t="s">
        <v>4409</v>
      </c>
      <c r="C1100" s="1" t="s">
        <v>55</v>
      </c>
      <c r="D1100" s="1" t="s">
        <v>4443</v>
      </c>
      <c r="E1100" s="1" t="s">
        <v>4444</v>
      </c>
      <c r="F1100" s="1" t="s">
        <v>4445</v>
      </c>
      <c r="G1100" s="1" t="s">
        <v>4412</v>
      </c>
      <c r="H1100" s="1" t="s">
        <v>13</v>
      </c>
      <c r="I1100" s="1" t="s">
        <v>4413</v>
      </c>
      <c r="J1100" s="1" t="s">
        <v>4446</v>
      </c>
    </row>
    <row r="1101" spans="1:10" x14ac:dyDescent="0.35">
      <c r="A1101" s="1" t="s">
        <v>4408</v>
      </c>
      <c r="B1101" s="1" t="s">
        <v>4409</v>
      </c>
      <c r="C1101" s="1" t="s">
        <v>60</v>
      </c>
      <c r="D1101" s="1" t="s">
        <v>4447</v>
      </c>
      <c r="E1101" s="1" t="s">
        <v>4448</v>
      </c>
      <c r="F1101" s="1" t="s">
        <v>4449</v>
      </c>
      <c r="G1101" s="1" t="s">
        <v>4412</v>
      </c>
      <c r="H1101" s="1" t="s">
        <v>13</v>
      </c>
      <c r="I1101" s="1" t="s">
        <v>4413</v>
      </c>
      <c r="J1101" s="1" t="s">
        <v>4450</v>
      </c>
    </row>
    <row r="1102" spans="1:10" x14ac:dyDescent="0.35">
      <c r="A1102" s="1" t="s">
        <v>4408</v>
      </c>
      <c r="B1102" s="1" t="s">
        <v>4409</v>
      </c>
      <c r="C1102" s="1" t="s">
        <v>65</v>
      </c>
      <c r="D1102" s="1" t="s">
        <v>4451</v>
      </c>
      <c r="E1102" s="1" t="s">
        <v>4452</v>
      </c>
      <c r="F1102" s="1" t="s">
        <v>4453</v>
      </c>
      <c r="G1102" s="1" t="s">
        <v>4412</v>
      </c>
      <c r="H1102" s="1" t="s">
        <v>13</v>
      </c>
      <c r="I1102" s="1" t="s">
        <v>4413</v>
      </c>
      <c r="J1102" s="1" t="s">
        <v>4454</v>
      </c>
    </row>
    <row r="1103" spans="1:10" x14ac:dyDescent="0.35">
      <c r="A1103" s="1" t="s">
        <v>4408</v>
      </c>
      <c r="B1103" s="1" t="s">
        <v>4409</v>
      </c>
      <c r="C1103" s="1" t="s">
        <v>70</v>
      </c>
      <c r="D1103" s="1" t="s">
        <v>3577</v>
      </c>
      <c r="E1103" s="1" t="s">
        <v>4455</v>
      </c>
      <c r="F1103" s="1" t="s">
        <v>4456</v>
      </c>
      <c r="G1103" s="1" t="s">
        <v>4412</v>
      </c>
      <c r="H1103" s="1" t="s">
        <v>13</v>
      </c>
      <c r="I1103" s="1" t="s">
        <v>4413</v>
      </c>
      <c r="J1103" s="1" t="s">
        <v>4457</v>
      </c>
    </row>
    <row r="1104" spans="1:10" x14ac:dyDescent="0.35">
      <c r="A1104" s="1" t="s">
        <v>4408</v>
      </c>
      <c r="B1104" s="1" t="s">
        <v>4409</v>
      </c>
      <c r="C1104" s="1" t="s">
        <v>75</v>
      </c>
      <c r="D1104" s="1" t="s">
        <v>4458</v>
      </c>
      <c r="E1104" s="1" t="s">
        <v>4459</v>
      </c>
      <c r="F1104" s="1" t="s">
        <v>4460</v>
      </c>
      <c r="G1104" s="1" t="s">
        <v>4412</v>
      </c>
      <c r="H1104" s="1" t="s">
        <v>13</v>
      </c>
      <c r="I1104" s="1" t="s">
        <v>4413</v>
      </c>
      <c r="J1104" s="1" t="s">
        <v>4461</v>
      </c>
    </row>
    <row r="1105" spans="1:10" x14ac:dyDescent="0.35">
      <c r="A1105" s="1" t="s">
        <v>4408</v>
      </c>
      <c r="B1105" s="1" t="s">
        <v>4409</v>
      </c>
      <c r="C1105" s="1" t="s">
        <v>80</v>
      </c>
      <c r="D1105" s="1" t="s">
        <v>4462</v>
      </c>
      <c r="E1105" s="1" t="s">
        <v>4463</v>
      </c>
      <c r="F1105" s="1" t="s">
        <v>4464</v>
      </c>
      <c r="G1105" s="1" t="s">
        <v>4412</v>
      </c>
      <c r="H1105" s="1" t="s">
        <v>13</v>
      </c>
      <c r="I1105" s="1" t="s">
        <v>4413</v>
      </c>
      <c r="J1105" s="1" t="s">
        <v>4465</v>
      </c>
    </row>
    <row r="1106" spans="1:10" x14ac:dyDescent="0.35">
      <c r="A1106" s="1" t="s">
        <v>4408</v>
      </c>
      <c r="B1106" s="1" t="s">
        <v>4409</v>
      </c>
      <c r="C1106" s="1" t="s">
        <v>85</v>
      </c>
      <c r="D1106" s="1" t="s">
        <v>4466</v>
      </c>
      <c r="E1106" s="1" t="s">
        <v>4467</v>
      </c>
      <c r="F1106" s="1" t="s">
        <v>4468</v>
      </c>
      <c r="G1106" s="1" t="s">
        <v>4412</v>
      </c>
      <c r="H1106" s="1" t="s">
        <v>13</v>
      </c>
      <c r="I1106" s="1" t="s">
        <v>4413</v>
      </c>
      <c r="J1106" s="1" t="s">
        <v>4469</v>
      </c>
    </row>
    <row r="1107" spans="1:10" x14ac:dyDescent="0.35">
      <c r="A1107" s="1" t="s">
        <v>4408</v>
      </c>
      <c r="B1107" s="1" t="s">
        <v>4409</v>
      </c>
      <c r="C1107" s="1" t="s">
        <v>90</v>
      </c>
      <c r="D1107" s="1" t="s">
        <v>1950</v>
      </c>
      <c r="E1107" s="1" t="s">
        <v>4470</v>
      </c>
      <c r="F1107" s="1" t="s">
        <v>4471</v>
      </c>
      <c r="G1107" s="1" t="s">
        <v>4412</v>
      </c>
      <c r="H1107" s="1" t="s">
        <v>13</v>
      </c>
      <c r="I1107" s="1" t="s">
        <v>4413</v>
      </c>
      <c r="J1107" s="1" t="s">
        <v>4472</v>
      </c>
    </row>
    <row r="1108" spans="1:10" x14ac:dyDescent="0.35">
      <c r="A1108" s="1" t="s">
        <v>4408</v>
      </c>
      <c r="B1108" s="1" t="s">
        <v>4409</v>
      </c>
      <c r="C1108" s="1" t="s">
        <v>95</v>
      </c>
      <c r="D1108" s="1" t="s">
        <v>4473</v>
      </c>
      <c r="E1108" s="1" t="s">
        <v>4474</v>
      </c>
      <c r="F1108" s="1" t="s">
        <v>4475</v>
      </c>
      <c r="G1108" s="1" t="s">
        <v>4412</v>
      </c>
      <c r="H1108" s="1" t="s">
        <v>13</v>
      </c>
      <c r="I1108" s="1" t="s">
        <v>4413</v>
      </c>
      <c r="J1108" s="1" t="s">
        <v>4476</v>
      </c>
    </row>
    <row r="1109" spans="1:10" x14ac:dyDescent="0.35">
      <c r="A1109" s="1" t="s">
        <v>4408</v>
      </c>
      <c r="B1109" s="1" t="s">
        <v>4409</v>
      </c>
      <c r="C1109" s="1" t="s">
        <v>100</v>
      </c>
      <c r="D1109" s="1" t="s">
        <v>1540</v>
      </c>
      <c r="E1109" s="1" t="s">
        <v>4477</v>
      </c>
      <c r="F1109" s="1" t="s">
        <v>4478</v>
      </c>
      <c r="G1109" s="1" t="s">
        <v>4412</v>
      </c>
      <c r="H1109" s="1" t="s">
        <v>13</v>
      </c>
      <c r="I1109" s="1" t="s">
        <v>4413</v>
      </c>
      <c r="J1109" s="1" t="s">
        <v>4479</v>
      </c>
    </row>
    <row r="1110" spans="1:10" x14ac:dyDescent="0.35">
      <c r="A1110" s="1" t="s">
        <v>4408</v>
      </c>
      <c r="B1110" s="1" t="s">
        <v>4409</v>
      </c>
      <c r="C1110" s="1" t="s">
        <v>105</v>
      </c>
      <c r="D1110" s="1" t="s">
        <v>4480</v>
      </c>
      <c r="E1110" s="1" t="s">
        <v>4481</v>
      </c>
      <c r="F1110" s="1" t="s">
        <v>4482</v>
      </c>
      <c r="G1110" s="1" t="s">
        <v>4412</v>
      </c>
      <c r="H1110" s="1" t="s">
        <v>13</v>
      </c>
      <c r="I1110" s="1" t="s">
        <v>4413</v>
      </c>
      <c r="J1110" s="1" t="s">
        <v>4483</v>
      </c>
    </row>
    <row r="1111" spans="1:10" x14ac:dyDescent="0.35">
      <c r="A1111" s="1" t="s">
        <v>4408</v>
      </c>
      <c r="B1111" s="1" t="s">
        <v>4409</v>
      </c>
      <c r="C1111" s="1" t="s">
        <v>110</v>
      </c>
      <c r="D1111" s="1" t="s">
        <v>4484</v>
      </c>
      <c r="E1111" s="1" t="s">
        <v>4485</v>
      </c>
      <c r="F1111" s="1" t="s">
        <v>4486</v>
      </c>
      <c r="G1111" s="1" t="s">
        <v>4412</v>
      </c>
      <c r="H1111" s="1" t="s">
        <v>13</v>
      </c>
      <c r="I1111" s="1" t="s">
        <v>4413</v>
      </c>
      <c r="J1111" s="1" t="s">
        <v>4487</v>
      </c>
    </row>
    <row r="1112" spans="1:10" x14ac:dyDescent="0.35">
      <c r="A1112" s="1" t="s">
        <v>4408</v>
      </c>
      <c r="B1112" s="1" t="s">
        <v>4409</v>
      </c>
      <c r="C1112" s="1" t="s">
        <v>115</v>
      </c>
      <c r="D1112" s="1" t="s">
        <v>4488</v>
      </c>
      <c r="E1112" s="1" t="s">
        <v>4489</v>
      </c>
      <c r="F1112" s="1" t="s">
        <v>4490</v>
      </c>
      <c r="G1112" s="1" t="s">
        <v>4412</v>
      </c>
      <c r="H1112" s="1" t="s">
        <v>13</v>
      </c>
      <c r="I1112" s="1" t="s">
        <v>4413</v>
      </c>
      <c r="J1112" s="1" t="s">
        <v>4491</v>
      </c>
    </row>
    <row r="1113" spans="1:10" x14ac:dyDescent="0.35">
      <c r="A1113" s="1" t="s">
        <v>4408</v>
      </c>
      <c r="B1113" s="1" t="s">
        <v>4409</v>
      </c>
      <c r="C1113" s="1" t="s">
        <v>120</v>
      </c>
      <c r="D1113" s="1" t="s">
        <v>4492</v>
      </c>
      <c r="E1113" s="1" t="s">
        <v>4493</v>
      </c>
      <c r="F1113" s="1" t="s">
        <v>4494</v>
      </c>
      <c r="G1113" s="1" t="s">
        <v>4412</v>
      </c>
      <c r="H1113" s="1" t="s">
        <v>13</v>
      </c>
      <c r="I1113" s="1" t="s">
        <v>4413</v>
      </c>
      <c r="J1113" s="1" t="s">
        <v>4495</v>
      </c>
    </row>
    <row r="1114" spans="1:10" x14ac:dyDescent="0.35">
      <c r="A1114" s="1" t="s">
        <v>4408</v>
      </c>
      <c r="B1114" s="1" t="s">
        <v>4409</v>
      </c>
      <c r="C1114" s="1" t="s">
        <v>125</v>
      </c>
      <c r="D1114" s="1" t="s">
        <v>4496</v>
      </c>
      <c r="E1114" s="1" t="s">
        <v>4497</v>
      </c>
      <c r="F1114" s="1" t="s">
        <v>4498</v>
      </c>
      <c r="G1114" s="1" t="s">
        <v>4412</v>
      </c>
      <c r="H1114" s="1" t="s">
        <v>13</v>
      </c>
      <c r="I1114" s="1" t="s">
        <v>4413</v>
      </c>
      <c r="J1114" s="1" t="s">
        <v>4499</v>
      </c>
    </row>
    <row r="1115" spans="1:10" x14ac:dyDescent="0.35">
      <c r="A1115" s="1" t="s">
        <v>4408</v>
      </c>
      <c r="B1115" s="1" t="s">
        <v>4409</v>
      </c>
      <c r="C1115" s="1" t="s">
        <v>130</v>
      </c>
      <c r="D1115" s="1" t="s">
        <v>4500</v>
      </c>
      <c r="E1115" s="1" t="s">
        <v>4501</v>
      </c>
      <c r="F1115" s="1" t="s">
        <v>4502</v>
      </c>
      <c r="G1115" s="1" t="s">
        <v>4412</v>
      </c>
      <c r="H1115" s="1" t="s">
        <v>13</v>
      </c>
      <c r="I1115" s="1" t="s">
        <v>4413</v>
      </c>
      <c r="J1115" s="1" t="s">
        <v>4503</v>
      </c>
    </row>
    <row r="1116" spans="1:10" x14ac:dyDescent="0.35">
      <c r="A1116" s="1" t="s">
        <v>4408</v>
      </c>
      <c r="B1116" s="1" t="s">
        <v>4409</v>
      </c>
      <c r="C1116" s="1" t="s">
        <v>135</v>
      </c>
      <c r="D1116" s="1" t="s">
        <v>4504</v>
      </c>
      <c r="E1116" s="1" t="s">
        <v>4505</v>
      </c>
      <c r="F1116" s="1" t="s">
        <v>4506</v>
      </c>
      <c r="G1116" s="1" t="s">
        <v>4412</v>
      </c>
      <c r="H1116" s="1" t="s">
        <v>13</v>
      </c>
      <c r="I1116" s="1" t="s">
        <v>4413</v>
      </c>
      <c r="J1116" s="1" t="s">
        <v>4507</v>
      </c>
    </row>
    <row r="1117" spans="1:10" x14ac:dyDescent="0.35">
      <c r="A1117" s="1" t="s">
        <v>4408</v>
      </c>
      <c r="B1117" s="1" t="s">
        <v>4409</v>
      </c>
      <c r="C1117" s="1" t="s">
        <v>140</v>
      </c>
      <c r="D1117" s="1" t="s">
        <v>4508</v>
      </c>
      <c r="E1117" s="1" t="s">
        <v>4509</v>
      </c>
      <c r="F1117" s="1" t="s">
        <v>4510</v>
      </c>
      <c r="G1117" s="1" t="s">
        <v>4412</v>
      </c>
      <c r="H1117" s="1" t="s">
        <v>13</v>
      </c>
      <c r="I1117" s="1" t="s">
        <v>4413</v>
      </c>
      <c r="J1117" s="1" t="s">
        <v>4511</v>
      </c>
    </row>
    <row r="1118" spans="1:10" x14ac:dyDescent="0.35">
      <c r="A1118" s="1" t="s">
        <v>4408</v>
      </c>
      <c r="B1118" s="1" t="s">
        <v>4409</v>
      </c>
      <c r="C1118" s="1" t="s">
        <v>145</v>
      </c>
      <c r="D1118" s="1" t="s">
        <v>4512</v>
      </c>
      <c r="E1118" s="1" t="s">
        <v>4513</v>
      </c>
      <c r="F1118" s="1" t="s">
        <v>4514</v>
      </c>
      <c r="G1118" s="1" t="s">
        <v>4412</v>
      </c>
      <c r="H1118" s="1" t="s">
        <v>13</v>
      </c>
      <c r="I1118" s="1" t="s">
        <v>4413</v>
      </c>
      <c r="J1118" s="1" t="s">
        <v>4515</v>
      </c>
    </row>
    <row r="1119" spans="1:10" x14ac:dyDescent="0.35">
      <c r="A1119" s="1" t="s">
        <v>4408</v>
      </c>
      <c r="B1119" s="1" t="s">
        <v>4409</v>
      </c>
      <c r="C1119" s="1" t="s">
        <v>150</v>
      </c>
      <c r="D1119" s="1" t="s">
        <v>4516</v>
      </c>
      <c r="E1119" s="1" t="s">
        <v>4517</v>
      </c>
      <c r="F1119" s="1" t="s">
        <v>4518</v>
      </c>
      <c r="G1119" s="1" t="s">
        <v>4412</v>
      </c>
      <c r="H1119" s="1" t="s">
        <v>13</v>
      </c>
      <c r="I1119" s="1" t="s">
        <v>4413</v>
      </c>
      <c r="J1119" s="1" t="s">
        <v>4519</v>
      </c>
    </row>
    <row r="1120" spans="1:10" x14ac:dyDescent="0.35">
      <c r="A1120" s="1" t="s">
        <v>4408</v>
      </c>
      <c r="B1120" s="1" t="s">
        <v>4409</v>
      </c>
      <c r="C1120" s="1" t="s">
        <v>155</v>
      </c>
      <c r="D1120" s="1" t="s">
        <v>4520</v>
      </c>
      <c r="E1120" s="1" t="s">
        <v>4521</v>
      </c>
      <c r="F1120" s="1" t="s">
        <v>4522</v>
      </c>
      <c r="G1120" s="1" t="s">
        <v>4412</v>
      </c>
      <c r="H1120" s="1" t="s">
        <v>13</v>
      </c>
      <c r="I1120" s="1" t="s">
        <v>4413</v>
      </c>
      <c r="J1120" s="1" t="s">
        <v>4523</v>
      </c>
    </row>
    <row r="1121" spans="1:10" x14ac:dyDescent="0.35">
      <c r="A1121" s="1" t="s">
        <v>4408</v>
      </c>
      <c r="B1121" s="1" t="s">
        <v>4409</v>
      </c>
      <c r="C1121" s="1" t="s">
        <v>160</v>
      </c>
      <c r="D1121" s="1" t="s">
        <v>4524</v>
      </c>
      <c r="E1121" s="1" t="s">
        <v>4525</v>
      </c>
      <c r="F1121" s="1" t="s">
        <v>4526</v>
      </c>
      <c r="G1121" s="1" t="s">
        <v>4412</v>
      </c>
      <c r="H1121" s="1" t="s">
        <v>13</v>
      </c>
      <c r="I1121" s="1" t="s">
        <v>4413</v>
      </c>
      <c r="J1121" s="1" t="s">
        <v>4527</v>
      </c>
    </row>
    <row r="1122" spans="1:10" x14ac:dyDescent="0.35">
      <c r="A1122" s="1" t="s">
        <v>4408</v>
      </c>
      <c r="B1122" s="1" t="s">
        <v>4409</v>
      </c>
      <c r="C1122" s="1" t="s">
        <v>165</v>
      </c>
      <c r="D1122" s="1" t="s">
        <v>4528</v>
      </c>
      <c r="E1122" s="1" t="s">
        <v>4529</v>
      </c>
      <c r="F1122" s="1" t="s">
        <v>4530</v>
      </c>
      <c r="G1122" s="1" t="s">
        <v>4412</v>
      </c>
      <c r="H1122" s="1" t="s">
        <v>13</v>
      </c>
      <c r="I1122" s="1" t="s">
        <v>4413</v>
      </c>
      <c r="J1122" s="1" t="s">
        <v>4531</v>
      </c>
    </row>
    <row r="1123" spans="1:10" x14ac:dyDescent="0.35">
      <c r="A1123" s="1" t="s">
        <v>4408</v>
      </c>
      <c r="B1123" s="1" t="s">
        <v>4409</v>
      </c>
      <c r="C1123" s="1" t="s">
        <v>170</v>
      </c>
      <c r="D1123" s="1" t="s">
        <v>4532</v>
      </c>
      <c r="E1123" s="1" t="s">
        <v>4533</v>
      </c>
      <c r="F1123" s="1" t="s">
        <v>4534</v>
      </c>
      <c r="G1123" s="1" t="s">
        <v>4412</v>
      </c>
      <c r="H1123" s="1" t="s">
        <v>13</v>
      </c>
      <c r="I1123" s="1" t="s">
        <v>4413</v>
      </c>
      <c r="J1123" s="1" t="s">
        <v>4535</v>
      </c>
    </row>
    <row r="1124" spans="1:10" x14ac:dyDescent="0.35">
      <c r="A1124" s="1" t="s">
        <v>4536</v>
      </c>
      <c r="B1124" s="1" t="s">
        <v>4537</v>
      </c>
      <c r="C1124" s="1" t="s">
        <v>8</v>
      </c>
      <c r="D1124" s="1" t="s">
        <v>4538</v>
      </c>
      <c r="E1124" s="1" t="s">
        <v>4539</v>
      </c>
      <c r="F1124" s="1" t="s">
        <v>4540</v>
      </c>
      <c r="G1124" s="1" t="s">
        <v>4541</v>
      </c>
      <c r="H1124" s="1" t="s">
        <v>13</v>
      </c>
      <c r="I1124" s="1" t="s">
        <v>4542</v>
      </c>
      <c r="J1124" s="1" t="s">
        <v>13</v>
      </c>
    </row>
    <row r="1125" spans="1:10" x14ac:dyDescent="0.35">
      <c r="A1125" s="1" t="s">
        <v>4536</v>
      </c>
      <c r="B1125" s="1" t="s">
        <v>4537</v>
      </c>
      <c r="C1125" s="1" t="s">
        <v>15</v>
      </c>
      <c r="D1125" s="1" t="s">
        <v>4543</v>
      </c>
      <c r="E1125" s="1" t="s">
        <v>4544</v>
      </c>
      <c r="F1125" s="1" t="s">
        <v>4545</v>
      </c>
      <c r="G1125" s="1" t="s">
        <v>4541</v>
      </c>
      <c r="H1125" s="1" t="s">
        <v>13</v>
      </c>
      <c r="I1125" s="1" t="s">
        <v>4542</v>
      </c>
      <c r="J1125" s="1" t="s">
        <v>4546</v>
      </c>
    </row>
    <row r="1126" spans="1:10" x14ac:dyDescent="0.35">
      <c r="A1126" s="1" t="s">
        <v>4536</v>
      </c>
      <c r="B1126" s="1" t="s">
        <v>4537</v>
      </c>
      <c r="C1126" s="1" t="s">
        <v>20</v>
      </c>
      <c r="D1126" s="1" t="s">
        <v>4547</v>
      </c>
      <c r="E1126" s="1" t="s">
        <v>4548</v>
      </c>
      <c r="F1126" s="1" t="s">
        <v>4549</v>
      </c>
      <c r="G1126" s="1" t="s">
        <v>4541</v>
      </c>
      <c r="H1126" s="1" t="s">
        <v>13</v>
      </c>
      <c r="I1126" s="1" t="s">
        <v>4542</v>
      </c>
      <c r="J1126" s="1" t="s">
        <v>4550</v>
      </c>
    </row>
    <row r="1127" spans="1:10" x14ac:dyDescent="0.35">
      <c r="A1127" s="1" t="s">
        <v>4536</v>
      </c>
      <c r="B1127" s="1" t="s">
        <v>4537</v>
      </c>
      <c r="C1127" s="1" t="s">
        <v>25</v>
      </c>
      <c r="D1127" s="1" t="s">
        <v>4551</v>
      </c>
      <c r="E1127" s="1" t="s">
        <v>4552</v>
      </c>
      <c r="F1127" s="1" t="s">
        <v>4553</v>
      </c>
      <c r="G1127" s="1" t="s">
        <v>4541</v>
      </c>
      <c r="H1127" s="1" t="s">
        <v>13</v>
      </c>
      <c r="I1127" s="1" t="s">
        <v>4542</v>
      </c>
      <c r="J1127" s="1" t="s">
        <v>4554</v>
      </c>
    </row>
    <row r="1128" spans="1:10" x14ac:dyDescent="0.35">
      <c r="A1128" s="1" t="s">
        <v>4536</v>
      </c>
      <c r="B1128" s="1" t="s">
        <v>4537</v>
      </c>
      <c r="C1128" s="1" t="s">
        <v>30</v>
      </c>
      <c r="D1128" s="1" t="s">
        <v>4555</v>
      </c>
      <c r="E1128" s="1" t="s">
        <v>4556</v>
      </c>
      <c r="F1128" s="1" t="s">
        <v>4557</v>
      </c>
      <c r="G1128" s="1" t="s">
        <v>4541</v>
      </c>
      <c r="H1128" s="1" t="s">
        <v>13</v>
      </c>
      <c r="I1128" s="1" t="s">
        <v>4542</v>
      </c>
      <c r="J1128" s="1" t="s">
        <v>4558</v>
      </c>
    </row>
    <row r="1129" spans="1:10" x14ac:dyDescent="0.35">
      <c r="A1129" s="1" t="s">
        <v>4536</v>
      </c>
      <c r="B1129" s="1" t="s">
        <v>4537</v>
      </c>
      <c r="C1129" s="1" t="s">
        <v>35</v>
      </c>
      <c r="D1129" s="1" t="s">
        <v>4559</v>
      </c>
      <c r="E1129" s="1" t="s">
        <v>4560</v>
      </c>
      <c r="F1129" s="1" t="s">
        <v>4561</v>
      </c>
      <c r="G1129" s="1" t="s">
        <v>4541</v>
      </c>
      <c r="H1129" s="1" t="s">
        <v>13</v>
      </c>
      <c r="I1129" s="1" t="s">
        <v>4542</v>
      </c>
      <c r="J1129" s="1" t="s">
        <v>4562</v>
      </c>
    </row>
    <row r="1130" spans="1:10" x14ac:dyDescent="0.35">
      <c r="A1130" s="1" t="s">
        <v>4536</v>
      </c>
      <c r="B1130" s="1" t="s">
        <v>4537</v>
      </c>
      <c r="C1130" s="1" t="s">
        <v>40</v>
      </c>
      <c r="D1130" s="1" t="s">
        <v>4563</v>
      </c>
      <c r="E1130" s="1" t="s">
        <v>4564</v>
      </c>
      <c r="F1130" s="1" t="s">
        <v>4565</v>
      </c>
      <c r="G1130" s="1" t="s">
        <v>4541</v>
      </c>
      <c r="H1130" s="1" t="s">
        <v>13</v>
      </c>
      <c r="I1130" s="1" t="s">
        <v>4542</v>
      </c>
      <c r="J1130" s="1" t="s">
        <v>4566</v>
      </c>
    </row>
    <row r="1131" spans="1:10" x14ac:dyDescent="0.35">
      <c r="A1131" s="1" t="s">
        <v>4536</v>
      </c>
      <c r="B1131" s="1" t="s">
        <v>4537</v>
      </c>
      <c r="C1131" s="1" t="s">
        <v>45</v>
      </c>
      <c r="D1131" s="1" t="s">
        <v>4567</v>
      </c>
      <c r="E1131" s="1" t="s">
        <v>4568</v>
      </c>
      <c r="F1131" s="1" t="s">
        <v>4569</v>
      </c>
      <c r="G1131" s="1" t="s">
        <v>4541</v>
      </c>
      <c r="H1131" s="1" t="s">
        <v>13</v>
      </c>
      <c r="I1131" s="1" t="s">
        <v>4542</v>
      </c>
      <c r="J1131" s="1" t="s">
        <v>4570</v>
      </c>
    </row>
    <row r="1132" spans="1:10" x14ac:dyDescent="0.35">
      <c r="A1132" s="1" t="s">
        <v>4536</v>
      </c>
      <c r="B1132" s="1" t="s">
        <v>4537</v>
      </c>
      <c r="C1132" s="1" t="s">
        <v>50</v>
      </c>
      <c r="D1132" s="1" t="s">
        <v>4571</v>
      </c>
      <c r="E1132" s="1" t="s">
        <v>4572</v>
      </c>
      <c r="F1132" s="1" t="s">
        <v>4573</v>
      </c>
      <c r="G1132" s="1" t="s">
        <v>4541</v>
      </c>
      <c r="H1132" s="1" t="s">
        <v>13</v>
      </c>
      <c r="I1132" s="1" t="s">
        <v>4542</v>
      </c>
      <c r="J1132" s="1" t="s">
        <v>4574</v>
      </c>
    </row>
    <row r="1133" spans="1:10" x14ac:dyDescent="0.35">
      <c r="A1133" s="1" t="s">
        <v>4536</v>
      </c>
      <c r="B1133" s="1" t="s">
        <v>4537</v>
      </c>
      <c r="C1133" s="1" t="s">
        <v>55</v>
      </c>
      <c r="D1133" s="1" t="s">
        <v>4575</v>
      </c>
      <c r="E1133" s="1" t="s">
        <v>4576</v>
      </c>
      <c r="F1133" s="1" t="s">
        <v>4577</v>
      </c>
      <c r="G1133" s="1" t="s">
        <v>4541</v>
      </c>
      <c r="H1133" s="1" t="s">
        <v>13</v>
      </c>
      <c r="I1133" s="1" t="s">
        <v>4542</v>
      </c>
      <c r="J1133" s="1" t="s">
        <v>4578</v>
      </c>
    </row>
    <row r="1134" spans="1:10" x14ac:dyDescent="0.35">
      <c r="A1134" s="1" t="s">
        <v>4536</v>
      </c>
      <c r="B1134" s="1" t="s">
        <v>4537</v>
      </c>
      <c r="C1134" s="1" t="s">
        <v>60</v>
      </c>
      <c r="D1134" s="1" t="s">
        <v>3108</v>
      </c>
      <c r="E1134" s="1" t="s">
        <v>4579</v>
      </c>
      <c r="F1134" s="1" t="s">
        <v>4580</v>
      </c>
      <c r="G1134" s="1" t="s">
        <v>4541</v>
      </c>
      <c r="H1134" s="1" t="s">
        <v>13</v>
      </c>
      <c r="I1134" s="1" t="s">
        <v>4542</v>
      </c>
      <c r="J1134" s="1" t="s">
        <v>4581</v>
      </c>
    </row>
    <row r="1135" spans="1:10" x14ac:dyDescent="0.35">
      <c r="A1135" s="1" t="s">
        <v>4536</v>
      </c>
      <c r="B1135" s="1" t="s">
        <v>4537</v>
      </c>
      <c r="C1135" s="1" t="s">
        <v>65</v>
      </c>
      <c r="D1135" s="1" t="s">
        <v>4582</v>
      </c>
      <c r="E1135" s="1" t="s">
        <v>4583</v>
      </c>
      <c r="F1135" s="1" t="s">
        <v>4584</v>
      </c>
      <c r="G1135" s="1" t="s">
        <v>4541</v>
      </c>
      <c r="H1135" s="1" t="s">
        <v>13</v>
      </c>
      <c r="I1135" s="1" t="s">
        <v>4542</v>
      </c>
      <c r="J1135" s="1" t="s">
        <v>4585</v>
      </c>
    </row>
    <row r="1136" spans="1:10" x14ac:dyDescent="0.35">
      <c r="A1136" s="1" t="s">
        <v>4536</v>
      </c>
      <c r="B1136" s="1" t="s">
        <v>4537</v>
      </c>
      <c r="C1136" s="1" t="s">
        <v>70</v>
      </c>
      <c r="D1136" s="1" t="s">
        <v>4586</v>
      </c>
      <c r="E1136" s="1" t="s">
        <v>4587</v>
      </c>
      <c r="F1136" s="1" t="s">
        <v>4588</v>
      </c>
      <c r="G1136" s="1" t="s">
        <v>4541</v>
      </c>
      <c r="H1136" s="1" t="s">
        <v>13</v>
      </c>
      <c r="I1136" s="1" t="s">
        <v>4542</v>
      </c>
      <c r="J1136" s="1" t="s">
        <v>4589</v>
      </c>
    </row>
    <row r="1137" spans="1:10" x14ac:dyDescent="0.35">
      <c r="A1137" s="1" t="s">
        <v>4536</v>
      </c>
      <c r="B1137" s="1" t="s">
        <v>4537</v>
      </c>
      <c r="C1137" s="1" t="s">
        <v>75</v>
      </c>
      <c r="D1137" s="1" t="s">
        <v>4590</v>
      </c>
      <c r="E1137" s="1" t="s">
        <v>4591</v>
      </c>
      <c r="F1137" s="1" t="s">
        <v>4592</v>
      </c>
      <c r="G1137" s="1" t="s">
        <v>4541</v>
      </c>
      <c r="H1137" s="1" t="s">
        <v>13</v>
      </c>
      <c r="I1137" s="1" t="s">
        <v>4542</v>
      </c>
      <c r="J1137" s="1" t="s">
        <v>4593</v>
      </c>
    </row>
    <row r="1138" spans="1:10" x14ac:dyDescent="0.35">
      <c r="A1138" s="1" t="s">
        <v>4536</v>
      </c>
      <c r="B1138" s="1" t="s">
        <v>4537</v>
      </c>
      <c r="C1138" s="1" t="s">
        <v>80</v>
      </c>
      <c r="D1138" s="1" t="s">
        <v>4594</v>
      </c>
      <c r="E1138" s="1" t="s">
        <v>4595</v>
      </c>
      <c r="F1138" s="1" t="s">
        <v>4596</v>
      </c>
      <c r="G1138" s="1" t="s">
        <v>4541</v>
      </c>
      <c r="H1138" s="1" t="s">
        <v>13</v>
      </c>
      <c r="I1138" s="1" t="s">
        <v>4542</v>
      </c>
      <c r="J1138" s="1" t="s">
        <v>4597</v>
      </c>
    </row>
    <row r="1139" spans="1:10" x14ac:dyDescent="0.35">
      <c r="A1139" s="1" t="s">
        <v>4536</v>
      </c>
      <c r="B1139" s="1" t="s">
        <v>4537</v>
      </c>
      <c r="C1139" s="1" t="s">
        <v>85</v>
      </c>
      <c r="D1139" s="1" t="s">
        <v>4598</v>
      </c>
      <c r="E1139" s="1" t="s">
        <v>4599</v>
      </c>
      <c r="F1139" s="1" t="s">
        <v>4600</v>
      </c>
      <c r="G1139" s="1" t="s">
        <v>4541</v>
      </c>
      <c r="H1139" s="1" t="s">
        <v>13</v>
      </c>
      <c r="I1139" s="1" t="s">
        <v>4542</v>
      </c>
      <c r="J1139" s="1" t="s">
        <v>4601</v>
      </c>
    </row>
    <row r="1140" spans="1:10" x14ac:dyDescent="0.35">
      <c r="A1140" s="1" t="s">
        <v>4536</v>
      </c>
      <c r="B1140" s="1" t="s">
        <v>4537</v>
      </c>
      <c r="C1140" s="1" t="s">
        <v>90</v>
      </c>
      <c r="D1140" s="1" t="s">
        <v>4602</v>
      </c>
      <c r="E1140" s="1" t="s">
        <v>4603</v>
      </c>
      <c r="F1140" s="1" t="s">
        <v>4604</v>
      </c>
      <c r="G1140" s="1" t="s">
        <v>4541</v>
      </c>
      <c r="H1140" s="1" t="s">
        <v>13</v>
      </c>
      <c r="I1140" s="1" t="s">
        <v>4542</v>
      </c>
      <c r="J1140" s="1" t="s">
        <v>4605</v>
      </c>
    </row>
    <row r="1141" spans="1:10" x14ac:dyDescent="0.35">
      <c r="A1141" s="1" t="s">
        <v>4536</v>
      </c>
      <c r="B1141" s="1" t="s">
        <v>4537</v>
      </c>
      <c r="C1141" s="1" t="s">
        <v>95</v>
      </c>
      <c r="D1141" s="1" t="s">
        <v>4606</v>
      </c>
      <c r="E1141" s="1" t="s">
        <v>4607</v>
      </c>
      <c r="F1141" s="1" t="s">
        <v>4608</v>
      </c>
      <c r="G1141" s="1" t="s">
        <v>4541</v>
      </c>
      <c r="H1141" s="1" t="s">
        <v>13</v>
      </c>
      <c r="I1141" s="1" t="s">
        <v>4542</v>
      </c>
      <c r="J1141" s="1" t="s">
        <v>4609</v>
      </c>
    </row>
    <row r="1142" spans="1:10" x14ac:dyDescent="0.35">
      <c r="A1142" s="1" t="s">
        <v>4536</v>
      </c>
      <c r="B1142" s="1" t="s">
        <v>4537</v>
      </c>
      <c r="C1142" s="1" t="s">
        <v>100</v>
      </c>
      <c r="D1142" s="1" t="s">
        <v>4610</v>
      </c>
      <c r="E1142" s="1" t="s">
        <v>4611</v>
      </c>
      <c r="F1142" s="1" t="s">
        <v>4612</v>
      </c>
      <c r="G1142" s="1" t="s">
        <v>4541</v>
      </c>
      <c r="H1142" s="1" t="s">
        <v>13</v>
      </c>
      <c r="I1142" s="1" t="s">
        <v>4542</v>
      </c>
      <c r="J1142" s="1" t="s">
        <v>4613</v>
      </c>
    </row>
    <row r="1143" spans="1:10" x14ac:dyDescent="0.35">
      <c r="A1143" s="1" t="s">
        <v>4536</v>
      </c>
      <c r="B1143" s="1" t="s">
        <v>4537</v>
      </c>
      <c r="C1143" s="1" t="s">
        <v>105</v>
      </c>
      <c r="D1143" s="1" t="s">
        <v>4614</v>
      </c>
      <c r="E1143" s="1" t="s">
        <v>4615</v>
      </c>
      <c r="F1143" s="1" t="s">
        <v>4616</v>
      </c>
      <c r="G1143" s="1" t="s">
        <v>4541</v>
      </c>
      <c r="H1143" s="1" t="s">
        <v>13</v>
      </c>
      <c r="I1143" s="1" t="s">
        <v>4542</v>
      </c>
      <c r="J1143" s="1" t="s">
        <v>4617</v>
      </c>
    </row>
    <row r="1144" spans="1:10" x14ac:dyDescent="0.35">
      <c r="A1144" s="1" t="s">
        <v>4536</v>
      </c>
      <c r="B1144" s="1" t="s">
        <v>4537</v>
      </c>
      <c r="C1144" s="1" t="s">
        <v>110</v>
      </c>
      <c r="D1144" s="1" t="s">
        <v>4618</v>
      </c>
      <c r="E1144" s="1" t="s">
        <v>4619</v>
      </c>
      <c r="F1144" s="1" t="s">
        <v>4620</v>
      </c>
      <c r="G1144" s="1" t="s">
        <v>4541</v>
      </c>
      <c r="H1144" s="1" t="s">
        <v>13</v>
      </c>
      <c r="I1144" s="1" t="s">
        <v>4542</v>
      </c>
      <c r="J1144" s="1" t="s">
        <v>4621</v>
      </c>
    </row>
    <row r="1145" spans="1:10" x14ac:dyDescent="0.35">
      <c r="A1145" s="1" t="s">
        <v>4536</v>
      </c>
      <c r="B1145" s="1" t="s">
        <v>4537</v>
      </c>
      <c r="C1145" s="1" t="s">
        <v>115</v>
      </c>
      <c r="D1145" s="1" t="s">
        <v>4622</v>
      </c>
      <c r="E1145" s="1" t="s">
        <v>4623</v>
      </c>
      <c r="F1145" s="1" t="s">
        <v>4624</v>
      </c>
      <c r="G1145" s="1" t="s">
        <v>4541</v>
      </c>
      <c r="H1145" s="1" t="s">
        <v>13</v>
      </c>
      <c r="I1145" s="1" t="s">
        <v>4542</v>
      </c>
      <c r="J1145" s="1" t="s">
        <v>4625</v>
      </c>
    </row>
    <row r="1146" spans="1:10" x14ac:dyDescent="0.35">
      <c r="A1146" s="1" t="s">
        <v>4536</v>
      </c>
      <c r="B1146" s="1" t="s">
        <v>4537</v>
      </c>
      <c r="C1146" s="1" t="s">
        <v>120</v>
      </c>
      <c r="D1146" s="1" t="s">
        <v>4626</v>
      </c>
      <c r="E1146" s="1" t="s">
        <v>4627</v>
      </c>
      <c r="F1146" s="1" t="s">
        <v>4628</v>
      </c>
      <c r="G1146" s="1" t="s">
        <v>4541</v>
      </c>
      <c r="H1146" s="1" t="s">
        <v>13</v>
      </c>
      <c r="I1146" s="1" t="s">
        <v>4542</v>
      </c>
      <c r="J1146" s="1" t="s">
        <v>4629</v>
      </c>
    </row>
    <row r="1147" spans="1:10" x14ac:dyDescent="0.35">
      <c r="A1147" s="1" t="s">
        <v>4536</v>
      </c>
      <c r="B1147" s="1" t="s">
        <v>4537</v>
      </c>
      <c r="C1147" s="1" t="s">
        <v>125</v>
      </c>
      <c r="D1147" s="1" t="s">
        <v>4630</v>
      </c>
      <c r="E1147" s="1" t="s">
        <v>4631</v>
      </c>
      <c r="F1147" s="1" t="s">
        <v>4632</v>
      </c>
      <c r="G1147" s="1" t="s">
        <v>4541</v>
      </c>
      <c r="H1147" s="1" t="s">
        <v>13</v>
      </c>
      <c r="I1147" s="1" t="s">
        <v>4542</v>
      </c>
      <c r="J1147" s="1" t="s">
        <v>4633</v>
      </c>
    </row>
    <row r="1148" spans="1:10" x14ac:dyDescent="0.35">
      <c r="A1148" s="1" t="s">
        <v>4536</v>
      </c>
      <c r="B1148" s="1" t="s">
        <v>4537</v>
      </c>
      <c r="C1148" s="1" t="s">
        <v>130</v>
      </c>
      <c r="D1148" s="1" t="s">
        <v>4634</v>
      </c>
      <c r="E1148" s="1" t="s">
        <v>4635</v>
      </c>
      <c r="F1148" s="1" t="s">
        <v>4636</v>
      </c>
      <c r="G1148" s="1" t="s">
        <v>4541</v>
      </c>
      <c r="H1148" s="1" t="s">
        <v>13</v>
      </c>
      <c r="I1148" s="1" t="s">
        <v>4542</v>
      </c>
      <c r="J1148" s="1" t="s">
        <v>4637</v>
      </c>
    </row>
    <row r="1149" spans="1:10" x14ac:dyDescent="0.35">
      <c r="A1149" s="1" t="s">
        <v>4536</v>
      </c>
      <c r="B1149" s="1" t="s">
        <v>4537</v>
      </c>
      <c r="C1149" s="1" t="s">
        <v>135</v>
      </c>
      <c r="D1149" s="1" t="s">
        <v>4638</v>
      </c>
      <c r="E1149" s="1" t="s">
        <v>4639</v>
      </c>
      <c r="F1149" s="1" t="s">
        <v>4640</v>
      </c>
      <c r="G1149" s="1" t="s">
        <v>4541</v>
      </c>
      <c r="H1149" s="1" t="s">
        <v>13</v>
      </c>
      <c r="I1149" s="1" t="s">
        <v>4542</v>
      </c>
      <c r="J1149" s="1" t="s">
        <v>4641</v>
      </c>
    </row>
    <row r="1150" spans="1:10" x14ac:dyDescent="0.35">
      <c r="A1150" s="1" t="s">
        <v>4536</v>
      </c>
      <c r="B1150" s="1" t="s">
        <v>4537</v>
      </c>
      <c r="C1150" s="1" t="s">
        <v>140</v>
      </c>
      <c r="D1150" s="1" t="s">
        <v>4642</v>
      </c>
      <c r="E1150" s="1" t="s">
        <v>4643</v>
      </c>
      <c r="F1150" s="1" t="s">
        <v>4644</v>
      </c>
      <c r="G1150" s="1" t="s">
        <v>4541</v>
      </c>
      <c r="H1150" s="1" t="s">
        <v>13</v>
      </c>
      <c r="I1150" s="1" t="s">
        <v>4542</v>
      </c>
      <c r="J1150" s="1" t="s">
        <v>4645</v>
      </c>
    </row>
    <row r="1151" spans="1:10" x14ac:dyDescent="0.35">
      <c r="A1151" s="1" t="s">
        <v>4536</v>
      </c>
      <c r="B1151" s="1" t="s">
        <v>4537</v>
      </c>
      <c r="C1151" s="1" t="s">
        <v>145</v>
      </c>
      <c r="D1151" s="1" t="s">
        <v>4646</v>
      </c>
      <c r="E1151" s="1" t="s">
        <v>4647</v>
      </c>
      <c r="F1151" s="1" t="s">
        <v>4648</v>
      </c>
      <c r="G1151" s="1" t="s">
        <v>4541</v>
      </c>
      <c r="H1151" s="1" t="s">
        <v>13</v>
      </c>
      <c r="I1151" s="1" t="s">
        <v>4542</v>
      </c>
      <c r="J1151" s="1" t="s">
        <v>4649</v>
      </c>
    </row>
    <row r="1152" spans="1:10" x14ac:dyDescent="0.35">
      <c r="A1152" s="1" t="s">
        <v>4536</v>
      </c>
      <c r="B1152" s="1" t="s">
        <v>4537</v>
      </c>
      <c r="C1152" s="1" t="s">
        <v>150</v>
      </c>
      <c r="D1152" s="1" t="s">
        <v>4650</v>
      </c>
      <c r="E1152" s="1" t="s">
        <v>4651</v>
      </c>
      <c r="F1152" s="1" t="s">
        <v>4652</v>
      </c>
      <c r="G1152" s="1" t="s">
        <v>4541</v>
      </c>
      <c r="H1152" s="1" t="s">
        <v>13</v>
      </c>
      <c r="I1152" s="1" t="s">
        <v>4542</v>
      </c>
      <c r="J1152" s="1" t="s">
        <v>4653</v>
      </c>
    </row>
    <row r="1153" spans="1:10" x14ac:dyDescent="0.35">
      <c r="A1153" s="1" t="s">
        <v>4536</v>
      </c>
      <c r="B1153" s="1" t="s">
        <v>4537</v>
      </c>
      <c r="C1153" s="1" t="s">
        <v>155</v>
      </c>
      <c r="D1153" s="1" t="s">
        <v>4654</v>
      </c>
      <c r="E1153" s="1" t="s">
        <v>4655</v>
      </c>
      <c r="F1153" s="1" t="s">
        <v>4656</v>
      </c>
      <c r="G1153" s="1" t="s">
        <v>4541</v>
      </c>
      <c r="H1153" s="1" t="s">
        <v>13</v>
      </c>
      <c r="I1153" s="1" t="s">
        <v>4542</v>
      </c>
      <c r="J1153" s="1" t="s">
        <v>4657</v>
      </c>
    </row>
    <row r="1154" spans="1:10" x14ac:dyDescent="0.35">
      <c r="A1154" s="1" t="s">
        <v>4536</v>
      </c>
      <c r="B1154" s="1" t="s">
        <v>4537</v>
      </c>
      <c r="C1154" s="1" t="s">
        <v>160</v>
      </c>
      <c r="D1154" s="1" t="s">
        <v>4658</v>
      </c>
      <c r="E1154" s="1" t="s">
        <v>4659</v>
      </c>
      <c r="F1154" s="1" t="s">
        <v>4660</v>
      </c>
      <c r="G1154" s="1" t="s">
        <v>4541</v>
      </c>
      <c r="H1154" s="1" t="s">
        <v>13</v>
      </c>
      <c r="I1154" s="1" t="s">
        <v>4542</v>
      </c>
      <c r="J1154" s="1" t="s">
        <v>4661</v>
      </c>
    </row>
    <row r="1155" spans="1:10" x14ac:dyDescent="0.35">
      <c r="A1155" s="1" t="s">
        <v>4536</v>
      </c>
      <c r="B1155" s="1" t="s">
        <v>4537</v>
      </c>
      <c r="C1155" s="1" t="s">
        <v>165</v>
      </c>
      <c r="D1155" s="1" t="s">
        <v>4662</v>
      </c>
      <c r="E1155" s="1" t="s">
        <v>4663</v>
      </c>
      <c r="F1155" s="1" t="s">
        <v>4664</v>
      </c>
      <c r="G1155" s="1" t="s">
        <v>4541</v>
      </c>
      <c r="H1155" s="1" t="s">
        <v>13</v>
      </c>
      <c r="I1155" s="1" t="s">
        <v>4542</v>
      </c>
      <c r="J1155" s="1" t="s">
        <v>4665</v>
      </c>
    </row>
    <row r="1156" spans="1:10" x14ac:dyDescent="0.35">
      <c r="A1156" s="1" t="s">
        <v>4536</v>
      </c>
      <c r="B1156" s="1" t="s">
        <v>4537</v>
      </c>
      <c r="C1156" s="1" t="s">
        <v>170</v>
      </c>
      <c r="D1156" s="1" t="s">
        <v>4666</v>
      </c>
      <c r="E1156" s="1" t="s">
        <v>4667</v>
      </c>
      <c r="F1156" s="1" t="s">
        <v>4668</v>
      </c>
      <c r="G1156" s="1" t="s">
        <v>4541</v>
      </c>
      <c r="H1156" s="1" t="s">
        <v>13</v>
      </c>
      <c r="I1156" s="1" t="s">
        <v>4542</v>
      </c>
      <c r="J1156" s="1" t="s">
        <v>4669</v>
      </c>
    </row>
    <row r="1157" spans="1:10" x14ac:dyDescent="0.35">
      <c r="A1157" s="1" t="s">
        <v>4670</v>
      </c>
      <c r="B1157" s="1" t="s">
        <v>4671</v>
      </c>
      <c r="C1157" s="1" t="s">
        <v>8</v>
      </c>
      <c r="D1157" s="1" t="s">
        <v>4672</v>
      </c>
      <c r="E1157" s="1" t="s">
        <v>4673</v>
      </c>
      <c r="F1157" s="1" t="s">
        <v>4674</v>
      </c>
      <c r="G1157" s="1" t="s">
        <v>4675</v>
      </c>
      <c r="H1157" s="1" t="s">
        <v>13</v>
      </c>
      <c r="I1157" s="1" t="s">
        <v>4676</v>
      </c>
      <c r="J1157" s="1" t="s">
        <v>13</v>
      </c>
    </row>
    <row r="1158" spans="1:10" x14ac:dyDescent="0.35">
      <c r="A1158" s="1" t="s">
        <v>4670</v>
      </c>
      <c r="B1158" s="1" t="s">
        <v>4671</v>
      </c>
      <c r="C1158" s="1" t="s">
        <v>15</v>
      </c>
      <c r="D1158" s="1" t="s">
        <v>4677</v>
      </c>
      <c r="E1158" s="1" t="s">
        <v>4678</v>
      </c>
      <c r="F1158" s="1" t="s">
        <v>4679</v>
      </c>
      <c r="G1158" s="1" t="s">
        <v>4675</v>
      </c>
      <c r="H1158" s="1" t="s">
        <v>13</v>
      </c>
      <c r="I1158" s="1" t="s">
        <v>4676</v>
      </c>
      <c r="J1158" s="1" t="s">
        <v>4680</v>
      </c>
    </row>
    <row r="1159" spans="1:10" x14ac:dyDescent="0.35">
      <c r="A1159" s="1" t="s">
        <v>4670</v>
      </c>
      <c r="B1159" s="1" t="s">
        <v>4671</v>
      </c>
      <c r="C1159" s="1" t="s">
        <v>20</v>
      </c>
      <c r="D1159" s="1" t="s">
        <v>4681</v>
      </c>
      <c r="E1159" s="1" t="s">
        <v>4682</v>
      </c>
      <c r="F1159" s="1" t="s">
        <v>4683</v>
      </c>
      <c r="G1159" s="1" t="s">
        <v>4675</v>
      </c>
      <c r="H1159" s="1" t="s">
        <v>13</v>
      </c>
      <c r="I1159" s="1" t="s">
        <v>4676</v>
      </c>
      <c r="J1159" s="1" t="s">
        <v>4684</v>
      </c>
    </row>
    <row r="1160" spans="1:10" x14ac:dyDescent="0.35">
      <c r="A1160" s="1" t="s">
        <v>4670</v>
      </c>
      <c r="B1160" s="1" t="s">
        <v>4671</v>
      </c>
      <c r="C1160" s="1" t="s">
        <v>25</v>
      </c>
      <c r="D1160" s="1" t="s">
        <v>4685</v>
      </c>
      <c r="E1160" s="1" t="s">
        <v>4686</v>
      </c>
      <c r="F1160" s="1" t="s">
        <v>4687</v>
      </c>
      <c r="G1160" s="1" t="s">
        <v>4675</v>
      </c>
      <c r="H1160" s="1" t="s">
        <v>13</v>
      </c>
      <c r="I1160" s="1" t="s">
        <v>4676</v>
      </c>
      <c r="J1160" s="1" t="s">
        <v>4688</v>
      </c>
    </row>
    <row r="1161" spans="1:10" x14ac:dyDescent="0.35">
      <c r="A1161" s="1" t="s">
        <v>4670</v>
      </c>
      <c r="B1161" s="1" t="s">
        <v>4671</v>
      </c>
      <c r="C1161" s="1" t="s">
        <v>30</v>
      </c>
      <c r="D1161" s="1" t="s">
        <v>4689</v>
      </c>
      <c r="E1161" s="1" t="s">
        <v>4690</v>
      </c>
      <c r="F1161" s="1" t="s">
        <v>4691</v>
      </c>
      <c r="G1161" s="1" t="s">
        <v>4675</v>
      </c>
      <c r="H1161" s="1" t="s">
        <v>13</v>
      </c>
      <c r="I1161" s="1" t="s">
        <v>4676</v>
      </c>
      <c r="J1161" s="1" t="s">
        <v>4692</v>
      </c>
    </row>
    <row r="1162" spans="1:10" x14ac:dyDescent="0.35">
      <c r="A1162" s="1" t="s">
        <v>4670</v>
      </c>
      <c r="B1162" s="1" t="s">
        <v>4671</v>
      </c>
      <c r="C1162" s="1" t="s">
        <v>35</v>
      </c>
      <c r="D1162" s="1" t="s">
        <v>4693</v>
      </c>
      <c r="E1162" s="1" t="s">
        <v>4694</v>
      </c>
      <c r="F1162" s="1" t="s">
        <v>4695</v>
      </c>
      <c r="G1162" s="1" t="s">
        <v>4675</v>
      </c>
      <c r="H1162" s="1" t="s">
        <v>13</v>
      </c>
      <c r="I1162" s="1" t="s">
        <v>4676</v>
      </c>
      <c r="J1162" s="1" t="s">
        <v>4696</v>
      </c>
    </row>
    <row r="1163" spans="1:10" x14ac:dyDescent="0.35">
      <c r="A1163" s="1" t="s">
        <v>4670</v>
      </c>
      <c r="B1163" s="1" t="s">
        <v>4671</v>
      </c>
      <c r="C1163" s="1" t="s">
        <v>40</v>
      </c>
      <c r="D1163" s="1" t="s">
        <v>4697</v>
      </c>
      <c r="E1163" s="1" t="s">
        <v>4698</v>
      </c>
      <c r="F1163" s="1" t="s">
        <v>4699</v>
      </c>
      <c r="G1163" s="1" t="s">
        <v>4675</v>
      </c>
      <c r="H1163" s="1" t="s">
        <v>13</v>
      </c>
      <c r="I1163" s="1" t="s">
        <v>4676</v>
      </c>
      <c r="J1163" s="1" t="s">
        <v>4700</v>
      </c>
    </row>
    <row r="1164" spans="1:10" x14ac:dyDescent="0.35">
      <c r="A1164" s="1" t="s">
        <v>4670</v>
      </c>
      <c r="B1164" s="1" t="s">
        <v>4671</v>
      </c>
      <c r="C1164" s="1" t="s">
        <v>45</v>
      </c>
      <c r="D1164" s="1" t="s">
        <v>4701</v>
      </c>
      <c r="E1164" s="1" t="s">
        <v>4702</v>
      </c>
      <c r="F1164" s="1" t="s">
        <v>4703</v>
      </c>
      <c r="G1164" s="1" t="s">
        <v>4675</v>
      </c>
      <c r="H1164" s="1" t="s">
        <v>13</v>
      </c>
      <c r="I1164" s="1" t="s">
        <v>4676</v>
      </c>
      <c r="J1164" s="1" t="s">
        <v>4704</v>
      </c>
    </row>
    <row r="1165" spans="1:10" x14ac:dyDescent="0.35">
      <c r="A1165" s="1" t="s">
        <v>4670</v>
      </c>
      <c r="B1165" s="1" t="s">
        <v>4671</v>
      </c>
      <c r="C1165" s="1" t="s">
        <v>50</v>
      </c>
      <c r="D1165" s="1" t="s">
        <v>4705</v>
      </c>
      <c r="E1165" s="1" t="s">
        <v>4706</v>
      </c>
      <c r="F1165" s="1" t="s">
        <v>4707</v>
      </c>
      <c r="G1165" s="1" t="s">
        <v>4675</v>
      </c>
      <c r="H1165" s="1" t="s">
        <v>13</v>
      </c>
      <c r="I1165" s="1" t="s">
        <v>4676</v>
      </c>
      <c r="J1165" s="1" t="s">
        <v>4708</v>
      </c>
    </row>
    <row r="1166" spans="1:10" x14ac:dyDescent="0.35">
      <c r="A1166" s="1" t="s">
        <v>4670</v>
      </c>
      <c r="B1166" s="1" t="s">
        <v>4671</v>
      </c>
      <c r="C1166" s="1" t="s">
        <v>55</v>
      </c>
      <c r="D1166" s="1" t="s">
        <v>4709</v>
      </c>
      <c r="E1166" s="1" t="s">
        <v>4710</v>
      </c>
      <c r="F1166" s="1" t="s">
        <v>4711</v>
      </c>
      <c r="G1166" s="1" t="s">
        <v>4675</v>
      </c>
      <c r="H1166" s="1" t="s">
        <v>13</v>
      </c>
      <c r="I1166" s="1" t="s">
        <v>4676</v>
      </c>
      <c r="J1166" s="1" t="s">
        <v>4712</v>
      </c>
    </row>
    <row r="1167" spans="1:10" x14ac:dyDescent="0.35">
      <c r="A1167" s="1" t="s">
        <v>4670</v>
      </c>
      <c r="B1167" s="1" t="s">
        <v>4671</v>
      </c>
      <c r="C1167" s="1" t="s">
        <v>60</v>
      </c>
      <c r="D1167" s="1" t="s">
        <v>4713</v>
      </c>
      <c r="E1167" s="1" t="s">
        <v>4714</v>
      </c>
      <c r="F1167" s="1" t="s">
        <v>4715</v>
      </c>
      <c r="G1167" s="1" t="s">
        <v>4675</v>
      </c>
      <c r="H1167" s="1" t="s">
        <v>13</v>
      </c>
      <c r="I1167" s="1" t="s">
        <v>4676</v>
      </c>
      <c r="J1167" s="1" t="s">
        <v>4716</v>
      </c>
    </row>
    <row r="1168" spans="1:10" x14ac:dyDescent="0.35">
      <c r="A1168" s="1" t="s">
        <v>4670</v>
      </c>
      <c r="B1168" s="1" t="s">
        <v>4671</v>
      </c>
      <c r="C1168" s="1" t="s">
        <v>65</v>
      </c>
      <c r="D1168" s="1" t="s">
        <v>4717</v>
      </c>
      <c r="E1168" s="1" t="s">
        <v>4718</v>
      </c>
      <c r="F1168" s="1" t="s">
        <v>4719</v>
      </c>
      <c r="G1168" s="1" t="s">
        <v>4675</v>
      </c>
      <c r="H1168" s="1" t="s">
        <v>13</v>
      </c>
      <c r="I1168" s="1" t="s">
        <v>4676</v>
      </c>
      <c r="J1168" s="1" t="s">
        <v>4720</v>
      </c>
    </row>
    <row r="1169" spans="1:10" x14ac:dyDescent="0.35">
      <c r="A1169" s="1" t="s">
        <v>4670</v>
      </c>
      <c r="B1169" s="1" t="s">
        <v>4671</v>
      </c>
      <c r="C1169" s="1" t="s">
        <v>70</v>
      </c>
      <c r="D1169" s="1" t="s">
        <v>4721</v>
      </c>
      <c r="E1169" s="1" t="s">
        <v>4722</v>
      </c>
      <c r="F1169" s="1" t="s">
        <v>4723</v>
      </c>
      <c r="G1169" s="1" t="s">
        <v>4675</v>
      </c>
      <c r="H1169" s="1" t="s">
        <v>13</v>
      </c>
      <c r="I1169" s="1" t="s">
        <v>4676</v>
      </c>
      <c r="J1169" s="1" t="s">
        <v>4724</v>
      </c>
    </row>
    <row r="1170" spans="1:10" x14ac:dyDescent="0.35">
      <c r="A1170" s="1" t="s">
        <v>4670</v>
      </c>
      <c r="B1170" s="1" t="s">
        <v>4671</v>
      </c>
      <c r="C1170" s="1" t="s">
        <v>75</v>
      </c>
      <c r="D1170" s="1" t="s">
        <v>4725</v>
      </c>
      <c r="E1170" s="1" t="s">
        <v>4726</v>
      </c>
      <c r="F1170" s="1" t="s">
        <v>4727</v>
      </c>
      <c r="G1170" s="1" t="s">
        <v>4675</v>
      </c>
      <c r="H1170" s="1" t="s">
        <v>13</v>
      </c>
      <c r="I1170" s="1" t="s">
        <v>4676</v>
      </c>
      <c r="J1170" s="1" t="s">
        <v>4728</v>
      </c>
    </row>
    <row r="1171" spans="1:10" x14ac:dyDescent="0.35">
      <c r="A1171" s="1" t="s">
        <v>4670</v>
      </c>
      <c r="B1171" s="1" t="s">
        <v>4671</v>
      </c>
      <c r="C1171" s="1" t="s">
        <v>80</v>
      </c>
      <c r="D1171" s="1" t="s">
        <v>4729</v>
      </c>
      <c r="E1171" s="1" t="s">
        <v>4730</v>
      </c>
      <c r="F1171" s="1" t="s">
        <v>4731</v>
      </c>
      <c r="G1171" s="1" t="s">
        <v>4675</v>
      </c>
      <c r="H1171" s="1" t="s">
        <v>13</v>
      </c>
      <c r="I1171" s="1" t="s">
        <v>4676</v>
      </c>
      <c r="J1171" s="1" t="s">
        <v>4732</v>
      </c>
    </row>
    <row r="1172" spans="1:10" x14ac:dyDescent="0.35">
      <c r="A1172" s="1" t="s">
        <v>4670</v>
      </c>
      <c r="B1172" s="1" t="s">
        <v>4671</v>
      </c>
      <c r="C1172" s="1" t="s">
        <v>85</v>
      </c>
      <c r="D1172" s="1" t="s">
        <v>4733</v>
      </c>
      <c r="E1172" s="1" t="s">
        <v>4734</v>
      </c>
      <c r="F1172" s="1" t="s">
        <v>4735</v>
      </c>
      <c r="G1172" s="1" t="s">
        <v>4675</v>
      </c>
      <c r="H1172" s="1" t="s">
        <v>13</v>
      </c>
      <c r="I1172" s="1" t="s">
        <v>4676</v>
      </c>
      <c r="J1172" s="1" t="s">
        <v>4736</v>
      </c>
    </row>
    <row r="1173" spans="1:10" x14ac:dyDescent="0.35">
      <c r="A1173" s="1" t="s">
        <v>4670</v>
      </c>
      <c r="B1173" s="1" t="s">
        <v>4671</v>
      </c>
      <c r="C1173" s="1" t="s">
        <v>90</v>
      </c>
      <c r="D1173" s="1" t="s">
        <v>4737</v>
      </c>
      <c r="E1173" s="1" t="s">
        <v>4738</v>
      </c>
      <c r="F1173" s="1" t="s">
        <v>4739</v>
      </c>
      <c r="G1173" s="1" t="s">
        <v>4675</v>
      </c>
      <c r="H1173" s="1" t="s">
        <v>13</v>
      </c>
      <c r="I1173" s="1" t="s">
        <v>4676</v>
      </c>
      <c r="J1173" s="1" t="s">
        <v>4740</v>
      </c>
    </row>
    <row r="1174" spans="1:10" x14ac:dyDescent="0.35">
      <c r="A1174" s="1" t="s">
        <v>4670</v>
      </c>
      <c r="B1174" s="1" t="s">
        <v>4671</v>
      </c>
      <c r="C1174" s="1" t="s">
        <v>95</v>
      </c>
      <c r="D1174" s="1" t="s">
        <v>4741</v>
      </c>
      <c r="E1174" s="1" t="s">
        <v>4742</v>
      </c>
      <c r="F1174" s="1" t="s">
        <v>4743</v>
      </c>
      <c r="G1174" s="1" t="s">
        <v>4675</v>
      </c>
      <c r="H1174" s="1" t="s">
        <v>13</v>
      </c>
      <c r="I1174" s="1" t="s">
        <v>4676</v>
      </c>
      <c r="J1174" s="1" t="s">
        <v>4744</v>
      </c>
    </row>
    <row r="1175" spans="1:10" x14ac:dyDescent="0.35">
      <c r="A1175" s="1" t="s">
        <v>4670</v>
      </c>
      <c r="B1175" s="1" t="s">
        <v>4671</v>
      </c>
      <c r="C1175" s="1" t="s">
        <v>100</v>
      </c>
      <c r="D1175" s="1" t="s">
        <v>4745</v>
      </c>
      <c r="E1175" s="1" t="s">
        <v>4746</v>
      </c>
      <c r="F1175" s="1" t="s">
        <v>4747</v>
      </c>
      <c r="G1175" s="1" t="s">
        <v>4675</v>
      </c>
      <c r="H1175" s="1" t="s">
        <v>13</v>
      </c>
      <c r="I1175" s="1" t="s">
        <v>4676</v>
      </c>
      <c r="J1175" s="1" t="s">
        <v>4748</v>
      </c>
    </row>
    <row r="1176" spans="1:10" x14ac:dyDescent="0.35">
      <c r="A1176" s="1" t="s">
        <v>4670</v>
      </c>
      <c r="B1176" s="1" t="s">
        <v>4671</v>
      </c>
      <c r="C1176" s="1" t="s">
        <v>105</v>
      </c>
      <c r="D1176" s="1" t="s">
        <v>4749</v>
      </c>
      <c r="E1176" s="1" t="s">
        <v>4750</v>
      </c>
      <c r="F1176" s="1" t="s">
        <v>4751</v>
      </c>
      <c r="G1176" s="1" t="s">
        <v>4675</v>
      </c>
      <c r="H1176" s="1" t="s">
        <v>13</v>
      </c>
      <c r="I1176" s="1" t="s">
        <v>4676</v>
      </c>
      <c r="J1176" s="1" t="s">
        <v>4752</v>
      </c>
    </row>
    <row r="1177" spans="1:10" x14ac:dyDescent="0.35">
      <c r="A1177" s="1" t="s">
        <v>4670</v>
      </c>
      <c r="B1177" s="1" t="s">
        <v>4671</v>
      </c>
      <c r="C1177" s="1" t="s">
        <v>110</v>
      </c>
      <c r="D1177" s="1" t="s">
        <v>4753</v>
      </c>
      <c r="E1177" s="1" t="s">
        <v>4754</v>
      </c>
      <c r="F1177" s="1" t="s">
        <v>4755</v>
      </c>
      <c r="G1177" s="1" t="s">
        <v>4675</v>
      </c>
      <c r="H1177" s="1" t="s">
        <v>13</v>
      </c>
      <c r="I1177" s="1" t="s">
        <v>4676</v>
      </c>
      <c r="J1177" s="1" t="s">
        <v>4756</v>
      </c>
    </row>
    <row r="1178" spans="1:10" x14ac:dyDescent="0.35">
      <c r="A1178" s="1" t="s">
        <v>4670</v>
      </c>
      <c r="B1178" s="1" t="s">
        <v>4671</v>
      </c>
      <c r="C1178" s="1" t="s">
        <v>115</v>
      </c>
      <c r="D1178" s="1" t="s">
        <v>4757</v>
      </c>
      <c r="E1178" s="1" t="s">
        <v>4758</v>
      </c>
      <c r="F1178" s="1" t="s">
        <v>4759</v>
      </c>
      <c r="G1178" s="1" t="s">
        <v>4675</v>
      </c>
      <c r="H1178" s="1" t="s">
        <v>13</v>
      </c>
      <c r="I1178" s="1" t="s">
        <v>4676</v>
      </c>
      <c r="J1178" s="1" t="s">
        <v>4760</v>
      </c>
    </row>
    <row r="1179" spans="1:10" x14ac:dyDescent="0.35">
      <c r="A1179" s="1" t="s">
        <v>4670</v>
      </c>
      <c r="B1179" s="1" t="s">
        <v>4671</v>
      </c>
      <c r="C1179" s="1" t="s">
        <v>120</v>
      </c>
      <c r="D1179" s="1" t="s">
        <v>4761</v>
      </c>
      <c r="E1179" s="1" t="s">
        <v>4762</v>
      </c>
      <c r="F1179" s="1" t="s">
        <v>4763</v>
      </c>
      <c r="G1179" s="1" t="s">
        <v>4675</v>
      </c>
      <c r="H1179" s="1" t="s">
        <v>13</v>
      </c>
      <c r="I1179" s="1" t="s">
        <v>4676</v>
      </c>
      <c r="J1179" s="1" t="s">
        <v>4764</v>
      </c>
    </row>
    <row r="1180" spans="1:10" x14ac:dyDescent="0.35">
      <c r="A1180" s="1" t="s">
        <v>4670</v>
      </c>
      <c r="B1180" s="1" t="s">
        <v>4671</v>
      </c>
      <c r="C1180" s="1" t="s">
        <v>125</v>
      </c>
      <c r="D1180" s="1" t="s">
        <v>4765</v>
      </c>
      <c r="E1180" s="1" t="s">
        <v>4766</v>
      </c>
      <c r="F1180" s="1" t="s">
        <v>4767</v>
      </c>
      <c r="G1180" s="1" t="s">
        <v>4675</v>
      </c>
      <c r="H1180" s="1" t="s">
        <v>13</v>
      </c>
      <c r="I1180" s="1" t="s">
        <v>4676</v>
      </c>
      <c r="J1180" s="1" t="s">
        <v>4768</v>
      </c>
    </row>
    <row r="1181" spans="1:10" x14ac:dyDescent="0.35">
      <c r="A1181" s="1" t="s">
        <v>4670</v>
      </c>
      <c r="B1181" s="1" t="s">
        <v>4671</v>
      </c>
      <c r="C1181" s="1" t="s">
        <v>130</v>
      </c>
      <c r="D1181" s="1" t="s">
        <v>4769</v>
      </c>
      <c r="E1181" s="1" t="s">
        <v>4770</v>
      </c>
      <c r="F1181" s="1" t="s">
        <v>4771</v>
      </c>
      <c r="G1181" s="1" t="s">
        <v>4675</v>
      </c>
      <c r="H1181" s="1" t="s">
        <v>13</v>
      </c>
      <c r="I1181" s="1" t="s">
        <v>4676</v>
      </c>
      <c r="J1181" s="1" t="s">
        <v>4772</v>
      </c>
    </row>
    <row r="1182" spans="1:10" x14ac:dyDescent="0.35">
      <c r="A1182" s="1" t="s">
        <v>4670</v>
      </c>
      <c r="B1182" s="1" t="s">
        <v>4671</v>
      </c>
      <c r="C1182" s="1" t="s">
        <v>135</v>
      </c>
      <c r="D1182" s="1" t="s">
        <v>4773</v>
      </c>
      <c r="E1182" s="1" t="s">
        <v>4774</v>
      </c>
      <c r="F1182" s="1" t="s">
        <v>4775</v>
      </c>
      <c r="G1182" s="1" t="s">
        <v>4675</v>
      </c>
      <c r="H1182" s="1" t="s">
        <v>13</v>
      </c>
      <c r="I1182" s="1" t="s">
        <v>4676</v>
      </c>
      <c r="J1182" s="1" t="s">
        <v>4776</v>
      </c>
    </row>
    <row r="1183" spans="1:10" x14ac:dyDescent="0.35">
      <c r="A1183" s="1" t="s">
        <v>4670</v>
      </c>
      <c r="B1183" s="1" t="s">
        <v>4671</v>
      </c>
      <c r="C1183" s="1" t="s">
        <v>140</v>
      </c>
      <c r="D1183" s="1" t="s">
        <v>4777</v>
      </c>
      <c r="E1183" s="1" t="s">
        <v>4778</v>
      </c>
      <c r="F1183" s="1" t="s">
        <v>4779</v>
      </c>
      <c r="G1183" s="1" t="s">
        <v>4675</v>
      </c>
      <c r="H1183" s="1" t="s">
        <v>13</v>
      </c>
      <c r="I1183" s="1" t="s">
        <v>4676</v>
      </c>
      <c r="J1183" s="1" t="s">
        <v>4780</v>
      </c>
    </row>
    <row r="1184" spans="1:10" x14ac:dyDescent="0.35">
      <c r="A1184" s="1" t="s">
        <v>4670</v>
      </c>
      <c r="B1184" s="1" t="s">
        <v>4671</v>
      </c>
      <c r="C1184" s="1" t="s">
        <v>145</v>
      </c>
      <c r="D1184" s="1" t="s">
        <v>4781</v>
      </c>
      <c r="E1184" s="1" t="s">
        <v>4782</v>
      </c>
      <c r="F1184" s="1" t="s">
        <v>4783</v>
      </c>
      <c r="G1184" s="1" t="s">
        <v>4675</v>
      </c>
      <c r="H1184" s="1" t="s">
        <v>13</v>
      </c>
      <c r="I1184" s="1" t="s">
        <v>4676</v>
      </c>
      <c r="J1184" s="1" t="s">
        <v>4784</v>
      </c>
    </row>
    <row r="1185" spans="1:10" x14ac:dyDescent="0.35">
      <c r="A1185" s="1" t="s">
        <v>4670</v>
      </c>
      <c r="B1185" s="1" t="s">
        <v>4671</v>
      </c>
      <c r="C1185" s="1" t="s">
        <v>150</v>
      </c>
      <c r="D1185" s="1" t="s">
        <v>4785</v>
      </c>
      <c r="E1185" s="1" t="s">
        <v>4786</v>
      </c>
      <c r="F1185" s="1" t="s">
        <v>4787</v>
      </c>
      <c r="G1185" s="1" t="s">
        <v>4675</v>
      </c>
      <c r="H1185" s="1" t="s">
        <v>13</v>
      </c>
      <c r="I1185" s="1" t="s">
        <v>4676</v>
      </c>
      <c r="J1185" s="1" t="s">
        <v>4788</v>
      </c>
    </row>
    <row r="1186" spans="1:10" x14ac:dyDescent="0.35">
      <c r="A1186" s="1" t="s">
        <v>4670</v>
      </c>
      <c r="B1186" s="1" t="s">
        <v>4671</v>
      </c>
      <c r="C1186" s="1" t="s">
        <v>155</v>
      </c>
      <c r="D1186" s="1" t="s">
        <v>4789</v>
      </c>
      <c r="E1186" s="1" t="s">
        <v>4790</v>
      </c>
      <c r="F1186" s="1" t="s">
        <v>4791</v>
      </c>
      <c r="G1186" s="1" t="s">
        <v>4675</v>
      </c>
      <c r="H1186" s="1" t="s">
        <v>13</v>
      </c>
      <c r="I1186" s="1" t="s">
        <v>4676</v>
      </c>
      <c r="J1186" s="1" t="s">
        <v>4792</v>
      </c>
    </row>
    <row r="1187" spans="1:10" x14ac:dyDescent="0.35">
      <c r="A1187" s="1" t="s">
        <v>4670</v>
      </c>
      <c r="B1187" s="1" t="s">
        <v>4671</v>
      </c>
      <c r="C1187" s="1" t="s">
        <v>160</v>
      </c>
      <c r="D1187" s="1" t="s">
        <v>4793</v>
      </c>
      <c r="E1187" s="1" t="s">
        <v>4794</v>
      </c>
      <c r="F1187" s="1" t="s">
        <v>4795</v>
      </c>
      <c r="G1187" s="1" t="s">
        <v>4675</v>
      </c>
      <c r="H1187" s="1" t="s">
        <v>13</v>
      </c>
      <c r="I1187" s="1" t="s">
        <v>4676</v>
      </c>
      <c r="J1187" s="1" t="s">
        <v>4796</v>
      </c>
    </row>
    <row r="1188" spans="1:10" x14ac:dyDescent="0.35">
      <c r="A1188" s="1" t="s">
        <v>4670</v>
      </c>
      <c r="B1188" s="1" t="s">
        <v>4671</v>
      </c>
      <c r="C1188" s="1" t="s">
        <v>165</v>
      </c>
      <c r="D1188" s="1" t="s">
        <v>4797</v>
      </c>
      <c r="E1188" s="1" t="s">
        <v>4798</v>
      </c>
      <c r="F1188" s="1" t="s">
        <v>4799</v>
      </c>
      <c r="G1188" s="1" t="s">
        <v>4675</v>
      </c>
      <c r="H1188" s="1" t="s">
        <v>13</v>
      </c>
      <c r="I1188" s="1" t="s">
        <v>4676</v>
      </c>
      <c r="J1188" s="1" t="s">
        <v>4800</v>
      </c>
    </row>
    <row r="1189" spans="1:10" x14ac:dyDescent="0.35">
      <c r="A1189" s="1" t="s">
        <v>4670</v>
      </c>
      <c r="B1189" s="1" t="s">
        <v>4671</v>
      </c>
      <c r="C1189" s="1" t="s">
        <v>170</v>
      </c>
      <c r="D1189" s="1" t="s">
        <v>1655</v>
      </c>
      <c r="E1189" s="1" t="s">
        <v>4801</v>
      </c>
      <c r="F1189" s="1" t="s">
        <v>4802</v>
      </c>
      <c r="G1189" s="1" t="s">
        <v>4675</v>
      </c>
      <c r="H1189" s="1" t="s">
        <v>13</v>
      </c>
      <c r="I1189" s="1" t="s">
        <v>4676</v>
      </c>
      <c r="J1189" s="1" t="s">
        <v>4803</v>
      </c>
    </row>
    <row r="1190" spans="1:10" x14ac:dyDescent="0.35">
      <c r="A1190" s="1" t="s">
        <v>4804</v>
      </c>
      <c r="B1190" s="1" t="s">
        <v>4805</v>
      </c>
      <c r="C1190" s="1" t="s">
        <v>8</v>
      </c>
      <c r="D1190" s="1" t="s">
        <v>4806</v>
      </c>
      <c r="E1190" s="1" t="s">
        <v>4807</v>
      </c>
      <c r="F1190" s="1" t="s">
        <v>4808</v>
      </c>
      <c r="G1190" s="1" t="s">
        <v>4809</v>
      </c>
      <c r="H1190" s="1" t="s">
        <v>13</v>
      </c>
      <c r="I1190" s="1" t="s">
        <v>4810</v>
      </c>
      <c r="J1190" s="1" t="s">
        <v>13</v>
      </c>
    </row>
    <row r="1191" spans="1:10" x14ac:dyDescent="0.35">
      <c r="A1191" s="1" t="s">
        <v>4804</v>
      </c>
      <c r="B1191" s="1" t="s">
        <v>4805</v>
      </c>
      <c r="C1191" s="1" t="s">
        <v>15</v>
      </c>
      <c r="D1191" s="1" t="s">
        <v>4811</v>
      </c>
      <c r="E1191" s="1" t="s">
        <v>4812</v>
      </c>
      <c r="F1191" s="1" t="s">
        <v>4813</v>
      </c>
      <c r="G1191" s="1" t="s">
        <v>4809</v>
      </c>
      <c r="H1191" s="1" t="s">
        <v>13</v>
      </c>
      <c r="I1191" s="1" t="s">
        <v>4810</v>
      </c>
      <c r="J1191" s="1" t="s">
        <v>4814</v>
      </c>
    </row>
    <row r="1192" spans="1:10" x14ac:dyDescent="0.35">
      <c r="A1192" s="1" t="s">
        <v>4804</v>
      </c>
      <c r="B1192" s="1" t="s">
        <v>4805</v>
      </c>
      <c r="C1192" s="1" t="s">
        <v>20</v>
      </c>
      <c r="D1192" s="1" t="s">
        <v>4815</v>
      </c>
      <c r="E1192" s="1" t="s">
        <v>4816</v>
      </c>
      <c r="F1192" s="1" t="s">
        <v>4817</v>
      </c>
      <c r="G1192" s="1" t="s">
        <v>4809</v>
      </c>
      <c r="H1192" s="1" t="s">
        <v>13</v>
      </c>
      <c r="I1192" s="1" t="s">
        <v>4810</v>
      </c>
      <c r="J1192" s="1" t="s">
        <v>4818</v>
      </c>
    </row>
    <row r="1193" spans="1:10" x14ac:dyDescent="0.35">
      <c r="A1193" s="1" t="s">
        <v>4804</v>
      </c>
      <c r="B1193" s="1" t="s">
        <v>4805</v>
      </c>
      <c r="C1193" s="1" t="s">
        <v>25</v>
      </c>
      <c r="D1193" s="1" t="s">
        <v>4819</v>
      </c>
      <c r="E1193" s="1" t="s">
        <v>4820</v>
      </c>
      <c r="F1193" s="1" t="s">
        <v>4821</v>
      </c>
      <c r="G1193" s="1" t="s">
        <v>4809</v>
      </c>
      <c r="H1193" s="1" t="s">
        <v>13</v>
      </c>
      <c r="I1193" s="1" t="s">
        <v>4810</v>
      </c>
      <c r="J1193" s="1" t="s">
        <v>4822</v>
      </c>
    </row>
    <row r="1194" spans="1:10" x14ac:dyDescent="0.35">
      <c r="A1194" s="1" t="s">
        <v>4804</v>
      </c>
      <c r="B1194" s="1" t="s">
        <v>4805</v>
      </c>
      <c r="C1194" s="1" t="s">
        <v>30</v>
      </c>
      <c r="D1194" s="1" t="s">
        <v>4823</v>
      </c>
      <c r="E1194" s="1" t="s">
        <v>4824</v>
      </c>
      <c r="F1194" s="1" t="s">
        <v>4825</v>
      </c>
      <c r="G1194" s="1" t="s">
        <v>4809</v>
      </c>
      <c r="H1194" s="1" t="s">
        <v>13</v>
      </c>
      <c r="I1194" s="1" t="s">
        <v>4810</v>
      </c>
      <c r="J1194" s="1" t="s">
        <v>4826</v>
      </c>
    </row>
    <row r="1195" spans="1:10" x14ac:dyDescent="0.35">
      <c r="A1195" s="1" t="s">
        <v>4804</v>
      </c>
      <c r="B1195" s="1" t="s">
        <v>4805</v>
      </c>
      <c r="C1195" s="1" t="s">
        <v>35</v>
      </c>
      <c r="D1195" s="1" t="s">
        <v>4827</v>
      </c>
      <c r="E1195" s="1" t="s">
        <v>4828</v>
      </c>
      <c r="F1195" s="1" t="s">
        <v>4829</v>
      </c>
      <c r="G1195" s="1" t="s">
        <v>4809</v>
      </c>
      <c r="H1195" s="1" t="s">
        <v>13</v>
      </c>
      <c r="I1195" s="1" t="s">
        <v>4810</v>
      </c>
      <c r="J1195" s="1" t="s">
        <v>4830</v>
      </c>
    </row>
    <row r="1196" spans="1:10" x14ac:dyDescent="0.35">
      <c r="A1196" s="1" t="s">
        <v>4804</v>
      </c>
      <c r="B1196" s="1" t="s">
        <v>4805</v>
      </c>
      <c r="C1196" s="1" t="s">
        <v>40</v>
      </c>
      <c r="D1196" s="1" t="s">
        <v>2786</v>
      </c>
      <c r="E1196" s="1" t="s">
        <v>4831</v>
      </c>
      <c r="F1196" s="1" t="s">
        <v>4832</v>
      </c>
      <c r="G1196" s="1" t="s">
        <v>4809</v>
      </c>
      <c r="H1196" s="1" t="s">
        <v>13</v>
      </c>
      <c r="I1196" s="1" t="s">
        <v>4810</v>
      </c>
      <c r="J1196" s="1" t="s">
        <v>4833</v>
      </c>
    </row>
    <row r="1197" spans="1:10" x14ac:dyDescent="0.35">
      <c r="A1197" s="1" t="s">
        <v>4804</v>
      </c>
      <c r="B1197" s="1" t="s">
        <v>4805</v>
      </c>
      <c r="C1197" s="1" t="s">
        <v>45</v>
      </c>
      <c r="D1197" s="1" t="s">
        <v>4834</v>
      </c>
      <c r="E1197" s="1" t="s">
        <v>4835</v>
      </c>
      <c r="F1197" s="1" t="s">
        <v>4836</v>
      </c>
      <c r="G1197" s="1" t="s">
        <v>4809</v>
      </c>
      <c r="H1197" s="1" t="s">
        <v>13</v>
      </c>
      <c r="I1197" s="1" t="s">
        <v>4810</v>
      </c>
      <c r="J1197" s="1" t="s">
        <v>4837</v>
      </c>
    </row>
    <row r="1198" spans="1:10" x14ac:dyDescent="0.35">
      <c r="A1198" s="1" t="s">
        <v>4804</v>
      </c>
      <c r="B1198" s="1" t="s">
        <v>4805</v>
      </c>
      <c r="C1198" s="1" t="s">
        <v>50</v>
      </c>
      <c r="D1198" s="1" t="s">
        <v>4838</v>
      </c>
      <c r="E1198" s="1" t="s">
        <v>4839</v>
      </c>
      <c r="F1198" s="1" t="s">
        <v>4840</v>
      </c>
      <c r="G1198" s="1" t="s">
        <v>4809</v>
      </c>
      <c r="H1198" s="1" t="s">
        <v>13</v>
      </c>
      <c r="I1198" s="1" t="s">
        <v>4810</v>
      </c>
      <c r="J1198" s="1" t="s">
        <v>4841</v>
      </c>
    </row>
    <row r="1199" spans="1:10" x14ac:dyDescent="0.35">
      <c r="A1199" s="1" t="s">
        <v>4804</v>
      </c>
      <c r="B1199" s="1" t="s">
        <v>4805</v>
      </c>
      <c r="C1199" s="1" t="s">
        <v>55</v>
      </c>
      <c r="D1199" s="1" t="s">
        <v>4842</v>
      </c>
      <c r="E1199" s="1" t="s">
        <v>4843</v>
      </c>
      <c r="F1199" s="1" t="s">
        <v>4844</v>
      </c>
      <c r="G1199" s="1" t="s">
        <v>4809</v>
      </c>
      <c r="H1199" s="1" t="s">
        <v>13</v>
      </c>
      <c r="I1199" s="1" t="s">
        <v>4810</v>
      </c>
      <c r="J1199" s="1" t="s">
        <v>4845</v>
      </c>
    </row>
    <row r="1200" spans="1:10" x14ac:dyDescent="0.35">
      <c r="A1200" s="1" t="s">
        <v>4804</v>
      </c>
      <c r="B1200" s="1" t="s">
        <v>4805</v>
      </c>
      <c r="C1200" s="1" t="s">
        <v>60</v>
      </c>
      <c r="D1200" s="1" t="s">
        <v>4846</v>
      </c>
      <c r="E1200" s="1" t="s">
        <v>4847</v>
      </c>
      <c r="F1200" s="1" t="s">
        <v>4848</v>
      </c>
      <c r="G1200" s="1" t="s">
        <v>4809</v>
      </c>
      <c r="H1200" s="1" t="s">
        <v>13</v>
      </c>
      <c r="I1200" s="1" t="s">
        <v>4810</v>
      </c>
      <c r="J1200" s="1" t="s">
        <v>4849</v>
      </c>
    </row>
    <row r="1201" spans="1:10" x14ac:dyDescent="0.35">
      <c r="A1201" s="1" t="s">
        <v>4804</v>
      </c>
      <c r="B1201" s="1" t="s">
        <v>4805</v>
      </c>
      <c r="C1201" s="1" t="s">
        <v>65</v>
      </c>
      <c r="D1201" s="1" t="s">
        <v>4850</v>
      </c>
      <c r="E1201" s="1" t="s">
        <v>4851</v>
      </c>
      <c r="F1201" s="1" t="s">
        <v>4852</v>
      </c>
      <c r="G1201" s="1" t="s">
        <v>4809</v>
      </c>
      <c r="H1201" s="1" t="s">
        <v>13</v>
      </c>
      <c r="I1201" s="1" t="s">
        <v>4810</v>
      </c>
      <c r="J1201" s="1" t="s">
        <v>4853</v>
      </c>
    </row>
    <row r="1202" spans="1:10" x14ac:dyDescent="0.35">
      <c r="A1202" s="1" t="s">
        <v>4804</v>
      </c>
      <c r="B1202" s="1" t="s">
        <v>4805</v>
      </c>
      <c r="C1202" s="1" t="s">
        <v>70</v>
      </c>
      <c r="D1202" s="1" t="s">
        <v>4854</v>
      </c>
      <c r="E1202" s="1" t="s">
        <v>4855</v>
      </c>
      <c r="F1202" s="1" t="s">
        <v>4856</v>
      </c>
      <c r="G1202" s="1" t="s">
        <v>4809</v>
      </c>
      <c r="H1202" s="1" t="s">
        <v>13</v>
      </c>
      <c r="I1202" s="1" t="s">
        <v>4810</v>
      </c>
      <c r="J1202" s="1" t="s">
        <v>4857</v>
      </c>
    </row>
    <row r="1203" spans="1:10" x14ac:dyDescent="0.35">
      <c r="A1203" s="1" t="s">
        <v>4804</v>
      </c>
      <c r="B1203" s="1" t="s">
        <v>4805</v>
      </c>
      <c r="C1203" s="1" t="s">
        <v>75</v>
      </c>
      <c r="D1203" s="1" t="s">
        <v>4858</v>
      </c>
      <c r="E1203" s="1" t="s">
        <v>4859</v>
      </c>
      <c r="F1203" s="1" t="s">
        <v>4860</v>
      </c>
      <c r="G1203" s="1" t="s">
        <v>4809</v>
      </c>
      <c r="H1203" s="1" t="s">
        <v>13</v>
      </c>
      <c r="I1203" s="1" t="s">
        <v>4810</v>
      </c>
      <c r="J1203" s="1" t="s">
        <v>4861</v>
      </c>
    </row>
    <row r="1204" spans="1:10" x14ac:dyDescent="0.35">
      <c r="A1204" s="1" t="s">
        <v>4804</v>
      </c>
      <c r="B1204" s="1" t="s">
        <v>4805</v>
      </c>
      <c r="C1204" s="1" t="s">
        <v>80</v>
      </c>
      <c r="D1204" s="1" t="s">
        <v>4862</v>
      </c>
      <c r="E1204" s="1" t="s">
        <v>4863</v>
      </c>
      <c r="F1204" s="1" t="s">
        <v>4864</v>
      </c>
      <c r="G1204" s="1" t="s">
        <v>4809</v>
      </c>
      <c r="H1204" s="1" t="s">
        <v>13</v>
      </c>
      <c r="I1204" s="1" t="s">
        <v>4810</v>
      </c>
      <c r="J1204" s="1" t="s">
        <v>4865</v>
      </c>
    </row>
    <row r="1205" spans="1:10" x14ac:dyDescent="0.35">
      <c r="A1205" s="1" t="s">
        <v>4804</v>
      </c>
      <c r="B1205" s="1" t="s">
        <v>4805</v>
      </c>
      <c r="C1205" s="1" t="s">
        <v>85</v>
      </c>
      <c r="D1205" s="1" t="s">
        <v>4866</v>
      </c>
      <c r="E1205" s="1" t="s">
        <v>4867</v>
      </c>
      <c r="F1205" s="1" t="s">
        <v>4868</v>
      </c>
      <c r="G1205" s="1" t="s">
        <v>4809</v>
      </c>
      <c r="H1205" s="1" t="s">
        <v>13</v>
      </c>
      <c r="I1205" s="1" t="s">
        <v>4810</v>
      </c>
      <c r="J1205" s="1" t="s">
        <v>4869</v>
      </c>
    </row>
    <row r="1206" spans="1:10" x14ac:dyDescent="0.35">
      <c r="A1206" s="1" t="s">
        <v>4804</v>
      </c>
      <c r="B1206" s="1" t="s">
        <v>4805</v>
      </c>
      <c r="C1206" s="1" t="s">
        <v>90</v>
      </c>
      <c r="D1206" s="1" t="s">
        <v>4870</v>
      </c>
      <c r="E1206" s="1" t="s">
        <v>4871</v>
      </c>
      <c r="F1206" s="1" t="s">
        <v>4872</v>
      </c>
      <c r="G1206" s="1" t="s">
        <v>4809</v>
      </c>
      <c r="H1206" s="1" t="s">
        <v>13</v>
      </c>
      <c r="I1206" s="1" t="s">
        <v>4810</v>
      </c>
      <c r="J1206" s="1" t="s">
        <v>4873</v>
      </c>
    </row>
    <row r="1207" spans="1:10" x14ac:dyDescent="0.35">
      <c r="A1207" s="1" t="s">
        <v>4804</v>
      </c>
      <c r="B1207" s="1" t="s">
        <v>4805</v>
      </c>
      <c r="C1207" s="1" t="s">
        <v>95</v>
      </c>
      <c r="D1207" s="1" t="s">
        <v>4874</v>
      </c>
      <c r="E1207" s="1" t="s">
        <v>4875</v>
      </c>
      <c r="F1207" s="1" t="s">
        <v>4876</v>
      </c>
      <c r="G1207" s="1" t="s">
        <v>4809</v>
      </c>
      <c r="H1207" s="1" t="s">
        <v>13</v>
      </c>
      <c r="I1207" s="1" t="s">
        <v>4810</v>
      </c>
      <c r="J1207" s="1" t="s">
        <v>4877</v>
      </c>
    </row>
    <row r="1208" spans="1:10" x14ac:dyDescent="0.35">
      <c r="A1208" s="1" t="s">
        <v>4804</v>
      </c>
      <c r="B1208" s="1" t="s">
        <v>4805</v>
      </c>
      <c r="C1208" s="1" t="s">
        <v>100</v>
      </c>
      <c r="D1208" s="1" t="s">
        <v>4878</v>
      </c>
      <c r="E1208" s="1" t="s">
        <v>4879</v>
      </c>
      <c r="F1208" s="1" t="s">
        <v>4880</v>
      </c>
      <c r="G1208" s="1" t="s">
        <v>4809</v>
      </c>
      <c r="H1208" s="1" t="s">
        <v>13</v>
      </c>
      <c r="I1208" s="1" t="s">
        <v>4810</v>
      </c>
      <c r="J1208" s="1" t="s">
        <v>4881</v>
      </c>
    </row>
    <row r="1209" spans="1:10" x14ac:dyDescent="0.35">
      <c r="A1209" s="1" t="s">
        <v>4804</v>
      </c>
      <c r="B1209" s="1" t="s">
        <v>4805</v>
      </c>
      <c r="C1209" s="1" t="s">
        <v>105</v>
      </c>
      <c r="D1209" s="1" t="s">
        <v>4882</v>
      </c>
      <c r="E1209" s="1" t="s">
        <v>4883</v>
      </c>
      <c r="F1209" s="1" t="s">
        <v>4884</v>
      </c>
      <c r="G1209" s="1" t="s">
        <v>4809</v>
      </c>
      <c r="H1209" s="1" t="s">
        <v>13</v>
      </c>
      <c r="I1209" s="1" t="s">
        <v>4810</v>
      </c>
      <c r="J1209" s="1" t="s">
        <v>4885</v>
      </c>
    </row>
    <row r="1210" spans="1:10" x14ac:dyDescent="0.35">
      <c r="A1210" s="1" t="s">
        <v>4804</v>
      </c>
      <c r="B1210" s="1" t="s">
        <v>4805</v>
      </c>
      <c r="C1210" s="1" t="s">
        <v>110</v>
      </c>
      <c r="D1210" s="1" t="s">
        <v>4886</v>
      </c>
      <c r="E1210" s="1" t="s">
        <v>4887</v>
      </c>
      <c r="F1210" s="1" t="s">
        <v>4888</v>
      </c>
      <c r="G1210" s="1" t="s">
        <v>4809</v>
      </c>
      <c r="H1210" s="1" t="s">
        <v>13</v>
      </c>
      <c r="I1210" s="1" t="s">
        <v>4810</v>
      </c>
      <c r="J1210" s="1" t="s">
        <v>4889</v>
      </c>
    </row>
    <row r="1211" spans="1:10" x14ac:dyDescent="0.35">
      <c r="A1211" s="1" t="s">
        <v>4804</v>
      </c>
      <c r="B1211" s="1" t="s">
        <v>4805</v>
      </c>
      <c r="C1211" s="1" t="s">
        <v>115</v>
      </c>
      <c r="D1211" s="1" t="s">
        <v>4890</v>
      </c>
      <c r="E1211" s="1" t="s">
        <v>4891</v>
      </c>
      <c r="F1211" s="1" t="s">
        <v>4892</v>
      </c>
      <c r="G1211" s="1" t="s">
        <v>4809</v>
      </c>
      <c r="H1211" s="1" t="s">
        <v>13</v>
      </c>
      <c r="I1211" s="1" t="s">
        <v>4810</v>
      </c>
      <c r="J1211" s="1" t="s">
        <v>4893</v>
      </c>
    </row>
    <row r="1212" spans="1:10" x14ac:dyDescent="0.35">
      <c r="A1212" s="1" t="s">
        <v>4804</v>
      </c>
      <c r="B1212" s="1" t="s">
        <v>4805</v>
      </c>
      <c r="C1212" s="1" t="s">
        <v>120</v>
      </c>
      <c r="D1212" s="1" t="s">
        <v>4894</v>
      </c>
      <c r="E1212" s="1" t="s">
        <v>4863</v>
      </c>
      <c r="F1212" s="1" t="s">
        <v>4895</v>
      </c>
      <c r="G1212" s="1" t="s">
        <v>4809</v>
      </c>
      <c r="H1212" s="1" t="s">
        <v>13</v>
      </c>
      <c r="I1212" s="1" t="s">
        <v>4810</v>
      </c>
      <c r="J1212" s="1" t="s">
        <v>4896</v>
      </c>
    </row>
    <row r="1213" spans="1:10" x14ac:dyDescent="0.35">
      <c r="A1213" s="1" t="s">
        <v>4804</v>
      </c>
      <c r="B1213" s="1" t="s">
        <v>4805</v>
      </c>
      <c r="C1213" s="1" t="s">
        <v>125</v>
      </c>
      <c r="D1213" s="1" t="s">
        <v>4897</v>
      </c>
      <c r="E1213" s="1" t="s">
        <v>4898</v>
      </c>
      <c r="F1213" s="1" t="s">
        <v>4899</v>
      </c>
      <c r="G1213" s="1" t="s">
        <v>4809</v>
      </c>
      <c r="H1213" s="1" t="s">
        <v>13</v>
      </c>
      <c r="I1213" s="1" t="s">
        <v>4810</v>
      </c>
      <c r="J1213" s="1" t="s">
        <v>4900</v>
      </c>
    </row>
    <row r="1214" spans="1:10" x14ac:dyDescent="0.35">
      <c r="A1214" s="1" t="s">
        <v>4804</v>
      </c>
      <c r="B1214" s="1" t="s">
        <v>4805</v>
      </c>
      <c r="C1214" s="1" t="s">
        <v>130</v>
      </c>
      <c r="D1214" s="1" t="s">
        <v>4901</v>
      </c>
      <c r="E1214" s="1" t="s">
        <v>4902</v>
      </c>
      <c r="F1214" s="1" t="s">
        <v>4903</v>
      </c>
      <c r="G1214" s="1" t="s">
        <v>4809</v>
      </c>
      <c r="H1214" s="1" t="s">
        <v>13</v>
      </c>
      <c r="I1214" s="1" t="s">
        <v>4810</v>
      </c>
      <c r="J1214" s="1" t="s">
        <v>4904</v>
      </c>
    </row>
    <row r="1215" spans="1:10" x14ac:dyDescent="0.35">
      <c r="A1215" s="1" t="s">
        <v>4804</v>
      </c>
      <c r="B1215" s="1" t="s">
        <v>4805</v>
      </c>
      <c r="C1215" s="1" t="s">
        <v>135</v>
      </c>
      <c r="D1215" s="1" t="s">
        <v>4905</v>
      </c>
      <c r="E1215" s="1" t="s">
        <v>4906</v>
      </c>
      <c r="F1215" s="1" t="s">
        <v>4907</v>
      </c>
      <c r="G1215" s="1" t="s">
        <v>4809</v>
      </c>
      <c r="H1215" s="1" t="s">
        <v>13</v>
      </c>
      <c r="I1215" s="1" t="s">
        <v>4810</v>
      </c>
      <c r="J1215" s="1" t="s">
        <v>4908</v>
      </c>
    </row>
    <row r="1216" spans="1:10" x14ac:dyDescent="0.35">
      <c r="A1216" s="1" t="s">
        <v>4804</v>
      </c>
      <c r="B1216" s="1" t="s">
        <v>4805</v>
      </c>
      <c r="C1216" s="1" t="s">
        <v>140</v>
      </c>
      <c r="D1216" s="1" t="s">
        <v>4909</v>
      </c>
      <c r="E1216" s="1" t="s">
        <v>4910</v>
      </c>
      <c r="F1216" s="1" t="s">
        <v>4911</v>
      </c>
      <c r="G1216" s="1" t="s">
        <v>4809</v>
      </c>
      <c r="H1216" s="1" t="s">
        <v>13</v>
      </c>
      <c r="I1216" s="1" t="s">
        <v>4810</v>
      </c>
      <c r="J1216" s="1" t="s">
        <v>4912</v>
      </c>
    </row>
    <row r="1217" spans="1:10" x14ac:dyDescent="0.35">
      <c r="A1217" s="1" t="s">
        <v>4804</v>
      </c>
      <c r="B1217" s="1" t="s">
        <v>4805</v>
      </c>
      <c r="C1217" s="1" t="s">
        <v>145</v>
      </c>
      <c r="D1217" s="1" t="s">
        <v>4913</v>
      </c>
      <c r="E1217" s="1" t="s">
        <v>4914</v>
      </c>
      <c r="F1217" s="1" t="s">
        <v>4915</v>
      </c>
      <c r="G1217" s="1" t="s">
        <v>4809</v>
      </c>
      <c r="H1217" s="1" t="s">
        <v>13</v>
      </c>
      <c r="I1217" s="1" t="s">
        <v>4810</v>
      </c>
      <c r="J1217" s="1" t="s">
        <v>4916</v>
      </c>
    </row>
    <row r="1218" spans="1:10" x14ac:dyDescent="0.35">
      <c r="A1218" s="1" t="s">
        <v>4804</v>
      </c>
      <c r="B1218" s="1" t="s">
        <v>4805</v>
      </c>
      <c r="C1218" s="1" t="s">
        <v>150</v>
      </c>
      <c r="D1218" s="1" t="s">
        <v>4917</v>
      </c>
      <c r="E1218" s="1" t="s">
        <v>4918</v>
      </c>
      <c r="F1218" s="1" t="s">
        <v>4919</v>
      </c>
      <c r="G1218" s="1" t="s">
        <v>4809</v>
      </c>
      <c r="H1218" s="1" t="s">
        <v>13</v>
      </c>
      <c r="I1218" s="1" t="s">
        <v>4810</v>
      </c>
      <c r="J1218" s="1" t="s">
        <v>4920</v>
      </c>
    </row>
    <row r="1219" spans="1:10" x14ac:dyDescent="0.35">
      <c r="A1219" s="1" t="s">
        <v>4804</v>
      </c>
      <c r="B1219" s="1" t="s">
        <v>4805</v>
      </c>
      <c r="C1219" s="1" t="s">
        <v>155</v>
      </c>
      <c r="D1219" s="1" t="s">
        <v>4921</v>
      </c>
      <c r="E1219" s="1" t="s">
        <v>4922</v>
      </c>
      <c r="F1219" s="1" t="s">
        <v>4923</v>
      </c>
      <c r="G1219" s="1" t="s">
        <v>4809</v>
      </c>
      <c r="H1219" s="1" t="s">
        <v>13</v>
      </c>
      <c r="I1219" s="1" t="s">
        <v>4810</v>
      </c>
      <c r="J1219" s="1" t="s">
        <v>4924</v>
      </c>
    </row>
    <row r="1220" spans="1:10" x14ac:dyDescent="0.35">
      <c r="A1220" s="1" t="s">
        <v>4804</v>
      </c>
      <c r="B1220" s="1" t="s">
        <v>4805</v>
      </c>
      <c r="C1220" s="1" t="s">
        <v>160</v>
      </c>
      <c r="D1220" s="1" t="s">
        <v>4925</v>
      </c>
      <c r="E1220" s="1" t="s">
        <v>4926</v>
      </c>
      <c r="F1220" s="1" t="s">
        <v>4927</v>
      </c>
      <c r="G1220" s="1" t="s">
        <v>4809</v>
      </c>
      <c r="H1220" s="1" t="s">
        <v>13</v>
      </c>
      <c r="I1220" s="1" t="s">
        <v>4810</v>
      </c>
      <c r="J1220" s="1" t="s">
        <v>4928</v>
      </c>
    </row>
    <row r="1221" spans="1:10" x14ac:dyDescent="0.35">
      <c r="A1221" s="1" t="s">
        <v>4804</v>
      </c>
      <c r="B1221" s="1" t="s">
        <v>4805</v>
      </c>
      <c r="C1221" s="1" t="s">
        <v>165</v>
      </c>
      <c r="D1221" s="1" t="s">
        <v>4929</v>
      </c>
      <c r="E1221" s="1" t="s">
        <v>4930</v>
      </c>
      <c r="F1221" s="1" t="s">
        <v>4931</v>
      </c>
      <c r="G1221" s="1" t="s">
        <v>4809</v>
      </c>
      <c r="H1221" s="1" t="s">
        <v>13</v>
      </c>
      <c r="I1221" s="1" t="s">
        <v>4810</v>
      </c>
      <c r="J1221" s="1" t="s">
        <v>4932</v>
      </c>
    </row>
    <row r="1222" spans="1:10" x14ac:dyDescent="0.35">
      <c r="A1222" s="1" t="s">
        <v>4804</v>
      </c>
      <c r="B1222" s="1" t="s">
        <v>4805</v>
      </c>
      <c r="C1222" s="1" t="s">
        <v>170</v>
      </c>
      <c r="D1222" s="1" t="s">
        <v>4933</v>
      </c>
      <c r="E1222" s="1" t="s">
        <v>4934</v>
      </c>
      <c r="F1222" s="1" t="s">
        <v>4935</v>
      </c>
      <c r="G1222" s="1" t="s">
        <v>4809</v>
      </c>
      <c r="H1222" s="1" t="s">
        <v>13</v>
      </c>
      <c r="I1222" s="1" t="s">
        <v>4810</v>
      </c>
      <c r="J1222" s="1" t="s">
        <v>4936</v>
      </c>
    </row>
    <row r="1223" spans="1:10" x14ac:dyDescent="0.35">
      <c r="A1223" s="1" t="s">
        <v>4937</v>
      </c>
      <c r="B1223" s="1" t="s">
        <v>4938</v>
      </c>
      <c r="C1223" s="1" t="s">
        <v>8</v>
      </c>
      <c r="D1223" s="1" t="s">
        <v>4939</v>
      </c>
      <c r="E1223" s="1" t="s">
        <v>4940</v>
      </c>
      <c r="F1223" s="1" t="s">
        <v>4941</v>
      </c>
      <c r="G1223" s="1" t="s">
        <v>4942</v>
      </c>
      <c r="H1223" s="1" t="s">
        <v>13</v>
      </c>
      <c r="I1223" s="1" t="s">
        <v>4943</v>
      </c>
      <c r="J1223" s="1" t="s">
        <v>13</v>
      </c>
    </row>
    <row r="1224" spans="1:10" x14ac:dyDescent="0.35">
      <c r="A1224" s="1" t="s">
        <v>4937</v>
      </c>
      <c r="B1224" s="1" t="s">
        <v>4938</v>
      </c>
      <c r="C1224" s="1" t="s">
        <v>15</v>
      </c>
      <c r="D1224" s="1" t="s">
        <v>4944</v>
      </c>
      <c r="E1224" s="1" t="s">
        <v>4945</v>
      </c>
      <c r="F1224" s="1" t="s">
        <v>4946</v>
      </c>
      <c r="G1224" s="1" t="s">
        <v>4942</v>
      </c>
      <c r="H1224" s="1" t="s">
        <v>13</v>
      </c>
      <c r="I1224" s="1" t="s">
        <v>4943</v>
      </c>
      <c r="J1224" s="1" t="s">
        <v>4947</v>
      </c>
    </row>
    <row r="1225" spans="1:10" x14ac:dyDescent="0.35">
      <c r="A1225" s="1" t="s">
        <v>4937</v>
      </c>
      <c r="B1225" s="1" t="s">
        <v>4938</v>
      </c>
      <c r="C1225" s="1" t="s">
        <v>20</v>
      </c>
      <c r="D1225" s="1" t="s">
        <v>4948</v>
      </c>
      <c r="E1225" s="1" t="s">
        <v>4949</v>
      </c>
      <c r="F1225" s="1" t="s">
        <v>4950</v>
      </c>
      <c r="G1225" s="1" t="s">
        <v>4942</v>
      </c>
      <c r="H1225" s="1" t="s">
        <v>13</v>
      </c>
      <c r="I1225" s="1" t="s">
        <v>4943</v>
      </c>
      <c r="J1225" s="1" t="s">
        <v>4951</v>
      </c>
    </row>
    <row r="1226" spans="1:10" x14ac:dyDescent="0.35">
      <c r="A1226" s="1" t="s">
        <v>4937</v>
      </c>
      <c r="B1226" s="1" t="s">
        <v>4938</v>
      </c>
      <c r="C1226" s="1" t="s">
        <v>25</v>
      </c>
      <c r="D1226" s="1" t="s">
        <v>4952</v>
      </c>
      <c r="E1226" s="1" t="s">
        <v>4953</v>
      </c>
      <c r="F1226" s="1" t="s">
        <v>4954</v>
      </c>
      <c r="G1226" s="1" t="s">
        <v>4942</v>
      </c>
      <c r="H1226" s="1" t="s">
        <v>13</v>
      </c>
      <c r="I1226" s="1" t="s">
        <v>4943</v>
      </c>
      <c r="J1226" s="1" t="s">
        <v>4955</v>
      </c>
    </row>
    <row r="1227" spans="1:10" x14ac:dyDescent="0.35">
      <c r="A1227" s="1" t="s">
        <v>4937</v>
      </c>
      <c r="B1227" s="1" t="s">
        <v>4938</v>
      </c>
      <c r="C1227" s="1" t="s">
        <v>30</v>
      </c>
      <c r="D1227" s="1" t="s">
        <v>4956</v>
      </c>
      <c r="E1227" s="1" t="s">
        <v>4957</v>
      </c>
      <c r="F1227" s="1" t="s">
        <v>4958</v>
      </c>
      <c r="G1227" s="1" t="s">
        <v>4942</v>
      </c>
      <c r="H1227" s="1" t="s">
        <v>13</v>
      </c>
      <c r="I1227" s="1" t="s">
        <v>4943</v>
      </c>
      <c r="J1227" s="1" t="s">
        <v>4959</v>
      </c>
    </row>
    <row r="1228" spans="1:10" x14ac:dyDescent="0.35">
      <c r="A1228" s="1" t="s">
        <v>4937</v>
      </c>
      <c r="B1228" s="1" t="s">
        <v>4938</v>
      </c>
      <c r="C1228" s="1" t="s">
        <v>35</v>
      </c>
      <c r="D1228" s="1" t="s">
        <v>4960</v>
      </c>
      <c r="E1228" s="1" t="s">
        <v>4961</v>
      </c>
      <c r="F1228" s="1" t="s">
        <v>4962</v>
      </c>
      <c r="G1228" s="1" t="s">
        <v>4942</v>
      </c>
      <c r="H1228" s="1" t="s">
        <v>13</v>
      </c>
      <c r="I1228" s="1" t="s">
        <v>4943</v>
      </c>
      <c r="J1228" s="1" t="s">
        <v>4963</v>
      </c>
    </row>
    <row r="1229" spans="1:10" x14ac:dyDescent="0.35">
      <c r="A1229" s="1" t="s">
        <v>4937</v>
      </c>
      <c r="B1229" s="1" t="s">
        <v>4938</v>
      </c>
      <c r="C1229" s="1" t="s">
        <v>40</v>
      </c>
      <c r="D1229" s="1" t="s">
        <v>4964</v>
      </c>
      <c r="E1229" s="1" t="s">
        <v>4965</v>
      </c>
      <c r="F1229" s="1" t="s">
        <v>4966</v>
      </c>
      <c r="G1229" s="1" t="s">
        <v>4942</v>
      </c>
      <c r="H1229" s="1" t="s">
        <v>13</v>
      </c>
      <c r="I1229" s="1" t="s">
        <v>4943</v>
      </c>
      <c r="J1229" s="1" t="s">
        <v>4967</v>
      </c>
    </row>
    <row r="1230" spans="1:10" x14ac:dyDescent="0.35">
      <c r="A1230" s="1" t="s">
        <v>4937</v>
      </c>
      <c r="B1230" s="1" t="s">
        <v>4938</v>
      </c>
      <c r="C1230" s="1" t="s">
        <v>45</v>
      </c>
      <c r="D1230" s="1" t="s">
        <v>4968</v>
      </c>
      <c r="E1230" s="1" t="s">
        <v>4969</v>
      </c>
      <c r="F1230" s="1" t="s">
        <v>4970</v>
      </c>
      <c r="G1230" s="1" t="s">
        <v>4942</v>
      </c>
      <c r="H1230" s="1" t="s">
        <v>13</v>
      </c>
      <c r="I1230" s="1" t="s">
        <v>4943</v>
      </c>
      <c r="J1230" s="1" t="s">
        <v>4971</v>
      </c>
    </row>
    <row r="1231" spans="1:10" x14ac:dyDescent="0.35">
      <c r="A1231" s="1" t="s">
        <v>4937</v>
      </c>
      <c r="B1231" s="1" t="s">
        <v>4938</v>
      </c>
      <c r="C1231" s="1" t="s">
        <v>50</v>
      </c>
      <c r="D1231" s="1" t="s">
        <v>4972</v>
      </c>
      <c r="E1231" s="1" t="s">
        <v>4973</v>
      </c>
      <c r="F1231" s="1" t="s">
        <v>4974</v>
      </c>
      <c r="G1231" s="1" t="s">
        <v>4942</v>
      </c>
      <c r="H1231" s="1" t="s">
        <v>13</v>
      </c>
      <c r="I1231" s="1" t="s">
        <v>4943</v>
      </c>
      <c r="J1231" s="1" t="s">
        <v>4975</v>
      </c>
    </row>
    <row r="1232" spans="1:10" x14ac:dyDescent="0.35">
      <c r="A1232" s="1" t="s">
        <v>4937</v>
      </c>
      <c r="B1232" s="1" t="s">
        <v>4938</v>
      </c>
      <c r="C1232" s="1" t="s">
        <v>55</v>
      </c>
      <c r="D1232" s="1" t="s">
        <v>4976</v>
      </c>
      <c r="E1232" s="1" t="s">
        <v>4977</v>
      </c>
      <c r="F1232" s="1" t="s">
        <v>4978</v>
      </c>
      <c r="G1232" s="1" t="s">
        <v>4942</v>
      </c>
      <c r="H1232" s="1" t="s">
        <v>13</v>
      </c>
      <c r="I1232" s="1" t="s">
        <v>4943</v>
      </c>
      <c r="J1232" s="1" t="s">
        <v>4979</v>
      </c>
    </row>
    <row r="1233" spans="1:10" x14ac:dyDescent="0.35">
      <c r="A1233" s="1" t="s">
        <v>4937</v>
      </c>
      <c r="B1233" s="1" t="s">
        <v>4938</v>
      </c>
      <c r="C1233" s="1" t="s">
        <v>60</v>
      </c>
      <c r="D1233" s="1" t="s">
        <v>4980</v>
      </c>
      <c r="E1233" s="1" t="s">
        <v>4981</v>
      </c>
      <c r="F1233" s="1" t="s">
        <v>4982</v>
      </c>
      <c r="G1233" s="1" t="s">
        <v>4942</v>
      </c>
      <c r="H1233" s="1" t="s">
        <v>13</v>
      </c>
      <c r="I1233" s="1" t="s">
        <v>4943</v>
      </c>
      <c r="J1233" s="1" t="s">
        <v>4983</v>
      </c>
    </row>
    <row r="1234" spans="1:10" x14ac:dyDescent="0.35">
      <c r="A1234" s="1" t="s">
        <v>4937</v>
      </c>
      <c r="B1234" s="1" t="s">
        <v>4938</v>
      </c>
      <c r="C1234" s="1" t="s">
        <v>65</v>
      </c>
      <c r="D1234" s="1" t="s">
        <v>4984</v>
      </c>
      <c r="E1234" s="1" t="s">
        <v>4985</v>
      </c>
      <c r="F1234" s="1" t="s">
        <v>4986</v>
      </c>
      <c r="G1234" s="1" t="s">
        <v>4942</v>
      </c>
      <c r="H1234" s="1" t="s">
        <v>13</v>
      </c>
      <c r="I1234" s="1" t="s">
        <v>4943</v>
      </c>
      <c r="J1234" s="1" t="s">
        <v>4987</v>
      </c>
    </row>
    <row r="1235" spans="1:10" x14ac:dyDescent="0.35">
      <c r="A1235" s="1" t="s">
        <v>4937</v>
      </c>
      <c r="B1235" s="1" t="s">
        <v>4938</v>
      </c>
      <c r="C1235" s="1" t="s">
        <v>70</v>
      </c>
      <c r="D1235" s="1" t="s">
        <v>4988</v>
      </c>
      <c r="E1235" s="1" t="s">
        <v>4989</v>
      </c>
      <c r="F1235" s="1" t="s">
        <v>4990</v>
      </c>
      <c r="G1235" s="1" t="s">
        <v>4942</v>
      </c>
      <c r="H1235" s="1" t="s">
        <v>13</v>
      </c>
      <c r="I1235" s="1" t="s">
        <v>4943</v>
      </c>
      <c r="J1235" s="1" t="s">
        <v>4991</v>
      </c>
    </row>
    <row r="1236" spans="1:10" x14ac:dyDescent="0.35">
      <c r="A1236" s="1" t="s">
        <v>4937</v>
      </c>
      <c r="B1236" s="1" t="s">
        <v>4938</v>
      </c>
      <c r="C1236" s="1" t="s">
        <v>75</v>
      </c>
      <c r="D1236" s="1" t="s">
        <v>4992</v>
      </c>
      <c r="E1236" s="1" t="s">
        <v>4993</v>
      </c>
      <c r="F1236" s="1" t="s">
        <v>4994</v>
      </c>
      <c r="G1236" s="1" t="s">
        <v>4942</v>
      </c>
      <c r="H1236" s="1" t="s">
        <v>13</v>
      </c>
      <c r="I1236" s="1" t="s">
        <v>4943</v>
      </c>
      <c r="J1236" s="1" t="s">
        <v>4995</v>
      </c>
    </row>
    <row r="1237" spans="1:10" x14ac:dyDescent="0.35">
      <c r="A1237" s="1" t="s">
        <v>4937</v>
      </c>
      <c r="B1237" s="1" t="s">
        <v>4938</v>
      </c>
      <c r="C1237" s="1" t="s">
        <v>80</v>
      </c>
      <c r="D1237" s="1" t="s">
        <v>4996</v>
      </c>
      <c r="E1237" s="1" t="s">
        <v>4997</v>
      </c>
      <c r="F1237" s="1" t="s">
        <v>4998</v>
      </c>
      <c r="G1237" s="1" t="s">
        <v>4942</v>
      </c>
      <c r="H1237" s="1" t="s">
        <v>13</v>
      </c>
      <c r="I1237" s="1" t="s">
        <v>4943</v>
      </c>
      <c r="J1237" s="1" t="s">
        <v>4999</v>
      </c>
    </row>
    <row r="1238" spans="1:10" x14ac:dyDescent="0.35">
      <c r="A1238" s="1" t="s">
        <v>4937</v>
      </c>
      <c r="B1238" s="1" t="s">
        <v>4938</v>
      </c>
      <c r="C1238" s="1" t="s">
        <v>85</v>
      </c>
      <c r="D1238" s="1" t="s">
        <v>5000</v>
      </c>
      <c r="E1238" s="1" t="s">
        <v>5001</v>
      </c>
      <c r="F1238" s="1" t="s">
        <v>5002</v>
      </c>
      <c r="G1238" s="1" t="s">
        <v>4942</v>
      </c>
      <c r="H1238" s="1" t="s">
        <v>13</v>
      </c>
      <c r="I1238" s="1" t="s">
        <v>4943</v>
      </c>
      <c r="J1238" s="1" t="s">
        <v>5003</v>
      </c>
    </row>
    <row r="1239" spans="1:10" x14ac:dyDescent="0.35">
      <c r="A1239" s="1" t="s">
        <v>4937</v>
      </c>
      <c r="B1239" s="1" t="s">
        <v>4938</v>
      </c>
      <c r="C1239" s="1" t="s">
        <v>90</v>
      </c>
      <c r="D1239" s="1" t="s">
        <v>5004</v>
      </c>
      <c r="E1239" s="1" t="s">
        <v>5005</v>
      </c>
      <c r="F1239" s="1" t="s">
        <v>5006</v>
      </c>
      <c r="G1239" s="1" t="s">
        <v>4942</v>
      </c>
      <c r="H1239" s="1" t="s">
        <v>13</v>
      </c>
      <c r="I1239" s="1" t="s">
        <v>4943</v>
      </c>
      <c r="J1239" s="1" t="s">
        <v>5007</v>
      </c>
    </row>
    <row r="1240" spans="1:10" x14ac:dyDescent="0.35">
      <c r="A1240" s="1" t="s">
        <v>4937</v>
      </c>
      <c r="B1240" s="1" t="s">
        <v>4938</v>
      </c>
      <c r="C1240" s="1" t="s">
        <v>95</v>
      </c>
      <c r="D1240" s="1" t="s">
        <v>5008</v>
      </c>
      <c r="E1240" s="1" t="s">
        <v>5009</v>
      </c>
      <c r="F1240" s="1" t="s">
        <v>5010</v>
      </c>
      <c r="G1240" s="1" t="s">
        <v>4942</v>
      </c>
      <c r="H1240" s="1" t="s">
        <v>13</v>
      </c>
      <c r="I1240" s="1" t="s">
        <v>4943</v>
      </c>
      <c r="J1240" s="1" t="s">
        <v>5011</v>
      </c>
    </row>
    <row r="1241" spans="1:10" x14ac:dyDescent="0.35">
      <c r="A1241" s="1" t="s">
        <v>4937</v>
      </c>
      <c r="B1241" s="1" t="s">
        <v>4938</v>
      </c>
      <c r="C1241" s="1" t="s">
        <v>100</v>
      </c>
      <c r="D1241" s="1" t="s">
        <v>5012</v>
      </c>
      <c r="E1241" s="1" t="s">
        <v>5013</v>
      </c>
      <c r="F1241" s="1" t="s">
        <v>5014</v>
      </c>
      <c r="G1241" s="1" t="s">
        <v>4942</v>
      </c>
      <c r="H1241" s="1" t="s">
        <v>13</v>
      </c>
      <c r="I1241" s="1" t="s">
        <v>4943</v>
      </c>
      <c r="J1241" s="1" t="s">
        <v>5015</v>
      </c>
    </row>
    <row r="1242" spans="1:10" x14ac:dyDescent="0.35">
      <c r="A1242" s="1" t="s">
        <v>4937</v>
      </c>
      <c r="B1242" s="1" t="s">
        <v>4938</v>
      </c>
      <c r="C1242" s="1" t="s">
        <v>105</v>
      </c>
      <c r="D1242" s="1" t="s">
        <v>5016</v>
      </c>
      <c r="E1242" s="1" t="s">
        <v>5017</v>
      </c>
      <c r="F1242" s="1" t="s">
        <v>5018</v>
      </c>
      <c r="G1242" s="1" t="s">
        <v>4942</v>
      </c>
      <c r="H1242" s="1" t="s">
        <v>13</v>
      </c>
      <c r="I1242" s="1" t="s">
        <v>4943</v>
      </c>
      <c r="J1242" s="1" t="s">
        <v>5019</v>
      </c>
    </row>
    <row r="1243" spans="1:10" x14ac:dyDescent="0.35">
      <c r="A1243" s="1" t="s">
        <v>4937</v>
      </c>
      <c r="B1243" s="1" t="s">
        <v>4938</v>
      </c>
      <c r="C1243" s="1" t="s">
        <v>110</v>
      </c>
      <c r="D1243" s="1" t="s">
        <v>5020</v>
      </c>
      <c r="E1243" s="1" t="s">
        <v>5021</v>
      </c>
      <c r="F1243" s="1" t="s">
        <v>5022</v>
      </c>
      <c r="G1243" s="1" t="s">
        <v>4942</v>
      </c>
      <c r="H1243" s="1" t="s">
        <v>13</v>
      </c>
      <c r="I1243" s="1" t="s">
        <v>4943</v>
      </c>
      <c r="J1243" s="1" t="s">
        <v>5023</v>
      </c>
    </row>
    <row r="1244" spans="1:10" x14ac:dyDescent="0.35">
      <c r="A1244" s="1" t="s">
        <v>4937</v>
      </c>
      <c r="B1244" s="1" t="s">
        <v>4938</v>
      </c>
      <c r="C1244" s="1" t="s">
        <v>115</v>
      </c>
      <c r="D1244" s="1" t="s">
        <v>5024</v>
      </c>
      <c r="E1244" s="1" t="s">
        <v>5025</v>
      </c>
      <c r="F1244" s="1" t="s">
        <v>5026</v>
      </c>
      <c r="G1244" s="1" t="s">
        <v>4942</v>
      </c>
      <c r="H1244" s="1" t="s">
        <v>13</v>
      </c>
      <c r="I1244" s="1" t="s">
        <v>4943</v>
      </c>
      <c r="J1244" s="1" t="s">
        <v>5027</v>
      </c>
    </row>
    <row r="1245" spans="1:10" x14ac:dyDescent="0.35">
      <c r="A1245" s="1" t="s">
        <v>4937</v>
      </c>
      <c r="B1245" s="1" t="s">
        <v>4938</v>
      </c>
      <c r="C1245" s="1" t="s">
        <v>120</v>
      </c>
      <c r="D1245" s="1" t="s">
        <v>5028</v>
      </c>
      <c r="E1245" s="1" t="s">
        <v>5029</v>
      </c>
      <c r="F1245" s="1" t="s">
        <v>5030</v>
      </c>
      <c r="G1245" s="1" t="s">
        <v>4942</v>
      </c>
      <c r="H1245" s="1" t="s">
        <v>13</v>
      </c>
      <c r="I1245" s="1" t="s">
        <v>4943</v>
      </c>
      <c r="J1245" s="1" t="s">
        <v>5031</v>
      </c>
    </row>
    <row r="1246" spans="1:10" x14ac:dyDescent="0.35">
      <c r="A1246" s="1" t="s">
        <v>4937</v>
      </c>
      <c r="B1246" s="1" t="s">
        <v>4938</v>
      </c>
      <c r="C1246" s="1" t="s">
        <v>125</v>
      </c>
      <c r="D1246" s="1" t="s">
        <v>5032</v>
      </c>
      <c r="E1246" s="1" t="s">
        <v>5033</v>
      </c>
      <c r="F1246" s="1" t="s">
        <v>5034</v>
      </c>
      <c r="G1246" s="1" t="s">
        <v>4942</v>
      </c>
      <c r="H1246" s="1" t="s">
        <v>13</v>
      </c>
      <c r="I1246" s="1" t="s">
        <v>4943</v>
      </c>
      <c r="J1246" s="1" t="s">
        <v>5035</v>
      </c>
    </row>
    <row r="1247" spans="1:10" x14ac:dyDescent="0.35">
      <c r="A1247" s="1" t="s">
        <v>4937</v>
      </c>
      <c r="B1247" s="1" t="s">
        <v>4938</v>
      </c>
      <c r="C1247" s="1" t="s">
        <v>130</v>
      </c>
      <c r="D1247" s="1" t="s">
        <v>5036</v>
      </c>
      <c r="E1247" s="1" t="s">
        <v>5037</v>
      </c>
      <c r="F1247" s="1" t="s">
        <v>5038</v>
      </c>
      <c r="G1247" s="1" t="s">
        <v>4942</v>
      </c>
      <c r="H1247" s="1" t="s">
        <v>13</v>
      </c>
      <c r="I1247" s="1" t="s">
        <v>4943</v>
      </c>
      <c r="J1247" s="1" t="s">
        <v>5039</v>
      </c>
    </row>
    <row r="1248" spans="1:10" x14ac:dyDescent="0.35">
      <c r="A1248" s="1" t="s">
        <v>4937</v>
      </c>
      <c r="B1248" s="1" t="s">
        <v>4938</v>
      </c>
      <c r="C1248" s="1" t="s">
        <v>135</v>
      </c>
      <c r="D1248" s="1" t="s">
        <v>5040</v>
      </c>
      <c r="E1248" s="1" t="s">
        <v>5041</v>
      </c>
      <c r="F1248" s="1" t="s">
        <v>5042</v>
      </c>
      <c r="G1248" s="1" t="s">
        <v>4942</v>
      </c>
      <c r="H1248" s="1" t="s">
        <v>13</v>
      </c>
      <c r="I1248" s="1" t="s">
        <v>4943</v>
      </c>
      <c r="J1248" s="1" t="s">
        <v>5043</v>
      </c>
    </row>
    <row r="1249" spans="1:10" x14ac:dyDescent="0.35">
      <c r="A1249" s="1" t="s">
        <v>4937</v>
      </c>
      <c r="B1249" s="1" t="s">
        <v>4938</v>
      </c>
      <c r="C1249" s="1" t="s">
        <v>140</v>
      </c>
      <c r="D1249" s="1" t="s">
        <v>5044</v>
      </c>
      <c r="E1249" s="1" t="s">
        <v>5045</v>
      </c>
      <c r="F1249" s="1" t="s">
        <v>5046</v>
      </c>
      <c r="G1249" s="1" t="s">
        <v>4942</v>
      </c>
      <c r="H1249" s="1" t="s">
        <v>13</v>
      </c>
      <c r="I1249" s="1" t="s">
        <v>4943</v>
      </c>
      <c r="J1249" s="1" t="s">
        <v>5047</v>
      </c>
    </row>
    <row r="1250" spans="1:10" x14ac:dyDescent="0.35">
      <c r="A1250" s="1" t="s">
        <v>4937</v>
      </c>
      <c r="B1250" s="1" t="s">
        <v>4938</v>
      </c>
      <c r="C1250" s="1" t="s">
        <v>145</v>
      </c>
      <c r="D1250" s="1" t="s">
        <v>5048</v>
      </c>
      <c r="E1250" s="1" t="s">
        <v>5049</v>
      </c>
      <c r="F1250" s="1" t="s">
        <v>5050</v>
      </c>
      <c r="G1250" s="1" t="s">
        <v>4942</v>
      </c>
      <c r="H1250" s="1" t="s">
        <v>13</v>
      </c>
      <c r="I1250" s="1" t="s">
        <v>4943</v>
      </c>
      <c r="J1250" s="1" t="s">
        <v>5051</v>
      </c>
    </row>
    <row r="1251" spans="1:10" x14ac:dyDescent="0.35">
      <c r="A1251" s="1" t="s">
        <v>4937</v>
      </c>
      <c r="B1251" s="1" t="s">
        <v>4938</v>
      </c>
      <c r="C1251" s="1" t="s">
        <v>150</v>
      </c>
      <c r="D1251" s="1" t="s">
        <v>5052</v>
      </c>
      <c r="E1251" s="1" t="s">
        <v>5053</v>
      </c>
      <c r="F1251" s="1" t="s">
        <v>5054</v>
      </c>
      <c r="G1251" s="1" t="s">
        <v>4942</v>
      </c>
      <c r="H1251" s="1" t="s">
        <v>13</v>
      </c>
      <c r="I1251" s="1" t="s">
        <v>4943</v>
      </c>
      <c r="J1251" s="1" t="s">
        <v>5055</v>
      </c>
    </row>
    <row r="1252" spans="1:10" x14ac:dyDescent="0.35">
      <c r="A1252" s="1" t="s">
        <v>4937</v>
      </c>
      <c r="B1252" s="1" t="s">
        <v>4938</v>
      </c>
      <c r="C1252" s="1" t="s">
        <v>155</v>
      </c>
      <c r="D1252" s="1" t="s">
        <v>5056</v>
      </c>
      <c r="E1252" s="1" t="s">
        <v>5057</v>
      </c>
      <c r="F1252" s="1" t="s">
        <v>5058</v>
      </c>
      <c r="G1252" s="1" t="s">
        <v>4942</v>
      </c>
      <c r="H1252" s="1" t="s">
        <v>13</v>
      </c>
      <c r="I1252" s="1" t="s">
        <v>4943</v>
      </c>
      <c r="J1252" s="1" t="s">
        <v>5059</v>
      </c>
    </row>
    <row r="1253" spans="1:10" x14ac:dyDescent="0.35">
      <c r="A1253" s="1" t="s">
        <v>4937</v>
      </c>
      <c r="B1253" s="1" t="s">
        <v>4938</v>
      </c>
      <c r="C1253" s="1" t="s">
        <v>160</v>
      </c>
      <c r="D1253" s="1" t="s">
        <v>5060</v>
      </c>
      <c r="E1253" s="1" t="s">
        <v>5061</v>
      </c>
      <c r="F1253" s="1" t="s">
        <v>5062</v>
      </c>
      <c r="G1253" s="1" t="s">
        <v>4942</v>
      </c>
      <c r="H1253" s="1" t="s">
        <v>13</v>
      </c>
      <c r="I1253" s="1" t="s">
        <v>4943</v>
      </c>
      <c r="J1253" s="1" t="s">
        <v>5063</v>
      </c>
    </row>
    <row r="1254" spans="1:10" x14ac:dyDescent="0.35">
      <c r="A1254" s="1" t="s">
        <v>4937</v>
      </c>
      <c r="B1254" s="1" t="s">
        <v>4938</v>
      </c>
      <c r="C1254" s="1" t="s">
        <v>165</v>
      </c>
      <c r="D1254" s="1" t="s">
        <v>5064</v>
      </c>
      <c r="E1254" s="1" t="s">
        <v>5065</v>
      </c>
      <c r="F1254" s="1" t="s">
        <v>5066</v>
      </c>
      <c r="G1254" s="1" t="s">
        <v>4942</v>
      </c>
      <c r="H1254" s="1" t="s">
        <v>13</v>
      </c>
      <c r="I1254" s="1" t="s">
        <v>4943</v>
      </c>
      <c r="J1254" s="1" t="s">
        <v>5067</v>
      </c>
    </row>
    <row r="1255" spans="1:10" x14ac:dyDescent="0.35">
      <c r="A1255" s="1" t="s">
        <v>4937</v>
      </c>
      <c r="B1255" s="1" t="s">
        <v>4938</v>
      </c>
      <c r="C1255" s="1" t="s">
        <v>170</v>
      </c>
      <c r="D1255" s="1" t="s">
        <v>5068</v>
      </c>
      <c r="E1255" s="1" t="s">
        <v>5069</v>
      </c>
      <c r="F1255" s="1" t="s">
        <v>5070</v>
      </c>
      <c r="G1255" s="1" t="s">
        <v>4942</v>
      </c>
      <c r="H1255" s="1" t="s">
        <v>13</v>
      </c>
      <c r="I1255" s="1" t="s">
        <v>4943</v>
      </c>
      <c r="J1255" s="1" t="s">
        <v>5071</v>
      </c>
    </row>
    <row r="1256" spans="1:10" x14ac:dyDescent="0.35">
      <c r="A1256" s="1" t="s">
        <v>5072</v>
      </c>
      <c r="B1256" s="1" t="s">
        <v>5073</v>
      </c>
      <c r="C1256" s="1" t="s">
        <v>8</v>
      </c>
      <c r="D1256" s="1" t="s">
        <v>5074</v>
      </c>
      <c r="E1256" s="1" t="s">
        <v>5075</v>
      </c>
      <c r="F1256" s="1" t="s">
        <v>5076</v>
      </c>
      <c r="G1256" s="1" t="s">
        <v>5077</v>
      </c>
      <c r="H1256" s="1" t="s">
        <v>13</v>
      </c>
      <c r="I1256" s="1" t="s">
        <v>5078</v>
      </c>
      <c r="J1256" s="1" t="s">
        <v>13</v>
      </c>
    </row>
    <row r="1257" spans="1:10" x14ac:dyDescent="0.35">
      <c r="A1257" s="1" t="s">
        <v>5072</v>
      </c>
      <c r="B1257" s="1" t="s">
        <v>5073</v>
      </c>
      <c r="C1257" s="1" t="s">
        <v>15</v>
      </c>
      <c r="D1257" s="1" t="s">
        <v>5079</v>
      </c>
      <c r="E1257" s="1" t="s">
        <v>5080</v>
      </c>
      <c r="F1257" s="1" t="s">
        <v>5081</v>
      </c>
      <c r="G1257" s="1" t="s">
        <v>5077</v>
      </c>
      <c r="H1257" s="1" t="s">
        <v>13</v>
      </c>
      <c r="I1257" s="1" t="s">
        <v>5078</v>
      </c>
      <c r="J1257" s="1" t="s">
        <v>5082</v>
      </c>
    </row>
    <row r="1258" spans="1:10" x14ac:dyDescent="0.35">
      <c r="A1258" s="1" t="s">
        <v>5072</v>
      </c>
      <c r="B1258" s="1" t="s">
        <v>5073</v>
      </c>
      <c r="C1258" s="1" t="s">
        <v>20</v>
      </c>
      <c r="D1258" s="1" t="s">
        <v>5083</v>
      </c>
      <c r="E1258" s="1" t="s">
        <v>5084</v>
      </c>
      <c r="F1258" s="1" t="s">
        <v>5085</v>
      </c>
      <c r="G1258" s="1" t="s">
        <v>5077</v>
      </c>
      <c r="H1258" s="1" t="s">
        <v>13</v>
      </c>
      <c r="I1258" s="1" t="s">
        <v>5078</v>
      </c>
      <c r="J1258" s="1" t="s">
        <v>5086</v>
      </c>
    </row>
    <row r="1259" spans="1:10" x14ac:dyDescent="0.35">
      <c r="A1259" s="1" t="s">
        <v>5072</v>
      </c>
      <c r="B1259" s="1" t="s">
        <v>5073</v>
      </c>
      <c r="C1259" s="1" t="s">
        <v>25</v>
      </c>
      <c r="D1259" s="1" t="s">
        <v>5087</v>
      </c>
      <c r="E1259" s="1" t="s">
        <v>5088</v>
      </c>
      <c r="F1259" s="1" t="s">
        <v>5089</v>
      </c>
      <c r="G1259" s="1" t="s">
        <v>5077</v>
      </c>
      <c r="H1259" s="1" t="s">
        <v>13</v>
      </c>
      <c r="I1259" s="1" t="s">
        <v>5078</v>
      </c>
      <c r="J1259" s="1" t="s">
        <v>5090</v>
      </c>
    </row>
    <row r="1260" spans="1:10" x14ac:dyDescent="0.35">
      <c r="A1260" s="1" t="s">
        <v>5072</v>
      </c>
      <c r="B1260" s="1" t="s">
        <v>5073</v>
      </c>
      <c r="C1260" s="1" t="s">
        <v>30</v>
      </c>
      <c r="D1260" s="1" t="s">
        <v>5091</v>
      </c>
      <c r="E1260" s="1" t="s">
        <v>5092</v>
      </c>
      <c r="F1260" s="1" t="s">
        <v>5093</v>
      </c>
      <c r="G1260" s="1" t="s">
        <v>5077</v>
      </c>
      <c r="H1260" s="1" t="s">
        <v>13</v>
      </c>
      <c r="I1260" s="1" t="s">
        <v>5078</v>
      </c>
      <c r="J1260" s="1" t="s">
        <v>5094</v>
      </c>
    </row>
    <row r="1261" spans="1:10" x14ac:dyDescent="0.35">
      <c r="A1261" s="1" t="s">
        <v>5072</v>
      </c>
      <c r="B1261" s="1" t="s">
        <v>5073</v>
      </c>
      <c r="C1261" s="1" t="s">
        <v>35</v>
      </c>
      <c r="D1261" s="1" t="s">
        <v>5095</v>
      </c>
      <c r="E1261" s="1" t="s">
        <v>5096</v>
      </c>
      <c r="F1261" s="1" t="s">
        <v>5097</v>
      </c>
      <c r="G1261" s="1" t="s">
        <v>5077</v>
      </c>
      <c r="H1261" s="1" t="s">
        <v>13</v>
      </c>
      <c r="I1261" s="1" t="s">
        <v>5078</v>
      </c>
      <c r="J1261" s="1" t="s">
        <v>5098</v>
      </c>
    </row>
    <row r="1262" spans="1:10" x14ac:dyDescent="0.35">
      <c r="A1262" s="1" t="s">
        <v>5072</v>
      </c>
      <c r="B1262" s="1" t="s">
        <v>5073</v>
      </c>
      <c r="C1262" s="1" t="s">
        <v>40</v>
      </c>
      <c r="D1262" s="1" t="s">
        <v>5099</v>
      </c>
      <c r="E1262" s="1" t="s">
        <v>5100</v>
      </c>
      <c r="F1262" s="1" t="s">
        <v>5101</v>
      </c>
      <c r="G1262" s="1" t="s">
        <v>5077</v>
      </c>
      <c r="H1262" s="1" t="s">
        <v>13</v>
      </c>
      <c r="I1262" s="1" t="s">
        <v>5078</v>
      </c>
      <c r="J1262" s="1" t="s">
        <v>5102</v>
      </c>
    </row>
    <row r="1263" spans="1:10" x14ac:dyDescent="0.35">
      <c r="A1263" s="1" t="s">
        <v>5072</v>
      </c>
      <c r="B1263" s="1" t="s">
        <v>5073</v>
      </c>
      <c r="C1263" s="1" t="s">
        <v>45</v>
      </c>
      <c r="D1263" s="1" t="s">
        <v>5103</v>
      </c>
      <c r="E1263" s="1" t="s">
        <v>5104</v>
      </c>
      <c r="F1263" s="1" t="s">
        <v>5105</v>
      </c>
      <c r="G1263" s="1" t="s">
        <v>5077</v>
      </c>
      <c r="H1263" s="1" t="s">
        <v>13</v>
      </c>
      <c r="I1263" s="1" t="s">
        <v>5078</v>
      </c>
      <c r="J1263" s="1" t="s">
        <v>5106</v>
      </c>
    </row>
    <row r="1264" spans="1:10" x14ac:dyDescent="0.35">
      <c r="A1264" s="1" t="s">
        <v>5072</v>
      </c>
      <c r="B1264" s="1" t="s">
        <v>5073</v>
      </c>
      <c r="C1264" s="1" t="s">
        <v>50</v>
      </c>
      <c r="D1264" s="1" t="s">
        <v>5107</v>
      </c>
      <c r="E1264" s="1" t="s">
        <v>5108</v>
      </c>
      <c r="F1264" s="1" t="s">
        <v>5109</v>
      </c>
      <c r="G1264" s="1" t="s">
        <v>5077</v>
      </c>
      <c r="H1264" s="1" t="s">
        <v>13</v>
      </c>
      <c r="I1264" s="1" t="s">
        <v>5078</v>
      </c>
      <c r="J1264" s="1" t="s">
        <v>5110</v>
      </c>
    </row>
    <row r="1265" spans="1:10" x14ac:dyDescent="0.35">
      <c r="A1265" s="1" t="s">
        <v>5072</v>
      </c>
      <c r="B1265" s="1" t="s">
        <v>5073</v>
      </c>
      <c r="C1265" s="1" t="s">
        <v>55</v>
      </c>
      <c r="D1265" s="1" t="s">
        <v>5111</v>
      </c>
      <c r="E1265" s="1" t="s">
        <v>5112</v>
      </c>
      <c r="F1265" s="1" t="s">
        <v>5113</v>
      </c>
      <c r="G1265" s="1" t="s">
        <v>5077</v>
      </c>
      <c r="H1265" s="1" t="s">
        <v>13</v>
      </c>
      <c r="I1265" s="1" t="s">
        <v>5078</v>
      </c>
      <c r="J1265" s="1" t="s">
        <v>5114</v>
      </c>
    </row>
    <row r="1266" spans="1:10" x14ac:dyDescent="0.35">
      <c r="A1266" s="1" t="s">
        <v>5072</v>
      </c>
      <c r="B1266" s="1" t="s">
        <v>5073</v>
      </c>
      <c r="C1266" s="1" t="s">
        <v>60</v>
      </c>
      <c r="D1266" s="1" t="s">
        <v>5115</v>
      </c>
      <c r="E1266" s="1" t="s">
        <v>5116</v>
      </c>
      <c r="F1266" s="1" t="s">
        <v>5117</v>
      </c>
      <c r="G1266" s="1" t="s">
        <v>5077</v>
      </c>
      <c r="H1266" s="1" t="s">
        <v>13</v>
      </c>
      <c r="I1266" s="1" t="s">
        <v>5078</v>
      </c>
      <c r="J1266" s="1" t="s">
        <v>5118</v>
      </c>
    </row>
    <row r="1267" spans="1:10" x14ac:dyDescent="0.35">
      <c r="A1267" s="1" t="s">
        <v>5072</v>
      </c>
      <c r="B1267" s="1" t="s">
        <v>5073</v>
      </c>
      <c r="C1267" s="1" t="s">
        <v>65</v>
      </c>
      <c r="D1267" s="1" t="s">
        <v>5119</v>
      </c>
      <c r="E1267" s="1" t="s">
        <v>5120</v>
      </c>
      <c r="F1267" s="1" t="s">
        <v>5121</v>
      </c>
      <c r="G1267" s="1" t="s">
        <v>5077</v>
      </c>
      <c r="H1267" s="1" t="s">
        <v>13</v>
      </c>
      <c r="I1267" s="1" t="s">
        <v>5078</v>
      </c>
      <c r="J1267" s="1" t="s">
        <v>5122</v>
      </c>
    </row>
    <row r="1268" spans="1:10" x14ac:dyDescent="0.35">
      <c r="A1268" s="1" t="s">
        <v>5072</v>
      </c>
      <c r="B1268" s="1" t="s">
        <v>5073</v>
      </c>
      <c r="C1268" s="1" t="s">
        <v>70</v>
      </c>
      <c r="D1268" s="1" t="s">
        <v>5123</v>
      </c>
      <c r="E1268" s="1" t="s">
        <v>5124</v>
      </c>
      <c r="F1268" s="1" t="s">
        <v>5125</v>
      </c>
      <c r="G1268" s="1" t="s">
        <v>5077</v>
      </c>
      <c r="H1268" s="1" t="s">
        <v>13</v>
      </c>
      <c r="I1268" s="1" t="s">
        <v>5078</v>
      </c>
      <c r="J1268" s="1" t="s">
        <v>5126</v>
      </c>
    </row>
    <row r="1269" spans="1:10" x14ac:dyDescent="0.35">
      <c r="A1269" s="1" t="s">
        <v>5072</v>
      </c>
      <c r="B1269" s="1" t="s">
        <v>5073</v>
      </c>
      <c r="C1269" s="1" t="s">
        <v>75</v>
      </c>
      <c r="D1269" s="1" t="s">
        <v>5127</v>
      </c>
      <c r="E1269" s="1" t="s">
        <v>5128</v>
      </c>
      <c r="F1269" s="1" t="s">
        <v>5129</v>
      </c>
      <c r="G1269" s="1" t="s">
        <v>5077</v>
      </c>
      <c r="H1269" s="1" t="s">
        <v>13</v>
      </c>
      <c r="I1269" s="1" t="s">
        <v>5078</v>
      </c>
      <c r="J1269" s="1" t="s">
        <v>5130</v>
      </c>
    </row>
    <row r="1270" spans="1:10" x14ac:dyDescent="0.35">
      <c r="A1270" s="1" t="s">
        <v>5072</v>
      </c>
      <c r="B1270" s="1" t="s">
        <v>5073</v>
      </c>
      <c r="C1270" s="1" t="s">
        <v>80</v>
      </c>
      <c r="D1270" s="1" t="s">
        <v>5131</v>
      </c>
      <c r="E1270" s="1" t="s">
        <v>5132</v>
      </c>
      <c r="F1270" s="1" t="s">
        <v>5133</v>
      </c>
      <c r="G1270" s="1" t="s">
        <v>5077</v>
      </c>
      <c r="H1270" s="1" t="s">
        <v>13</v>
      </c>
      <c r="I1270" s="1" t="s">
        <v>5078</v>
      </c>
      <c r="J1270" s="1" t="s">
        <v>5134</v>
      </c>
    </row>
    <row r="1271" spans="1:10" x14ac:dyDescent="0.35">
      <c r="A1271" s="1" t="s">
        <v>5072</v>
      </c>
      <c r="B1271" s="1" t="s">
        <v>5073</v>
      </c>
      <c r="C1271" s="1" t="s">
        <v>85</v>
      </c>
      <c r="D1271" s="1" t="s">
        <v>5135</v>
      </c>
      <c r="E1271" s="1" t="s">
        <v>5136</v>
      </c>
      <c r="F1271" s="1" t="s">
        <v>5137</v>
      </c>
      <c r="G1271" s="1" t="s">
        <v>5077</v>
      </c>
      <c r="H1271" s="1" t="s">
        <v>13</v>
      </c>
      <c r="I1271" s="1" t="s">
        <v>5078</v>
      </c>
      <c r="J1271" s="1" t="s">
        <v>5138</v>
      </c>
    </row>
    <row r="1272" spans="1:10" x14ac:dyDescent="0.35">
      <c r="A1272" s="1" t="s">
        <v>5072</v>
      </c>
      <c r="B1272" s="1" t="s">
        <v>5073</v>
      </c>
      <c r="C1272" s="1" t="s">
        <v>90</v>
      </c>
      <c r="D1272" s="1" t="s">
        <v>5139</v>
      </c>
      <c r="E1272" s="1" t="s">
        <v>5140</v>
      </c>
      <c r="F1272" s="1" t="s">
        <v>5141</v>
      </c>
      <c r="G1272" s="1" t="s">
        <v>5077</v>
      </c>
      <c r="H1272" s="1" t="s">
        <v>13</v>
      </c>
      <c r="I1272" s="1" t="s">
        <v>5078</v>
      </c>
      <c r="J1272" s="1" t="s">
        <v>5142</v>
      </c>
    </row>
    <row r="1273" spans="1:10" x14ac:dyDescent="0.35">
      <c r="A1273" s="1" t="s">
        <v>5072</v>
      </c>
      <c r="B1273" s="1" t="s">
        <v>5073</v>
      </c>
      <c r="C1273" s="1" t="s">
        <v>95</v>
      </c>
      <c r="D1273" s="1" t="s">
        <v>5143</v>
      </c>
      <c r="E1273" s="1" t="s">
        <v>5144</v>
      </c>
      <c r="F1273" s="1" t="s">
        <v>5145</v>
      </c>
      <c r="G1273" s="1" t="s">
        <v>5077</v>
      </c>
      <c r="H1273" s="1" t="s">
        <v>13</v>
      </c>
      <c r="I1273" s="1" t="s">
        <v>5078</v>
      </c>
      <c r="J1273" s="1" t="s">
        <v>5146</v>
      </c>
    </row>
    <row r="1274" spans="1:10" x14ac:dyDescent="0.35">
      <c r="A1274" s="1" t="s">
        <v>5072</v>
      </c>
      <c r="B1274" s="1" t="s">
        <v>5073</v>
      </c>
      <c r="C1274" s="1" t="s">
        <v>100</v>
      </c>
      <c r="D1274" s="1" t="s">
        <v>5147</v>
      </c>
      <c r="E1274" s="1" t="s">
        <v>5148</v>
      </c>
      <c r="F1274" s="1" t="s">
        <v>5149</v>
      </c>
      <c r="G1274" s="1" t="s">
        <v>5077</v>
      </c>
      <c r="H1274" s="1" t="s">
        <v>13</v>
      </c>
      <c r="I1274" s="1" t="s">
        <v>5078</v>
      </c>
      <c r="J1274" s="1" t="s">
        <v>5150</v>
      </c>
    </row>
    <row r="1275" spans="1:10" x14ac:dyDescent="0.35">
      <c r="A1275" s="1" t="s">
        <v>5072</v>
      </c>
      <c r="B1275" s="1" t="s">
        <v>5073</v>
      </c>
      <c r="C1275" s="1" t="s">
        <v>105</v>
      </c>
      <c r="D1275" s="1" t="s">
        <v>5151</v>
      </c>
      <c r="E1275" s="1" t="s">
        <v>5152</v>
      </c>
      <c r="F1275" s="1" t="s">
        <v>5153</v>
      </c>
      <c r="G1275" s="1" t="s">
        <v>5077</v>
      </c>
      <c r="H1275" s="1" t="s">
        <v>13</v>
      </c>
      <c r="I1275" s="1" t="s">
        <v>5078</v>
      </c>
      <c r="J1275" s="1" t="s">
        <v>5154</v>
      </c>
    </row>
    <row r="1276" spans="1:10" x14ac:dyDescent="0.35">
      <c r="A1276" s="1" t="s">
        <v>5072</v>
      </c>
      <c r="B1276" s="1" t="s">
        <v>5073</v>
      </c>
      <c r="C1276" s="1" t="s">
        <v>110</v>
      </c>
      <c r="D1276" s="1" t="s">
        <v>5155</v>
      </c>
      <c r="E1276" s="1" t="s">
        <v>5156</v>
      </c>
      <c r="F1276" s="1" t="s">
        <v>5157</v>
      </c>
      <c r="G1276" s="1" t="s">
        <v>5077</v>
      </c>
      <c r="H1276" s="1" t="s">
        <v>13</v>
      </c>
      <c r="I1276" s="1" t="s">
        <v>5078</v>
      </c>
      <c r="J1276" s="1" t="s">
        <v>5158</v>
      </c>
    </row>
    <row r="1277" spans="1:10" x14ac:dyDescent="0.35">
      <c r="A1277" s="1" t="s">
        <v>5072</v>
      </c>
      <c r="B1277" s="1" t="s">
        <v>5073</v>
      </c>
      <c r="C1277" s="1" t="s">
        <v>115</v>
      </c>
      <c r="D1277" s="1" t="s">
        <v>5159</v>
      </c>
      <c r="E1277" s="1" t="s">
        <v>5160</v>
      </c>
      <c r="F1277" s="1" t="s">
        <v>5161</v>
      </c>
      <c r="G1277" s="1" t="s">
        <v>5077</v>
      </c>
      <c r="H1277" s="1" t="s">
        <v>13</v>
      </c>
      <c r="I1277" s="1" t="s">
        <v>5078</v>
      </c>
      <c r="J1277" s="1" t="s">
        <v>5162</v>
      </c>
    </row>
    <row r="1278" spans="1:10" x14ac:dyDescent="0.35">
      <c r="A1278" s="1" t="s">
        <v>5072</v>
      </c>
      <c r="B1278" s="1" t="s">
        <v>5073</v>
      </c>
      <c r="C1278" s="1" t="s">
        <v>120</v>
      </c>
      <c r="D1278" s="1" t="s">
        <v>5163</v>
      </c>
      <c r="E1278" s="1" t="s">
        <v>5164</v>
      </c>
      <c r="F1278" s="1" t="s">
        <v>5165</v>
      </c>
      <c r="G1278" s="1" t="s">
        <v>5077</v>
      </c>
      <c r="H1278" s="1" t="s">
        <v>13</v>
      </c>
      <c r="I1278" s="1" t="s">
        <v>5078</v>
      </c>
      <c r="J1278" s="1" t="s">
        <v>5166</v>
      </c>
    </row>
    <row r="1279" spans="1:10" x14ac:dyDescent="0.35">
      <c r="A1279" s="1" t="s">
        <v>5072</v>
      </c>
      <c r="B1279" s="1" t="s">
        <v>5073</v>
      </c>
      <c r="C1279" s="1" t="s">
        <v>125</v>
      </c>
      <c r="D1279" s="1" t="s">
        <v>5167</v>
      </c>
      <c r="E1279" s="1" t="s">
        <v>5168</v>
      </c>
      <c r="F1279" s="1" t="s">
        <v>5169</v>
      </c>
      <c r="G1279" s="1" t="s">
        <v>5077</v>
      </c>
      <c r="H1279" s="1" t="s">
        <v>13</v>
      </c>
      <c r="I1279" s="1" t="s">
        <v>5078</v>
      </c>
      <c r="J1279" s="1" t="s">
        <v>5170</v>
      </c>
    </row>
    <row r="1280" spans="1:10" x14ac:dyDescent="0.35">
      <c r="A1280" s="1" t="s">
        <v>5072</v>
      </c>
      <c r="B1280" s="1" t="s">
        <v>5073</v>
      </c>
      <c r="C1280" s="1" t="s">
        <v>130</v>
      </c>
      <c r="D1280" s="1" t="s">
        <v>5171</v>
      </c>
      <c r="E1280" s="1" t="s">
        <v>5172</v>
      </c>
      <c r="F1280" s="1" t="s">
        <v>5173</v>
      </c>
      <c r="G1280" s="1" t="s">
        <v>5077</v>
      </c>
      <c r="H1280" s="1" t="s">
        <v>13</v>
      </c>
      <c r="I1280" s="1" t="s">
        <v>5078</v>
      </c>
      <c r="J1280" s="1" t="s">
        <v>5174</v>
      </c>
    </row>
    <row r="1281" spans="1:10" x14ac:dyDescent="0.35">
      <c r="A1281" s="1" t="s">
        <v>5072</v>
      </c>
      <c r="B1281" s="1" t="s">
        <v>5073</v>
      </c>
      <c r="C1281" s="1" t="s">
        <v>135</v>
      </c>
      <c r="D1281" s="1" t="s">
        <v>5175</v>
      </c>
      <c r="E1281" s="1" t="s">
        <v>5176</v>
      </c>
      <c r="F1281" s="1" t="s">
        <v>5177</v>
      </c>
      <c r="G1281" s="1" t="s">
        <v>5077</v>
      </c>
      <c r="H1281" s="1" t="s">
        <v>13</v>
      </c>
      <c r="I1281" s="1" t="s">
        <v>5078</v>
      </c>
      <c r="J1281" s="1" t="s">
        <v>5178</v>
      </c>
    </row>
    <row r="1282" spans="1:10" x14ac:dyDescent="0.35">
      <c r="A1282" s="1" t="s">
        <v>5072</v>
      </c>
      <c r="B1282" s="1" t="s">
        <v>5073</v>
      </c>
      <c r="C1282" s="1" t="s">
        <v>140</v>
      </c>
      <c r="D1282" s="1" t="s">
        <v>5179</v>
      </c>
      <c r="E1282" s="1" t="s">
        <v>5180</v>
      </c>
      <c r="F1282" s="1" t="s">
        <v>5181</v>
      </c>
      <c r="G1282" s="1" t="s">
        <v>5077</v>
      </c>
      <c r="H1282" s="1" t="s">
        <v>13</v>
      </c>
      <c r="I1282" s="1" t="s">
        <v>5078</v>
      </c>
      <c r="J1282" s="1" t="s">
        <v>5182</v>
      </c>
    </row>
    <row r="1283" spans="1:10" x14ac:dyDescent="0.35">
      <c r="A1283" s="1" t="s">
        <v>5072</v>
      </c>
      <c r="B1283" s="1" t="s">
        <v>5073</v>
      </c>
      <c r="C1283" s="1" t="s">
        <v>145</v>
      </c>
      <c r="D1283" s="1" t="s">
        <v>5183</v>
      </c>
      <c r="E1283" s="1" t="s">
        <v>5184</v>
      </c>
      <c r="F1283" s="1" t="s">
        <v>5185</v>
      </c>
      <c r="G1283" s="1" t="s">
        <v>5077</v>
      </c>
      <c r="H1283" s="1" t="s">
        <v>13</v>
      </c>
      <c r="I1283" s="1" t="s">
        <v>5078</v>
      </c>
      <c r="J1283" s="1" t="s">
        <v>5186</v>
      </c>
    </row>
    <row r="1284" spans="1:10" x14ac:dyDescent="0.35">
      <c r="A1284" s="1" t="s">
        <v>5072</v>
      </c>
      <c r="B1284" s="1" t="s">
        <v>5073</v>
      </c>
      <c r="C1284" s="1" t="s">
        <v>150</v>
      </c>
      <c r="D1284" s="1" t="s">
        <v>5187</v>
      </c>
      <c r="E1284" s="1" t="s">
        <v>5188</v>
      </c>
      <c r="F1284" s="1" t="s">
        <v>5189</v>
      </c>
      <c r="G1284" s="1" t="s">
        <v>5077</v>
      </c>
      <c r="H1284" s="1" t="s">
        <v>13</v>
      </c>
      <c r="I1284" s="1" t="s">
        <v>5078</v>
      </c>
      <c r="J1284" s="1" t="s">
        <v>5190</v>
      </c>
    </row>
    <row r="1285" spans="1:10" x14ac:dyDescent="0.35">
      <c r="A1285" s="1" t="s">
        <v>5072</v>
      </c>
      <c r="B1285" s="1" t="s">
        <v>5073</v>
      </c>
      <c r="C1285" s="1" t="s">
        <v>155</v>
      </c>
      <c r="D1285" s="1" t="s">
        <v>5191</v>
      </c>
      <c r="E1285" s="1" t="s">
        <v>5192</v>
      </c>
      <c r="F1285" s="1" t="s">
        <v>5193</v>
      </c>
      <c r="G1285" s="1" t="s">
        <v>5077</v>
      </c>
      <c r="H1285" s="1" t="s">
        <v>13</v>
      </c>
      <c r="I1285" s="1" t="s">
        <v>5078</v>
      </c>
      <c r="J1285" s="1" t="s">
        <v>5194</v>
      </c>
    </row>
    <row r="1286" spans="1:10" x14ac:dyDescent="0.35">
      <c r="A1286" s="1" t="s">
        <v>5072</v>
      </c>
      <c r="B1286" s="1" t="s">
        <v>5073</v>
      </c>
      <c r="C1286" s="1" t="s">
        <v>160</v>
      </c>
      <c r="D1286" s="1" t="s">
        <v>5195</v>
      </c>
      <c r="E1286" s="1" t="s">
        <v>5196</v>
      </c>
      <c r="F1286" s="1" t="s">
        <v>5197</v>
      </c>
      <c r="G1286" s="1" t="s">
        <v>5077</v>
      </c>
      <c r="H1286" s="1" t="s">
        <v>13</v>
      </c>
      <c r="I1286" s="1" t="s">
        <v>5078</v>
      </c>
      <c r="J1286" s="1" t="s">
        <v>5198</v>
      </c>
    </row>
    <row r="1287" spans="1:10" x14ac:dyDescent="0.35">
      <c r="A1287" s="1" t="s">
        <v>5072</v>
      </c>
      <c r="B1287" s="1" t="s">
        <v>5073</v>
      </c>
      <c r="C1287" s="1" t="s">
        <v>165</v>
      </c>
      <c r="D1287" s="1" t="s">
        <v>5199</v>
      </c>
      <c r="E1287" s="1" t="s">
        <v>5200</v>
      </c>
      <c r="F1287" s="1" t="s">
        <v>5201</v>
      </c>
      <c r="G1287" s="1" t="s">
        <v>5077</v>
      </c>
      <c r="H1287" s="1" t="s">
        <v>13</v>
      </c>
      <c r="I1287" s="1" t="s">
        <v>5078</v>
      </c>
      <c r="J1287" s="1" t="s">
        <v>5202</v>
      </c>
    </row>
    <row r="1288" spans="1:10" x14ac:dyDescent="0.35">
      <c r="A1288" s="1" t="s">
        <v>5072</v>
      </c>
      <c r="B1288" s="1" t="s">
        <v>5073</v>
      </c>
      <c r="C1288" s="1" t="s">
        <v>170</v>
      </c>
      <c r="D1288" s="1" t="s">
        <v>5203</v>
      </c>
      <c r="E1288" s="1" t="s">
        <v>5204</v>
      </c>
      <c r="F1288" s="1" t="s">
        <v>5205</v>
      </c>
      <c r="G1288" s="1" t="s">
        <v>5077</v>
      </c>
      <c r="H1288" s="1" t="s">
        <v>13</v>
      </c>
      <c r="I1288" s="1" t="s">
        <v>5078</v>
      </c>
      <c r="J1288" s="1" t="s">
        <v>5206</v>
      </c>
    </row>
    <row r="1289" spans="1:10" x14ac:dyDescent="0.35">
      <c r="A1289" s="1" t="s">
        <v>5207</v>
      </c>
      <c r="B1289" s="1" t="s">
        <v>5208</v>
      </c>
      <c r="C1289" s="1" t="s">
        <v>8</v>
      </c>
      <c r="D1289" s="1" t="s">
        <v>5209</v>
      </c>
      <c r="E1289" s="1" t="s">
        <v>5210</v>
      </c>
      <c r="F1289" s="1" t="s">
        <v>5211</v>
      </c>
      <c r="G1289" s="1" t="s">
        <v>5212</v>
      </c>
      <c r="H1289" s="1" t="s">
        <v>13</v>
      </c>
      <c r="I1289" s="1" t="s">
        <v>5213</v>
      </c>
      <c r="J1289" s="1" t="s">
        <v>13</v>
      </c>
    </row>
    <row r="1290" spans="1:10" x14ac:dyDescent="0.35">
      <c r="A1290" s="1" t="s">
        <v>5207</v>
      </c>
      <c r="B1290" s="1" t="s">
        <v>5208</v>
      </c>
      <c r="C1290" s="1" t="s">
        <v>15</v>
      </c>
      <c r="D1290" s="1" t="s">
        <v>5214</v>
      </c>
      <c r="E1290" s="1" t="s">
        <v>5215</v>
      </c>
      <c r="F1290" s="1" t="s">
        <v>5216</v>
      </c>
      <c r="G1290" s="1" t="s">
        <v>5212</v>
      </c>
      <c r="H1290" s="1" t="s">
        <v>13</v>
      </c>
      <c r="I1290" s="1" t="s">
        <v>5213</v>
      </c>
      <c r="J1290" s="1" t="s">
        <v>5217</v>
      </c>
    </row>
    <row r="1291" spans="1:10" x14ac:dyDescent="0.35">
      <c r="A1291" s="1" t="s">
        <v>5207</v>
      </c>
      <c r="B1291" s="1" t="s">
        <v>5208</v>
      </c>
      <c r="C1291" s="1" t="s">
        <v>20</v>
      </c>
      <c r="D1291" s="1" t="s">
        <v>5218</v>
      </c>
      <c r="E1291" s="1" t="s">
        <v>5219</v>
      </c>
      <c r="F1291" s="1" t="s">
        <v>5220</v>
      </c>
      <c r="G1291" s="1" t="s">
        <v>5212</v>
      </c>
      <c r="H1291" s="1" t="s">
        <v>13</v>
      </c>
      <c r="I1291" s="1" t="s">
        <v>5213</v>
      </c>
      <c r="J1291" s="1" t="s">
        <v>5221</v>
      </c>
    </row>
    <row r="1292" spans="1:10" x14ac:dyDescent="0.35">
      <c r="A1292" s="1" t="s">
        <v>5207</v>
      </c>
      <c r="B1292" s="1" t="s">
        <v>5208</v>
      </c>
      <c r="C1292" s="1" t="s">
        <v>25</v>
      </c>
      <c r="D1292" s="1" t="s">
        <v>5222</v>
      </c>
      <c r="E1292" s="1" t="s">
        <v>5223</v>
      </c>
      <c r="F1292" s="1" t="s">
        <v>5224</v>
      </c>
      <c r="G1292" s="1" t="s">
        <v>5212</v>
      </c>
      <c r="H1292" s="1" t="s">
        <v>13</v>
      </c>
      <c r="I1292" s="1" t="s">
        <v>5213</v>
      </c>
      <c r="J1292" s="1" t="s">
        <v>5225</v>
      </c>
    </row>
    <row r="1293" spans="1:10" x14ac:dyDescent="0.35">
      <c r="A1293" s="1" t="s">
        <v>5207</v>
      </c>
      <c r="B1293" s="1" t="s">
        <v>5208</v>
      </c>
      <c r="C1293" s="1" t="s">
        <v>30</v>
      </c>
      <c r="D1293" s="1" t="s">
        <v>5226</v>
      </c>
      <c r="E1293" s="1" t="s">
        <v>5227</v>
      </c>
      <c r="F1293" s="1" t="s">
        <v>5228</v>
      </c>
      <c r="G1293" s="1" t="s">
        <v>5212</v>
      </c>
      <c r="H1293" s="1" t="s">
        <v>13</v>
      </c>
      <c r="I1293" s="1" t="s">
        <v>5213</v>
      </c>
      <c r="J1293" s="1" t="s">
        <v>5229</v>
      </c>
    </row>
    <row r="1294" spans="1:10" x14ac:dyDescent="0.35">
      <c r="A1294" s="1" t="s">
        <v>5207</v>
      </c>
      <c r="B1294" s="1" t="s">
        <v>5208</v>
      </c>
      <c r="C1294" s="1" t="s">
        <v>35</v>
      </c>
      <c r="D1294" s="1" t="s">
        <v>5230</v>
      </c>
      <c r="E1294" s="1" t="s">
        <v>5231</v>
      </c>
      <c r="F1294" s="1" t="s">
        <v>5232</v>
      </c>
      <c r="G1294" s="1" t="s">
        <v>5212</v>
      </c>
      <c r="H1294" s="1" t="s">
        <v>13</v>
      </c>
      <c r="I1294" s="1" t="s">
        <v>5213</v>
      </c>
      <c r="J1294" s="1" t="s">
        <v>5233</v>
      </c>
    </row>
    <row r="1295" spans="1:10" x14ac:dyDescent="0.35">
      <c r="A1295" s="1" t="s">
        <v>5207</v>
      </c>
      <c r="B1295" s="1" t="s">
        <v>5208</v>
      </c>
      <c r="C1295" s="1" t="s">
        <v>40</v>
      </c>
      <c r="D1295" s="1" t="s">
        <v>5234</v>
      </c>
      <c r="E1295" s="1" t="s">
        <v>5235</v>
      </c>
      <c r="F1295" s="1" t="s">
        <v>5236</v>
      </c>
      <c r="G1295" s="1" t="s">
        <v>5212</v>
      </c>
      <c r="H1295" s="1" t="s">
        <v>13</v>
      </c>
      <c r="I1295" s="1" t="s">
        <v>5213</v>
      </c>
      <c r="J1295" s="1" t="s">
        <v>5237</v>
      </c>
    </row>
    <row r="1296" spans="1:10" x14ac:dyDescent="0.35">
      <c r="A1296" s="1" t="s">
        <v>5207</v>
      </c>
      <c r="B1296" s="1" t="s">
        <v>5208</v>
      </c>
      <c r="C1296" s="1" t="s">
        <v>45</v>
      </c>
      <c r="D1296" s="1" t="s">
        <v>5238</v>
      </c>
      <c r="E1296" s="1" t="s">
        <v>5239</v>
      </c>
      <c r="F1296" s="1" t="s">
        <v>5240</v>
      </c>
      <c r="G1296" s="1" t="s">
        <v>5212</v>
      </c>
      <c r="H1296" s="1" t="s">
        <v>13</v>
      </c>
      <c r="I1296" s="1" t="s">
        <v>5213</v>
      </c>
      <c r="J1296" s="1" t="s">
        <v>5241</v>
      </c>
    </row>
    <row r="1297" spans="1:10" x14ac:dyDescent="0.35">
      <c r="A1297" s="1" t="s">
        <v>5207</v>
      </c>
      <c r="B1297" s="1" t="s">
        <v>5208</v>
      </c>
      <c r="C1297" s="1" t="s">
        <v>50</v>
      </c>
      <c r="D1297" s="1" t="s">
        <v>5242</v>
      </c>
      <c r="E1297" s="1" t="s">
        <v>5243</v>
      </c>
      <c r="F1297" s="1" t="s">
        <v>5244</v>
      </c>
      <c r="G1297" s="1" t="s">
        <v>5212</v>
      </c>
      <c r="H1297" s="1" t="s">
        <v>13</v>
      </c>
      <c r="I1297" s="1" t="s">
        <v>5213</v>
      </c>
      <c r="J1297" s="1" t="s">
        <v>5245</v>
      </c>
    </row>
    <row r="1298" spans="1:10" x14ac:dyDescent="0.35">
      <c r="A1298" s="1" t="s">
        <v>5207</v>
      </c>
      <c r="B1298" s="1" t="s">
        <v>5208</v>
      </c>
      <c r="C1298" s="1" t="s">
        <v>55</v>
      </c>
      <c r="D1298" s="1" t="s">
        <v>5246</v>
      </c>
      <c r="E1298" s="1" t="s">
        <v>5247</v>
      </c>
      <c r="F1298" s="1" t="s">
        <v>5248</v>
      </c>
      <c r="G1298" s="1" t="s">
        <v>5212</v>
      </c>
      <c r="H1298" s="1" t="s">
        <v>13</v>
      </c>
      <c r="I1298" s="1" t="s">
        <v>5213</v>
      </c>
      <c r="J1298" s="1" t="s">
        <v>5249</v>
      </c>
    </row>
    <row r="1299" spans="1:10" x14ac:dyDescent="0.35">
      <c r="A1299" s="1" t="s">
        <v>5207</v>
      </c>
      <c r="B1299" s="1" t="s">
        <v>5208</v>
      </c>
      <c r="C1299" s="1" t="s">
        <v>60</v>
      </c>
      <c r="D1299" s="1" t="s">
        <v>5250</v>
      </c>
      <c r="E1299" s="1" t="s">
        <v>5251</v>
      </c>
      <c r="F1299" s="1" t="s">
        <v>5252</v>
      </c>
      <c r="G1299" s="1" t="s">
        <v>5212</v>
      </c>
      <c r="H1299" s="1" t="s">
        <v>13</v>
      </c>
      <c r="I1299" s="1" t="s">
        <v>5213</v>
      </c>
      <c r="J1299" s="1" t="s">
        <v>5253</v>
      </c>
    </row>
    <row r="1300" spans="1:10" x14ac:dyDescent="0.35">
      <c r="A1300" s="1" t="s">
        <v>5207</v>
      </c>
      <c r="B1300" s="1" t="s">
        <v>5208</v>
      </c>
      <c r="C1300" s="1" t="s">
        <v>65</v>
      </c>
      <c r="D1300" s="1" t="s">
        <v>5254</v>
      </c>
      <c r="E1300" s="1" t="s">
        <v>5255</v>
      </c>
      <c r="F1300" s="1" t="s">
        <v>5256</v>
      </c>
      <c r="G1300" s="1" t="s">
        <v>5212</v>
      </c>
      <c r="H1300" s="1" t="s">
        <v>13</v>
      </c>
      <c r="I1300" s="1" t="s">
        <v>5213</v>
      </c>
      <c r="J1300" s="1" t="s">
        <v>5257</v>
      </c>
    </row>
    <row r="1301" spans="1:10" x14ac:dyDescent="0.35">
      <c r="A1301" s="1" t="s">
        <v>5207</v>
      </c>
      <c r="B1301" s="1" t="s">
        <v>5208</v>
      </c>
      <c r="C1301" s="1" t="s">
        <v>70</v>
      </c>
      <c r="D1301" s="1" t="s">
        <v>5258</v>
      </c>
      <c r="E1301" s="1" t="s">
        <v>5259</v>
      </c>
      <c r="F1301" s="1" t="s">
        <v>5260</v>
      </c>
      <c r="G1301" s="1" t="s">
        <v>5212</v>
      </c>
      <c r="H1301" s="1" t="s">
        <v>13</v>
      </c>
      <c r="I1301" s="1" t="s">
        <v>5213</v>
      </c>
      <c r="J1301" s="1" t="s">
        <v>5261</v>
      </c>
    </row>
    <row r="1302" spans="1:10" x14ac:dyDescent="0.35">
      <c r="A1302" s="1" t="s">
        <v>5207</v>
      </c>
      <c r="B1302" s="1" t="s">
        <v>5208</v>
      </c>
      <c r="C1302" s="1" t="s">
        <v>75</v>
      </c>
      <c r="D1302" s="1" t="s">
        <v>5262</v>
      </c>
      <c r="E1302" s="1" t="s">
        <v>5263</v>
      </c>
      <c r="F1302" s="1" t="s">
        <v>5264</v>
      </c>
      <c r="G1302" s="1" t="s">
        <v>5212</v>
      </c>
      <c r="H1302" s="1" t="s">
        <v>13</v>
      </c>
      <c r="I1302" s="1" t="s">
        <v>5213</v>
      </c>
      <c r="J1302" s="1" t="s">
        <v>5265</v>
      </c>
    </row>
    <row r="1303" spans="1:10" x14ac:dyDescent="0.35">
      <c r="A1303" s="1" t="s">
        <v>5207</v>
      </c>
      <c r="B1303" s="1" t="s">
        <v>5208</v>
      </c>
      <c r="C1303" s="1" t="s">
        <v>80</v>
      </c>
      <c r="D1303" s="1" t="s">
        <v>5266</v>
      </c>
      <c r="E1303" s="1" t="s">
        <v>5267</v>
      </c>
      <c r="F1303" s="1" t="s">
        <v>5268</v>
      </c>
      <c r="G1303" s="1" t="s">
        <v>5212</v>
      </c>
      <c r="H1303" s="1" t="s">
        <v>13</v>
      </c>
      <c r="I1303" s="1" t="s">
        <v>5213</v>
      </c>
      <c r="J1303" s="1" t="s">
        <v>5269</v>
      </c>
    </row>
    <row r="1304" spans="1:10" x14ac:dyDescent="0.35">
      <c r="A1304" s="1" t="s">
        <v>5207</v>
      </c>
      <c r="B1304" s="1" t="s">
        <v>5208</v>
      </c>
      <c r="C1304" s="1" t="s">
        <v>85</v>
      </c>
      <c r="D1304" s="1" t="s">
        <v>5270</v>
      </c>
      <c r="E1304" s="1" t="s">
        <v>5271</v>
      </c>
      <c r="F1304" s="1" t="s">
        <v>5272</v>
      </c>
      <c r="G1304" s="1" t="s">
        <v>5212</v>
      </c>
      <c r="H1304" s="1" t="s">
        <v>13</v>
      </c>
      <c r="I1304" s="1" t="s">
        <v>5213</v>
      </c>
      <c r="J1304" s="1" t="s">
        <v>5273</v>
      </c>
    </row>
    <row r="1305" spans="1:10" x14ac:dyDescent="0.35">
      <c r="A1305" s="1" t="s">
        <v>5207</v>
      </c>
      <c r="B1305" s="1" t="s">
        <v>5208</v>
      </c>
      <c r="C1305" s="1" t="s">
        <v>90</v>
      </c>
      <c r="D1305" s="1" t="s">
        <v>5274</v>
      </c>
      <c r="E1305" s="1" t="s">
        <v>5275</v>
      </c>
      <c r="F1305" s="1" t="s">
        <v>5276</v>
      </c>
      <c r="G1305" s="1" t="s">
        <v>5212</v>
      </c>
      <c r="H1305" s="1" t="s">
        <v>13</v>
      </c>
      <c r="I1305" s="1" t="s">
        <v>5213</v>
      </c>
      <c r="J1305" s="1" t="s">
        <v>5277</v>
      </c>
    </row>
    <row r="1306" spans="1:10" x14ac:dyDescent="0.35">
      <c r="A1306" s="1" t="s">
        <v>5207</v>
      </c>
      <c r="B1306" s="1" t="s">
        <v>5208</v>
      </c>
      <c r="C1306" s="1" t="s">
        <v>95</v>
      </c>
      <c r="D1306" s="1" t="s">
        <v>5278</v>
      </c>
      <c r="E1306" s="1" t="s">
        <v>5279</v>
      </c>
      <c r="F1306" s="1" t="s">
        <v>5280</v>
      </c>
      <c r="G1306" s="1" t="s">
        <v>5212</v>
      </c>
      <c r="H1306" s="1" t="s">
        <v>13</v>
      </c>
      <c r="I1306" s="1" t="s">
        <v>5213</v>
      </c>
      <c r="J1306" s="1" t="s">
        <v>5281</v>
      </c>
    </row>
    <row r="1307" spans="1:10" x14ac:dyDescent="0.35">
      <c r="A1307" s="1" t="s">
        <v>5207</v>
      </c>
      <c r="B1307" s="1" t="s">
        <v>5208</v>
      </c>
      <c r="C1307" s="1" t="s">
        <v>100</v>
      </c>
      <c r="D1307" s="1" t="s">
        <v>5282</v>
      </c>
      <c r="E1307" s="1" t="s">
        <v>5283</v>
      </c>
      <c r="F1307" s="1" t="s">
        <v>5284</v>
      </c>
      <c r="G1307" s="1" t="s">
        <v>5212</v>
      </c>
      <c r="H1307" s="1" t="s">
        <v>13</v>
      </c>
      <c r="I1307" s="1" t="s">
        <v>5213</v>
      </c>
      <c r="J1307" s="1" t="s">
        <v>5285</v>
      </c>
    </row>
    <row r="1308" spans="1:10" x14ac:dyDescent="0.35">
      <c r="A1308" s="1" t="s">
        <v>5207</v>
      </c>
      <c r="B1308" s="1" t="s">
        <v>5208</v>
      </c>
      <c r="C1308" s="1" t="s">
        <v>105</v>
      </c>
      <c r="D1308" s="1" t="s">
        <v>5286</v>
      </c>
      <c r="E1308" s="1" t="s">
        <v>5287</v>
      </c>
      <c r="F1308" s="1" t="s">
        <v>5288</v>
      </c>
      <c r="G1308" s="1" t="s">
        <v>5212</v>
      </c>
      <c r="H1308" s="1" t="s">
        <v>13</v>
      </c>
      <c r="I1308" s="1" t="s">
        <v>5213</v>
      </c>
      <c r="J1308" s="1" t="s">
        <v>5289</v>
      </c>
    </row>
    <row r="1309" spans="1:10" x14ac:dyDescent="0.35">
      <c r="A1309" s="1" t="s">
        <v>5207</v>
      </c>
      <c r="B1309" s="1" t="s">
        <v>5208</v>
      </c>
      <c r="C1309" s="1" t="s">
        <v>110</v>
      </c>
      <c r="D1309" s="1" t="s">
        <v>5290</v>
      </c>
      <c r="E1309" s="1" t="s">
        <v>5291</v>
      </c>
      <c r="F1309" s="1" t="s">
        <v>5292</v>
      </c>
      <c r="G1309" s="1" t="s">
        <v>5212</v>
      </c>
      <c r="H1309" s="1" t="s">
        <v>13</v>
      </c>
      <c r="I1309" s="1" t="s">
        <v>5213</v>
      </c>
      <c r="J1309" s="1" t="s">
        <v>5293</v>
      </c>
    </row>
    <row r="1310" spans="1:10" x14ac:dyDescent="0.35">
      <c r="A1310" s="1" t="s">
        <v>5207</v>
      </c>
      <c r="B1310" s="1" t="s">
        <v>5208</v>
      </c>
      <c r="C1310" s="1" t="s">
        <v>115</v>
      </c>
      <c r="D1310" s="1" t="s">
        <v>5294</v>
      </c>
      <c r="E1310" s="1" t="s">
        <v>5295</v>
      </c>
      <c r="F1310" s="1" t="s">
        <v>5296</v>
      </c>
      <c r="G1310" s="1" t="s">
        <v>5212</v>
      </c>
      <c r="H1310" s="1" t="s">
        <v>13</v>
      </c>
      <c r="I1310" s="1" t="s">
        <v>5213</v>
      </c>
      <c r="J1310" s="1" t="s">
        <v>5297</v>
      </c>
    </row>
    <row r="1311" spans="1:10" x14ac:dyDescent="0.35">
      <c r="A1311" s="1" t="s">
        <v>5207</v>
      </c>
      <c r="B1311" s="1" t="s">
        <v>5208</v>
      </c>
      <c r="C1311" s="1" t="s">
        <v>120</v>
      </c>
      <c r="D1311" s="1" t="s">
        <v>5298</v>
      </c>
      <c r="E1311" s="1" t="s">
        <v>5299</v>
      </c>
      <c r="F1311" s="1" t="s">
        <v>5300</v>
      </c>
      <c r="G1311" s="1" t="s">
        <v>5212</v>
      </c>
      <c r="H1311" s="1" t="s">
        <v>13</v>
      </c>
      <c r="I1311" s="1" t="s">
        <v>5213</v>
      </c>
      <c r="J1311" s="1" t="s">
        <v>5301</v>
      </c>
    </row>
    <row r="1312" spans="1:10" x14ac:dyDescent="0.35">
      <c r="A1312" s="1" t="s">
        <v>5207</v>
      </c>
      <c r="B1312" s="1" t="s">
        <v>5208</v>
      </c>
      <c r="C1312" s="1" t="s">
        <v>125</v>
      </c>
      <c r="D1312" s="1" t="s">
        <v>5302</v>
      </c>
      <c r="E1312" s="1" t="s">
        <v>5303</v>
      </c>
      <c r="F1312" s="1" t="s">
        <v>5304</v>
      </c>
      <c r="G1312" s="1" t="s">
        <v>5212</v>
      </c>
      <c r="H1312" s="1" t="s">
        <v>13</v>
      </c>
      <c r="I1312" s="1" t="s">
        <v>5213</v>
      </c>
      <c r="J1312" s="1" t="s">
        <v>5305</v>
      </c>
    </row>
    <row r="1313" spans="1:10" x14ac:dyDescent="0.35">
      <c r="A1313" s="1" t="s">
        <v>5207</v>
      </c>
      <c r="B1313" s="1" t="s">
        <v>5208</v>
      </c>
      <c r="C1313" s="1" t="s">
        <v>130</v>
      </c>
      <c r="D1313" s="1" t="s">
        <v>5306</v>
      </c>
      <c r="E1313" s="1" t="s">
        <v>5307</v>
      </c>
      <c r="F1313" s="1" t="s">
        <v>5308</v>
      </c>
      <c r="G1313" s="1" t="s">
        <v>5212</v>
      </c>
      <c r="H1313" s="1" t="s">
        <v>13</v>
      </c>
      <c r="I1313" s="1" t="s">
        <v>5213</v>
      </c>
      <c r="J1313" s="1" t="s">
        <v>5309</v>
      </c>
    </row>
    <row r="1314" spans="1:10" x14ac:dyDescent="0.35">
      <c r="A1314" s="1" t="s">
        <v>5207</v>
      </c>
      <c r="B1314" s="1" t="s">
        <v>5208</v>
      </c>
      <c r="C1314" s="1" t="s">
        <v>135</v>
      </c>
      <c r="D1314" s="1" t="s">
        <v>5310</v>
      </c>
      <c r="E1314" s="1" t="s">
        <v>5311</v>
      </c>
      <c r="F1314" s="1" t="s">
        <v>5312</v>
      </c>
      <c r="G1314" s="1" t="s">
        <v>5212</v>
      </c>
      <c r="H1314" s="1" t="s">
        <v>13</v>
      </c>
      <c r="I1314" s="1" t="s">
        <v>5213</v>
      </c>
      <c r="J1314" s="1" t="s">
        <v>5313</v>
      </c>
    </row>
    <row r="1315" spans="1:10" x14ac:dyDescent="0.35">
      <c r="A1315" s="1" t="s">
        <v>5207</v>
      </c>
      <c r="B1315" s="1" t="s">
        <v>5208</v>
      </c>
      <c r="C1315" s="1" t="s">
        <v>140</v>
      </c>
      <c r="D1315" s="1" t="s">
        <v>5314</v>
      </c>
      <c r="E1315" s="1" t="s">
        <v>5315</v>
      </c>
      <c r="F1315" s="1" t="s">
        <v>5316</v>
      </c>
      <c r="G1315" s="1" t="s">
        <v>5212</v>
      </c>
      <c r="H1315" s="1" t="s">
        <v>13</v>
      </c>
      <c r="I1315" s="1" t="s">
        <v>5213</v>
      </c>
      <c r="J1315" s="1" t="s">
        <v>5317</v>
      </c>
    </row>
    <row r="1316" spans="1:10" x14ac:dyDescent="0.35">
      <c r="A1316" s="1" t="s">
        <v>5207</v>
      </c>
      <c r="B1316" s="1" t="s">
        <v>5208</v>
      </c>
      <c r="C1316" s="1" t="s">
        <v>145</v>
      </c>
      <c r="D1316" s="1" t="s">
        <v>5318</v>
      </c>
      <c r="E1316" s="1" t="s">
        <v>5319</v>
      </c>
      <c r="F1316" s="1" t="s">
        <v>5320</v>
      </c>
      <c r="G1316" s="1" t="s">
        <v>5212</v>
      </c>
      <c r="H1316" s="1" t="s">
        <v>13</v>
      </c>
      <c r="I1316" s="1" t="s">
        <v>5213</v>
      </c>
      <c r="J1316" s="1" t="s">
        <v>5321</v>
      </c>
    </row>
    <row r="1317" spans="1:10" x14ac:dyDescent="0.35">
      <c r="A1317" s="1" t="s">
        <v>5207</v>
      </c>
      <c r="B1317" s="1" t="s">
        <v>5208</v>
      </c>
      <c r="C1317" s="1" t="s">
        <v>150</v>
      </c>
      <c r="D1317" s="1" t="s">
        <v>5322</v>
      </c>
      <c r="E1317" s="1" t="s">
        <v>5323</v>
      </c>
      <c r="F1317" s="1" t="s">
        <v>5324</v>
      </c>
      <c r="G1317" s="1" t="s">
        <v>5212</v>
      </c>
      <c r="H1317" s="1" t="s">
        <v>13</v>
      </c>
      <c r="I1317" s="1" t="s">
        <v>5213</v>
      </c>
      <c r="J1317" s="1" t="s">
        <v>5325</v>
      </c>
    </row>
    <row r="1318" spans="1:10" x14ac:dyDescent="0.35">
      <c r="A1318" s="1" t="s">
        <v>5207</v>
      </c>
      <c r="B1318" s="1" t="s">
        <v>5208</v>
      </c>
      <c r="C1318" s="1" t="s">
        <v>155</v>
      </c>
      <c r="D1318" s="1" t="s">
        <v>5326</v>
      </c>
      <c r="E1318" s="1" t="s">
        <v>5327</v>
      </c>
      <c r="F1318" s="1" t="s">
        <v>5328</v>
      </c>
      <c r="G1318" s="1" t="s">
        <v>5212</v>
      </c>
      <c r="H1318" s="1" t="s">
        <v>13</v>
      </c>
      <c r="I1318" s="1" t="s">
        <v>5213</v>
      </c>
      <c r="J1318" s="1" t="s">
        <v>5329</v>
      </c>
    </row>
    <row r="1319" spans="1:10" x14ac:dyDescent="0.35">
      <c r="A1319" s="1" t="s">
        <v>5207</v>
      </c>
      <c r="B1319" s="1" t="s">
        <v>5208</v>
      </c>
      <c r="C1319" s="1" t="s">
        <v>160</v>
      </c>
      <c r="D1319" s="1" t="s">
        <v>5330</v>
      </c>
      <c r="E1319" s="1" t="s">
        <v>5331</v>
      </c>
      <c r="F1319" s="1" t="s">
        <v>5332</v>
      </c>
      <c r="G1319" s="1" t="s">
        <v>5212</v>
      </c>
      <c r="H1319" s="1" t="s">
        <v>13</v>
      </c>
      <c r="I1319" s="1" t="s">
        <v>5213</v>
      </c>
      <c r="J1319" s="1" t="s">
        <v>5333</v>
      </c>
    </row>
    <row r="1320" spans="1:10" x14ac:dyDescent="0.35">
      <c r="A1320" s="1" t="s">
        <v>5207</v>
      </c>
      <c r="B1320" s="1" t="s">
        <v>5208</v>
      </c>
      <c r="C1320" s="1" t="s">
        <v>165</v>
      </c>
      <c r="D1320" s="1" t="s">
        <v>5334</v>
      </c>
      <c r="E1320" s="1" t="s">
        <v>5335</v>
      </c>
      <c r="F1320" s="1" t="s">
        <v>5336</v>
      </c>
      <c r="G1320" s="1" t="s">
        <v>5212</v>
      </c>
      <c r="H1320" s="1" t="s">
        <v>13</v>
      </c>
      <c r="I1320" s="1" t="s">
        <v>5213</v>
      </c>
      <c r="J1320" s="1" t="s">
        <v>5337</v>
      </c>
    </row>
    <row r="1321" spans="1:10" x14ac:dyDescent="0.35">
      <c r="A1321" s="1" t="s">
        <v>5207</v>
      </c>
      <c r="B1321" s="1" t="s">
        <v>5208</v>
      </c>
      <c r="C1321" s="1" t="s">
        <v>170</v>
      </c>
      <c r="D1321" s="1" t="s">
        <v>5338</v>
      </c>
      <c r="E1321" s="1" t="s">
        <v>5339</v>
      </c>
      <c r="F1321" s="1" t="s">
        <v>5340</v>
      </c>
      <c r="G1321" s="1" t="s">
        <v>5212</v>
      </c>
      <c r="H1321" s="1" t="s">
        <v>13</v>
      </c>
      <c r="I1321" s="1" t="s">
        <v>5213</v>
      </c>
      <c r="J1321" s="1" t="s">
        <v>5341</v>
      </c>
    </row>
    <row r="1322" spans="1:10" x14ac:dyDescent="0.35">
      <c r="A1322" s="1" t="s">
        <v>5342</v>
      </c>
      <c r="B1322" s="1" t="s">
        <v>5343</v>
      </c>
      <c r="C1322" s="1" t="s">
        <v>8</v>
      </c>
      <c r="D1322" s="1" t="s">
        <v>5344</v>
      </c>
      <c r="E1322" s="1" t="s">
        <v>5345</v>
      </c>
      <c r="F1322" s="1" t="s">
        <v>5346</v>
      </c>
      <c r="G1322" s="1" t="s">
        <v>5347</v>
      </c>
      <c r="H1322" s="1" t="s">
        <v>13</v>
      </c>
      <c r="I1322" s="1" t="s">
        <v>5348</v>
      </c>
      <c r="J1322" s="1" t="s">
        <v>13</v>
      </c>
    </row>
    <row r="1323" spans="1:10" x14ac:dyDescent="0.35">
      <c r="A1323" s="1" t="s">
        <v>5342</v>
      </c>
      <c r="B1323" s="1" t="s">
        <v>5343</v>
      </c>
      <c r="C1323" s="1" t="s">
        <v>15</v>
      </c>
      <c r="D1323" s="1" t="s">
        <v>5349</v>
      </c>
      <c r="E1323" s="1" t="s">
        <v>5350</v>
      </c>
      <c r="F1323" s="1" t="s">
        <v>5351</v>
      </c>
      <c r="G1323" s="1" t="s">
        <v>5347</v>
      </c>
      <c r="H1323" s="1" t="s">
        <v>13</v>
      </c>
      <c r="I1323" s="1" t="s">
        <v>5348</v>
      </c>
      <c r="J1323" s="1" t="s">
        <v>5352</v>
      </c>
    </row>
    <row r="1324" spans="1:10" x14ac:dyDescent="0.35">
      <c r="A1324" s="1" t="s">
        <v>5342</v>
      </c>
      <c r="B1324" s="1" t="s">
        <v>5343</v>
      </c>
      <c r="C1324" s="1" t="s">
        <v>20</v>
      </c>
      <c r="D1324" s="1" t="s">
        <v>5353</v>
      </c>
      <c r="E1324" s="1" t="s">
        <v>5354</v>
      </c>
      <c r="F1324" s="1" t="s">
        <v>5355</v>
      </c>
      <c r="G1324" s="1" t="s">
        <v>5347</v>
      </c>
      <c r="H1324" s="1" t="s">
        <v>13</v>
      </c>
      <c r="I1324" s="1" t="s">
        <v>5348</v>
      </c>
      <c r="J1324" s="1" t="s">
        <v>5356</v>
      </c>
    </row>
    <row r="1325" spans="1:10" x14ac:dyDescent="0.35">
      <c r="A1325" s="1" t="s">
        <v>5342</v>
      </c>
      <c r="B1325" s="1" t="s">
        <v>5343</v>
      </c>
      <c r="C1325" s="1" t="s">
        <v>25</v>
      </c>
      <c r="D1325" s="1" t="s">
        <v>5357</v>
      </c>
      <c r="E1325" s="1" t="s">
        <v>5358</v>
      </c>
      <c r="F1325" s="1" t="s">
        <v>5359</v>
      </c>
      <c r="G1325" s="1" t="s">
        <v>5347</v>
      </c>
      <c r="H1325" s="1" t="s">
        <v>13</v>
      </c>
      <c r="I1325" s="1" t="s">
        <v>5348</v>
      </c>
      <c r="J1325" s="1" t="s">
        <v>5360</v>
      </c>
    </row>
    <row r="1326" spans="1:10" x14ac:dyDescent="0.35">
      <c r="A1326" s="1" t="s">
        <v>5342</v>
      </c>
      <c r="B1326" s="1" t="s">
        <v>5343</v>
      </c>
      <c r="C1326" s="1" t="s">
        <v>30</v>
      </c>
      <c r="D1326" s="1" t="s">
        <v>5361</v>
      </c>
      <c r="E1326" s="1" t="s">
        <v>5362</v>
      </c>
      <c r="F1326" s="1" t="s">
        <v>5363</v>
      </c>
      <c r="G1326" s="1" t="s">
        <v>5347</v>
      </c>
      <c r="H1326" s="1" t="s">
        <v>13</v>
      </c>
      <c r="I1326" s="1" t="s">
        <v>5348</v>
      </c>
      <c r="J1326" s="1" t="s">
        <v>5364</v>
      </c>
    </row>
    <row r="1327" spans="1:10" x14ac:dyDescent="0.35">
      <c r="A1327" s="1" t="s">
        <v>5342</v>
      </c>
      <c r="B1327" s="1" t="s">
        <v>5343</v>
      </c>
      <c r="C1327" s="1" t="s">
        <v>35</v>
      </c>
      <c r="D1327" s="1" t="s">
        <v>5365</v>
      </c>
      <c r="E1327" s="1" t="s">
        <v>5366</v>
      </c>
      <c r="F1327" s="1" t="s">
        <v>5367</v>
      </c>
      <c r="G1327" s="1" t="s">
        <v>5347</v>
      </c>
      <c r="H1327" s="1" t="s">
        <v>13</v>
      </c>
      <c r="I1327" s="1" t="s">
        <v>5348</v>
      </c>
      <c r="J1327" s="1" t="s">
        <v>5368</v>
      </c>
    </row>
    <row r="1328" spans="1:10" x14ac:dyDescent="0.35">
      <c r="A1328" s="1" t="s">
        <v>5342</v>
      </c>
      <c r="B1328" s="1" t="s">
        <v>5343</v>
      </c>
      <c r="C1328" s="1" t="s">
        <v>40</v>
      </c>
      <c r="D1328" s="1" t="s">
        <v>5369</v>
      </c>
      <c r="E1328" s="1" t="s">
        <v>5370</v>
      </c>
      <c r="F1328" s="1" t="s">
        <v>5371</v>
      </c>
      <c r="G1328" s="1" t="s">
        <v>5347</v>
      </c>
      <c r="H1328" s="1" t="s">
        <v>13</v>
      </c>
      <c r="I1328" s="1" t="s">
        <v>5348</v>
      </c>
      <c r="J1328" s="1" t="s">
        <v>5372</v>
      </c>
    </row>
    <row r="1329" spans="1:10" x14ac:dyDescent="0.35">
      <c r="A1329" s="1" t="s">
        <v>5342</v>
      </c>
      <c r="B1329" s="1" t="s">
        <v>5343</v>
      </c>
      <c r="C1329" s="1" t="s">
        <v>45</v>
      </c>
      <c r="D1329" s="1" t="s">
        <v>5373</v>
      </c>
      <c r="E1329" s="1" t="s">
        <v>5374</v>
      </c>
      <c r="F1329" s="1" t="s">
        <v>5375</v>
      </c>
      <c r="G1329" s="1" t="s">
        <v>5347</v>
      </c>
      <c r="H1329" s="1" t="s">
        <v>13</v>
      </c>
      <c r="I1329" s="1" t="s">
        <v>5348</v>
      </c>
      <c r="J1329" s="1" t="s">
        <v>5376</v>
      </c>
    </row>
    <row r="1330" spans="1:10" x14ac:dyDescent="0.35">
      <c r="A1330" s="1" t="s">
        <v>5342</v>
      </c>
      <c r="B1330" s="1" t="s">
        <v>5343</v>
      </c>
      <c r="C1330" s="1" t="s">
        <v>50</v>
      </c>
      <c r="D1330" s="1" t="s">
        <v>5377</v>
      </c>
      <c r="E1330" s="1" t="s">
        <v>5378</v>
      </c>
      <c r="F1330" s="1" t="s">
        <v>5379</v>
      </c>
      <c r="G1330" s="1" t="s">
        <v>5347</v>
      </c>
      <c r="H1330" s="1" t="s">
        <v>13</v>
      </c>
      <c r="I1330" s="1" t="s">
        <v>5348</v>
      </c>
      <c r="J1330" s="1" t="s">
        <v>5380</v>
      </c>
    </row>
    <row r="1331" spans="1:10" x14ac:dyDescent="0.35">
      <c r="A1331" s="1" t="s">
        <v>5342</v>
      </c>
      <c r="B1331" s="1" t="s">
        <v>5343</v>
      </c>
      <c r="C1331" s="1" t="s">
        <v>55</v>
      </c>
      <c r="D1331" s="1" t="s">
        <v>5381</v>
      </c>
      <c r="E1331" s="1" t="s">
        <v>5382</v>
      </c>
      <c r="F1331" s="1" t="s">
        <v>5383</v>
      </c>
      <c r="G1331" s="1" t="s">
        <v>5347</v>
      </c>
      <c r="H1331" s="1" t="s">
        <v>13</v>
      </c>
      <c r="I1331" s="1" t="s">
        <v>5348</v>
      </c>
      <c r="J1331" s="1" t="s">
        <v>5384</v>
      </c>
    </row>
    <row r="1332" spans="1:10" x14ac:dyDescent="0.35">
      <c r="A1332" s="1" t="s">
        <v>5342</v>
      </c>
      <c r="B1332" s="1" t="s">
        <v>5343</v>
      </c>
      <c r="C1332" s="1" t="s">
        <v>60</v>
      </c>
      <c r="D1332" s="1" t="s">
        <v>5385</v>
      </c>
      <c r="E1332" s="1" t="s">
        <v>5386</v>
      </c>
      <c r="F1332" s="1" t="s">
        <v>5387</v>
      </c>
      <c r="G1332" s="1" t="s">
        <v>5347</v>
      </c>
      <c r="H1332" s="1" t="s">
        <v>13</v>
      </c>
      <c r="I1332" s="1" t="s">
        <v>5348</v>
      </c>
      <c r="J1332" s="1" t="s">
        <v>5388</v>
      </c>
    </row>
    <row r="1333" spans="1:10" x14ac:dyDescent="0.35">
      <c r="A1333" s="1" t="s">
        <v>5342</v>
      </c>
      <c r="B1333" s="1" t="s">
        <v>5343</v>
      </c>
      <c r="C1333" s="1" t="s">
        <v>65</v>
      </c>
      <c r="D1333" s="1" t="s">
        <v>5389</v>
      </c>
      <c r="E1333" s="1" t="s">
        <v>5390</v>
      </c>
      <c r="F1333" s="1" t="s">
        <v>5391</v>
      </c>
      <c r="G1333" s="1" t="s">
        <v>5347</v>
      </c>
      <c r="H1333" s="1" t="s">
        <v>13</v>
      </c>
      <c r="I1333" s="1" t="s">
        <v>5348</v>
      </c>
      <c r="J1333" s="1" t="s">
        <v>5392</v>
      </c>
    </row>
    <row r="1334" spans="1:10" x14ac:dyDescent="0.35">
      <c r="A1334" s="1" t="s">
        <v>5342</v>
      </c>
      <c r="B1334" s="1" t="s">
        <v>5343</v>
      </c>
      <c r="C1334" s="1" t="s">
        <v>70</v>
      </c>
      <c r="D1334" s="1" t="s">
        <v>5393</v>
      </c>
      <c r="E1334" s="1" t="s">
        <v>5394</v>
      </c>
      <c r="F1334" s="1" t="s">
        <v>5395</v>
      </c>
      <c r="G1334" s="1" t="s">
        <v>5347</v>
      </c>
      <c r="H1334" s="1" t="s">
        <v>13</v>
      </c>
      <c r="I1334" s="1" t="s">
        <v>5348</v>
      </c>
      <c r="J1334" s="1" t="s">
        <v>5396</v>
      </c>
    </row>
    <row r="1335" spans="1:10" x14ac:dyDescent="0.35">
      <c r="A1335" s="1" t="s">
        <v>5342</v>
      </c>
      <c r="B1335" s="1" t="s">
        <v>5343</v>
      </c>
      <c r="C1335" s="1" t="s">
        <v>75</v>
      </c>
      <c r="D1335" s="1" t="s">
        <v>5397</v>
      </c>
      <c r="E1335" s="1" t="s">
        <v>5398</v>
      </c>
      <c r="F1335" s="1" t="s">
        <v>5399</v>
      </c>
      <c r="G1335" s="1" t="s">
        <v>5347</v>
      </c>
      <c r="H1335" s="1" t="s">
        <v>13</v>
      </c>
      <c r="I1335" s="1" t="s">
        <v>5348</v>
      </c>
      <c r="J1335" s="1" t="s">
        <v>5400</v>
      </c>
    </row>
    <row r="1336" spans="1:10" x14ac:dyDescent="0.35">
      <c r="A1336" s="1" t="s">
        <v>5342</v>
      </c>
      <c r="B1336" s="1" t="s">
        <v>5343</v>
      </c>
      <c r="C1336" s="1" t="s">
        <v>80</v>
      </c>
      <c r="D1336" s="1" t="s">
        <v>5401</v>
      </c>
      <c r="E1336" s="1" t="s">
        <v>5402</v>
      </c>
      <c r="F1336" s="1" t="s">
        <v>5403</v>
      </c>
      <c r="G1336" s="1" t="s">
        <v>5347</v>
      </c>
      <c r="H1336" s="1" t="s">
        <v>13</v>
      </c>
      <c r="I1336" s="1" t="s">
        <v>5348</v>
      </c>
      <c r="J1336" s="1" t="s">
        <v>5404</v>
      </c>
    </row>
    <row r="1337" spans="1:10" x14ac:dyDescent="0.35">
      <c r="A1337" s="1" t="s">
        <v>5342</v>
      </c>
      <c r="B1337" s="1" t="s">
        <v>5343</v>
      </c>
      <c r="C1337" s="1" t="s">
        <v>85</v>
      </c>
      <c r="D1337" s="1" t="s">
        <v>5405</v>
      </c>
      <c r="E1337" s="1" t="s">
        <v>5406</v>
      </c>
      <c r="F1337" s="1" t="s">
        <v>5407</v>
      </c>
      <c r="G1337" s="1" t="s">
        <v>5347</v>
      </c>
      <c r="H1337" s="1" t="s">
        <v>13</v>
      </c>
      <c r="I1337" s="1" t="s">
        <v>5348</v>
      </c>
      <c r="J1337" s="1" t="s">
        <v>5408</v>
      </c>
    </row>
    <row r="1338" spans="1:10" x14ac:dyDescent="0.35">
      <c r="A1338" s="1" t="s">
        <v>5342</v>
      </c>
      <c r="B1338" s="1" t="s">
        <v>5343</v>
      </c>
      <c r="C1338" s="1" t="s">
        <v>90</v>
      </c>
      <c r="D1338" s="1" t="s">
        <v>5409</v>
      </c>
      <c r="E1338" s="1" t="s">
        <v>5410</v>
      </c>
      <c r="F1338" s="1" t="s">
        <v>5411</v>
      </c>
      <c r="G1338" s="1" t="s">
        <v>5347</v>
      </c>
      <c r="H1338" s="1" t="s">
        <v>13</v>
      </c>
      <c r="I1338" s="1" t="s">
        <v>5348</v>
      </c>
      <c r="J1338" s="1" t="s">
        <v>5412</v>
      </c>
    </row>
    <row r="1339" spans="1:10" x14ac:dyDescent="0.35">
      <c r="A1339" s="1" t="s">
        <v>5342</v>
      </c>
      <c r="B1339" s="1" t="s">
        <v>5343</v>
      </c>
      <c r="C1339" s="1" t="s">
        <v>95</v>
      </c>
      <c r="D1339" s="1" t="s">
        <v>5413</v>
      </c>
      <c r="E1339" s="1" t="s">
        <v>5414</v>
      </c>
      <c r="F1339" s="1" t="s">
        <v>5415</v>
      </c>
      <c r="G1339" s="1" t="s">
        <v>5347</v>
      </c>
      <c r="H1339" s="1" t="s">
        <v>13</v>
      </c>
      <c r="I1339" s="1" t="s">
        <v>5348</v>
      </c>
      <c r="J1339" s="1" t="s">
        <v>5416</v>
      </c>
    </row>
    <row r="1340" spans="1:10" x14ac:dyDescent="0.35">
      <c r="A1340" s="1" t="s">
        <v>5342</v>
      </c>
      <c r="B1340" s="1" t="s">
        <v>5343</v>
      </c>
      <c r="C1340" s="1" t="s">
        <v>100</v>
      </c>
      <c r="D1340" s="1" t="s">
        <v>5417</v>
      </c>
      <c r="E1340" s="1" t="s">
        <v>5418</v>
      </c>
      <c r="F1340" s="1" t="s">
        <v>5419</v>
      </c>
      <c r="G1340" s="1" t="s">
        <v>5347</v>
      </c>
      <c r="H1340" s="1" t="s">
        <v>13</v>
      </c>
      <c r="I1340" s="1" t="s">
        <v>5348</v>
      </c>
      <c r="J1340" s="1" t="s">
        <v>5420</v>
      </c>
    </row>
    <row r="1341" spans="1:10" x14ac:dyDescent="0.35">
      <c r="A1341" s="1" t="s">
        <v>5342</v>
      </c>
      <c r="B1341" s="1" t="s">
        <v>5343</v>
      </c>
      <c r="C1341" s="1" t="s">
        <v>105</v>
      </c>
      <c r="D1341" s="1" t="s">
        <v>5421</v>
      </c>
      <c r="E1341" s="1" t="s">
        <v>5422</v>
      </c>
      <c r="F1341" s="1" t="s">
        <v>5423</v>
      </c>
      <c r="G1341" s="1" t="s">
        <v>5347</v>
      </c>
      <c r="H1341" s="1" t="s">
        <v>13</v>
      </c>
      <c r="I1341" s="1" t="s">
        <v>5348</v>
      </c>
      <c r="J1341" s="1" t="s">
        <v>5424</v>
      </c>
    </row>
    <row r="1342" spans="1:10" x14ac:dyDescent="0.35">
      <c r="A1342" s="1" t="s">
        <v>5342</v>
      </c>
      <c r="B1342" s="1" t="s">
        <v>5343</v>
      </c>
      <c r="C1342" s="1" t="s">
        <v>110</v>
      </c>
      <c r="D1342" s="1" t="s">
        <v>5425</v>
      </c>
      <c r="E1342" s="1" t="s">
        <v>5426</v>
      </c>
      <c r="F1342" s="1" t="s">
        <v>5427</v>
      </c>
      <c r="G1342" s="1" t="s">
        <v>5347</v>
      </c>
      <c r="H1342" s="1" t="s">
        <v>13</v>
      </c>
      <c r="I1342" s="1" t="s">
        <v>5348</v>
      </c>
      <c r="J1342" s="1" t="s">
        <v>5428</v>
      </c>
    </row>
    <row r="1343" spans="1:10" x14ac:dyDescent="0.35">
      <c r="A1343" s="1" t="s">
        <v>5342</v>
      </c>
      <c r="B1343" s="1" t="s">
        <v>5343</v>
      </c>
      <c r="C1343" s="1" t="s">
        <v>115</v>
      </c>
      <c r="D1343" s="1" t="s">
        <v>5429</v>
      </c>
      <c r="E1343" s="1" t="s">
        <v>5430</v>
      </c>
      <c r="F1343" s="1" t="s">
        <v>5431</v>
      </c>
      <c r="G1343" s="1" t="s">
        <v>5347</v>
      </c>
      <c r="H1343" s="1" t="s">
        <v>13</v>
      </c>
      <c r="I1343" s="1" t="s">
        <v>5348</v>
      </c>
      <c r="J1343" s="1" t="s">
        <v>5432</v>
      </c>
    </row>
    <row r="1344" spans="1:10" x14ac:dyDescent="0.35">
      <c r="A1344" s="1" t="s">
        <v>5342</v>
      </c>
      <c r="B1344" s="1" t="s">
        <v>5343</v>
      </c>
      <c r="C1344" s="1" t="s">
        <v>120</v>
      </c>
      <c r="D1344" s="1" t="s">
        <v>5433</v>
      </c>
      <c r="E1344" s="1" t="s">
        <v>5434</v>
      </c>
      <c r="F1344" s="1" t="s">
        <v>5435</v>
      </c>
      <c r="G1344" s="1" t="s">
        <v>5347</v>
      </c>
      <c r="H1344" s="1" t="s">
        <v>13</v>
      </c>
      <c r="I1344" s="1" t="s">
        <v>5348</v>
      </c>
      <c r="J1344" s="1" t="s">
        <v>5436</v>
      </c>
    </row>
    <row r="1345" spans="1:10" x14ac:dyDescent="0.35">
      <c r="A1345" s="1" t="s">
        <v>5342</v>
      </c>
      <c r="B1345" s="1" t="s">
        <v>5343</v>
      </c>
      <c r="C1345" s="1" t="s">
        <v>125</v>
      </c>
      <c r="D1345" s="1" t="s">
        <v>5437</v>
      </c>
      <c r="E1345" s="1" t="s">
        <v>5438</v>
      </c>
      <c r="F1345" s="1" t="s">
        <v>5439</v>
      </c>
      <c r="G1345" s="1" t="s">
        <v>5347</v>
      </c>
      <c r="H1345" s="1" t="s">
        <v>13</v>
      </c>
      <c r="I1345" s="1" t="s">
        <v>5348</v>
      </c>
      <c r="J1345" s="1" t="s">
        <v>5440</v>
      </c>
    </row>
    <row r="1346" spans="1:10" x14ac:dyDescent="0.35">
      <c r="A1346" s="1" t="s">
        <v>5342</v>
      </c>
      <c r="B1346" s="1" t="s">
        <v>5343</v>
      </c>
      <c r="C1346" s="1" t="s">
        <v>130</v>
      </c>
      <c r="D1346" s="1" t="s">
        <v>5441</v>
      </c>
      <c r="E1346" s="1" t="s">
        <v>5442</v>
      </c>
      <c r="F1346" s="1" t="s">
        <v>5443</v>
      </c>
      <c r="G1346" s="1" t="s">
        <v>5347</v>
      </c>
      <c r="H1346" s="1" t="s">
        <v>13</v>
      </c>
      <c r="I1346" s="1" t="s">
        <v>5348</v>
      </c>
      <c r="J1346" s="1" t="s">
        <v>5444</v>
      </c>
    </row>
    <row r="1347" spans="1:10" x14ac:dyDescent="0.35">
      <c r="A1347" s="1" t="s">
        <v>5342</v>
      </c>
      <c r="B1347" s="1" t="s">
        <v>5343</v>
      </c>
      <c r="C1347" s="1" t="s">
        <v>135</v>
      </c>
      <c r="D1347" s="1" t="s">
        <v>5445</v>
      </c>
      <c r="E1347" s="1" t="s">
        <v>5446</v>
      </c>
      <c r="F1347" s="1" t="s">
        <v>5447</v>
      </c>
      <c r="G1347" s="1" t="s">
        <v>5347</v>
      </c>
      <c r="H1347" s="1" t="s">
        <v>13</v>
      </c>
      <c r="I1347" s="1" t="s">
        <v>5348</v>
      </c>
      <c r="J1347" s="1" t="s">
        <v>5448</v>
      </c>
    </row>
    <row r="1348" spans="1:10" x14ac:dyDescent="0.35">
      <c r="A1348" s="1" t="s">
        <v>5342</v>
      </c>
      <c r="B1348" s="1" t="s">
        <v>5343</v>
      </c>
      <c r="C1348" s="1" t="s">
        <v>140</v>
      </c>
      <c r="D1348" s="1" t="s">
        <v>5449</v>
      </c>
      <c r="E1348" s="1" t="s">
        <v>5450</v>
      </c>
      <c r="F1348" s="1" t="s">
        <v>5451</v>
      </c>
      <c r="G1348" s="1" t="s">
        <v>5347</v>
      </c>
      <c r="H1348" s="1" t="s">
        <v>13</v>
      </c>
      <c r="I1348" s="1" t="s">
        <v>5348</v>
      </c>
      <c r="J1348" s="1" t="s">
        <v>5452</v>
      </c>
    </row>
    <row r="1349" spans="1:10" x14ac:dyDescent="0.35">
      <c r="A1349" s="1" t="s">
        <v>5342</v>
      </c>
      <c r="B1349" s="1" t="s">
        <v>5343</v>
      </c>
      <c r="C1349" s="1" t="s">
        <v>145</v>
      </c>
      <c r="D1349" s="1" t="s">
        <v>5453</v>
      </c>
      <c r="E1349" s="1" t="s">
        <v>5454</v>
      </c>
      <c r="F1349" s="1" t="s">
        <v>5455</v>
      </c>
      <c r="G1349" s="1" t="s">
        <v>5347</v>
      </c>
      <c r="H1349" s="1" t="s">
        <v>13</v>
      </c>
      <c r="I1349" s="1" t="s">
        <v>5348</v>
      </c>
      <c r="J1349" s="1" t="s">
        <v>5456</v>
      </c>
    </row>
    <row r="1350" spans="1:10" x14ac:dyDescent="0.35">
      <c r="A1350" s="1" t="s">
        <v>5342</v>
      </c>
      <c r="B1350" s="1" t="s">
        <v>5343</v>
      </c>
      <c r="C1350" s="1" t="s">
        <v>150</v>
      </c>
      <c r="D1350" s="1" t="s">
        <v>5457</v>
      </c>
      <c r="E1350" s="1" t="s">
        <v>5458</v>
      </c>
      <c r="F1350" s="1" t="s">
        <v>5459</v>
      </c>
      <c r="G1350" s="1" t="s">
        <v>5347</v>
      </c>
      <c r="H1350" s="1" t="s">
        <v>13</v>
      </c>
      <c r="I1350" s="1" t="s">
        <v>5348</v>
      </c>
      <c r="J1350" s="1" t="s">
        <v>5460</v>
      </c>
    </row>
    <row r="1351" spans="1:10" x14ac:dyDescent="0.35">
      <c r="A1351" s="1" t="s">
        <v>5342</v>
      </c>
      <c r="B1351" s="1" t="s">
        <v>5343</v>
      </c>
      <c r="C1351" s="1" t="s">
        <v>155</v>
      </c>
      <c r="D1351" s="1" t="s">
        <v>5461</v>
      </c>
      <c r="E1351" s="1" t="s">
        <v>5462</v>
      </c>
      <c r="F1351" s="1" t="s">
        <v>5463</v>
      </c>
      <c r="G1351" s="1" t="s">
        <v>5347</v>
      </c>
      <c r="H1351" s="1" t="s">
        <v>13</v>
      </c>
      <c r="I1351" s="1" t="s">
        <v>5348</v>
      </c>
      <c r="J1351" s="1" t="s">
        <v>5464</v>
      </c>
    </row>
    <row r="1352" spans="1:10" x14ac:dyDescent="0.35">
      <c r="A1352" s="1" t="s">
        <v>5342</v>
      </c>
      <c r="B1352" s="1" t="s">
        <v>5343</v>
      </c>
      <c r="C1352" s="1" t="s">
        <v>160</v>
      </c>
      <c r="D1352" s="1" t="s">
        <v>5465</v>
      </c>
      <c r="E1352" s="1" t="s">
        <v>5466</v>
      </c>
      <c r="F1352" s="1" t="s">
        <v>5467</v>
      </c>
      <c r="G1352" s="1" t="s">
        <v>5347</v>
      </c>
      <c r="H1352" s="1" t="s">
        <v>13</v>
      </c>
      <c r="I1352" s="1" t="s">
        <v>5348</v>
      </c>
      <c r="J1352" s="1" t="s">
        <v>5468</v>
      </c>
    </row>
    <row r="1353" spans="1:10" x14ac:dyDescent="0.35">
      <c r="A1353" s="1" t="s">
        <v>5342</v>
      </c>
      <c r="B1353" s="1" t="s">
        <v>5343</v>
      </c>
      <c r="C1353" s="1" t="s">
        <v>165</v>
      </c>
      <c r="D1353" s="1" t="s">
        <v>5469</v>
      </c>
      <c r="E1353" s="1" t="s">
        <v>5470</v>
      </c>
      <c r="F1353" s="1" t="s">
        <v>5471</v>
      </c>
      <c r="G1353" s="1" t="s">
        <v>5347</v>
      </c>
      <c r="H1353" s="1" t="s">
        <v>13</v>
      </c>
      <c r="I1353" s="1" t="s">
        <v>5348</v>
      </c>
      <c r="J1353" s="1" t="s">
        <v>5472</v>
      </c>
    </row>
    <row r="1354" spans="1:10" x14ac:dyDescent="0.35">
      <c r="A1354" s="1" t="s">
        <v>5342</v>
      </c>
      <c r="B1354" s="1" t="s">
        <v>5343</v>
      </c>
      <c r="C1354" s="1" t="s">
        <v>170</v>
      </c>
      <c r="D1354" s="1" t="s">
        <v>5473</v>
      </c>
      <c r="E1354" s="1" t="s">
        <v>5474</v>
      </c>
      <c r="F1354" s="1" t="s">
        <v>5475</v>
      </c>
      <c r="G1354" s="1" t="s">
        <v>5347</v>
      </c>
      <c r="H1354" s="1" t="s">
        <v>13</v>
      </c>
      <c r="I1354" s="1" t="s">
        <v>5348</v>
      </c>
      <c r="J1354" s="1" t="s">
        <v>5476</v>
      </c>
    </row>
    <row r="1355" spans="1:10" x14ac:dyDescent="0.35">
      <c r="A1355" s="1" t="s">
        <v>5477</v>
      </c>
      <c r="B1355" s="1" t="s">
        <v>5478</v>
      </c>
      <c r="C1355" s="1" t="s">
        <v>8</v>
      </c>
      <c r="D1355" s="1" t="s">
        <v>5479</v>
      </c>
      <c r="E1355" s="1" t="s">
        <v>5480</v>
      </c>
      <c r="F1355" s="1" t="s">
        <v>5481</v>
      </c>
      <c r="G1355" s="1" t="s">
        <v>5482</v>
      </c>
      <c r="H1355" s="1" t="s">
        <v>13</v>
      </c>
      <c r="I1355" s="1" t="s">
        <v>5483</v>
      </c>
      <c r="J1355" s="1" t="s">
        <v>13</v>
      </c>
    </row>
    <row r="1356" spans="1:10" x14ac:dyDescent="0.35">
      <c r="A1356" s="1" t="s">
        <v>5477</v>
      </c>
      <c r="B1356" s="1" t="s">
        <v>5478</v>
      </c>
      <c r="C1356" s="1" t="s">
        <v>15</v>
      </c>
      <c r="D1356" s="1" t="s">
        <v>90</v>
      </c>
      <c r="E1356" s="1" t="s">
        <v>5484</v>
      </c>
      <c r="F1356" s="1" t="s">
        <v>5485</v>
      </c>
      <c r="G1356" s="1" t="s">
        <v>5482</v>
      </c>
      <c r="H1356" s="1" t="s">
        <v>13</v>
      </c>
      <c r="I1356" s="1" t="s">
        <v>5483</v>
      </c>
      <c r="J1356" s="1" t="s">
        <v>5486</v>
      </c>
    </row>
    <row r="1357" spans="1:10" x14ac:dyDescent="0.35">
      <c r="A1357" s="1" t="s">
        <v>5477</v>
      </c>
      <c r="B1357" s="1" t="s">
        <v>5478</v>
      </c>
      <c r="C1357" s="1" t="s">
        <v>20</v>
      </c>
      <c r="D1357" s="1" t="s">
        <v>8</v>
      </c>
      <c r="E1357" s="1" t="s">
        <v>5484</v>
      </c>
      <c r="F1357" s="1" t="s">
        <v>5487</v>
      </c>
      <c r="G1357" s="1" t="s">
        <v>5482</v>
      </c>
      <c r="H1357" s="1" t="s">
        <v>13</v>
      </c>
      <c r="I1357" s="1" t="s">
        <v>5483</v>
      </c>
      <c r="J1357" s="1" t="s">
        <v>5488</v>
      </c>
    </row>
    <row r="1358" spans="1:10" x14ac:dyDescent="0.35">
      <c r="A1358" s="1" t="s">
        <v>5477</v>
      </c>
      <c r="B1358" s="1" t="s">
        <v>5478</v>
      </c>
      <c r="C1358" s="1" t="s">
        <v>25</v>
      </c>
      <c r="D1358" s="1" t="s">
        <v>4365</v>
      </c>
      <c r="E1358" s="1" t="s">
        <v>5484</v>
      </c>
      <c r="F1358" s="1" t="s">
        <v>5489</v>
      </c>
      <c r="G1358" s="1" t="s">
        <v>5482</v>
      </c>
      <c r="H1358" s="1" t="s">
        <v>13</v>
      </c>
      <c r="I1358" s="1" t="s">
        <v>5483</v>
      </c>
      <c r="J1358" s="1" t="s">
        <v>5490</v>
      </c>
    </row>
    <row r="1359" spans="1:10" x14ac:dyDescent="0.35">
      <c r="A1359" s="1" t="s">
        <v>5477</v>
      </c>
      <c r="B1359" s="1" t="s">
        <v>5478</v>
      </c>
      <c r="C1359" s="1" t="s">
        <v>30</v>
      </c>
      <c r="D1359" s="1" t="s">
        <v>5491</v>
      </c>
      <c r="E1359" s="1" t="s">
        <v>5484</v>
      </c>
      <c r="F1359" s="1" t="s">
        <v>5492</v>
      </c>
      <c r="G1359" s="1" t="s">
        <v>5482</v>
      </c>
      <c r="H1359" s="1" t="s">
        <v>13</v>
      </c>
      <c r="I1359" s="1" t="s">
        <v>5483</v>
      </c>
      <c r="J1359" s="1" t="s">
        <v>5493</v>
      </c>
    </row>
    <row r="1360" spans="1:10" x14ac:dyDescent="0.35">
      <c r="A1360" s="1" t="s">
        <v>5477</v>
      </c>
      <c r="B1360" s="1" t="s">
        <v>5478</v>
      </c>
      <c r="C1360" s="1" t="s">
        <v>35</v>
      </c>
      <c r="D1360" s="1" t="s">
        <v>5494</v>
      </c>
      <c r="E1360" s="1" t="s">
        <v>5484</v>
      </c>
      <c r="F1360" s="1" t="s">
        <v>5495</v>
      </c>
      <c r="G1360" s="1" t="s">
        <v>5482</v>
      </c>
      <c r="H1360" s="1" t="s">
        <v>13</v>
      </c>
      <c r="I1360" s="1" t="s">
        <v>5483</v>
      </c>
      <c r="J1360" s="1" t="s">
        <v>5496</v>
      </c>
    </row>
    <row r="1361" spans="1:10" x14ac:dyDescent="0.35">
      <c r="A1361" s="1" t="s">
        <v>5477</v>
      </c>
      <c r="B1361" s="1" t="s">
        <v>5478</v>
      </c>
      <c r="C1361" s="1" t="s">
        <v>40</v>
      </c>
      <c r="D1361" s="1" t="s">
        <v>5497</v>
      </c>
      <c r="E1361" s="1" t="s">
        <v>5484</v>
      </c>
      <c r="F1361" s="1" t="s">
        <v>5498</v>
      </c>
      <c r="G1361" s="1" t="s">
        <v>5482</v>
      </c>
      <c r="H1361" s="1" t="s">
        <v>13</v>
      </c>
      <c r="I1361" s="1" t="s">
        <v>5483</v>
      </c>
      <c r="J1361" s="1" t="s">
        <v>5499</v>
      </c>
    </row>
    <row r="1362" spans="1:10" x14ac:dyDescent="0.35">
      <c r="A1362" s="1" t="s">
        <v>5477</v>
      </c>
      <c r="B1362" s="1" t="s">
        <v>5478</v>
      </c>
      <c r="C1362" s="1" t="s">
        <v>45</v>
      </c>
      <c r="D1362" s="1" t="s">
        <v>1379</v>
      </c>
      <c r="E1362" s="1" t="s">
        <v>5484</v>
      </c>
      <c r="F1362" s="1" t="s">
        <v>5500</v>
      </c>
      <c r="G1362" s="1" t="s">
        <v>5482</v>
      </c>
      <c r="H1362" s="1" t="s">
        <v>13</v>
      </c>
      <c r="I1362" s="1" t="s">
        <v>5483</v>
      </c>
      <c r="J1362" s="1" t="s">
        <v>5501</v>
      </c>
    </row>
    <row r="1363" spans="1:10" x14ac:dyDescent="0.35">
      <c r="A1363" s="1" t="s">
        <v>5477</v>
      </c>
      <c r="B1363" s="1" t="s">
        <v>5478</v>
      </c>
      <c r="C1363" s="1" t="s">
        <v>50</v>
      </c>
      <c r="D1363" s="1" t="s">
        <v>5502</v>
      </c>
      <c r="E1363" s="1" t="s">
        <v>5484</v>
      </c>
      <c r="F1363" s="1" t="s">
        <v>5503</v>
      </c>
      <c r="G1363" s="1" t="s">
        <v>5482</v>
      </c>
      <c r="H1363" s="1" t="s">
        <v>13</v>
      </c>
      <c r="I1363" s="1" t="s">
        <v>5483</v>
      </c>
      <c r="J1363" s="1" t="s">
        <v>5504</v>
      </c>
    </row>
    <row r="1364" spans="1:10" x14ac:dyDescent="0.35">
      <c r="A1364" s="1" t="s">
        <v>5477</v>
      </c>
      <c r="B1364" s="1" t="s">
        <v>5478</v>
      </c>
      <c r="C1364" s="1" t="s">
        <v>55</v>
      </c>
      <c r="D1364" s="1" t="s">
        <v>5505</v>
      </c>
      <c r="E1364" s="1" t="s">
        <v>5484</v>
      </c>
      <c r="F1364" s="1" t="s">
        <v>5506</v>
      </c>
      <c r="G1364" s="1" t="s">
        <v>5482</v>
      </c>
      <c r="H1364" s="1" t="s">
        <v>13</v>
      </c>
      <c r="I1364" s="1" t="s">
        <v>5483</v>
      </c>
      <c r="J1364" s="1" t="s">
        <v>5507</v>
      </c>
    </row>
    <row r="1365" spans="1:10" x14ac:dyDescent="0.35">
      <c r="A1365" s="1" t="s">
        <v>5477</v>
      </c>
      <c r="B1365" s="1" t="s">
        <v>5478</v>
      </c>
      <c r="C1365" s="1" t="s">
        <v>60</v>
      </c>
      <c r="D1365" s="1" t="s">
        <v>5508</v>
      </c>
      <c r="E1365" s="1" t="s">
        <v>5484</v>
      </c>
      <c r="F1365" s="1" t="s">
        <v>5509</v>
      </c>
      <c r="G1365" s="1" t="s">
        <v>5482</v>
      </c>
      <c r="H1365" s="1" t="s">
        <v>13</v>
      </c>
      <c r="I1365" s="1" t="s">
        <v>5483</v>
      </c>
      <c r="J1365" s="1" t="s">
        <v>5510</v>
      </c>
    </row>
    <row r="1366" spans="1:10" x14ac:dyDescent="0.35">
      <c r="A1366" s="1" t="s">
        <v>5477</v>
      </c>
      <c r="B1366" s="1" t="s">
        <v>5478</v>
      </c>
      <c r="C1366" s="1" t="s">
        <v>65</v>
      </c>
      <c r="D1366" s="1" t="s">
        <v>35</v>
      </c>
      <c r="E1366" s="1" t="s">
        <v>5484</v>
      </c>
      <c r="F1366" s="1" t="s">
        <v>5511</v>
      </c>
      <c r="G1366" s="1" t="s">
        <v>5482</v>
      </c>
      <c r="H1366" s="1" t="s">
        <v>13</v>
      </c>
      <c r="I1366" s="1" t="s">
        <v>5483</v>
      </c>
      <c r="J1366" s="1" t="s">
        <v>5512</v>
      </c>
    </row>
    <row r="1367" spans="1:10" x14ac:dyDescent="0.35">
      <c r="A1367" s="1" t="s">
        <v>5477</v>
      </c>
      <c r="B1367" s="1" t="s">
        <v>5478</v>
      </c>
      <c r="C1367" s="1" t="s">
        <v>70</v>
      </c>
      <c r="D1367" s="1" t="s">
        <v>4372</v>
      </c>
      <c r="E1367" s="1" t="s">
        <v>5484</v>
      </c>
      <c r="F1367" s="1" t="s">
        <v>5511</v>
      </c>
      <c r="G1367" s="1" t="s">
        <v>5482</v>
      </c>
      <c r="H1367" s="1" t="s">
        <v>13</v>
      </c>
      <c r="I1367" s="1" t="s">
        <v>5483</v>
      </c>
      <c r="J1367" s="1" t="s">
        <v>5513</v>
      </c>
    </row>
    <row r="1368" spans="1:10" x14ac:dyDescent="0.35">
      <c r="A1368" s="1" t="s">
        <v>5477</v>
      </c>
      <c r="B1368" s="1" t="s">
        <v>5478</v>
      </c>
      <c r="C1368" s="1" t="s">
        <v>75</v>
      </c>
      <c r="D1368" s="1" t="s">
        <v>5514</v>
      </c>
      <c r="E1368" s="1" t="s">
        <v>5484</v>
      </c>
      <c r="F1368" s="1" t="s">
        <v>5511</v>
      </c>
      <c r="G1368" s="1" t="s">
        <v>5482</v>
      </c>
      <c r="H1368" s="1" t="s">
        <v>13</v>
      </c>
      <c r="I1368" s="1" t="s">
        <v>5483</v>
      </c>
      <c r="J1368" s="1" t="s">
        <v>5515</v>
      </c>
    </row>
    <row r="1369" spans="1:10" x14ac:dyDescent="0.35">
      <c r="A1369" s="1" t="s">
        <v>5477</v>
      </c>
      <c r="B1369" s="1" t="s">
        <v>5478</v>
      </c>
      <c r="C1369" s="1" t="s">
        <v>80</v>
      </c>
      <c r="D1369" s="1" t="s">
        <v>3912</v>
      </c>
      <c r="E1369" s="1" t="s">
        <v>5484</v>
      </c>
      <c r="F1369" s="1" t="s">
        <v>5511</v>
      </c>
      <c r="G1369" s="1" t="s">
        <v>5482</v>
      </c>
      <c r="H1369" s="1" t="s">
        <v>13</v>
      </c>
      <c r="I1369" s="1" t="s">
        <v>5483</v>
      </c>
      <c r="J1369" s="1" t="s">
        <v>5516</v>
      </c>
    </row>
    <row r="1370" spans="1:10" x14ac:dyDescent="0.35">
      <c r="A1370" s="1" t="s">
        <v>5477</v>
      </c>
      <c r="B1370" s="1" t="s">
        <v>5478</v>
      </c>
      <c r="C1370" s="1" t="s">
        <v>85</v>
      </c>
      <c r="D1370" s="1" t="s">
        <v>115</v>
      </c>
      <c r="E1370" s="1" t="s">
        <v>5484</v>
      </c>
      <c r="F1370" s="1" t="s">
        <v>5511</v>
      </c>
      <c r="G1370" s="1" t="s">
        <v>5482</v>
      </c>
      <c r="H1370" s="1" t="s">
        <v>13</v>
      </c>
      <c r="I1370" s="1" t="s">
        <v>5483</v>
      </c>
      <c r="J1370" s="1" t="s">
        <v>5517</v>
      </c>
    </row>
    <row r="1371" spans="1:10" x14ac:dyDescent="0.35">
      <c r="A1371" s="1" t="s">
        <v>5477</v>
      </c>
      <c r="B1371" s="1" t="s">
        <v>5478</v>
      </c>
      <c r="C1371" s="1" t="s">
        <v>90</v>
      </c>
      <c r="D1371" s="1" t="s">
        <v>5518</v>
      </c>
      <c r="E1371" s="1" t="s">
        <v>5484</v>
      </c>
      <c r="F1371" s="1" t="s">
        <v>5511</v>
      </c>
      <c r="G1371" s="1" t="s">
        <v>5482</v>
      </c>
      <c r="H1371" s="1" t="s">
        <v>13</v>
      </c>
      <c r="I1371" s="1" t="s">
        <v>5483</v>
      </c>
      <c r="J1371" s="1" t="s">
        <v>5519</v>
      </c>
    </row>
    <row r="1372" spans="1:10" x14ac:dyDescent="0.35">
      <c r="A1372" s="1" t="s">
        <v>5477</v>
      </c>
      <c r="B1372" s="1" t="s">
        <v>5478</v>
      </c>
      <c r="C1372" s="1" t="s">
        <v>95</v>
      </c>
      <c r="D1372" s="1" t="s">
        <v>3900</v>
      </c>
      <c r="E1372" s="1" t="s">
        <v>5484</v>
      </c>
      <c r="F1372" s="1" t="s">
        <v>5511</v>
      </c>
      <c r="G1372" s="1" t="s">
        <v>5482</v>
      </c>
      <c r="H1372" s="1" t="s">
        <v>13</v>
      </c>
      <c r="I1372" s="1" t="s">
        <v>5483</v>
      </c>
      <c r="J1372" s="1" t="s">
        <v>5520</v>
      </c>
    </row>
    <row r="1373" spans="1:10" x14ac:dyDescent="0.35">
      <c r="A1373" s="1" t="s">
        <v>5477</v>
      </c>
      <c r="B1373" s="1" t="s">
        <v>5478</v>
      </c>
      <c r="C1373" s="1" t="s">
        <v>100</v>
      </c>
      <c r="D1373" s="1" t="s">
        <v>5521</v>
      </c>
      <c r="E1373" s="1" t="s">
        <v>5484</v>
      </c>
      <c r="F1373" s="1" t="s">
        <v>5511</v>
      </c>
      <c r="G1373" s="1" t="s">
        <v>5482</v>
      </c>
      <c r="H1373" s="1" t="s">
        <v>13</v>
      </c>
      <c r="I1373" s="1" t="s">
        <v>5483</v>
      </c>
      <c r="J1373" s="1" t="s">
        <v>5522</v>
      </c>
    </row>
    <row r="1374" spans="1:10" x14ac:dyDescent="0.35">
      <c r="A1374" s="1" t="s">
        <v>5477</v>
      </c>
      <c r="B1374" s="1" t="s">
        <v>5478</v>
      </c>
      <c r="C1374" s="1" t="s">
        <v>105</v>
      </c>
      <c r="D1374" s="1" t="s">
        <v>5523</v>
      </c>
      <c r="E1374" s="1" t="s">
        <v>5484</v>
      </c>
      <c r="F1374" s="1" t="s">
        <v>5511</v>
      </c>
      <c r="G1374" s="1" t="s">
        <v>5482</v>
      </c>
      <c r="H1374" s="1" t="s">
        <v>13</v>
      </c>
      <c r="I1374" s="1" t="s">
        <v>5483</v>
      </c>
      <c r="J1374" s="1" t="s">
        <v>5524</v>
      </c>
    </row>
    <row r="1375" spans="1:10" x14ac:dyDescent="0.35">
      <c r="A1375" s="1" t="s">
        <v>5477</v>
      </c>
      <c r="B1375" s="1" t="s">
        <v>5478</v>
      </c>
      <c r="C1375" s="1" t="s">
        <v>110</v>
      </c>
      <c r="D1375" s="1" t="s">
        <v>5525</v>
      </c>
      <c r="E1375" s="1" t="s">
        <v>5484</v>
      </c>
      <c r="F1375" s="1" t="s">
        <v>5511</v>
      </c>
      <c r="G1375" s="1" t="s">
        <v>5482</v>
      </c>
      <c r="H1375" s="1" t="s">
        <v>13</v>
      </c>
      <c r="I1375" s="1" t="s">
        <v>5483</v>
      </c>
      <c r="J1375" s="1" t="s">
        <v>5526</v>
      </c>
    </row>
    <row r="1376" spans="1:10" x14ac:dyDescent="0.35">
      <c r="A1376" s="1" t="s">
        <v>5477</v>
      </c>
      <c r="B1376" s="1" t="s">
        <v>5478</v>
      </c>
      <c r="C1376" s="1" t="s">
        <v>115</v>
      </c>
      <c r="D1376" s="1" t="s">
        <v>5527</v>
      </c>
      <c r="E1376" s="1" t="s">
        <v>5484</v>
      </c>
      <c r="F1376" s="1" t="s">
        <v>5511</v>
      </c>
      <c r="G1376" s="1" t="s">
        <v>5482</v>
      </c>
      <c r="H1376" s="1" t="s">
        <v>13</v>
      </c>
      <c r="I1376" s="1" t="s">
        <v>5483</v>
      </c>
      <c r="J1376" s="1" t="s">
        <v>5528</v>
      </c>
    </row>
    <row r="1377" spans="1:10" x14ac:dyDescent="0.35">
      <c r="A1377" s="1" t="s">
        <v>5477</v>
      </c>
      <c r="B1377" s="1" t="s">
        <v>5478</v>
      </c>
      <c r="C1377" s="1" t="s">
        <v>120</v>
      </c>
      <c r="D1377" s="1" t="s">
        <v>5529</v>
      </c>
      <c r="E1377" s="1" t="s">
        <v>5484</v>
      </c>
      <c r="F1377" s="1" t="s">
        <v>5511</v>
      </c>
      <c r="G1377" s="1" t="s">
        <v>5482</v>
      </c>
      <c r="H1377" s="1" t="s">
        <v>13</v>
      </c>
      <c r="I1377" s="1" t="s">
        <v>5483</v>
      </c>
      <c r="J1377" s="1" t="s">
        <v>5530</v>
      </c>
    </row>
    <row r="1378" spans="1:10" x14ac:dyDescent="0.35">
      <c r="A1378" s="1" t="s">
        <v>5477</v>
      </c>
      <c r="B1378" s="1" t="s">
        <v>5478</v>
      </c>
      <c r="C1378" s="1" t="s">
        <v>125</v>
      </c>
      <c r="D1378" s="1" t="s">
        <v>5531</v>
      </c>
      <c r="E1378" s="1" t="s">
        <v>5484</v>
      </c>
      <c r="F1378" s="1" t="s">
        <v>5511</v>
      </c>
      <c r="G1378" s="1" t="s">
        <v>5482</v>
      </c>
      <c r="H1378" s="1" t="s">
        <v>13</v>
      </c>
      <c r="I1378" s="1" t="s">
        <v>5483</v>
      </c>
      <c r="J1378" s="1" t="s">
        <v>5532</v>
      </c>
    </row>
    <row r="1379" spans="1:10" x14ac:dyDescent="0.35">
      <c r="A1379" s="1" t="s">
        <v>5477</v>
      </c>
      <c r="B1379" s="1" t="s">
        <v>5478</v>
      </c>
      <c r="C1379" s="1" t="s">
        <v>130</v>
      </c>
      <c r="D1379" s="1" t="s">
        <v>5529</v>
      </c>
      <c r="E1379" s="1" t="s">
        <v>5484</v>
      </c>
      <c r="F1379" s="1" t="s">
        <v>5511</v>
      </c>
      <c r="G1379" s="1" t="s">
        <v>5482</v>
      </c>
      <c r="H1379" s="1" t="s">
        <v>13</v>
      </c>
      <c r="I1379" s="1" t="s">
        <v>5483</v>
      </c>
      <c r="J1379" s="1" t="s">
        <v>5533</v>
      </c>
    </row>
    <row r="1380" spans="1:10" x14ac:dyDescent="0.35">
      <c r="A1380" s="1" t="s">
        <v>5477</v>
      </c>
      <c r="B1380" s="1" t="s">
        <v>5478</v>
      </c>
      <c r="C1380" s="1" t="s">
        <v>135</v>
      </c>
      <c r="D1380" s="1" t="s">
        <v>5534</v>
      </c>
      <c r="E1380" s="1" t="s">
        <v>5484</v>
      </c>
      <c r="F1380" s="1" t="s">
        <v>5511</v>
      </c>
      <c r="G1380" s="1" t="s">
        <v>5482</v>
      </c>
      <c r="H1380" s="1" t="s">
        <v>13</v>
      </c>
      <c r="I1380" s="1" t="s">
        <v>5483</v>
      </c>
      <c r="J1380" s="1" t="s">
        <v>5535</v>
      </c>
    </row>
    <row r="1381" spans="1:10" x14ac:dyDescent="0.35">
      <c r="A1381" s="1" t="s">
        <v>5477</v>
      </c>
      <c r="B1381" s="1" t="s">
        <v>5478</v>
      </c>
      <c r="C1381" s="1" t="s">
        <v>140</v>
      </c>
      <c r="D1381" s="1" t="s">
        <v>50</v>
      </c>
      <c r="E1381" s="1" t="s">
        <v>5484</v>
      </c>
      <c r="F1381" s="1" t="s">
        <v>5511</v>
      </c>
      <c r="G1381" s="1" t="s">
        <v>5482</v>
      </c>
      <c r="H1381" s="1" t="s">
        <v>13</v>
      </c>
      <c r="I1381" s="1" t="s">
        <v>5483</v>
      </c>
      <c r="J1381" s="1" t="s">
        <v>5536</v>
      </c>
    </row>
    <row r="1382" spans="1:10" x14ac:dyDescent="0.35">
      <c r="A1382" s="1" t="s">
        <v>5477</v>
      </c>
      <c r="B1382" s="1" t="s">
        <v>5478</v>
      </c>
      <c r="C1382" s="1" t="s">
        <v>145</v>
      </c>
      <c r="D1382" s="1" t="s">
        <v>5518</v>
      </c>
      <c r="E1382" s="1" t="s">
        <v>5484</v>
      </c>
      <c r="F1382" s="1" t="s">
        <v>5511</v>
      </c>
      <c r="G1382" s="1" t="s">
        <v>5482</v>
      </c>
      <c r="H1382" s="1" t="s">
        <v>13</v>
      </c>
      <c r="I1382" s="1" t="s">
        <v>5483</v>
      </c>
      <c r="J1382" s="1" t="s">
        <v>1355</v>
      </c>
    </row>
    <row r="1383" spans="1:10" x14ac:dyDescent="0.35">
      <c r="A1383" s="1" t="s">
        <v>5477</v>
      </c>
      <c r="B1383" s="1" t="s">
        <v>5478</v>
      </c>
      <c r="C1383" s="1" t="s">
        <v>150</v>
      </c>
      <c r="D1383" s="1" t="s">
        <v>5534</v>
      </c>
      <c r="E1383" s="1" t="s">
        <v>5484</v>
      </c>
      <c r="F1383" s="1" t="s">
        <v>5511</v>
      </c>
      <c r="G1383" s="1" t="s">
        <v>5482</v>
      </c>
      <c r="H1383" s="1" t="s">
        <v>13</v>
      </c>
      <c r="I1383" s="1" t="s">
        <v>5483</v>
      </c>
      <c r="J1383" s="1" t="s">
        <v>5537</v>
      </c>
    </row>
    <row r="1384" spans="1:10" x14ac:dyDescent="0.35">
      <c r="A1384" s="1" t="s">
        <v>5477</v>
      </c>
      <c r="B1384" s="1" t="s">
        <v>5478</v>
      </c>
      <c r="C1384" s="1" t="s">
        <v>155</v>
      </c>
      <c r="D1384" s="1" t="s">
        <v>5538</v>
      </c>
      <c r="E1384" s="1" t="s">
        <v>5484</v>
      </c>
      <c r="F1384" s="1" t="s">
        <v>5511</v>
      </c>
      <c r="G1384" s="1" t="s">
        <v>5482</v>
      </c>
      <c r="H1384" s="1" t="s">
        <v>13</v>
      </c>
      <c r="I1384" s="1" t="s">
        <v>5483</v>
      </c>
      <c r="J1384" s="1" t="s">
        <v>5539</v>
      </c>
    </row>
    <row r="1385" spans="1:10" x14ac:dyDescent="0.35">
      <c r="A1385" s="1" t="s">
        <v>5477</v>
      </c>
      <c r="B1385" s="1" t="s">
        <v>5478</v>
      </c>
      <c r="C1385" s="1" t="s">
        <v>160</v>
      </c>
      <c r="D1385" s="1" t="s">
        <v>5540</v>
      </c>
      <c r="E1385" s="1" t="s">
        <v>5484</v>
      </c>
      <c r="F1385" s="1" t="s">
        <v>5511</v>
      </c>
      <c r="G1385" s="1" t="s">
        <v>5482</v>
      </c>
      <c r="H1385" s="1" t="s">
        <v>13</v>
      </c>
      <c r="I1385" s="1" t="s">
        <v>5483</v>
      </c>
      <c r="J1385" s="1" t="s">
        <v>5541</v>
      </c>
    </row>
    <row r="1386" spans="1:10" x14ac:dyDescent="0.35">
      <c r="A1386" s="1" t="s">
        <v>5477</v>
      </c>
      <c r="B1386" s="1" t="s">
        <v>5478</v>
      </c>
      <c r="C1386" s="1" t="s">
        <v>165</v>
      </c>
      <c r="D1386" s="1" t="s">
        <v>100</v>
      </c>
      <c r="E1386" s="1" t="s">
        <v>5484</v>
      </c>
      <c r="F1386" s="1" t="s">
        <v>5511</v>
      </c>
      <c r="G1386" s="1" t="s">
        <v>5482</v>
      </c>
      <c r="H1386" s="1" t="s">
        <v>13</v>
      </c>
      <c r="I1386" s="1" t="s">
        <v>5483</v>
      </c>
      <c r="J1386" s="1" t="s">
        <v>5542</v>
      </c>
    </row>
    <row r="1387" spans="1:10" x14ac:dyDescent="0.35">
      <c r="A1387" s="1" t="s">
        <v>5477</v>
      </c>
      <c r="B1387" s="1" t="s">
        <v>5478</v>
      </c>
      <c r="C1387" s="1" t="s">
        <v>170</v>
      </c>
      <c r="D1387" s="1" t="s">
        <v>75</v>
      </c>
      <c r="E1387" s="1" t="s">
        <v>5484</v>
      </c>
      <c r="F1387" s="1" t="s">
        <v>5511</v>
      </c>
      <c r="G1387" s="1" t="s">
        <v>5482</v>
      </c>
      <c r="H1387" s="1" t="s">
        <v>13</v>
      </c>
      <c r="I1387" s="1" t="s">
        <v>5483</v>
      </c>
      <c r="J1387" s="1" t="s">
        <v>5543</v>
      </c>
    </row>
    <row r="1388" spans="1:10" x14ac:dyDescent="0.35">
      <c r="A1388" s="1" t="s">
        <v>5544</v>
      </c>
      <c r="B1388" s="1" t="s">
        <v>5545</v>
      </c>
      <c r="C1388" s="1" t="s">
        <v>8</v>
      </c>
      <c r="D1388" s="1" t="s">
        <v>5546</v>
      </c>
      <c r="E1388" s="1" t="s">
        <v>5547</v>
      </c>
      <c r="F1388" s="1" t="s">
        <v>5548</v>
      </c>
      <c r="G1388" s="1" t="s">
        <v>5549</v>
      </c>
      <c r="H1388" s="1" t="s">
        <v>13</v>
      </c>
      <c r="I1388" s="1" t="s">
        <v>5550</v>
      </c>
      <c r="J1388" s="1" t="s">
        <v>13</v>
      </c>
    </row>
    <row r="1389" spans="1:10" x14ac:dyDescent="0.35">
      <c r="A1389" s="1" t="s">
        <v>5544</v>
      </c>
      <c r="B1389" s="1" t="s">
        <v>5545</v>
      </c>
      <c r="C1389" s="1" t="s">
        <v>15</v>
      </c>
      <c r="D1389" s="1" t="s">
        <v>5551</v>
      </c>
      <c r="E1389" s="1" t="s">
        <v>5552</v>
      </c>
      <c r="F1389" s="1" t="s">
        <v>5553</v>
      </c>
      <c r="G1389" s="1" t="s">
        <v>5549</v>
      </c>
      <c r="H1389" s="1" t="s">
        <v>13</v>
      </c>
      <c r="I1389" s="1" t="s">
        <v>5550</v>
      </c>
      <c r="J1389" s="1" t="s">
        <v>5554</v>
      </c>
    </row>
    <row r="1390" spans="1:10" x14ac:dyDescent="0.35">
      <c r="A1390" s="1" t="s">
        <v>5544</v>
      </c>
      <c r="B1390" s="1" t="s">
        <v>5545</v>
      </c>
      <c r="C1390" s="1" t="s">
        <v>20</v>
      </c>
      <c r="D1390" s="1" t="s">
        <v>5555</v>
      </c>
      <c r="E1390" s="1" t="s">
        <v>5556</v>
      </c>
      <c r="F1390" s="1" t="s">
        <v>5557</v>
      </c>
      <c r="G1390" s="1" t="s">
        <v>5549</v>
      </c>
      <c r="H1390" s="1" t="s">
        <v>13</v>
      </c>
      <c r="I1390" s="1" t="s">
        <v>5550</v>
      </c>
      <c r="J1390" s="1" t="s">
        <v>5558</v>
      </c>
    </row>
    <row r="1391" spans="1:10" x14ac:dyDescent="0.35">
      <c r="A1391" s="1" t="s">
        <v>5544</v>
      </c>
      <c r="B1391" s="1" t="s">
        <v>5545</v>
      </c>
      <c r="C1391" s="1" t="s">
        <v>25</v>
      </c>
      <c r="D1391" s="1" t="s">
        <v>5559</v>
      </c>
      <c r="E1391" s="1" t="s">
        <v>5560</v>
      </c>
      <c r="F1391" s="1" t="s">
        <v>5561</v>
      </c>
      <c r="G1391" s="1" t="s">
        <v>5549</v>
      </c>
      <c r="H1391" s="1" t="s">
        <v>13</v>
      </c>
      <c r="I1391" s="1" t="s">
        <v>5550</v>
      </c>
      <c r="J1391" s="1" t="s">
        <v>5562</v>
      </c>
    </row>
    <row r="1392" spans="1:10" x14ac:dyDescent="0.35">
      <c r="A1392" s="1" t="s">
        <v>5544</v>
      </c>
      <c r="B1392" s="1" t="s">
        <v>5545</v>
      </c>
      <c r="C1392" s="1" t="s">
        <v>30</v>
      </c>
      <c r="D1392" s="1" t="s">
        <v>5563</v>
      </c>
      <c r="E1392" s="1" t="s">
        <v>5564</v>
      </c>
      <c r="F1392" s="1" t="s">
        <v>5565</v>
      </c>
      <c r="G1392" s="1" t="s">
        <v>5549</v>
      </c>
      <c r="H1392" s="1" t="s">
        <v>13</v>
      </c>
      <c r="I1392" s="1" t="s">
        <v>5550</v>
      </c>
      <c r="J1392" s="1" t="s">
        <v>5566</v>
      </c>
    </row>
    <row r="1393" spans="1:10" x14ac:dyDescent="0.35">
      <c r="A1393" s="1" t="s">
        <v>5544</v>
      </c>
      <c r="B1393" s="1" t="s">
        <v>5545</v>
      </c>
      <c r="C1393" s="1" t="s">
        <v>35</v>
      </c>
      <c r="D1393" s="1" t="s">
        <v>5567</v>
      </c>
      <c r="E1393" s="1" t="s">
        <v>5568</v>
      </c>
      <c r="F1393" s="1" t="s">
        <v>5569</v>
      </c>
      <c r="G1393" s="1" t="s">
        <v>5549</v>
      </c>
      <c r="H1393" s="1" t="s">
        <v>13</v>
      </c>
      <c r="I1393" s="1" t="s">
        <v>5550</v>
      </c>
      <c r="J1393" s="1" t="s">
        <v>5570</v>
      </c>
    </row>
    <row r="1394" spans="1:10" x14ac:dyDescent="0.35">
      <c r="A1394" s="1" t="s">
        <v>5544</v>
      </c>
      <c r="B1394" s="1" t="s">
        <v>5545</v>
      </c>
      <c r="C1394" s="1" t="s">
        <v>40</v>
      </c>
      <c r="D1394" s="1" t="s">
        <v>5571</v>
      </c>
      <c r="E1394" s="1" t="s">
        <v>5572</v>
      </c>
      <c r="F1394" s="1" t="s">
        <v>5573</v>
      </c>
      <c r="G1394" s="1" t="s">
        <v>5549</v>
      </c>
      <c r="H1394" s="1" t="s">
        <v>13</v>
      </c>
      <c r="I1394" s="1" t="s">
        <v>5550</v>
      </c>
      <c r="J1394" s="1" t="s">
        <v>5574</v>
      </c>
    </row>
    <row r="1395" spans="1:10" x14ac:dyDescent="0.35">
      <c r="A1395" s="1" t="s">
        <v>5544</v>
      </c>
      <c r="B1395" s="1" t="s">
        <v>5545</v>
      </c>
      <c r="C1395" s="1" t="s">
        <v>45</v>
      </c>
      <c r="D1395" s="1" t="s">
        <v>5575</v>
      </c>
      <c r="E1395" s="1" t="s">
        <v>5576</v>
      </c>
      <c r="F1395" s="1" t="s">
        <v>5577</v>
      </c>
      <c r="G1395" s="1" t="s">
        <v>5549</v>
      </c>
      <c r="H1395" s="1" t="s">
        <v>13</v>
      </c>
      <c r="I1395" s="1" t="s">
        <v>5550</v>
      </c>
      <c r="J1395" s="1" t="s">
        <v>5578</v>
      </c>
    </row>
    <row r="1396" spans="1:10" x14ac:dyDescent="0.35">
      <c r="A1396" s="1" t="s">
        <v>5544</v>
      </c>
      <c r="B1396" s="1" t="s">
        <v>5545</v>
      </c>
      <c r="C1396" s="1" t="s">
        <v>50</v>
      </c>
      <c r="D1396" s="1" t="s">
        <v>5579</v>
      </c>
      <c r="E1396" s="1" t="s">
        <v>5580</v>
      </c>
      <c r="F1396" s="1" t="s">
        <v>5581</v>
      </c>
      <c r="G1396" s="1" t="s">
        <v>5549</v>
      </c>
      <c r="H1396" s="1" t="s">
        <v>13</v>
      </c>
      <c r="I1396" s="1" t="s">
        <v>5550</v>
      </c>
      <c r="J1396" s="1" t="s">
        <v>5582</v>
      </c>
    </row>
    <row r="1397" spans="1:10" x14ac:dyDescent="0.35">
      <c r="A1397" s="1" t="s">
        <v>5544</v>
      </c>
      <c r="B1397" s="1" t="s">
        <v>5545</v>
      </c>
      <c r="C1397" s="1" t="s">
        <v>55</v>
      </c>
      <c r="D1397" s="1" t="s">
        <v>5583</v>
      </c>
      <c r="E1397" s="1" t="s">
        <v>5584</v>
      </c>
      <c r="F1397" s="1" t="s">
        <v>5585</v>
      </c>
      <c r="G1397" s="1" t="s">
        <v>5549</v>
      </c>
      <c r="H1397" s="1" t="s">
        <v>13</v>
      </c>
      <c r="I1397" s="1" t="s">
        <v>5550</v>
      </c>
      <c r="J1397" s="1" t="s">
        <v>5586</v>
      </c>
    </row>
    <row r="1398" spans="1:10" x14ac:dyDescent="0.35">
      <c r="A1398" s="1" t="s">
        <v>5544</v>
      </c>
      <c r="B1398" s="1" t="s">
        <v>5545</v>
      </c>
      <c r="C1398" s="1" t="s">
        <v>60</v>
      </c>
      <c r="D1398" s="1" t="s">
        <v>5587</v>
      </c>
      <c r="E1398" s="1" t="s">
        <v>5588</v>
      </c>
      <c r="F1398" s="1" t="s">
        <v>5589</v>
      </c>
      <c r="G1398" s="1" t="s">
        <v>5549</v>
      </c>
      <c r="H1398" s="1" t="s">
        <v>13</v>
      </c>
      <c r="I1398" s="1" t="s">
        <v>5550</v>
      </c>
      <c r="J1398" s="1" t="s">
        <v>5590</v>
      </c>
    </row>
    <row r="1399" spans="1:10" x14ac:dyDescent="0.35">
      <c r="A1399" s="1" t="s">
        <v>5544</v>
      </c>
      <c r="B1399" s="1" t="s">
        <v>5545</v>
      </c>
      <c r="C1399" s="1" t="s">
        <v>65</v>
      </c>
      <c r="D1399" s="1" t="s">
        <v>5591</v>
      </c>
      <c r="E1399" s="1" t="s">
        <v>5592</v>
      </c>
      <c r="F1399" s="1" t="s">
        <v>5593</v>
      </c>
      <c r="G1399" s="1" t="s">
        <v>5549</v>
      </c>
      <c r="H1399" s="1" t="s">
        <v>13</v>
      </c>
      <c r="I1399" s="1" t="s">
        <v>5550</v>
      </c>
      <c r="J1399" s="1" t="s">
        <v>5594</v>
      </c>
    </row>
    <row r="1400" spans="1:10" x14ac:dyDescent="0.35">
      <c r="A1400" s="1" t="s">
        <v>5544</v>
      </c>
      <c r="B1400" s="1" t="s">
        <v>5545</v>
      </c>
      <c r="C1400" s="1" t="s">
        <v>70</v>
      </c>
      <c r="D1400" s="1" t="s">
        <v>5595</v>
      </c>
      <c r="E1400" s="1" t="s">
        <v>5596</v>
      </c>
      <c r="F1400" s="1" t="s">
        <v>5597</v>
      </c>
      <c r="G1400" s="1" t="s">
        <v>5549</v>
      </c>
      <c r="H1400" s="1" t="s">
        <v>13</v>
      </c>
      <c r="I1400" s="1" t="s">
        <v>5550</v>
      </c>
      <c r="J1400" s="1" t="s">
        <v>5598</v>
      </c>
    </row>
    <row r="1401" spans="1:10" x14ac:dyDescent="0.35">
      <c r="A1401" s="1" t="s">
        <v>5544</v>
      </c>
      <c r="B1401" s="1" t="s">
        <v>5545</v>
      </c>
      <c r="C1401" s="1" t="s">
        <v>75</v>
      </c>
      <c r="D1401" s="1" t="s">
        <v>5599</v>
      </c>
      <c r="E1401" s="1" t="s">
        <v>5600</v>
      </c>
      <c r="F1401" s="1" t="s">
        <v>5601</v>
      </c>
      <c r="G1401" s="1" t="s">
        <v>5549</v>
      </c>
      <c r="H1401" s="1" t="s">
        <v>13</v>
      </c>
      <c r="I1401" s="1" t="s">
        <v>5550</v>
      </c>
      <c r="J1401" s="1" t="s">
        <v>5602</v>
      </c>
    </row>
    <row r="1402" spans="1:10" x14ac:dyDescent="0.35">
      <c r="A1402" s="1" t="s">
        <v>5544</v>
      </c>
      <c r="B1402" s="1" t="s">
        <v>5545</v>
      </c>
      <c r="C1402" s="1" t="s">
        <v>80</v>
      </c>
      <c r="D1402" s="1" t="s">
        <v>5603</v>
      </c>
      <c r="E1402" s="1" t="s">
        <v>5604</v>
      </c>
      <c r="F1402" s="1" t="s">
        <v>5605</v>
      </c>
      <c r="G1402" s="1" t="s">
        <v>5549</v>
      </c>
      <c r="H1402" s="1" t="s">
        <v>13</v>
      </c>
      <c r="I1402" s="1" t="s">
        <v>5550</v>
      </c>
      <c r="J1402" s="1" t="s">
        <v>5606</v>
      </c>
    </row>
    <row r="1403" spans="1:10" x14ac:dyDescent="0.35">
      <c r="A1403" s="1" t="s">
        <v>5544</v>
      </c>
      <c r="B1403" s="1" t="s">
        <v>5545</v>
      </c>
      <c r="C1403" s="1" t="s">
        <v>85</v>
      </c>
      <c r="D1403" s="1" t="s">
        <v>5607</v>
      </c>
      <c r="E1403" s="1" t="s">
        <v>5608</v>
      </c>
      <c r="F1403" s="1" t="s">
        <v>5609</v>
      </c>
      <c r="G1403" s="1" t="s">
        <v>5549</v>
      </c>
      <c r="H1403" s="1" t="s">
        <v>13</v>
      </c>
      <c r="I1403" s="1" t="s">
        <v>5550</v>
      </c>
      <c r="J1403" s="1" t="s">
        <v>5610</v>
      </c>
    </row>
    <row r="1404" spans="1:10" x14ac:dyDescent="0.35">
      <c r="A1404" s="1" t="s">
        <v>5544</v>
      </c>
      <c r="B1404" s="1" t="s">
        <v>5545</v>
      </c>
      <c r="C1404" s="1" t="s">
        <v>90</v>
      </c>
      <c r="D1404" s="1" t="s">
        <v>5611</v>
      </c>
      <c r="E1404" s="1" t="s">
        <v>5612</v>
      </c>
      <c r="F1404" s="1" t="s">
        <v>5613</v>
      </c>
      <c r="G1404" s="1" t="s">
        <v>5549</v>
      </c>
      <c r="H1404" s="1" t="s">
        <v>13</v>
      </c>
      <c r="I1404" s="1" t="s">
        <v>5550</v>
      </c>
      <c r="J1404" s="1" t="s">
        <v>5614</v>
      </c>
    </row>
    <row r="1405" spans="1:10" x14ac:dyDescent="0.35">
      <c r="A1405" s="1" t="s">
        <v>5544</v>
      </c>
      <c r="B1405" s="1" t="s">
        <v>5545</v>
      </c>
      <c r="C1405" s="1" t="s">
        <v>95</v>
      </c>
      <c r="D1405" s="1" t="s">
        <v>5615</v>
      </c>
      <c r="E1405" s="1" t="s">
        <v>5616</v>
      </c>
      <c r="F1405" s="1" t="s">
        <v>5617</v>
      </c>
      <c r="G1405" s="1" t="s">
        <v>5549</v>
      </c>
      <c r="H1405" s="1" t="s">
        <v>13</v>
      </c>
      <c r="I1405" s="1" t="s">
        <v>5550</v>
      </c>
      <c r="J1405" s="1" t="s">
        <v>5618</v>
      </c>
    </row>
    <row r="1406" spans="1:10" x14ac:dyDescent="0.35">
      <c r="A1406" s="1" t="s">
        <v>5544</v>
      </c>
      <c r="B1406" s="1" t="s">
        <v>5545</v>
      </c>
      <c r="C1406" s="1" t="s">
        <v>100</v>
      </c>
      <c r="D1406" s="1" t="s">
        <v>5619</v>
      </c>
      <c r="E1406" s="1" t="s">
        <v>5620</v>
      </c>
      <c r="F1406" s="1" t="s">
        <v>5621</v>
      </c>
      <c r="G1406" s="1" t="s">
        <v>5549</v>
      </c>
      <c r="H1406" s="1" t="s">
        <v>13</v>
      </c>
      <c r="I1406" s="1" t="s">
        <v>5550</v>
      </c>
      <c r="J1406" s="1" t="s">
        <v>5622</v>
      </c>
    </row>
    <row r="1407" spans="1:10" x14ac:dyDescent="0.35">
      <c r="A1407" s="1" t="s">
        <v>5544</v>
      </c>
      <c r="B1407" s="1" t="s">
        <v>5545</v>
      </c>
      <c r="C1407" s="1" t="s">
        <v>105</v>
      </c>
      <c r="D1407" s="1" t="s">
        <v>5623</v>
      </c>
      <c r="E1407" s="1" t="s">
        <v>5624</v>
      </c>
      <c r="F1407" s="1" t="s">
        <v>5625</v>
      </c>
      <c r="G1407" s="1" t="s">
        <v>5549</v>
      </c>
      <c r="H1407" s="1" t="s">
        <v>13</v>
      </c>
      <c r="I1407" s="1" t="s">
        <v>5550</v>
      </c>
      <c r="J1407" s="1" t="s">
        <v>5626</v>
      </c>
    </row>
    <row r="1408" spans="1:10" x14ac:dyDescent="0.35">
      <c r="A1408" s="1" t="s">
        <v>5544</v>
      </c>
      <c r="B1408" s="1" t="s">
        <v>5545</v>
      </c>
      <c r="C1408" s="1" t="s">
        <v>110</v>
      </c>
      <c r="D1408" s="1" t="s">
        <v>5627</v>
      </c>
      <c r="E1408" s="1" t="s">
        <v>5628</v>
      </c>
      <c r="F1408" s="1" t="s">
        <v>5629</v>
      </c>
      <c r="G1408" s="1" t="s">
        <v>5549</v>
      </c>
      <c r="H1408" s="1" t="s">
        <v>13</v>
      </c>
      <c r="I1408" s="1" t="s">
        <v>5550</v>
      </c>
      <c r="J1408" s="1" t="s">
        <v>5630</v>
      </c>
    </row>
    <row r="1409" spans="1:10" x14ac:dyDescent="0.35">
      <c r="A1409" s="1" t="s">
        <v>5544</v>
      </c>
      <c r="B1409" s="1" t="s">
        <v>5545</v>
      </c>
      <c r="C1409" s="1" t="s">
        <v>115</v>
      </c>
      <c r="D1409" s="1" t="s">
        <v>5631</v>
      </c>
      <c r="E1409" s="1" t="s">
        <v>5632</v>
      </c>
      <c r="F1409" s="1" t="s">
        <v>5633</v>
      </c>
      <c r="G1409" s="1" t="s">
        <v>5549</v>
      </c>
      <c r="H1409" s="1" t="s">
        <v>13</v>
      </c>
      <c r="I1409" s="1" t="s">
        <v>5550</v>
      </c>
      <c r="J1409" s="1" t="s">
        <v>5634</v>
      </c>
    </row>
    <row r="1410" spans="1:10" x14ac:dyDescent="0.35">
      <c r="A1410" s="1" t="s">
        <v>5544</v>
      </c>
      <c r="B1410" s="1" t="s">
        <v>5545</v>
      </c>
      <c r="C1410" s="1" t="s">
        <v>120</v>
      </c>
      <c r="D1410" s="1" t="s">
        <v>5635</v>
      </c>
      <c r="E1410" s="1" t="s">
        <v>5636</v>
      </c>
      <c r="F1410" s="1" t="s">
        <v>5637</v>
      </c>
      <c r="G1410" s="1" t="s">
        <v>5549</v>
      </c>
      <c r="H1410" s="1" t="s">
        <v>13</v>
      </c>
      <c r="I1410" s="1" t="s">
        <v>5550</v>
      </c>
      <c r="J1410" s="1" t="s">
        <v>5638</v>
      </c>
    </row>
    <row r="1411" spans="1:10" x14ac:dyDescent="0.35">
      <c r="A1411" s="1" t="s">
        <v>5544</v>
      </c>
      <c r="B1411" s="1" t="s">
        <v>5545</v>
      </c>
      <c r="C1411" s="1" t="s">
        <v>125</v>
      </c>
      <c r="D1411" s="1" t="s">
        <v>5639</v>
      </c>
      <c r="E1411" s="1" t="s">
        <v>5640</v>
      </c>
      <c r="F1411" s="1" t="s">
        <v>5641</v>
      </c>
      <c r="G1411" s="1" t="s">
        <v>5549</v>
      </c>
      <c r="H1411" s="1" t="s">
        <v>13</v>
      </c>
      <c r="I1411" s="1" t="s">
        <v>5550</v>
      </c>
      <c r="J1411" s="1" t="s">
        <v>5642</v>
      </c>
    </row>
    <row r="1412" spans="1:10" x14ac:dyDescent="0.35">
      <c r="A1412" s="1" t="s">
        <v>5544</v>
      </c>
      <c r="B1412" s="1" t="s">
        <v>5545</v>
      </c>
      <c r="C1412" s="1" t="s">
        <v>130</v>
      </c>
      <c r="D1412" s="1" t="s">
        <v>5643</v>
      </c>
      <c r="E1412" s="1" t="s">
        <v>5644</v>
      </c>
      <c r="F1412" s="1" t="s">
        <v>5645</v>
      </c>
      <c r="G1412" s="1" t="s">
        <v>5549</v>
      </c>
      <c r="H1412" s="1" t="s">
        <v>13</v>
      </c>
      <c r="I1412" s="1" t="s">
        <v>5550</v>
      </c>
      <c r="J1412" s="1" t="s">
        <v>5646</v>
      </c>
    </row>
    <row r="1413" spans="1:10" x14ac:dyDescent="0.35">
      <c r="A1413" s="1" t="s">
        <v>5544</v>
      </c>
      <c r="B1413" s="1" t="s">
        <v>5545</v>
      </c>
      <c r="C1413" s="1" t="s">
        <v>135</v>
      </c>
      <c r="D1413" s="1" t="s">
        <v>5647</v>
      </c>
      <c r="E1413" s="1" t="s">
        <v>5648</v>
      </c>
      <c r="F1413" s="1" t="s">
        <v>5649</v>
      </c>
      <c r="G1413" s="1" t="s">
        <v>5549</v>
      </c>
      <c r="H1413" s="1" t="s">
        <v>13</v>
      </c>
      <c r="I1413" s="1" t="s">
        <v>5550</v>
      </c>
      <c r="J1413" s="1" t="s">
        <v>5650</v>
      </c>
    </row>
    <row r="1414" spans="1:10" x14ac:dyDescent="0.35">
      <c r="A1414" s="1" t="s">
        <v>5544</v>
      </c>
      <c r="B1414" s="1" t="s">
        <v>5545</v>
      </c>
      <c r="C1414" s="1" t="s">
        <v>140</v>
      </c>
      <c r="D1414" s="1" t="s">
        <v>5651</v>
      </c>
      <c r="E1414" s="1" t="s">
        <v>5652</v>
      </c>
      <c r="F1414" s="1" t="s">
        <v>5653</v>
      </c>
      <c r="G1414" s="1" t="s">
        <v>5549</v>
      </c>
      <c r="H1414" s="1" t="s">
        <v>13</v>
      </c>
      <c r="I1414" s="1" t="s">
        <v>5550</v>
      </c>
      <c r="J1414" s="1" t="s">
        <v>5654</v>
      </c>
    </row>
    <row r="1415" spans="1:10" x14ac:dyDescent="0.35">
      <c r="A1415" s="1" t="s">
        <v>5544</v>
      </c>
      <c r="B1415" s="1" t="s">
        <v>5545</v>
      </c>
      <c r="C1415" s="1" t="s">
        <v>145</v>
      </c>
      <c r="D1415" s="1" t="s">
        <v>5655</v>
      </c>
      <c r="E1415" s="1" t="s">
        <v>5656</v>
      </c>
      <c r="F1415" s="1" t="s">
        <v>5657</v>
      </c>
      <c r="G1415" s="1" t="s">
        <v>5549</v>
      </c>
      <c r="H1415" s="1" t="s">
        <v>13</v>
      </c>
      <c r="I1415" s="1" t="s">
        <v>5550</v>
      </c>
      <c r="J1415" s="1" t="s">
        <v>5658</v>
      </c>
    </row>
    <row r="1416" spans="1:10" x14ac:dyDescent="0.35">
      <c r="A1416" s="1" t="s">
        <v>5544</v>
      </c>
      <c r="B1416" s="1" t="s">
        <v>5545</v>
      </c>
      <c r="C1416" s="1" t="s">
        <v>150</v>
      </c>
      <c r="D1416" s="1" t="s">
        <v>5659</v>
      </c>
      <c r="E1416" s="1" t="s">
        <v>5660</v>
      </c>
      <c r="F1416" s="1" t="s">
        <v>5661</v>
      </c>
      <c r="G1416" s="1" t="s">
        <v>5549</v>
      </c>
      <c r="H1416" s="1" t="s">
        <v>13</v>
      </c>
      <c r="I1416" s="1" t="s">
        <v>5550</v>
      </c>
      <c r="J1416" s="1" t="s">
        <v>5662</v>
      </c>
    </row>
    <row r="1417" spans="1:10" x14ac:dyDescent="0.35">
      <c r="A1417" s="1" t="s">
        <v>5544</v>
      </c>
      <c r="B1417" s="1" t="s">
        <v>5545</v>
      </c>
      <c r="C1417" s="1" t="s">
        <v>155</v>
      </c>
      <c r="D1417" s="1" t="s">
        <v>5663</v>
      </c>
      <c r="E1417" s="1" t="s">
        <v>5664</v>
      </c>
      <c r="F1417" s="1" t="s">
        <v>5665</v>
      </c>
      <c r="G1417" s="1" t="s">
        <v>5549</v>
      </c>
      <c r="H1417" s="1" t="s">
        <v>13</v>
      </c>
      <c r="I1417" s="1" t="s">
        <v>5550</v>
      </c>
      <c r="J1417" s="1" t="s">
        <v>5666</v>
      </c>
    </row>
    <row r="1418" spans="1:10" x14ac:dyDescent="0.35">
      <c r="A1418" s="1" t="s">
        <v>5544</v>
      </c>
      <c r="B1418" s="1" t="s">
        <v>5545</v>
      </c>
      <c r="C1418" s="1" t="s">
        <v>160</v>
      </c>
      <c r="D1418" s="1" t="s">
        <v>5667</v>
      </c>
      <c r="E1418" s="1" t="s">
        <v>5668</v>
      </c>
      <c r="F1418" s="1" t="s">
        <v>5669</v>
      </c>
      <c r="G1418" s="1" t="s">
        <v>5549</v>
      </c>
      <c r="H1418" s="1" t="s">
        <v>13</v>
      </c>
      <c r="I1418" s="1" t="s">
        <v>5550</v>
      </c>
      <c r="J1418" s="1" t="s">
        <v>5670</v>
      </c>
    </row>
    <row r="1419" spans="1:10" x14ac:dyDescent="0.35">
      <c r="A1419" s="1" t="s">
        <v>5544</v>
      </c>
      <c r="B1419" s="1" t="s">
        <v>5545</v>
      </c>
      <c r="C1419" s="1" t="s">
        <v>165</v>
      </c>
      <c r="D1419" s="1" t="s">
        <v>5671</v>
      </c>
      <c r="E1419" s="1" t="s">
        <v>5672</v>
      </c>
      <c r="F1419" s="1" t="s">
        <v>5673</v>
      </c>
      <c r="G1419" s="1" t="s">
        <v>5549</v>
      </c>
      <c r="H1419" s="1" t="s">
        <v>13</v>
      </c>
      <c r="I1419" s="1" t="s">
        <v>5550</v>
      </c>
      <c r="J1419" s="1" t="s">
        <v>5674</v>
      </c>
    </row>
    <row r="1420" spans="1:10" x14ac:dyDescent="0.35">
      <c r="A1420" s="1" t="s">
        <v>5544</v>
      </c>
      <c r="B1420" s="1" t="s">
        <v>5545</v>
      </c>
      <c r="C1420" s="1" t="s">
        <v>170</v>
      </c>
      <c r="D1420" s="1" t="s">
        <v>5675</v>
      </c>
      <c r="E1420" s="1" t="s">
        <v>5676</v>
      </c>
      <c r="F1420" s="1" t="s">
        <v>5677</v>
      </c>
      <c r="G1420" s="1" t="s">
        <v>5549</v>
      </c>
      <c r="H1420" s="1" t="s">
        <v>13</v>
      </c>
      <c r="I1420" s="1" t="s">
        <v>5550</v>
      </c>
      <c r="J1420" s="1" t="s">
        <v>5678</v>
      </c>
    </row>
    <row r="1421" spans="1:10" x14ac:dyDescent="0.35">
      <c r="A1421" s="1" t="s">
        <v>5679</v>
      </c>
      <c r="B1421" s="1" t="s">
        <v>5680</v>
      </c>
      <c r="C1421" s="1" t="s">
        <v>8</v>
      </c>
      <c r="D1421" s="1" t="s">
        <v>5681</v>
      </c>
      <c r="E1421" s="1" t="s">
        <v>5682</v>
      </c>
      <c r="F1421" s="1" t="s">
        <v>5683</v>
      </c>
      <c r="G1421" s="1" t="s">
        <v>5684</v>
      </c>
      <c r="H1421" s="1" t="s">
        <v>13</v>
      </c>
      <c r="I1421" s="1" t="s">
        <v>5685</v>
      </c>
      <c r="J1421" s="1" t="s">
        <v>13</v>
      </c>
    </row>
    <row r="1422" spans="1:10" x14ac:dyDescent="0.35">
      <c r="A1422" s="1" t="s">
        <v>5679</v>
      </c>
      <c r="B1422" s="1" t="s">
        <v>5680</v>
      </c>
      <c r="C1422" s="1" t="s">
        <v>15</v>
      </c>
      <c r="D1422" s="1" t="s">
        <v>5686</v>
      </c>
      <c r="E1422" s="1" t="s">
        <v>5687</v>
      </c>
      <c r="F1422" s="1" t="s">
        <v>5688</v>
      </c>
      <c r="G1422" s="1" t="s">
        <v>5684</v>
      </c>
      <c r="H1422" s="1" t="s">
        <v>13</v>
      </c>
      <c r="I1422" s="1" t="s">
        <v>5685</v>
      </c>
      <c r="J1422" s="1" t="s">
        <v>5689</v>
      </c>
    </row>
    <row r="1423" spans="1:10" x14ac:dyDescent="0.35">
      <c r="A1423" s="1" t="s">
        <v>5679</v>
      </c>
      <c r="B1423" s="1" t="s">
        <v>5680</v>
      </c>
      <c r="C1423" s="1" t="s">
        <v>20</v>
      </c>
      <c r="D1423" s="1" t="s">
        <v>155</v>
      </c>
      <c r="E1423" s="1" t="s">
        <v>5690</v>
      </c>
      <c r="F1423" s="1" t="s">
        <v>5691</v>
      </c>
      <c r="G1423" s="1" t="s">
        <v>5684</v>
      </c>
      <c r="H1423" s="1" t="s">
        <v>13</v>
      </c>
      <c r="I1423" s="1" t="s">
        <v>5685</v>
      </c>
      <c r="J1423" s="1" t="s">
        <v>5692</v>
      </c>
    </row>
    <row r="1424" spans="1:10" x14ac:dyDescent="0.35">
      <c r="A1424" s="1" t="s">
        <v>5679</v>
      </c>
      <c r="B1424" s="1" t="s">
        <v>5680</v>
      </c>
      <c r="C1424" s="1" t="s">
        <v>25</v>
      </c>
      <c r="D1424" s="1" t="s">
        <v>5693</v>
      </c>
      <c r="E1424" s="1" t="s">
        <v>5694</v>
      </c>
      <c r="F1424" s="1" t="s">
        <v>5695</v>
      </c>
      <c r="G1424" s="1" t="s">
        <v>5684</v>
      </c>
      <c r="H1424" s="1" t="s">
        <v>13</v>
      </c>
      <c r="I1424" s="1" t="s">
        <v>5685</v>
      </c>
      <c r="J1424" s="1" t="s">
        <v>5696</v>
      </c>
    </row>
    <row r="1425" spans="1:10" x14ac:dyDescent="0.35">
      <c r="A1425" s="1" t="s">
        <v>5679</v>
      </c>
      <c r="B1425" s="1" t="s">
        <v>5680</v>
      </c>
      <c r="C1425" s="1" t="s">
        <v>30</v>
      </c>
      <c r="D1425" s="1" t="s">
        <v>5697</v>
      </c>
      <c r="E1425" s="1" t="s">
        <v>5698</v>
      </c>
      <c r="F1425" s="1" t="s">
        <v>5699</v>
      </c>
      <c r="G1425" s="1" t="s">
        <v>5684</v>
      </c>
      <c r="H1425" s="1" t="s">
        <v>13</v>
      </c>
      <c r="I1425" s="1" t="s">
        <v>5685</v>
      </c>
      <c r="J1425" s="1" t="s">
        <v>5700</v>
      </c>
    </row>
    <row r="1426" spans="1:10" x14ac:dyDescent="0.35">
      <c r="A1426" s="1" t="s">
        <v>5679</v>
      </c>
      <c r="B1426" s="1" t="s">
        <v>5680</v>
      </c>
      <c r="C1426" s="1" t="s">
        <v>35</v>
      </c>
      <c r="D1426" s="1" t="s">
        <v>5701</v>
      </c>
      <c r="E1426" s="1" t="s">
        <v>5702</v>
      </c>
      <c r="F1426" s="1" t="s">
        <v>5703</v>
      </c>
      <c r="G1426" s="1" t="s">
        <v>5684</v>
      </c>
      <c r="H1426" s="1" t="s">
        <v>13</v>
      </c>
      <c r="I1426" s="1" t="s">
        <v>5685</v>
      </c>
      <c r="J1426" s="1" t="s">
        <v>5704</v>
      </c>
    </row>
    <row r="1427" spans="1:10" x14ac:dyDescent="0.35">
      <c r="A1427" s="1" t="s">
        <v>5679</v>
      </c>
      <c r="B1427" s="1" t="s">
        <v>5680</v>
      </c>
      <c r="C1427" s="1" t="s">
        <v>40</v>
      </c>
      <c r="D1427" s="1" t="s">
        <v>5705</v>
      </c>
      <c r="E1427" s="1" t="s">
        <v>5706</v>
      </c>
      <c r="F1427" s="1" t="s">
        <v>5707</v>
      </c>
      <c r="G1427" s="1" t="s">
        <v>5684</v>
      </c>
      <c r="H1427" s="1" t="s">
        <v>13</v>
      </c>
      <c r="I1427" s="1" t="s">
        <v>5685</v>
      </c>
      <c r="J1427" s="1" t="s">
        <v>5708</v>
      </c>
    </row>
    <row r="1428" spans="1:10" x14ac:dyDescent="0.35">
      <c r="A1428" s="1" t="s">
        <v>5679</v>
      </c>
      <c r="B1428" s="1" t="s">
        <v>5680</v>
      </c>
      <c r="C1428" s="1" t="s">
        <v>45</v>
      </c>
      <c r="D1428" s="1" t="s">
        <v>1560</v>
      </c>
      <c r="E1428" s="1" t="s">
        <v>5709</v>
      </c>
      <c r="F1428" s="1" t="s">
        <v>5710</v>
      </c>
      <c r="G1428" s="1" t="s">
        <v>5684</v>
      </c>
      <c r="H1428" s="1" t="s">
        <v>13</v>
      </c>
      <c r="I1428" s="1" t="s">
        <v>5685</v>
      </c>
      <c r="J1428" s="1" t="s">
        <v>5711</v>
      </c>
    </row>
    <row r="1429" spans="1:10" x14ac:dyDescent="0.35">
      <c r="A1429" s="1" t="s">
        <v>5679</v>
      </c>
      <c r="B1429" s="1" t="s">
        <v>5680</v>
      </c>
      <c r="C1429" s="1" t="s">
        <v>50</v>
      </c>
      <c r="D1429" s="1" t="s">
        <v>5712</v>
      </c>
      <c r="E1429" s="1" t="s">
        <v>5713</v>
      </c>
      <c r="F1429" s="1" t="s">
        <v>5714</v>
      </c>
      <c r="G1429" s="1" t="s">
        <v>5684</v>
      </c>
      <c r="H1429" s="1" t="s">
        <v>13</v>
      </c>
      <c r="I1429" s="1" t="s">
        <v>5685</v>
      </c>
      <c r="J1429" s="1" t="s">
        <v>5715</v>
      </c>
    </row>
    <row r="1430" spans="1:10" x14ac:dyDescent="0.35">
      <c r="A1430" s="1" t="s">
        <v>5679</v>
      </c>
      <c r="B1430" s="1" t="s">
        <v>5680</v>
      </c>
      <c r="C1430" s="1" t="s">
        <v>55</v>
      </c>
      <c r="D1430" s="1" t="s">
        <v>5716</v>
      </c>
      <c r="E1430" s="1" t="s">
        <v>5717</v>
      </c>
      <c r="F1430" s="1" t="s">
        <v>5718</v>
      </c>
      <c r="G1430" s="1" t="s">
        <v>5684</v>
      </c>
      <c r="H1430" s="1" t="s">
        <v>13</v>
      </c>
      <c r="I1430" s="1" t="s">
        <v>5685</v>
      </c>
      <c r="J1430" s="1" t="s">
        <v>5719</v>
      </c>
    </row>
    <row r="1431" spans="1:10" x14ac:dyDescent="0.35">
      <c r="A1431" s="1" t="s">
        <v>5679</v>
      </c>
      <c r="B1431" s="1" t="s">
        <v>5680</v>
      </c>
      <c r="C1431" s="1" t="s">
        <v>60</v>
      </c>
      <c r="D1431" s="1" t="s">
        <v>5720</v>
      </c>
      <c r="E1431" s="1" t="s">
        <v>5721</v>
      </c>
      <c r="F1431" s="1" t="s">
        <v>5722</v>
      </c>
      <c r="G1431" s="1" t="s">
        <v>5684</v>
      </c>
      <c r="H1431" s="1" t="s">
        <v>13</v>
      </c>
      <c r="I1431" s="1" t="s">
        <v>5685</v>
      </c>
      <c r="J1431" s="1" t="s">
        <v>5723</v>
      </c>
    </row>
    <row r="1432" spans="1:10" x14ac:dyDescent="0.35">
      <c r="A1432" s="1" t="s">
        <v>5679</v>
      </c>
      <c r="B1432" s="1" t="s">
        <v>5680</v>
      </c>
      <c r="C1432" s="1" t="s">
        <v>65</v>
      </c>
      <c r="D1432" s="1" t="s">
        <v>5724</v>
      </c>
      <c r="E1432" s="1" t="s">
        <v>5725</v>
      </c>
      <c r="F1432" s="1" t="s">
        <v>5726</v>
      </c>
      <c r="G1432" s="1" t="s">
        <v>5684</v>
      </c>
      <c r="H1432" s="1" t="s">
        <v>13</v>
      </c>
      <c r="I1432" s="1" t="s">
        <v>5685</v>
      </c>
      <c r="J1432" s="1" t="s">
        <v>5727</v>
      </c>
    </row>
    <row r="1433" spans="1:10" x14ac:dyDescent="0.35">
      <c r="A1433" s="1" t="s">
        <v>5679</v>
      </c>
      <c r="B1433" s="1" t="s">
        <v>5680</v>
      </c>
      <c r="C1433" s="1" t="s">
        <v>70</v>
      </c>
      <c r="D1433" s="1" t="s">
        <v>5728</v>
      </c>
      <c r="E1433" s="1" t="s">
        <v>5729</v>
      </c>
      <c r="F1433" s="1" t="s">
        <v>5730</v>
      </c>
      <c r="G1433" s="1" t="s">
        <v>5684</v>
      </c>
      <c r="H1433" s="1" t="s">
        <v>13</v>
      </c>
      <c r="I1433" s="1" t="s">
        <v>5685</v>
      </c>
      <c r="J1433" s="1" t="s">
        <v>5731</v>
      </c>
    </row>
    <row r="1434" spans="1:10" x14ac:dyDescent="0.35">
      <c r="A1434" s="1" t="s">
        <v>5679</v>
      </c>
      <c r="B1434" s="1" t="s">
        <v>5680</v>
      </c>
      <c r="C1434" s="1" t="s">
        <v>75</v>
      </c>
      <c r="D1434" s="1" t="s">
        <v>5732</v>
      </c>
      <c r="E1434" s="1" t="s">
        <v>5733</v>
      </c>
      <c r="F1434" s="1" t="s">
        <v>5734</v>
      </c>
      <c r="G1434" s="1" t="s">
        <v>5684</v>
      </c>
      <c r="H1434" s="1" t="s">
        <v>13</v>
      </c>
      <c r="I1434" s="1" t="s">
        <v>5685</v>
      </c>
      <c r="J1434" s="1" t="s">
        <v>5735</v>
      </c>
    </row>
    <row r="1435" spans="1:10" x14ac:dyDescent="0.35">
      <c r="A1435" s="1" t="s">
        <v>5679</v>
      </c>
      <c r="B1435" s="1" t="s">
        <v>5680</v>
      </c>
      <c r="C1435" s="1" t="s">
        <v>80</v>
      </c>
      <c r="D1435" s="1" t="s">
        <v>5736</v>
      </c>
      <c r="E1435" s="1" t="s">
        <v>5737</v>
      </c>
      <c r="F1435" s="1" t="s">
        <v>5738</v>
      </c>
      <c r="G1435" s="1" t="s">
        <v>5684</v>
      </c>
      <c r="H1435" s="1" t="s">
        <v>13</v>
      </c>
      <c r="I1435" s="1" t="s">
        <v>5685</v>
      </c>
      <c r="J1435" s="1" t="s">
        <v>5739</v>
      </c>
    </row>
    <row r="1436" spans="1:10" x14ac:dyDescent="0.35">
      <c r="A1436" s="1" t="s">
        <v>5679</v>
      </c>
      <c r="B1436" s="1" t="s">
        <v>5680</v>
      </c>
      <c r="C1436" s="1" t="s">
        <v>85</v>
      </c>
      <c r="D1436" s="1" t="s">
        <v>2623</v>
      </c>
      <c r="E1436" s="1" t="s">
        <v>5740</v>
      </c>
      <c r="F1436" s="1" t="s">
        <v>5741</v>
      </c>
      <c r="G1436" s="1" t="s">
        <v>5684</v>
      </c>
      <c r="H1436" s="1" t="s">
        <v>13</v>
      </c>
      <c r="I1436" s="1" t="s">
        <v>5685</v>
      </c>
      <c r="J1436" s="1" t="s">
        <v>5742</v>
      </c>
    </row>
    <row r="1437" spans="1:10" x14ac:dyDescent="0.35">
      <c r="A1437" s="1" t="s">
        <v>5679</v>
      </c>
      <c r="B1437" s="1" t="s">
        <v>5680</v>
      </c>
      <c r="C1437" s="1" t="s">
        <v>90</v>
      </c>
      <c r="D1437" s="1" t="s">
        <v>5743</v>
      </c>
      <c r="E1437" s="1" t="s">
        <v>5744</v>
      </c>
      <c r="F1437" s="1" t="s">
        <v>5745</v>
      </c>
      <c r="G1437" s="1" t="s">
        <v>5684</v>
      </c>
      <c r="H1437" s="1" t="s">
        <v>13</v>
      </c>
      <c r="I1437" s="1" t="s">
        <v>5685</v>
      </c>
      <c r="J1437" s="1" t="s">
        <v>5746</v>
      </c>
    </row>
    <row r="1438" spans="1:10" x14ac:dyDescent="0.35">
      <c r="A1438" s="1" t="s">
        <v>5679</v>
      </c>
      <c r="B1438" s="1" t="s">
        <v>5680</v>
      </c>
      <c r="C1438" s="1" t="s">
        <v>95</v>
      </c>
      <c r="D1438" s="1" t="s">
        <v>5747</v>
      </c>
      <c r="E1438" s="1" t="s">
        <v>5748</v>
      </c>
      <c r="F1438" s="1" t="s">
        <v>5749</v>
      </c>
      <c r="G1438" s="1" t="s">
        <v>5684</v>
      </c>
      <c r="H1438" s="1" t="s">
        <v>13</v>
      </c>
      <c r="I1438" s="1" t="s">
        <v>5685</v>
      </c>
      <c r="J1438" s="1" t="s">
        <v>5750</v>
      </c>
    </row>
    <row r="1439" spans="1:10" x14ac:dyDescent="0.35">
      <c r="A1439" s="1" t="s">
        <v>5679</v>
      </c>
      <c r="B1439" s="1" t="s">
        <v>5680</v>
      </c>
      <c r="C1439" s="1" t="s">
        <v>100</v>
      </c>
      <c r="D1439" s="1" t="s">
        <v>5087</v>
      </c>
      <c r="E1439" s="1" t="s">
        <v>5751</v>
      </c>
      <c r="F1439" s="1" t="s">
        <v>5752</v>
      </c>
      <c r="G1439" s="1" t="s">
        <v>5684</v>
      </c>
      <c r="H1439" s="1" t="s">
        <v>13</v>
      </c>
      <c r="I1439" s="1" t="s">
        <v>5685</v>
      </c>
      <c r="J1439" s="1" t="s">
        <v>5753</v>
      </c>
    </row>
    <row r="1440" spans="1:10" x14ac:dyDescent="0.35">
      <c r="A1440" s="1" t="s">
        <v>5679</v>
      </c>
      <c r="B1440" s="1" t="s">
        <v>5680</v>
      </c>
      <c r="C1440" s="1" t="s">
        <v>105</v>
      </c>
      <c r="D1440" s="1" t="s">
        <v>5754</v>
      </c>
      <c r="E1440" s="1" t="s">
        <v>5755</v>
      </c>
      <c r="F1440" s="1" t="s">
        <v>5756</v>
      </c>
      <c r="G1440" s="1" t="s">
        <v>5684</v>
      </c>
      <c r="H1440" s="1" t="s">
        <v>13</v>
      </c>
      <c r="I1440" s="1" t="s">
        <v>5685</v>
      </c>
      <c r="J1440" s="1" t="s">
        <v>5757</v>
      </c>
    </row>
    <row r="1441" spans="1:10" x14ac:dyDescent="0.35">
      <c r="A1441" s="1" t="s">
        <v>5679</v>
      </c>
      <c r="B1441" s="1" t="s">
        <v>5680</v>
      </c>
      <c r="C1441" s="1" t="s">
        <v>110</v>
      </c>
      <c r="D1441" s="1" t="s">
        <v>5758</v>
      </c>
      <c r="E1441" s="1" t="s">
        <v>5759</v>
      </c>
      <c r="F1441" s="1" t="s">
        <v>5760</v>
      </c>
      <c r="G1441" s="1" t="s">
        <v>5684</v>
      </c>
      <c r="H1441" s="1" t="s">
        <v>13</v>
      </c>
      <c r="I1441" s="1" t="s">
        <v>5685</v>
      </c>
      <c r="J1441" s="1" t="s">
        <v>5761</v>
      </c>
    </row>
    <row r="1442" spans="1:10" x14ac:dyDescent="0.35">
      <c r="A1442" s="1" t="s">
        <v>5679</v>
      </c>
      <c r="B1442" s="1" t="s">
        <v>5680</v>
      </c>
      <c r="C1442" s="1" t="s">
        <v>115</v>
      </c>
      <c r="D1442" s="1" t="s">
        <v>5762</v>
      </c>
      <c r="E1442" s="1" t="s">
        <v>5763</v>
      </c>
      <c r="F1442" s="1" t="s">
        <v>5764</v>
      </c>
      <c r="G1442" s="1" t="s">
        <v>5684</v>
      </c>
      <c r="H1442" s="1" t="s">
        <v>13</v>
      </c>
      <c r="I1442" s="1" t="s">
        <v>5685</v>
      </c>
      <c r="J1442" s="1" t="s">
        <v>5765</v>
      </c>
    </row>
    <row r="1443" spans="1:10" x14ac:dyDescent="0.35">
      <c r="A1443" s="1" t="s">
        <v>5679</v>
      </c>
      <c r="B1443" s="1" t="s">
        <v>5680</v>
      </c>
      <c r="C1443" s="1" t="s">
        <v>120</v>
      </c>
      <c r="D1443" s="1" t="s">
        <v>5766</v>
      </c>
      <c r="E1443" s="1" t="s">
        <v>5767</v>
      </c>
      <c r="F1443" s="1" t="s">
        <v>5768</v>
      </c>
      <c r="G1443" s="1" t="s">
        <v>5684</v>
      </c>
      <c r="H1443" s="1" t="s">
        <v>13</v>
      </c>
      <c r="I1443" s="1" t="s">
        <v>5685</v>
      </c>
      <c r="J1443" s="1" t="s">
        <v>5769</v>
      </c>
    </row>
    <row r="1444" spans="1:10" x14ac:dyDescent="0.35">
      <c r="A1444" s="1" t="s">
        <v>5679</v>
      </c>
      <c r="B1444" s="1" t="s">
        <v>5680</v>
      </c>
      <c r="C1444" s="1" t="s">
        <v>125</v>
      </c>
      <c r="D1444" s="1" t="s">
        <v>5770</v>
      </c>
      <c r="E1444" s="1" t="s">
        <v>5771</v>
      </c>
      <c r="F1444" s="1" t="s">
        <v>5772</v>
      </c>
      <c r="G1444" s="1" t="s">
        <v>5684</v>
      </c>
      <c r="H1444" s="1" t="s">
        <v>13</v>
      </c>
      <c r="I1444" s="1" t="s">
        <v>5685</v>
      </c>
      <c r="J1444" s="1" t="s">
        <v>5773</v>
      </c>
    </row>
    <row r="1445" spans="1:10" x14ac:dyDescent="0.35">
      <c r="A1445" s="1" t="s">
        <v>5679</v>
      </c>
      <c r="B1445" s="1" t="s">
        <v>5680</v>
      </c>
      <c r="C1445" s="1" t="s">
        <v>130</v>
      </c>
      <c r="D1445" s="1" t="s">
        <v>5774</v>
      </c>
      <c r="E1445" s="1" t="s">
        <v>5775</v>
      </c>
      <c r="F1445" s="1" t="s">
        <v>5776</v>
      </c>
      <c r="G1445" s="1" t="s">
        <v>5684</v>
      </c>
      <c r="H1445" s="1" t="s">
        <v>13</v>
      </c>
      <c r="I1445" s="1" t="s">
        <v>5685</v>
      </c>
      <c r="J1445" s="1" t="s">
        <v>5777</v>
      </c>
    </row>
    <row r="1446" spans="1:10" x14ac:dyDescent="0.35">
      <c r="A1446" s="1" t="s">
        <v>5679</v>
      </c>
      <c r="B1446" s="1" t="s">
        <v>5680</v>
      </c>
      <c r="C1446" s="1" t="s">
        <v>135</v>
      </c>
      <c r="D1446" s="1" t="s">
        <v>5778</v>
      </c>
      <c r="E1446" s="1" t="s">
        <v>5779</v>
      </c>
      <c r="F1446" s="1" t="s">
        <v>5780</v>
      </c>
      <c r="G1446" s="1" t="s">
        <v>5684</v>
      </c>
      <c r="H1446" s="1" t="s">
        <v>13</v>
      </c>
      <c r="I1446" s="1" t="s">
        <v>5685</v>
      </c>
      <c r="J1446" s="1" t="s">
        <v>5781</v>
      </c>
    </row>
    <row r="1447" spans="1:10" x14ac:dyDescent="0.35">
      <c r="A1447" s="1" t="s">
        <v>5679</v>
      </c>
      <c r="B1447" s="1" t="s">
        <v>5680</v>
      </c>
      <c r="C1447" s="1" t="s">
        <v>140</v>
      </c>
      <c r="D1447" s="1" t="s">
        <v>5782</v>
      </c>
      <c r="E1447" s="1" t="s">
        <v>5783</v>
      </c>
      <c r="F1447" s="1" t="s">
        <v>5784</v>
      </c>
      <c r="G1447" s="1" t="s">
        <v>5684</v>
      </c>
      <c r="H1447" s="1" t="s">
        <v>13</v>
      </c>
      <c r="I1447" s="1" t="s">
        <v>5685</v>
      </c>
      <c r="J1447" s="1" t="s">
        <v>5785</v>
      </c>
    </row>
    <row r="1448" spans="1:10" x14ac:dyDescent="0.35">
      <c r="A1448" s="1" t="s">
        <v>5679</v>
      </c>
      <c r="B1448" s="1" t="s">
        <v>5680</v>
      </c>
      <c r="C1448" s="1" t="s">
        <v>145</v>
      </c>
      <c r="D1448" s="1" t="s">
        <v>5786</v>
      </c>
      <c r="E1448" s="1" t="s">
        <v>5787</v>
      </c>
      <c r="F1448" s="1" t="s">
        <v>5788</v>
      </c>
      <c r="G1448" s="1" t="s">
        <v>5684</v>
      </c>
      <c r="H1448" s="1" t="s">
        <v>13</v>
      </c>
      <c r="I1448" s="1" t="s">
        <v>5685</v>
      </c>
      <c r="J1448" s="1" t="s">
        <v>5789</v>
      </c>
    </row>
    <row r="1449" spans="1:10" x14ac:dyDescent="0.35">
      <c r="A1449" s="1" t="s">
        <v>5679</v>
      </c>
      <c r="B1449" s="1" t="s">
        <v>5680</v>
      </c>
      <c r="C1449" s="1" t="s">
        <v>150</v>
      </c>
      <c r="D1449" s="1" t="s">
        <v>5790</v>
      </c>
      <c r="E1449" s="1" t="s">
        <v>5791</v>
      </c>
      <c r="F1449" s="1" t="s">
        <v>5792</v>
      </c>
      <c r="G1449" s="1" t="s">
        <v>5684</v>
      </c>
      <c r="H1449" s="1" t="s">
        <v>13</v>
      </c>
      <c r="I1449" s="1" t="s">
        <v>5685</v>
      </c>
      <c r="J1449" s="1" t="s">
        <v>5793</v>
      </c>
    </row>
    <row r="1450" spans="1:10" x14ac:dyDescent="0.35">
      <c r="A1450" s="1" t="s">
        <v>5679</v>
      </c>
      <c r="B1450" s="1" t="s">
        <v>5680</v>
      </c>
      <c r="C1450" s="1" t="s">
        <v>155</v>
      </c>
      <c r="D1450" s="1" t="s">
        <v>5794</v>
      </c>
      <c r="E1450" s="1" t="s">
        <v>5795</v>
      </c>
      <c r="F1450" s="1" t="s">
        <v>5796</v>
      </c>
      <c r="G1450" s="1" t="s">
        <v>5684</v>
      </c>
      <c r="H1450" s="1" t="s">
        <v>13</v>
      </c>
      <c r="I1450" s="1" t="s">
        <v>5685</v>
      </c>
      <c r="J1450" s="1" t="s">
        <v>5797</v>
      </c>
    </row>
    <row r="1451" spans="1:10" x14ac:dyDescent="0.35">
      <c r="A1451" s="1" t="s">
        <v>5679</v>
      </c>
      <c r="B1451" s="1" t="s">
        <v>5680</v>
      </c>
      <c r="C1451" s="1" t="s">
        <v>160</v>
      </c>
      <c r="D1451" s="1" t="s">
        <v>5111</v>
      </c>
      <c r="E1451" s="1" t="s">
        <v>5798</v>
      </c>
      <c r="F1451" s="1" t="s">
        <v>5799</v>
      </c>
      <c r="G1451" s="1" t="s">
        <v>5684</v>
      </c>
      <c r="H1451" s="1" t="s">
        <v>13</v>
      </c>
      <c r="I1451" s="1" t="s">
        <v>5685</v>
      </c>
      <c r="J1451" s="1" t="s">
        <v>5800</v>
      </c>
    </row>
    <row r="1452" spans="1:10" x14ac:dyDescent="0.35">
      <c r="A1452" s="1" t="s">
        <v>5679</v>
      </c>
      <c r="B1452" s="1" t="s">
        <v>5680</v>
      </c>
      <c r="C1452" s="1" t="s">
        <v>165</v>
      </c>
      <c r="D1452" s="1" t="s">
        <v>4590</v>
      </c>
      <c r="E1452" s="1" t="s">
        <v>5801</v>
      </c>
      <c r="F1452" s="1" t="s">
        <v>5802</v>
      </c>
      <c r="G1452" s="1" t="s">
        <v>5684</v>
      </c>
      <c r="H1452" s="1" t="s">
        <v>13</v>
      </c>
      <c r="I1452" s="1" t="s">
        <v>5685</v>
      </c>
      <c r="J1452" s="1" t="s">
        <v>5803</v>
      </c>
    </row>
    <row r="1453" spans="1:10" x14ac:dyDescent="0.35">
      <c r="A1453" s="1" t="s">
        <v>5679</v>
      </c>
      <c r="B1453" s="1" t="s">
        <v>5680</v>
      </c>
      <c r="C1453" s="1" t="s">
        <v>170</v>
      </c>
      <c r="D1453" s="1" t="s">
        <v>5804</v>
      </c>
      <c r="E1453" s="1" t="s">
        <v>5805</v>
      </c>
      <c r="F1453" s="1" t="s">
        <v>5806</v>
      </c>
      <c r="G1453" s="1" t="s">
        <v>5684</v>
      </c>
      <c r="H1453" s="1" t="s">
        <v>13</v>
      </c>
      <c r="I1453" s="1" t="s">
        <v>5685</v>
      </c>
      <c r="J1453" s="1" t="s">
        <v>5807</v>
      </c>
    </row>
    <row r="1454" spans="1:10" x14ac:dyDescent="0.35">
      <c r="A1454" s="1" t="s">
        <v>5808</v>
      </c>
      <c r="B1454" s="1" t="s">
        <v>5809</v>
      </c>
      <c r="C1454" s="1" t="s">
        <v>8</v>
      </c>
      <c r="D1454" s="1" t="s">
        <v>5810</v>
      </c>
      <c r="E1454" s="1" t="s">
        <v>5811</v>
      </c>
      <c r="F1454" s="1" t="s">
        <v>5812</v>
      </c>
      <c r="G1454" s="1" t="s">
        <v>5813</v>
      </c>
      <c r="H1454" s="1" t="s">
        <v>13</v>
      </c>
      <c r="I1454" s="1" t="s">
        <v>5814</v>
      </c>
      <c r="J1454" s="1" t="s">
        <v>13</v>
      </c>
    </row>
    <row r="1455" spans="1:10" x14ac:dyDescent="0.35">
      <c r="A1455" s="1" t="s">
        <v>5808</v>
      </c>
      <c r="B1455" s="1" t="s">
        <v>5809</v>
      </c>
      <c r="C1455" s="1" t="s">
        <v>15</v>
      </c>
      <c r="D1455" s="1" t="s">
        <v>5815</v>
      </c>
      <c r="E1455" s="1" t="s">
        <v>5816</v>
      </c>
      <c r="F1455" s="1" t="s">
        <v>5817</v>
      </c>
      <c r="G1455" s="1" t="s">
        <v>5813</v>
      </c>
      <c r="H1455" s="1" t="s">
        <v>13</v>
      </c>
      <c r="I1455" s="1" t="s">
        <v>5814</v>
      </c>
      <c r="J1455" s="1" t="s">
        <v>5818</v>
      </c>
    </row>
    <row r="1456" spans="1:10" x14ac:dyDescent="0.35">
      <c r="A1456" s="1" t="s">
        <v>5808</v>
      </c>
      <c r="B1456" s="1" t="s">
        <v>5809</v>
      </c>
      <c r="C1456" s="1" t="s">
        <v>20</v>
      </c>
      <c r="D1456" s="1" t="s">
        <v>5819</v>
      </c>
      <c r="E1456" s="1" t="s">
        <v>5820</v>
      </c>
      <c r="F1456" s="1" t="s">
        <v>5821</v>
      </c>
      <c r="G1456" s="1" t="s">
        <v>5813</v>
      </c>
      <c r="H1456" s="1" t="s">
        <v>13</v>
      </c>
      <c r="I1456" s="1" t="s">
        <v>5814</v>
      </c>
      <c r="J1456" s="1" t="s">
        <v>5822</v>
      </c>
    </row>
    <row r="1457" spans="1:10" x14ac:dyDescent="0.35">
      <c r="A1457" s="1" t="s">
        <v>5808</v>
      </c>
      <c r="B1457" s="1" t="s">
        <v>5809</v>
      </c>
      <c r="C1457" s="1" t="s">
        <v>25</v>
      </c>
      <c r="D1457" s="1" t="s">
        <v>5823</v>
      </c>
      <c r="E1457" s="1" t="s">
        <v>5824</v>
      </c>
      <c r="F1457" s="1" t="s">
        <v>5825</v>
      </c>
      <c r="G1457" s="1" t="s">
        <v>5813</v>
      </c>
      <c r="H1457" s="1" t="s">
        <v>13</v>
      </c>
      <c r="I1457" s="1" t="s">
        <v>5814</v>
      </c>
      <c r="J1457" s="1" t="s">
        <v>5826</v>
      </c>
    </row>
    <row r="1458" spans="1:10" x14ac:dyDescent="0.35">
      <c r="A1458" s="1" t="s">
        <v>5808</v>
      </c>
      <c r="B1458" s="1" t="s">
        <v>5809</v>
      </c>
      <c r="C1458" s="1" t="s">
        <v>30</v>
      </c>
      <c r="D1458" s="1" t="s">
        <v>5827</v>
      </c>
      <c r="E1458" s="1" t="s">
        <v>5828</v>
      </c>
      <c r="F1458" s="1" t="s">
        <v>5829</v>
      </c>
      <c r="G1458" s="1" t="s">
        <v>5813</v>
      </c>
      <c r="H1458" s="1" t="s">
        <v>13</v>
      </c>
      <c r="I1458" s="1" t="s">
        <v>5814</v>
      </c>
      <c r="J1458" s="1" t="s">
        <v>5830</v>
      </c>
    </row>
    <row r="1459" spans="1:10" x14ac:dyDescent="0.35">
      <c r="A1459" s="1" t="s">
        <v>5808</v>
      </c>
      <c r="B1459" s="1" t="s">
        <v>5809</v>
      </c>
      <c r="C1459" s="1" t="s">
        <v>35</v>
      </c>
      <c r="D1459" s="1" t="s">
        <v>5831</v>
      </c>
      <c r="E1459" s="1" t="s">
        <v>5832</v>
      </c>
      <c r="F1459" s="1" t="s">
        <v>5833</v>
      </c>
      <c r="G1459" s="1" t="s">
        <v>5813</v>
      </c>
      <c r="H1459" s="1" t="s">
        <v>13</v>
      </c>
      <c r="I1459" s="1" t="s">
        <v>5814</v>
      </c>
      <c r="J1459" s="1" t="s">
        <v>5834</v>
      </c>
    </row>
    <row r="1460" spans="1:10" x14ac:dyDescent="0.35">
      <c r="A1460" s="1" t="s">
        <v>5808</v>
      </c>
      <c r="B1460" s="1" t="s">
        <v>5809</v>
      </c>
      <c r="C1460" s="1" t="s">
        <v>40</v>
      </c>
      <c r="D1460" s="1" t="s">
        <v>5835</v>
      </c>
      <c r="E1460" s="1" t="s">
        <v>5836</v>
      </c>
      <c r="F1460" s="1" t="s">
        <v>5837</v>
      </c>
      <c r="G1460" s="1" t="s">
        <v>5813</v>
      </c>
      <c r="H1460" s="1" t="s">
        <v>13</v>
      </c>
      <c r="I1460" s="1" t="s">
        <v>5814</v>
      </c>
      <c r="J1460" s="1" t="s">
        <v>5838</v>
      </c>
    </row>
    <row r="1461" spans="1:10" x14ac:dyDescent="0.35">
      <c r="A1461" s="1" t="s">
        <v>5808</v>
      </c>
      <c r="B1461" s="1" t="s">
        <v>5809</v>
      </c>
      <c r="C1461" s="1" t="s">
        <v>45</v>
      </c>
      <c r="D1461" s="1" t="s">
        <v>5839</v>
      </c>
      <c r="E1461" s="1" t="s">
        <v>5840</v>
      </c>
      <c r="F1461" s="1" t="s">
        <v>5841</v>
      </c>
      <c r="G1461" s="1" t="s">
        <v>5813</v>
      </c>
      <c r="H1461" s="1" t="s">
        <v>13</v>
      </c>
      <c r="I1461" s="1" t="s">
        <v>5814</v>
      </c>
      <c r="J1461" s="1" t="s">
        <v>5842</v>
      </c>
    </row>
    <row r="1462" spans="1:10" x14ac:dyDescent="0.35">
      <c r="A1462" s="1" t="s">
        <v>5808</v>
      </c>
      <c r="B1462" s="1" t="s">
        <v>5809</v>
      </c>
      <c r="C1462" s="1" t="s">
        <v>50</v>
      </c>
      <c r="D1462" s="1" t="s">
        <v>5843</v>
      </c>
      <c r="E1462" s="1" t="s">
        <v>5844</v>
      </c>
      <c r="F1462" s="1" t="s">
        <v>5845</v>
      </c>
      <c r="G1462" s="1" t="s">
        <v>5813</v>
      </c>
      <c r="H1462" s="1" t="s">
        <v>13</v>
      </c>
      <c r="I1462" s="1" t="s">
        <v>5814</v>
      </c>
      <c r="J1462" s="1" t="s">
        <v>5846</v>
      </c>
    </row>
    <row r="1463" spans="1:10" x14ac:dyDescent="0.35">
      <c r="A1463" s="1" t="s">
        <v>5808</v>
      </c>
      <c r="B1463" s="1" t="s">
        <v>5809</v>
      </c>
      <c r="C1463" s="1" t="s">
        <v>55</v>
      </c>
      <c r="D1463" s="1" t="s">
        <v>5847</v>
      </c>
      <c r="E1463" s="1" t="s">
        <v>5848</v>
      </c>
      <c r="F1463" s="1" t="s">
        <v>5849</v>
      </c>
      <c r="G1463" s="1" t="s">
        <v>5813</v>
      </c>
      <c r="H1463" s="1" t="s">
        <v>13</v>
      </c>
      <c r="I1463" s="1" t="s">
        <v>5814</v>
      </c>
      <c r="J1463" s="1" t="s">
        <v>5850</v>
      </c>
    </row>
    <row r="1464" spans="1:10" x14ac:dyDescent="0.35">
      <c r="A1464" s="1" t="s">
        <v>5808</v>
      </c>
      <c r="B1464" s="1" t="s">
        <v>5809</v>
      </c>
      <c r="C1464" s="1" t="s">
        <v>60</v>
      </c>
      <c r="D1464" s="1" t="s">
        <v>5851</v>
      </c>
      <c r="E1464" s="1" t="s">
        <v>5852</v>
      </c>
      <c r="F1464" s="1" t="s">
        <v>5853</v>
      </c>
      <c r="G1464" s="1" t="s">
        <v>5813</v>
      </c>
      <c r="H1464" s="1" t="s">
        <v>13</v>
      </c>
      <c r="I1464" s="1" t="s">
        <v>5814</v>
      </c>
      <c r="J1464" s="1" t="s">
        <v>5854</v>
      </c>
    </row>
    <row r="1465" spans="1:10" x14ac:dyDescent="0.35">
      <c r="A1465" s="1" t="s">
        <v>5808</v>
      </c>
      <c r="B1465" s="1" t="s">
        <v>5809</v>
      </c>
      <c r="C1465" s="1" t="s">
        <v>65</v>
      </c>
      <c r="D1465" s="1" t="s">
        <v>5855</v>
      </c>
      <c r="E1465" s="1" t="s">
        <v>5856</v>
      </c>
      <c r="F1465" s="1" t="s">
        <v>5857</v>
      </c>
      <c r="G1465" s="1" t="s">
        <v>5813</v>
      </c>
      <c r="H1465" s="1" t="s">
        <v>13</v>
      </c>
      <c r="I1465" s="1" t="s">
        <v>5814</v>
      </c>
      <c r="J1465" s="1" t="s">
        <v>5858</v>
      </c>
    </row>
    <row r="1466" spans="1:10" x14ac:dyDescent="0.35">
      <c r="A1466" s="1" t="s">
        <v>5808</v>
      </c>
      <c r="B1466" s="1" t="s">
        <v>5809</v>
      </c>
      <c r="C1466" s="1" t="s">
        <v>70</v>
      </c>
      <c r="D1466" s="1" t="s">
        <v>5859</v>
      </c>
      <c r="E1466" s="1" t="s">
        <v>5860</v>
      </c>
      <c r="F1466" s="1" t="s">
        <v>5861</v>
      </c>
      <c r="G1466" s="1" t="s">
        <v>5813</v>
      </c>
      <c r="H1466" s="1" t="s">
        <v>13</v>
      </c>
      <c r="I1466" s="1" t="s">
        <v>5814</v>
      </c>
      <c r="J1466" s="1" t="s">
        <v>5862</v>
      </c>
    </row>
    <row r="1467" spans="1:10" x14ac:dyDescent="0.35">
      <c r="A1467" s="1" t="s">
        <v>5808</v>
      </c>
      <c r="B1467" s="1" t="s">
        <v>5809</v>
      </c>
      <c r="C1467" s="1" t="s">
        <v>75</v>
      </c>
      <c r="D1467" s="1" t="s">
        <v>5863</v>
      </c>
      <c r="E1467" s="1" t="s">
        <v>5864</v>
      </c>
      <c r="F1467" s="1" t="s">
        <v>5865</v>
      </c>
      <c r="G1467" s="1" t="s">
        <v>5813</v>
      </c>
      <c r="H1467" s="1" t="s">
        <v>13</v>
      </c>
      <c r="I1467" s="1" t="s">
        <v>5814</v>
      </c>
      <c r="J1467" s="1" t="s">
        <v>5866</v>
      </c>
    </row>
    <row r="1468" spans="1:10" x14ac:dyDescent="0.35">
      <c r="A1468" s="1" t="s">
        <v>5808</v>
      </c>
      <c r="B1468" s="1" t="s">
        <v>5809</v>
      </c>
      <c r="C1468" s="1" t="s">
        <v>80</v>
      </c>
      <c r="D1468" s="1" t="s">
        <v>5867</v>
      </c>
      <c r="E1468" s="1" t="s">
        <v>5868</v>
      </c>
      <c r="F1468" s="1" t="s">
        <v>5869</v>
      </c>
      <c r="G1468" s="1" t="s">
        <v>5813</v>
      </c>
      <c r="H1468" s="1" t="s">
        <v>13</v>
      </c>
      <c r="I1468" s="1" t="s">
        <v>5814</v>
      </c>
      <c r="J1468" s="1" t="s">
        <v>5870</v>
      </c>
    </row>
    <row r="1469" spans="1:10" x14ac:dyDescent="0.35">
      <c r="A1469" s="1" t="s">
        <v>5808</v>
      </c>
      <c r="B1469" s="1" t="s">
        <v>5809</v>
      </c>
      <c r="C1469" s="1" t="s">
        <v>85</v>
      </c>
      <c r="D1469" s="1" t="s">
        <v>5871</v>
      </c>
      <c r="E1469" s="1" t="s">
        <v>5872</v>
      </c>
      <c r="F1469" s="1" t="s">
        <v>5873</v>
      </c>
      <c r="G1469" s="1" t="s">
        <v>5813</v>
      </c>
      <c r="H1469" s="1" t="s">
        <v>13</v>
      </c>
      <c r="I1469" s="1" t="s">
        <v>5814</v>
      </c>
      <c r="J1469" s="1" t="s">
        <v>5874</v>
      </c>
    </row>
    <row r="1470" spans="1:10" x14ac:dyDescent="0.35">
      <c r="A1470" s="1" t="s">
        <v>5808</v>
      </c>
      <c r="B1470" s="1" t="s">
        <v>5809</v>
      </c>
      <c r="C1470" s="1" t="s">
        <v>90</v>
      </c>
      <c r="D1470" s="1" t="s">
        <v>5875</v>
      </c>
      <c r="E1470" s="1" t="s">
        <v>5876</v>
      </c>
      <c r="F1470" s="1" t="s">
        <v>5877</v>
      </c>
      <c r="G1470" s="1" t="s">
        <v>5813</v>
      </c>
      <c r="H1470" s="1" t="s">
        <v>13</v>
      </c>
      <c r="I1470" s="1" t="s">
        <v>5814</v>
      </c>
      <c r="J1470" s="1" t="s">
        <v>5878</v>
      </c>
    </row>
    <row r="1471" spans="1:10" x14ac:dyDescent="0.35">
      <c r="A1471" s="1" t="s">
        <v>5808</v>
      </c>
      <c r="B1471" s="1" t="s">
        <v>5809</v>
      </c>
      <c r="C1471" s="1" t="s">
        <v>95</v>
      </c>
      <c r="D1471" s="1" t="s">
        <v>5879</v>
      </c>
      <c r="E1471" s="1" t="s">
        <v>5880</v>
      </c>
      <c r="F1471" s="1" t="s">
        <v>5881</v>
      </c>
      <c r="G1471" s="1" t="s">
        <v>5813</v>
      </c>
      <c r="H1471" s="1" t="s">
        <v>13</v>
      </c>
      <c r="I1471" s="1" t="s">
        <v>5814</v>
      </c>
      <c r="J1471" s="1" t="s">
        <v>5882</v>
      </c>
    </row>
    <row r="1472" spans="1:10" x14ac:dyDescent="0.35">
      <c r="A1472" s="1" t="s">
        <v>5808</v>
      </c>
      <c r="B1472" s="1" t="s">
        <v>5809</v>
      </c>
      <c r="C1472" s="1" t="s">
        <v>100</v>
      </c>
      <c r="D1472" s="1" t="s">
        <v>5883</v>
      </c>
      <c r="E1472" s="1" t="s">
        <v>5884</v>
      </c>
      <c r="F1472" s="1" t="s">
        <v>5885</v>
      </c>
      <c r="G1472" s="1" t="s">
        <v>5813</v>
      </c>
      <c r="H1472" s="1" t="s">
        <v>13</v>
      </c>
      <c r="I1472" s="1" t="s">
        <v>5814</v>
      </c>
      <c r="J1472" s="1" t="s">
        <v>5886</v>
      </c>
    </row>
    <row r="1473" spans="1:10" x14ac:dyDescent="0.35">
      <c r="A1473" s="1" t="s">
        <v>5808</v>
      </c>
      <c r="B1473" s="1" t="s">
        <v>5809</v>
      </c>
      <c r="C1473" s="1" t="s">
        <v>105</v>
      </c>
      <c r="D1473" s="1" t="s">
        <v>5887</v>
      </c>
      <c r="E1473" s="1" t="s">
        <v>5888</v>
      </c>
      <c r="F1473" s="1" t="s">
        <v>5889</v>
      </c>
      <c r="G1473" s="1" t="s">
        <v>5813</v>
      </c>
      <c r="H1473" s="1" t="s">
        <v>13</v>
      </c>
      <c r="I1473" s="1" t="s">
        <v>5814</v>
      </c>
      <c r="J1473" s="1" t="s">
        <v>5890</v>
      </c>
    </row>
    <row r="1474" spans="1:10" x14ac:dyDescent="0.35">
      <c r="A1474" s="1" t="s">
        <v>5808</v>
      </c>
      <c r="B1474" s="1" t="s">
        <v>5809</v>
      </c>
      <c r="C1474" s="1" t="s">
        <v>110</v>
      </c>
      <c r="D1474" s="1" t="s">
        <v>5891</v>
      </c>
      <c r="E1474" s="1" t="s">
        <v>5892</v>
      </c>
      <c r="F1474" s="1" t="s">
        <v>5893</v>
      </c>
      <c r="G1474" s="1" t="s">
        <v>5813</v>
      </c>
      <c r="H1474" s="1" t="s">
        <v>13</v>
      </c>
      <c r="I1474" s="1" t="s">
        <v>5814</v>
      </c>
      <c r="J1474" s="1" t="s">
        <v>5894</v>
      </c>
    </row>
    <row r="1475" spans="1:10" x14ac:dyDescent="0.35">
      <c r="A1475" s="1" t="s">
        <v>5808</v>
      </c>
      <c r="B1475" s="1" t="s">
        <v>5809</v>
      </c>
      <c r="C1475" s="1" t="s">
        <v>115</v>
      </c>
      <c r="D1475" s="1" t="s">
        <v>5895</v>
      </c>
      <c r="E1475" s="1" t="s">
        <v>5896</v>
      </c>
      <c r="F1475" s="1" t="s">
        <v>5897</v>
      </c>
      <c r="G1475" s="1" t="s">
        <v>5813</v>
      </c>
      <c r="H1475" s="1" t="s">
        <v>13</v>
      </c>
      <c r="I1475" s="1" t="s">
        <v>5814</v>
      </c>
      <c r="J1475" s="1" t="s">
        <v>5898</v>
      </c>
    </row>
    <row r="1476" spans="1:10" x14ac:dyDescent="0.35">
      <c r="A1476" s="1" t="s">
        <v>5808</v>
      </c>
      <c r="B1476" s="1" t="s">
        <v>5809</v>
      </c>
      <c r="C1476" s="1" t="s">
        <v>120</v>
      </c>
      <c r="D1476" s="1" t="s">
        <v>5899</v>
      </c>
      <c r="E1476" s="1" t="s">
        <v>5900</v>
      </c>
      <c r="F1476" s="1" t="s">
        <v>5901</v>
      </c>
      <c r="G1476" s="1" t="s">
        <v>5813</v>
      </c>
      <c r="H1476" s="1" t="s">
        <v>13</v>
      </c>
      <c r="I1476" s="1" t="s">
        <v>5814</v>
      </c>
      <c r="J1476" s="1" t="s">
        <v>5902</v>
      </c>
    </row>
    <row r="1477" spans="1:10" x14ac:dyDescent="0.35">
      <c r="A1477" s="1" t="s">
        <v>5808</v>
      </c>
      <c r="B1477" s="1" t="s">
        <v>5809</v>
      </c>
      <c r="C1477" s="1" t="s">
        <v>125</v>
      </c>
      <c r="D1477" s="1" t="s">
        <v>5903</v>
      </c>
      <c r="E1477" s="1" t="s">
        <v>5904</v>
      </c>
      <c r="F1477" s="1" t="s">
        <v>5905</v>
      </c>
      <c r="G1477" s="1" t="s">
        <v>5813</v>
      </c>
      <c r="H1477" s="1" t="s">
        <v>13</v>
      </c>
      <c r="I1477" s="1" t="s">
        <v>5814</v>
      </c>
      <c r="J1477" s="1" t="s">
        <v>5906</v>
      </c>
    </row>
    <row r="1478" spans="1:10" x14ac:dyDescent="0.35">
      <c r="A1478" s="1" t="s">
        <v>5808</v>
      </c>
      <c r="B1478" s="1" t="s">
        <v>5809</v>
      </c>
      <c r="C1478" s="1" t="s">
        <v>130</v>
      </c>
      <c r="D1478" s="1" t="s">
        <v>5907</v>
      </c>
      <c r="E1478" s="1" t="s">
        <v>5908</v>
      </c>
      <c r="F1478" s="1" t="s">
        <v>5909</v>
      </c>
      <c r="G1478" s="1" t="s">
        <v>5813</v>
      </c>
      <c r="H1478" s="1" t="s">
        <v>13</v>
      </c>
      <c r="I1478" s="1" t="s">
        <v>5814</v>
      </c>
      <c r="J1478" s="1" t="s">
        <v>5910</v>
      </c>
    </row>
    <row r="1479" spans="1:10" x14ac:dyDescent="0.35">
      <c r="A1479" s="1" t="s">
        <v>5808</v>
      </c>
      <c r="B1479" s="1" t="s">
        <v>5809</v>
      </c>
      <c r="C1479" s="1" t="s">
        <v>135</v>
      </c>
      <c r="D1479" s="1" t="s">
        <v>5911</v>
      </c>
      <c r="E1479" s="1" t="s">
        <v>5912</v>
      </c>
      <c r="F1479" s="1" t="s">
        <v>5913</v>
      </c>
      <c r="G1479" s="1" t="s">
        <v>5813</v>
      </c>
      <c r="H1479" s="1" t="s">
        <v>13</v>
      </c>
      <c r="I1479" s="1" t="s">
        <v>5814</v>
      </c>
      <c r="J1479" s="1" t="s">
        <v>5914</v>
      </c>
    </row>
    <row r="1480" spans="1:10" x14ac:dyDescent="0.35">
      <c r="A1480" s="1" t="s">
        <v>5808</v>
      </c>
      <c r="B1480" s="1" t="s">
        <v>5809</v>
      </c>
      <c r="C1480" s="1" t="s">
        <v>140</v>
      </c>
      <c r="D1480" s="1" t="s">
        <v>5915</v>
      </c>
      <c r="E1480" s="1" t="s">
        <v>5916</v>
      </c>
      <c r="F1480" s="1" t="s">
        <v>5917</v>
      </c>
      <c r="G1480" s="1" t="s">
        <v>5813</v>
      </c>
      <c r="H1480" s="1" t="s">
        <v>13</v>
      </c>
      <c r="I1480" s="1" t="s">
        <v>5814</v>
      </c>
      <c r="J1480" s="1" t="s">
        <v>5918</v>
      </c>
    </row>
    <row r="1481" spans="1:10" x14ac:dyDescent="0.35">
      <c r="A1481" s="1" t="s">
        <v>5808</v>
      </c>
      <c r="B1481" s="1" t="s">
        <v>5809</v>
      </c>
      <c r="C1481" s="1" t="s">
        <v>145</v>
      </c>
      <c r="D1481" s="1" t="s">
        <v>5919</v>
      </c>
      <c r="E1481" s="1" t="s">
        <v>5920</v>
      </c>
      <c r="F1481" s="1" t="s">
        <v>5921</v>
      </c>
      <c r="G1481" s="1" t="s">
        <v>5813</v>
      </c>
      <c r="H1481" s="1" t="s">
        <v>13</v>
      </c>
      <c r="I1481" s="1" t="s">
        <v>5814</v>
      </c>
      <c r="J1481" s="1" t="s">
        <v>5922</v>
      </c>
    </row>
    <row r="1482" spans="1:10" x14ac:dyDescent="0.35">
      <c r="A1482" s="1" t="s">
        <v>5808</v>
      </c>
      <c r="B1482" s="1" t="s">
        <v>5809</v>
      </c>
      <c r="C1482" s="1" t="s">
        <v>150</v>
      </c>
      <c r="D1482" s="1" t="s">
        <v>5923</v>
      </c>
      <c r="E1482" s="1" t="s">
        <v>5924</v>
      </c>
      <c r="F1482" s="1" t="s">
        <v>5925</v>
      </c>
      <c r="G1482" s="1" t="s">
        <v>5813</v>
      </c>
      <c r="H1482" s="1" t="s">
        <v>13</v>
      </c>
      <c r="I1482" s="1" t="s">
        <v>5814</v>
      </c>
      <c r="J1482" s="1" t="s">
        <v>5926</v>
      </c>
    </row>
    <row r="1483" spans="1:10" x14ac:dyDescent="0.35">
      <c r="A1483" s="1" t="s">
        <v>5808</v>
      </c>
      <c r="B1483" s="1" t="s">
        <v>5809</v>
      </c>
      <c r="C1483" s="1" t="s">
        <v>155</v>
      </c>
      <c r="D1483" s="1" t="s">
        <v>5927</v>
      </c>
      <c r="E1483" s="1" t="s">
        <v>5928</v>
      </c>
      <c r="F1483" s="1" t="s">
        <v>5929</v>
      </c>
      <c r="G1483" s="1" t="s">
        <v>5813</v>
      </c>
      <c r="H1483" s="1" t="s">
        <v>13</v>
      </c>
      <c r="I1483" s="1" t="s">
        <v>5814</v>
      </c>
      <c r="J1483" s="1" t="s">
        <v>5930</v>
      </c>
    </row>
    <row r="1484" spans="1:10" x14ac:dyDescent="0.35">
      <c r="A1484" s="1" t="s">
        <v>5808</v>
      </c>
      <c r="B1484" s="1" t="s">
        <v>5809</v>
      </c>
      <c r="C1484" s="1" t="s">
        <v>160</v>
      </c>
      <c r="D1484" s="1" t="s">
        <v>5931</v>
      </c>
      <c r="E1484" s="1" t="s">
        <v>5932</v>
      </c>
      <c r="F1484" s="1" t="s">
        <v>5933</v>
      </c>
      <c r="G1484" s="1" t="s">
        <v>5813</v>
      </c>
      <c r="H1484" s="1" t="s">
        <v>13</v>
      </c>
      <c r="I1484" s="1" t="s">
        <v>5814</v>
      </c>
      <c r="J1484" s="1" t="s">
        <v>5934</v>
      </c>
    </row>
    <row r="1485" spans="1:10" x14ac:dyDescent="0.35">
      <c r="A1485" s="1" t="s">
        <v>5808</v>
      </c>
      <c r="B1485" s="1" t="s">
        <v>5809</v>
      </c>
      <c r="C1485" s="1" t="s">
        <v>165</v>
      </c>
      <c r="D1485" s="1" t="s">
        <v>5935</v>
      </c>
      <c r="E1485" s="1" t="s">
        <v>5936</v>
      </c>
      <c r="F1485" s="1" t="s">
        <v>5937</v>
      </c>
      <c r="G1485" s="1" t="s">
        <v>5813</v>
      </c>
      <c r="H1485" s="1" t="s">
        <v>13</v>
      </c>
      <c r="I1485" s="1" t="s">
        <v>5814</v>
      </c>
      <c r="J1485" s="1" t="s">
        <v>5938</v>
      </c>
    </row>
    <row r="1486" spans="1:10" x14ac:dyDescent="0.35">
      <c r="A1486" s="1" t="s">
        <v>5808</v>
      </c>
      <c r="B1486" s="1" t="s">
        <v>5809</v>
      </c>
      <c r="C1486" s="1" t="s">
        <v>170</v>
      </c>
      <c r="D1486" s="1" t="s">
        <v>5939</v>
      </c>
      <c r="E1486" s="1" t="s">
        <v>5940</v>
      </c>
      <c r="F1486" s="1" t="s">
        <v>5941</v>
      </c>
      <c r="G1486" s="1" t="s">
        <v>5813</v>
      </c>
      <c r="H1486" s="1" t="s">
        <v>13</v>
      </c>
      <c r="I1486" s="1" t="s">
        <v>5814</v>
      </c>
      <c r="J1486" s="1" t="s">
        <v>5942</v>
      </c>
    </row>
    <row r="1487" spans="1:10" x14ac:dyDescent="0.35">
      <c r="A1487" s="1" t="s">
        <v>5943</v>
      </c>
      <c r="B1487" s="1" t="s">
        <v>5944</v>
      </c>
      <c r="C1487" s="1" t="s">
        <v>8</v>
      </c>
      <c r="D1487" s="1" t="s">
        <v>5945</v>
      </c>
      <c r="E1487" s="1" t="s">
        <v>5946</v>
      </c>
      <c r="F1487" s="1" t="s">
        <v>5947</v>
      </c>
      <c r="G1487" s="1" t="s">
        <v>5948</v>
      </c>
      <c r="H1487" s="1" t="s">
        <v>13</v>
      </c>
      <c r="I1487" s="1" t="s">
        <v>5949</v>
      </c>
      <c r="J1487" s="1" t="s">
        <v>13</v>
      </c>
    </row>
    <row r="1488" spans="1:10" x14ac:dyDescent="0.35">
      <c r="A1488" s="1" t="s">
        <v>5943</v>
      </c>
      <c r="B1488" s="1" t="s">
        <v>5944</v>
      </c>
      <c r="C1488" s="1" t="s">
        <v>15</v>
      </c>
      <c r="D1488" s="1" t="s">
        <v>5950</v>
      </c>
      <c r="E1488" s="1" t="s">
        <v>5951</v>
      </c>
      <c r="F1488" s="1" t="s">
        <v>5952</v>
      </c>
      <c r="G1488" s="1" t="s">
        <v>5948</v>
      </c>
      <c r="H1488" s="1" t="s">
        <v>13</v>
      </c>
      <c r="I1488" s="1" t="s">
        <v>5949</v>
      </c>
      <c r="J1488" s="1" t="s">
        <v>5953</v>
      </c>
    </row>
    <row r="1489" spans="1:10" x14ac:dyDescent="0.35">
      <c r="A1489" s="1" t="s">
        <v>5943</v>
      </c>
      <c r="B1489" s="1" t="s">
        <v>5944</v>
      </c>
      <c r="C1489" s="1" t="s">
        <v>20</v>
      </c>
      <c r="D1489" s="1" t="s">
        <v>5954</v>
      </c>
      <c r="E1489" s="1" t="s">
        <v>5955</v>
      </c>
      <c r="F1489" s="1" t="s">
        <v>5956</v>
      </c>
      <c r="G1489" s="1" t="s">
        <v>5948</v>
      </c>
      <c r="H1489" s="1" t="s">
        <v>13</v>
      </c>
      <c r="I1489" s="1" t="s">
        <v>5949</v>
      </c>
      <c r="J1489" s="1" t="s">
        <v>5957</v>
      </c>
    </row>
    <row r="1490" spans="1:10" x14ac:dyDescent="0.35">
      <c r="A1490" s="1" t="s">
        <v>5943</v>
      </c>
      <c r="B1490" s="1" t="s">
        <v>5944</v>
      </c>
      <c r="C1490" s="1" t="s">
        <v>25</v>
      </c>
      <c r="D1490" s="1" t="s">
        <v>5958</v>
      </c>
      <c r="E1490" s="1" t="s">
        <v>5959</v>
      </c>
      <c r="F1490" s="1" t="s">
        <v>5960</v>
      </c>
      <c r="G1490" s="1" t="s">
        <v>5948</v>
      </c>
      <c r="H1490" s="1" t="s">
        <v>13</v>
      </c>
      <c r="I1490" s="1" t="s">
        <v>5949</v>
      </c>
      <c r="J1490" s="1" t="s">
        <v>5961</v>
      </c>
    </row>
    <row r="1491" spans="1:10" x14ac:dyDescent="0.35">
      <c r="A1491" s="1" t="s">
        <v>5943</v>
      </c>
      <c r="B1491" s="1" t="s">
        <v>5944</v>
      </c>
      <c r="C1491" s="1" t="s">
        <v>30</v>
      </c>
      <c r="D1491" s="1" t="s">
        <v>5962</v>
      </c>
      <c r="E1491" s="1" t="s">
        <v>5963</v>
      </c>
      <c r="F1491" s="1" t="s">
        <v>5964</v>
      </c>
      <c r="G1491" s="1" t="s">
        <v>5948</v>
      </c>
      <c r="H1491" s="1" t="s">
        <v>13</v>
      </c>
      <c r="I1491" s="1" t="s">
        <v>5949</v>
      </c>
      <c r="J1491" s="1" t="s">
        <v>5965</v>
      </c>
    </row>
    <row r="1492" spans="1:10" x14ac:dyDescent="0.35">
      <c r="A1492" s="1" t="s">
        <v>5943</v>
      </c>
      <c r="B1492" s="1" t="s">
        <v>5944</v>
      </c>
      <c r="C1492" s="1" t="s">
        <v>35</v>
      </c>
      <c r="D1492" s="1" t="s">
        <v>5966</v>
      </c>
      <c r="E1492" s="1" t="s">
        <v>5967</v>
      </c>
      <c r="F1492" s="1" t="s">
        <v>5968</v>
      </c>
      <c r="G1492" s="1" t="s">
        <v>5948</v>
      </c>
      <c r="H1492" s="1" t="s">
        <v>13</v>
      </c>
      <c r="I1492" s="1" t="s">
        <v>5949</v>
      </c>
      <c r="J1492" s="1" t="s">
        <v>5969</v>
      </c>
    </row>
    <row r="1493" spans="1:10" x14ac:dyDescent="0.35">
      <c r="A1493" s="1" t="s">
        <v>5943</v>
      </c>
      <c r="B1493" s="1" t="s">
        <v>5944</v>
      </c>
      <c r="C1493" s="1" t="s">
        <v>40</v>
      </c>
      <c r="D1493" s="1" t="s">
        <v>5970</v>
      </c>
      <c r="E1493" s="1" t="s">
        <v>5971</v>
      </c>
      <c r="F1493" s="1" t="s">
        <v>5972</v>
      </c>
      <c r="G1493" s="1" t="s">
        <v>5948</v>
      </c>
      <c r="H1493" s="1" t="s">
        <v>13</v>
      </c>
      <c r="I1493" s="1" t="s">
        <v>5949</v>
      </c>
      <c r="J1493" s="1" t="s">
        <v>5973</v>
      </c>
    </row>
    <row r="1494" spans="1:10" x14ac:dyDescent="0.35">
      <c r="A1494" s="1" t="s">
        <v>5943</v>
      </c>
      <c r="B1494" s="1" t="s">
        <v>5944</v>
      </c>
      <c r="C1494" s="1" t="s">
        <v>45</v>
      </c>
      <c r="D1494" s="1" t="s">
        <v>5974</v>
      </c>
      <c r="E1494" s="1" t="s">
        <v>5975</v>
      </c>
      <c r="F1494" s="1" t="s">
        <v>5976</v>
      </c>
      <c r="G1494" s="1" t="s">
        <v>5948</v>
      </c>
      <c r="H1494" s="1" t="s">
        <v>13</v>
      </c>
      <c r="I1494" s="1" t="s">
        <v>5949</v>
      </c>
      <c r="J1494" s="1" t="s">
        <v>5977</v>
      </c>
    </row>
    <row r="1495" spans="1:10" x14ac:dyDescent="0.35">
      <c r="A1495" s="1" t="s">
        <v>5943</v>
      </c>
      <c r="B1495" s="1" t="s">
        <v>5944</v>
      </c>
      <c r="C1495" s="1" t="s">
        <v>50</v>
      </c>
      <c r="D1495" s="1" t="s">
        <v>5978</v>
      </c>
      <c r="E1495" s="1" t="s">
        <v>5979</v>
      </c>
      <c r="F1495" s="1" t="s">
        <v>5980</v>
      </c>
      <c r="G1495" s="1" t="s">
        <v>5948</v>
      </c>
      <c r="H1495" s="1" t="s">
        <v>13</v>
      </c>
      <c r="I1495" s="1" t="s">
        <v>5949</v>
      </c>
      <c r="J1495" s="1" t="s">
        <v>5981</v>
      </c>
    </row>
    <row r="1496" spans="1:10" x14ac:dyDescent="0.35">
      <c r="A1496" s="1" t="s">
        <v>5943</v>
      </c>
      <c r="B1496" s="1" t="s">
        <v>5944</v>
      </c>
      <c r="C1496" s="1" t="s">
        <v>55</v>
      </c>
      <c r="D1496" s="1" t="s">
        <v>5982</v>
      </c>
      <c r="E1496" s="1" t="s">
        <v>5983</v>
      </c>
      <c r="F1496" s="1" t="s">
        <v>5984</v>
      </c>
      <c r="G1496" s="1" t="s">
        <v>5948</v>
      </c>
      <c r="H1496" s="1" t="s">
        <v>13</v>
      </c>
      <c r="I1496" s="1" t="s">
        <v>5949</v>
      </c>
      <c r="J1496" s="1" t="s">
        <v>5985</v>
      </c>
    </row>
    <row r="1497" spans="1:10" x14ac:dyDescent="0.35">
      <c r="A1497" s="1" t="s">
        <v>5943</v>
      </c>
      <c r="B1497" s="1" t="s">
        <v>5944</v>
      </c>
      <c r="C1497" s="1" t="s">
        <v>60</v>
      </c>
      <c r="D1497" s="1" t="s">
        <v>5986</v>
      </c>
      <c r="E1497" s="1" t="s">
        <v>5987</v>
      </c>
      <c r="F1497" s="1" t="s">
        <v>5988</v>
      </c>
      <c r="G1497" s="1" t="s">
        <v>5948</v>
      </c>
      <c r="H1497" s="1" t="s">
        <v>13</v>
      </c>
      <c r="I1497" s="1" t="s">
        <v>5949</v>
      </c>
      <c r="J1497" s="1" t="s">
        <v>5989</v>
      </c>
    </row>
    <row r="1498" spans="1:10" x14ac:dyDescent="0.35">
      <c r="A1498" s="1" t="s">
        <v>5943</v>
      </c>
      <c r="B1498" s="1" t="s">
        <v>5944</v>
      </c>
      <c r="C1498" s="1" t="s">
        <v>65</v>
      </c>
      <c r="D1498" s="1" t="s">
        <v>5990</v>
      </c>
      <c r="E1498" s="1" t="s">
        <v>5991</v>
      </c>
      <c r="F1498" s="1" t="s">
        <v>5992</v>
      </c>
      <c r="G1498" s="1" t="s">
        <v>5948</v>
      </c>
      <c r="H1498" s="1" t="s">
        <v>13</v>
      </c>
      <c r="I1498" s="1" t="s">
        <v>5949</v>
      </c>
      <c r="J1498" s="1" t="s">
        <v>5993</v>
      </c>
    </row>
    <row r="1499" spans="1:10" x14ac:dyDescent="0.35">
      <c r="A1499" s="1" t="s">
        <v>5943</v>
      </c>
      <c r="B1499" s="1" t="s">
        <v>5944</v>
      </c>
      <c r="C1499" s="1" t="s">
        <v>70</v>
      </c>
      <c r="D1499" s="1" t="s">
        <v>5994</v>
      </c>
      <c r="E1499" s="1" t="s">
        <v>5995</v>
      </c>
      <c r="F1499" s="1" t="s">
        <v>5996</v>
      </c>
      <c r="G1499" s="1" t="s">
        <v>5948</v>
      </c>
      <c r="H1499" s="1" t="s">
        <v>13</v>
      </c>
      <c r="I1499" s="1" t="s">
        <v>5949</v>
      </c>
      <c r="J1499" s="1" t="s">
        <v>5997</v>
      </c>
    </row>
    <row r="1500" spans="1:10" x14ac:dyDescent="0.35">
      <c r="A1500" s="1" t="s">
        <v>5943</v>
      </c>
      <c r="B1500" s="1" t="s">
        <v>5944</v>
      </c>
      <c r="C1500" s="1" t="s">
        <v>75</v>
      </c>
      <c r="D1500" s="1" t="s">
        <v>5998</v>
      </c>
      <c r="E1500" s="1" t="s">
        <v>5999</v>
      </c>
      <c r="F1500" s="1" t="s">
        <v>6000</v>
      </c>
      <c r="G1500" s="1" t="s">
        <v>5948</v>
      </c>
      <c r="H1500" s="1" t="s">
        <v>13</v>
      </c>
      <c r="I1500" s="1" t="s">
        <v>5949</v>
      </c>
      <c r="J1500" s="1" t="s">
        <v>6001</v>
      </c>
    </row>
    <row r="1501" spans="1:10" x14ac:dyDescent="0.35">
      <c r="A1501" s="1" t="s">
        <v>5943</v>
      </c>
      <c r="B1501" s="1" t="s">
        <v>5944</v>
      </c>
      <c r="C1501" s="1" t="s">
        <v>80</v>
      </c>
      <c r="D1501" s="1" t="s">
        <v>6002</v>
      </c>
      <c r="E1501" s="1" t="s">
        <v>6003</v>
      </c>
      <c r="F1501" s="1" t="s">
        <v>6004</v>
      </c>
      <c r="G1501" s="1" t="s">
        <v>5948</v>
      </c>
      <c r="H1501" s="1" t="s">
        <v>13</v>
      </c>
      <c r="I1501" s="1" t="s">
        <v>5949</v>
      </c>
      <c r="J1501" s="1" t="s">
        <v>6005</v>
      </c>
    </row>
    <row r="1502" spans="1:10" x14ac:dyDescent="0.35">
      <c r="A1502" s="1" t="s">
        <v>5943</v>
      </c>
      <c r="B1502" s="1" t="s">
        <v>5944</v>
      </c>
      <c r="C1502" s="1" t="s">
        <v>85</v>
      </c>
      <c r="D1502" s="1" t="s">
        <v>6006</v>
      </c>
      <c r="E1502" s="1" t="s">
        <v>6007</v>
      </c>
      <c r="F1502" s="1" t="s">
        <v>6008</v>
      </c>
      <c r="G1502" s="1" t="s">
        <v>5948</v>
      </c>
      <c r="H1502" s="1" t="s">
        <v>13</v>
      </c>
      <c r="I1502" s="1" t="s">
        <v>5949</v>
      </c>
      <c r="J1502" s="1" t="s">
        <v>6009</v>
      </c>
    </row>
    <row r="1503" spans="1:10" x14ac:dyDescent="0.35">
      <c r="A1503" s="1" t="s">
        <v>5943</v>
      </c>
      <c r="B1503" s="1" t="s">
        <v>5944</v>
      </c>
      <c r="C1503" s="1" t="s">
        <v>90</v>
      </c>
      <c r="D1503" s="1" t="s">
        <v>6010</v>
      </c>
      <c r="E1503" s="1" t="s">
        <v>6011</v>
      </c>
      <c r="F1503" s="1" t="s">
        <v>6012</v>
      </c>
      <c r="G1503" s="1" t="s">
        <v>5948</v>
      </c>
      <c r="H1503" s="1" t="s">
        <v>13</v>
      </c>
      <c r="I1503" s="1" t="s">
        <v>5949</v>
      </c>
      <c r="J1503" s="1" t="s">
        <v>6013</v>
      </c>
    </row>
    <row r="1504" spans="1:10" x14ac:dyDescent="0.35">
      <c r="A1504" s="1" t="s">
        <v>5943</v>
      </c>
      <c r="B1504" s="1" t="s">
        <v>5944</v>
      </c>
      <c r="C1504" s="1" t="s">
        <v>95</v>
      </c>
      <c r="D1504" s="1" t="s">
        <v>6014</v>
      </c>
      <c r="E1504" s="1" t="s">
        <v>6015</v>
      </c>
      <c r="F1504" s="1" t="s">
        <v>6016</v>
      </c>
      <c r="G1504" s="1" t="s">
        <v>5948</v>
      </c>
      <c r="H1504" s="1" t="s">
        <v>13</v>
      </c>
      <c r="I1504" s="1" t="s">
        <v>5949</v>
      </c>
      <c r="J1504" s="1" t="s">
        <v>6017</v>
      </c>
    </row>
    <row r="1505" spans="1:10" x14ac:dyDescent="0.35">
      <c r="A1505" s="1" t="s">
        <v>5943</v>
      </c>
      <c r="B1505" s="1" t="s">
        <v>5944</v>
      </c>
      <c r="C1505" s="1" t="s">
        <v>100</v>
      </c>
      <c r="D1505" s="1" t="s">
        <v>6018</v>
      </c>
      <c r="E1505" s="1" t="s">
        <v>6019</v>
      </c>
      <c r="F1505" s="1" t="s">
        <v>6020</v>
      </c>
      <c r="G1505" s="1" t="s">
        <v>5948</v>
      </c>
      <c r="H1505" s="1" t="s">
        <v>13</v>
      </c>
      <c r="I1505" s="1" t="s">
        <v>5949</v>
      </c>
      <c r="J1505" s="1" t="s">
        <v>6021</v>
      </c>
    </row>
    <row r="1506" spans="1:10" x14ac:dyDescent="0.35">
      <c r="A1506" s="1" t="s">
        <v>5943</v>
      </c>
      <c r="B1506" s="1" t="s">
        <v>5944</v>
      </c>
      <c r="C1506" s="1" t="s">
        <v>105</v>
      </c>
      <c r="D1506" s="1" t="s">
        <v>6022</v>
      </c>
      <c r="E1506" s="1" t="s">
        <v>6023</v>
      </c>
      <c r="F1506" s="1" t="s">
        <v>6024</v>
      </c>
      <c r="G1506" s="1" t="s">
        <v>5948</v>
      </c>
      <c r="H1506" s="1" t="s">
        <v>13</v>
      </c>
      <c r="I1506" s="1" t="s">
        <v>5949</v>
      </c>
      <c r="J1506" s="1" t="s">
        <v>6025</v>
      </c>
    </row>
    <row r="1507" spans="1:10" x14ac:dyDescent="0.35">
      <c r="A1507" s="1" t="s">
        <v>5943</v>
      </c>
      <c r="B1507" s="1" t="s">
        <v>5944</v>
      </c>
      <c r="C1507" s="1" t="s">
        <v>110</v>
      </c>
      <c r="D1507" s="1" t="s">
        <v>6026</v>
      </c>
      <c r="E1507" s="1" t="s">
        <v>6027</v>
      </c>
      <c r="F1507" s="1" t="s">
        <v>6028</v>
      </c>
      <c r="G1507" s="1" t="s">
        <v>5948</v>
      </c>
      <c r="H1507" s="1" t="s">
        <v>13</v>
      </c>
      <c r="I1507" s="1" t="s">
        <v>5949</v>
      </c>
      <c r="J1507" s="1" t="s">
        <v>6029</v>
      </c>
    </row>
    <row r="1508" spans="1:10" x14ac:dyDescent="0.35">
      <c r="A1508" s="1" t="s">
        <v>5943</v>
      </c>
      <c r="B1508" s="1" t="s">
        <v>5944</v>
      </c>
      <c r="C1508" s="1" t="s">
        <v>115</v>
      </c>
      <c r="D1508" s="1" t="s">
        <v>6030</v>
      </c>
      <c r="E1508" s="1" t="s">
        <v>6031</v>
      </c>
      <c r="F1508" s="1" t="s">
        <v>6032</v>
      </c>
      <c r="G1508" s="1" t="s">
        <v>5948</v>
      </c>
      <c r="H1508" s="1" t="s">
        <v>13</v>
      </c>
      <c r="I1508" s="1" t="s">
        <v>5949</v>
      </c>
      <c r="J1508" s="1" t="s">
        <v>6033</v>
      </c>
    </row>
    <row r="1509" spans="1:10" x14ac:dyDescent="0.35">
      <c r="A1509" s="1" t="s">
        <v>5943</v>
      </c>
      <c r="B1509" s="1" t="s">
        <v>5944</v>
      </c>
      <c r="C1509" s="1" t="s">
        <v>120</v>
      </c>
      <c r="D1509" s="1" t="s">
        <v>6034</v>
      </c>
      <c r="E1509" s="1" t="s">
        <v>6035</v>
      </c>
      <c r="F1509" s="1" t="s">
        <v>6036</v>
      </c>
      <c r="G1509" s="1" t="s">
        <v>5948</v>
      </c>
      <c r="H1509" s="1" t="s">
        <v>13</v>
      </c>
      <c r="I1509" s="1" t="s">
        <v>5949</v>
      </c>
      <c r="J1509" s="1" t="s">
        <v>6037</v>
      </c>
    </row>
    <row r="1510" spans="1:10" x14ac:dyDescent="0.35">
      <c r="A1510" s="1" t="s">
        <v>5943</v>
      </c>
      <c r="B1510" s="1" t="s">
        <v>5944</v>
      </c>
      <c r="C1510" s="1" t="s">
        <v>125</v>
      </c>
      <c r="D1510" s="1" t="s">
        <v>6038</v>
      </c>
      <c r="E1510" s="1" t="s">
        <v>6039</v>
      </c>
      <c r="F1510" s="1" t="s">
        <v>6040</v>
      </c>
      <c r="G1510" s="1" t="s">
        <v>5948</v>
      </c>
      <c r="H1510" s="1" t="s">
        <v>13</v>
      </c>
      <c r="I1510" s="1" t="s">
        <v>5949</v>
      </c>
      <c r="J1510" s="1" t="s">
        <v>6041</v>
      </c>
    </row>
    <row r="1511" spans="1:10" x14ac:dyDescent="0.35">
      <c r="A1511" s="1" t="s">
        <v>5943</v>
      </c>
      <c r="B1511" s="1" t="s">
        <v>5944</v>
      </c>
      <c r="C1511" s="1" t="s">
        <v>130</v>
      </c>
      <c r="D1511" s="1" t="s">
        <v>6042</v>
      </c>
      <c r="E1511" s="1" t="s">
        <v>6043</v>
      </c>
      <c r="F1511" s="1" t="s">
        <v>6044</v>
      </c>
      <c r="G1511" s="1" t="s">
        <v>5948</v>
      </c>
      <c r="H1511" s="1" t="s">
        <v>13</v>
      </c>
      <c r="I1511" s="1" t="s">
        <v>5949</v>
      </c>
      <c r="J1511" s="1" t="s">
        <v>6045</v>
      </c>
    </row>
    <row r="1512" spans="1:10" x14ac:dyDescent="0.35">
      <c r="A1512" s="1" t="s">
        <v>5943</v>
      </c>
      <c r="B1512" s="1" t="s">
        <v>5944</v>
      </c>
      <c r="C1512" s="1" t="s">
        <v>135</v>
      </c>
      <c r="D1512" s="1" t="s">
        <v>6046</v>
      </c>
      <c r="E1512" s="1" t="s">
        <v>6047</v>
      </c>
      <c r="F1512" s="1" t="s">
        <v>6048</v>
      </c>
      <c r="G1512" s="1" t="s">
        <v>5948</v>
      </c>
      <c r="H1512" s="1" t="s">
        <v>13</v>
      </c>
      <c r="I1512" s="1" t="s">
        <v>5949</v>
      </c>
      <c r="J1512" s="1" t="s">
        <v>6049</v>
      </c>
    </row>
    <row r="1513" spans="1:10" x14ac:dyDescent="0.35">
      <c r="A1513" s="1" t="s">
        <v>5943</v>
      </c>
      <c r="B1513" s="1" t="s">
        <v>5944</v>
      </c>
      <c r="C1513" s="1" t="s">
        <v>140</v>
      </c>
      <c r="D1513" s="1" t="s">
        <v>6050</v>
      </c>
      <c r="E1513" s="1" t="s">
        <v>6051</v>
      </c>
      <c r="F1513" s="1" t="s">
        <v>6052</v>
      </c>
      <c r="G1513" s="1" t="s">
        <v>5948</v>
      </c>
      <c r="H1513" s="1" t="s">
        <v>13</v>
      </c>
      <c r="I1513" s="1" t="s">
        <v>5949</v>
      </c>
      <c r="J1513" s="1" t="s">
        <v>6053</v>
      </c>
    </row>
    <row r="1514" spans="1:10" x14ac:dyDescent="0.35">
      <c r="A1514" s="1" t="s">
        <v>5943</v>
      </c>
      <c r="B1514" s="1" t="s">
        <v>5944</v>
      </c>
      <c r="C1514" s="1" t="s">
        <v>145</v>
      </c>
      <c r="D1514" s="1" t="s">
        <v>6054</v>
      </c>
      <c r="E1514" s="1" t="s">
        <v>6055</v>
      </c>
      <c r="F1514" s="1" t="s">
        <v>6056</v>
      </c>
      <c r="G1514" s="1" t="s">
        <v>5948</v>
      </c>
      <c r="H1514" s="1" t="s">
        <v>13</v>
      </c>
      <c r="I1514" s="1" t="s">
        <v>5949</v>
      </c>
      <c r="J1514" s="1" t="s">
        <v>6057</v>
      </c>
    </row>
    <row r="1515" spans="1:10" x14ac:dyDescent="0.35">
      <c r="A1515" s="1" t="s">
        <v>5943</v>
      </c>
      <c r="B1515" s="1" t="s">
        <v>5944</v>
      </c>
      <c r="C1515" s="1" t="s">
        <v>150</v>
      </c>
      <c r="D1515" s="1" t="s">
        <v>6058</v>
      </c>
      <c r="E1515" s="1" t="s">
        <v>6059</v>
      </c>
      <c r="F1515" s="1" t="s">
        <v>6060</v>
      </c>
      <c r="G1515" s="1" t="s">
        <v>5948</v>
      </c>
      <c r="H1515" s="1" t="s">
        <v>13</v>
      </c>
      <c r="I1515" s="1" t="s">
        <v>5949</v>
      </c>
      <c r="J1515" s="1" t="s">
        <v>6061</v>
      </c>
    </row>
    <row r="1516" spans="1:10" x14ac:dyDescent="0.35">
      <c r="A1516" s="1" t="s">
        <v>5943</v>
      </c>
      <c r="B1516" s="1" t="s">
        <v>5944</v>
      </c>
      <c r="C1516" s="1" t="s">
        <v>155</v>
      </c>
      <c r="D1516" s="1" t="s">
        <v>6062</v>
      </c>
      <c r="E1516" s="1" t="s">
        <v>6063</v>
      </c>
      <c r="F1516" s="1" t="s">
        <v>6064</v>
      </c>
      <c r="G1516" s="1" t="s">
        <v>5948</v>
      </c>
      <c r="H1516" s="1" t="s">
        <v>13</v>
      </c>
      <c r="I1516" s="1" t="s">
        <v>5949</v>
      </c>
      <c r="J1516" s="1" t="s">
        <v>6065</v>
      </c>
    </row>
    <row r="1517" spans="1:10" x14ac:dyDescent="0.35">
      <c r="A1517" s="1" t="s">
        <v>5943</v>
      </c>
      <c r="B1517" s="1" t="s">
        <v>5944</v>
      </c>
      <c r="C1517" s="1" t="s">
        <v>160</v>
      </c>
      <c r="D1517" s="1" t="s">
        <v>6066</v>
      </c>
      <c r="E1517" s="1" t="s">
        <v>6067</v>
      </c>
      <c r="F1517" s="1" t="s">
        <v>6068</v>
      </c>
      <c r="G1517" s="1" t="s">
        <v>5948</v>
      </c>
      <c r="H1517" s="1" t="s">
        <v>13</v>
      </c>
      <c r="I1517" s="1" t="s">
        <v>5949</v>
      </c>
      <c r="J1517" s="1" t="s">
        <v>6069</v>
      </c>
    </row>
    <row r="1518" spans="1:10" x14ac:dyDescent="0.35">
      <c r="A1518" s="1" t="s">
        <v>5943</v>
      </c>
      <c r="B1518" s="1" t="s">
        <v>5944</v>
      </c>
      <c r="C1518" s="1" t="s">
        <v>165</v>
      </c>
      <c r="D1518" s="1" t="s">
        <v>6070</v>
      </c>
      <c r="E1518" s="1" t="s">
        <v>6071</v>
      </c>
      <c r="F1518" s="1" t="s">
        <v>6072</v>
      </c>
      <c r="G1518" s="1" t="s">
        <v>5948</v>
      </c>
      <c r="H1518" s="1" t="s">
        <v>13</v>
      </c>
      <c r="I1518" s="1" t="s">
        <v>5949</v>
      </c>
      <c r="J1518" s="1" t="s">
        <v>6073</v>
      </c>
    </row>
    <row r="1519" spans="1:10" x14ac:dyDescent="0.35">
      <c r="A1519" s="1" t="s">
        <v>5943</v>
      </c>
      <c r="B1519" s="1" t="s">
        <v>5944</v>
      </c>
      <c r="C1519" s="1" t="s">
        <v>170</v>
      </c>
      <c r="D1519" s="1" t="s">
        <v>6074</v>
      </c>
      <c r="E1519" s="1" t="s">
        <v>6075</v>
      </c>
      <c r="F1519" s="1" t="s">
        <v>6076</v>
      </c>
      <c r="G1519" s="1" t="s">
        <v>5948</v>
      </c>
      <c r="H1519" s="1" t="s">
        <v>13</v>
      </c>
      <c r="I1519" s="1" t="s">
        <v>5949</v>
      </c>
      <c r="J1519" s="1" t="s">
        <v>6077</v>
      </c>
    </row>
    <row r="1520" spans="1:10" x14ac:dyDescent="0.35">
      <c r="A1520" s="1" t="s">
        <v>6078</v>
      </c>
      <c r="B1520" s="1" t="s">
        <v>6079</v>
      </c>
      <c r="C1520" s="1" t="s">
        <v>8</v>
      </c>
      <c r="D1520" s="1" t="s">
        <v>6080</v>
      </c>
      <c r="E1520" s="1" t="s">
        <v>6081</v>
      </c>
      <c r="F1520" s="1" t="s">
        <v>6082</v>
      </c>
      <c r="G1520" s="1" t="s">
        <v>6083</v>
      </c>
      <c r="H1520" s="1" t="s">
        <v>13</v>
      </c>
      <c r="I1520" s="1" t="s">
        <v>6084</v>
      </c>
      <c r="J1520" s="1" t="s">
        <v>13</v>
      </c>
    </row>
    <row r="1521" spans="1:10" x14ac:dyDescent="0.35">
      <c r="A1521" s="1" t="s">
        <v>6078</v>
      </c>
      <c r="B1521" s="1" t="s">
        <v>6079</v>
      </c>
      <c r="C1521" s="1" t="s">
        <v>15</v>
      </c>
      <c r="D1521" s="1" t="s">
        <v>6085</v>
      </c>
      <c r="E1521" s="1" t="s">
        <v>6086</v>
      </c>
      <c r="F1521" s="1" t="s">
        <v>6087</v>
      </c>
      <c r="G1521" s="1" t="s">
        <v>6083</v>
      </c>
      <c r="H1521" s="1" t="s">
        <v>13</v>
      </c>
      <c r="I1521" s="1" t="s">
        <v>6084</v>
      </c>
      <c r="J1521" s="1" t="s">
        <v>6088</v>
      </c>
    </row>
    <row r="1522" spans="1:10" x14ac:dyDescent="0.35">
      <c r="A1522" s="1" t="s">
        <v>6078</v>
      </c>
      <c r="B1522" s="1" t="s">
        <v>6079</v>
      </c>
      <c r="C1522" s="1" t="s">
        <v>20</v>
      </c>
      <c r="D1522" s="1" t="s">
        <v>6089</v>
      </c>
      <c r="E1522" s="1" t="s">
        <v>6090</v>
      </c>
      <c r="F1522" s="1" t="s">
        <v>6091</v>
      </c>
      <c r="G1522" s="1" t="s">
        <v>6083</v>
      </c>
      <c r="H1522" s="1" t="s">
        <v>13</v>
      </c>
      <c r="I1522" s="1" t="s">
        <v>6084</v>
      </c>
      <c r="J1522" s="1" t="s">
        <v>6092</v>
      </c>
    </row>
    <row r="1523" spans="1:10" x14ac:dyDescent="0.35">
      <c r="A1523" s="1" t="s">
        <v>6078</v>
      </c>
      <c r="B1523" s="1" t="s">
        <v>6079</v>
      </c>
      <c r="C1523" s="1" t="s">
        <v>25</v>
      </c>
      <c r="D1523" s="1" t="s">
        <v>6093</v>
      </c>
      <c r="E1523" s="1" t="s">
        <v>6094</v>
      </c>
      <c r="F1523" s="1" t="s">
        <v>6095</v>
      </c>
      <c r="G1523" s="1" t="s">
        <v>6083</v>
      </c>
      <c r="H1523" s="1" t="s">
        <v>13</v>
      </c>
      <c r="I1523" s="1" t="s">
        <v>6084</v>
      </c>
      <c r="J1523" s="1" t="s">
        <v>6096</v>
      </c>
    </row>
    <row r="1524" spans="1:10" x14ac:dyDescent="0.35">
      <c r="A1524" s="1" t="s">
        <v>6078</v>
      </c>
      <c r="B1524" s="1" t="s">
        <v>6079</v>
      </c>
      <c r="C1524" s="1" t="s">
        <v>30</v>
      </c>
      <c r="D1524" s="1" t="s">
        <v>6097</v>
      </c>
      <c r="E1524" s="1" t="s">
        <v>6098</v>
      </c>
      <c r="F1524" s="1" t="s">
        <v>6099</v>
      </c>
      <c r="G1524" s="1" t="s">
        <v>6083</v>
      </c>
      <c r="H1524" s="1" t="s">
        <v>13</v>
      </c>
      <c r="I1524" s="1" t="s">
        <v>6084</v>
      </c>
      <c r="J1524" s="1" t="s">
        <v>6100</v>
      </c>
    </row>
    <row r="1525" spans="1:10" x14ac:dyDescent="0.35">
      <c r="A1525" s="1" t="s">
        <v>6078</v>
      </c>
      <c r="B1525" s="1" t="s">
        <v>6079</v>
      </c>
      <c r="C1525" s="1" t="s">
        <v>35</v>
      </c>
      <c r="D1525" s="1" t="s">
        <v>6101</v>
      </c>
      <c r="E1525" s="1" t="s">
        <v>6102</v>
      </c>
      <c r="F1525" s="1" t="s">
        <v>6103</v>
      </c>
      <c r="G1525" s="1" t="s">
        <v>6083</v>
      </c>
      <c r="H1525" s="1" t="s">
        <v>13</v>
      </c>
      <c r="I1525" s="1" t="s">
        <v>6084</v>
      </c>
      <c r="J1525" s="1" t="s">
        <v>6104</v>
      </c>
    </row>
    <row r="1526" spans="1:10" x14ac:dyDescent="0.35">
      <c r="A1526" s="1" t="s">
        <v>6078</v>
      </c>
      <c r="B1526" s="1" t="s">
        <v>6079</v>
      </c>
      <c r="C1526" s="1" t="s">
        <v>40</v>
      </c>
      <c r="D1526" s="1" t="s">
        <v>6105</v>
      </c>
      <c r="E1526" s="1" t="s">
        <v>6106</v>
      </c>
      <c r="F1526" s="1" t="s">
        <v>6107</v>
      </c>
      <c r="G1526" s="1" t="s">
        <v>6083</v>
      </c>
      <c r="H1526" s="1" t="s">
        <v>13</v>
      </c>
      <c r="I1526" s="1" t="s">
        <v>6084</v>
      </c>
      <c r="J1526" s="1" t="s">
        <v>6108</v>
      </c>
    </row>
    <row r="1527" spans="1:10" x14ac:dyDescent="0.35">
      <c r="A1527" s="1" t="s">
        <v>6078</v>
      </c>
      <c r="B1527" s="1" t="s">
        <v>6079</v>
      </c>
      <c r="C1527" s="1" t="s">
        <v>45</v>
      </c>
      <c r="D1527" s="1" t="s">
        <v>6109</v>
      </c>
      <c r="E1527" s="1" t="s">
        <v>6110</v>
      </c>
      <c r="F1527" s="1" t="s">
        <v>6111</v>
      </c>
      <c r="G1527" s="1" t="s">
        <v>6083</v>
      </c>
      <c r="H1527" s="1" t="s">
        <v>13</v>
      </c>
      <c r="I1527" s="1" t="s">
        <v>6084</v>
      </c>
      <c r="J1527" s="1" t="s">
        <v>6112</v>
      </c>
    </row>
    <row r="1528" spans="1:10" x14ac:dyDescent="0.35">
      <c r="A1528" s="1" t="s">
        <v>6078</v>
      </c>
      <c r="B1528" s="1" t="s">
        <v>6079</v>
      </c>
      <c r="C1528" s="1" t="s">
        <v>50</v>
      </c>
      <c r="D1528" s="1" t="s">
        <v>4293</v>
      </c>
      <c r="E1528" s="1" t="s">
        <v>6113</v>
      </c>
      <c r="F1528" s="1" t="s">
        <v>6114</v>
      </c>
      <c r="G1528" s="1" t="s">
        <v>6083</v>
      </c>
      <c r="H1528" s="1" t="s">
        <v>13</v>
      </c>
      <c r="I1528" s="1" t="s">
        <v>6084</v>
      </c>
      <c r="J1528" s="1" t="s">
        <v>6115</v>
      </c>
    </row>
    <row r="1529" spans="1:10" x14ac:dyDescent="0.35">
      <c r="A1529" s="1" t="s">
        <v>6078</v>
      </c>
      <c r="B1529" s="1" t="s">
        <v>6079</v>
      </c>
      <c r="C1529" s="1" t="s">
        <v>55</v>
      </c>
      <c r="D1529" s="1" t="s">
        <v>6116</v>
      </c>
      <c r="E1529" s="1" t="s">
        <v>6117</v>
      </c>
      <c r="F1529" s="1" t="s">
        <v>6118</v>
      </c>
      <c r="G1529" s="1" t="s">
        <v>6083</v>
      </c>
      <c r="H1529" s="1" t="s">
        <v>13</v>
      </c>
      <c r="I1529" s="1" t="s">
        <v>6084</v>
      </c>
      <c r="J1529" s="1" t="s">
        <v>6119</v>
      </c>
    </row>
    <row r="1530" spans="1:10" x14ac:dyDescent="0.35">
      <c r="A1530" s="1" t="s">
        <v>6078</v>
      </c>
      <c r="B1530" s="1" t="s">
        <v>6079</v>
      </c>
      <c r="C1530" s="1" t="s">
        <v>60</v>
      </c>
      <c r="D1530" s="1" t="s">
        <v>6120</v>
      </c>
      <c r="E1530" s="1" t="s">
        <v>6121</v>
      </c>
      <c r="F1530" s="1" t="s">
        <v>6122</v>
      </c>
      <c r="G1530" s="1" t="s">
        <v>6083</v>
      </c>
      <c r="H1530" s="1" t="s">
        <v>13</v>
      </c>
      <c r="I1530" s="1" t="s">
        <v>6084</v>
      </c>
      <c r="J1530" s="1" t="s">
        <v>6123</v>
      </c>
    </row>
    <row r="1531" spans="1:10" x14ac:dyDescent="0.35">
      <c r="A1531" s="1" t="s">
        <v>6078</v>
      </c>
      <c r="B1531" s="1" t="s">
        <v>6079</v>
      </c>
      <c r="C1531" s="1" t="s">
        <v>65</v>
      </c>
      <c r="D1531" s="1" t="s">
        <v>6089</v>
      </c>
      <c r="E1531" s="1" t="s">
        <v>6124</v>
      </c>
      <c r="F1531" s="1" t="s">
        <v>6125</v>
      </c>
      <c r="G1531" s="1" t="s">
        <v>6083</v>
      </c>
      <c r="H1531" s="1" t="s">
        <v>13</v>
      </c>
      <c r="I1531" s="1" t="s">
        <v>6084</v>
      </c>
      <c r="J1531" s="1" t="s">
        <v>6126</v>
      </c>
    </row>
    <row r="1532" spans="1:10" x14ac:dyDescent="0.35">
      <c r="A1532" s="1" t="s">
        <v>6078</v>
      </c>
      <c r="B1532" s="1" t="s">
        <v>6079</v>
      </c>
      <c r="C1532" s="1" t="s">
        <v>70</v>
      </c>
      <c r="D1532" s="1" t="s">
        <v>6127</v>
      </c>
      <c r="E1532" s="1" t="s">
        <v>6128</v>
      </c>
      <c r="F1532" s="1" t="s">
        <v>6129</v>
      </c>
      <c r="G1532" s="1" t="s">
        <v>6083</v>
      </c>
      <c r="H1532" s="1" t="s">
        <v>13</v>
      </c>
      <c r="I1532" s="1" t="s">
        <v>6084</v>
      </c>
      <c r="J1532" s="1" t="s">
        <v>6130</v>
      </c>
    </row>
    <row r="1533" spans="1:10" x14ac:dyDescent="0.35">
      <c r="A1533" s="1" t="s">
        <v>6078</v>
      </c>
      <c r="B1533" s="1" t="s">
        <v>6079</v>
      </c>
      <c r="C1533" s="1" t="s">
        <v>75</v>
      </c>
      <c r="D1533" s="1" t="s">
        <v>6131</v>
      </c>
      <c r="E1533" s="1" t="s">
        <v>6132</v>
      </c>
      <c r="F1533" s="1" t="s">
        <v>6133</v>
      </c>
      <c r="G1533" s="1" t="s">
        <v>6083</v>
      </c>
      <c r="H1533" s="1" t="s">
        <v>13</v>
      </c>
      <c r="I1533" s="1" t="s">
        <v>6084</v>
      </c>
      <c r="J1533" s="1" t="s">
        <v>6134</v>
      </c>
    </row>
    <row r="1534" spans="1:10" x14ac:dyDescent="0.35">
      <c r="A1534" s="1" t="s">
        <v>6078</v>
      </c>
      <c r="B1534" s="1" t="s">
        <v>6079</v>
      </c>
      <c r="C1534" s="1" t="s">
        <v>80</v>
      </c>
      <c r="D1534" s="1" t="s">
        <v>6135</v>
      </c>
      <c r="E1534" s="1" t="s">
        <v>6136</v>
      </c>
      <c r="F1534" s="1" t="s">
        <v>6137</v>
      </c>
      <c r="G1534" s="1" t="s">
        <v>6083</v>
      </c>
      <c r="H1534" s="1" t="s">
        <v>13</v>
      </c>
      <c r="I1534" s="1" t="s">
        <v>6084</v>
      </c>
      <c r="J1534" s="1" t="s">
        <v>6138</v>
      </c>
    </row>
    <row r="1535" spans="1:10" x14ac:dyDescent="0.35">
      <c r="A1535" s="1" t="s">
        <v>6078</v>
      </c>
      <c r="B1535" s="1" t="s">
        <v>6079</v>
      </c>
      <c r="C1535" s="1" t="s">
        <v>85</v>
      </c>
      <c r="D1535" s="1" t="s">
        <v>6139</v>
      </c>
      <c r="E1535" s="1" t="s">
        <v>6140</v>
      </c>
      <c r="F1535" s="1" t="s">
        <v>6141</v>
      </c>
      <c r="G1535" s="1" t="s">
        <v>6083</v>
      </c>
      <c r="H1535" s="1" t="s">
        <v>13</v>
      </c>
      <c r="I1535" s="1" t="s">
        <v>6084</v>
      </c>
      <c r="J1535" s="1" t="s">
        <v>6142</v>
      </c>
    </row>
    <row r="1536" spans="1:10" x14ac:dyDescent="0.35">
      <c r="A1536" s="1" t="s">
        <v>6078</v>
      </c>
      <c r="B1536" s="1" t="s">
        <v>6079</v>
      </c>
      <c r="C1536" s="1" t="s">
        <v>90</v>
      </c>
      <c r="D1536" s="1" t="s">
        <v>6143</v>
      </c>
      <c r="E1536" s="1" t="s">
        <v>6144</v>
      </c>
      <c r="F1536" s="1" t="s">
        <v>6145</v>
      </c>
      <c r="G1536" s="1" t="s">
        <v>6083</v>
      </c>
      <c r="H1536" s="1" t="s">
        <v>13</v>
      </c>
      <c r="I1536" s="1" t="s">
        <v>6084</v>
      </c>
      <c r="J1536" s="1" t="s">
        <v>6146</v>
      </c>
    </row>
    <row r="1537" spans="1:10" x14ac:dyDescent="0.35">
      <c r="A1537" s="1" t="s">
        <v>6078</v>
      </c>
      <c r="B1537" s="1" t="s">
        <v>6079</v>
      </c>
      <c r="C1537" s="1" t="s">
        <v>95</v>
      </c>
      <c r="D1537" s="1" t="s">
        <v>6147</v>
      </c>
      <c r="E1537" s="1" t="s">
        <v>6148</v>
      </c>
      <c r="F1537" s="1" t="s">
        <v>6149</v>
      </c>
      <c r="G1537" s="1" t="s">
        <v>6083</v>
      </c>
      <c r="H1537" s="1" t="s">
        <v>13</v>
      </c>
      <c r="I1537" s="1" t="s">
        <v>6084</v>
      </c>
      <c r="J1537" s="1" t="s">
        <v>6150</v>
      </c>
    </row>
    <row r="1538" spans="1:10" x14ac:dyDescent="0.35">
      <c r="A1538" s="1" t="s">
        <v>6078</v>
      </c>
      <c r="B1538" s="1" t="s">
        <v>6079</v>
      </c>
      <c r="C1538" s="1" t="s">
        <v>100</v>
      </c>
      <c r="D1538" s="1" t="s">
        <v>6151</v>
      </c>
      <c r="E1538" s="1" t="s">
        <v>6152</v>
      </c>
      <c r="F1538" s="1" t="s">
        <v>6153</v>
      </c>
      <c r="G1538" s="1" t="s">
        <v>6083</v>
      </c>
      <c r="H1538" s="1" t="s">
        <v>13</v>
      </c>
      <c r="I1538" s="1" t="s">
        <v>6084</v>
      </c>
      <c r="J1538" s="1" t="s">
        <v>6154</v>
      </c>
    </row>
    <row r="1539" spans="1:10" x14ac:dyDescent="0.35">
      <c r="A1539" s="1" t="s">
        <v>6078</v>
      </c>
      <c r="B1539" s="1" t="s">
        <v>6079</v>
      </c>
      <c r="C1539" s="1" t="s">
        <v>105</v>
      </c>
      <c r="D1539" s="1" t="s">
        <v>6155</v>
      </c>
      <c r="E1539" s="1" t="s">
        <v>6156</v>
      </c>
      <c r="F1539" s="1" t="s">
        <v>6157</v>
      </c>
      <c r="G1539" s="1" t="s">
        <v>6083</v>
      </c>
      <c r="H1539" s="1" t="s">
        <v>13</v>
      </c>
      <c r="I1539" s="1" t="s">
        <v>6084</v>
      </c>
      <c r="J1539" s="1" t="s">
        <v>6158</v>
      </c>
    </row>
    <row r="1540" spans="1:10" x14ac:dyDescent="0.35">
      <c r="A1540" s="1" t="s">
        <v>6078</v>
      </c>
      <c r="B1540" s="1" t="s">
        <v>6079</v>
      </c>
      <c r="C1540" s="1" t="s">
        <v>110</v>
      </c>
      <c r="D1540" s="1" t="s">
        <v>6159</v>
      </c>
      <c r="E1540" s="1" t="s">
        <v>6160</v>
      </c>
      <c r="F1540" s="1" t="s">
        <v>6161</v>
      </c>
      <c r="G1540" s="1" t="s">
        <v>6083</v>
      </c>
      <c r="H1540" s="1" t="s">
        <v>13</v>
      </c>
      <c r="I1540" s="1" t="s">
        <v>6084</v>
      </c>
      <c r="J1540" s="1" t="s">
        <v>6162</v>
      </c>
    </row>
    <row r="1541" spans="1:10" x14ac:dyDescent="0.35">
      <c r="A1541" s="1" t="s">
        <v>6078</v>
      </c>
      <c r="B1541" s="1" t="s">
        <v>6079</v>
      </c>
      <c r="C1541" s="1" t="s">
        <v>115</v>
      </c>
      <c r="D1541" s="1" t="s">
        <v>6163</v>
      </c>
      <c r="E1541" s="1" t="s">
        <v>6164</v>
      </c>
      <c r="F1541" s="1" t="s">
        <v>6165</v>
      </c>
      <c r="G1541" s="1" t="s">
        <v>6083</v>
      </c>
      <c r="H1541" s="1" t="s">
        <v>13</v>
      </c>
      <c r="I1541" s="1" t="s">
        <v>6084</v>
      </c>
      <c r="J1541" s="1" t="s">
        <v>6166</v>
      </c>
    </row>
    <row r="1542" spans="1:10" x14ac:dyDescent="0.35">
      <c r="A1542" s="1" t="s">
        <v>6078</v>
      </c>
      <c r="B1542" s="1" t="s">
        <v>6079</v>
      </c>
      <c r="C1542" s="1" t="s">
        <v>120</v>
      </c>
      <c r="D1542" s="1" t="s">
        <v>6167</v>
      </c>
      <c r="E1542" s="1" t="s">
        <v>6168</v>
      </c>
      <c r="F1542" s="1" t="s">
        <v>6169</v>
      </c>
      <c r="G1542" s="1" t="s">
        <v>6083</v>
      </c>
      <c r="H1542" s="1" t="s">
        <v>13</v>
      </c>
      <c r="I1542" s="1" t="s">
        <v>6084</v>
      </c>
      <c r="J1542" s="1" t="s">
        <v>6170</v>
      </c>
    </row>
    <row r="1543" spans="1:10" x14ac:dyDescent="0.35">
      <c r="A1543" s="1" t="s">
        <v>6078</v>
      </c>
      <c r="B1543" s="1" t="s">
        <v>6079</v>
      </c>
      <c r="C1543" s="1" t="s">
        <v>125</v>
      </c>
      <c r="D1543" s="1" t="s">
        <v>6171</v>
      </c>
      <c r="E1543" s="1" t="s">
        <v>6172</v>
      </c>
      <c r="F1543" s="1" t="s">
        <v>6173</v>
      </c>
      <c r="G1543" s="1" t="s">
        <v>6083</v>
      </c>
      <c r="H1543" s="1" t="s">
        <v>13</v>
      </c>
      <c r="I1543" s="1" t="s">
        <v>6084</v>
      </c>
      <c r="J1543" s="1" t="s">
        <v>6174</v>
      </c>
    </row>
    <row r="1544" spans="1:10" x14ac:dyDescent="0.35">
      <c r="A1544" s="1" t="s">
        <v>6078</v>
      </c>
      <c r="B1544" s="1" t="s">
        <v>6079</v>
      </c>
      <c r="C1544" s="1" t="s">
        <v>130</v>
      </c>
      <c r="D1544" s="1" t="s">
        <v>6175</v>
      </c>
      <c r="E1544" s="1" t="s">
        <v>6176</v>
      </c>
      <c r="F1544" s="1" t="s">
        <v>6177</v>
      </c>
      <c r="G1544" s="1" t="s">
        <v>6083</v>
      </c>
      <c r="H1544" s="1" t="s">
        <v>13</v>
      </c>
      <c r="I1544" s="1" t="s">
        <v>6084</v>
      </c>
      <c r="J1544" s="1" t="s">
        <v>6178</v>
      </c>
    </row>
    <row r="1545" spans="1:10" x14ac:dyDescent="0.35">
      <c r="A1545" s="1" t="s">
        <v>6078</v>
      </c>
      <c r="B1545" s="1" t="s">
        <v>6079</v>
      </c>
      <c r="C1545" s="1" t="s">
        <v>135</v>
      </c>
      <c r="D1545" s="1" t="s">
        <v>6179</v>
      </c>
      <c r="E1545" s="1" t="s">
        <v>6180</v>
      </c>
      <c r="F1545" s="1" t="s">
        <v>6181</v>
      </c>
      <c r="G1545" s="1" t="s">
        <v>6083</v>
      </c>
      <c r="H1545" s="1" t="s">
        <v>13</v>
      </c>
      <c r="I1545" s="1" t="s">
        <v>6084</v>
      </c>
      <c r="J1545" s="1" t="s">
        <v>6182</v>
      </c>
    </row>
    <row r="1546" spans="1:10" x14ac:dyDescent="0.35">
      <c r="A1546" s="1" t="s">
        <v>6078</v>
      </c>
      <c r="B1546" s="1" t="s">
        <v>6079</v>
      </c>
      <c r="C1546" s="1" t="s">
        <v>140</v>
      </c>
      <c r="D1546" s="1" t="s">
        <v>6183</v>
      </c>
      <c r="E1546" s="1" t="s">
        <v>6184</v>
      </c>
      <c r="F1546" s="1" t="s">
        <v>6185</v>
      </c>
      <c r="G1546" s="1" t="s">
        <v>6083</v>
      </c>
      <c r="H1546" s="1" t="s">
        <v>13</v>
      </c>
      <c r="I1546" s="1" t="s">
        <v>6084</v>
      </c>
      <c r="J1546" s="1" t="s">
        <v>6186</v>
      </c>
    </row>
    <row r="1547" spans="1:10" x14ac:dyDescent="0.35">
      <c r="A1547" s="1" t="s">
        <v>6078</v>
      </c>
      <c r="B1547" s="1" t="s">
        <v>6079</v>
      </c>
      <c r="C1547" s="1" t="s">
        <v>145</v>
      </c>
      <c r="D1547" s="1" t="s">
        <v>6097</v>
      </c>
      <c r="E1547" s="1" t="s">
        <v>6187</v>
      </c>
      <c r="F1547" s="1" t="s">
        <v>6188</v>
      </c>
      <c r="G1547" s="1" t="s">
        <v>6083</v>
      </c>
      <c r="H1547" s="1" t="s">
        <v>13</v>
      </c>
      <c r="I1547" s="1" t="s">
        <v>6084</v>
      </c>
      <c r="J1547" s="1" t="s">
        <v>6189</v>
      </c>
    </row>
    <row r="1548" spans="1:10" x14ac:dyDescent="0.35">
      <c r="A1548" s="1" t="s">
        <v>6078</v>
      </c>
      <c r="B1548" s="1" t="s">
        <v>6079</v>
      </c>
      <c r="C1548" s="1" t="s">
        <v>150</v>
      </c>
      <c r="D1548" s="1" t="s">
        <v>6190</v>
      </c>
      <c r="E1548" s="1" t="s">
        <v>6191</v>
      </c>
      <c r="F1548" s="1" t="s">
        <v>6192</v>
      </c>
      <c r="G1548" s="1" t="s">
        <v>6083</v>
      </c>
      <c r="H1548" s="1" t="s">
        <v>13</v>
      </c>
      <c r="I1548" s="1" t="s">
        <v>6084</v>
      </c>
      <c r="J1548" s="1" t="s">
        <v>6193</v>
      </c>
    </row>
    <row r="1549" spans="1:10" x14ac:dyDescent="0.35">
      <c r="A1549" s="1" t="s">
        <v>6078</v>
      </c>
      <c r="B1549" s="1" t="s">
        <v>6079</v>
      </c>
      <c r="C1549" s="1" t="s">
        <v>155</v>
      </c>
      <c r="D1549" s="1" t="s">
        <v>6194</v>
      </c>
      <c r="E1549" s="1" t="s">
        <v>6195</v>
      </c>
      <c r="F1549" s="1" t="s">
        <v>6196</v>
      </c>
      <c r="G1549" s="1" t="s">
        <v>6083</v>
      </c>
      <c r="H1549" s="1" t="s">
        <v>13</v>
      </c>
      <c r="I1549" s="1" t="s">
        <v>6084</v>
      </c>
      <c r="J1549" s="1" t="s">
        <v>6197</v>
      </c>
    </row>
    <row r="1550" spans="1:10" x14ac:dyDescent="0.35">
      <c r="A1550" s="1" t="s">
        <v>6078</v>
      </c>
      <c r="B1550" s="1" t="s">
        <v>6079</v>
      </c>
      <c r="C1550" s="1" t="s">
        <v>160</v>
      </c>
      <c r="D1550" s="1" t="s">
        <v>6198</v>
      </c>
      <c r="E1550" s="1" t="s">
        <v>6199</v>
      </c>
      <c r="F1550" s="1" t="s">
        <v>6200</v>
      </c>
      <c r="G1550" s="1" t="s">
        <v>6083</v>
      </c>
      <c r="H1550" s="1" t="s">
        <v>13</v>
      </c>
      <c r="I1550" s="1" t="s">
        <v>6084</v>
      </c>
      <c r="J1550" s="1" t="s">
        <v>6201</v>
      </c>
    </row>
    <row r="1551" spans="1:10" x14ac:dyDescent="0.35">
      <c r="A1551" s="1" t="s">
        <v>6078</v>
      </c>
      <c r="B1551" s="1" t="s">
        <v>6079</v>
      </c>
      <c r="C1551" s="1" t="s">
        <v>165</v>
      </c>
      <c r="D1551" s="1" t="s">
        <v>6202</v>
      </c>
      <c r="E1551" s="1" t="s">
        <v>6203</v>
      </c>
      <c r="F1551" s="1" t="s">
        <v>6204</v>
      </c>
      <c r="G1551" s="1" t="s">
        <v>6083</v>
      </c>
      <c r="H1551" s="1" t="s">
        <v>13</v>
      </c>
      <c r="I1551" s="1" t="s">
        <v>6084</v>
      </c>
      <c r="J1551" s="1" t="s">
        <v>6205</v>
      </c>
    </row>
    <row r="1552" spans="1:10" x14ac:dyDescent="0.35">
      <c r="A1552" s="1" t="s">
        <v>6078</v>
      </c>
      <c r="B1552" s="1" t="s">
        <v>6079</v>
      </c>
      <c r="C1552" s="1" t="s">
        <v>170</v>
      </c>
      <c r="D1552" s="1" t="s">
        <v>6206</v>
      </c>
      <c r="E1552" s="1" t="s">
        <v>6207</v>
      </c>
      <c r="F1552" s="1" t="s">
        <v>6208</v>
      </c>
      <c r="G1552" s="1" t="s">
        <v>6083</v>
      </c>
      <c r="H1552" s="1" t="s">
        <v>13</v>
      </c>
      <c r="I1552" s="1" t="s">
        <v>6084</v>
      </c>
      <c r="J1552" s="1" t="s">
        <v>6209</v>
      </c>
    </row>
    <row r="1553" spans="1:10" x14ac:dyDescent="0.35">
      <c r="A1553" s="1" t="s">
        <v>6210</v>
      </c>
      <c r="B1553" s="1" t="s">
        <v>6211</v>
      </c>
      <c r="C1553" s="1" t="s">
        <v>8</v>
      </c>
      <c r="D1553" s="1" t="s">
        <v>6212</v>
      </c>
      <c r="E1553" s="1" t="s">
        <v>6213</v>
      </c>
      <c r="F1553" s="1" t="s">
        <v>6214</v>
      </c>
      <c r="G1553" s="1" t="s">
        <v>6215</v>
      </c>
      <c r="H1553" s="1" t="s">
        <v>13</v>
      </c>
      <c r="I1553" s="1" t="s">
        <v>6216</v>
      </c>
      <c r="J1553" s="1" t="s">
        <v>13</v>
      </c>
    </row>
    <row r="1554" spans="1:10" x14ac:dyDescent="0.35">
      <c r="A1554" s="1" t="s">
        <v>6210</v>
      </c>
      <c r="B1554" s="1" t="s">
        <v>6211</v>
      </c>
      <c r="C1554" s="1" t="s">
        <v>15</v>
      </c>
      <c r="D1554" s="1" t="s">
        <v>6217</v>
      </c>
      <c r="E1554" s="1" t="s">
        <v>6218</v>
      </c>
      <c r="F1554" s="1" t="s">
        <v>6219</v>
      </c>
      <c r="G1554" s="1" t="s">
        <v>6215</v>
      </c>
      <c r="H1554" s="1" t="s">
        <v>13</v>
      </c>
      <c r="I1554" s="1" t="s">
        <v>6216</v>
      </c>
      <c r="J1554" s="1" t="s">
        <v>6220</v>
      </c>
    </row>
    <row r="1555" spans="1:10" x14ac:dyDescent="0.35">
      <c r="A1555" s="1" t="s">
        <v>6210</v>
      </c>
      <c r="B1555" s="1" t="s">
        <v>6211</v>
      </c>
      <c r="C1555" s="1" t="s">
        <v>20</v>
      </c>
      <c r="D1555" s="1" t="s">
        <v>6221</v>
      </c>
      <c r="E1555" s="1" t="s">
        <v>6222</v>
      </c>
      <c r="F1555" s="1" t="s">
        <v>6223</v>
      </c>
      <c r="G1555" s="1" t="s">
        <v>6215</v>
      </c>
      <c r="H1555" s="1" t="s">
        <v>13</v>
      </c>
      <c r="I1555" s="1" t="s">
        <v>6216</v>
      </c>
      <c r="J1555" s="1" t="s">
        <v>6224</v>
      </c>
    </row>
    <row r="1556" spans="1:10" x14ac:dyDescent="0.35">
      <c r="A1556" s="1" t="s">
        <v>6210</v>
      </c>
      <c r="B1556" s="1" t="s">
        <v>6211</v>
      </c>
      <c r="C1556" s="1" t="s">
        <v>25</v>
      </c>
      <c r="D1556" s="1" t="s">
        <v>1813</v>
      </c>
      <c r="E1556" s="1" t="s">
        <v>6225</v>
      </c>
      <c r="F1556" s="1" t="s">
        <v>6226</v>
      </c>
      <c r="G1556" s="1" t="s">
        <v>6215</v>
      </c>
      <c r="H1556" s="1" t="s">
        <v>13</v>
      </c>
      <c r="I1556" s="1" t="s">
        <v>6216</v>
      </c>
      <c r="J1556" s="1" t="s">
        <v>6227</v>
      </c>
    </row>
    <row r="1557" spans="1:10" x14ac:dyDescent="0.35">
      <c r="A1557" s="1" t="s">
        <v>6210</v>
      </c>
      <c r="B1557" s="1" t="s">
        <v>6211</v>
      </c>
      <c r="C1557" s="1" t="s">
        <v>30</v>
      </c>
      <c r="D1557" s="1" t="s">
        <v>6228</v>
      </c>
      <c r="E1557" s="1" t="s">
        <v>6229</v>
      </c>
      <c r="F1557" s="1" t="s">
        <v>6230</v>
      </c>
      <c r="G1557" s="1" t="s">
        <v>6215</v>
      </c>
      <c r="H1557" s="1" t="s">
        <v>13</v>
      </c>
      <c r="I1557" s="1" t="s">
        <v>6216</v>
      </c>
      <c r="J1557" s="1" t="s">
        <v>6231</v>
      </c>
    </row>
    <row r="1558" spans="1:10" x14ac:dyDescent="0.35">
      <c r="A1558" s="1" t="s">
        <v>6210</v>
      </c>
      <c r="B1558" s="1" t="s">
        <v>6211</v>
      </c>
      <c r="C1558" s="1" t="s">
        <v>35</v>
      </c>
      <c r="D1558" s="1" t="s">
        <v>2259</v>
      </c>
      <c r="E1558" s="1" t="s">
        <v>6232</v>
      </c>
      <c r="F1558" s="1" t="s">
        <v>6233</v>
      </c>
      <c r="G1558" s="1" t="s">
        <v>6215</v>
      </c>
      <c r="H1558" s="1" t="s">
        <v>13</v>
      </c>
      <c r="I1558" s="1" t="s">
        <v>6216</v>
      </c>
      <c r="J1558" s="1" t="s">
        <v>6234</v>
      </c>
    </row>
    <row r="1559" spans="1:10" x14ac:dyDescent="0.35">
      <c r="A1559" s="1" t="s">
        <v>6210</v>
      </c>
      <c r="B1559" s="1" t="s">
        <v>6211</v>
      </c>
      <c r="C1559" s="1" t="s">
        <v>40</v>
      </c>
      <c r="D1559" s="1" t="s">
        <v>6235</v>
      </c>
      <c r="E1559" s="1" t="s">
        <v>6236</v>
      </c>
      <c r="F1559" s="1" t="s">
        <v>6237</v>
      </c>
      <c r="G1559" s="1" t="s">
        <v>6215</v>
      </c>
      <c r="H1559" s="1" t="s">
        <v>13</v>
      </c>
      <c r="I1559" s="1" t="s">
        <v>6216</v>
      </c>
      <c r="J1559" s="1" t="s">
        <v>6238</v>
      </c>
    </row>
    <row r="1560" spans="1:10" x14ac:dyDescent="0.35">
      <c r="A1560" s="1" t="s">
        <v>6210</v>
      </c>
      <c r="B1560" s="1" t="s">
        <v>6211</v>
      </c>
      <c r="C1560" s="1" t="s">
        <v>45</v>
      </c>
      <c r="D1560" s="1" t="s">
        <v>6239</v>
      </c>
      <c r="E1560" s="1" t="s">
        <v>6240</v>
      </c>
      <c r="F1560" s="1" t="s">
        <v>6241</v>
      </c>
      <c r="G1560" s="1" t="s">
        <v>6215</v>
      </c>
      <c r="H1560" s="1" t="s">
        <v>13</v>
      </c>
      <c r="I1560" s="1" t="s">
        <v>6216</v>
      </c>
      <c r="J1560" s="1" t="s">
        <v>6242</v>
      </c>
    </row>
    <row r="1561" spans="1:10" x14ac:dyDescent="0.35">
      <c r="A1561" s="1" t="s">
        <v>6210</v>
      </c>
      <c r="B1561" s="1" t="s">
        <v>6211</v>
      </c>
      <c r="C1561" s="1" t="s">
        <v>50</v>
      </c>
      <c r="D1561" s="1" t="s">
        <v>6243</v>
      </c>
      <c r="E1561" s="1" t="s">
        <v>6244</v>
      </c>
      <c r="F1561" s="1" t="s">
        <v>6245</v>
      </c>
      <c r="G1561" s="1" t="s">
        <v>6215</v>
      </c>
      <c r="H1561" s="1" t="s">
        <v>13</v>
      </c>
      <c r="I1561" s="1" t="s">
        <v>6216</v>
      </c>
      <c r="J1561" s="1" t="s">
        <v>6246</v>
      </c>
    </row>
    <row r="1562" spans="1:10" x14ac:dyDescent="0.35">
      <c r="A1562" s="1" t="s">
        <v>6210</v>
      </c>
      <c r="B1562" s="1" t="s">
        <v>6211</v>
      </c>
      <c r="C1562" s="1" t="s">
        <v>55</v>
      </c>
      <c r="D1562" s="1" t="s">
        <v>6247</v>
      </c>
      <c r="E1562" s="1" t="s">
        <v>6248</v>
      </c>
      <c r="F1562" s="1" t="s">
        <v>6249</v>
      </c>
      <c r="G1562" s="1" t="s">
        <v>6215</v>
      </c>
      <c r="H1562" s="1" t="s">
        <v>13</v>
      </c>
      <c r="I1562" s="1" t="s">
        <v>6216</v>
      </c>
      <c r="J1562" s="1" t="s">
        <v>6250</v>
      </c>
    </row>
    <row r="1563" spans="1:10" x14ac:dyDescent="0.35">
      <c r="A1563" s="1" t="s">
        <v>6210</v>
      </c>
      <c r="B1563" s="1" t="s">
        <v>6211</v>
      </c>
      <c r="C1563" s="1" t="s">
        <v>60</v>
      </c>
      <c r="D1563" s="1" t="s">
        <v>6243</v>
      </c>
      <c r="E1563" s="1" t="s">
        <v>6251</v>
      </c>
      <c r="F1563" s="1" t="s">
        <v>6252</v>
      </c>
      <c r="G1563" s="1" t="s">
        <v>6215</v>
      </c>
      <c r="H1563" s="1" t="s">
        <v>13</v>
      </c>
      <c r="I1563" s="1" t="s">
        <v>6216</v>
      </c>
      <c r="J1563" s="1" t="s">
        <v>6253</v>
      </c>
    </row>
    <row r="1564" spans="1:10" x14ac:dyDescent="0.35">
      <c r="A1564" s="1" t="s">
        <v>6210</v>
      </c>
      <c r="B1564" s="1" t="s">
        <v>6211</v>
      </c>
      <c r="C1564" s="1" t="s">
        <v>65</v>
      </c>
      <c r="D1564" s="1" t="s">
        <v>1777</v>
      </c>
      <c r="E1564" s="1" t="s">
        <v>6254</v>
      </c>
      <c r="F1564" s="1" t="s">
        <v>6255</v>
      </c>
      <c r="G1564" s="1" t="s">
        <v>6215</v>
      </c>
      <c r="H1564" s="1" t="s">
        <v>13</v>
      </c>
      <c r="I1564" s="1" t="s">
        <v>6216</v>
      </c>
      <c r="J1564" s="1" t="s">
        <v>6256</v>
      </c>
    </row>
    <row r="1565" spans="1:10" x14ac:dyDescent="0.35">
      <c r="A1565" s="1" t="s">
        <v>6210</v>
      </c>
      <c r="B1565" s="1" t="s">
        <v>6211</v>
      </c>
      <c r="C1565" s="1" t="s">
        <v>70</v>
      </c>
      <c r="D1565" s="1" t="s">
        <v>1938</v>
      </c>
      <c r="E1565" s="1" t="s">
        <v>6257</v>
      </c>
      <c r="F1565" s="1" t="s">
        <v>6258</v>
      </c>
      <c r="G1565" s="1" t="s">
        <v>6215</v>
      </c>
      <c r="H1565" s="1" t="s">
        <v>13</v>
      </c>
      <c r="I1565" s="1" t="s">
        <v>6216</v>
      </c>
      <c r="J1565" s="1" t="s">
        <v>6259</v>
      </c>
    </row>
    <row r="1566" spans="1:10" x14ac:dyDescent="0.35">
      <c r="A1566" s="1" t="s">
        <v>6210</v>
      </c>
      <c r="B1566" s="1" t="s">
        <v>6211</v>
      </c>
      <c r="C1566" s="1" t="s">
        <v>75</v>
      </c>
      <c r="D1566" s="1" t="s">
        <v>2267</v>
      </c>
      <c r="E1566" s="1" t="s">
        <v>6260</v>
      </c>
      <c r="F1566" s="1" t="s">
        <v>6261</v>
      </c>
      <c r="G1566" s="1" t="s">
        <v>6215</v>
      </c>
      <c r="H1566" s="1" t="s">
        <v>13</v>
      </c>
      <c r="I1566" s="1" t="s">
        <v>6216</v>
      </c>
      <c r="J1566" s="1" t="s">
        <v>6262</v>
      </c>
    </row>
    <row r="1567" spans="1:10" x14ac:dyDescent="0.35">
      <c r="A1567" s="1" t="s">
        <v>6210</v>
      </c>
      <c r="B1567" s="1" t="s">
        <v>6211</v>
      </c>
      <c r="C1567" s="1" t="s">
        <v>80</v>
      </c>
      <c r="D1567" s="1" t="s">
        <v>6263</v>
      </c>
      <c r="E1567" s="1" t="s">
        <v>6264</v>
      </c>
      <c r="F1567" s="1" t="s">
        <v>6265</v>
      </c>
      <c r="G1567" s="1" t="s">
        <v>6215</v>
      </c>
      <c r="H1567" s="1" t="s">
        <v>13</v>
      </c>
      <c r="I1567" s="1" t="s">
        <v>6216</v>
      </c>
      <c r="J1567" s="1" t="s">
        <v>6266</v>
      </c>
    </row>
    <row r="1568" spans="1:10" x14ac:dyDescent="0.35">
      <c r="A1568" s="1" t="s">
        <v>6210</v>
      </c>
      <c r="B1568" s="1" t="s">
        <v>6211</v>
      </c>
      <c r="C1568" s="1" t="s">
        <v>85</v>
      </c>
      <c r="D1568" s="1" t="s">
        <v>6267</v>
      </c>
      <c r="E1568" s="1" t="s">
        <v>6268</v>
      </c>
      <c r="F1568" s="1" t="s">
        <v>6269</v>
      </c>
      <c r="G1568" s="1" t="s">
        <v>6215</v>
      </c>
      <c r="H1568" s="1" t="s">
        <v>13</v>
      </c>
      <c r="I1568" s="1" t="s">
        <v>6216</v>
      </c>
      <c r="J1568" s="1" t="s">
        <v>6270</v>
      </c>
    </row>
    <row r="1569" spans="1:10" x14ac:dyDescent="0.35">
      <c r="A1569" s="1" t="s">
        <v>6210</v>
      </c>
      <c r="B1569" s="1" t="s">
        <v>6211</v>
      </c>
      <c r="C1569" s="1" t="s">
        <v>90</v>
      </c>
      <c r="D1569" s="1" t="s">
        <v>1900</v>
      </c>
      <c r="E1569" s="1" t="s">
        <v>6271</v>
      </c>
      <c r="F1569" s="1" t="s">
        <v>6272</v>
      </c>
      <c r="G1569" s="1" t="s">
        <v>6215</v>
      </c>
      <c r="H1569" s="1" t="s">
        <v>13</v>
      </c>
      <c r="I1569" s="1" t="s">
        <v>6216</v>
      </c>
      <c r="J1569" s="1" t="s">
        <v>6273</v>
      </c>
    </row>
    <row r="1570" spans="1:10" x14ac:dyDescent="0.35">
      <c r="A1570" s="1" t="s">
        <v>6210</v>
      </c>
      <c r="B1570" s="1" t="s">
        <v>6211</v>
      </c>
      <c r="C1570" s="1" t="s">
        <v>95</v>
      </c>
      <c r="D1570" s="1" t="s">
        <v>6274</v>
      </c>
      <c r="E1570" s="1" t="s">
        <v>6275</v>
      </c>
      <c r="F1570" s="1" t="s">
        <v>6276</v>
      </c>
      <c r="G1570" s="1" t="s">
        <v>6215</v>
      </c>
      <c r="H1570" s="1" t="s">
        <v>13</v>
      </c>
      <c r="I1570" s="1" t="s">
        <v>6216</v>
      </c>
      <c r="J1570" s="1" t="s">
        <v>6277</v>
      </c>
    </row>
    <row r="1571" spans="1:10" x14ac:dyDescent="0.35">
      <c r="A1571" s="1" t="s">
        <v>6210</v>
      </c>
      <c r="B1571" s="1" t="s">
        <v>6211</v>
      </c>
      <c r="C1571" s="1" t="s">
        <v>100</v>
      </c>
      <c r="D1571" s="1" t="s">
        <v>6278</v>
      </c>
      <c r="E1571" s="1" t="s">
        <v>6279</v>
      </c>
      <c r="F1571" s="1" t="s">
        <v>6280</v>
      </c>
      <c r="G1571" s="1" t="s">
        <v>6215</v>
      </c>
      <c r="H1571" s="1" t="s">
        <v>13</v>
      </c>
      <c r="I1571" s="1" t="s">
        <v>6216</v>
      </c>
      <c r="J1571" s="1" t="s">
        <v>6281</v>
      </c>
    </row>
    <row r="1572" spans="1:10" x14ac:dyDescent="0.35">
      <c r="A1572" s="1" t="s">
        <v>6210</v>
      </c>
      <c r="B1572" s="1" t="s">
        <v>6211</v>
      </c>
      <c r="C1572" s="1" t="s">
        <v>105</v>
      </c>
      <c r="D1572" s="1" t="s">
        <v>6282</v>
      </c>
      <c r="E1572" s="1" t="s">
        <v>6283</v>
      </c>
      <c r="F1572" s="1" t="s">
        <v>6284</v>
      </c>
      <c r="G1572" s="1" t="s">
        <v>6215</v>
      </c>
      <c r="H1572" s="1" t="s">
        <v>13</v>
      </c>
      <c r="I1572" s="1" t="s">
        <v>6216</v>
      </c>
      <c r="J1572" s="1" t="s">
        <v>6285</v>
      </c>
    </row>
    <row r="1573" spans="1:10" x14ac:dyDescent="0.35">
      <c r="A1573" s="1" t="s">
        <v>6210</v>
      </c>
      <c r="B1573" s="1" t="s">
        <v>6211</v>
      </c>
      <c r="C1573" s="1" t="s">
        <v>110</v>
      </c>
      <c r="D1573" s="1" t="s">
        <v>6286</v>
      </c>
      <c r="E1573" s="1" t="s">
        <v>6287</v>
      </c>
      <c r="F1573" s="1" t="s">
        <v>6288</v>
      </c>
      <c r="G1573" s="1" t="s">
        <v>6215</v>
      </c>
      <c r="H1573" s="1" t="s">
        <v>13</v>
      </c>
      <c r="I1573" s="1" t="s">
        <v>6216</v>
      </c>
      <c r="J1573" s="1" t="s">
        <v>6289</v>
      </c>
    </row>
    <row r="1574" spans="1:10" x14ac:dyDescent="0.35">
      <c r="A1574" s="1" t="s">
        <v>6210</v>
      </c>
      <c r="B1574" s="1" t="s">
        <v>6211</v>
      </c>
      <c r="C1574" s="1" t="s">
        <v>115</v>
      </c>
      <c r="D1574" s="1" t="s">
        <v>6290</v>
      </c>
      <c r="E1574" s="1" t="s">
        <v>6291</v>
      </c>
      <c r="F1574" s="1" t="s">
        <v>6292</v>
      </c>
      <c r="G1574" s="1" t="s">
        <v>6215</v>
      </c>
      <c r="H1574" s="1" t="s">
        <v>13</v>
      </c>
      <c r="I1574" s="1" t="s">
        <v>6216</v>
      </c>
      <c r="J1574" s="1" t="s">
        <v>6293</v>
      </c>
    </row>
    <row r="1575" spans="1:10" x14ac:dyDescent="0.35">
      <c r="A1575" s="1" t="s">
        <v>6210</v>
      </c>
      <c r="B1575" s="1" t="s">
        <v>6211</v>
      </c>
      <c r="C1575" s="1" t="s">
        <v>120</v>
      </c>
      <c r="D1575" s="1" t="s">
        <v>6294</v>
      </c>
      <c r="E1575" s="1" t="s">
        <v>6295</v>
      </c>
      <c r="F1575" s="1" t="s">
        <v>6296</v>
      </c>
      <c r="G1575" s="1" t="s">
        <v>6215</v>
      </c>
      <c r="H1575" s="1" t="s">
        <v>13</v>
      </c>
      <c r="I1575" s="1" t="s">
        <v>6216</v>
      </c>
      <c r="J1575" s="1" t="s">
        <v>6297</v>
      </c>
    </row>
    <row r="1576" spans="1:10" x14ac:dyDescent="0.35">
      <c r="A1576" s="1" t="s">
        <v>6210</v>
      </c>
      <c r="B1576" s="1" t="s">
        <v>6211</v>
      </c>
      <c r="C1576" s="1" t="s">
        <v>125</v>
      </c>
      <c r="D1576" s="1" t="s">
        <v>6298</v>
      </c>
      <c r="E1576" s="1" t="s">
        <v>6299</v>
      </c>
      <c r="F1576" s="1" t="s">
        <v>6300</v>
      </c>
      <c r="G1576" s="1" t="s">
        <v>6215</v>
      </c>
      <c r="H1576" s="1" t="s">
        <v>13</v>
      </c>
      <c r="I1576" s="1" t="s">
        <v>6216</v>
      </c>
      <c r="J1576" s="1" t="s">
        <v>6301</v>
      </c>
    </row>
    <row r="1577" spans="1:10" x14ac:dyDescent="0.35">
      <c r="A1577" s="1" t="s">
        <v>6210</v>
      </c>
      <c r="B1577" s="1" t="s">
        <v>6211</v>
      </c>
      <c r="C1577" s="1" t="s">
        <v>130</v>
      </c>
      <c r="D1577" s="1" t="s">
        <v>6302</v>
      </c>
      <c r="E1577" s="1" t="s">
        <v>6303</v>
      </c>
      <c r="F1577" s="1" t="s">
        <v>6304</v>
      </c>
      <c r="G1577" s="1" t="s">
        <v>6215</v>
      </c>
      <c r="H1577" s="1" t="s">
        <v>13</v>
      </c>
      <c r="I1577" s="1" t="s">
        <v>6216</v>
      </c>
      <c r="J1577" s="1" t="s">
        <v>6305</v>
      </c>
    </row>
    <row r="1578" spans="1:10" x14ac:dyDescent="0.35">
      <c r="A1578" s="1" t="s">
        <v>6210</v>
      </c>
      <c r="B1578" s="1" t="s">
        <v>6211</v>
      </c>
      <c r="C1578" s="1" t="s">
        <v>135</v>
      </c>
      <c r="D1578" s="1" t="s">
        <v>6302</v>
      </c>
      <c r="E1578" s="1" t="s">
        <v>6306</v>
      </c>
      <c r="F1578" s="1" t="s">
        <v>6307</v>
      </c>
      <c r="G1578" s="1" t="s">
        <v>6215</v>
      </c>
      <c r="H1578" s="1" t="s">
        <v>13</v>
      </c>
      <c r="I1578" s="1" t="s">
        <v>6216</v>
      </c>
      <c r="J1578" s="1" t="s">
        <v>1180</v>
      </c>
    </row>
    <row r="1579" spans="1:10" x14ac:dyDescent="0.35">
      <c r="A1579" s="1" t="s">
        <v>6210</v>
      </c>
      <c r="B1579" s="1" t="s">
        <v>6211</v>
      </c>
      <c r="C1579" s="1" t="s">
        <v>140</v>
      </c>
      <c r="D1579" s="1" t="s">
        <v>6308</v>
      </c>
      <c r="E1579" s="1" t="s">
        <v>6309</v>
      </c>
      <c r="F1579" s="1" t="s">
        <v>6310</v>
      </c>
      <c r="G1579" s="1" t="s">
        <v>6215</v>
      </c>
      <c r="H1579" s="1" t="s">
        <v>13</v>
      </c>
      <c r="I1579" s="1" t="s">
        <v>6216</v>
      </c>
      <c r="J1579" s="1" t="s">
        <v>6311</v>
      </c>
    </row>
    <row r="1580" spans="1:10" x14ac:dyDescent="0.35">
      <c r="A1580" s="1" t="s">
        <v>6210</v>
      </c>
      <c r="B1580" s="1" t="s">
        <v>6211</v>
      </c>
      <c r="C1580" s="1" t="s">
        <v>145</v>
      </c>
      <c r="D1580" s="1" t="s">
        <v>6312</v>
      </c>
      <c r="E1580" s="1" t="s">
        <v>6313</v>
      </c>
      <c r="F1580" s="1" t="s">
        <v>6314</v>
      </c>
      <c r="G1580" s="1" t="s">
        <v>6215</v>
      </c>
      <c r="H1580" s="1" t="s">
        <v>13</v>
      </c>
      <c r="I1580" s="1" t="s">
        <v>6216</v>
      </c>
      <c r="J1580" s="1" t="s">
        <v>6315</v>
      </c>
    </row>
    <row r="1581" spans="1:10" x14ac:dyDescent="0.35">
      <c r="A1581" s="1" t="s">
        <v>6210</v>
      </c>
      <c r="B1581" s="1" t="s">
        <v>6211</v>
      </c>
      <c r="C1581" s="1" t="s">
        <v>150</v>
      </c>
      <c r="D1581" s="1" t="s">
        <v>6316</v>
      </c>
      <c r="E1581" s="1" t="s">
        <v>6317</v>
      </c>
      <c r="F1581" s="1" t="s">
        <v>6318</v>
      </c>
      <c r="G1581" s="1" t="s">
        <v>6215</v>
      </c>
      <c r="H1581" s="1" t="s">
        <v>13</v>
      </c>
      <c r="I1581" s="1" t="s">
        <v>6216</v>
      </c>
      <c r="J1581" s="1" t="s">
        <v>6319</v>
      </c>
    </row>
    <row r="1582" spans="1:10" x14ac:dyDescent="0.35">
      <c r="A1582" s="1" t="s">
        <v>6210</v>
      </c>
      <c r="B1582" s="1" t="s">
        <v>6211</v>
      </c>
      <c r="C1582" s="1" t="s">
        <v>155</v>
      </c>
      <c r="D1582" s="1" t="s">
        <v>3573</v>
      </c>
      <c r="E1582" s="1" t="s">
        <v>6320</v>
      </c>
      <c r="F1582" s="1" t="s">
        <v>6321</v>
      </c>
      <c r="G1582" s="1" t="s">
        <v>6215</v>
      </c>
      <c r="H1582" s="1" t="s">
        <v>13</v>
      </c>
      <c r="I1582" s="1" t="s">
        <v>6216</v>
      </c>
      <c r="J1582" s="1" t="s">
        <v>6322</v>
      </c>
    </row>
    <row r="1583" spans="1:10" x14ac:dyDescent="0.35">
      <c r="A1583" s="1" t="s">
        <v>6210</v>
      </c>
      <c r="B1583" s="1" t="s">
        <v>6211</v>
      </c>
      <c r="C1583" s="1" t="s">
        <v>160</v>
      </c>
      <c r="D1583" s="1" t="s">
        <v>6323</v>
      </c>
      <c r="E1583" s="1" t="s">
        <v>6324</v>
      </c>
      <c r="F1583" s="1" t="s">
        <v>6325</v>
      </c>
      <c r="G1583" s="1" t="s">
        <v>6215</v>
      </c>
      <c r="H1583" s="1" t="s">
        <v>13</v>
      </c>
      <c r="I1583" s="1" t="s">
        <v>6216</v>
      </c>
      <c r="J1583" s="1" t="s">
        <v>6326</v>
      </c>
    </row>
    <row r="1584" spans="1:10" x14ac:dyDescent="0.35">
      <c r="A1584" s="1" t="s">
        <v>6210</v>
      </c>
      <c r="B1584" s="1" t="s">
        <v>6211</v>
      </c>
      <c r="C1584" s="1" t="s">
        <v>165</v>
      </c>
      <c r="D1584" s="1" t="s">
        <v>6171</v>
      </c>
      <c r="E1584" s="1" t="s">
        <v>6327</v>
      </c>
      <c r="F1584" s="1" t="s">
        <v>6328</v>
      </c>
      <c r="G1584" s="1" t="s">
        <v>6215</v>
      </c>
      <c r="H1584" s="1" t="s">
        <v>13</v>
      </c>
      <c r="I1584" s="1" t="s">
        <v>6216</v>
      </c>
      <c r="J1584" s="1" t="s">
        <v>6329</v>
      </c>
    </row>
    <row r="1585" spans="1:10" x14ac:dyDescent="0.35">
      <c r="A1585" s="1" t="s">
        <v>6210</v>
      </c>
      <c r="B1585" s="1" t="s">
        <v>6211</v>
      </c>
      <c r="C1585" s="1" t="s">
        <v>170</v>
      </c>
      <c r="D1585" s="1" t="s">
        <v>6330</v>
      </c>
      <c r="E1585" s="1" t="s">
        <v>6331</v>
      </c>
      <c r="F1585" s="1" t="s">
        <v>6332</v>
      </c>
      <c r="G1585" s="1" t="s">
        <v>6215</v>
      </c>
      <c r="H1585" s="1" t="s">
        <v>13</v>
      </c>
      <c r="I1585" s="1" t="s">
        <v>6216</v>
      </c>
      <c r="J1585" s="1" t="s">
        <v>6333</v>
      </c>
    </row>
    <row r="1586" spans="1:10" x14ac:dyDescent="0.35">
      <c r="A1586" s="1" t="s">
        <v>6334</v>
      </c>
      <c r="B1586" s="1" t="s">
        <v>6335</v>
      </c>
      <c r="C1586" s="1" t="s">
        <v>8</v>
      </c>
      <c r="D1586" s="1" t="s">
        <v>6336</v>
      </c>
      <c r="E1586" s="1" t="s">
        <v>6337</v>
      </c>
      <c r="F1586" s="1" t="s">
        <v>6338</v>
      </c>
      <c r="G1586" s="1" t="s">
        <v>6339</v>
      </c>
      <c r="H1586" s="1" t="s">
        <v>13</v>
      </c>
      <c r="I1586" s="1" t="s">
        <v>6340</v>
      </c>
      <c r="J1586" s="1" t="s">
        <v>13</v>
      </c>
    </row>
    <row r="1587" spans="1:10" x14ac:dyDescent="0.35">
      <c r="A1587" s="1" t="s">
        <v>6334</v>
      </c>
      <c r="B1587" s="1" t="s">
        <v>6335</v>
      </c>
      <c r="C1587" s="1" t="s">
        <v>15</v>
      </c>
      <c r="D1587" s="1" t="s">
        <v>6131</v>
      </c>
      <c r="E1587" s="1" t="s">
        <v>6341</v>
      </c>
      <c r="F1587" s="1" t="s">
        <v>6342</v>
      </c>
      <c r="G1587" s="1" t="s">
        <v>6339</v>
      </c>
      <c r="H1587" s="1" t="s">
        <v>13</v>
      </c>
      <c r="I1587" s="1" t="s">
        <v>6340</v>
      </c>
      <c r="J1587" s="1" t="s">
        <v>6343</v>
      </c>
    </row>
    <row r="1588" spans="1:10" x14ac:dyDescent="0.35">
      <c r="A1588" s="1" t="s">
        <v>6334</v>
      </c>
      <c r="B1588" s="1" t="s">
        <v>6335</v>
      </c>
      <c r="C1588" s="1" t="s">
        <v>20</v>
      </c>
      <c r="D1588" s="1" t="s">
        <v>6344</v>
      </c>
      <c r="E1588" s="1" t="s">
        <v>6345</v>
      </c>
      <c r="F1588" s="1" t="s">
        <v>6346</v>
      </c>
      <c r="G1588" s="1" t="s">
        <v>6339</v>
      </c>
      <c r="H1588" s="1" t="s">
        <v>13</v>
      </c>
      <c r="I1588" s="1" t="s">
        <v>6340</v>
      </c>
      <c r="J1588" s="1" t="s">
        <v>6347</v>
      </c>
    </row>
    <row r="1589" spans="1:10" x14ac:dyDescent="0.35">
      <c r="A1589" s="1" t="s">
        <v>6334</v>
      </c>
      <c r="B1589" s="1" t="s">
        <v>6335</v>
      </c>
      <c r="C1589" s="1" t="s">
        <v>25</v>
      </c>
      <c r="D1589" s="1" t="s">
        <v>1158</v>
      </c>
      <c r="E1589" s="1" t="s">
        <v>6348</v>
      </c>
      <c r="F1589" s="1" t="s">
        <v>6349</v>
      </c>
      <c r="G1589" s="1" t="s">
        <v>6339</v>
      </c>
      <c r="H1589" s="1" t="s">
        <v>13</v>
      </c>
      <c r="I1589" s="1" t="s">
        <v>6340</v>
      </c>
      <c r="J1589" s="1" t="s">
        <v>6350</v>
      </c>
    </row>
    <row r="1590" spans="1:10" x14ac:dyDescent="0.35">
      <c r="A1590" s="1" t="s">
        <v>6334</v>
      </c>
      <c r="B1590" s="1" t="s">
        <v>6335</v>
      </c>
      <c r="C1590" s="1" t="s">
        <v>30</v>
      </c>
      <c r="D1590" s="1" t="s">
        <v>6351</v>
      </c>
      <c r="E1590" s="1" t="s">
        <v>6352</v>
      </c>
      <c r="F1590" s="1" t="s">
        <v>6353</v>
      </c>
      <c r="G1590" s="1" t="s">
        <v>6339</v>
      </c>
      <c r="H1590" s="1" t="s">
        <v>13</v>
      </c>
      <c r="I1590" s="1" t="s">
        <v>6340</v>
      </c>
      <c r="J1590" s="1" t="s">
        <v>6354</v>
      </c>
    </row>
    <row r="1591" spans="1:10" x14ac:dyDescent="0.35">
      <c r="A1591" s="1" t="s">
        <v>6334</v>
      </c>
      <c r="B1591" s="1" t="s">
        <v>6335</v>
      </c>
      <c r="C1591" s="1" t="s">
        <v>35</v>
      </c>
      <c r="D1591" s="1" t="s">
        <v>6355</v>
      </c>
      <c r="E1591" s="1" t="s">
        <v>6356</v>
      </c>
      <c r="F1591" s="1" t="s">
        <v>6357</v>
      </c>
      <c r="G1591" s="1" t="s">
        <v>6339</v>
      </c>
      <c r="H1591" s="1" t="s">
        <v>13</v>
      </c>
      <c r="I1591" s="1" t="s">
        <v>6340</v>
      </c>
      <c r="J1591" s="1" t="s">
        <v>6358</v>
      </c>
    </row>
    <row r="1592" spans="1:10" x14ac:dyDescent="0.35">
      <c r="A1592" s="1" t="s">
        <v>6334</v>
      </c>
      <c r="B1592" s="1" t="s">
        <v>6335</v>
      </c>
      <c r="C1592" s="1" t="s">
        <v>40</v>
      </c>
      <c r="D1592" s="1" t="s">
        <v>6359</v>
      </c>
      <c r="E1592" s="1" t="s">
        <v>6360</v>
      </c>
      <c r="F1592" s="1" t="s">
        <v>6361</v>
      </c>
      <c r="G1592" s="1" t="s">
        <v>6339</v>
      </c>
      <c r="H1592" s="1" t="s">
        <v>13</v>
      </c>
      <c r="I1592" s="1" t="s">
        <v>6340</v>
      </c>
      <c r="J1592" s="1" t="s">
        <v>6362</v>
      </c>
    </row>
    <row r="1593" spans="1:10" x14ac:dyDescent="0.35">
      <c r="A1593" s="1" t="s">
        <v>6334</v>
      </c>
      <c r="B1593" s="1" t="s">
        <v>6335</v>
      </c>
      <c r="C1593" s="1" t="s">
        <v>45</v>
      </c>
      <c r="D1593" s="1" t="s">
        <v>6363</v>
      </c>
      <c r="E1593" s="1" t="s">
        <v>6364</v>
      </c>
      <c r="F1593" s="1" t="s">
        <v>6365</v>
      </c>
      <c r="G1593" s="1" t="s">
        <v>6339</v>
      </c>
      <c r="H1593" s="1" t="s">
        <v>13</v>
      </c>
      <c r="I1593" s="1" t="s">
        <v>6340</v>
      </c>
      <c r="J1593" s="1" t="s">
        <v>6366</v>
      </c>
    </row>
    <row r="1594" spans="1:10" x14ac:dyDescent="0.35">
      <c r="A1594" s="1" t="s">
        <v>6334</v>
      </c>
      <c r="B1594" s="1" t="s">
        <v>6335</v>
      </c>
      <c r="C1594" s="1" t="s">
        <v>50</v>
      </c>
      <c r="D1594" s="1" t="s">
        <v>6367</v>
      </c>
      <c r="E1594" s="1" t="s">
        <v>6368</v>
      </c>
      <c r="F1594" s="1" t="s">
        <v>6369</v>
      </c>
      <c r="G1594" s="1" t="s">
        <v>6339</v>
      </c>
      <c r="H1594" s="1" t="s">
        <v>13</v>
      </c>
      <c r="I1594" s="1" t="s">
        <v>6340</v>
      </c>
      <c r="J1594" s="1" t="s">
        <v>6370</v>
      </c>
    </row>
    <row r="1595" spans="1:10" x14ac:dyDescent="0.35">
      <c r="A1595" s="1" t="s">
        <v>6334</v>
      </c>
      <c r="B1595" s="1" t="s">
        <v>6335</v>
      </c>
      <c r="C1595" s="1" t="s">
        <v>55</v>
      </c>
      <c r="D1595" s="1" t="s">
        <v>1950</v>
      </c>
      <c r="E1595" s="1" t="s">
        <v>6371</v>
      </c>
      <c r="F1595" s="1" t="s">
        <v>6372</v>
      </c>
      <c r="G1595" s="1" t="s">
        <v>6339</v>
      </c>
      <c r="H1595" s="1" t="s">
        <v>13</v>
      </c>
      <c r="I1595" s="1" t="s">
        <v>6340</v>
      </c>
      <c r="J1595" s="1" t="s">
        <v>6373</v>
      </c>
    </row>
    <row r="1596" spans="1:10" x14ac:dyDescent="0.35">
      <c r="A1596" s="1" t="s">
        <v>6334</v>
      </c>
      <c r="B1596" s="1" t="s">
        <v>6335</v>
      </c>
      <c r="C1596" s="1" t="s">
        <v>60</v>
      </c>
      <c r="D1596" s="1" t="s">
        <v>6194</v>
      </c>
      <c r="E1596" s="1" t="s">
        <v>6374</v>
      </c>
      <c r="F1596" s="1" t="s">
        <v>6375</v>
      </c>
      <c r="G1596" s="1" t="s">
        <v>6339</v>
      </c>
      <c r="H1596" s="1" t="s">
        <v>13</v>
      </c>
      <c r="I1596" s="1" t="s">
        <v>6340</v>
      </c>
      <c r="J1596" s="1" t="s">
        <v>6376</v>
      </c>
    </row>
    <row r="1597" spans="1:10" x14ac:dyDescent="0.35">
      <c r="A1597" s="1" t="s">
        <v>6334</v>
      </c>
      <c r="B1597" s="1" t="s">
        <v>6335</v>
      </c>
      <c r="C1597" s="1" t="s">
        <v>65</v>
      </c>
      <c r="D1597" s="1" t="s">
        <v>6377</v>
      </c>
      <c r="E1597" s="1" t="s">
        <v>6378</v>
      </c>
      <c r="F1597" s="1" t="s">
        <v>6379</v>
      </c>
      <c r="G1597" s="1" t="s">
        <v>6339</v>
      </c>
      <c r="H1597" s="1" t="s">
        <v>13</v>
      </c>
      <c r="I1597" s="1" t="s">
        <v>6340</v>
      </c>
      <c r="J1597" s="1" t="s">
        <v>6380</v>
      </c>
    </row>
    <row r="1598" spans="1:10" x14ac:dyDescent="0.35">
      <c r="A1598" s="1" t="s">
        <v>6334</v>
      </c>
      <c r="B1598" s="1" t="s">
        <v>6335</v>
      </c>
      <c r="C1598" s="1" t="s">
        <v>70</v>
      </c>
      <c r="D1598" s="1" t="s">
        <v>4341</v>
      </c>
      <c r="E1598" s="1" t="s">
        <v>6381</v>
      </c>
      <c r="F1598" s="1" t="s">
        <v>6382</v>
      </c>
      <c r="G1598" s="1" t="s">
        <v>6339</v>
      </c>
      <c r="H1598" s="1" t="s">
        <v>13</v>
      </c>
      <c r="I1598" s="1" t="s">
        <v>6340</v>
      </c>
      <c r="J1598" s="1" t="s">
        <v>6383</v>
      </c>
    </row>
    <row r="1599" spans="1:10" x14ac:dyDescent="0.35">
      <c r="A1599" s="1" t="s">
        <v>6334</v>
      </c>
      <c r="B1599" s="1" t="s">
        <v>6335</v>
      </c>
      <c r="C1599" s="1" t="s">
        <v>75</v>
      </c>
      <c r="D1599" s="1" t="s">
        <v>6384</v>
      </c>
      <c r="E1599" s="1" t="s">
        <v>6385</v>
      </c>
      <c r="F1599" s="1" t="s">
        <v>6386</v>
      </c>
      <c r="G1599" s="1" t="s">
        <v>6339</v>
      </c>
      <c r="H1599" s="1" t="s">
        <v>13</v>
      </c>
      <c r="I1599" s="1" t="s">
        <v>6340</v>
      </c>
      <c r="J1599" s="1" t="s">
        <v>6387</v>
      </c>
    </row>
    <row r="1600" spans="1:10" x14ac:dyDescent="0.35">
      <c r="A1600" s="1" t="s">
        <v>6334</v>
      </c>
      <c r="B1600" s="1" t="s">
        <v>6335</v>
      </c>
      <c r="C1600" s="1" t="s">
        <v>80</v>
      </c>
      <c r="D1600" s="1" t="s">
        <v>6388</v>
      </c>
      <c r="E1600" s="1" t="s">
        <v>6389</v>
      </c>
      <c r="F1600" s="1" t="s">
        <v>6390</v>
      </c>
      <c r="G1600" s="1" t="s">
        <v>6339</v>
      </c>
      <c r="H1600" s="1" t="s">
        <v>13</v>
      </c>
      <c r="I1600" s="1" t="s">
        <v>6340</v>
      </c>
      <c r="J1600" s="1" t="s">
        <v>6391</v>
      </c>
    </row>
    <row r="1601" spans="1:10" x14ac:dyDescent="0.35">
      <c r="A1601" s="1" t="s">
        <v>6334</v>
      </c>
      <c r="B1601" s="1" t="s">
        <v>6335</v>
      </c>
      <c r="C1601" s="1" t="s">
        <v>85</v>
      </c>
      <c r="D1601" s="1" t="s">
        <v>6392</v>
      </c>
      <c r="E1601" s="1" t="s">
        <v>6393</v>
      </c>
      <c r="F1601" s="1" t="s">
        <v>6394</v>
      </c>
      <c r="G1601" s="1" t="s">
        <v>6339</v>
      </c>
      <c r="H1601" s="1" t="s">
        <v>13</v>
      </c>
      <c r="I1601" s="1" t="s">
        <v>6340</v>
      </c>
      <c r="J1601" s="1" t="s">
        <v>6395</v>
      </c>
    </row>
    <row r="1602" spans="1:10" x14ac:dyDescent="0.35">
      <c r="A1602" s="1" t="s">
        <v>6334</v>
      </c>
      <c r="B1602" s="1" t="s">
        <v>6335</v>
      </c>
      <c r="C1602" s="1" t="s">
        <v>90</v>
      </c>
      <c r="D1602" s="1" t="s">
        <v>6396</v>
      </c>
      <c r="E1602" s="1" t="s">
        <v>6397</v>
      </c>
      <c r="F1602" s="1" t="s">
        <v>6398</v>
      </c>
      <c r="G1602" s="1" t="s">
        <v>6339</v>
      </c>
      <c r="H1602" s="1" t="s">
        <v>13</v>
      </c>
      <c r="I1602" s="1" t="s">
        <v>6340</v>
      </c>
      <c r="J1602" s="1" t="s">
        <v>6399</v>
      </c>
    </row>
    <row r="1603" spans="1:10" x14ac:dyDescent="0.35">
      <c r="A1603" s="1" t="s">
        <v>6334</v>
      </c>
      <c r="B1603" s="1" t="s">
        <v>6335</v>
      </c>
      <c r="C1603" s="1" t="s">
        <v>95</v>
      </c>
      <c r="D1603" s="1" t="s">
        <v>6400</v>
      </c>
      <c r="E1603" s="1" t="s">
        <v>6401</v>
      </c>
      <c r="F1603" s="1" t="s">
        <v>6402</v>
      </c>
      <c r="G1603" s="1" t="s">
        <v>6339</v>
      </c>
      <c r="H1603" s="1" t="s">
        <v>13</v>
      </c>
      <c r="I1603" s="1" t="s">
        <v>6340</v>
      </c>
      <c r="J1603" s="1" t="s">
        <v>6403</v>
      </c>
    </row>
    <row r="1604" spans="1:10" x14ac:dyDescent="0.35">
      <c r="A1604" s="1" t="s">
        <v>6334</v>
      </c>
      <c r="B1604" s="1" t="s">
        <v>6335</v>
      </c>
      <c r="C1604" s="1" t="s">
        <v>100</v>
      </c>
      <c r="D1604" s="1" t="s">
        <v>5494</v>
      </c>
      <c r="E1604" s="1" t="s">
        <v>6404</v>
      </c>
      <c r="F1604" s="1" t="s">
        <v>6405</v>
      </c>
      <c r="G1604" s="1" t="s">
        <v>6339</v>
      </c>
      <c r="H1604" s="1" t="s">
        <v>13</v>
      </c>
      <c r="I1604" s="1" t="s">
        <v>6340</v>
      </c>
      <c r="J1604" s="1" t="s">
        <v>6406</v>
      </c>
    </row>
    <row r="1605" spans="1:10" x14ac:dyDescent="0.35">
      <c r="A1605" s="1" t="s">
        <v>6334</v>
      </c>
      <c r="B1605" s="1" t="s">
        <v>6335</v>
      </c>
      <c r="C1605" s="1" t="s">
        <v>105</v>
      </c>
      <c r="D1605" s="1" t="s">
        <v>6407</v>
      </c>
      <c r="E1605" s="1" t="s">
        <v>6408</v>
      </c>
      <c r="F1605" s="1" t="s">
        <v>6409</v>
      </c>
      <c r="G1605" s="1" t="s">
        <v>6339</v>
      </c>
      <c r="H1605" s="1" t="s">
        <v>13</v>
      </c>
      <c r="I1605" s="1" t="s">
        <v>6340</v>
      </c>
      <c r="J1605" s="1" t="s">
        <v>6410</v>
      </c>
    </row>
    <row r="1606" spans="1:10" x14ac:dyDescent="0.35">
      <c r="A1606" s="1" t="s">
        <v>6334</v>
      </c>
      <c r="B1606" s="1" t="s">
        <v>6335</v>
      </c>
      <c r="C1606" s="1" t="s">
        <v>110</v>
      </c>
      <c r="D1606" s="1" t="s">
        <v>155</v>
      </c>
      <c r="E1606" s="1" t="s">
        <v>6411</v>
      </c>
      <c r="F1606" s="1" t="s">
        <v>6412</v>
      </c>
      <c r="G1606" s="1" t="s">
        <v>6339</v>
      </c>
      <c r="H1606" s="1" t="s">
        <v>13</v>
      </c>
      <c r="I1606" s="1" t="s">
        <v>6340</v>
      </c>
      <c r="J1606" s="1" t="s">
        <v>6413</v>
      </c>
    </row>
    <row r="1607" spans="1:10" x14ac:dyDescent="0.35">
      <c r="A1607" s="1" t="s">
        <v>6334</v>
      </c>
      <c r="B1607" s="1" t="s">
        <v>6335</v>
      </c>
      <c r="C1607" s="1" t="s">
        <v>115</v>
      </c>
      <c r="D1607" s="1" t="s">
        <v>145</v>
      </c>
      <c r="E1607" s="1" t="s">
        <v>6414</v>
      </c>
      <c r="F1607" s="1" t="s">
        <v>6415</v>
      </c>
      <c r="G1607" s="1" t="s">
        <v>6339</v>
      </c>
      <c r="H1607" s="1" t="s">
        <v>13</v>
      </c>
      <c r="I1607" s="1" t="s">
        <v>6340</v>
      </c>
      <c r="J1607" s="1" t="s">
        <v>6416</v>
      </c>
    </row>
    <row r="1608" spans="1:10" x14ac:dyDescent="0.35">
      <c r="A1608" s="1" t="s">
        <v>6334</v>
      </c>
      <c r="B1608" s="1" t="s">
        <v>6335</v>
      </c>
      <c r="C1608" s="1" t="s">
        <v>120</v>
      </c>
      <c r="D1608" s="1" t="s">
        <v>6417</v>
      </c>
      <c r="E1608" s="1" t="s">
        <v>6418</v>
      </c>
      <c r="F1608" s="1" t="s">
        <v>6419</v>
      </c>
      <c r="G1608" s="1" t="s">
        <v>6339</v>
      </c>
      <c r="H1608" s="1" t="s">
        <v>13</v>
      </c>
      <c r="I1608" s="1" t="s">
        <v>6340</v>
      </c>
      <c r="J1608" s="1" t="s">
        <v>6420</v>
      </c>
    </row>
    <row r="1609" spans="1:10" x14ac:dyDescent="0.35">
      <c r="A1609" s="1" t="s">
        <v>6334</v>
      </c>
      <c r="B1609" s="1" t="s">
        <v>6335</v>
      </c>
      <c r="C1609" s="1" t="s">
        <v>125</v>
      </c>
      <c r="D1609" s="1" t="s">
        <v>6421</v>
      </c>
      <c r="E1609" s="1" t="s">
        <v>6422</v>
      </c>
      <c r="F1609" s="1" t="s">
        <v>6423</v>
      </c>
      <c r="G1609" s="1" t="s">
        <v>6339</v>
      </c>
      <c r="H1609" s="1" t="s">
        <v>13</v>
      </c>
      <c r="I1609" s="1" t="s">
        <v>6340</v>
      </c>
      <c r="J1609" s="1" t="s">
        <v>6424</v>
      </c>
    </row>
    <row r="1610" spans="1:10" x14ac:dyDescent="0.35">
      <c r="A1610" s="1" t="s">
        <v>6334</v>
      </c>
      <c r="B1610" s="1" t="s">
        <v>6335</v>
      </c>
      <c r="C1610" s="1" t="s">
        <v>130</v>
      </c>
      <c r="D1610" s="1" t="s">
        <v>70</v>
      </c>
      <c r="E1610" s="1" t="s">
        <v>6425</v>
      </c>
      <c r="F1610" s="1" t="s">
        <v>6426</v>
      </c>
      <c r="G1610" s="1" t="s">
        <v>6339</v>
      </c>
      <c r="H1610" s="1" t="s">
        <v>13</v>
      </c>
      <c r="I1610" s="1" t="s">
        <v>6340</v>
      </c>
      <c r="J1610" s="1" t="s">
        <v>6427</v>
      </c>
    </row>
    <row r="1611" spans="1:10" x14ac:dyDescent="0.35">
      <c r="A1611" s="1" t="s">
        <v>6334</v>
      </c>
      <c r="B1611" s="1" t="s">
        <v>6335</v>
      </c>
      <c r="C1611" s="1" t="s">
        <v>135</v>
      </c>
      <c r="D1611" s="1" t="s">
        <v>3888</v>
      </c>
      <c r="E1611" s="1" t="s">
        <v>6428</v>
      </c>
      <c r="F1611" s="1" t="s">
        <v>6429</v>
      </c>
      <c r="G1611" s="1" t="s">
        <v>6339</v>
      </c>
      <c r="H1611" s="1" t="s">
        <v>13</v>
      </c>
      <c r="I1611" s="1" t="s">
        <v>6340</v>
      </c>
      <c r="J1611" s="1" t="s">
        <v>6430</v>
      </c>
    </row>
    <row r="1612" spans="1:10" x14ac:dyDescent="0.35">
      <c r="A1612" s="1" t="s">
        <v>6334</v>
      </c>
      <c r="B1612" s="1" t="s">
        <v>6335</v>
      </c>
      <c r="C1612" s="1" t="s">
        <v>140</v>
      </c>
      <c r="D1612" s="1" t="s">
        <v>6431</v>
      </c>
      <c r="E1612" s="1" t="s">
        <v>6432</v>
      </c>
      <c r="F1612" s="1" t="s">
        <v>6433</v>
      </c>
      <c r="G1612" s="1" t="s">
        <v>6339</v>
      </c>
      <c r="H1612" s="1" t="s">
        <v>13</v>
      </c>
      <c r="I1612" s="1" t="s">
        <v>6340</v>
      </c>
      <c r="J1612" s="1" t="s">
        <v>6434</v>
      </c>
    </row>
    <row r="1613" spans="1:10" x14ac:dyDescent="0.35">
      <c r="A1613" s="1" t="s">
        <v>6334</v>
      </c>
      <c r="B1613" s="1" t="s">
        <v>6335</v>
      </c>
      <c r="C1613" s="1" t="s">
        <v>145</v>
      </c>
      <c r="D1613" s="1" t="s">
        <v>6435</v>
      </c>
      <c r="E1613" s="1" t="s">
        <v>6436</v>
      </c>
      <c r="F1613" s="1" t="s">
        <v>6437</v>
      </c>
      <c r="G1613" s="1" t="s">
        <v>6339</v>
      </c>
      <c r="H1613" s="1" t="s">
        <v>13</v>
      </c>
      <c r="I1613" s="1" t="s">
        <v>6340</v>
      </c>
      <c r="J1613" s="1" t="s">
        <v>6438</v>
      </c>
    </row>
    <row r="1614" spans="1:10" x14ac:dyDescent="0.35">
      <c r="A1614" s="1" t="s">
        <v>6334</v>
      </c>
      <c r="B1614" s="1" t="s">
        <v>6335</v>
      </c>
      <c r="C1614" s="1" t="s">
        <v>150</v>
      </c>
      <c r="D1614" s="1" t="s">
        <v>6439</v>
      </c>
      <c r="E1614" s="1" t="s">
        <v>6440</v>
      </c>
      <c r="F1614" s="1" t="s">
        <v>6441</v>
      </c>
      <c r="G1614" s="1" t="s">
        <v>6339</v>
      </c>
      <c r="H1614" s="1" t="s">
        <v>13</v>
      </c>
      <c r="I1614" s="1" t="s">
        <v>6340</v>
      </c>
      <c r="J1614" s="1" t="s">
        <v>6442</v>
      </c>
    </row>
    <row r="1615" spans="1:10" x14ac:dyDescent="0.35">
      <c r="A1615" s="1" t="s">
        <v>6334</v>
      </c>
      <c r="B1615" s="1" t="s">
        <v>6335</v>
      </c>
      <c r="C1615" s="1" t="s">
        <v>155</v>
      </c>
      <c r="D1615" s="1" t="s">
        <v>6443</v>
      </c>
      <c r="E1615" s="1" t="s">
        <v>6444</v>
      </c>
      <c r="F1615" s="1" t="s">
        <v>6445</v>
      </c>
      <c r="G1615" s="1" t="s">
        <v>6339</v>
      </c>
      <c r="H1615" s="1" t="s">
        <v>13</v>
      </c>
      <c r="I1615" s="1" t="s">
        <v>6340</v>
      </c>
      <c r="J1615" s="1" t="s">
        <v>6446</v>
      </c>
    </row>
    <row r="1616" spans="1:10" x14ac:dyDescent="0.35">
      <c r="A1616" s="1" t="s">
        <v>6334</v>
      </c>
      <c r="B1616" s="1" t="s">
        <v>6335</v>
      </c>
      <c r="C1616" s="1" t="s">
        <v>160</v>
      </c>
      <c r="D1616" s="1" t="s">
        <v>6447</v>
      </c>
      <c r="E1616" s="1" t="s">
        <v>6448</v>
      </c>
      <c r="F1616" s="1" t="s">
        <v>6449</v>
      </c>
      <c r="G1616" s="1" t="s">
        <v>6339</v>
      </c>
      <c r="H1616" s="1" t="s">
        <v>13</v>
      </c>
      <c r="I1616" s="1" t="s">
        <v>6340</v>
      </c>
      <c r="J1616" s="1" t="s">
        <v>6450</v>
      </c>
    </row>
    <row r="1617" spans="1:10" x14ac:dyDescent="0.35">
      <c r="A1617" s="1" t="s">
        <v>6334</v>
      </c>
      <c r="B1617" s="1" t="s">
        <v>6335</v>
      </c>
      <c r="C1617" s="1" t="s">
        <v>165</v>
      </c>
      <c r="D1617" s="1" t="s">
        <v>6451</v>
      </c>
      <c r="E1617" s="1" t="s">
        <v>6452</v>
      </c>
      <c r="F1617" s="1" t="s">
        <v>6453</v>
      </c>
      <c r="G1617" s="1" t="s">
        <v>6339</v>
      </c>
      <c r="H1617" s="1" t="s">
        <v>13</v>
      </c>
      <c r="I1617" s="1" t="s">
        <v>6340</v>
      </c>
      <c r="J1617" s="1" t="s">
        <v>6454</v>
      </c>
    </row>
    <row r="1618" spans="1:10" x14ac:dyDescent="0.35">
      <c r="A1618" s="1" t="s">
        <v>6334</v>
      </c>
      <c r="B1618" s="1" t="s">
        <v>6335</v>
      </c>
      <c r="C1618" s="1" t="s">
        <v>170</v>
      </c>
      <c r="D1618" s="1" t="s">
        <v>6455</v>
      </c>
      <c r="E1618" s="1" t="s">
        <v>6456</v>
      </c>
      <c r="F1618" s="1" t="s">
        <v>6457</v>
      </c>
      <c r="G1618" s="1" t="s">
        <v>6339</v>
      </c>
      <c r="H1618" s="1" t="s">
        <v>13</v>
      </c>
      <c r="I1618" s="1" t="s">
        <v>6340</v>
      </c>
      <c r="J1618" s="1" t="s">
        <v>6458</v>
      </c>
    </row>
    <row r="1619" spans="1:10" x14ac:dyDescent="0.35">
      <c r="A1619" s="1" t="s">
        <v>6459</v>
      </c>
      <c r="B1619" s="1" t="s">
        <v>6460</v>
      </c>
      <c r="C1619" s="1" t="s">
        <v>8</v>
      </c>
      <c r="D1619" s="1" t="s">
        <v>6461</v>
      </c>
      <c r="E1619" s="1" t="s">
        <v>6462</v>
      </c>
      <c r="F1619" s="1" t="s">
        <v>6463</v>
      </c>
      <c r="G1619" s="1" t="s">
        <v>6464</v>
      </c>
      <c r="H1619" s="1" t="s">
        <v>13</v>
      </c>
      <c r="I1619" s="1" t="s">
        <v>6465</v>
      </c>
      <c r="J1619" s="1" t="s">
        <v>13</v>
      </c>
    </row>
    <row r="1620" spans="1:10" x14ac:dyDescent="0.35">
      <c r="A1620" s="1" t="s">
        <v>6459</v>
      </c>
      <c r="B1620" s="1" t="s">
        <v>6460</v>
      </c>
      <c r="C1620" s="1" t="s">
        <v>15</v>
      </c>
      <c r="D1620" s="1" t="s">
        <v>6466</v>
      </c>
      <c r="E1620" s="1" t="s">
        <v>6467</v>
      </c>
      <c r="F1620" s="1" t="s">
        <v>6468</v>
      </c>
      <c r="G1620" s="1" t="s">
        <v>6464</v>
      </c>
      <c r="H1620" s="1" t="s">
        <v>13</v>
      </c>
      <c r="I1620" s="1" t="s">
        <v>6465</v>
      </c>
      <c r="J1620" s="1" t="s">
        <v>6469</v>
      </c>
    </row>
    <row r="1621" spans="1:10" x14ac:dyDescent="0.35">
      <c r="A1621" s="1" t="s">
        <v>6459</v>
      </c>
      <c r="B1621" s="1" t="s">
        <v>6460</v>
      </c>
      <c r="C1621" s="1" t="s">
        <v>20</v>
      </c>
      <c r="D1621" s="1" t="s">
        <v>6470</v>
      </c>
      <c r="E1621" s="1" t="s">
        <v>6471</v>
      </c>
      <c r="F1621" s="1" t="s">
        <v>6472</v>
      </c>
      <c r="G1621" s="1" t="s">
        <v>6464</v>
      </c>
      <c r="H1621" s="1" t="s">
        <v>13</v>
      </c>
      <c r="I1621" s="1" t="s">
        <v>6465</v>
      </c>
      <c r="J1621" s="1" t="s">
        <v>6473</v>
      </c>
    </row>
    <row r="1622" spans="1:10" x14ac:dyDescent="0.35">
      <c r="A1622" s="1" t="s">
        <v>6459</v>
      </c>
      <c r="B1622" s="1" t="s">
        <v>6460</v>
      </c>
      <c r="C1622" s="1" t="s">
        <v>25</v>
      </c>
      <c r="D1622" s="1" t="s">
        <v>6474</v>
      </c>
      <c r="E1622" s="1" t="s">
        <v>6475</v>
      </c>
      <c r="F1622" s="1" t="s">
        <v>6476</v>
      </c>
      <c r="G1622" s="1" t="s">
        <v>6464</v>
      </c>
      <c r="H1622" s="1" t="s">
        <v>13</v>
      </c>
      <c r="I1622" s="1" t="s">
        <v>6465</v>
      </c>
      <c r="J1622" s="1" t="s">
        <v>6477</v>
      </c>
    </row>
    <row r="1623" spans="1:10" x14ac:dyDescent="0.35">
      <c r="A1623" s="1" t="s">
        <v>6459</v>
      </c>
      <c r="B1623" s="1" t="s">
        <v>6460</v>
      </c>
      <c r="C1623" s="1" t="s">
        <v>30</v>
      </c>
      <c r="D1623" s="1" t="s">
        <v>6478</v>
      </c>
      <c r="E1623" s="1" t="s">
        <v>6479</v>
      </c>
      <c r="F1623" s="1" t="s">
        <v>6480</v>
      </c>
      <c r="G1623" s="1" t="s">
        <v>6464</v>
      </c>
      <c r="H1623" s="1" t="s">
        <v>13</v>
      </c>
      <c r="I1623" s="1" t="s">
        <v>6465</v>
      </c>
      <c r="J1623" s="1" t="s">
        <v>6481</v>
      </c>
    </row>
    <row r="1624" spans="1:10" x14ac:dyDescent="0.35">
      <c r="A1624" s="1" t="s">
        <v>6459</v>
      </c>
      <c r="B1624" s="1" t="s">
        <v>6460</v>
      </c>
      <c r="C1624" s="1" t="s">
        <v>35</v>
      </c>
      <c r="D1624" s="1" t="s">
        <v>6482</v>
      </c>
      <c r="E1624" s="1" t="s">
        <v>6483</v>
      </c>
      <c r="F1624" s="1" t="s">
        <v>6484</v>
      </c>
      <c r="G1624" s="1" t="s">
        <v>6464</v>
      </c>
      <c r="H1624" s="1" t="s">
        <v>13</v>
      </c>
      <c r="I1624" s="1" t="s">
        <v>6465</v>
      </c>
      <c r="J1624" s="1" t="s">
        <v>6485</v>
      </c>
    </row>
    <row r="1625" spans="1:10" x14ac:dyDescent="0.35">
      <c r="A1625" s="1" t="s">
        <v>6459</v>
      </c>
      <c r="B1625" s="1" t="s">
        <v>6460</v>
      </c>
      <c r="C1625" s="1" t="s">
        <v>40</v>
      </c>
      <c r="D1625" s="1" t="s">
        <v>6486</v>
      </c>
      <c r="E1625" s="1" t="s">
        <v>6479</v>
      </c>
      <c r="F1625" s="1" t="s">
        <v>6487</v>
      </c>
      <c r="G1625" s="1" t="s">
        <v>6464</v>
      </c>
      <c r="H1625" s="1" t="s">
        <v>13</v>
      </c>
      <c r="I1625" s="1" t="s">
        <v>6465</v>
      </c>
      <c r="J1625" s="1" t="s">
        <v>6488</v>
      </c>
    </row>
    <row r="1626" spans="1:10" x14ac:dyDescent="0.35">
      <c r="A1626" s="1" t="s">
        <v>6459</v>
      </c>
      <c r="B1626" s="1" t="s">
        <v>6460</v>
      </c>
      <c r="C1626" s="1" t="s">
        <v>45</v>
      </c>
      <c r="D1626" s="1" t="s">
        <v>6489</v>
      </c>
      <c r="E1626" s="1" t="s">
        <v>6490</v>
      </c>
      <c r="F1626" s="1" t="s">
        <v>6491</v>
      </c>
      <c r="G1626" s="1" t="s">
        <v>6464</v>
      </c>
      <c r="H1626" s="1" t="s">
        <v>13</v>
      </c>
      <c r="I1626" s="1" t="s">
        <v>6465</v>
      </c>
      <c r="J1626" s="1" t="s">
        <v>6492</v>
      </c>
    </row>
    <row r="1627" spans="1:10" x14ac:dyDescent="0.35">
      <c r="A1627" s="1" t="s">
        <v>6459</v>
      </c>
      <c r="B1627" s="1" t="s">
        <v>6460</v>
      </c>
      <c r="C1627" s="1" t="s">
        <v>50</v>
      </c>
      <c r="D1627" s="1" t="s">
        <v>4785</v>
      </c>
      <c r="E1627" s="1" t="s">
        <v>6493</v>
      </c>
      <c r="F1627" s="1" t="s">
        <v>6494</v>
      </c>
      <c r="G1627" s="1" t="s">
        <v>6464</v>
      </c>
      <c r="H1627" s="1" t="s">
        <v>13</v>
      </c>
      <c r="I1627" s="1" t="s">
        <v>6465</v>
      </c>
      <c r="J1627" s="1" t="s">
        <v>6495</v>
      </c>
    </row>
    <row r="1628" spans="1:10" x14ac:dyDescent="0.35">
      <c r="A1628" s="1" t="s">
        <v>6459</v>
      </c>
      <c r="B1628" s="1" t="s">
        <v>6460</v>
      </c>
      <c r="C1628" s="1" t="s">
        <v>55</v>
      </c>
      <c r="D1628" s="1" t="s">
        <v>6496</v>
      </c>
      <c r="E1628" s="1" t="s">
        <v>6497</v>
      </c>
      <c r="F1628" s="1" t="s">
        <v>6498</v>
      </c>
      <c r="G1628" s="1" t="s">
        <v>6464</v>
      </c>
      <c r="H1628" s="1" t="s">
        <v>13</v>
      </c>
      <c r="I1628" s="1" t="s">
        <v>6465</v>
      </c>
      <c r="J1628" s="1" t="s">
        <v>6499</v>
      </c>
    </row>
    <row r="1629" spans="1:10" x14ac:dyDescent="0.35">
      <c r="A1629" s="1" t="s">
        <v>6459</v>
      </c>
      <c r="B1629" s="1" t="s">
        <v>6460</v>
      </c>
      <c r="C1629" s="1" t="s">
        <v>60</v>
      </c>
      <c r="D1629" s="1" t="s">
        <v>6500</v>
      </c>
      <c r="E1629" s="1" t="s">
        <v>6501</v>
      </c>
      <c r="F1629" s="1" t="s">
        <v>6502</v>
      </c>
      <c r="G1629" s="1" t="s">
        <v>6464</v>
      </c>
      <c r="H1629" s="1" t="s">
        <v>13</v>
      </c>
      <c r="I1629" s="1" t="s">
        <v>6465</v>
      </c>
      <c r="J1629" s="1" t="s">
        <v>6503</v>
      </c>
    </row>
    <row r="1630" spans="1:10" x14ac:dyDescent="0.35">
      <c r="A1630" s="1" t="s">
        <v>6459</v>
      </c>
      <c r="B1630" s="1" t="s">
        <v>6460</v>
      </c>
      <c r="C1630" s="1" t="s">
        <v>65</v>
      </c>
      <c r="D1630" s="1" t="s">
        <v>6504</v>
      </c>
      <c r="E1630" s="1" t="s">
        <v>6505</v>
      </c>
      <c r="F1630" s="1" t="s">
        <v>6506</v>
      </c>
      <c r="G1630" s="1" t="s">
        <v>6464</v>
      </c>
      <c r="H1630" s="1" t="s">
        <v>13</v>
      </c>
      <c r="I1630" s="1" t="s">
        <v>6465</v>
      </c>
      <c r="J1630" s="1" t="s">
        <v>6507</v>
      </c>
    </row>
    <row r="1631" spans="1:10" x14ac:dyDescent="0.35">
      <c r="A1631" s="1" t="s">
        <v>6459</v>
      </c>
      <c r="B1631" s="1" t="s">
        <v>6460</v>
      </c>
      <c r="C1631" s="1" t="s">
        <v>70</v>
      </c>
      <c r="D1631" s="1" t="s">
        <v>6508</v>
      </c>
      <c r="E1631" s="1" t="s">
        <v>6509</v>
      </c>
      <c r="F1631" s="1" t="s">
        <v>6510</v>
      </c>
      <c r="G1631" s="1" t="s">
        <v>6464</v>
      </c>
      <c r="H1631" s="1" t="s">
        <v>13</v>
      </c>
      <c r="I1631" s="1" t="s">
        <v>6465</v>
      </c>
      <c r="J1631" s="1" t="s">
        <v>6511</v>
      </c>
    </row>
    <row r="1632" spans="1:10" x14ac:dyDescent="0.35">
      <c r="A1632" s="1" t="s">
        <v>6459</v>
      </c>
      <c r="B1632" s="1" t="s">
        <v>6460</v>
      </c>
      <c r="C1632" s="1" t="s">
        <v>75</v>
      </c>
      <c r="D1632" s="1" t="s">
        <v>6512</v>
      </c>
      <c r="E1632" s="1" t="s">
        <v>6513</v>
      </c>
      <c r="F1632" s="1" t="s">
        <v>6514</v>
      </c>
      <c r="G1632" s="1" t="s">
        <v>6464</v>
      </c>
      <c r="H1632" s="1" t="s">
        <v>13</v>
      </c>
      <c r="I1632" s="1" t="s">
        <v>6465</v>
      </c>
      <c r="J1632" s="1" t="s">
        <v>6515</v>
      </c>
    </row>
    <row r="1633" spans="1:10" x14ac:dyDescent="0.35">
      <c r="A1633" s="1" t="s">
        <v>6459</v>
      </c>
      <c r="B1633" s="1" t="s">
        <v>6460</v>
      </c>
      <c r="C1633" s="1" t="s">
        <v>80</v>
      </c>
      <c r="D1633" s="1" t="s">
        <v>6516</v>
      </c>
      <c r="E1633" s="1" t="s">
        <v>6517</v>
      </c>
      <c r="F1633" s="1" t="s">
        <v>6518</v>
      </c>
      <c r="G1633" s="1" t="s">
        <v>6464</v>
      </c>
      <c r="H1633" s="1" t="s">
        <v>13</v>
      </c>
      <c r="I1633" s="1" t="s">
        <v>6465</v>
      </c>
      <c r="J1633" s="1" t="s">
        <v>6519</v>
      </c>
    </row>
    <row r="1634" spans="1:10" x14ac:dyDescent="0.35">
      <c r="A1634" s="1" t="s">
        <v>6459</v>
      </c>
      <c r="B1634" s="1" t="s">
        <v>6460</v>
      </c>
      <c r="C1634" s="1" t="s">
        <v>85</v>
      </c>
      <c r="D1634" s="1" t="s">
        <v>6520</v>
      </c>
      <c r="E1634" s="1" t="s">
        <v>6521</v>
      </c>
      <c r="F1634" s="1" t="s">
        <v>6522</v>
      </c>
      <c r="G1634" s="1" t="s">
        <v>6464</v>
      </c>
      <c r="H1634" s="1" t="s">
        <v>13</v>
      </c>
      <c r="I1634" s="1" t="s">
        <v>6465</v>
      </c>
      <c r="J1634" s="1" t="s">
        <v>6523</v>
      </c>
    </row>
    <row r="1635" spans="1:10" x14ac:dyDescent="0.35">
      <c r="A1635" s="1" t="s">
        <v>6459</v>
      </c>
      <c r="B1635" s="1" t="s">
        <v>6460</v>
      </c>
      <c r="C1635" s="1" t="s">
        <v>90</v>
      </c>
      <c r="D1635" s="1" t="s">
        <v>6524</v>
      </c>
      <c r="E1635" s="1" t="s">
        <v>6525</v>
      </c>
      <c r="F1635" s="1" t="s">
        <v>6526</v>
      </c>
      <c r="G1635" s="1" t="s">
        <v>6464</v>
      </c>
      <c r="H1635" s="1" t="s">
        <v>13</v>
      </c>
      <c r="I1635" s="1" t="s">
        <v>6465</v>
      </c>
      <c r="J1635" s="1" t="s">
        <v>6527</v>
      </c>
    </row>
    <row r="1636" spans="1:10" x14ac:dyDescent="0.35">
      <c r="A1636" s="1" t="s">
        <v>6459</v>
      </c>
      <c r="B1636" s="1" t="s">
        <v>6460</v>
      </c>
      <c r="C1636" s="1" t="s">
        <v>95</v>
      </c>
      <c r="D1636" s="1" t="s">
        <v>6528</v>
      </c>
      <c r="E1636" s="1" t="s">
        <v>6529</v>
      </c>
      <c r="F1636" s="1" t="s">
        <v>6530</v>
      </c>
      <c r="G1636" s="1" t="s">
        <v>6464</v>
      </c>
      <c r="H1636" s="1" t="s">
        <v>13</v>
      </c>
      <c r="I1636" s="1" t="s">
        <v>6465</v>
      </c>
      <c r="J1636" s="1" t="s">
        <v>6531</v>
      </c>
    </row>
    <row r="1637" spans="1:10" x14ac:dyDescent="0.35">
      <c r="A1637" s="1" t="s">
        <v>6459</v>
      </c>
      <c r="B1637" s="1" t="s">
        <v>6460</v>
      </c>
      <c r="C1637" s="1" t="s">
        <v>100</v>
      </c>
      <c r="D1637" s="1" t="s">
        <v>6532</v>
      </c>
      <c r="E1637" s="1" t="s">
        <v>6475</v>
      </c>
      <c r="F1637" s="1" t="s">
        <v>6533</v>
      </c>
      <c r="G1637" s="1" t="s">
        <v>6464</v>
      </c>
      <c r="H1637" s="1" t="s">
        <v>13</v>
      </c>
      <c r="I1637" s="1" t="s">
        <v>6465</v>
      </c>
      <c r="J1637" s="1" t="s">
        <v>6534</v>
      </c>
    </row>
    <row r="1638" spans="1:10" x14ac:dyDescent="0.35">
      <c r="A1638" s="1" t="s">
        <v>6459</v>
      </c>
      <c r="B1638" s="1" t="s">
        <v>6460</v>
      </c>
      <c r="C1638" s="1" t="s">
        <v>105</v>
      </c>
      <c r="D1638" s="1" t="s">
        <v>6535</v>
      </c>
      <c r="E1638" s="1" t="s">
        <v>6536</v>
      </c>
      <c r="F1638" s="1" t="s">
        <v>6537</v>
      </c>
      <c r="G1638" s="1" t="s">
        <v>6464</v>
      </c>
      <c r="H1638" s="1" t="s">
        <v>13</v>
      </c>
      <c r="I1638" s="1" t="s">
        <v>6465</v>
      </c>
      <c r="J1638" s="1" t="s">
        <v>6538</v>
      </c>
    </row>
    <row r="1639" spans="1:10" x14ac:dyDescent="0.35">
      <c r="A1639" s="1" t="s">
        <v>6459</v>
      </c>
      <c r="B1639" s="1" t="s">
        <v>6460</v>
      </c>
      <c r="C1639" s="1" t="s">
        <v>110</v>
      </c>
      <c r="D1639" s="1" t="s">
        <v>6539</v>
      </c>
      <c r="E1639" s="1" t="s">
        <v>6540</v>
      </c>
      <c r="F1639" s="1" t="s">
        <v>6541</v>
      </c>
      <c r="G1639" s="1" t="s">
        <v>6464</v>
      </c>
      <c r="H1639" s="1" t="s">
        <v>13</v>
      </c>
      <c r="I1639" s="1" t="s">
        <v>6465</v>
      </c>
      <c r="J1639" s="1" t="s">
        <v>6542</v>
      </c>
    </row>
    <row r="1640" spans="1:10" x14ac:dyDescent="0.35">
      <c r="A1640" s="1" t="s">
        <v>6459</v>
      </c>
      <c r="B1640" s="1" t="s">
        <v>6460</v>
      </c>
      <c r="C1640" s="1" t="s">
        <v>115</v>
      </c>
      <c r="D1640" s="1" t="s">
        <v>6543</v>
      </c>
      <c r="E1640" s="1" t="s">
        <v>6544</v>
      </c>
      <c r="F1640" s="1" t="s">
        <v>6545</v>
      </c>
      <c r="G1640" s="1" t="s">
        <v>6464</v>
      </c>
      <c r="H1640" s="1" t="s">
        <v>13</v>
      </c>
      <c r="I1640" s="1" t="s">
        <v>6465</v>
      </c>
      <c r="J1640" s="1" t="s">
        <v>6546</v>
      </c>
    </row>
    <row r="1641" spans="1:10" x14ac:dyDescent="0.35">
      <c r="A1641" s="1" t="s">
        <v>6459</v>
      </c>
      <c r="B1641" s="1" t="s">
        <v>6460</v>
      </c>
      <c r="C1641" s="1" t="s">
        <v>120</v>
      </c>
      <c r="D1641" s="1" t="s">
        <v>6547</v>
      </c>
      <c r="E1641" s="1" t="s">
        <v>6548</v>
      </c>
      <c r="F1641" s="1" t="s">
        <v>6549</v>
      </c>
      <c r="G1641" s="1" t="s">
        <v>6464</v>
      </c>
      <c r="H1641" s="1" t="s">
        <v>13</v>
      </c>
      <c r="I1641" s="1" t="s">
        <v>6465</v>
      </c>
      <c r="J1641" s="1" t="s">
        <v>6550</v>
      </c>
    </row>
    <row r="1642" spans="1:10" x14ac:dyDescent="0.35">
      <c r="A1642" s="1" t="s">
        <v>6459</v>
      </c>
      <c r="B1642" s="1" t="s">
        <v>6460</v>
      </c>
      <c r="C1642" s="1" t="s">
        <v>125</v>
      </c>
      <c r="D1642" s="1" t="s">
        <v>6551</v>
      </c>
      <c r="E1642" s="1" t="s">
        <v>6552</v>
      </c>
      <c r="F1642" s="1" t="s">
        <v>6553</v>
      </c>
      <c r="G1642" s="1" t="s">
        <v>6464</v>
      </c>
      <c r="H1642" s="1" t="s">
        <v>13</v>
      </c>
      <c r="I1642" s="1" t="s">
        <v>6465</v>
      </c>
      <c r="J1642" s="1" t="s">
        <v>6554</v>
      </c>
    </row>
    <row r="1643" spans="1:10" x14ac:dyDescent="0.35">
      <c r="A1643" s="1" t="s">
        <v>6459</v>
      </c>
      <c r="B1643" s="1" t="s">
        <v>6460</v>
      </c>
      <c r="C1643" s="1" t="s">
        <v>130</v>
      </c>
      <c r="D1643" s="1" t="s">
        <v>6555</v>
      </c>
      <c r="E1643" s="1" t="s">
        <v>6556</v>
      </c>
      <c r="F1643" s="1" t="s">
        <v>6557</v>
      </c>
      <c r="G1643" s="1" t="s">
        <v>6464</v>
      </c>
      <c r="H1643" s="1" t="s">
        <v>13</v>
      </c>
      <c r="I1643" s="1" t="s">
        <v>6465</v>
      </c>
      <c r="J1643" s="1" t="s">
        <v>6558</v>
      </c>
    </row>
    <row r="1644" spans="1:10" x14ac:dyDescent="0.35">
      <c r="A1644" s="1" t="s">
        <v>6459</v>
      </c>
      <c r="B1644" s="1" t="s">
        <v>6460</v>
      </c>
      <c r="C1644" s="1" t="s">
        <v>135</v>
      </c>
      <c r="D1644" s="1" t="s">
        <v>6559</v>
      </c>
      <c r="E1644" s="1" t="s">
        <v>6560</v>
      </c>
      <c r="F1644" s="1" t="s">
        <v>6561</v>
      </c>
      <c r="G1644" s="1" t="s">
        <v>6464</v>
      </c>
      <c r="H1644" s="1" t="s">
        <v>13</v>
      </c>
      <c r="I1644" s="1" t="s">
        <v>6465</v>
      </c>
      <c r="J1644" s="1" t="s">
        <v>6562</v>
      </c>
    </row>
    <row r="1645" spans="1:10" x14ac:dyDescent="0.35">
      <c r="A1645" s="1" t="s">
        <v>6459</v>
      </c>
      <c r="B1645" s="1" t="s">
        <v>6460</v>
      </c>
      <c r="C1645" s="1" t="s">
        <v>140</v>
      </c>
      <c r="D1645" s="1" t="s">
        <v>6563</v>
      </c>
      <c r="E1645" s="1" t="s">
        <v>6564</v>
      </c>
      <c r="F1645" s="1" t="s">
        <v>6565</v>
      </c>
      <c r="G1645" s="1" t="s">
        <v>6464</v>
      </c>
      <c r="H1645" s="1" t="s">
        <v>13</v>
      </c>
      <c r="I1645" s="1" t="s">
        <v>6465</v>
      </c>
      <c r="J1645" s="1" t="s">
        <v>6566</v>
      </c>
    </row>
    <row r="1646" spans="1:10" x14ac:dyDescent="0.35">
      <c r="A1646" s="1" t="s">
        <v>6459</v>
      </c>
      <c r="B1646" s="1" t="s">
        <v>6460</v>
      </c>
      <c r="C1646" s="1" t="s">
        <v>145</v>
      </c>
      <c r="D1646" s="1" t="s">
        <v>6567</v>
      </c>
      <c r="E1646" s="1" t="s">
        <v>6568</v>
      </c>
      <c r="F1646" s="1" t="s">
        <v>6569</v>
      </c>
      <c r="G1646" s="1" t="s">
        <v>6464</v>
      </c>
      <c r="H1646" s="1" t="s">
        <v>13</v>
      </c>
      <c r="I1646" s="1" t="s">
        <v>6465</v>
      </c>
      <c r="J1646" s="1" t="s">
        <v>6570</v>
      </c>
    </row>
    <row r="1647" spans="1:10" x14ac:dyDescent="0.35">
      <c r="A1647" s="1" t="s">
        <v>6459</v>
      </c>
      <c r="B1647" s="1" t="s">
        <v>6460</v>
      </c>
      <c r="C1647" s="1" t="s">
        <v>150</v>
      </c>
      <c r="D1647" s="1" t="s">
        <v>6571</v>
      </c>
      <c r="E1647" s="1" t="s">
        <v>6572</v>
      </c>
      <c r="F1647" s="1" t="s">
        <v>6573</v>
      </c>
      <c r="G1647" s="1" t="s">
        <v>6464</v>
      </c>
      <c r="H1647" s="1" t="s">
        <v>13</v>
      </c>
      <c r="I1647" s="1" t="s">
        <v>6465</v>
      </c>
      <c r="J1647" s="1" t="s">
        <v>6574</v>
      </c>
    </row>
    <row r="1648" spans="1:10" x14ac:dyDescent="0.35">
      <c r="A1648" s="1" t="s">
        <v>6459</v>
      </c>
      <c r="B1648" s="1" t="s">
        <v>6460</v>
      </c>
      <c r="C1648" s="1" t="s">
        <v>155</v>
      </c>
      <c r="D1648" s="1" t="s">
        <v>6575</v>
      </c>
      <c r="E1648" s="1" t="s">
        <v>6576</v>
      </c>
      <c r="F1648" s="1" t="s">
        <v>6577</v>
      </c>
      <c r="G1648" s="1" t="s">
        <v>6464</v>
      </c>
      <c r="H1648" s="1" t="s">
        <v>13</v>
      </c>
      <c r="I1648" s="1" t="s">
        <v>6465</v>
      </c>
      <c r="J1648" s="1" t="s">
        <v>6578</v>
      </c>
    </row>
    <row r="1649" spans="1:10" x14ac:dyDescent="0.35">
      <c r="A1649" s="1" t="s">
        <v>6459</v>
      </c>
      <c r="B1649" s="1" t="s">
        <v>6460</v>
      </c>
      <c r="C1649" s="1" t="s">
        <v>160</v>
      </c>
      <c r="D1649" s="1" t="s">
        <v>6579</v>
      </c>
      <c r="E1649" s="1" t="s">
        <v>6580</v>
      </c>
      <c r="F1649" s="1" t="s">
        <v>6581</v>
      </c>
      <c r="G1649" s="1" t="s">
        <v>6464</v>
      </c>
      <c r="H1649" s="1" t="s">
        <v>13</v>
      </c>
      <c r="I1649" s="1" t="s">
        <v>6465</v>
      </c>
      <c r="J1649" s="1" t="s">
        <v>6582</v>
      </c>
    </row>
    <row r="1650" spans="1:10" x14ac:dyDescent="0.35">
      <c r="A1650" s="1" t="s">
        <v>6459</v>
      </c>
      <c r="B1650" s="1" t="s">
        <v>6460</v>
      </c>
      <c r="C1650" s="1" t="s">
        <v>165</v>
      </c>
      <c r="D1650" s="1" t="s">
        <v>3405</v>
      </c>
      <c r="E1650" s="1" t="s">
        <v>6583</v>
      </c>
      <c r="F1650" s="1" t="s">
        <v>6584</v>
      </c>
      <c r="G1650" s="1" t="s">
        <v>6464</v>
      </c>
      <c r="H1650" s="1" t="s">
        <v>13</v>
      </c>
      <c r="I1650" s="1" t="s">
        <v>6465</v>
      </c>
      <c r="J1650" s="1" t="s">
        <v>6585</v>
      </c>
    </row>
    <row r="1651" spans="1:10" x14ac:dyDescent="0.35">
      <c r="A1651" s="1" t="s">
        <v>6459</v>
      </c>
      <c r="B1651" s="1" t="s">
        <v>6460</v>
      </c>
      <c r="C1651" s="1" t="s">
        <v>170</v>
      </c>
      <c r="D1651" s="1" t="s">
        <v>6586</v>
      </c>
      <c r="E1651" s="1" t="s">
        <v>6587</v>
      </c>
      <c r="F1651" s="1" t="s">
        <v>6588</v>
      </c>
      <c r="G1651" s="1" t="s">
        <v>6464</v>
      </c>
      <c r="H1651" s="1" t="s">
        <v>13</v>
      </c>
      <c r="I1651" s="1" t="s">
        <v>6465</v>
      </c>
      <c r="J1651" s="1" t="s">
        <v>6589</v>
      </c>
    </row>
    <row r="1652" spans="1:10" x14ac:dyDescent="0.35">
      <c r="A1652" s="1" t="s">
        <v>6590</v>
      </c>
      <c r="B1652" s="1" t="s">
        <v>6591</v>
      </c>
      <c r="C1652" s="1" t="s">
        <v>8</v>
      </c>
      <c r="D1652" s="1" t="s">
        <v>6592</v>
      </c>
      <c r="E1652" s="1" t="s">
        <v>6593</v>
      </c>
      <c r="F1652" s="1" t="s">
        <v>6594</v>
      </c>
      <c r="G1652" s="1" t="s">
        <v>6595</v>
      </c>
      <c r="H1652" s="1" t="s">
        <v>13</v>
      </c>
      <c r="I1652" s="1" t="s">
        <v>6596</v>
      </c>
      <c r="J1652" s="1" t="s">
        <v>13</v>
      </c>
    </row>
    <row r="1653" spans="1:10" x14ac:dyDescent="0.35">
      <c r="A1653" s="1" t="s">
        <v>6590</v>
      </c>
      <c r="B1653" s="1" t="s">
        <v>6591</v>
      </c>
      <c r="C1653" s="1" t="s">
        <v>15</v>
      </c>
      <c r="D1653" s="1" t="s">
        <v>202</v>
      </c>
      <c r="E1653" s="1" t="s">
        <v>6597</v>
      </c>
      <c r="F1653" s="1" t="s">
        <v>6598</v>
      </c>
      <c r="G1653" s="1" t="s">
        <v>6595</v>
      </c>
      <c r="H1653" s="1" t="s">
        <v>13</v>
      </c>
      <c r="I1653" s="1" t="s">
        <v>6596</v>
      </c>
      <c r="J1653" s="1" t="s">
        <v>6599</v>
      </c>
    </row>
    <row r="1654" spans="1:10" x14ac:dyDescent="0.35">
      <c r="A1654" s="1" t="s">
        <v>6590</v>
      </c>
      <c r="B1654" s="1" t="s">
        <v>6591</v>
      </c>
      <c r="C1654" s="1" t="s">
        <v>20</v>
      </c>
      <c r="D1654" s="1" t="s">
        <v>6600</v>
      </c>
      <c r="E1654" s="1" t="s">
        <v>6601</v>
      </c>
      <c r="F1654" s="1" t="s">
        <v>6602</v>
      </c>
      <c r="G1654" s="1" t="s">
        <v>6595</v>
      </c>
      <c r="H1654" s="1" t="s">
        <v>13</v>
      </c>
      <c r="I1654" s="1" t="s">
        <v>6596</v>
      </c>
      <c r="J1654" s="1" t="s">
        <v>6603</v>
      </c>
    </row>
    <row r="1655" spans="1:10" x14ac:dyDescent="0.35">
      <c r="A1655" s="1" t="s">
        <v>6590</v>
      </c>
      <c r="B1655" s="1" t="s">
        <v>6591</v>
      </c>
      <c r="C1655" s="1" t="s">
        <v>25</v>
      </c>
      <c r="D1655" s="1" t="s">
        <v>6604</v>
      </c>
      <c r="E1655" s="1" t="s">
        <v>6605</v>
      </c>
      <c r="F1655" s="1" t="s">
        <v>6606</v>
      </c>
      <c r="G1655" s="1" t="s">
        <v>6595</v>
      </c>
      <c r="H1655" s="1" t="s">
        <v>13</v>
      </c>
      <c r="I1655" s="1" t="s">
        <v>6596</v>
      </c>
      <c r="J1655" s="1" t="s">
        <v>6607</v>
      </c>
    </row>
    <row r="1656" spans="1:10" x14ac:dyDescent="0.35">
      <c r="A1656" s="1" t="s">
        <v>6590</v>
      </c>
      <c r="B1656" s="1" t="s">
        <v>6591</v>
      </c>
      <c r="C1656" s="1" t="s">
        <v>30</v>
      </c>
      <c r="D1656" s="1" t="s">
        <v>6608</v>
      </c>
      <c r="E1656" s="1" t="s">
        <v>6609</v>
      </c>
      <c r="F1656" s="1" t="s">
        <v>6610</v>
      </c>
      <c r="G1656" s="1" t="s">
        <v>6595</v>
      </c>
      <c r="H1656" s="1" t="s">
        <v>13</v>
      </c>
      <c r="I1656" s="1" t="s">
        <v>6596</v>
      </c>
      <c r="J1656" s="1" t="s">
        <v>6611</v>
      </c>
    </row>
    <row r="1657" spans="1:10" x14ac:dyDescent="0.35">
      <c r="A1657" s="1" t="s">
        <v>6590</v>
      </c>
      <c r="B1657" s="1" t="s">
        <v>6591</v>
      </c>
      <c r="C1657" s="1" t="s">
        <v>35</v>
      </c>
      <c r="D1657" s="1" t="s">
        <v>6612</v>
      </c>
      <c r="E1657" s="1" t="s">
        <v>6613</v>
      </c>
      <c r="F1657" s="1" t="s">
        <v>6614</v>
      </c>
      <c r="G1657" s="1" t="s">
        <v>6595</v>
      </c>
      <c r="H1657" s="1" t="s">
        <v>13</v>
      </c>
      <c r="I1657" s="1" t="s">
        <v>6596</v>
      </c>
      <c r="J1657" s="1" t="s">
        <v>6615</v>
      </c>
    </row>
    <row r="1658" spans="1:10" x14ac:dyDescent="0.35">
      <c r="A1658" s="1" t="s">
        <v>6590</v>
      </c>
      <c r="B1658" s="1" t="s">
        <v>6591</v>
      </c>
      <c r="C1658" s="1" t="s">
        <v>40</v>
      </c>
      <c r="D1658" s="1" t="s">
        <v>6616</v>
      </c>
      <c r="E1658" s="1" t="s">
        <v>6617</v>
      </c>
      <c r="F1658" s="1" t="s">
        <v>6618</v>
      </c>
      <c r="G1658" s="1" t="s">
        <v>6595</v>
      </c>
      <c r="H1658" s="1" t="s">
        <v>13</v>
      </c>
      <c r="I1658" s="1" t="s">
        <v>6596</v>
      </c>
      <c r="J1658" s="1" t="s">
        <v>6619</v>
      </c>
    </row>
    <row r="1659" spans="1:10" x14ac:dyDescent="0.35">
      <c r="A1659" s="1" t="s">
        <v>6590</v>
      </c>
      <c r="B1659" s="1" t="s">
        <v>6591</v>
      </c>
      <c r="C1659" s="1" t="s">
        <v>45</v>
      </c>
      <c r="D1659" s="1" t="s">
        <v>6620</v>
      </c>
      <c r="E1659" s="1" t="s">
        <v>6621</v>
      </c>
      <c r="F1659" s="1" t="s">
        <v>6622</v>
      </c>
      <c r="G1659" s="1" t="s">
        <v>6595</v>
      </c>
      <c r="H1659" s="1" t="s">
        <v>13</v>
      </c>
      <c r="I1659" s="1" t="s">
        <v>6596</v>
      </c>
      <c r="J1659" s="1" t="s">
        <v>6623</v>
      </c>
    </row>
    <row r="1660" spans="1:10" x14ac:dyDescent="0.35">
      <c r="A1660" s="1" t="s">
        <v>6590</v>
      </c>
      <c r="B1660" s="1" t="s">
        <v>6591</v>
      </c>
      <c r="C1660" s="1" t="s">
        <v>50</v>
      </c>
      <c r="D1660" s="1" t="s">
        <v>2651</v>
      </c>
      <c r="E1660" s="1" t="s">
        <v>6624</v>
      </c>
      <c r="F1660" s="1" t="s">
        <v>6625</v>
      </c>
      <c r="G1660" s="1" t="s">
        <v>6595</v>
      </c>
      <c r="H1660" s="1" t="s">
        <v>13</v>
      </c>
      <c r="I1660" s="1" t="s">
        <v>6596</v>
      </c>
      <c r="J1660" s="1" t="s">
        <v>6626</v>
      </c>
    </row>
    <row r="1661" spans="1:10" x14ac:dyDescent="0.35">
      <c r="A1661" s="1" t="s">
        <v>6590</v>
      </c>
      <c r="B1661" s="1" t="s">
        <v>6591</v>
      </c>
      <c r="C1661" s="1" t="s">
        <v>55</v>
      </c>
      <c r="D1661" s="1" t="s">
        <v>1608</v>
      </c>
      <c r="E1661" s="1" t="s">
        <v>6627</v>
      </c>
      <c r="F1661" s="1" t="s">
        <v>6628</v>
      </c>
      <c r="G1661" s="1" t="s">
        <v>6595</v>
      </c>
      <c r="H1661" s="1" t="s">
        <v>13</v>
      </c>
      <c r="I1661" s="1" t="s">
        <v>6596</v>
      </c>
      <c r="J1661" s="1" t="s">
        <v>6629</v>
      </c>
    </row>
    <row r="1662" spans="1:10" x14ac:dyDescent="0.35">
      <c r="A1662" s="1" t="s">
        <v>6590</v>
      </c>
      <c r="B1662" s="1" t="s">
        <v>6591</v>
      </c>
      <c r="C1662" s="1" t="s">
        <v>60</v>
      </c>
      <c r="D1662" s="1" t="s">
        <v>6630</v>
      </c>
      <c r="E1662" s="1" t="s">
        <v>6631</v>
      </c>
      <c r="F1662" s="1" t="s">
        <v>6632</v>
      </c>
      <c r="G1662" s="1" t="s">
        <v>6595</v>
      </c>
      <c r="H1662" s="1" t="s">
        <v>13</v>
      </c>
      <c r="I1662" s="1" t="s">
        <v>6596</v>
      </c>
      <c r="J1662" s="1" t="s">
        <v>6633</v>
      </c>
    </row>
    <row r="1663" spans="1:10" x14ac:dyDescent="0.35">
      <c r="A1663" s="1" t="s">
        <v>6590</v>
      </c>
      <c r="B1663" s="1" t="s">
        <v>6591</v>
      </c>
      <c r="C1663" s="1" t="s">
        <v>65</v>
      </c>
      <c r="D1663" s="1" t="s">
        <v>6634</v>
      </c>
      <c r="E1663" s="1" t="s">
        <v>6635</v>
      </c>
      <c r="F1663" s="1" t="s">
        <v>6636</v>
      </c>
      <c r="G1663" s="1" t="s">
        <v>6595</v>
      </c>
      <c r="H1663" s="1" t="s">
        <v>13</v>
      </c>
      <c r="I1663" s="1" t="s">
        <v>6596</v>
      </c>
      <c r="J1663" s="1" t="s">
        <v>6637</v>
      </c>
    </row>
    <row r="1664" spans="1:10" x14ac:dyDescent="0.35">
      <c r="A1664" s="1" t="s">
        <v>6590</v>
      </c>
      <c r="B1664" s="1" t="s">
        <v>6591</v>
      </c>
      <c r="C1664" s="1" t="s">
        <v>70</v>
      </c>
      <c r="D1664" s="1" t="s">
        <v>6638</v>
      </c>
      <c r="E1664" s="1" t="s">
        <v>6639</v>
      </c>
      <c r="F1664" s="1" t="s">
        <v>6640</v>
      </c>
      <c r="G1664" s="1" t="s">
        <v>6595</v>
      </c>
      <c r="H1664" s="1" t="s">
        <v>13</v>
      </c>
      <c r="I1664" s="1" t="s">
        <v>6596</v>
      </c>
      <c r="J1664" s="1" t="s">
        <v>6641</v>
      </c>
    </row>
    <row r="1665" spans="1:10" x14ac:dyDescent="0.35">
      <c r="A1665" s="1" t="s">
        <v>6590</v>
      </c>
      <c r="B1665" s="1" t="s">
        <v>6591</v>
      </c>
      <c r="C1665" s="1" t="s">
        <v>75</v>
      </c>
      <c r="D1665" s="1" t="s">
        <v>2556</v>
      </c>
      <c r="E1665" s="1" t="s">
        <v>6642</v>
      </c>
      <c r="F1665" s="1" t="s">
        <v>6643</v>
      </c>
      <c r="G1665" s="1" t="s">
        <v>6595</v>
      </c>
      <c r="H1665" s="1" t="s">
        <v>13</v>
      </c>
      <c r="I1665" s="1" t="s">
        <v>6596</v>
      </c>
      <c r="J1665" s="1" t="s">
        <v>6644</v>
      </c>
    </row>
    <row r="1666" spans="1:10" x14ac:dyDescent="0.35">
      <c r="A1666" s="1" t="s">
        <v>6590</v>
      </c>
      <c r="B1666" s="1" t="s">
        <v>6591</v>
      </c>
      <c r="C1666" s="1" t="s">
        <v>80</v>
      </c>
      <c r="D1666" s="1" t="s">
        <v>6645</v>
      </c>
      <c r="E1666" s="1" t="s">
        <v>6646</v>
      </c>
      <c r="F1666" s="1" t="s">
        <v>6647</v>
      </c>
      <c r="G1666" s="1" t="s">
        <v>6595</v>
      </c>
      <c r="H1666" s="1" t="s">
        <v>13</v>
      </c>
      <c r="I1666" s="1" t="s">
        <v>6596</v>
      </c>
      <c r="J1666" s="1" t="s">
        <v>6648</v>
      </c>
    </row>
    <row r="1667" spans="1:10" x14ac:dyDescent="0.35">
      <c r="A1667" s="1" t="s">
        <v>6590</v>
      </c>
      <c r="B1667" s="1" t="s">
        <v>6591</v>
      </c>
      <c r="C1667" s="1" t="s">
        <v>85</v>
      </c>
      <c r="D1667" s="1" t="s">
        <v>6649</v>
      </c>
      <c r="E1667" s="1" t="s">
        <v>6650</v>
      </c>
      <c r="F1667" s="1" t="s">
        <v>6651</v>
      </c>
      <c r="G1667" s="1" t="s">
        <v>6595</v>
      </c>
      <c r="H1667" s="1" t="s">
        <v>13</v>
      </c>
      <c r="I1667" s="1" t="s">
        <v>6596</v>
      </c>
      <c r="J1667" s="1" t="s">
        <v>6652</v>
      </c>
    </row>
    <row r="1668" spans="1:10" x14ac:dyDescent="0.35">
      <c r="A1668" s="1" t="s">
        <v>6590</v>
      </c>
      <c r="B1668" s="1" t="s">
        <v>6591</v>
      </c>
      <c r="C1668" s="1" t="s">
        <v>90</v>
      </c>
      <c r="D1668" s="1" t="s">
        <v>6653</v>
      </c>
      <c r="E1668" s="1" t="s">
        <v>6654</v>
      </c>
      <c r="F1668" s="1" t="s">
        <v>6655</v>
      </c>
      <c r="G1668" s="1" t="s">
        <v>6595</v>
      </c>
      <c r="H1668" s="1" t="s">
        <v>13</v>
      </c>
      <c r="I1668" s="1" t="s">
        <v>6596</v>
      </c>
      <c r="J1668" s="1" t="s">
        <v>6656</v>
      </c>
    </row>
    <row r="1669" spans="1:10" x14ac:dyDescent="0.35">
      <c r="A1669" s="1" t="s">
        <v>6590</v>
      </c>
      <c r="B1669" s="1" t="s">
        <v>6591</v>
      </c>
      <c r="C1669" s="1" t="s">
        <v>95</v>
      </c>
      <c r="D1669" s="1" t="s">
        <v>6657</v>
      </c>
      <c r="E1669" s="1" t="s">
        <v>6658</v>
      </c>
      <c r="F1669" s="1" t="s">
        <v>6659</v>
      </c>
      <c r="G1669" s="1" t="s">
        <v>6595</v>
      </c>
      <c r="H1669" s="1" t="s">
        <v>13</v>
      </c>
      <c r="I1669" s="1" t="s">
        <v>6596</v>
      </c>
      <c r="J1669" s="1" t="s">
        <v>6660</v>
      </c>
    </row>
    <row r="1670" spans="1:10" x14ac:dyDescent="0.35">
      <c r="A1670" s="1" t="s">
        <v>6590</v>
      </c>
      <c r="B1670" s="1" t="s">
        <v>6591</v>
      </c>
      <c r="C1670" s="1" t="s">
        <v>100</v>
      </c>
      <c r="D1670" s="1" t="s">
        <v>6661</v>
      </c>
      <c r="E1670" s="1" t="s">
        <v>6662</v>
      </c>
      <c r="F1670" s="1" t="s">
        <v>6663</v>
      </c>
      <c r="G1670" s="1" t="s">
        <v>6595</v>
      </c>
      <c r="H1670" s="1" t="s">
        <v>13</v>
      </c>
      <c r="I1670" s="1" t="s">
        <v>6596</v>
      </c>
      <c r="J1670" s="1" t="s">
        <v>6664</v>
      </c>
    </row>
    <row r="1671" spans="1:10" x14ac:dyDescent="0.35">
      <c r="A1671" s="1" t="s">
        <v>6590</v>
      </c>
      <c r="B1671" s="1" t="s">
        <v>6591</v>
      </c>
      <c r="C1671" s="1" t="s">
        <v>105</v>
      </c>
      <c r="D1671" s="1" t="s">
        <v>6665</v>
      </c>
      <c r="E1671" s="1" t="s">
        <v>6666</v>
      </c>
      <c r="F1671" s="1" t="s">
        <v>6667</v>
      </c>
      <c r="G1671" s="1" t="s">
        <v>6595</v>
      </c>
      <c r="H1671" s="1" t="s">
        <v>13</v>
      </c>
      <c r="I1671" s="1" t="s">
        <v>6596</v>
      </c>
      <c r="J1671" s="1" t="s">
        <v>6668</v>
      </c>
    </row>
    <row r="1672" spans="1:10" x14ac:dyDescent="0.35">
      <c r="A1672" s="1" t="s">
        <v>6590</v>
      </c>
      <c r="B1672" s="1" t="s">
        <v>6591</v>
      </c>
      <c r="C1672" s="1" t="s">
        <v>110</v>
      </c>
      <c r="D1672" s="1" t="s">
        <v>6669</v>
      </c>
      <c r="E1672" s="1" t="s">
        <v>6670</v>
      </c>
      <c r="F1672" s="1" t="s">
        <v>6671</v>
      </c>
      <c r="G1672" s="1" t="s">
        <v>6595</v>
      </c>
      <c r="H1672" s="1" t="s">
        <v>13</v>
      </c>
      <c r="I1672" s="1" t="s">
        <v>6596</v>
      </c>
      <c r="J1672" s="1" t="s">
        <v>6672</v>
      </c>
    </row>
    <row r="1673" spans="1:10" x14ac:dyDescent="0.35">
      <c r="A1673" s="1" t="s">
        <v>6590</v>
      </c>
      <c r="B1673" s="1" t="s">
        <v>6591</v>
      </c>
      <c r="C1673" s="1" t="s">
        <v>115</v>
      </c>
      <c r="D1673" s="1" t="s">
        <v>6673</v>
      </c>
      <c r="E1673" s="1" t="s">
        <v>6674</v>
      </c>
      <c r="F1673" s="1" t="s">
        <v>6675</v>
      </c>
      <c r="G1673" s="1" t="s">
        <v>6595</v>
      </c>
      <c r="H1673" s="1" t="s">
        <v>13</v>
      </c>
      <c r="I1673" s="1" t="s">
        <v>6596</v>
      </c>
      <c r="J1673" s="1" t="s">
        <v>6676</v>
      </c>
    </row>
    <row r="1674" spans="1:10" x14ac:dyDescent="0.35">
      <c r="A1674" s="1" t="s">
        <v>6590</v>
      </c>
      <c r="B1674" s="1" t="s">
        <v>6591</v>
      </c>
      <c r="C1674" s="1" t="s">
        <v>120</v>
      </c>
      <c r="D1674" s="1" t="s">
        <v>6677</v>
      </c>
      <c r="E1674" s="1" t="s">
        <v>6678</v>
      </c>
      <c r="F1674" s="1" t="s">
        <v>6679</v>
      </c>
      <c r="G1674" s="1" t="s">
        <v>6595</v>
      </c>
      <c r="H1674" s="1" t="s">
        <v>13</v>
      </c>
      <c r="I1674" s="1" t="s">
        <v>6596</v>
      </c>
      <c r="J1674" s="1" t="s">
        <v>6680</v>
      </c>
    </row>
    <row r="1675" spans="1:10" x14ac:dyDescent="0.35">
      <c r="A1675" s="1" t="s">
        <v>6590</v>
      </c>
      <c r="B1675" s="1" t="s">
        <v>6591</v>
      </c>
      <c r="C1675" s="1" t="s">
        <v>125</v>
      </c>
      <c r="D1675" s="1" t="s">
        <v>6681</v>
      </c>
      <c r="E1675" s="1" t="s">
        <v>6682</v>
      </c>
      <c r="F1675" s="1" t="s">
        <v>6683</v>
      </c>
      <c r="G1675" s="1" t="s">
        <v>6595</v>
      </c>
      <c r="H1675" s="1" t="s">
        <v>13</v>
      </c>
      <c r="I1675" s="1" t="s">
        <v>6596</v>
      </c>
      <c r="J1675" s="1" t="s">
        <v>6684</v>
      </c>
    </row>
    <row r="1676" spans="1:10" x14ac:dyDescent="0.35">
      <c r="A1676" s="1" t="s">
        <v>6590</v>
      </c>
      <c r="B1676" s="1" t="s">
        <v>6591</v>
      </c>
      <c r="C1676" s="1" t="s">
        <v>130</v>
      </c>
      <c r="D1676" s="1" t="s">
        <v>6685</v>
      </c>
      <c r="E1676" s="1" t="s">
        <v>6686</v>
      </c>
      <c r="F1676" s="1" t="s">
        <v>6687</v>
      </c>
      <c r="G1676" s="1" t="s">
        <v>6595</v>
      </c>
      <c r="H1676" s="1" t="s">
        <v>13</v>
      </c>
      <c r="I1676" s="1" t="s">
        <v>6596</v>
      </c>
      <c r="J1676" s="1" t="s">
        <v>6688</v>
      </c>
    </row>
    <row r="1677" spans="1:10" x14ac:dyDescent="0.35">
      <c r="A1677" s="1" t="s">
        <v>6590</v>
      </c>
      <c r="B1677" s="1" t="s">
        <v>6591</v>
      </c>
      <c r="C1677" s="1" t="s">
        <v>135</v>
      </c>
      <c r="D1677" s="1" t="s">
        <v>6689</v>
      </c>
      <c r="E1677" s="1" t="s">
        <v>6690</v>
      </c>
      <c r="F1677" s="1" t="s">
        <v>6691</v>
      </c>
      <c r="G1677" s="1" t="s">
        <v>6595</v>
      </c>
      <c r="H1677" s="1" t="s">
        <v>13</v>
      </c>
      <c r="I1677" s="1" t="s">
        <v>6596</v>
      </c>
      <c r="J1677" s="1" t="s">
        <v>6692</v>
      </c>
    </row>
    <row r="1678" spans="1:10" x14ac:dyDescent="0.35">
      <c r="A1678" s="1" t="s">
        <v>6590</v>
      </c>
      <c r="B1678" s="1" t="s">
        <v>6591</v>
      </c>
      <c r="C1678" s="1" t="s">
        <v>140</v>
      </c>
      <c r="D1678" s="1" t="s">
        <v>6693</v>
      </c>
      <c r="E1678" s="1" t="s">
        <v>6694</v>
      </c>
      <c r="F1678" s="1" t="s">
        <v>6695</v>
      </c>
      <c r="G1678" s="1" t="s">
        <v>6595</v>
      </c>
      <c r="H1678" s="1" t="s">
        <v>13</v>
      </c>
      <c r="I1678" s="1" t="s">
        <v>6596</v>
      </c>
      <c r="J1678" s="1" t="s">
        <v>6696</v>
      </c>
    </row>
    <row r="1679" spans="1:10" x14ac:dyDescent="0.35">
      <c r="A1679" s="1" t="s">
        <v>6590</v>
      </c>
      <c r="B1679" s="1" t="s">
        <v>6591</v>
      </c>
      <c r="C1679" s="1" t="s">
        <v>145</v>
      </c>
      <c r="D1679" s="1" t="s">
        <v>6697</v>
      </c>
      <c r="E1679" s="1" t="s">
        <v>6698</v>
      </c>
      <c r="F1679" s="1" t="s">
        <v>6699</v>
      </c>
      <c r="G1679" s="1" t="s">
        <v>6595</v>
      </c>
      <c r="H1679" s="1" t="s">
        <v>13</v>
      </c>
      <c r="I1679" s="1" t="s">
        <v>6596</v>
      </c>
      <c r="J1679" s="1" t="s">
        <v>6700</v>
      </c>
    </row>
    <row r="1680" spans="1:10" x14ac:dyDescent="0.35">
      <c r="A1680" s="1" t="s">
        <v>6590</v>
      </c>
      <c r="B1680" s="1" t="s">
        <v>6591</v>
      </c>
      <c r="C1680" s="1" t="s">
        <v>150</v>
      </c>
      <c r="D1680" s="1" t="s">
        <v>6701</v>
      </c>
      <c r="E1680" s="1" t="s">
        <v>6702</v>
      </c>
      <c r="F1680" s="1" t="s">
        <v>6703</v>
      </c>
      <c r="G1680" s="1" t="s">
        <v>6595</v>
      </c>
      <c r="H1680" s="1" t="s">
        <v>13</v>
      </c>
      <c r="I1680" s="1" t="s">
        <v>6596</v>
      </c>
      <c r="J1680" s="1" t="s">
        <v>6704</v>
      </c>
    </row>
    <row r="1681" spans="1:10" x14ac:dyDescent="0.35">
      <c r="A1681" s="1" t="s">
        <v>6590</v>
      </c>
      <c r="B1681" s="1" t="s">
        <v>6591</v>
      </c>
      <c r="C1681" s="1" t="s">
        <v>155</v>
      </c>
      <c r="D1681" s="1" t="s">
        <v>2378</v>
      </c>
      <c r="E1681" s="1" t="s">
        <v>6705</v>
      </c>
      <c r="F1681" s="1" t="s">
        <v>6706</v>
      </c>
      <c r="G1681" s="1" t="s">
        <v>6595</v>
      </c>
      <c r="H1681" s="1" t="s">
        <v>13</v>
      </c>
      <c r="I1681" s="1" t="s">
        <v>6596</v>
      </c>
      <c r="J1681" s="1" t="s">
        <v>6707</v>
      </c>
    </row>
    <row r="1682" spans="1:10" x14ac:dyDescent="0.35">
      <c r="A1682" s="1" t="s">
        <v>6590</v>
      </c>
      <c r="B1682" s="1" t="s">
        <v>6591</v>
      </c>
      <c r="C1682" s="1" t="s">
        <v>160</v>
      </c>
      <c r="D1682" s="1" t="s">
        <v>6708</v>
      </c>
      <c r="E1682" s="1" t="s">
        <v>6709</v>
      </c>
      <c r="F1682" s="1" t="s">
        <v>6710</v>
      </c>
      <c r="G1682" s="1" t="s">
        <v>6595</v>
      </c>
      <c r="H1682" s="1" t="s">
        <v>13</v>
      </c>
      <c r="I1682" s="1" t="s">
        <v>6596</v>
      </c>
      <c r="J1682" s="1" t="s">
        <v>6711</v>
      </c>
    </row>
    <row r="1683" spans="1:10" x14ac:dyDescent="0.35">
      <c r="A1683" s="1" t="s">
        <v>6590</v>
      </c>
      <c r="B1683" s="1" t="s">
        <v>6591</v>
      </c>
      <c r="C1683" s="1" t="s">
        <v>165</v>
      </c>
      <c r="D1683" s="1" t="s">
        <v>6712</v>
      </c>
      <c r="E1683" s="1" t="s">
        <v>6713</v>
      </c>
      <c r="F1683" s="1" t="s">
        <v>6714</v>
      </c>
      <c r="G1683" s="1" t="s">
        <v>6595</v>
      </c>
      <c r="H1683" s="1" t="s">
        <v>13</v>
      </c>
      <c r="I1683" s="1" t="s">
        <v>6596</v>
      </c>
      <c r="J1683" s="1" t="s">
        <v>6715</v>
      </c>
    </row>
    <row r="1684" spans="1:10" x14ac:dyDescent="0.35">
      <c r="A1684" s="1" t="s">
        <v>6590</v>
      </c>
      <c r="B1684" s="1" t="s">
        <v>6591</v>
      </c>
      <c r="C1684" s="1" t="s">
        <v>170</v>
      </c>
      <c r="D1684" s="1" t="s">
        <v>6716</v>
      </c>
      <c r="E1684" s="1" t="s">
        <v>6717</v>
      </c>
      <c r="F1684" s="1" t="s">
        <v>6718</v>
      </c>
      <c r="G1684" s="1" t="s">
        <v>6595</v>
      </c>
      <c r="H1684" s="1" t="s">
        <v>13</v>
      </c>
      <c r="I1684" s="1" t="s">
        <v>6596</v>
      </c>
      <c r="J1684" s="1" t="s">
        <v>6719</v>
      </c>
    </row>
    <row r="1685" spans="1:10" x14ac:dyDescent="0.35">
      <c r="A1685" s="1" t="s">
        <v>6720</v>
      </c>
      <c r="B1685" s="1" t="s">
        <v>6721</v>
      </c>
      <c r="C1685" s="1" t="s">
        <v>8</v>
      </c>
      <c r="D1685" s="1" t="s">
        <v>6722</v>
      </c>
      <c r="E1685" s="1" t="s">
        <v>6723</v>
      </c>
      <c r="F1685" s="1" t="s">
        <v>6724</v>
      </c>
      <c r="G1685" s="1" t="s">
        <v>6725</v>
      </c>
      <c r="H1685" s="1" t="s">
        <v>13</v>
      </c>
      <c r="I1685" s="1" t="s">
        <v>6726</v>
      </c>
      <c r="J1685" s="1" t="s">
        <v>13</v>
      </c>
    </row>
    <row r="1686" spans="1:10" x14ac:dyDescent="0.35">
      <c r="A1686" s="1" t="s">
        <v>6720</v>
      </c>
      <c r="B1686" s="1" t="s">
        <v>6721</v>
      </c>
      <c r="C1686" s="1" t="s">
        <v>15</v>
      </c>
      <c r="D1686" s="1" t="s">
        <v>6727</v>
      </c>
      <c r="E1686" s="1" t="s">
        <v>6728</v>
      </c>
      <c r="F1686" s="1" t="s">
        <v>6729</v>
      </c>
      <c r="G1686" s="1" t="s">
        <v>6725</v>
      </c>
      <c r="H1686" s="1" t="s">
        <v>13</v>
      </c>
      <c r="I1686" s="1" t="s">
        <v>6726</v>
      </c>
      <c r="J1686" s="1" t="s">
        <v>6730</v>
      </c>
    </row>
    <row r="1687" spans="1:10" x14ac:dyDescent="0.35">
      <c r="A1687" s="1" t="s">
        <v>6720</v>
      </c>
      <c r="B1687" s="1" t="s">
        <v>6721</v>
      </c>
      <c r="C1687" s="1" t="s">
        <v>20</v>
      </c>
      <c r="D1687" s="1" t="s">
        <v>6731</v>
      </c>
      <c r="E1687" s="1" t="s">
        <v>6732</v>
      </c>
      <c r="F1687" s="1" t="s">
        <v>6733</v>
      </c>
      <c r="G1687" s="1" t="s">
        <v>6725</v>
      </c>
      <c r="H1687" s="1" t="s">
        <v>13</v>
      </c>
      <c r="I1687" s="1" t="s">
        <v>6726</v>
      </c>
      <c r="J1687" s="1" t="s">
        <v>6734</v>
      </c>
    </row>
    <row r="1688" spans="1:10" x14ac:dyDescent="0.35">
      <c r="A1688" s="1" t="s">
        <v>6720</v>
      </c>
      <c r="B1688" s="1" t="s">
        <v>6721</v>
      </c>
      <c r="C1688" s="1" t="s">
        <v>25</v>
      </c>
      <c r="D1688" s="1" t="s">
        <v>6735</v>
      </c>
      <c r="E1688" s="1" t="s">
        <v>6736</v>
      </c>
      <c r="F1688" s="1" t="s">
        <v>6737</v>
      </c>
      <c r="G1688" s="1" t="s">
        <v>6725</v>
      </c>
      <c r="H1688" s="1" t="s">
        <v>13</v>
      </c>
      <c r="I1688" s="1" t="s">
        <v>6726</v>
      </c>
      <c r="J1688" s="1" t="s">
        <v>6738</v>
      </c>
    </row>
    <row r="1689" spans="1:10" x14ac:dyDescent="0.35">
      <c r="A1689" s="1" t="s">
        <v>6720</v>
      </c>
      <c r="B1689" s="1" t="s">
        <v>6721</v>
      </c>
      <c r="C1689" s="1" t="s">
        <v>30</v>
      </c>
      <c r="D1689" s="1" t="s">
        <v>6739</v>
      </c>
      <c r="E1689" s="1" t="s">
        <v>6740</v>
      </c>
      <c r="F1689" s="1" t="s">
        <v>6741</v>
      </c>
      <c r="G1689" s="1" t="s">
        <v>6725</v>
      </c>
      <c r="H1689" s="1" t="s">
        <v>13</v>
      </c>
      <c r="I1689" s="1" t="s">
        <v>6726</v>
      </c>
      <c r="J1689" s="1" t="s">
        <v>6742</v>
      </c>
    </row>
    <row r="1690" spans="1:10" x14ac:dyDescent="0.35">
      <c r="A1690" s="1" t="s">
        <v>6720</v>
      </c>
      <c r="B1690" s="1" t="s">
        <v>6721</v>
      </c>
      <c r="C1690" s="1" t="s">
        <v>35</v>
      </c>
      <c r="D1690" s="1" t="s">
        <v>6743</v>
      </c>
      <c r="E1690" s="1" t="s">
        <v>6744</v>
      </c>
      <c r="F1690" s="1" t="s">
        <v>6745</v>
      </c>
      <c r="G1690" s="1" t="s">
        <v>6725</v>
      </c>
      <c r="H1690" s="1" t="s">
        <v>13</v>
      </c>
      <c r="I1690" s="1" t="s">
        <v>6726</v>
      </c>
      <c r="J1690" s="1" t="s">
        <v>6746</v>
      </c>
    </row>
    <row r="1691" spans="1:10" x14ac:dyDescent="0.35">
      <c r="A1691" s="1" t="s">
        <v>6720</v>
      </c>
      <c r="B1691" s="1" t="s">
        <v>6721</v>
      </c>
      <c r="C1691" s="1" t="s">
        <v>40</v>
      </c>
      <c r="D1691" s="1" t="s">
        <v>6747</v>
      </c>
      <c r="E1691" s="1" t="s">
        <v>6748</v>
      </c>
      <c r="F1691" s="1" t="s">
        <v>6749</v>
      </c>
      <c r="G1691" s="1" t="s">
        <v>6725</v>
      </c>
      <c r="H1691" s="1" t="s">
        <v>13</v>
      </c>
      <c r="I1691" s="1" t="s">
        <v>6726</v>
      </c>
      <c r="J1691" s="1" t="s">
        <v>6750</v>
      </c>
    </row>
    <row r="1692" spans="1:10" x14ac:dyDescent="0.35">
      <c r="A1692" s="1" t="s">
        <v>6720</v>
      </c>
      <c r="B1692" s="1" t="s">
        <v>6721</v>
      </c>
      <c r="C1692" s="1" t="s">
        <v>45</v>
      </c>
      <c r="D1692" s="1" t="s">
        <v>6751</v>
      </c>
      <c r="E1692" s="1" t="s">
        <v>6752</v>
      </c>
      <c r="F1692" s="1" t="s">
        <v>6753</v>
      </c>
      <c r="G1692" s="1" t="s">
        <v>6725</v>
      </c>
      <c r="H1692" s="1" t="s">
        <v>13</v>
      </c>
      <c r="I1692" s="1" t="s">
        <v>6726</v>
      </c>
      <c r="J1692" s="1" t="s">
        <v>6754</v>
      </c>
    </row>
    <row r="1693" spans="1:10" x14ac:dyDescent="0.35">
      <c r="A1693" s="1" t="s">
        <v>6720</v>
      </c>
      <c r="B1693" s="1" t="s">
        <v>6721</v>
      </c>
      <c r="C1693" s="1" t="s">
        <v>50</v>
      </c>
      <c r="D1693" s="1" t="s">
        <v>6755</v>
      </c>
      <c r="E1693" s="1" t="s">
        <v>6756</v>
      </c>
      <c r="F1693" s="1" t="s">
        <v>6757</v>
      </c>
      <c r="G1693" s="1" t="s">
        <v>6725</v>
      </c>
      <c r="H1693" s="1" t="s">
        <v>13</v>
      </c>
      <c r="I1693" s="1" t="s">
        <v>6726</v>
      </c>
      <c r="J1693" s="1" t="s">
        <v>6758</v>
      </c>
    </row>
    <row r="1694" spans="1:10" x14ac:dyDescent="0.35">
      <c r="A1694" s="1" t="s">
        <v>6720</v>
      </c>
      <c r="B1694" s="1" t="s">
        <v>6721</v>
      </c>
      <c r="C1694" s="1" t="s">
        <v>55</v>
      </c>
      <c r="D1694" s="1" t="s">
        <v>6759</v>
      </c>
      <c r="E1694" s="1" t="s">
        <v>6760</v>
      </c>
      <c r="F1694" s="1" t="s">
        <v>6761</v>
      </c>
      <c r="G1694" s="1" t="s">
        <v>6725</v>
      </c>
      <c r="H1694" s="1" t="s">
        <v>13</v>
      </c>
      <c r="I1694" s="1" t="s">
        <v>6726</v>
      </c>
      <c r="J1694" s="1" t="s">
        <v>6762</v>
      </c>
    </row>
    <row r="1695" spans="1:10" x14ac:dyDescent="0.35">
      <c r="A1695" s="1" t="s">
        <v>6720</v>
      </c>
      <c r="B1695" s="1" t="s">
        <v>6721</v>
      </c>
      <c r="C1695" s="1" t="s">
        <v>60</v>
      </c>
      <c r="D1695" s="1" t="s">
        <v>6763</v>
      </c>
      <c r="E1695" s="1" t="s">
        <v>6764</v>
      </c>
      <c r="F1695" s="1" t="s">
        <v>6765</v>
      </c>
      <c r="G1695" s="1" t="s">
        <v>6725</v>
      </c>
      <c r="H1695" s="1" t="s">
        <v>13</v>
      </c>
      <c r="I1695" s="1" t="s">
        <v>6726</v>
      </c>
      <c r="J1695" s="1" t="s">
        <v>6766</v>
      </c>
    </row>
    <row r="1696" spans="1:10" x14ac:dyDescent="0.35">
      <c r="A1696" s="1" t="s">
        <v>6720</v>
      </c>
      <c r="B1696" s="1" t="s">
        <v>6721</v>
      </c>
      <c r="C1696" s="1" t="s">
        <v>65</v>
      </c>
      <c r="D1696" s="1" t="s">
        <v>6767</v>
      </c>
      <c r="E1696" s="1" t="s">
        <v>6768</v>
      </c>
      <c r="F1696" s="1" t="s">
        <v>6769</v>
      </c>
      <c r="G1696" s="1" t="s">
        <v>6725</v>
      </c>
      <c r="H1696" s="1" t="s">
        <v>13</v>
      </c>
      <c r="I1696" s="1" t="s">
        <v>6726</v>
      </c>
      <c r="J1696" s="1" t="s">
        <v>6770</v>
      </c>
    </row>
    <row r="1697" spans="1:10" x14ac:dyDescent="0.35">
      <c r="A1697" s="1" t="s">
        <v>6720</v>
      </c>
      <c r="B1697" s="1" t="s">
        <v>6721</v>
      </c>
      <c r="C1697" s="1" t="s">
        <v>70</v>
      </c>
      <c r="D1697" s="1" t="s">
        <v>6771</v>
      </c>
      <c r="E1697" s="1" t="s">
        <v>6772</v>
      </c>
      <c r="F1697" s="1" t="s">
        <v>6773</v>
      </c>
      <c r="G1697" s="1" t="s">
        <v>6725</v>
      </c>
      <c r="H1697" s="1" t="s">
        <v>13</v>
      </c>
      <c r="I1697" s="1" t="s">
        <v>6726</v>
      </c>
      <c r="J1697" s="1" t="s">
        <v>6774</v>
      </c>
    </row>
    <row r="1698" spans="1:10" x14ac:dyDescent="0.35">
      <c r="A1698" s="1" t="s">
        <v>6720</v>
      </c>
      <c r="B1698" s="1" t="s">
        <v>6721</v>
      </c>
      <c r="C1698" s="1" t="s">
        <v>75</v>
      </c>
      <c r="D1698" s="1" t="s">
        <v>6775</v>
      </c>
      <c r="E1698" s="1" t="s">
        <v>6776</v>
      </c>
      <c r="F1698" s="1" t="s">
        <v>6777</v>
      </c>
      <c r="G1698" s="1" t="s">
        <v>6725</v>
      </c>
      <c r="H1698" s="1" t="s">
        <v>13</v>
      </c>
      <c r="I1698" s="1" t="s">
        <v>6726</v>
      </c>
      <c r="J1698" s="1" t="s">
        <v>6778</v>
      </c>
    </row>
    <row r="1699" spans="1:10" x14ac:dyDescent="0.35">
      <c r="A1699" s="1" t="s">
        <v>6720</v>
      </c>
      <c r="B1699" s="1" t="s">
        <v>6721</v>
      </c>
      <c r="C1699" s="1" t="s">
        <v>80</v>
      </c>
      <c r="D1699" s="1" t="s">
        <v>6779</v>
      </c>
      <c r="E1699" s="1" t="s">
        <v>6780</v>
      </c>
      <c r="F1699" s="1" t="s">
        <v>6781</v>
      </c>
      <c r="G1699" s="1" t="s">
        <v>6725</v>
      </c>
      <c r="H1699" s="1" t="s">
        <v>13</v>
      </c>
      <c r="I1699" s="1" t="s">
        <v>6726</v>
      </c>
      <c r="J1699" s="1" t="s">
        <v>6782</v>
      </c>
    </row>
    <row r="1700" spans="1:10" x14ac:dyDescent="0.35">
      <c r="A1700" s="1" t="s">
        <v>6720</v>
      </c>
      <c r="B1700" s="1" t="s">
        <v>6721</v>
      </c>
      <c r="C1700" s="1" t="s">
        <v>85</v>
      </c>
      <c r="D1700" s="1" t="s">
        <v>6783</v>
      </c>
      <c r="E1700" s="1" t="s">
        <v>6784</v>
      </c>
      <c r="F1700" s="1" t="s">
        <v>6785</v>
      </c>
      <c r="G1700" s="1" t="s">
        <v>6725</v>
      </c>
      <c r="H1700" s="1" t="s">
        <v>13</v>
      </c>
      <c r="I1700" s="1" t="s">
        <v>6726</v>
      </c>
      <c r="J1700" s="1" t="s">
        <v>6786</v>
      </c>
    </row>
    <row r="1701" spans="1:10" x14ac:dyDescent="0.35">
      <c r="A1701" s="1" t="s">
        <v>6720</v>
      </c>
      <c r="B1701" s="1" t="s">
        <v>6721</v>
      </c>
      <c r="C1701" s="1" t="s">
        <v>90</v>
      </c>
      <c r="D1701" s="1" t="s">
        <v>6787</v>
      </c>
      <c r="E1701" s="1" t="s">
        <v>6788</v>
      </c>
      <c r="F1701" s="1" t="s">
        <v>6789</v>
      </c>
      <c r="G1701" s="1" t="s">
        <v>6725</v>
      </c>
      <c r="H1701" s="1" t="s">
        <v>13</v>
      </c>
      <c r="I1701" s="1" t="s">
        <v>6726</v>
      </c>
      <c r="J1701" s="1" t="s">
        <v>6790</v>
      </c>
    </row>
    <row r="1702" spans="1:10" x14ac:dyDescent="0.35">
      <c r="A1702" s="1" t="s">
        <v>6720</v>
      </c>
      <c r="B1702" s="1" t="s">
        <v>6721</v>
      </c>
      <c r="C1702" s="1" t="s">
        <v>95</v>
      </c>
      <c r="D1702" s="1" t="s">
        <v>6791</v>
      </c>
      <c r="E1702" s="1" t="s">
        <v>6792</v>
      </c>
      <c r="F1702" s="1" t="s">
        <v>6793</v>
      </c>
      <c r="G1702" s="1" t="s">
        <v>6725</v>
      </c>
      <c r="H1702" s="1" t="s">
        <v>13</v>
      </c>
      <c r="I1702" s="1" t="s">
        <v>6726</v>
      </c>
      <c r="J1702" s="1" t="s">
        <v>6794</v>
      </c>
    </row>
    <row r="1703" spans="1:10" x14ac:dyDescent="0.35">
      <c r="A1703" s="1" t="s">
        <v>6720</v>
      </c>
      <c r="B1703" s="1" t="s">
        <v>6721</v>
      </c>
      <c r="C1703" s="1" t="s">
        <v>100</v>
      </c>
      <c r="D1703" s="1" t="s">
        <v>6795</v>
      </c>
      <c r="E1703" s="1" t="s">
        <v>6796</v>
      </c>
      <c r="F1703" s="1" t="s">
        <v>6797</v>
      </c>
      <c r="G1703" s="1" t="s">
        <v>6725</v>
      </c>
      <c r="H1703" s="1" t="s">
        <v>13</v>
      </c>
      <c r="I1703" s="1" t="s">
        <v>6726</v>
      </c>
      <c r="J1703" s="1" t="s">
        <v>6798</v>
      </c>
    </row>
    <row r="1704" spans="1:10" x14ac:dyDescent="0.35">
      <c r="A1704" s="1" t="s">
        <v>6720</v>
      </c>
      <c r="B1704" s="1" t="s">
        <v>6721</v>
      </c>
      <c r="C1704" s="1" t="s">
        <v>105</v>
      </c>
      <c r="D1704" s="1" t="s">
        <v>6799</v>
      </c>
      <c r="E1704" s="1" t="s">
        <v>6800</v>
      </c>
      <c r="F1704" s="1" t="s">
        <v>6801</v>
      </c>
      <c r="G1704" s="1" t="s">
        <v>6725</v>
      </c>
      <c r="H1704" s="1" t="s">
        <v>13</v>
      </c>
      <c r="I1704" s="1" t="s">
        <v>6726</v>
      </c>
      <c r="J1704" s="1" t="s">
        <v>6802</v>
      </c>
    </row>
    <row r="1705" spans="1:10" x14ac:dyDescent="0.35">
      <c r="A1705" s="1" t="s">
        <v>6720</v>
      </c>
      <c r="B1705" s="1" t="s">
        <v>6721</v>
      </c>
      <c r="C1705" s="1" t="s">
        <v>110</v>
      </c>
      <c r="D1705" s="1" t="s">
        <v>6803</v>
      </c>
      <c r="E1705" s="1" t="s">
        <v>6804</v>
      </c>
      <c r="F1705" s="1" t="s">
        <v>6805</v>
      </c>
      <c r="G1705" s="1" t="s">
        <v>6725</v>
      </c>
      <c r="H1705" s="1" t="s">
        <v>13</v>
      </c>
      <c r="I1705" s="1" t="s">
        <v>6726</v>
      </c>
      <c r="J1705" s="1" t="s">
        <v>6806</v>
      </c>
    </row>
    <row r="1706" spans="1:10" x14ac:dyDescent="0.35">
      <c r="A1706" s="1" t="s">
        <v>6720</v>
      </c>
      <c r="B1706" s="1" t="s">
        <v>6721</v>
      </c>
      <c r="C1706" s="1" t="s">
        <v>115</v>
      </c>
      <c r="D1706" s="1" t="s">
        <v>6807</v>
      </c>
      <c r="E1706" s="1" t="s">
        <v>6804</v>
      </c>
      <c r="F1706" s="1" t="s">
        <v>6808</v>
      </c>
      <c r="G1706" s="1" t="s">
        <v>6725</v>
      </c>
      <c r="H1706" s="1" t="s">
        <v>13</v>
      </c>
      <c r="I1706" s="1" t="s">
        <v>6726</v>
      </c>
      <c r="J1706" s="1" t="s">
        <v>6809</v>
      </c>
    </row>
    <row r="1707" spans="1:10" x14ac:dyDescent="0.35">
      <c r="A1707" s="1" t="s">
        <v>6720</v>
      </c>
      <c r="B1707" s="1" t="s">
        <v>6721</v>
      </c>
      <c r="C1707" s="1" t="s">
        <v>120</v>
      </c>
      <c r="D1707" s="1" t="s">
        <v>6810</v>
      </c>
      <c r="E1707" s="1" t="s">
        <v>6811</v>
      </c>
      <c r="F1707" s="1" t="s">
        <v>6812</v>
      </c>
      <c r="G1707" s="1" t="s">
        <v>6725</v>
      </c>
      <c r="H1707" s="1" t="s">
        <v>13</v>
      </c>
      <c r="I1707" s="1" t="s">
        <v>6726</v>
      </c>
      <c r="J1707" s="1" t="s">
        <v>6813</v>
      </c>
    </row>
    <row r="1708" spans="1:10" x14ac:dyDescent="0.35">
      <c r="A1708" s="1" t="s">
        <v>6720</v>
      </c>
      <c r="B1708" s="1" t="s">
        <v>6721</v>
      </c>
      <c r="C1708" s="1" t="s">
        <v>125</v>
      </c>
      <c r="D1708" s="1" t="s">
        <v>6814</v>
      </c>
      <c r="E1708" s="1" t="s">
        <v>6815</v>
      </c>
      <c r="F1708" s="1" t="s">
        <v>6816</v>
      </c>
      <c r="G1708" s="1" t="s">
        <v>6725</v>
      </c>
      <c r="H1708" s="1" t="s">
        <v>13</v>
      </c>
      <c r="I1708" s="1" t="s">
        <v>6726</v>
      </c>
      <c r="J1708" s="1" t="s">
        <v>6817</v>
      </c>
    </row>
    <row r="1709" spans="1:10" x14ac:dyDescent="0.35">
      <c r="A1709" s="1" t="s">
        <v>6720</v>
      </c>
      <c r="B1709" s="1" t="s">
        <v>6721</v>
      </c>
      <c r="C1709" s="1" t="s">
        <v>130</v>
      </c>
      <c r="D1709" s="1" t="s">
        <v>6818</v>
      </c>
      <c r="E1709" s="1" t="s">
        <v>4910</v>
      </c>
      <c r="F1709" s="1" t="s">
        <v>6819</v>
      </c>
      <c r="G1709" s="1" t="s">
        <v>6725</v>
      </c>
      <c r="H1709" s="1" t="s">
        <v>13</v>
      </c>
      <c r="I1709" s="1" t="s">
        <v>6726</v>
      </c>
      <c r="J1709" s="1" t="s">
        <v>6820</v>
      </c>
    </row>
    <row r="1710" spans="1:10" x14ac:dyDescent="0.35">
      <c r="A1710" s="1" t="s">
        <v>6720</v>
      </c>
      <c r="B1710" s="1" t="s">
        <v>6721</v>
      </c>
      <c r="C1710" s="1" t="s">
        <v>135</v>
      </c>
      <c r="D1710" s="1" t="s">
        <v>6821</v>
      </c>
      <c r="E1710" s="1" t="s">
        <v>4910</v>
      </c>
      <c r="F1710" s="1" t="s">
        <v>6822</v>
      </c>
      <c r="G1710" s="1" t="s">
        <v>6725</v>
      </c>
      <c r="H1710" s="1" t="s">
        <v>13</v>
      </c>
      <c r="I1710" s="1" t="s">
        <v>6726</v>
      </c>
      <c r="J1710" s="1" t="s">
        <v>6823</v>
      </c>
    </row>
    <row r="1711" spans="1:10" x14ac:dyDescent="0.35">
      <c r="A1711" s="1" t="s">
        <v>6720</v>
      </c>
      <c r="B1711" s="1" t="s">
        <v>6721</v>
      </c>
      <c r="C1711" s="1" t="s">
        <v>140</v>
      </c>
      <c r="D1711" s="1" t="s">
        <v>6824</v>
      </c>
      <c r="E1711" s="1" t="s">
        <v>6825</v>
      </c>
      <c r="F1711" s="1" t="s">
        <v>6826</v>
      </c>
      <c r="G1711" s="1" t="s">
        <v>6725</v>
      </c>
      <c r="H1711" s="1" t="s">
        <v>13</v>
      </c>
      <c r="I1711" s="1" t="s">
        <v>6726</v>
      </c>
      <c r="J1711" s="1" t="s">
        <v>6827</v>
      </c>
    </row>
    <row r="1712" spans="1:10" x14ac:dyDescent="0.35">
      <c r="A1712" s="1" t="s">
        <v>6720</v>
      </c>
      <c r="B1712" s="1" t="s">
        <v>6721</v>
      </c>
      <c r="C1712" s="1" t="s">
        <v>145</v>
      </c>
      <c r="D1712" s="1" t="s">
        <v>6828</v>
      </c>
      <c r="E1712" s="1" t="s">
        <v>6829</v>
      </c>
      <c r="F1712" s="1" t="s">
        <v>6830</v>
      </c>
      <c r="G1712" s="1" t="s">
        <v>6725</v>
      </c>
      <c r="H1712" s="1" t="s">
        <v>13</v>
      </c>
      <c r="I1712" s="1" t="s">
        <v>6726</v>
      </c>
      <c r="J1712" s="1" t="s">
        <v>6831</v>
      </c>
    </row>
    <row r="1713" spans="1:10" x14ac:dyDescent="0.35">
      <c r="A1713" s="1" t="s">
        <v>6720</v>
      </c>
      <c r="B1713" s="1" t="s">
        <v>6721</v>
      </c>
      <c r="C1713" s="1" t="s">
        <v>150</v>
      </c>
      <c r="D1713" s="1" t="s">
        <v>6832</v>
      </c>
      <c r="E1713" s="1" t="s">
        <v>6833</v>
      </c>
      <c r="F1713" s="1" t="s">
        <v>6834</v>
      </c>
      <c r="G1713" s="1" t="s">
        <v>6725</v>
      </c>
      <c r="H1713" s="1" t="s">
        <v>13</v>
      </c>
      <c r="I1713" s="1" t="s">
        <v>6726</v>
      </c>
      <c r="J1713" s="1" t="s">
        <v>6835</v>
      </c>
    </row>
    <row r="1714" spans="1:10" x14ac:dyDescent="0.35">
      <c r="A1714" s="1" t="s">
        <v>6720</v>
      </c>
      <c r="B1714" s="1" t="s">
        <v>6721</v>
      </c>
      <c r="C1714" s="1" t="s">
        <v>155</v>
      </c>
      <c r="D1714" s="1" t="s">
        <v>6836</v>
      </c>
      <c r="E1714" s="1" t="s">
        <v>6837</v>
      </c>
      <c r="F1714" s="1" t="s">
        <v>6838</v>
      </c>
      <c r="G1714" s="1" t="s">
        <v>6725</v>
      </c>
      <c r="H1714" s="1" t="s">
        <v>13</v>
      </c>
      <c r="I1714" s="1" t="s">
        <v>6726</v>
      </c>
      <c r="J1714" s="1" t="s">
        <v>6839</v>
      </c>
    </row>
    <row r="1715" spans="1:10" x14ac:dyDescent="0.35">
      <c r="A1715" s="1" t="s">
        <v>6720</v>
      </c>
      <c r="B1715" s="1" t="s">
        <v>6721</v>
      </c>
      <c r="C1715" s="1" t="s">
        <v>160</v>
      </c>
      <c r="D1715" s="1" t="s">
        <v>6840</v>
      </c>
      <c r="E1715" s="1" t="s">
        <v>6841</v>
      </c>
      <c r="F1715" s="1" t="s">
        <v>6842</v>
      </c>
      <c r="G1715" s="1" t="s">
        <v>6725</v>
      </c>
      <c r="H1715" s="1" t="s">
        <v>13</v>
      </c>
      <c r="I1715" s="1" t="s">
        <v>6726</v>
      </c>
      <c r="J1715" s="1" t="s">
        <v>6843</v>
      </c>
    </row>
    <row r="1716" spans="1:10" x14ac:dyDescent="0.35">
      <c r="A1716" s="1" t="s">
        <v>6720</v>
      </c>
      <c r="B1716" s="1" t="s">
        <v>6721</v>
      </c>
      <c r="C1716" s="1" t="s">
        <v>165</v>
      </c>
      <c r="D1716" s="1" t="s">
        <v>6844</v>
      </c>
      <c r="E1716" s="1" t="s">
        <v>6845</v>
      </c>
      <c r="F1716" s="1" t="s">
        <v>6846</v>
      </c>
      <c r="G1716" s="1" t="s">
        <v>6725</v>
      </c>
      <c r="H1716" s="1" t="s">
        <v>13</v>
      </c>
      <c r="I1716" s="1" t="s">
        <v>6726</v>
      </c>
      <c r="J1716" s="1" t="s">
        <v>6847</v>
      </c>
    </row>
    <row r="1717" spans="1:10" x14ac:dyDescent="0.35">
      <c r="A1717" s="1" t="s">
        <v>6720</v>
      </c>
      <c r="B1717" s="1" t="s">
        <v>6721</v>
      </c>
      <c r="C1717" s="1" t="s">
        <v>170</v>
      </c>
      <c r="D1717" s="1" t="s">
        <v>6848</v>
      </c>
      <c r="E1717" s="1" t="s">
        <v>6849</v>
      </c>
      <c r="F1717" s="1" t="s">
        <v>6850</v>
      </c>
      <c r="G1717" s="1" t="s">
        <v>6725</v>
      </c>
      <c r="H1717" s="1" t="s">
        <v>13</v>
      </c>
      <c r="I1717" s="1" t="s">
        <v>6726</v>
      </c>
      <c r="J1717" s="1" t="s">
        <v>6851</v>
      </c>
    </row>
    <row r="1718" spans="1:10" x14ac:dyDescent="0.35">
      <c r="A1718" s="1" t="s">
        <v>6852</v>
      </c>
      <c r="B1718" s="1" t="s">
        <v>6853</v>
      </c>
      <c r="C1718" s="1" t="s">
        <v>8</v>
      </c>
      <c r="D1718" s="1" t="s">
        <v>6854</v>
      </c>
      <c r="E1718" s="1" t="s">
        <v>4196</v>
      </c>
      <c r="F1718" s="1" t="s">
        <v>6855</v>
      </c>
      <c r="G1718" s="1" t="s">
        <v>6856</v>
      </c>
      <c r="H1718" s="1" t="s">
        <v>13</v>
      </c>
      <c r="I1718" s="1" t="s">
        <v>6857</v>
      </c>
      <c r="J1718" s="1" t="s">
        <v>13</v>
      </c>
    </row>
    <row r="1719" spans="1:10" x14ac:dyDescent="0.35">
      <c r="A1719" s="1" t="s">
        <v>6852</v>
      </c>
      <c r="B1719" s="1" t="s">
        <v>6853</v>
      </c>
      <c r="C1719" s="1" t="s">
        <v>15</v>
      </c>
      <c r="D1719" s="1" t="s">
        <v>6858</v>
      </c>
      <c r="E1719" s="1" t="s">
        <v>6859</v>
      </c>
      <c r="F1719" s="1" t="s">
        <v>6860</v>
      </c>
      <c r="G1719" s="1" t="s">
        <v>6856</v>
      </c>
      <c r="H1719" s="1" t="s">
        <v>13</v>
      </c>
      <c r="I1719" s="1" t="s">
        <v>6857</v>
      </c>
      <c r="J1719" s="1" t="s">
        <v>6861</v>
      </c>
    </row>
    <row r="1720" spans="1:10" x14ac:dyDescent="0.35">
      <c r="A1720" s="1" t="s">
        <v>6852</v>
      </c>
      <c r="B1720" s="1" t="s">
        <v>6853</v>
      </c>
      <c r="C1720" s="1" t="s">
        <v>20</v>
      </c>
      <c r="D1720" s="1" t="s">
        <v>6862</v>
      </c>
      <c r="E1720" s="1" t="s">
        <v>6863</v>
      </c>
      <c r="F1720" s="1" t="s">
        <v>6864</v>
      </c>
      <c r="G1720" s="1" t="s">
        <v>6856</v>
      </c>
      <c r="H1720" s="1" t="s">
        <v>13</v>
      </c>
      <c r="I1720" s="1" t="s">
        <v>6857</v>
      </c>
      <c r="J1720" s="1" t="s">
        <v>6865</v>
      </c>
    </row>
    <row r="1721" spans="1:10" x14ac:dyDescent="0.35">
      <c r="A1721" s="1" t="s">
        <v>6852</v>
      </c>
      <c r="B1721" s="1" t="s">
        <v>6853</v>
      </c>
      <c r="C1721" s="1" t="s">
        <v>25</v>
      </c>
      <c r="D1721" s="1" t="s">
        <v>6866</v>
      </c>
      <c r="E1721" s="1" t="s">
        <v>6867</v>
      </c>
      <c r="F1721" s="1" t="s">
        <v>6868</v>
      </c>
      <c r="G1721" s="1" t="s">
        <v>6856</v>
      </c>
      <c r="H1721" s="1" t="s">
        <v>13</v>
      </c>
      <c r="I1721" s="1" t="s">
        <v>6857</v>
      </c>
      <c r="J1721" s="1" t="s">
        <v>6869</v>
      </c>
    </row>
    <row r="1722" spans="1:10" x14ac:dyDescent="0.35">
      <c r="A1722" s="1" t="s">
        <v>6852</v>
      </c>
      <c r="B1722" s="1" t="s">
        <v>6853</v>
      </c>
      <c r="C1722" s="1" t="s">
        <v>30</v>
      </c>
      <c r="D1722" s="1" t="s">
        <v>2113</v>
      </c>
      <c r="E1722" s="1" t="s">
        <v>6870</v>
      </c>
      <c r="F1722" s="1" t="s">
        <v>6871</v>
      </c>
      <c r="G1722" s="1" t="s">
        <v>6856</v>
      </c>
      <c r="H1722" s="1" t="s">
        <v>13</v>
      </c>
      <c r="I1722" s="1" t="s">
        <v>6857</v>
      </c>
      <c r="J1722" s="1" t="s">
        <v>6872</v>
      </c>
    </row>
    <row r="1723" spans="1:10" x14ac:dyDescent="0.35">
      <c r="A1723" s="1" t="s">
        <v>6852</v>
      </c>
      <c r="B1723" s="1" t="s">
        <v>6853</v>
      </c>
      <c r="C1723" s="1" t="s">
        <v>35</v>
      </c>
      <c r="D1723" s="1" t="s">
        <v>6873</v>
      </c>
      <c r="E1723" s="1" t="s">
        <v>6874</v>
      </c>
      <c r="F1723" s="1" t="s">
        <v>6875</v>
      </c>
      <c r="G1723" s="1" t="s">
        <v>6856</v>
      </c>
      <c r="H1723" s="1" t="s">
        <v>13</v>
      </c>
      <c r="I1723" s="1" t="s">
        <v>6857</v>
      </c>
      <c r="J1723" s="1" t="s">
        <v>6876</v>
      </c>
    </row>
    <row r="1724" spans="1:10" x14ac:dyDescent="0.35">
      <c r="A1724" s="1" t="s">
        <v>6852</v>
      </c>
      <c r="B1724" s="1" t="s">
        <v>6853</v>
      </c>
      <c r="C1724" s="1" t="s">
        <v>40</v>
      </c>
      <c r="D1724" s="1" t="s">
        <v>6877</v>
      </c>
      <c r="E1724" s="1" t="s">
        <v>6878</v>
      </c>
      <c r="F1724" s="1" t="s">
        <v>6879</v>
      </c>
      <c r="G1724" s="1" t="s">
        <v>6856</v>
      </c>
      <c r="H1724" s="1" t="s">
        <v>13</v>
      </c>
      <c r="I1724" s="1" t="s">
        <v>6857</v>
      </c>
      <c r="J1724" s="1" t="s">
        <v>6880</v>
      </c>
    </row>
    <row r="1725" spans="1:10" x14ac:dyDescent="0.35">
      <c r="A1725" s="1" t="s">
        <v>6852</v>
      </c>
      <c r="B1725" s="1" t="s">
        <v>6853</v>
      </c>
      <c r="C1725" s="1" t="s">
        <v>45</v>
      </c>
      <c r="D1725" s="1" t="s">
        <v>6881</v>
      </c>
      <c r="E1725" s="1" t="s">
        <v>6882</v>
      </c>
      <c r="F1725" s="1" t="s">
        <v>6883</v>
      </c>
      <c r="G1725" s="1" t="s">
        <v>6856</v>
      </c>
      <c r="H1725" s="1" t="s">
        <v>13</v>
      </c>
      <c r="I1725" s="1" t="s">
        <v>6857</v>
      </c>
      <c r="J1725" s="1" t="s">
        <v>6884</v>
      </c>
    </row>
    <row r="1726" spans="1:10" x14ac:dyDescent="0.35">
      <c r="A1726" s="1" t="s">
        <v>6852</v>
      </c>
      <c r="B1726" s="1" t="s">
        <v>6853</v>
      </c>
      <c r="C1726" s="1" t="s">
        <v>50</v>
      </c>
      <c r="D1726" s="1" t="s">
        <v>2109</v>
      </c>
      <c r="E1726" s="1" t="s">
        <v>6885</v>
      </c>
      <c r="F1726" s="1" t="s">
        <v>6886</v>
      </c>
      <c r="G1726" s="1" t="s">
        <v>6856</v>
      </c>
      <c r="H1726" s="1" t="s">
        <v>13</v>
      </c>
      <c r="I1726" s="1" t="s">
        <v>6857</v>
      </c>
      <c r="J1726" s="1" t="s">
        <v>6887</v>
      </c>
    </row>
    <row r="1727" spans="1:10" x14ac:dyDescent="0.35">
      <c r="A1727" s="1" t="s">
        <v>6852</v>
      </c>
      <c r="B1727" s="1" t="s">
        <v>6853</v>
      </c>
      <c r="C1727" s="1" t="s">
        <v>55</v>
      </c>
      <c r="D1727" s="1" t="s">
        <v>6888</v>
      </c>
      <c r="E1727" s="1" t="s">
        <v>6889</v>
      </c>
      <c r="F1727" s="1" t="s">
        <v>6890</v>
      </c>
      <c r="G1727" s="1" t="s">
        <v>6856</v>
      </c>
      <c r="H1727" s="1" t="s">
        <v>13</v>
      </c>
      <c r="I1727" s="1" t="s">
        <v>6857</v>
      </c>
      <c r="J1727" s="1" t="s">
        <v>6891</v>
      </c>
    </row>
    <row r="1728" spans="1:10" x14ac:dyDescent="0.35">
      <c r="A1728" s="1" t="s">
        <v>6852</v>
      </c>
      <c r="B1728" s="1" t="s">
        <v>6853</v>
      </c>
      <c r="C1728" s="1" t="s">
        <v>60</v>
      </c>
      <c r="D1728" s="1" t="s">
        <v>6892</v>
      </c>
      <c r="E1728" s="1" t="s">
        <v>6893</v>
      </c>
      <c r="F1728" s="1" t="s">
        <v>6894</v>
      </c>
      <c r="G1728" s="1" t="s">
        <v>6856</v>
      </c>
      <c r="H1728" s="1" t="s">
        <v>13</v>
      </c>
      <c r="I1728" s="1" t="s">
        <v>6857</v>
      </c>
      <c r="J1728" s="1" t="s">
        <v>6895</v>
      </c>
    </row>
    <row r="1729" spans="1:10" x14ac:dyDescent="0.35">
      <c r="A1729" s="1" t="s">
        <v>6852</v>
      </c>
      <c r="B1729" s="1" t="s">
        <v>6853</v>
      </c>
      <c r="C1729" s="1" t="s">
        <v>65</v>
      </c>
      <c r="D1729" s="1" t="s">
        <v>6896</v>
      </c>
      <c r="E1729" s="1" t="s">
        <v>6897</v>
      </c>
      <c r="F1729" s="1" t="s">
        <v>6898</v>
      </c>
      <c r="G1729" s="1" t="s">
        <v>6856</v>
      </c>
      <c r="H1729" s="1" t="s">
        <v>13</v>
      </c>
      <c r="I1729" s="1" t="s">
        <v>6857</v>
      </c>
      <c r="J1729" s="1" t="s">
        <v>6899</v>
      </c>
    </row>
    <row r="1730" spans="1:10" x14ac:dyDescent="0.35">
      <c r="A1730" s="1" t="s">
        <v>6852</v>
      </c>
      <c r="B1730" s="1" t="s">
        <v>6853</v>
      </c>
      <c r="C1730" s="1" t="s">
        <v>70</v>
      </c>
      <c r="D1730" s="1" t="s">
        <v>6900</v>
      </c>
      <c r="E1730" s="1" t="s">
        <v>6901</v>
      </c>
      <c r="F1730" s="1" t="s">
        <v>6902</v>
      </c>
      <c r="G1730" s="1" t="s">
        <v>6856</v>
      </c>
      <c r="H1730" s="1" t="s">
        <v>13</v>
      </c>
      <c r="I1730" s="1" t="s">
        <v>6857</v>
      </c>
      <c r="J1730" s="1" t="s">
        <v>6903</v>
      </c>
    </row>
    <row r="1731" spans="1:10" x14ac:dyDescent="0.35">
      <c r="A1731" s="1" t="s">
        <v>6852</v>
      </c>
      <c r="B1731" s="1" t="s">
        <v>6853</v>
      </c>
      <c r="C1731" s="1" t="s">
        <v>75</v>
      </c>
      <c r="D1731" s="1" t="s">
        <v>1719</v>
      </c>
      <c r="E1731" s="1" t="s">
        <v>4250</v>
      </c>
      <c r="F1731" s="1" t="s">
        <v>6904</v>
      </c>
      <c r="G1731" s="1" t="s">
        <v>6856</v>
      </c>
      <c r="H1731" s="1" t="s">
        <v>13</v>
      </c>
      <c r="I1731" s="1" t="s">
        <v>6857</v>
      </c>
      <c r="J1731" s="1" t="s">
        <v>6905</v>
      </c>
    </row>
    <row r="1732" spans="1:10" x14ac:dyDescent="0.35">
      <c r="A1732" s="1" t="s">
        <v>6852</v>
      </c>
      <c r="B1732" s="1" t="s">
        <v>6853</v>
      </c>
      <c r="C1732" s="1" t="s">
        <v>80</v>
      </c>
      <c r="D1732" s="1" t="s">
        <v>6906</v>
      </c>
      <c r="E1732" s="1" t="s">
        <v>6901</v>
      </c>
      <c r="F1732" s="1" t="s">
        <v>6907</v>
      </c>
      <c r="G1732" s="1" t="s">
        <v>6856</v>
      </c>
      <c r="H1732" s="1" t="s">
        <v>13</v>
      </c>
      <c r="I1732" s="1" t="s">
        <v>6857</v>
      </c>
      <c r="J1732" s="1" t="s">
        <v>6908</v>
      </c>
    </row>
    <row r="1733" spans="1:10" x14ac:dyDescent="0.35">
      <c r="A1733" s="1" t="s">
        <v>6852</v>
      </c>
      <c r="B1733" s="1" t="s">
        <v>6853</v>
      </c>
      <c r="C1733" s="1" t="s">
        <v>85</v>
      </c>
      <c r="D1733" s="1" t="s">
        <v>6909</v>
      </c>
      <c r="E1733" s="1" t="s">
        <v>464</v>
      </c>
      <c r="F1733" s="1" t="s">
        <v>6910</v>
      </c>
      <c r="G1733" s="1" t="s">
        <v>6856</v>
      </c>
      <c r="H1733" s="1" t="s">
        <v>13</v>
      </c>
      <c r="I1733" s="1" t="s">
        <v>6857</v>
      </c>
      <c r="J1733" s="1" t="s">
        <v>6911</v>
      </c>
    </row>
    <row r="1734" spans="1:10" x14ac:dyDescent="0.35">
      <c r="A1734" s="1" t="s">
        <v>6852</v>
      </c>
      <c r="B1734" s="1" t="s">
        <v>6853</v>
      </c>
      <c r="C1734" s="1" t="s">
        <v>90</v>
      </c>
      <c r="D1734" s="1" t="s">
        <v>6912</v>
      </c>
      <c r="E1734" s="1" t="s">
        <v>3021</v>
      </c>
      <c r="F1734" s="1" t="s">
        <v>6913</v>
      </c>
      <c r="G1734" s="1" t="s">
        <v>6856</v>
      </c>
      <c r="H1734" s="1" t="s">
        <v>13</v>
      </c>
      <c r="I1734" s="1" t="s">
        <v>6857</v>
      </c>
      <c r="J1734" s="1" t="s">
        <v>6914</v>
      </c>
    </row>
    <row r="1735" spans="1:10" x14ac:dyDescent="0.35">
      <c r="A1735" s="1" t="s">
        <v>6852</v>
      </c>
      <c r="B1735" s="1" t="s">
        <v>6853</v>
      </c>
      <c r="C1735" s="1" t="s">
        <v>95</v>
      </c>
      <c r="D1735" s="1" t="s">
        <v>6915</v>
      </c>
      <c r="E1735" s="1" t="s">
        <v>6916</v>
      </c>
      <c r="F1735" s="1" t="s">
        <v>6917</v>
      </c>
      <c r="G1735" s="1" t="s">
        <v>6856</v>
      </c>
      <c r="H1735" s="1" t="s">
        <v>13</v>
      </c>
      <c r="I1735" s="1" t="s">
        <v>6857</v>
      </c>
      <c r="J1735" s="1" t="s">
        <v>6918</v>
      </c>
    </row>
    <row r="1736" spans="1:10" x14ac:dyDescent="0.35">
      <c r="A1736" s="1" t="s">
        <v>6852</v>
      </c>
      <c r="B1736" s="1" t="s">
        <v>6853</v>
      </c>
      <c r="C1736" s="1" t="s">
        <v>100</v>
      </c>
      <c r="D1736" s="1" t="s">
        <v>6919</v>
      </c>
      <c r="E1736" s="1" t="s">
        <v>6870</v>
      </c>
      <c r="F1736" s="1" t="s">
        <v>6920</v>
      </c>
      <c r="G1736" s="1" t="s">
        <v>6856</v>
      </c>
      <c r="H1736" s="1" t="s">
        <v>13</v>
      </c>
      <c r="I1736" s="1" t="s">
        <v>6857</v>
      </c>
      <c r="J1736" s="1" t="s">
        <v>6921</v>
      </c>
    </row>
    <row r="1737" spans="1:10" x14ac:dyDescent="0.35">
      <c r="A1737" s="1" t="s">
        <v>6852</v>
      </c>
      <c r="B1737" s="1" t="s">
        <v>6853</v>
      </c>
      <c r="C1737" s="1" t="s">
        <v>105</v>
      </c>
      <c r="D1737" s="1" t="s">
        <v>6922</v>
      </c>
      <c r="E1737" s="1" t="s">
        <v>4196</v>
      </c>
      <c r="F1737" s="1" t="s">
        <v>6923</v>
      </c>
      <c r="G1737" s="1" t="s">
        <v>6856</v>
      </c>
      <c r="H1737" s="1" t="s">
        <v>13</v>
      </c>
      <c r="I1737" s="1" t="s">
        <v>6857</v>
      </c>
      <c r="J1737" s="1" t="s">
        <v>6924</v>
      </c>
    </row>
    <row r="1738" spans="1:10" x14ac:dyDescent="0.35">
      <c r="A1738" s="1" t="s">
        <v>6852</v>
      </c>
      <c r="B1738" s="1" t="s">
        <v>6853</v>
      </c>
      <c r="C1738" s="1" t="s">
        <v>110</v>
      </c>
      <c r="D1738" s="1" t="s">
        <v>6925</v>
      </c>
      <c r="E1738" s="1" t="s">
        <v>4238</v>
      </c>
      <c r="F1738" s="1" t="s">
        <v>6926</v>
      </c>
      <c r="G1738" s="1" t="s">
        <v>6856</v>
      </c>
      <c r="H1738" s="1" t="s">
        <v>13</v>
      </c>
      <c r="I1738" s="1" t="s">
        <v>6857</v>
      </c>
      <c r="J1738" s="1" t="s">
        <v>6927</v>
      </c>
    </row>
    <row r="1739" spans="1:10" x14ac:dyDescent="0.35">
      <c r="A1739" s="1" t="s">
        <v>6852</v>
      </c>
      <c r="B1739" s="1" t="s">
        <v>6853</v>
      </c>
      <c r="C1739" s="1" t="s">
        <v>115</v>
      </c>
      <c r="D1739" s="1" t="s">
        <v>6928</v>
      </c>
      <c r="E1739" s="1" t="s">
        <v>6929</v>
      </c>
      <c r="F1739" s="1" t="s">
        <v>6930</v>
      </c>
      <c r="G1739" s="1" t="s">
        <v>6856</v>
      </c>
      <c r="H1739" s="1" t="s">
        <v>13</v>
      </c>
      <c r="I1739" s="1" t="s">
        <v>6857</v>
      </c>
      <c r="J1739" s="1" t="s">
        <v>6931</v>
      </c>
    </row>
    <row r="1740" spans="1:10" x14ac:dyDescent="0.35">
      <c r="A1740" s="1" t="s">
        <v>6852</v>
      </c>
      <c r="B1740" s="1" t="s">
        <v>6853</v>
      </c>
      <c r="C1740" s="1" t="s">
        <v>120</v>
      </c>
      <c r="D1740" s="1" t="s">
        <v>6932</v>
      </c>
      <c r="E1740" s="1" t="s">
        <v>6933</v>
      </c>
      <c r="F1740" s="1" t="s">
        <v>6934</v>
      </c>
      <c r="G1740" s="1" t="s">
        <v>6856</v>
      </c>
      <c r="H1740" s="1" t="s">
        <v>13</v>
      </c>
      <c r="I1740" s="1" t="s">
        <v>6857</v>
      </c>
      <c r="J1740" s="1" t="s">
        <v>6935</v>
      </c>
    </row>
    <row r="1741" spans="1:10" x14ac:dyDescent="0.35">
      <c r="A1741" s="1" t="s">
        <v>6852</v>
      </c>
      <c r="B1741" s="1" t="s">
        <v>6853</v>
      </c>
      <c r="C1741" s="1" t="s">
        <v>125</v>
      </c>
      <c r="D1741" s="1" t="s">
        <v>6936</v>
      </c>
      <c r="E1741" s="1" t="s">
        <v>6937</v>
      </c>
      <c r="F1741" s="1" t="s">
        <v>6938</v>
      </c>
      <c r="G1741" s="1" t="s">
        <v>6856</v>
      </c>
      <c r="H1741" s="1" t="s">
        <v>13</v>
      </c>
      <c r="I1741" s="1" t="s">
        <v>6857</v>
      </c>
      <c r="J1741" s="1" t="s">
        <v>6939</v>
      </c>
    </row>
    <row r="1742" spans="1:10" x14ac:dyDescent="0.35">
      <c r="A1742" s="1" t="s">
        <v>6852</v>
      </c>
      <c r="B1742" s="1" t="s">
        <v>6853</v>
      </c>
      <c r="C1742" s="1" t="s">
        <v>130</v>
      </c>
      <c r="D1742" s="1" t="s">
        <v>2137</v>
      </c>
      <c r="E1742" s="1" t="s">
        <v>6940</v>
      </c>
      <c r="F1742" s="1" t="s">
        <v>6941</v>
      </c>
      <c r="G1742" s="1" t="s">
        <v>6856</v>
      </c>
      <c r="H1742" s="1" t="s">
        <v>13</v>
      </c>
      <c r="I1742" s="1" t="s">
        <v>6857</v>
      </c>
      <c r="J1742" s="1" t="s">
        <v>6942</v>
      </c>
    </row>
    <row r="1743" spans="1:10" x14ac:dyDescent="0.35">
      <c r="A1743" s="1" t="s">
        <v>6852</v>
      </c>
      <c r="B1743" s="1" t="s">
        <v>6853</v>
      </c>
      <c r="C1743" s="1" t="s">
        <v>135</v>
      </c>
      <c r="D1743" s="1" t="s">
        <v>6909</v>
      </c>
      <c r="E1743" s="1" t="s">
        <v>6943</v>
      </c>
      <c r="F1743" s="1" t="s">
        <v>6944</v>
      </c>
      <c r="G1743" s="1" t="s">
        <v>6856</v>
      </c>
      <c r="H1743" s="1" t="s">
        <v>13</v>
      </c>
      <c r="I1743" s="1" t="s">
        <v>6857</v>
      </c>
      <c r="J1743" s="1" t="s">
        <v>6945</v>
      </c>
    </row>
    <row r="1744" spans="1:10" x14ac:dyDescent="0.35">
      <c r="A1744" s="1" t="s">
        <v>6852</v>
      </c>
      <c r="B1744" s="1" t="s">
        <v>6853</v>
      </c>
      <c r="C1744" s="1" t="s">
        <v>140</v>
      </c>
      <c r="D1744" s="1" t="s">
        <v>6946</v>
      </c>
      <c r="E1744" s="1" t="s">
        <v>3053</v>
      </c>
      <c r="F1744" s="1" t="s">
        <v>6947</v>
      </c>
      <c r="G1744" s="1" t="s">
        <v>6856</v>
      </c>
      <c r="H1744" s="1" t="s">
        <v>13</v>
      </c>
      <c r="I1744" s="1" t="s">
        <v>6857</v>
      </c>
      <c r="J1744" s="1" t="s">
        <v>6948</v>
      </c>
    </row>
    <row r="1745" spans="1:10" x14ac:dyDescent="0.35">
      <c r="A1745" s="1" t="s">
        <v>6852</v>
      </c>
      <c r="B1745" s="1" t="s">
        <v>6853</v>
      </c>
      <c r="C1745" s="1" t="s">
        <v>145</v>
      </c>
      <c r="D1745" s="1" t="s">
        <v>2623</v>
      </c>
      <c r="E1745" s="1" t="s">
        <v>6949</v>
      </c>
      <c r="F1745" s="1" t="s">
        <v>6950</v>
      </c>
      <c r="G1745" s="1" t="s">
        <v>6856</v>
      </c>
      <c r="H1745" s="1" t="s">
        <v>13</v>
      </c>
      <c r="I1745" s="1" t="s">
        <v>6857</v>
      </c>
      <c r="J1745" s="1" t="s">
        <v>6951</v>
      </c>
    </row>
    <row r="1746" spans="1:10" x14ac:dyDescent="0.35">
      <c r="A1746" s="1" t="s">
        <v>6852</v>
      </c>
      <c r="B1746" s="1" t="s">
        <v>6853</v>
      </c>
      <c r="C1746" s="1" t="s">
        <v>150</v>
      </c>
      <c r="D1746" s="1" t="s">
        <v>6952</v>
      </c>
      <c r="E1746" s="1" t="s">
        <v>6953</v>
      </c>
      <c r="F1746" s="1" t="s">
        <v>6954</v>
      </c>
      <c r="G1746" s="1" t="s">
        <v>6856</v>
      </c>
      <c r="H1746" s="1" t="s">
        <v>13</v>
      </c>
      <c r="I1746" s="1" t="s">
        <v>6857</v>
      </c>
      <c r="J1746" s="1" t="s">
        <v>6955</v>
      </c>
    </row>
    <row r="1747" spans="1:10" x14ac:dyDescent="0.35">
      <c r="A1747" s="1" t="s">
        <v>6852</v>
      </c>
      <c r="B1747" s="1" t="s">
        <v>6853</v>
      </c>
      <c r="C1747" s="1" t="s">
        <v>155</v>
      </c>
      <c r="D1747" s="1" t="s">
        <v>6956</v>
      </c>
      <c r="E1747" s="1" t="s">
        <v>6957</v>
      </c>
      <c r="F1747" s="1" t="s">
        <v>6958</v>
      </c>
      <c r="G1747" s="1" t="s">
        <v>6856</v>
      </c>
      <c r="H1747" s="1" t="s">
        <v>13</v>
      </c>
      <c r="I1747" s="1" t="s">
        <v>6857</v>
      </c>
      <c r="J1747" s="1" t="s">
        <v>6959</v>
      </c>
    </row>
    <row r="1748" spans="1:10" x14ac:dyDescent="0.35">
      <c r="A1748" s="1" t="s">
        <v>6852</v>
      </c>
      <c r="B1748" s="1" t="s">
        <v>6853</v>
      </c>
      <c r="C1748" s="1" t="s">
        <v>160</v>
      </c>
      <c r="D1748" s="1" t="s">
        <v>2841</v>
      </c>
      <c r="E1748" s="1" t="s">
        <v>6960</v>
      </c>
      <c r="F1748" s="1" t="s">
        <v>6961</v>
      </c>
      <c r="G1748" s="1" t="s">
        <v>6856</v>
      </c>
      <c r="H1748" s="1" t="s">
        <v>13</v>
      </c>
      <c r="I1748" s="1" t="s">
        <v>6857</v>
      </c>
      <c r="J1748" s="1" t="s">
        <v>6962</v>
      </c>
    </row>
    <row r="1749" spans="1:10" x14ac:dyDescent="0.35">
      <c r="A1749" s="1" t="s">
        <v>6852</v>
      </c>
      <c r="B1749" s="1" t="s">
        <v>6853</v>
      </c>
      <c r="C1749" s="1" t="s">
        <v>165</v>
      </c>
      <c r="D1749" s="1" t="s">
        <v>6963</v>
      </c>
      <c r="E1749" s="1" t="s">
        <v>3041</v>
      </c>
      <c r="F1749" s="1" t="s">
        <v>6964</v>
      </c>
      <c r="G1749" s="1" t="s">
        <v>6856</v>
      </c>
      <c r="H1749" s="1" t="s">
        <v>13</v>
      </c>
      <c r="I1749" s="1" t="s">
        <v>6857</v>
      </c>
      <c r="J1749" s="1" t="s">
        <v>6965</v>
      </c>
    </row>
    <row r="1750" spans="1:10" x14ac:dyDescent="0.35">
      <c r="A1750" s="1" t="s">
        <v>6852</v>
      </c>
      <c r="B1750" s="1" t="s">
        <v>6853</v>
      </c>
      <c r="C1750" s="1" t="s">
        <v>170</v>
      </c>
      <c r="D1750" s="1" t="s">
        <v>6966</v>
      </c>
      <c r="E1750" s="1" t="s">
        <v>6967</v>
      </c>
      <c r="F1750" s="1" t="s">
        <v>6968</v>
      </c>
      <c r="G1750" s="1" t="s">
        <v>6856</v>
      </c>
      <c r="H1750" s="1" t="s">
        <v>13</v>
      </c>
      <c r="I1750" s="1" t="s">
        <v>6857</v>
      </c>
      <c r="J1750" s="1" t="s">
        <v>6969</v>
      </c>
    </row>
    <row r="1751" spans="1:10" x14ac:dyDescent="0.35">
      <c r="A1751" s="1" t="s">
        <v>6970</v>
      </c>
      <c r="B1751" s="1" t="s">
        <v>6971</v>
      </c>
      <c r="C1751" s="1" t="s">
        <v>8</v>
      </c>
      <c r="D1751" s="1" t="s">
        <v>6972</v>
      </c>
      <c r="E1751" s="1" t="s">
        <v>6973</v>
      </c>
      <c r="F1751" s="1" t="s">
        <v>6974</v>
      </c>
      <c r="G1751" s="1" t="s">
        <v>6975</v>
      </c>
      <c r="H1751" s="1" t="s">
        <v>13</v>
      </c>
      <c r="I1751" s="1" t="s">
        <v>6976</v>
      </c>
      <c r="J1751" s="1" t="s">
        <v>13</v>
      </c>
    </row>
    <row r="1752" spans="1:10" x14ac:dyDescent="0.35">
      <c r="A1752" s="1" t="s">
        <v>6970</v>
      </c>
      <c r="B1752" s="1" t="s">
        <v>6971</v>
      </c>
      <c r="C1752" s="1" t="s">
        <v>15</v>
      </c>
      <c r="D1752" s="1" t="s">
        <v>6977</v>
      </c>
      <c r="E1752" s="1" t="s">
        <v>6978</v>
      </c>
      <c r="F1752" s="1" t="s">
        <v>6979</v>
      </c>
      <c r="G1752" s="1" t="s">
        <v>6975</v>
      </c>
      <c r="H1752" s="1" t="s">
        <v>13</v>
      </c>
      <c r="I1752" s="1" t="s">
        <v>6976</v>
      </c>
      <c r="J1752" s="1" t="s">
        <v>6980</v>
      </c>
    </row>
    <row r="1753" spans="1:10" x14ac:dyDescent="0.35">
      <c r="A1753" s="1" t="s">
        <v>6970</v>
      </c>
      <c r="B1753" s="1" t="s">
        <v>6971</v>
      </c>
      <c r="C1753" s="1" t="s">
        <v>20</v>
      </c>
      <c r="D1753" s="1" t="s">
        <v>6981</v>
      </c>
      <c r="E1753" s="1" t="s">
        <v>6982</v>
      </c>
      <c r="F1753" s="1" t="s">
        <v>6983</v>
      </c>
      <c r="G1753" s="1" t="s">
        <v>6975</v>
      </c>
      <c r="H1753" s="1" t="s">
        <v>13</v>
      </c>
      <c r="I1753" s="1" t="s">
        <v>6976</v>
      </c>
      <c r="J1753" s="1" t="s">
        <v>6984</v>
      </c>
    </row>
    <row r="1754" spans="1:10" x14ac:dyDescent="0.35">
      <c r="A1754" s="1" t="s">
        <v>6970</v>
      </c>
      <c r="B1754" s="1" t="s">
        <v>6971</v>
      </c>
      <c r="C1754" s="1" t="s">
        <v>25</v>
      </c>
      <c r="D1754" s="1" t="s">
        <v>3488</v>
      </c>
      <c r="E1754" s="1" t="s">
        <v>6985</v>
      </c>
      <c r="F1754" s="1" t="s">
        <v>6986</v>
      </c>
      <c r="G1754" s="1" t="s">
        <v>6975</v>
      </c>
      <c r="H1754" s="1" t="s">
        <v>13</v>
      </c>
      <c r="I1754" s="1" t="s">
        <v>6976</v>
      </c>
      <c r="J1754" s="1" t="s">
        <v>6987</v>
      </c>
    </row>
    <row r="1755" spans="1:10" x14ac:dyDescent="0.35">
      <c r="A1755" s="1" t="s">
        <v>6970</v>
      </c>
      <c r="B1755" s="1" t="s">
        <v>6971</v>
      </c>
      <c r="C1755" s="1" t="s">
        <v>30</v>
      </c>
      <c r="D1755" s="1" t="s">
        <v>6988</v>
      </c>
      <c r="E1755" s="1" t="s">
        <v>6989</v>
      </c>
      <c r="F1755" s="1" t="s">
        <v>6990</v>
      </c>
      <c r="G1755" s="1" t="s">
        <v>6975</v>
      </c>
      <c r="H1755" s="1" t="s">
        <v>13</v>
      </c>
      <c r="I1755" s="1" t="s">
        <v>6976</v>
      </c>
      <c r="J1755" s="1" t="s">
        <v>6991</v>
      </c>
    </row>
    <row r="1756" spans="1:10" x14ac:dyDescent="0.35">
      <c r="A1756" s="1" t="s">
        <v>6970</v>
      </c>
      <c r="B1756" s="1" t="s">
        <v>6971</v>
      </c>
      <c r="C1756" s="1" t="s">
        <v>35</v>
      </c>
      <c r="D1756" s="1" t="s">
        <v>1854</v>
      </c>
      <c r="E1756" s="1" t="s">
        <v>6992</v>
      </c>
      <c r="F1756" s="1" t="s">
        <v>6993</v>
      </c>
      <c r="G1756" s="1" t="s">
        <v>6975</v>
      </c>
      <c r="H1756" s="1" t="s">
        <v>13</v>
      </c>
      <c r="I1756" s="1" t="s">
        <v>6976</v>
      </c>
      <c r="J1756" s="1" t="s">
        <v>6994</v>
      </c>
    </row>
    <row r="1757" spans="1:10" x14ac:dyDescent="0.35">
      <c r="A1757" s="1" t="s">
        <v>6970</v>
      </c>
      <c r="B1757" s="1" t="s">
        <v>6971</v>
      </c>
      <c r="C1757" s="1" t="s">
        <v>40</v>
      </c>
      <c r="D1757" s="1" t="s">
        <v>1316</v>
      </c>
      <c r="E1757" s="1" t="s">
        <v>6995</v>
      </c>
      <c r="F1757" s="1" t="s">
        <v>6996</v>
      </c>
      <c r="G1757" s="1" t="s">
        <v>6975</v>
      </c>
      <c r="H1757" s="1" t="s">
        <v>13</v>
      </c>
      <c r="I1757" s="1" t="s">
        <v>6976</v>
      </c>
      <c r="J1757" s="1" t="s">
        <v>6997</v>
      </c>
    </row>
    <row r="1758" spans="1:10" x14ac:dyDescent="0.35">
      <c r="A1758" s="1" t="s">
        <v>6970</v>
      </c>
      <c r="B1758" s="1" t="s">
        <v>6971</v>
      </c>
      <c r="C1758" s="1" t="s">
        <v>45</v>
      </c>
      <c r="D1758" s="1" t="s">
        <v>6998</v>
      </c>
      <c r="E1758" s="1" t="s">
        <v>6999</v>
      </c>
      <c r="F1758" s="1" t="s">
        <v>7000</v>
      </c>
      <c r="G1758" s="1" t="s">
        <v>6975</v>
      </c>
      <c r="H1758" s="1" t="s">
        <v>13</v>
      </c>
      <c r="I1758" s="1" t="s">
        <v>6976</v>
      </c>
      <c r="J1758" s="1" t="s">
        <v>7001</v>
      </c>
    </row>
    <row r="1759" spans="1:10" x14ac:dyDescent="0.35">
      <c r="A1759" s="1" t="s">
        <v>6970</v>
      </c>
      <c r="B1759" s="1" t="s">
        <v>6971</v>
      </c>
      <c r="C1759" s="1" t="s">
        <v>50</v>
      </c>
      <c r="D1759" s="1" t="s">
        <v>7002</v>
      </c>
      <c r="E1759" s="1" t="s">
        <v>7003</v>
      </c>
      <c r="F1759" s="1" t="s">
        <v>7004</v>
      </c>
      <c r="G1759" s="1" t="s">
        <v>6975</v>
      </c>
      <c r="H1759" s="1" t="s">
        <v>13</v>
      </c>
      <c r="I1759" s="1" t="s">
        <v>6976</v>
      </c>
      <c r="J1759" s="1" t="s">
        <v>7005</v>
      </c>
    </row>
    <row r="1760" spans="1:10" x14ac:dyDescent="0.35">
      <c r="A1760" s="1" t="s">
        <v>6970</v>
      </c>
      <c r="B1760" s="1" t="s">
        <v>6971</v>
      </c>
      <c r="C1760" s="1" t="s">
        <v>55</v>
      </c>
      <c r="D1760" s="1" t="s">
        <v>7006</v>
      </c>
      <c r="E1760" s="1" t="s">
        <v>7007</v>
      </c>
      <c r="F1760" s="1" t="s">
        <v>7008</v>
      </c>
      <c r="G1760" s="1" t="s">
        <v>6975</v>
      </c>
      <c r="H1760" s="1" t="s">
        <v>13</v>
      </c>
      <c r="I1760" s="1" t="s">
        <v>6976</v>
      </c>
      <c r="J1760" s="1" t="s">
        <v>7009</v>
      </c>
    </row>
    <row r="1761" spans="1:10" x14ac:dyDescent="0.35">
      <c r="A1761" s="1" t="s">
        <v>6970</v>
      </c>
      <c r="B1761" s="1" t="s">
        <v>6971</v>
      </c>
      <c r="C1761" s="1" t="s">
        <v>60</v>
      </c>
      <c r="D1761" s="1" t="s">
        <v>7010</v>
      </c>
      <c r="E1761" s="1" t="s">
        <v>7011</v>
      </c>
      <c r="F1761" s="1" t="s">
        <v>7012</v>
      </c>
      <c r="G1761" s="1" t="s">
        <v>6975</v>
      </c>
      <c r="H1761" s="1" t="s">
        <v>13</v>
      </c>
      <c r="I1761" s="1" t="s">
        <v>6976</v>
      </c>
      <c r="J1761" s="1" t="s">
        <v>7013</v>
      </c>
    </row>
    <row r="1762" spans="1:10" x14ac:dyDescent="0.35">
      <c r="A1762" s="1" t="s">
        <v>6970</v>
      </c>
      <c r="B1762" s="1" t="s">
        <v>6971</v>
      </c>
      <c r="C1762" s="1" t="s">
        <v>65</v>
      </c>
      <c r="D1762" s="1" t="s">
        <v>1516</v>
      </c>
      <c r="E1762" s="1" t="s">
        <v>7014</v>
      </c>
      <c r="F1762" s="1" t="s">
        <v>7015</v>
      </c>
      <c r="G1762" s="1" t="s">
        <v>6975</v>
      </c>
      <c r="H1762" s="1" t="s">
        <v>13</v>
      </c>
      <c r="I1762" s="1" t="s">
        <v>6976</v>
      </c>
      <c r="J1762" s="1" t="s">
        <v>7016</v>
      </c>
    </row>
    <row r="1763" spans="1:10" x14ac:dyDescent="0.35">
      <c r="A1763" s="1" t="s">
        <v>6970</v>
      </c>
      <c r="B1763" s="1" t="s">
        <v>6971</v>
      </c>
      <c r="C1763" s="1" t="s">
        <v>70</v>
      </c>
      <c r="D1763" s="1" t="s">
        <v>7017</v>
      </c>
      <c r="E1763" s="1" t="s">
        <v>7018</v>
      </c>
      <c r="F1763" s="1" t="s">
        <v>7019</v>
      </c>
      <c r="G1763" s="1" t="s">
        <v>6975</v>
      </c>
      <c r="H1763" s="1" t="s">
        <v>13</v>
      </c>
      <c r="I1763" s="1" t="s">
        <v>6976</v>
      </c>
      <c r="J1763" s="1" t="s">
        <v>7020</v>
      </c>
    </row>
    <row r="1764" spans="1:10" x14ac:dyDescent="0.35">
      <c r="A1764" s="1" t="s">
        <v>6970</v>
      </c>
      <c r="B1764" s="1" t="s">
        <v>6971</v>
      </c>
      <c r="C1764" s="1" t="s">
        <v>75</v>
      </c>
      <c r="D1764" s="1" t="s">
        <v>7021</v>
      </c>
      <c r="E1764" s="1" t="s">
        <v>7022</v>
      </c>
      <c r="F1764" s="1" t="s">
        <v>7023</v>
      </c>
      <c r="G1764" s="1" t="s">
        <v>6975</v>
      </c>
      <c r="H1764" s="1" t="s">
        <v>13</v>
      </c>
      <c r="I1764" s="1" t="s">
        <v>6976</v>
      </c>
      <c r="J1764" s="1" t="s">
        <v>7024</v>
      </c>
    </row>
    <row r="1765" spans="1:10" x14ac:dyDescent="0.35">
      <c r="A1765" s="1" t="s">
        <v>6970</v>
      </c>
      <c r="B1765" s="1" t="s">
        <v>6971</v>
      </c>
      <c r="C1765" s="1" t="s">
        <v>80</v>
      </c>
      <c r="D1765" s="1" t="s">
        <v>7025</v>
      </c>
      <c r="E1765" s="1" t="s">
        <v>7026</v>
      </c>
      <c r="F1765" s="1" t="s">
        <v>7027</v>
      </c>
      <c r="G1765" s="1" t="s">
        <v>6975</v>
      </c>
      <c r="H1765" s="1" t="s">
        <v>13</v>
      </c>
      <c r="I1765" s="1" t="s">
        <v>6976</v>
      </c>
      <c r="J1765" s="1" t="s">
        <v>7028</v>
      </c>
    </row>
    <row r="1766" spans="1:10" x14ac:dyDescent="0.35">
      <c r="A1766" s="1" t="s">
        <v>6970</v>
      </c>
      <c r="B1766" s="1" t="s">
        <v>6971</v>
      </c>
      <c r="C1766" s="1" t="s">
        <v>85</v>
      </c>
      <c r="D1766" s="1" t="s">
        <v>7029</v>
      </c>
      <c r="E1766" s="1" t="s">
        <v>7030</v>
      </c>
      <c r="F1766" s="1" t="s">
        <v>7031</v>
      </c>
      <c r="G1766" s="1" t="s">
        <v>6975</v>
      </c>
      <c r="H1766" s="1" t="s">
        <v>13</v>
      </c>
      <c r="I1766" s="1" t="s">
        <v>6976</v>
      </c>
      <c r="J1766" s="1" t="s">
        <v>7032</v>
      </c>
    </row>
    <row r="1767" spans="1:10" x14ac:dyDescent="0.35">
      <c r="A1767" s="1" t="s">
        <v>6970</v>
      </c>
      <c r="B1767" s="1" t="s">
        <v>6971</v>
      </c>
      <c r="C1767" s="1" t="s">
        <v>90</v>
      </c>
      <c r="D1767" s="1" t="s">
        <v>7033</v>
      </c>
      <c r="E1767" s="1" t="s">
        <v>7034</v>
      </c>
      <c r="F1767" s="1" t="s">
        <v>7035</v>
      </c>
      <c r="G1767" s="1" t="s">
        <v>6975</v>
      </c>
      <c r="H1767" s="1" t="s">
        <v>13</v>
      </c>
      <c r="I1767" s="1" t="s">
        <v>6976</v>
      </c>
      <c r="J1767" s="1" t="s">
        <v>7036</v>
      </c>
    </row>
    <row r="1768" spans="1:10" x14ac:dyDescent="0.35">
      <c r="A1768" s="1" t="s">
        <v>6970</v>
      </c>
      <c r="B1768" s="1" t="s">
        <v>6971</v>
      </c>
      <c r="C1768" s="1" t="s">
        <v>95</v>
      </c>
      <c r="D1768" s="1" t="s">
        <v>4018</v>
      </c>
      <c r="E1768" s="1" t="s">
        <v>7037</v>
      </c>
      <c r="F1768" s="1" t="s">
        <v>7038</v>
      </c>
      <c r="G1768" s="1" t="s">
        <v>6975</v>
      </c>
      <c r="H1768" s="1" t="s">
        <v>13</v>
      </c>
      <c r="I1768" s="1" t="s">
        <v>6976</v>
      </c>
      <c r="J1768" s="1" t="s">
        <v>7039</v>
      </c>
    </row>
    <row r="1769" spans="1:10" x14ac:dyDescent="0.35">
      <c r="A1769" s="1" t="s">
        <v>6970</v>
      </c>
      <c r="B1769" s="1" t="s">
        <v>6971</v>
      </c>
      <c r="C1769" s="1" t="s">
        <v>100</v>
      </c>
      <c r="D1769" s="1" t="s">
        <v>7040</v>
      </c>
      <c r="E1769" s="1" t="s">
        <v>7041</v>
      </c>
      <c r="F1769" s="1" t="s">
        <v>7042</v>
      </c>
      <c r="G1769" s="1" t="s">
        <v>6975</v>
      </c>
      <c r="H1769" s="1" t="s">
        <v>13</v>
      </c>
      <c r="I1769" s="1" t="s">
        <v>6976</v>
      </c>
      <c r="J1769" s="1" t="s">
        <v>7043</v>
      </c>
    </row>
    <row r="1770" spans="1:10" x14ac:dyDescent="0.35">
      <c r="A1770" s="1" t="s">
        <v>6970</v>
      </c>
      <c r="B1770" s="1" t="s">
        <v>6971</v>
      </c>
      <c r="C1770" s="1" t="s">
        <v>105</v>
      </c>
      <c r="D1770" s="1" t="s">
        <v>7044</v>
      </c>
      <c r="E1770" s="1" t="s">
        <v>7045</v>
      </c>
      <c r="F1770" s="1" t="s">
        <v>7046</v>
      </c>
      <c r="G1770" s="1" t="s">
        <v>6975</v>
      </c>
      <c r="H1770" s="1" t="s">
        <v>13</v>
      </c>
      <c r="I1770" s="1" t="s">
        <v>6976</v>
      </c>
      <c r="J1770" s="1" t="s">
        <v>7047</v>
      </c>
    </row>
    <row r="1771" spans="1:10" x14ac:dyDescent="0.35">
      <c r="A1771" s="1" t="s">
        <v>6970</v>
      </c>
      <c r="B1771" s="1" t="s">
        <v>6971</v>
      </c>
      <c r="C1771" s="1" t="s">
        <v>110</v>
      </c>
      <c r="D1771" s="1" t="s">
        <v>7048</v>
      </c>
      <c r="E1771" s="1" t="s">
        <v>7049</v>
      </c>
      <c r="F1771" s="1" t="s">
        <v>7050</v>
      </c>
      <c r="G1771" s="1" t="s">
        <v>6975</v>
      </c>
      <c r="H1771" s="1" t="s">
        <v>13</v>
      </c>
      <c r="I1771" s="1" t="s">
        <v>6976</v>
      </c>
      <c r="J1771" s="1" t="s">
        <v>7051</v>
      </c>
    </row>
    <row r="1772" spans="1:10" x14ac:dyDescent="0.35">
      <c r="A1772" s="1" t="s">
        <v>6970</v>
      </c>
      <c r="B1772" s="1" t="s">
        <v>6971</v>
      </c>
      <c r="C1772" s="1" t="s">
        <v>115</v>
      </c>
      <c r="D1772" s="1" t="s">
        <v>4082</v>
      </c>
      <c r="E1772" s="1" t="s">
        <v>7052</v>
      </c>
      <c r="F1772" s="1" t="s">
        <v>7053</v>
      </c>
      <c r="G1772" s="1" t="s">
        <v>6975</v>
      </c>
      <c r="H1772" s="1" t="s">
        <v>13</v>
      </c>
      <c r="I1772" s="1" t="s">
        <v>6976</v>
      </c>
      <c r="J1772" s="1" t="s">
        <v>7054</v>
      </c>
    </row>
    <row r="1773" spans="1:10" x14ac:dyDescent="0.35">
      <c r="A1773" s="1" t="s">
        <v>6970</v>
      </c>
      <c r="B1773" s="1" t="s">
        <v>6971</v>
      </c>
      <c r="C1773" s="1" t="s">
        <v>120</v>
      </c>
      <c r="D1773" s="1" t="s">
        <v>7055</v>
      </c>
      <c r="E1773" s="1" t="s">
        <v>7056</v>
      </c>
      <c r="F1773" s="1" t="s">
        <v>7057</v>
      </c>
      <c r="G1773" s="1" t="s">
        <v>6975</v>
      </c>
      <c r="H1773" s="1" t="s">
        <v>13</v>
      </c>
      <c r="I1773" s="1" t="s">
        <v>6976</v>
      </c>
      <c r="J1773" s="1" t="s">
        <v>7058</v>
      </c>
    </row>
    <row r="1774" spans="1:10" x14ac:dyDescent="0.35">
      <c r="A1774" s="1" t="s">
        <v>6970</v>
      </c>
      <c r="B1774" s="1" t="s">
        <v>6971</v>
      </c>
      <c r="C1774" s="1" t="s">
        <v>125</v>
      </c>
      <c r="D1774" s="1" t="s">
        <v>7059</v>
      </c>
      <c r="E1774" s="1" t="s">
        <v>7060</v>
      </c>
      <c r="F1774" s="1" t="s">
        <v>7061</v>
      </c>
      <c r="G1774" s="1" t="s">
        <v>6975</v>
      </c>
      <c r="H1774" s="1" t="s">
        <v>13</v>
      </c>
      <c r="I1774" s="1" t="s">
        <v>6976</v>
      </c>
      <c r="J1774" s="1" t="s">
        <v>7062</v>
      </c>
    </row>
    <row r="1775" spans="1:10" x14ac:dyDescent="0.35">
      <c r="A1775" s="1" t="s">
        <v>6970</v>
      </c>
      <c r="B1775" s="1" t="s">
        <v>6971</v>
      </c>
      <c r="C1775" s="1" t="s">
        <v>130</v>
      </c>
      <c r="D1775" s="1" t="s">
        <v>7063</v>
      </c>
      <c r="E1775" s="1" t="s">
        <v>7064</v>
      </c>
      <c r="F1775" s="1" t="s">
        <v>7065</v>
      </c>
      <c r="G1775" s="1" t="s">
        <v>6975</v>
      </c>
      <c r="H1775" s="1" t="s">
        <v>13</v>
      </c>
      <c r="I1775" s="1" t="s">
        <v>6976</v>
      </c>
      <c r="J1775" s="1" t="s">
        <v>7066</v>
      </c>
    </row>
    <row r="1776" spans="1:10" x14ac:dyDescent="0.35">
      <c r="A1776" s="1" t="s">
        <v>6970</v>
      </c>
      <c r="B1776" s="1" t="s">
        <v>6971</v>
      </c>
      <c r="C1776" s="1" t="s">
        <v>135</v>
      </c>
      <c r="D1776" s="1" t="s">
        <v>7067</v>
      </c>
      <c r="E1776" s="1" t="s">
        <v>7068</v>
      </c>
      <c r="F1776" s="1" t="s">
        <v>7069</v>
      </c>
      <c r="G1776" s="1" t="s">
        <v>6975</v>
      </c>
      <c r="H1776" s="1" t="s">
        <v>13</v>
      </c>
      <c r="I1776" s="1" t="s">
        <v>6976</v>
      </c>
      <c r="J1776" s="1" t="s">
        <v>7070</v>
      </c>
    </row>
    <row r="1777" spans="1:10" x14ac:dyDescent="0.35">
      <c r="A1777" s="1" t="s">
        <v>6970</v>
      </c>
      <c r="B1777" s="1" t="s">
        <v>6971</v>
      </c>
      <c r="C1777" s="1" t="s">
        <v>140</v>
      </c>
      <c r="D1777" s="1" t="s">
        <v>1419</v>
      </c>
      <c r="E1777" s="1" t="s">
        <v>7071</v>
      </c>
      <c r="F1777" s="1" t="s">
        <v>7072</v>
      </c>
      <c r="G1777" s="1" t="s">
        <v>6975</v>
      </c>
      <c r="H1777" s="1" t="s">
        <v>13</v>
      </c>
      <c r="I1777" s="1" t="s">
        <v>6976</v>
      </c>
      <c r="J1777" s="1" t="s">
        <v>7073</v>
      </c>
    </row>
    <row r="1778" spans="1:10" x14ac:dyDescent="0.35">
      <c r="A1778" s="1" t="s">
        <v>6970</v>
      </c>
      <c r="B1778" s="1" t="s">
        <v>6971</v>
      </c>
      <c r="C1778" s="1" t="s">
        <v>145</v>
      </c>
      <c r="D1778" s="1" t="s">
        <v>7074</v>
      </c>
      <c r="E1778" s="1" t="s">
        <v>7075</v>
      </c>
      <c r="F1778" s="1" t="s">
        <v>7076</v>
      </c>
      <c r="G1778" s="1" t="s">
        <v>6975</v>
      </c>
      <c r="H1778" s="1" t="s">
        <v>13</v>
      </c>
      <c r="I1778" s="1" t="s">
        <v>6976</v>
      </c>
      <c r="J1778" s="1" t="s">
        <v>7077</v>
      </c>
    </row>
    <row r="1779" spans="1:10" x14ac:dyDescent="0.35">
      <c r="A1779" s="1" t="s">
        <v>6970</v>
      </c>
      <c r="B1779" s="1" t="s">
        <v>6971</v>
      </c>
      <c r="C1779" s="1" t="s">
        <v>150</v>
      </c>
      <c r="D1779" s="1" t="s">
        <v>7078</v>
      </c>
      <c r="E1779" s="1" t="s">
        <v>7079</v>
      </c>
      <c r="F1779" s="1" t="s">
        <v>7080</v>
      </c>
      <c r="G1779" s="1" t="s">
        <v>6975</v>
      </c>
      <c r="H1779" s="1" t="s">
        <v>13</v>
      </c>
      <c r="I1779" s="1" t="s">
        <v>6976</v>
      </c>
      <c r="J1779" s="1" t="s">
        <v>7081</v>
      </c>
    </row>
    <row r="1780" spans="1:10" x14ac:dyDescent="0.35">
      <c r="A1780" s="1" t="s">
        <v>6970</v>
      </c>
      <c r="B1780" s="1" t="s">
        <v>6971</v>
      </c>
      <c r="C1780" s="1" t="s">
        <v>155</v>
      </c>
      <c r="D1780" s="1" t="s">
        <v>7082</v>
      </c>
      <c r="E1780" s="1" t="s">
        <v>7083</v>
      </c>
      <c r="F1780" s="1" t="s">
        <v>7084</v>
      </c>
      <c r="G1780" s="1" t="s">
        <v>6975</v>
      </c>
      <c r="H1780" s="1" t="s">
        <v>13</v>
      </c>
      <c r="I1780" s="1" t="s">
        <v>6976</v>
      </c>
      <c r="J1780" s="1" t="s">
        <v>7085</v>
      </c>
    </row>
    <row r="1781" spans="1:10" x14ac:dyDescent="0.35">
      <c r="A1781" s="1" t="s">
        <v>6970</v>
      </c>
      <c r="B1781" s="1" t="s">
        <v>6971</v>
      </c>
      <c r="C1781" s="1" t="s">
        <v>160</v>
      </c>
      <c r="D1781" s="1" t="s">
        <v>7086</v>
      </c>
      <c r="E1781" s="1" t="s">
        <v>7087</v>
      </c>
      <c r="F1781" s="1" t="s">
        <v>7088</v>
      </c>
      <c r="G1781" s="1" t="s">
        <v>6975</v>
      </c>
      <c r="H1781" s="1" t="s">
        <v>13</v>
      </c>
      <c r="I1781" s="1" t="s">
        <v>6976</v>
      </c>
      <c r="J1781" s="1" t="s">
        <v>7089</v>
      </c>
    </row>
    <row r="1782" spans="1:10" x14ac:dyDescent="0.35">
      <c r="A1782" s="1" t="s">
        <v>6970</v>
      </c>
      <c r="B1782" s="1" t="s">
        <v>6971</v>
      </c>
      <c r="C1782" s="1" t="s">
        <v>165</v>
      </c>
      <c r="D1782" s="1" t="s">
        <v>7090</v>
      </c>
      <c r="E1782" s="1" t="s">
        <v>7091</v>
      </c>
      <c r="F1782" s="1" t="s">
        <v>7092</v>
      </c>
      <c r="G1782" s="1" t="s">
        <v>6975</v>
      </c>
      <c r="H1782" s="1" t="s">
        <v>13</v>
      </c>
      <c r="I1782" s="1" t="s">
        <v>6976</v>
      </c>
      <c r="J1782" s="1" t="s">
        <v>7093</v>
      </c>
    </row>
    <row r="1783" spans="1:10" x14ac:dyDescent="0.35">
      <c r="A1783" s="1" t="s">
        <v>6970</v>
      </c>
      <c r="B1783" s="1" t="s">
        <v>6971</v>
      </c>
      <c r="C1783" s="1" t="s">
        <v>170</v>
      </c>
      <c r="D1783" s="1" t="s">
        <v>2588</v>
      </c>
      <c r="E1783" s="1" t="s">
        <v>7094</v>
      </c>
      <c r="F1783" s="1" t="s">
        <v>7095</v>
      </c>
      <c r="G1783" s="1" t="s">
        <v>6975</v>
      </c>
      <c r="H1783" s="1" t="s">
        <v>13</v>
      </c>
      <c r="I1783" s="1" t="s">
        <v>6976</v>
      </c>
      <c r="J1783" s="1" t="s">
        <v>7096</v>
      </c>
    </row>
    <row r="1784" spans="1:10" x14ac:dyDescent="0.35">
      <c r="A1784" s="1" t="s">
        <v>7097</v>
      </c>
      <c r="B1784" s="1" t="s">
        <v>7098</v>
      </c>
      <c r="C1784" s="1" t="s">
        <v>8</v>
      </c>
      <c r="D1784" s="1" t="s">
        <v>7099</v>
      </c>
      <c r="E1784" s="1" t="s">
        <v>7100</v>
      </c>
      <c r="F1784" s="1" t="s">
        <v>7101</v>
      </c>
      <c r="G1784" s="1" t="s">
        <v>7102</v>
      </c>
      <c r="H1784" s="1" t="s">
        <v>13</v>
      </c>
      <c r="I1784" s="1" t="s">
        <v>7103</v>
      </c>
      <c r="J1784" s="1" t="s">
        <v>13</v>
      </c>
    </row>
    <row r="1785" spans="1:10" x14ac:dyDescent="0.35">
      <c r="A1785" s="1" t="s">
        <v>7097</v>
      </c>
      <c r="B1785" s="1" t="s">
        <v>7098</v>
      </c>
      <c r="C1785" s="1" t="s">
        <v>15</v>
      </c>
      <c r="D1785" s="1" t="s">
        <v>7104</v>
      </c>
      <c r="E1785" s="1" t="s">
        <v>7105</v>
      </c>
      <c r="F1785" s="1" t="s">
        <v>7106</v>
      </c>
      <c r="G1785" s="1" t="s">
        <v>7102</v>
      </c>
      <c r="H1785" s="1" t="s">
        <v>13</v>
      </c>
      <c r="I1785" s="1" t="s">
        <v>7103</v>
      </c>
      <c r="J1785" s="1" t="s">
        <v>7107</v>
      </c>
    </row>
    <row r="1786" spans="1:10" x14ac:dyDescent="0.35">
      <c r="A1786" s="1" t="s">
        <v>7097</v>
      </c>
      <c r="B1786" s="1" t="s">
        <v>7098</v>
      </c>
      <c r="C1786" s="1" t="s">
        <v>20</v>
      </c>
      <c r="D1786" s="1" t="s">
        <v>7108</v>
      </c>
      <c r="E1786" s="1" t="s">
        <v>7109</v>
      </c>
      <c r="F1786" s="1" t="s">
        <v>7110</v>
      </c>
      <c r="G1786" s="1" t="s">
        <v>7102</v>
      </c>
      <c r="H1786" s="1" t="s">
        <v>13</v>
      </c>
      <c r="I1786" s="1" t="s">
        <v>7103</v>
      </c>
      <c r="J1786" s="1" t="s">
        <v>7111</v>
      </c>
    </row>
    <row r="1787" spans="1:10" x14ac:dyDescent="0.35">
      <c r="A1787" s="1" t="s">
        <v>7097</v>
      </c>
      <c r="B1787" s="1" t="s">
        <v>7098</v>
      </c>
      <c r="C1787" s="1" t="s">
        <v>25</v>
      </c>
      <c r="D1787" s="1" t="s">
        <v>7112</v>
      </c>
      <c r="E1787" s="1" t="s">
        <v>7113</v>
      </c>
      <c r="F1787" s="1" t="s">
        <v>7114</v>
      </c>
      <c r="G1787" s="1" t="s">
        <v>7102</v>
      </c>
      <c r="H1787" s="1" t="s">
        <v>13</v>
      </c>
      <c r="I1787" s="1" t="s">
        <v>7103</v>
      </c>
      <c r="J1787" s="1" t="s">
        <v>7115</v>
      </c>
    </row>
    <row r="1788" spans="1:10" x14ac:dyDescent="0.35">
      <c r="A1788" s="1" t="s">
        <v>7097</v>
      </c>
      <c r="B1788" s="1" t="s">
        <v>7098</v>
      </c>
      <c r="C1788" s="1" t="s">
        <v>30</v>
      </c>
      <c r="D1788" s="1" t="s">
        <v>1436</v>
      </c>
      <c r="E1788" s="1" t="s">
        <v>7116</v>
      </c>
      <c r="F1788" s="1" t="s">
        <v>7117</v>
      </c>
      <c r="G1788" s="1" t="s">
        <v>7102</v>
      </c>
      <c r="H1788" s="1" t="s">
        <v>13</v>
      </c>
      <c r="I1788" s="1" t="s">
        <v>7103</v>
      </c>
      <c r="J1788" s="1" t="s">
        <v>7118</v>
      </c>
    </row>
    <row r="1789" spans="1:10" x14ac:dyDescent="0.35">
      <c r="A1789" s="1" t="s">
        <v>7097</v>
      </c>
      <c r="B1789" s="1" t="s">
        <v>7098</v>
      </c>
      <c r="C1789" s="1" t="s">
        <v>35</v>
      </c>
      <c r="D1789" s="1" t="s">
        <v>7119</v>
      </c>
      <c r="E1789" s="1" t="s">
        <v>7120</v>
      </c>
      <c r="F1789" s="1" t="s">
        <v>7121</v>
      </c>
      <c r="G1789" s="1" t="s">
        <v>7102</v>
      </c>
      <c r="H1789" s="1" t="s">
        <v>13</v>
      </c>
      <c r="I1789" s="1" t="s">
        <v>7103</v>
      </c>
      <c r="J1789" s="1" t="s">
        <v>7122</v>
      </c>
    </row>
    <row r="1790" spans="1:10" x14ac:dyDescent="0.35">
      <c r="A1790" s="1" t="s">
        <v>7097</v>
      </c>
      <c r="B1790" s="1" t="s">
        <v>7098</v>
      </c>
      <c r="C1790" s="1" t="s">
        <v>40</v>
      </c>
      <c r="D1790" s="1" t="s">
        <v>7123</v>
      </c>
      <c r="E1790" s="1" t="s">
        <v>7124</v>
      </c>
      <c r="F1790" s="1" t="s">
        <v>7125</v>
      </c>
      <c r="G1790" s="1" t="s">
        <v>7102</v>
      </c>
      <c r="H1790" s="1" t="s">
        <v>13</v>
      </c>
      <c r="I1790" s="1" t="s">
        <v>7103</v>
      </c>
      <c r="J1790" s="1" t="s">
        <v>7126</v>
      </c>
    </row>
    <row r="1791" spans="1:10" x14ac:dyDescent="0.35">
      <c r="A1791" s="1" t="s">
        <v>7097</v>
      </c>
      <c r="B1791" s="1" t="s">
        <v>7098</v>
      </c>
      <c r="C1791" s="1" t="s">
        <v>45</v>
      </c>
      <c r="D1791" s="1" t="s">
        <v>7127</v>
      </c>
      <c r="E1791" s="1" t="s">
        <v>7128</v>
      </c>
      <c r="F1791" s="1" t="s">
        <v>7129</v>
      </c>
      <c r="G1791" s="1" t="s">
        <v>7102</v>
      </c>
      <c r="H1791" s="1" t="s">
        <v>13</v>
      </c>
      <c r="I1791" s="1" t="s">
        <v>7103</v>
      </c>
      <c r="J1791" s="1" t="s">
        <v>7130</v>
      </c>
    </row>
    <row r="1792" spans="1:10" x14ac:dyDescent="0.35">
      <c r="A1792" s="1" t="s">
        <v>7097</v>
      </c>
      <c r="B1792" s="1" t="s">
        <v>7098</v>
      </c>
      <c r="C1792" s="1" t="s">
        <v>50</v>
      </c>
      <c r="D1792" s="1" t="s">
        <v>7131</v>
      </c>
      <c r="E1792" s="1" t="s">
        <v>7132</v>
      </c>
      <c r="F1792" s="1" t="s">
        <v>7133</v>
      </c>
      <c r="G1792" s="1" t="s">
        <v>7102</v>
      </c>
      <c r="H1792" s="1" t="s">
        <v>13</v>
      </c>
      <c r="I1792" s="1" t="s">
        <v>7103</v>
      </c>
      <c r="J1792" s="1" t="s">
        <v>7134</v>
      </c>
    </row>
    <row r="1793" spans="1:10" x14ac:dyDescent="0.35">
      <c r="A1793" s="1" t="s">
        <v>7097</v>
      </c>
      <c r="B1793" s="1" t="s">
        <v>7098</v>
      </c>
      <c r="C1793" s="1" t="s">
        <v>55</v>
      </c>
      <c r="D1793" s="1" t="s">
        <v>7135</v>
      </c>
      <c r="E1793" s="1" t="s">
        <v>7136</v>
      </c>
      <c r="F1793" s="1" t="s">
        <v>7137</v>
      </c>
      <c r="G1793" s="1" t="s">
        <v>7102</v>
      </c>
      <c r="H1793" s="1" t="s">
        <v>13</v>
      </c>
      <c r="I1793" s="1" t="s">
        <v>7103</v>
      </c>
      <c r="J1793" s="1" t="s">
        <v>7138</v>
      </c>
    </row>
    <row r="1794" spans="1:10" x14ac:dyDescent="0.35">
      <c r="A1794" s="1" t="s">
        <v>7097</v>
      </c>
      <c r="B1794" s="1" t="s">
        <v>7098</v>
      </c>
      <c r="C1794" s="1" t="s">
        <v>60</v>
      </c>
      <c r="D1794" s="1" t="s">
        <v>7139</v>
      </c>
      <c r="E1794" s="1" t="s">
        <v>7140</v>
      </c>
      <c r="F1794" s="1" t="s">
        <v>7141</v>
      </c>
      <c r="G1794" s="1" t="s">
        <v>7102</v>
      </c>
      <c r="H1794" s="1" t="s">
        <v>13</v>
      </c>
      <c r="I1794" s="1" t="s">
        <v>7103</v>
      </c>
      <c r="J1794" s="1" t="s">
        <v>7142</v>
      </c>
    </row>
    <row r="1795" spans="1:10" x14ac:dyDescent="0.35">
      <c r="A1795" s="1" t="s">
        <v>7097</v>
      </c>
      <c r="B1795" s="1" t="s">
        <v>7098</v>
      </c>
      <c r="C1795" s="1" t="s">
        <v>65</v>
      </c>
      <c r="D1795" s="1" t="s">
        <v>7143</v>
      </c>
      <c r="E1795" s="1" t="s">
        <v>7144</v>
      </c>
      <c r="F1795" s="1" t="s">
        <v>7145</v>
      </c>
      <c r="G1795" s="1" t="s">
        <v>7102</v>
      </c>
      <c r="H1795" s="1" t="s">
        <v>13</v>
      </c>
      <c r="I1795" s="1" t="s">
        <v>7103</v>
      </c>
      <c r="J1795" s="1" t="s">
        <v>7146</v>
      </c>
    </row>
    <row r="1796" spans="1:10" x14ac:dyDescent="0.35">
      <c r="A1796" s="1" t="s">
        <v>7097</v>
      </c>
      <c r="B1796" s="1" t="s">
        <v>7098</v>
      </c>
      <c r="C1796" s="1" t="s">
        <v>70</v>
      </c>
      <c r="D1796" s="1" t="s">
        <v>7147</v>
      </c>
      <c r="E1796" s="1" t="s">
        <v>7148</v>
      </c>
      <c r="F1796" s="1" t="s">
        <v>7149</v>
      </c>
      <c r="G1796" s="1" t="s">
        <v>7102</v>
      </c>
      <c r="H1796" s="1" t="s">
        <v>13</v>
      </c>
      <c r="I1796" s="1" t="s">
        <v>7103</v>
      </c>
      <c r="J1796" s="1" t="s">
        <v>7150</v>
      </c>
    </row>
    <row r="1797" spans="1:10" x14ac:dyDescent="0.35">
      <c r="A1797" s="1" t="s">
        <v>7097</v>
      </c>
      <c r="B1797" s="1" t="s">
        <v>7098</v>
      </c>
      <c r="C1797" s="1" t="s">
        <v>75</v>
      </c>
      <c r="D1797" s="1" t="s">
        <v>7151</v>
      </c>
      <c r="E1797" s="1" t="s">
        <v>7152</v>
      </c>
      <c r="F1797" s="1" t="s">
        <v>7153</v>
      </c>
      <c r="G1797" s="1" t="s">
        <v>7102</v>
      </c>
      <c r="H1797" s="1" t="s">
        <v>13</v>
      </c>
      <c r="I1797" s="1" t="s">
        <v>7103</v>
      </c>
      <c r="J1797" s="1" t="s">
        <v>7154</v>
      </c>
    </row>
    <row r="1798" spans="1:10" x14ac:dyDescent="0.35">
      <c r="A1798" s="1" t="s">
        <v>7097</v>
      </c>
      <c r="B1798" s="1" t="s">
        <v>7098</v>
      </c>
      <c r="C1798" s="1" t="s">
        <v>80</v>
      </c>
      <c r="D1798" s="1" t="s">
        <v>7155</v>
      </c>
      <c r="E1798" s="1" t="s">
        <v>7156</v>
      </c>
      <c r="F1798" s="1" t="s">
        <v>7157</v>
      </c>
      <c r="G1798" s="1" t="s">
        <v>7102</v>
      </c>
      <c r="H1798" s="1" t="s">
        <v>13</v>
      </c>
      <c r="I1798" s="1" t="s">
        <v>7103</v>
      </c>
      <c r="J1798" s="1" t="s">
        <v>7158</v>
      </c>
    </row>
    <row r="1799" spans="1:10" x14ac:dyDescent="0.35">
      <c r="A1799" s="1" t="s">
        <v>7097</v>
      </c>
      <c r="B1799" s="1" t="s">
        <v>7098</v>
      </c>
      <c r="C1799" s="1" t="s">
        <v>85</v>
      </c>
      <c r="D1799" s="1" t="s">
        <v>7159</v>
      </c>
      <c r="E1799" s="1" t="s">
        <v>7160</v>
      </c>
      <c r="F1799" s="1" t="s">
        <v>7161</v>
      </c>
      <c r="G1799" s="1" t="s">
        <v>7102</v>
      </c>
      <c r="H1799" s="1" t="s">
        <v>13</v>
      </c>
      <c r="I1799" s="1" t="s">
        <v>7103</v>
      </c>
      <c r="J1799" s="1" t="s">
        <v>7162</v>
      </c>
    </row>
    <row r="1800" spans="1:10" x14ac:dyDescent="0.35">
      <c r="A1800" s="1" t="s">
        <v>7097</v>
      </c>
      <c r="B1800" s="1" t="s">
        <v>7098</v>
      </c>
      <c r="C1800" s="1" t="s">
        <v>90</v>
      </c>
      <c r="D1800" s="1" t="s">
        <v>7163</v>
      </c>
      <c r="E1800" s="1" t="s">
        <v>7164</v>
      </c>
      <c r="F1800" s="1" t="s">
        <v>7165</v>
      </c>
      <c r="G1800" s="1" t="s">
        <v>7102</v>
      </c>
      <c r="H1800" s="1" t="s">
        <v>13</v>
      </c>
      <c r="I1800" s="1" t="s">
        <v>7103</v>
      </c>
      <c r="J1800" s="1" t="s">
        <v>7166</v>
      </c>
    </row>
    <row r="1801" spans="1:10" x14ac:dyDescent="0.35">
      <c r="A1801" s="1" t="s">
        <v>7097</v>
      </c>
      <c r="B1801" s="1" t="s">
        <v>7098</v>
      </c>
      <c r="C1801" s="1" t="s">
        <v>95</v>
      </c>
      <c r="D1801" s="1" t="s">
        <v>7167</v>
      </c>
      <c r="E1801" s="1" t="s">
        <v>7168</v>
      </c>
      <c r="F1801" s="1" t="s">
        <v>7169</v>
      </c>
      <c r="G1801" s="1" t="s">
        <v>7102</v>
      </c>
      <c r="H1801" s="1" t="s">
        <v>13</v>
      </c>
      <c r="I1801" s="1" t="s">
        <v>7103</v>
      </c>
      <c r="J1801" s="1" t="s">
        <v>7170</v>
      </c>
    </row>
    <row r="1802" spans="1:10" x14ac:dyDescent="0.35">
      <c r="A1802" s="1" t="s">
        <v>7097</v>
      </c>
      <c r="B1802" s="1" t="s">
        <v>7098</v>
      </c>
      <c r="C1802" s="1" t="s">
        <v>100</v>
      </c>
      <c r="D1802" s="1" t="s">
        <v>7171</v>
      </c>
      <c r="E1802" s="1" t="s">
        <v>7172</v>
      </c>
      <c r="F1802" s="1" t="s">
        <v>7173</v>
      </c>
      <c r="G1802" s="1" t="s">
        <v>7102</v>
      </c>
      <c r="H1802" s="1" t="s">
        <v>13</v>
      </c>
      <c r="I1802" s="1" t="s">
        <v>7103</v>
      </c>
      <c r="J1802" s="1" t="s">
        <v>7174</v>
      </c>
    </row>
    <row r="1803" spans="1:10" x14ac:dyDescent="0.35">
      <c r="A1803" s="1" t="s">
        <v>7097</v>
      </c>
      <c r="B1803" s="1" t="s">
        <v>7098</v>
      </c>
      <c r="C1803" s="1" t="s">
        <v>105</v>
      </c>
      <c r="D1803" s="1" t="s">
        <v>7175</v>
      </c>
      <c r="E1803" s="1" t="s">
        <v>7176</v>
      </c>
      <c r="F1803" s="1" t="s">
        <v>7177</v>
      </c>
      <c r="G1803" s="1" t="s">
        <v>7102</v>
      </c>
      <c r="H1803" s="1" t="s">
        <v>13</v>
      </c>
      <c r="I1803" s="1" t="s">
        <v>7103</v>
      </c>
      <c r="J1803" s="1" t="s">
        <v>7178</v>
      </c>
    </row>
    <row r="1804" spans="1:10" x14ac:dyDescent="0.35">
      <c r="A1804" s="1" t="s">
        <v>7097</v>
      </c>
      <c r="B1804" s="1" t="s">
        <v>7098</v>
      </c>
      <c r="C1804" s="1" t="s">
        <v>110</v>
      </c>
      <c r="D1804" s="1" t="s">
        <v>7179</v>
      </c>
      <c r="E1804" s="1" t="s">
        <v>7180</v>
      </c>
      <c r="F1804" s="1" t="s">
        <v>7181</v>
      </c>
      <c r="G1804" s="1" t="s">
        <v>7102</v>
      </c>
      <c r="H1804" s="1" t="s">
        <v>13</v>
      </c>
      <c r="I1804" s="1" t="s">
        <v>7103</v>
      </c>
      <c r="J1804" s="1" t="s">
        <v>7182</v>
      </c>
    </row>
    <row r="1805" spans="1:10" x14ac:dyDescent="0.35">
      <c r="A1805" s="1" t="s">
        <v>7097</v>
      </c>
      <c r="B1805" s="1" t="s">
        <v>7098</v>
      </c>
      <c r="C1805" s="1" t="s">
        <v>115</v>
      </c>
      <c r="D1805" s="1" t="s">
        <v>7183</v>
      </c>
      <c r="E1805" s="1" t="s">
        <v>7184</v>
      </c>
      <c r="F1805" s="1" t="s">
        <v>7185</v>
      </c>
      <c r="G1805" s="1" t="s">
        <v>7102</v>
      </c>
      <c r="H1805" s="1" t="s">
        <v>13</v>
      </c>
      <c r="I1805" s="1" t="s">
        <v>7103</v>
      </c>
      <c r="J1805" s="1" t="s">
        <v>7186</v>
      </c>
    </row>
    <row r="1806" spans="1:10" x14ac:dyDescent="0.35">
      <c r="A1806" s="1" t="s">
        <v>7097</v>
      </c>
      <c r="B1806" s="1" t="s">
        <v>7098</v>
      </c>
      <c r="C1806" s="1" t="s">
        <v>120</v>
      </c>
      <c r="D1806" s="1" t="s">
        <v>7187</v>
      </c>
      <c r="E1806" s="1" t="s">
        <v>7188</v>
      </c>
      <c r="F1806" s="1" t="s">
        <v>7189</v>
      </c>
      <c r="G1806" s="1" t="s">
        <v>7102</v>
      </c>
      <c r="H1806" s="1" t="s">
        <v>13</v>
      </c>
      <c r="I1806" s="1" t="s">
        <v>7103</v>
      </c>
      <c r="J1806" s="1" t="s">
        <v>7190</v>
      </c>
    </row>
    <row r="1807" spans="1:10" x14ac:dyDescent="0.35">
      <c r="A1807" s="1" t="s">
        <v>7097</v>
      </c>
      <c r="B1807" s="1" t="s">
        <v>7098</v>
      </c>
      <c r="C1807" s="1" t="s">
        <v>125</v>
      </c>
      <c r="D1807" s="1" t="s">
        <v>7191</v>
      </c>
      <c r="E1807" s="1" t="s">
        <v>7192</v>
      </c>
      <c r="F1807" s="1" t="s">
        <v>7193</v>
      </c>
      <c r="G1807" s="1" t="s">
        <v>7102</v>
      </c>
      <c r="H1807" s="1" t="s">
        <v>13</v>
      </c>
      <c r="I1807" s="1" t="s">
        <v>7103</v>
      </c>
      <c r="J1807" s="1" t="s">
        <v>7194</v>
      </c>
    </row>
    <row r="1808" spans="1:10" x14ac:dyDescent="0.35">
      <c r="A1808" s="1" t="s">
        <v>7097</v>
      </c>
      <c r="B1808" s="1" t="s">
        <v>7098</v>
      </c>
      <c r="C1808" s="1" t="s">
        <v>130</v>
      </c>
      <c r="D1808" s="1" t="s">
        <v>7195</v>
      </c>
      <c r="E1808" s="1" t="s">
        <v>7196</v>
      </c>
      <c r="F1808" s="1" t="s">
        <v>7197</v>
      </c>
      <c r="G1808" s="1" t="s">
        <v>7102</v>
      </c>
      <c r="H1808" s="1" t="s">
        <v>13</v>
      </c>
      <c r="I1808" s="1" t="s">
        <v>7103</v>
      </c>
      <c r="J1808" s="1" t="s">
        <v>7198</v>
      </c>
    </row>
    <row r="1809" spans="1:10" x14ac:dyDescent="0.35">
      <c r="A1809" s="1" t="s">
        <v>7097</v>
      </c>
      <c r="B1809" s="1" t="s">
        <v>7098</v>
      </c>
      <c r="C1809" s="1" t="s">
        <v>135</v>
      </c>
      <c r="D1809" s="1" t="s">
        <v>7199</v>
      </c>
      <c r="E1809" s="1" t="s">
        <v>7200</v>
      </c>
      <c r="F1809" s="1" t="s">
        <v>7201</v>
      </c>
      <c r="G1809" s="1" t="s">
        <v>7102</v>
      </c>
      <c r="H1809" s="1" t="s">
        <v>13</v>
      </c>
      <c r="I1809" s="1" t="s">
        <v>7103</v>
      </c>
      <c r="J1809" s="1" t="s">
        <v>7202</v>
      </c>
    </row>
    <row r="1810" spans="1:10" x14ac:dyDescent="0.35">
      <c r="A1810" s="1" t="s">
        <v>7097</v>
      </c>
      <c r="B1810" s="1" t="s">
        <v>7098</v>
      </c>
      <c r="C1810" s="1" t="s">
        <v>140</v>
      </c>
      <c r="D1810" s="1" t="s">
        <v>7203</v>
      </c>
      <c r="E1810" s="1" t="s">
        <v>7204</v>
      </c>
      <c r="F1810" s="1" t="s">
        <v>7205</v>
      </c>
      <c r="G1810" s="1" t="s">
        <v>7102</v>
      </c>
      <c r="H1810" s="1" t="s">
        <v>13</v>
      </c>
      <c r="I1810" s="1" t="s">
        <v>7103</v>
      </c>
      <c r="J1810" s="1" t="s">
        <v>7206</v>
      </c>
    </row>
    <row r="1811" spans="1:10" x14ac:dyDescent="0.35">
      <c r="A1811" s="1" t="s">
        <v>7097</v>
      </c>
      <c r="B1811" s="1" t="s">
        <v>7098</v>
      </c>
      <c r="C1811" s="1" t="s">
        <v>145</v>
      </c>
      <c r="D1811" s="1" t="s">
        <v>7207</v>
      </c>
      <c r="E1811" s="1" t="s">
        <v>7208</v>
      </c>
      <c r="F1811" s="1" t="s">
        <v>7209</v>
      </c>
      <c r="G1811" s="1" t="s">
        <v>7102</v>
      </c>
      <c r="H1811" s="1" t="s">
        <v>13</v>
      </c>
      <c r="I1811" s="1" t="s">
        <v>7103</v>
      </c>
      <c r="J1811" s="1" t="s">
        <v>7210</v>
      </c>
    </row>
    <row r="1812" spans="1:10" x14ac:dyDescent="0.35">
      <c r="A1812" s="1" t="s">
        <v>7097</v>
      </c>
      <c r="B1812" s="1" t="s">
        <v>7098</v>
      </c>
      <c r="C1812" s="1" t="s">
        <v>150</v>
      </c>
      <c r="D1812" s="1" t="s">
        <v>7211</v>
      </c>
      <c r="E1812" s="1" t="s">
        <v>7212</v>
      </c>
      <c r="F1812" s="1" t="s">
        <v>7213</v>
      </c>
      <c r="G1812" s="1" t="s">
        <v>7102</v>
      </c>
      <c r="H1812" s="1" t="s">
        <v>13</v>
      </c>
      <c r="I1812" s="1" t="s">
        <v>7103</v>
      </c>
      <c r="J1812" s="1" t="s">
        <v>7214</v>
      </c>
    </row>
    <row r="1813" spans="1:10" x14ac:dyDescent="0.35">
      <c r="A1813" s="1" t="s">
        <v>7097</v>
      </c>
      <c r="B1813" s="1" t="s">
        <v>7098</v>
      </c>
      <c r="C1813" s="1" t="s">
        <v>155</v>
      </c>
      <c r="D1813" s="1" t="s">
        <v>7215</v>
      </c>
      <c r="E1813" s="1" t="s">
        <v>7216</v>
      </c>
      <c r="F1813" s="1" t="s">
        <v>7217</v>
      </c>
      <c r="G1813" s="1" t="s">
        <v>7102</v>
      </c>
      <c r="H1813" s="1" t="s">
        <v>13</v>
      </c>
      <c r="I1813" s="1" t="s">
        <v>7103</v>
      </c>
      <c r="J1813" s="1" t="s">
        <v>7218</v>
      </c>
    </row>
    <row r="1814" spans="1:10" x14ac:dyDescent="0.35">
      <c r="A1814" s="1" t="s">
        <v>7097</v>
      </c>
      <c r="B1814" s="1" t="s">
        <v>7098</v>
      </c>
      <c r="C1814" s="1" t="s">
        <v>160</v>
      </c>
      <c r="D1814" s="1" t="s">
        <v>7219</v>
      </c>
      <c r="E1814" s="1" t="s">
        <v>7220</v>
      </c>
      <c r="F1814" s="1" t="s">
        <v>7221</v>
      </c>
      <c r="G1814" s="1" t="s">
        <v>7102</v>
      </c>
      <c r="H1814" s="1" t="s">
        <v>13</v>
      </c>
      <c r="I1814" s="1" t="s">
        <v>7103</v>
      </c>
      <c r="J1814" s="1" t="s">
        <v>7222</v>
      </c>
    </row>
    <row r="1815" spans="1:10" x14ac:dyDescent="0.35">
      <c r="A1815" s="1" t="s">
        <v>7097</v>
      </c>
      <c r="B1815" s="1" t="s">
        <v>7098</v>
      </c>
      <c r="C1815" s="1" t="s">
        <v>165</v>
      </c>
      <c r="D1815" s="1" t="s">
        <v>7223</v>
      </c>
      <c r="E1815" s="1" t="s">
        <v>7224</v>
      </c>
      <c r="F1815" s="1" t="s">
        <v>7225</v>
      </c>
      <c r="G1815" s="1" t="s">
        <v>7102</v>
      </c>
      <c r="H1815" s="1" t="s">
        <v>13</v>
      </c>
      <c r="I1815" s="1" t="s">
        <v>7103</v>
      </c>
      <c r="J1815" s="1" t="s">
        <v>7226</v>
      </c>
    </row>
    <row r="1816" spans="1:10" x14ac:dyDescent="0.35">
      <c r="A1816" s="1" t="s">
        <v>7097</v>
      </c>
      <c r="B1816" s="1" t="s">
        <v>7098</v>
      </c>
      <c r="C1816" s="1" t="s">
        <v>170</v>
      </c>
      <c r="D1816" s="1" t="s">
        <v>7227</v>
      </c>
      <c r="E1816" s="1" t="s">
        <v>7228</v>
      </c>
      <c r="F1816" s="1" t="s">
        <v>7229</v>
      </c>
      <c r="G1816" s="1" t="s">
        <v>7102</v>
      </c>
      <c r="H1816" s="1" t="s">
        <v>13</v>
      </c>
      <c r="I1816" s="1" t="s">
        <v>7103</v>
      </c>
      <c r="J1816" s="1" t="s">
        <v>7230</v>
      </c>
    </row>
    <row r="1817" spans="1:10" x14ac:dyDescent="0.35">
      <c r="A1817" s="1" t="s">
        <v>7231</v>
      </c>
      <c r="B1817" s="1" t="s">
        <v>7232</v>
      </c>
      <c r="C1817" s="1" t="s">
        <v>8</v>
      </c>
      <c r="D1817" s="1" t="s">
        <v>1509</v>
      </c>
      <c r="E1817" s="1" t="s">
        <v>7233</v>
      </c>
      <c r="F1817" s="1" t="s">
        <v>7234</v>
      </c>
      <c r="G1817" s="1" t="s">
        <v>7235</v>
      </c>
      <c r="H1817" s="1" t="s">
        <v>13</v>
      </c>
      <c r="I1817" s="1" t="s">
        <v>7236</v>
      </c>
      <c r="J1817" s="1" t="s">
        <v>13</v>
      </c>
    </row>
    <row r="1818" spans="1:10" x14ac:dyDescent="0.35">
      <c r="A1818" s="1" t="s">
        <v>7231</v>
      </c>
      <c r="B1818" s="1" t="s">
        <v>7232</v>
      </c>
      <c r="C1818" s="1" t="s">
        <v>15</v>
      </c>
      <c r="D1818" s="1" t="s">
        <v>7237</v>
      </c>
      <c r="E1818" s="1" t="s">
        <v>7238</v>
      </c>
      <c r="F1818" s="1" t="s">
        <v>7239</v>
      </c>
      <c r="G1818" s="1" t="s">
        <v>7235</v>
      </c>
      <c r="H1818" s="1" t="s">
        <v>13</v>
      </c>
      <c r="I1818" s="1" t="s">
        <v>7236</v>
      </c>
      <c r="J1818" s="1" t="s">
        <v>7240</v>
      </c>
    </row>
    <row r="1819" spans="1:10" x14ac:dyDescent="0.35">
      <c r="A1819" s="1" t="s">
        <v>7231</v>
      </c>
      <c r="B1819" s="1" t="s">
        <v>7232</v>
      </c>
      <c r="C1819" s="1" t="s">
        <v>20</v>
      </c>
      <c r="D1819" s="1" t="s">
        <v>1805</v>
      </c>
      <c r="E1819" s="1" t="s">
        <v>7241</v>
      </c>
      <c r="F1819" s="1" t="s">
        <v>7242</v>
      </c>
      <c r="G1819" s="1" t="s">
        <v>7235</v>
      </c>
      <c r="H1819" s="1" t="s">
        <v>13</v>
      </c>
      <c r="I1819" s="1" t="s">
        <v>7236</v>
      </c>
      <c r="J1819" s="1" t="s">
        <v>7243</v>
      </c>
    </row>
    <row r="1820" spans="1:10" x14ac:dyDescent="0.35">
      <c r="A1820" s="1" t="s">
        <v>7231</v>
      </c>
      <c r="B1820" s="1" t="s">
        <v>7232</v>
      </c>
      <c r="C1820" s="1" t="s">
        <v>25</v>
      </c>
      <c r="D1820" s="1" t="s">
        <v>7244</v>
      </c>
      <c r="E1820" s="1" t="s">
        <v>7245</v>
      </c>
      <c r="F1820" s="1" t="s">
        <v>7246</v>
      </c>
      <c r="G1820" s="1" t="s">
        <v>7235</v>
      </c>
      <c r="H1820" s="1" t="s">
        <v>13</v>
      </c>
      <c r="I1820" s="1" t="s">
        <v>7236</v>
      </c>
      <c r="J1820" s="1" t="s">
        <v>7247</v>
      </c>
    </row>
    <row r="1821" spans="1:10" x14ac:dyDescent="0.35">
      <c r="A1821" s="1" t="s">
        <v>7231</v>
      </c>
      <c r="B1821" s="1" t="s">
        <v>7232</v>
      </c>
      <c r="C1821" s="1" t="s">
        <v>30</v>
      </c>
      <c r="D1821" s="1" t="s">
        <v>7248</v>
      </c>
      <c r="E1821" s="1" t="s">
        <v>7249</v>
      </c>
      <c r="F1821" s="1" t="s">
        <v>7250</v>
      </c>
      <c r="G1821" s="1" t="s">
        <v>7235</v>
      </c>
      <c r="H1821" s="1" t="s">
        <v>13</v>
      </c>
      <c r="I1821" s="1" t="s">
        <v>7236</v>
      </c>
      <c r="J1821" s="1" t="s">
        <v>7251</v>
      </c>
    </row>
    <row r="1822" spans="1:10" x14ac:dyDescent="0.35">
      <c r="A1822" s="1" t="s">
        <v>7231</v>
      </c>
      <c r="B1822" s="1" t="s">
        <v>7232</v>
      </c>
      <c r="C1822" s="1" t="s">
        <v>35</v>
      </c>
      <c r="D1822" s="1" t="s">
        <v>7252</v>
      </c>
      <c r="E1822" s="1" t="s">
        <v>7253</v>
      </c>
      <c r="F1822" s="1" t="s">
        <v>7254</v>
      </c>
      <c r="G1822" s="1" t="s">
        <v>7235</v>
      </c>
      <c r="H1822" s="1" t="s">
        <v>13</v>
      </c>
      <c r="I1822" s="1" t="s">
        <v>7236</v>
      </c>
      <c r="J1822" s="1" t="s">
        <v>7255</v>
      </c>
    </row>
    <row r="1823" spans="1:10" x14ac:dyDescent="0.35">
      <c r="A1823" s="1" t="s">
        <v>7231</v>
      </c>
      <c r="B1823" s="1" t="s">
        <v>7232</v>
      </c>
      <c r="C1823" s="1" t="s">
        <v>40</v>
      </c>
      <c r="D1823" s="1" t="s">
        <v>7256</v>
      </c>
      <c r="E1823" s="1" t="s">
        <v>7257</v>
      </c>
      <c r="F1823" s="1" t="s">
        <v>7258</v>
      </c>
      <c r="G1823" s="1" t="s">
        <v>7235</v>
      </c>
      <c r="H1823" s="1" t="s">
        <v>13</v>
      </c>
      <c r="I1823" s="1" t="s">
        <v>7236</v>
      </c>
      <c r="J1823" s="1" t="s">
        <v>7259</v>
      </c>
    </row>
    <row r="1824" spans="1:10" x14ac:dyDescent="0.35">
      <c r="A1824" s="1" t="s">
        <v>7231</v>
      </c>
      <c r="B1824" s="1" t="s">
        <v>7232</v>
      </c>
      <c r="C1824" s="1" t="s">
        <v>45</v>
      </c>
      <c r="D1824" s="1" t="s">
        <v>7260</v>
      </c>
      <c r="E1824" s="1" t="s">
        <v>7261</v>
      </c>
      <c r="F1824" s="1" t="s">
        <v>7262</v>
      </c>
      <c r="G1824" s="1" t="s">
        <v>7235</v>
      </c>
      <c r="H1824" s="1" t="s">
        <v>13</v>
      </c>
      <c r="I1824" s="1" t="s">
        <v>7236</v>
      </c>
      <c r="J1824" s="1" t="s">
        <v>7263</v>
      </c>
    </row>
    <row r="1825" spans="1:10" x14ac:dyDescent="0.35">
      <c r="A1825" s="1" t="s">
        <v>7231</v>
      </c>
      <c r="B1825" s="1" t="s">
        <v>7232</v>
      </c>
      <c r="C1825" s="1" t="s">
        <v>50</v>
      </c>
      <c r="D1825" s="1" t="s">
        <v>1908</v>
      </c>
      <c r="E1825" s="1" t="s">
        <v>7264</v>
      </c>
      <c r="F1825" s="1" t="s">
        <v>7265</v>
      </c>
      <c r="G1825" s="1" t="s">
        <v>7235</v>
      </c>
      <c r="H1825" s="1" t="s">
        <v>13</v>
      </c>
      <c r="I1825" s="1" t="s">
        <v>7236</v>
      </c>
      <c r="J1825" s="1" t="s">
        <v>7266</v>
      </c>
    </row>
    <row r="1826" spans="1:10" x14ac:dyDescent="0.35">
      <c r="A1826" s="1" t="s">
        <v>7231</v>
      </c>
      <c r="B1826" s="1" t="s">
        <v>7232</v>
      </c>
      <c r="C1826" s="1" t="s">
        <v>55</v>
      </c>
      <c r="D1826" s="1" t="s">
        <v>7267</v>
      </c>
      <c r="E1826" s="1" t="s">
        <v>7268</v>
      </c>
      <c r="F1826" s="1" t="s">
        <v>7269</v>
      </c>
      <c r="G1826" s="1" t="s">
        <v>7235</v>
      </c>
      <c r="H1826" s="1" t="s">
        <v>13</v>
      </c>
      <c r="I1826" s="1" t="s">
        <v>7236</v>
      </c>
      <c r="J1826" s="1" t="s">
        <v>7270</v>
      </c>
    </row>
    <row r="1827" spans="1:10" x14ac:dyDescent="0.35">
      <c r="A1827" s="1" t="s">
        <v>7231</v>
      </c>
      <c r="B1827" s="1" t="s">
        <v>7232</v>
      </c>
      <c r="C1827" s="1" t="s">
        <v>60</v>
      </c>
      <c r="D1827" s="1" t="s">
        <v>7271</v>
      </c>
      <c r="E1827" s="1" t="s">
        <v>7272</v>
      </c>
      <c r="F1827" s="1" t="s">
        <v>7273</v>
      </c>
      <c r="G1827" s="1" t="s">
        <v>7235</v>
      </c>
      <c r="H1827" s="1" t="s">
        <v>13</v>
      </c>
      <c r="I1827" s="1" t="s">
        <v>7236</v>
      </c>
      <c r="J1827" s="1" t="s">
        <v>7274</v>
      </c>
    </row>
    <row r="1828" spans="1:10" x14ac:dyDescent="0.35">
      <c r="A1828" s="1" t="s">
        <v>7231</v>
      </c>
      <c r="B1828" s="1" t="s">
        <v>7232</v>
      </c>
      <c r="C1828" s="1" t="s">
        <v>65</v>
      </c>
      <c r="D1828" s="1" t="s">
        <v>7275</v>
      </c>
      <c r="E1828" s="1" t="s">
        <v>7276</v>
      </c>
      <c r="F1828" s="1" t="s">
        <v>7277</v>
      </c>
      <c r="G1828" s="1" t="s">
        <v>7235</v>
      </c>
      <c r="H1828" s="1" t="s">
        <v>13</v>
      </c>
      <c r="I1828" s="1" t="s">
        <v>7236</v>
      </c>
      <c r="J1828" s="1" t="s">
        <v>7278</v>
      </c>
    </row>
    <row r="1829" spans="1:10" x14ac:dyDescent="0.35">
      <c r="A1829" s="1" t="s">
        <v>7231</v>
      </c>
      <c r="B1829" s="1" t="s">
        <v>7232</v>
      </c>
      <c r="C1829" s="1" t="s">
        <v>70</v>
      </c>
      <c r="D1829" s="1" t="s">
        <v>7279</v>
      </c>
      <c r="E1829" s="1" t="s">
        <v>7280</v>
      </c>
      <c r="F1829" s="1" t="s">
        <v>7281</v>
      </c>
      <c r="G1829" s="1" t="s">
        <v>7235</v>
      </c>
      <c r="H1829" s="1" t="s">
        <v>13</v>
      </c>
      <c r="I1829" s="1" t="s">
        <v>7236</v>
      </c>
      <c r="J1829" s="1" t="s">
        <v>7282</v>
      </c>
    </row>
    <row r="1830" spans="1:10" x14ac:dyDescent="0.35">
      <c r="A1830" s="1" t="s">
        <v>7231</v>
      </c>
      <c r="B1830" s="1" t="s">
        <v>7232</v>
      </c>
      <c r="C1830" s="1" t="s">
        <v>75</v>
      </c>
      <c r="D1830" s="1" t="s">
        <v>7275</v>
      </c>
      <c r="E1830" s="1" t="s">
        <v>7283</v>
      </c>
      <c r="F1830" s="1" t="s">
        <v>7284</v>
      </c>
      <c r="G1830" s="1" t="s">
        <v>7235</v>
      </c>
      <c r="H1830" s="1" t="s">
        <v>13</v>
      </c>
      <c r="I1830" s="1" t="s">
        <v>7236</v>
      </c>
      <c r="J1830" s="1" t="s">
        <v>7285</v>
      </c>
    </row>
    <row r="1831" spans="1:10" x14ac:dyDescent="0.35">
      <c r="A1831" s="1" t="s">
        <v>7231</v>
      </c>
      <c r="B1831" s="1" t="s">
        <v>7232</v>
      </c>
      <c r="C1831" s="1" t="s">
        <v>80</v>
      </c>
      <c r="D1831" s="1" t="s">
        <v>7286</v>
      </c>
      <c r="E1831" s="1" t="s">
        <v>7287</v>
      </c>
      <c r="F1831" s="1" t="s">
        <v>7288</v>
      </c>
      <c r="G1831" s="1" t="s">
        <v>7235</v>
      </c>
      <c r="H1831" s="1" t="s">
        <v>13</v>
      </c>
      <c r="I1831" s="1" t="s">
        <v>7236</v>
      </c>
      <c r="J1831" s="1" t="s">
        <v>7289</v>
      </c>
    </row>
    <row r="1832" spans="1:10" x14ac:dyDescent="0.35">
      <c r="A1832" s="1" t="s">
        <v>7231</v>
      </c>
      <c r="B1832" s="1" t="s">
        <v>7232</v>
      </c>
      <c r="C1832" s="1" t="s">
        <v>85</v>
      </c>
      <c r="D1832" s="1" t="s">
        <v>2245</v>
      </c>
      <c r="E1832" s="1" t="s">
        <v>7290</v>
      </c>
      <c r="F1832" s="1" t="s">
        <v>7291</v>
      </c>
      <c r="G1832" s="1" t="s">
        <v>7235</v>
      </c>
      <c r="H1832" s="1" t="s">
        <v>13</v>
      </c>
      <c r="I1832" s="1" t="s">
        <v>7236</v>
      </c>
      <c r="J1832" s="1" t="s">
        <v>7292</v>
      </c>
    </row>
    <row r="1833" spans="1:10" x14ac:dyDescent="0.35">
      <c r="A1833" s="1" t="s">
        <v>7231</v>
      </c>
      <c r="B1833" s="1" t="s">
        <v>7232</v>
      </c>
      <c r="C1833" s="1" t="s">
        <v>90</v>
      </c>
      <c r="D1833" s="1" t="s">
        <v>7293</v>
      </c>
      <c r="E1833" s="1" t="s">
        <v>7294</v>
      </c>
      <c r="F1833" s="1" t="s">
        <v>7295</v>
      </c>
      <c r="G1833" s="1" t="s">
        <v>7235</v>
      </c>
      <c r="H1833" s="1" t="s">
        <v>13</v>
      </c>
      <c r="I1833" s="1" t="s">
        <v>7236</v>
      </c>
      <c r="J1833" s="1" t="s">
        <v>7296</v>
      </c>
    </row>
    <row r="1834" spans="1:10" x14ac:dyDescent="0.35">
      <c r="A1834" s="1" t="s">
        <v>7231</v>
      </c>
      <c r="B1834" s="1" t="s">
        <v>7232</v>
      </c>
      <c r="C1834" s="1" t="s">
        <v>95</v>
      </c>
      <c r="D1834" s="1" t="s">
        <v>7297</v>
      </c>
      <c r="E1834" s="1" t="s">
        <v>7298</v>
      </c>
      <c r="F1834" s="1" t="s">
        <v>7299</v>
      </c>
      <c r="G1834" s="1" t="s">
        <v>7235</v>
      </c>
      <c r="H1834" s="1" t="s">
        <v>13</v>
      </c>
      <c r="I1834" s="1" t="s">
        <v>7236</v>
      </c>
      <c r="J1834" s="1" t="s">
        <v>7300</v>
      </c>
    </row>
    <row r="1835" spans="1:10" x14ac:dyDescent="0.35">
      <c r="A1835" s="1" t="s">
        <v>7231</v>
      </c>
      <c r="B1835" s="1" t="s">
        <v>7232</v>
      </c>
      <c r="C1835" s="1" t="s">
        <v>100</v>
      </c>
      <c r="D1835" s="1" t="s">
        <v>7301</v>
      </c>
      <c r="E1835" s="1" t="s">
        <v>7302</v>
      </c>
      <c r="F1835" s="1" t="s">
        <v>7303</v>
      </c>
      <c r="G1835" s="1" t="s">
        <v>7235</v>
      </c>
      <c r="H1835" s="1" t="s">
        <v>13</v>
      </c>
      <c r="I1835" s="1" t="s">
        <v>7236</v>
      </c>
      <c r="J1835" s="1" t="s">
        <v>7304</v>
      </c>
    </row>
    <row r="1836" spans="1:10" x14ac:dyDescent="0.35">
      <c r="A1836" s="1" t="s">
        <v>7231</v>
      </c>
      <c r="B1836" s="1" t="s">
        <v>7232</v>
      </c>
      <c r="C1836" s="1" t="s">
        <v>105</v>
      </c>
      <c r="D1836" s="1" t="s">
        <v>1934</v>
      </c>
      <c r="E1836" s="1" t="s">
        <v>7305</v>
      </c>
      <c r="F1836" s="1" t="s">
        <v>7306</v>
      </c>
      <c r="G1836" s="1" t="s">
        <v>7235</v>
      </c>
      <c r="H1836" s="1" t="s">
        <v>13</v>
      </c>
      <c r="I1836" s="1" t="s">
        <v>7236</v>
      </c>
      <c r="J1836" s="1" t="s">
        <v>7307</v>
      </c>
    </row>
    <row r="1837" spans="1:10" x14ac:dyDescent="0.35">
      <c r="A1837" s="1" t="s">
        <v>7231</v>
      </c>
      <c r="B1837" s="1" t="s">
        <v>7232</v>
      </c>
      <c r="C1837" s="1" t="s">
        <v>110</v>
      </c>
      <c r="D1837" s="1" t="s">
        <v>7308</v>
      </c>
      <c r="E1837" s="1" t="s">
        <v>7309</v>
      </c>
      <c r="F1837" s="1" t="s">
        <v>7310</v>
      </c>
      <c r="G1837" s="1" t="s">
        <v>7235</v>
      </c>
      <c r="H1837" s="1" t="s">
        <v>13</v>
      </c>
      <c r="I1837" s="1" t="s">
        <v>7236</v>
      </c>
      <c r="J1837" s="1" t="s">
        <v>7311</v>
      </c>
    </row>
    <row r="1838" spans="1:10" x14ac:dyDescent="0.35">
      <c r="A1838" s="1" t="s">
        <v>7231</v>
      </c>
      <c r="B1838" s="1" t="s">
        <v>7232</v>
      </c>
      <c r="C1838" s="1" t="s">
        <v>115</v>
      </c>
      <c r="D1838" s="1" t="s">
        <v>7312</v>
      </c>
      <c r="E1838" s="1" t="s">
        <v>7313</v>
      </c>
      <c r="F1838" s="1" t="s">
        <v>7314</v>
      </c>
      <c r="G1838" s="1" t="s">
        <v>7235</v>
      </c>
      <c r="H1838" s="1" t="s">
        <v>13</v>
      </c>
      <c r="I1838" s="1" t="s">
        <v>7236</v>
      </c>
      <c r="J1838" s="1" t="s">
        <v>7315</v>
      </c>
    </row>
    <row r="1839" spans="1:10" x14ac:dyDescent="0.35">
      <c r="A1839" s="1" t="s">
        <v>7231</v>
      </c>
      <c r="B1839" s="1" t="s">
        <v>7232</v>
      </c>
      <c r="C1839" s="1" t="s">
        <v>120</v>
      </c>
      <c r="D1839" s="1" t="s">
        <v>1896</v>
      </c>
      <c r="E1839" s="1" t="s">
        <v>7316</v>
      </c>
      <c r="F1839" s="1" t="s">
        <v>7317</v>
      </c>
      <c r="G1839" s="1" t="s">
        <v>7235</v>
      </c>
      <c r="H1839" s="1" t="s">
        <v>13</v>
      </c>
      <c r="I1839" s="1" t="s">
        <v>7236</v>
      </c>
      <c r="J1839" s="1" t="s">
        <v>7318</v>
      </c>
    </row>
    <row r="1840" spans="1:10" x14ac:dyDescent="0.35">
      <c r="A1840" s="1" t="s">
        <v>7231</v>
      </c>
      <c r="B1840" s="1" t="s">
        <v>7232</v>
      </c>
      <c r="C1840" s="1" t="s">
        <v>125</v>
      </c>
      <c r="D1840" s="1" t="s">
        <v>7319</v>
      </c>
      <c r="E1840" s="1" t="s">
        <v>7320</v>
      </c>
      <c r="F1840" s="1" t="s">
        <v>7321</v>
      </c>
      <c r="G1840" s="1" t="s">
        <v>7235</v>
      </c>
      <c r="H1840" s="1" t="s">
        <v>13</v>
      </c>
      <c r="I1840" s="1" t="s">
        <v>7236</v>
      </c>
      <c r="J1840" s="1" t="s">
        <v>7322</v>
      </c>
    </row>
    <row r="1841" spans="1:10" x14ac:dyDescent="0.35">
      <c r="A1841" s="1" t="s">
        <v>7231</v>
      </c>
      <c r="B1841" s="1" t="s">
        <v>7232</v>
      </c>
      <c r="C1841" s="1" t="s">
        <v>130</v>
      </c>
      <c r="D1841" s="1" t="s">
        <v>7323</v>
      </c>
      <c r="E1841" s="1" t="s">
        <v>7324</v>
      </c>
      <c r="F1841" s="1" t="s">
        <v>7325</v>
      </c>
      <c r="G1841" s="1" t="s">
        <v>7235</v>
      </c>
      <c r="H1841" s="1" t="s">
        <v>13</v>
      </c>
      <c r="I1841" s="1" t="s">
        <v>7236</v>
      </c>
      <c r="J1841" s="1" t="s">
        <v>7326</v>
      </c>
    </row>
    <row r="1842" spans="1:10" x14ac:dyDescent="0.35">
      <c r="A1842" s="1" t="s">
        <v>7231</v>
      </c>
      <c r="B1842" s="1" t="s">
        <v>7232</v>
      </c>
      <c r="C1842" s="1" t="s">
        <v>135</v>
      </c>
      <c r="D1842" s="1" t="s">
        <v>7327</v>
      </c>
      <c r="E1842" s="1" t="s">
        <v>7328</v>
      </c>
      <c r="F1842" s="1" t="s">
        <v>7329</v>
      </c>
      <c r="G1842" s="1" t="s">
        <v>7235</v>
      </c>
      <c r="H1842" s="1" t="s">
        <v>13</v>
      </c>
      <c r="I1842" s="1" t="s">
        <v>7236</v>
      </c>
      <c r="J1842" s="1" t="s">
        <v>7330</v>
      </c>
    </row>
    <row r="1843" spans="1:10" x14ac:dyDescent="0.35">
      <c r="A1843" s="1" t="s">
        <v>7231</v>
      </c>
      <c r="B1843" s="1" t="s">
        <v>7232</v>
      </c>
      <c r="C1843" s="1" t="s">
        <v>140</v>
      </c>
      <c r="D1843" s="1" t="s">
        <v>7331</v>
      </c>
      <c r="E1843" s="1" t="s">
        <v>7332</v>
      </c>
      <c r="F1843" s="1" t="s">
        <v>7333</v>
      </c>
      <c r="G1843" s="1" t="s">
        <v>7235</v>
      </c>
      <c r="H1843" s="1" t="s">
        <v>13</v>
      </c>
      <c r="I1843" s="1" t="s">
        <v>7236</v>
      </c>
      <c r="J1843" s="1" t="s">
        <v>7334</v>
      </c>
    </row>
    <row r="1844" spans="1:10" x14ac:dyDescent="0.35">
      <c r="A1844" s="1" t="s">
        <v>7231</v>
      </c>
      <c r="B1844" s="1" t="s">
        <v>7232</v>
      </c>
      <c r="C1844" s="1" t="s">
        <v>145</v>
      </c>
      <c r="D1844" s="1" t="s">
        <v>7335</v>
      </c>
      <c r="E1844" s="1" t="s">
        <v>7336</v>
      </c>
      <c r="F1844" s="1" t="s">
        <v>7337</v>
      </c>
      <c r="G1844" s="1" t="s">
        <v>7235</v>
      </c>
      <c r="H1844" s="1" t="s">
        <v>13</v>
      </c>
      <c r="I1844" s="1" t="s">
        <v>7236</v>
      </c>
      <c r="J1844" s="1" t="s">
        <v>7338</v>
      </c>
    </row>
    <row r="1845" spans="1:10" x14ac:dyDescent="0.35">
      <c r="A1845" s="1" t="s">
        <v>7231</v>
      </c>
      <c r="B1845" s="1" t="s">
        <v>7232</v>
      </c>
      <c r="C1845" s="1" t="s">
        <v>150</v>
      </c>
      <c r="D1845" s="1" t="s">
        <v>1516</v>
      </c>
      <c r="E1845" s="1" t="s">
        <v>7339</v>
      </c>
      <c r="F1845" s="1" t="s">
        <v>7340</v>
      </c>
      <c r="G1845" s="1" t="s">
        <v>7235</v>
      </c>
      <c r="H1845" s="1" t="s">
        <v>13</v>
      </c>
      <c r="I1845" s="1" t="s">
        <v>7236</v>
      </c>
      <c r="J1845" s="1" t="s">
        <v>7341</v>
      </c>
    </row>
    <row r="1846" spans="1:10" x14ac:dyDescent="0.35">
      <c r="A1846" s="1" t="s">
        <v>7231</v>
      </c>
      <c r="B1846" s="1" t="s">
        <v>7232</v>
      </c>
      <c r="C1846" s="1" t="s">
        <v>155</v>
      </c>
      <c r="D1846" s="1" t="s">
        <v>7342</v>
      </c>
      <c r="E1846" s="1" t="s">
        <v>7343</v>
      </c>
      <c r="F1846" s="1" t="s">
        <v>7344</v>
      </c>
      <c r="G1846" s="1" t="s">
        <v>7235</v>
      </c>
      <c r="H1846" s="1" t="s">
        <v>13</v>
      </c>
      <c r="I1846" s="1" t="s">
        <v>7236</v>
      </c>
      <c r="J1846" s="1" t="s">
        <v>7345</v>
      </c>
    </row>
    <row r="1847" spans="1:10" x14ac:dyDescent="0.35">
      <c r="A1847" s="1" t="s">
        <v>7231</v>
      </c>
      <c r="B1847" s="1" t="s">
        <v>7232</v>
      </c>
      <c r="C1847" s="1" t="s">
        <v>160</v>
      </c>
      <c r="D1847" s="1" t="s">
        <v>7346</v>
      </c>
      <c r="E1847" s="1" t="s">
        <v>7347</v>
      </c>
      <c r="F1847" s="1" t="s">
        <v>7348</v>
      </c>
      <c r="G1847" s="1" t="s">
        <v>7235</v>
      </c>
      <c r="H1847" s="1" t="s">
        <v>13</v>
      </c>
      <c r="I1847" s="1" t="s">
        <v>7236</v>
      </c>
      <c r="J1847" s="1" t="s">
        <v>7349</v>
      </c>
    </row>
    <row r="1848" spans="1:10" x14ac:dyDescent="0.35">
      <c r="A1848" s="1" t="s">
        <v>7231</v>
      </c>
      <c r="B1848" s="1" t="s">
        <v>7232</v>
      </c>
      <c r="C1848" s="1" t="s">
        <v>165</v>
      </c>
      <c r="D1848" s="1" t="s">
        <v>7350</v>
      </c>
      <c r="E1848" s="1" t="s">
        <v>7351</v>
      </c>
      <c r="F1848" s="1" t="s">
        <v>7352</v>
      </c>
      <c r="G1848" s="1" t="s">
        <v>7235</v>
      </c>
      <c r="H1848" s="1" t="s">
        <v>13</v>
      </c>
      <c r="I1848" s="1" t="s">
        <v>7236</v>
      </c>
      <c r="J1848" s="1" t="s">
        <v>7353</v>
      </c>
    </row>
    <row r="1849" spans="1:10" x14ac:dyDescent="0.35">
      <c r="A1849" s="1" t="s">
        <v>7231</v>
      </c>
      <c r="B1849" s="1" t="s">
        <v>7232</v>
      </c>
      <c r="C1849" s="1" t="s">
        <v>170</v>
      </c>
      <c r="D1849" s="1" t="s">
        <v>7354</v>
      </c>
      <c r="E1849" s="1" t="s">
        <v>7355</v>
      </c>
      <c r="F1849" s="1" t="s">
        <v>7356</v>
      </c>
      <c r="G1849" s="1" t="s">
        <v>7235</v>
      </c>
      <c r="H1849" s="1" t="s">
        <v>13</v>
      </c>
      <c r="I1849" s="1" t="s">
        <v>7236</v>
      </c>
      <c r="J1849" s="1" t="s">
        <v>7357</v>
      </c>
    </row>
    <row r="1850" spans="1:10" x14ac:dyDescent="0.35">
      <c r="A1850" s="1" t="s">
        <v>7358</v>
      </c>
      <c r="B1850" s="1" t="s">
        <v>7359</v>
      </c>
      <c r="C1850" s="1" t="s">
        <v>8</v>
      </c>
      <c r="D1850" s="1" t="s">
        <v>7360</v>
      </c>
      <c r="E1850" s="1" t="s">
        <v>7361</v>
      </c>
      <c r="F1850" s="1" t="s">
        <v>7362</v>
      </c>
      <c r="G1850" s="1" t="s">
        <v>7363</v>
      </c>
      <c r="H1850" s="1" t="s">
        <v>13</v>
      </c>
      <c r="I1850" s="1" t="s">
        <v>7364</v>
      </c>
      <c r="J1850" s="1" t="s">
        <v>13</v>
      </c>
    </row>
    <row r="1851" spans="1:10" x14ac:dyDescent="0.35">
      <c r="A1851" s="1" t="s">
        <v>7358</v>
      </c>
      <c r="B1851" s="1" t="s">
        <v>7359</v>
      </c>
      <c r="C1851" s="1" t="s">
        <v>15</v>
      </c>
      <c r="D1851" s="1" t="s">
        <v>7365</v>
      </c>
      <c r="E1851" s="1" t="s">
        <v>7366</v>
      </c>
      <c r="F1851" s="1" t="s">
        <v>7367</v>
      </c>
      <c r="G1851" s="1" t="s">
        <v>7363</v>
      </c>
      <c r="H1851" s="1" t="s">
        <v>13</v>
      </c>
      <c r="I1851" s="1" t="s">
        <v>7364</v>
      </c>
      <c r="J1851" s="1" t="s">
        <v>7368</v>
      </c>
    </row>
    <row r="1852" spans="1:10" x14ac:dyDescent="0.35">
      <c r="A1852" s="1" t="s">
        <v>7358</v>
      </c>
      <c r="B1852" s="1" t="s">
        <v>7359</v>
      </c>
      <c r="C1852" s="1" t="s">
        <v>20</v>
      </c>
      <c r="D1852" s="1" t="s">
        <v>7369</v>
      </c>
      <c r="E1852" s="1" t="s">
        <v>7370</v>
      </c>
      <c r="F1852" s="1" t="s">
        <v>7371</v>
      </c>
      <c r="G1852" s="1" t="s">
        <v>7363</v>
      </c>
      <c r="H1852" s="1" t="s">
        <v>13</v>
      </c>
      <c r="I1852" s="1" t="s">
        <v>7364</v>
      </c>
      <c r="J1852" s="1" t="s">
        <v>7372</v>
      </c>
    </row>
    <row r="1853" spans="1:10" x14ac:dyDescent="0.35">
      <c r="A1853" s="1" t="s">
        <v>7358</v>
      </c>
      <c r="B1853" s="1" t="s">
        <v>7359</v>
      </c>
      <c r="C1853" s="1" t="s">
        <v>25</v>
      </c>
      <c r="D1853" s="1" t="s">
        <v>7373</v>
      </c>
      <c r="E1853" s="1" t="s">
        <v>7374</v>
      </c>
      <c r="F1853" s="1" t="s">
        <v>7375</v>
      </c>
      <c r="G1853" s="1" t="s">
        <v>7363</v>
      </c>
      <c r="H1853" s="1" t="s">
        <v>13</v>
      </c>
      <c r="I1853" s="1" t="s">
        <v>7364</v>
      </c>
      <c r="J1853" s="1" t="s">
        <v>7376</v>
      </c>
    </row>
    <row r="1854" spans="1:10" x14ac:dyDescent="0.35">
      <c r="A1854" s="1" t="s">
        <v>7358</v>
      </c>
      <c r="B1854" s="1" t="s">
        <v>7359</v>
      </c>
      <c r="C1854" s="1" t="s">
        <v>30</v>
      </c>
      <c r="D1854" s="1" t="s">
        <v>7377</v>
      </c>
      <c r="E1854" s="1" t="s">
        <v>7378</v>
      </c>
      <c r="F1854" s="1" t="s">
        <v>7379</v>
      </c>
      <c r="G1854" s="1" t="s">
        <v>7363</v>
      </c>
      <c r="H1854" s="1" t="s">
        <v>13</v>
      </c>
      <c r="I1854" s="1" t="s">
        <v>7364</v>
      </c>
      <c r="J1854" s="1" t="s">
        <v>7380</v>
      </c>
    </row>
    <row r="1855" spans="1:10" x14ac:dyDescent="0.35">
      <c r="A1855" s="1" t="s">
        <v>7358</v>
      </c>
      <c r="B1855" s="1" t="s">
        <v>7359</v>
      </c>
      <c r="C1855" s="1" t="s">
        <v>35</v>
      </c>
      <c r="D1855" s="1" t="s">
        <v>7381</v>
      </c>
      <c r="E1855" s="1" t="s">
        <v>7382</v>
      </c>
      <c r="F1855" s="1" t="s">
        <v>7383</v>
      </c>
      <c r="G1855" s="1" t="s">
        <v>7363</v>
      </c>
      <c r="H1855" s="1" t="s">
        <v>13</v>
      </c>
      <c r="I1855" s="1" t="s">
        <v>7364</v>
      </c>
      <c r="J1855" s="1" t="s">
        <v>7384</v>
      </c>
    </row>
    <row r="1856" spans="1:10" x14ac:dyDescent="0.35">
      <c r="A1856" s="1" t="s">
        <v>7358</v>
      </c>
      <c r="B1856" s="1" t="s">
        <v>7359</v>
      </c>
      <c r="C1856" s="1" t="s">
        <v>40</v>
      </c>
      <c r="D1856" s="1" t="s">
        <v>7385</v>
      </c>
      <c r="E1856" s="1" t="s">
        <v>7386</v>
      </c>
      <c r="F1856" s="1" t="s">
        <v>7387</v>
      </c>
      <c r="G1856" s="1" t="s">
        <v>7363</v>
      </c>
      <c r="H1856" s="1" t="s">
        <v>13</v>
      </c>
      <c r="I1856" s="1" t="s">
        <v>7364</v>
      </c>
      <c r="J1856" s="1" t="s">
        <v>7388</v>
      </c>
    </row>
    <row r="1857" spans="1:10" x14ac:dyDescent="0.35">
      <c r="A1857" s="1" t="s">
        <v>7358</v>
      </c>
      <c r="B1857" s="1" t="s">
        <v>7359</v>
      </c>
      <c r="C1857" s="1" t="s">
        <v>45</v>
      </c>
      <c r="D1857" s="1" t="s">
        <v>7389</v>
      </c>
      <c r="E1857" s="1" t="s">
        <v>7390</v>
      </c>
      <c r="F1857" s="1" t="s">
        <v>7391</v>
      </c>
      <c r="G1857" s="1" t="s">
        <v>7363</v>
      </c>
      <c r="H1857" s="1" t="s">
        <v>13</v>
      </c>
      <c r="I1857" s="1" t="s">
        <v>7364</v>
      </c>
      <c r="J1857" s="1" t="s">
        <v>7392</v>
      </c>
    </row>
    <row r="1858" spans="1:10" x14ac:dyDescent="0.35">
      <c r="A1858" s="1" t="s">
        <v>7358</v>
      </c>
      <c r="B1858" s="1" t="s">
        <v>7359</v>
      </c>
      <c r="C1858" s="1" t="s">
        <v>50</v>
      </c>
      <c r="D1858" s="1" t="s">
        <v>7393</v>
      </c>
      <c r="E1858" s="1" t="s">
        <v>7394</v>
      </c>
      <c r="F1858" s="1" t="s">
        <v>7395</v>
      </c>
      <c r="G1858" s="1" t="s">
        <v>7363</v>
      </c>
      <c r="H1858" s="1" t="s">
        <v>13</v>
      </c>
      <c r="I1858" s="1" t="s">
        <v>7364</v>
      </c>
      <c r="J1858" s="1" t="s">
        <v>7396</v>
      </c>
    </row>
    <row r="1859" spans="1:10" x14ac:dyDescent="0.35">
      <c r="A1859" s="1" t="s">
        <v>7358</v>
      </c>
      <c r="B1859" s="1" t="s">
        <v>7359</v>
      </c>
      <c r="C1859" s="1" t="s">
        <v>55</v>
      </c>
      <c r="D1859" s="1" t="s">
        <v>7389</v>
      </c>
      <c r="E1859" s="1" t="s">
        <v>7397</v>
      </c>
      <c r="F1859" s="1" t="s">
        <v>7398</v>
      </c>
      <c r="G1859" s="1" t="s">
        <v>7363</v>
      </c>
      <c r="H1859" s="1" t="s">
        <v>13</v>
      </c>
      <c r="I1859" s="1" t="s">
        <v>7364</v>
      </c>
      <c r="J1859" s="1" t="s">
        <v>7399</v>
      </c>
    </row>
    <row r="1860" spans="1:10" x14ac:dyDescent="0.35">
      <c r="A1860" s="1" t="s">
        <v>7358</v>
      </c>
      <c r="B1860" s="1" t="s">
        <v>7359</v>
      </c>
      <c r="C1860" s="1" t="s">
        <v>60</v>
      </c>
      <c r="D1860" s="1" t="s">
        <v>7400</v>
      </c>
      <c r="E1860" s="1" t="s">
        <v>7401</v>
      </c>
      <c r="F1860" s="1" t="s">
        <v>7402</v>
      </c>
      <c r="G1860" s="1" t="s">
        <v>7363</v>
      </c>
      <c r="H1860" s="1" t="s">
        <v>13</v>
      </c>
      <c r="I1860" s="1" t="s">
        <v>7364</v>
      </c>
      <c r="J1860" s="1" t="s">
        <v>7403</v>
      </c>
    </row>
    <row r="1861" spans="1:10" x14ac:dyDescent="0.35">
      <c r="A1861" s="1" t="s">
        <v>7358</v>
      </c>
      <c r="B1861" s="1" t="s">
        <v>7359</v>
      </c>
      <c r="C1861" s="1" t="s">
        <v>65</v>
      </c>
      <c r="D1861" s="1" t="s">
        <v>7404</v>
      </c>
      <c r="E1861" s="1" t="s">
        <v>7405</v>
      </c>
      <c r="F1861" s="1" t="s">
        <v>7406</v>
      </c>
      <c r="G1861" s="1" t="s">
        <v>7363</v>
      </c>
      <c r="H1861" s="1" t="s">
        <v>13</v>
      </c>
      <c r="I1861" s="1" t="s">
        <v>7364</v>
      </c>
      <c r="J1861" s="1" t="s">
        <v>7407</v>
      </c>
    </row>
    <row r="1862" spans="1:10" x14ac:dyDescent="0.35">
      <c r="A1862" s="1" t="s">
        <v>7358</v>
      </c>
      <c r="B1862" s="1" t="s">
        <v>7359</v>
      </c>
      <c r="C1862" s="1" t="s">
        <v>70</v>
      </c>
      <c r="D1862" s="1" t="s">
        <v>7408</v>
      </c>
      <c r="E1862" s="1" t="s">
        <v>7409</v>
      </c>
      <c r="F1862" s="1" t="s">
        <v>7410</v>
      </c>
      <c r="G1862" s="1" t="s">
        <v>7363</v>
      </c>
      <c r="H1862" s="1" t="s">
        <v>13</v>
      </c>
      <c r="I1862" s="1" t="s">
        <v>7364</v>
      </c>
      <c r="J1862" s="1" t="s">
        <v>7411</v>
      </c>
    </row>
    <row r="1863" spans="1:10" x14ac:dyDescent="0.35">
      <c r="A1863" s="1" t="s">
        <v>7358</v>
      </c>
      <c r="B1863" s="1" t="s">
        <v>7359</v>
      </c>
      <c r="C1863" s="1" t="s">
        <v>75</v>
      </c>
      <c r="D1863" s="1" t="s">
        <v>7412</v>
      </c>
      <c r="E1863" s="1" t="s">
        <v>7413</v>
      </c>
      <c r="F1863" s="1" t="s">
        <v>7414</v>
      </c>
      <c r="G1863" s="1" t="s">
        <v>7363</v>
      </c>
      <c r="H1863" s="1" t="s">
        <v>13</v>
      </c>
      <c r="I1863" s="1" t="s">
        <v>7364</v>
      </c>
      <c r="J1863" s="1" t="s">
        <v>7415</v>
      </c>
    </row>
    <row r="1864" spans="1:10" x14ac:dyDescent="0.35">
      <c r="A1864" s="1" t="s">
        <v>7358</v>
      </c>
      <c r="B1864" s="1" t="s">
        <v>7359</v>
      </c>
      <c r="C1864" s="1" t="s">
        <v>80</v>
      </c>
      <c r="D1864" s="1" t="s">
        <v>7416</v>
      </c>
      <c r="E1864" s="1" t="s">
        <v>7417</v>
      </c>
      <c r="F1864" s="1" t="s">
        <v>7418</v>
      </c>
      <c r="G1864" s="1" t="s">
        <v>7363</v>
      </c>
      <c r="H1864" s="1" t="s">
        <v>13</v>
      </c>
      <c r="I1864" s="1" t="s">
        <v>7364</v>
      </c>
      <c r="J1864" s="1" t="s">
        <v>7419</v>
      </c>
    </row>
    <row r="1865" spans="1:10" x14ac:dyDescent="0.35">
      <c r="A1865" s="1" t="s">
        <v>7358</v>
      </c>
      <c r="B1865" s="1" t="s">
        <v>7359</v>
      </c>
      <c r="C1865" s="1" t="s">
        <v>85</v>
      </c>
      <c r="D1865" s="1" t="s">
        <v>7420</v>
      </c>
      <c r="E1865" s="1" t="s">
        <v>7421</v>
      </c>
      <c r="F1865" s="1" t="s">
        <v>7422</v>
      </c>
      <c r="G1865" s="1" t="s">
        <v>7363</v>
      </c>
      <c r="H1865" s="1" t="s">
        <v>13</v>
      </c>
      <c r="I1865" s="1" t="s">
        <v>7364</v>
      </c>
      <c r="J1865" s="1" t="s">
        <v>7423</v>
      </c>
    </row>
    <row r="1866" spans="1:10" x14ac:dyDescent="0.35">
      <c r="A1866" s="1" t="s">
        <v>7358</v>
      </c>
      <c r="B1866" s="1" t="s">
        <v>7359</v>
      </c>
      <c r="C1866" s="1" t="s">
        <v>90</v>
      </c>
      <c r="D1866" s="1" t="s">
        <v>7424</v>
      </c>
      <c r="E1866" s="1" t="s">
        <v>7425</v>
      </c>
      <c r="F1866" s="1" t="s">
        <v>7426</v>
      </c>
      <c r="G1866" s="1" t="s">
        <v>7363</v>
      </c>
      <c r="H1866" s="1" t="s">
        <v>13</v>
      </c>
      <c r="I1866" s="1" t="s">
        <v>7364</v>
      </c>
      <c r="J1866" s="1" t="s">
        <v>7427</v>
      </c>
    </row>
    <row r="1867" spans="1:10" x14ac:dyDescent="0.35">
      <c r="A1867" s="1" t="s">
        <v>7358</v>
      </c>
      <c r="B1867" s="1" t="s">
        <v>7359</v>
      </c>
      <c r="C1867" s="1" t="s">
        <v>95</v>
      </c>
      <c r="D1867" s="1" t="s">
        <v>7428</v>
      </c>
      <c r="E1867" s="1" t="s">
        <v>7429</v>
      </c>
      <c r="F1867" s="1" t="s">
        <v>7430</v>
      </c>
      <c r="G1867" s="1" t="s">
        <v>7363</v>
      </c>
      <c r="H1867" s="1" t="s">
        <v>13</v>
      </c>
      <c r="I1867" s="1" t="s">
        <v>7364</v>
      </c>
      <c r="J1867" s="1" t="s">
        <v>7431</v>
      </c>
    </row>
    <row r="1868" spans="1:10" x14ac:dyDescent="0.35">
      <c r="A1868" s="1" t="s">
        <v>7358</v>
      </c>
      <c r="B1868" s="1" t="s">
        <v>7359</v>
      </c>
      <c r="C1868" s="1" t="s">
        <v>100</v>
      </c>
      <c r="D1868" s="1" t="s">
        <v>7432</v>
      </c>
      <c r="E1868" s="1" t="s">
        <v>7433</v>
      </c>
      <c r="F1868" s="1" t="s">
        <v>7434</v>
      </c>
      <c r="G1868" s="1" t="s">
        <v>7363</v>
      </c>
      <c r="H1868" s="1" t="s">
        <v>13</v>
      </c>
      <c r="I1868" s="1" t="s">
        <v>7364</v>
      </c>
      <c r="J1868" s="1" t="s">
        <v>7435</v>
      </c>
    </row>
    <row r="1869" spans="1:10" x14ac:dyDescent="0.35">
      <c r="A1869" s="1" t="s">
        <v>7358</v>
      </c>
      <c r="B1869" s="1" t="s">
        <v>7359</v>
      </c>
      <c r="C1869" s="1" t="s">
        <v>105</v>
      </c>
      <c r="D1869" s="1" t="s">
        <v>7436</v>
      </c>
      <c r="E1869" s="1" t="s">
        <v>7437</v>
      </c>
      <c r="F1869" s="1" t="s">
        <v>7438</v>
      </c>
      <c r="G1869" s="1" t="s">
        <v>7363</v>
      </c>
      <c r="H1869" s="1" t="s">
        <v>13</v>
      </c>
      <c r="I1869" s="1" t="s">
        <v>7364</v>
      </c>
      <c r="J1869" s="1" t="s">
        <v>7439</v>
      </c>
    </row>
    <row r="1870" spans="1:10" x14ac:dyDescent="0.35">
      <c r="A1870" s="1" t="s">
        <v>7358</v>
      </c>
      <c r="B1870" s="1" t="s">
        <v>7359</v>
      </c>
      <c r="C1870" s="1" t="s">
        <v>110</v>
      </c>
      <c r="D1870" s="1" t="s">
        <v>7440</v>
      </c>
      <c r="E1870" s="1" t="s">
        <v>7441</v>
      </c>
      <c r="F1870" s="1" t="s">
        <v>7442</v>
      </c>
      <c r="G1870" s="1" t="s">
        <v>7363</v>
      </c>
      <c r="H1870" s="1" t="s">
        <v>13</v>
      </c>
      <c r="I1870" s="1" t="s">
        <v>7364</v>
      </c>
      <c r="J1870" s="1" t="s">
        <v>7443</v>
      </c>
    </row>
    <row r="1871" spans="1:10" x14ac:dyDescent="0.35">
      <c r="A1871" s="1" t="s">
        <v>7358</v>
      </c>
      <c r="B1871" s="1" t="s">
        <v>7359</v>
      </c>
      <c r="C1871" s="1" t="s">
        <v>115</v>
      </c>
      <c r="D1871" s="1" t="s">
        <v>7444</v>
      </c>
      <c r="E1871" s="1" t="s">
        <v>7445</v>
      </c>
      <c r="F1871" s="1" t="s">
        <v>7446</v>
      </c>
      <c r="G1871" s="1" t="s">
        <v>7363</v>
      </c>
      <c r="H1871" s="1" t="s">
        <v>13</v>
      </c>
      <c r="I1871" s="1" t="s">
        <v>7364</v>
      </c>
      <c r="J1871" s="1" t="s">
        <v>7447</v>
      </c>
    </row>
    <row r="1872" spans="1:10" x14ac:dyDescent="0.35">
      <c r="A1872" s="1" t="s">
        <v>7358</v>
      </c>
      <c r="B1872" s="1" t="s">
        <v>7359</v>
      </c>
      <c r="C1872" s="1" t="s">
        <v>120</v>
      </c>
      <c r="D1872" s="1" t="s">
        <v>7448</v>
      </c>
      <c r="E1872" s="1" t="s">
        <v>7449</v>
      </c>
      <c r="F1872" s="1" t="s">
        <v>7450</v>
      </c>
      <c r="G1872" s="1" t="s">
        <v>7363</v>
      </c>
      <c r="H1872" s="1" t="s">
        <v>13</v>
      </c>
      <c r="I1872" s="1" t="s">
        <v>7364</v>
      </c>
      <c r="J1872" s="1" t="s">
        <v>7451</v>
      </c>
    </row>
    <row r="1873" spans="1:10" x14ac:dyDescent="0.35">
      <c r="A1873" s="1" t="s">
        <v>7358</v>
      </c>
      <c r="B1873" s="1" t="s">
        <v>7359</v>
      </c>
      <c r="C1873" s="1" t="s">
        <v>125</v>
      </c>
      <c r="D1873" s="1" t="s">
        <v>7452</v>
      </c>
      <c r="E1873" s="1" t="s">
        <v>7453</v>
      </c>
      <c r="F1873" s="1" t="s">
        <v>7454</v>
      </c>
      <c r="G1873" s="1" t="s">
        <v>7363</v>
      </c>
      <c r="H1873" s="1" t="s">
        <v>13</v>
      </c>
      <c r="I1873" s="1" t="s">
        <v>7364</v>
      </c>
      <c r="J1873" s="1" t="s">
        <v>7455</v>
      </c>
    </row>
    <row r="1874" spans="1:10" x14ac:dyDescent="0.35">
      <c r="A1874" s="1" t="s">
        <v>7358</v>
      </c>
      <c r="B1874" s="1" t="s">
        <v>7359</v>
      </c>
      <c r="C1874" s="1" t="s">
        <v>130</v>
      </c>
      <c r="D1874" s="1" t="s">
        <v>7456</v>
      </c>
      <c r="E1874" s="1" t="s">
        <v>7457</v>
      </c>
      <c r="F1874" s="1" t="s">
        <v>7458</v>
      </c>
      <c r="G1874" s="1" t="s">
        <v>7363</v>
      </c>
      <c r="H1874" s="1" t="s">
        <v>13</v>
      </c>
      <c r="I1874" s="1" t="s">
        <v>7364</v>
      </c>
      <c r="J1874" s="1" t="s">
        <v>7459</v>
      </c>
    </row>
    <row r="1875" spans="1:10" x14ac:dyDescent="0.35">
      <c r="A1875" s="1" t="s">
        <v>7358</v>
      </c>
      <c r="B1875" s="1" t="s">
        <v>7359</v>
      </c>
      <c r="C1875" s="1" t="s">
        <v>135</v>
      </c>
      <c r="D1875" s="1" t="s">
        <v>7460</v>
      </c>
      <c r="E1875" s="1" t="s">
        <v>7461</v>
      </c>
      <c r="F1875" s="1" t="s">
        <v>7462</v>
      </c>
      <c r="G1875" s="1" t="s">
        <v>7363</v>
      </c>
      <c r="H1875" s="1" t="s">
        <v>13</v>
      </c>
      <c r="I1875" s="1" t="s">
        <v>7364</v>
      </c>
      <c r="J1875" s="1" t="s">
        <v>7463</v>
      </c>
    </row>
    <row r="1876" spans="1:10" x14ac:dyDescent="0.35">
      <c r="A1876" s="1" t="s">
        <v>7358</v>
      </c>
      <c r="B1876" s="1" t="s">
        <v>7359</v>
      </c>
      <c r="C1876" s="1" t="s">
        <v>140</v>
      </c>
      <c r="D1876" s="1" t="s">
        <v>7464</v>
      </c>
      <c r="E1876" s="1" t="s">
        <v>7465</v>
      </c>
      <c r="F1876" s="1" t="s">
        <v>7466</v>
      </c>
      <c r="G1876" s="1" t="s">
        <v>7363</v>
      </c>
      <c r="H1876" s="1" t="s">
        <v>13</v>
      </c>
      <c r="I1876" s="1" t="s">
        <v>7364</v>
      </c>
      <c r="J1876" s="1" t="s">
        <v>7467</v>
      </c>
    </row>
    <row r="1877" spans="1:10" x14ac:dyDescent="0.35">
      <c r="A1877" s="1" t="s">
        <v>7358</v>
      </c>
      <c r="B1877" s="1" t="s">
        <v>7359</v>
      </c>
      <c r="C1877" s="1" t="s">
        <v>145</v>
      </c>
      <c r="D1877" s="1" t="s">
        <v>7468</v>
      </c>
      <c r="E1877" s="1" t="s">
        <v>7469</v>
      </c>
      <c r="F1877" s="1" t="s">
        <v>7470</v>
      </c>
      <c r="G1877" s="1" t="s">
        <v>7363</v>
      </c>
      <c r="H1877" s="1" t="s">
        <v>13</v>
      </c>
      <c r="I1877" s="1" t="s">
        <v>7364</v>
      </c>
      <c r="J1877" s="1" t="s">
        <v>7471</v>
      </c>
    </row>
    <row r="1878" spans="1:10" x14ac:dyDescent="0.35">
      <c r="A1878" s="1" t="s">
        <v>7358</v>
      </c>
      <c r="B1878" s="1" t="s">
        <v>7359</v>
      </c>
      <c r="C1878" s="1" t="s">
        <v>150</v>
      </c>
      <c r="D1878" s="1" t="s">
        <v>7472</v>
      </c>
      <c r="E1878" s="1" t="s">
        <v>7473</v>
      </c>
      <c r="F1878" s="1" t="s">
        <v>7474</v>
      </c>
      <c r="G1878" s="1" t="s">
        <v>7363</v>
      </c>
      <c r="H1878" s="1" t="s">
        <v>13</v>
      </c>
      <c r="I1878" s="1" t="s">
        <v>7364</v>
      </c>
      <c r="J1878" s="1" t="s">
        <v>7475</v>
      </c>
    </row>
    <row r="1879" spans="1:10" x14ac:dyDescent="0.35">
      <c r="A1879" s="1" t="s">
        <v>7358</v>
      </c>
      <c r="B1879" s="1" t="s">
        <v>7359</v>
      </c>
      <c r="C1879" s="1" t="s">
        <v>155</v>
      </c>
      <c r="D1879" s="1" t="s">
        <v>7476</v>
      </c>
      <c r="E1879" s="1" t="s">
        <v>7477</v>
      </c>
      <c r="F1879" s="1" t="s">
        <v>7478</v>
      </c>
      <c r="G1879" s="1" t="s">
        <v>7363</v>
      </c>
      <c r="H1879" s="1" t="s">
        <v>13</v>
      </c>
      <c r="I1879" s="1" t="s">
        <v>7364</v>
      </c>
      <c r="J1879" s="1" t="s">
        <v>7479</v>
      </c>
    </row>
    <row r="1880" spans="1:10" x14ac:dyDescent="0.35">
      <c r="A1880" s="1" t="s">
        <v>7358</v>
      </c>
      <c r="B1880" s="1" t="s">
        <v>7359</v>
      </c>
      <c r="C1880" s="1" t="s">
        <v>160</v>
      </c>
      <c r="D1880" s="1" t="s">
        <v>7480</v>
      </c>
      <c r="E1880" s="1" t="s">
        <v>7481</v>
      </c>
      <c r="F1880" s="1" t="s">
        <v>7482</v>
      </c>
      <c r="G1880" s="1" t="s">
        <v>7363</v>
      </c>
      <c r="H1880" s="1" t="s">
        <v>13</v>
      </c>
      <c r="I1880" s="1" t="s">
        <v>7364</v>
      </c>
      <c r="J1880" s="1" t="s">
        <v>7483</v>
      </c>
    </row>
    <row r="1881" spans="1:10" x14ac:dyDescent="0.35">
      <c r="A1881" s="1" t="s">
        <v>7358</v>
      </c>
      <c r="B1881" s="1" t="s">
        <v>7359</v>
      </c>
      <c r="C1881" s="1" t="s">
        <v>165</v>
      </c>
      <c r="D1881" s="1" t="s">
        <v>7484</v>
      </c>
      <c r="E1881" s="1" t="s">
        <v>7485</v>
      </c>
      <c r="F1881" s="1" t="s">
        <v>7486</v>
      </c>
      <c r="G1881" s="1" t="s">
        <v>7363</v>
      </c>
      <c r="H1881" s="1" t="s">
        <v>13</v>
      </c>
      <c r="I1881" s="1" t="s">
        <v>7364</v>
      </c>
      <c r="J1881" s="1" t="s">
        <v>7487</v>
      </c>
    </row>
    <row r="1882" spans="1:10" x14ac:dyDescent="0.35">
      <c r="A1882" s="1" t="s">
        <v>7358</v>
      </c>
      <c r="B1882" s="1" t="s">
        <v>7359</v>
      </c>
      <c r="C1882" s="1" t="s">
        <v>170</v>
      </c>
      <c r="D1882" s="1" t="s">
        <v>7488</v>
      </c>
      <c r="E1882" s="1" t="s">
        <v>7489</v>
      </c>
      <c r="F1882" s="1" t="s">
        <v>7490</v>
      </c>
      <c r="G1882" s="1" t="s">
        <v>7363</v>
      </c>
      <c r="H1882" s="1" t="s">
        <v>13</v>
      </c>
      <c r="I1882" s="1" t="s">
        <v>7364</v>
      </c>
      <c r="J1882" s="1" t="s">
        <v>7491</v>
      </c>
    </row>
    <row r="1883" spans="1:10" x14ac:dyDescent="0.35">
      <c r="A1883" s="1" t="s">
        <v>7492</v>
      </c>
      <c r="B1883" s="1" t="s">
        <v>7493</v>
      </c>
      <c r="C1883" s="1" t="s">
        <v>8</v>
      </c>
      <c r="D1883" s="1" t="s">
        <v>7494</v>
      </c>
      <c r="E1883" s="1" t="s">
        <v>7495</v>
      </c>
      <c r="F1883" s="1" t="s">
        <v>7496</v>
      </c>
      <c r="G1883" s="1" t="s">
        <v>7497</v>
      </c>
      <c r="H1883" s="1" t="s">
        <v>13</v>
      </c>
      <c r="I1883" s="1" t="s">
        <v>7498</v>
      </c>
      <c r="J1883" s="1" t="s">
        <v>13</v>
      </c>
    </row>
    <row r="1884" spans="1:10" x14ac:dyDescent="0.35">
      <c r="A1884" s="1" t="s">
        <v>7492</v>
      </c>
      <c r="B1884" s="1" t="s">
        <v>7493</v>
      </c>
      <c r="C1884" s="1" t="s">
        <v>15</v>
      </c>
      <c r="D1884" s="1" t="s">
        <v>7499</v>
      </c>
      <c r="E1884" s="1" t="s">
        <v>7500</v>
      </c>
      <c r="F1884" s="1" t="s">
        <v>7501</v>
      </c>
      <c r="G1884" s="1" t="s">
        <v>7497</v>
      </c>
      <c r="H1884" s="1" t="s">
        <v>13</v>
      </c>
      <c r="I1884" s="1" t="s">
        <v>7498</v>
      </c>
      <c r="J1884" s="1" t="s">
        <v>7502</v>
      </c>
    </row>
    <row r="1885" spans="1:10" x14ac:dyDescent="0.35">
      <c r="A1885" s="1" t="s">
        <v>7492</v>
      </c>
      <c r="B1885" s="1" t="s">
        <v>7493</v>
      </c>
      <c r="C1885" s="1" t="s">
        <v>20</v>
      </c>
      <c r="D1885" s="1" t="s">
        <v>7503</v>
      </c>
      <c r="E1885" s="1" t="s">
        <v>7504</v>
      </c>
      <c r="F1885" s="1" t="s">
        <v>7505</v>
      </c>
      <c r="G1885" s="1" t="s">
        <v>7497</v>
      </c>
      <c r="H1885" s="1" t="s">
        <v>13</v>
      </c>
      <c r="I1885" s="1" t="s">
        <v>7498</v>
      </c>
      <c r="J1885" s="1" t="s">
        <v>7506</v>
      </c>
    </row>
    <row r="1886" spans="1:10" x14ac:dyDescent="0.35">
      <c r="A1886" s="1" t="s">
        <v>7492</v>
      </c>
      <c r="B1886" s="1" t="s">
        <v>7493</v>
      </c>
      <c r="C1886" s="1" t="s">
        <v>25</v>
      </c>
      <c r="D1886" s="1" t="s">
        <v>7507</v>
      </c>
      <c r="E1886" s="1" t="s">
        <v>7508</v>
      </c>
      <c r="F1886" s="1" t="s">
        <v>7509</v>
      </c>
      <c r="G1886" s="1" t="s">
        <v>7497</v>
      </c>
      <c r="H1886" s="1" t="s">
        <v>13</v>
      </c>
      <c r="I1886" s="1" t="s">
        <v>7498</v>
      </c>
      <c r="J1886" s="1" t="s">
        <v>7510</v>
      </c>
    </row>
    <row r="1887" spans="1:10" x14ac:dyDescent="0.35">
      <c r="A1887" s="1" t="s">
        <v>7492</v>
      </c>
      <c r="B1887" s="1" t="s">
        <v>7493</v>
      </c>
      <c r="C1887" s="1" t="s">
        <v>30</v>
      </c>
      <c r="D1887" s="1" t="s">
        <v>7511</v>
      </c>
      <c r="E1887" s="1" t="s">
        <v>7512</v>
      </c>
      <c r="F1887" s="1" t="s">
        <v>7513</v>
      </c>
      <c r="G1887" s="1" t="s">
        <v>7497</v>
      </c>
      <c r="H1887" s="1" t="s">
        <v>13</v>
      </c>
      <c r="I1887" s="1" t="s">
        <v>7498</v>
      </c>
      <c r="J1887" s="1" t="s">
        <v>7514</v>
      </c>
    </row>
    <row r="1888" spans="1:10" x14ac:dyDescent="0.35">
      <c r="A1888" s="1" t="s">
        <v>7492</v>
      </c>
      <c r="B1888" s="1" t="s">
        <v>7493</v>
      </c>
      <c r="C1888" s="1" t="s">
        <v>35</v>
      </c>
      <c r="D1888" s="1" t="s">
        <v>7515</v>
      </c>
      <c r="E1888" s="1" t="s">
        <v>7516</v>
      </c>
      <c r="F1888" s="1" t="s">
        <v>7517</v>
      </c>
      <c r="G1888" s="1" t="s">
        <v>7497</v>
      </c>
      <c r="H1888" s="1" t="s">
        <v>13</v>
      </c>
      <c r="I1888" s="1" t="s">
        <v>7498</v>
      </c>
      <c r="J1888" s="1" t="s">
        <v>7518</v>
      </c>
    </row>
    <row r="1889" spans="1:10" x14ac:dyDescent="0.35">
      <c r="A1889" s="1" t="s">
        <v>7492</v>
      </c>
      <c r="B1889" s="1" t="s">
        <v>7493</v>
      </c>
      <c r="C1889" s="1" t="s">
        <v>40</v>
      </c>
      <c r="D1889" s="1" t="s">
        <v>7519</v>
      </c>
      <c r="E1889" s="1" t="s">
        <v>7520</v>
      </c>
      <c r="F1889" s="1" t="s">
        <v>7521</v>
      </c>
      <c r="G1889" s="1" t="s">
        <v>7497</v>
      </c>
      <c r="H1889" s="1" t="s">
        <v>13</v>
      </c>
      <c r="I1889" s="1" t="s">
        <v>7498</v>
      </c>
      <c r="J1889" s="1" t="s">
        <v>7522</v>
      </c>
    </row>
    <row r="1890" spans="1:10" x14ac:dyDescent="0.35">
      <c r="A1890" s="1" t="s">
        <v>7492</v>
      </c>
      <c r="B1890" s="1" t="s">
        <v>7493</v>
      </c>
      <c r="C1890" s="1" t="s">
        <v>45</v>
      </c>
      <c r="D1890" s="1" t="s">
        <v>6956</v>
      </c>
      <c r="E1890" s="1" t="s">
        <v>7523</v>
      </c>
      <c r="F1890" s="1" t="s">
        <v>7524</v>
      </c>
      <c r="G1890" s="1" t="s">
        <v>7497</v>
      </c>
      <c r="H1890" s="1" t="s">
        <v>13</v>
      </c>
      <c r="I1890" s="1" t="s">
        <v>7498</v>
      </c>
      <c r="J1890" s="1" t="s">
        <v>7525</v>
      </c>
    </row>
    <row r="1891" spans="1:10" x14ac:dyDescent="0.35">
      <c r="A1891" s="1" t="s">
        <v>7492</v>
      </c>
      <c r="B1891" s="1" t="s">
        <v>7493</v>
      </c>
      <c r="C1891" s="1" t="s">
        <v>50</v>
      </c>
      <c r="D1891" s="1" t="s">
        <v>7526</v>
      </c>
      <c r="E1891" s="1" t="s">
        <v>7527</v>
      </c>
      <c r="F1891" s="1" t="s">
        <v>7528</v>
      </c>
      <c r="G1891" s="1" t="s">
        <v>7497</v>
      </c>
      <c r="H1891" s="1" t="s">
        <v>13</v>
      </c>
      <c r="I1891" s="1" t="s">
        <v>7498</v>
      </c>
      <c r="J1891" s="1" t="s">
        <v>7529</v>
      </c>
    </row>
    <row r="1892" spans="1:10" x14ac:dyDescent="0.35">
      <c r="A1892" s="1" t="s">
        <v>7492</v>
      </c>
      <c r="B1892" s="1" t="s">
        <v>7493</v>
      </c>
      <c r="C1892" s="1" t="s">
        <v>55</v>
      </c>
      <c r="D1892" s="1" t="s">
        <v>340</v>
      </c>
      <c r="E1892" s="1" t="s">
        <v>7530</v>
      </c>
      <c r="F1892" s="1" t="s">
        <v>7531</v>
      </c>
      <c r="G1892" s="1" t="s">
        <v>7497</v>
      </c>
      <c r="H1892" s="1" t="s">
        <v>13</v>
      </c>
      <c r="I1892" s="1" t="s">
        <v>7498</v>
      </c>
      <c r="J1892" s="1" t="s">
        <v>7532</v>
      </c>
    </row>
    <row r="1893" spans="1:10" x14ac:dyDescent="0.35">
      <c r="A1893" s="1" t="s">
        <v>7492</v>
      </c>
      <c r="B1893" s="1" t="s">
        <v>7493</v>
      </c>
      <c r="C1893" s="1" t="s">
        <v>60</v>
      </c>
      <c r="D1893" s="1" t="s">
        <v>7533</v>
      </c>
      <c r="E1893" s="1" t="s">
        <v>7534</v>
      </c>
      <c r="F1893" s="1" t="s">
        <v>7535</v>
      </c>
      <c r="G1893" s="1" t="s">
        <v>7497</v>
      </c>
      <c r="H1893" s="1" t="s">
        <v>13</v>
      </c>
      <c r="I1893" s="1" t="s">
        <v>7498</v>
      </c>
      <c r="J1893" s="1" t="s">
        <v>7536</v>
      </c>
    </row>
    <row r="1894" spans="1:10" x14ac:dyDescent="0.35">
      <c r="A1894" s="1" t="s">
        <v>7492</v>
      </c>
      <c r="B1894" s="1" t="s">
        <v>7493</v>
      </c>
      <c r="C1894" s="1" t="s">
        <v>65</v>
      </c>
      <c r="D1894" s="1" t="s">
        <v>2093</v>
      </c>
      <c r="E1894" s="1" t="s">
        <v>7537</v>
      </c>
      <c r="F1894" s="1" t="s">
        <v>7538</v>
      </c>
      <c r="G1894" s="1" t="s">
        <v>7497</v>
      </c>
      <c r="H1894" s="1" t="s">
        <v>13</v>
      </c>
      <c r="I1894" s="1" t="s">
        <v>7498</v>
      </c>
      <c r="J1894" s="1" t="s">
        <v>7539</v>
      </c>
    </row>
    <row r="1895" spans="1:10" x14ac:dyDescent="0.35">
      <c r="A1895" s="1" t="s">
        <v>7492</v>
      </c>
      <c r="B1895" s="1" t="s">
        <v>7493</v>
      </c>
      <c r="C1895" s="1" t="s">
        <v>70</v>
      </c>
      <c r="D1895" s="1" t="s">
        <v>7540</v>
      </c>
      <c r="E1895" s="1" t="s">
        <v>7541</v>
      </c>
      <c r="F1895" s="1" t="s">
        <v>7542</v>
      </c>
      <c r="G1895" s="1" t="s">
        <v>7497</v>
      </c>
      <c r="H1895" s="1" t="s">
        <v>13</v>
      </c>
      <c r="I1895" s="1" t="s">
        <v>7498</v>
      </c>
      <c r="J1895" s="1" t="s">
        <v>7543</v>
      </c>
    </row>
    <row r="1896" spans="1:10" x14ac:dyDescent="0.35">
      <c r="A1896" s="1" t="s">
        <v>7492</v>
      </c>
      <c r="B1896" s="1" t="s">
        <v>7493</v>
      </c>
      <c r="C1896" s="1" t="s">
        <v>75</v>
      </c>
      <c r="D1896" s="1" t="s">
        <v>7544</v>
      </c>
      <c r="E1896" s="1" t="s">
        <v>7545</v>
      </c>
      <c r="F1896" s="1" t="s">
        <v>7546</v>
      </c>
      <c r="G1896" s="1" t="s">
        <v>7497</v>
      </c>
      <c r="H1896" s="1" t="s">
        <v>13</v>
      </c>
      <c r="I1896" s="1" t="s">
        <v>7498</v>
      </c>
      <c r="J1896" s="1" t="s">
        <v>7547</v>
      </c>
    </row>
    <row r="1897" spans="1:10" x14ac:dyDescent="0.35">
      <c r="A1897" s="1" t="s">
        <v>7492</v>
      </c>
      <c r="B1897" s="1" t="s">
        <v>7493</v>
      </c>
      <c r="C1897" s="1" t="s">
        <v>80</v>
      </c>
      <c r="D1897" s="1" t="s">
        <v>7548</v>
      </c>
      <c r="E1897" s="1" t="s">
        <v>7549</v>
      </c>
      <c r="F1897" s="1" t="s">
        <v>7550</v>
      </c>
      <c r="G1897" s="1" t="s">
        <v>7497</v>
      </c>
      <c r="H1897" s="1" t="s">
        <v>13</v>
      </c>
      <c r="I1897" s="1" t="s">
        <v>7498</v>
      </c>
      <c r="J1897" s="1" t="s">
        <v>7551</v>
      </c>
    </row>
    <row r="1898" spans="1:10" x14ac:dyDescent="0.35">
      <c r="A1898" s="1" t="s">
        <v>7492</v>
      </c>
      <c r="B1898" s="1" t="s">
        <v>7493</v>
      </c>
      <c r="C1898" s="1" t="s">
        <v>85</v>
      </c>
      <c r="D1898" s="1" t="s">
        <v>7552</v>
      </c>
      <c r="E1898" s="1" t="s">
        <v>7553</v>
      </c>
      <c r="F1898" s="1" t="s">
        <v>7554</v>
      </c>
      <c r="G1898" s="1" t="s">
        <v>7497</v>
      </c>
      <c r="H1898" s="1" t="s">
        <v>13</v>
      </c>
      <c r="I1898" s="1" t="s">
        <v>7498</v>
      </c>
      <c r="J1898" s="1" t="s">
        <v>7555</v>
      </c>
    </row>
    <row r="1899" spans="1:10" x14ac:dyDescent="0.35">
      <c r="A1899" s="1" t="s">
        <v>7492</v>
      </c>
      <c r="B1899" s="1" t="s">
        <v>7493</v>
      </c>
      <c r="C1899" s="1" t="s">
        <v>90</v>
      </c>
      <c r="D1899" s="1" t="s">
        <v>7556</v>
      </c>
      <c r="E1899" s="1" t="s">
        <v>7557</v>
      </c>
      <c r="F1899" s="1" t="s">
        <v>7558</v>
      </c>
      <c r="G1899" s="1" t="s">
        <v>7497</v>
      </c>
      <c r="H1899" s="1" t="s">
        <v>13</v>
      </c>
      <c r="I1899" s="1" t="s">
        <v>7498</v>
      </c>
      <c r="J1899" s="1" t="s">
        <v>7559</v>
      </c>
    </row>
    <row r="1900" spans="1:10" x14ac:dyDescent="0.35">
      <c r="A1900" s="1" t="s">
        <v>7492</v>
      </c>
      <c r="B1900" s="1" t="s">
        <v>7493</v>
      </c>
      <c r="C1900" s="1" t="s">
        <v>95</v>
      </c>
      <c r="D1900" s="1" t="s">
        <v>7560</v>
      </c>
      <c r="E1900" s="1" t="s">
        <v>7561</v>
      </c>
      <c r="F1900" s="1" t="s">
        <v>7562</v>
      </c>
      <c r="G1900" s="1" t="s">
        <v>7497</v>
      </c>
      <c r="H1900" s="1" t="s">
        <v>13</v>
      </c>
      <c r="I1900" s="1" t="s">
        <v>7498</v>
      </c>
      <c r="J1900" s="1" t="s">
        <v>7563</v>
      </c>
    </row>
    <row r="1901" spans="1:10" x14ac:dyDescent="0.35">
      <c r="A1901" s="1" t="s">
        <v>7492</v>
      </c>
      <c r="B1901" s="1" t="s">
        <v>7493</v>
      </c>
      <c r="C1901" s="1" t="s">
        <v>100</v>
      </c>
      <c r="D1901" s="1" t="s">
        <v>2861</v>
      </c>
      <c r="E1901" s="1" t="s">
        <v>7564</v>
      </c>
      <c r="F1901" s="1" t="s">
        <v>7565</v>
      </c>
      <c r="G1901" s="1" t="s">
        <v>7497</v>
      </c>
      <c r="H1901" s="1" t="s">
        <v>13</v>
      </c>
      <c r="I1901" s="1" t="s">
        <v>7498</v>
      </c>
      <c r="J1901" s="1" t="s">
        <v>7566</v>
      </c>
    </row>
    <row r="1902" spans="1:10" x14ac:dyDescent="0.35">
      <c r="A1902" s="1" t="s">
        <v>7492</v>
      </c>
      <c r="B1902" s="1" t="s">
        <v>7493</v>
      </c>
      <c r="C1902" s="1" t="s">
        <v>105</v>
      </c>
      <c r="D1902" s="1" t="s">
        <v>7567</v>
      </c>
      <c r="E1902" s="1" t="s">
        <v>7568</v>
      </c>
      <c r="F1902" s="1" t="s">
        <v>7569</v>
      </c>
      <c r="G1902" s="1" t="s">
        <v>7497</v>
      </c>
      <c r="H1902" s="1" t="s">
        <v>13</v>
      </c>
      <c r="I1902" s="1" t="s">
        <v>7498</v>
      </c>
      <c r="J1902" s="1" t="s">
        <v>7570</v>
      </c>
    </row>
    <row r="1903" spans="1:10" x14ac:dyDescent="0.35">
      <c r="A1903" s="1" t="s">
        <v>7492</v>
      </c>
      <c r="B1903" s="1" t="s">
        <v>7493</v>
      </c>
      <c r="C1903" s="1" t="s">
        <v>110</v>
      </c>
      <c r="D1903" s="1" t="s">
        <v>7571</v>
      </c>
      <c r="E1903" s="1" t="s">
        <v>7572</v>
      </c>
      <c r="F1903" s="1" t="s">
        <v>7573</v>
      </c>
      <c r="G1903" s="1" t="s">
        <v>7497</v>
      </c>
      <c r="H1903" s="1" t="s">
        <v>13</v>
      </c>
      <c r="I1903" s="1" t="s">
        <v>7498</v>
      </c>
      <c r="J1903" s="1" t="s">
        <v>7574</v>
      </c>
    </row>
    <row r="1904" spans="1:10" x14ac:dyDescent="0.35">
      <c r="A1904" s="1" t="s">
        <v>7492</v>
      </c>
      <c r="B1904" s="1" t="s">
        <v>7493</v>
      </c>
      <c r="C1904" s="1" t="s">
        <v>115</v>
      </c>
      <c r="D1904" s="1" t="s">
        <v>7575</v>
      </c>
      <c r="E1904" s="1" t="s">
        <v>7576</v>
      </c>
      <c r="F1904" s="1" t="s">
        <v>7577</v>
      </c>
      <c r="G1904" s="1" t="s">
        <v>7497</v>
      </c>
      <c r="H1904" s="1" t="s">
        <v>13</v>
      </c>
      <c r="I1904" s="1" t="s">
        <v>7498</v>
      </c>
      <c r="J1904" s="1" t="s">
        <v>7578</v>
      </c>
    </row>
    <row r="1905" spans="1:10" x14ac:dyDescent="0.35">
      <c r="A1905" s="1" t="s">
        <v>7492</v>
      </c>
      <c r="B1905" s="1" t="s">
        <v>7493</v>
      </c>
      <c r="C1905" s="1" t="s">
        <v>120</v>
      </c>
      <c r="D1905" s="1" t="s">
        <v>7579</v>
      </c>
      <c r="E1905" s="1" t="s">
        <v>7580</v>
      </c>
      <c r="F1905" s="1" t="s">
        <v>7581</v>
      </c>
      <c r="G1905" s="1" t="s">
        <v>7497</v>
      </c>
      <c r="H1905" s="1" t="s">
        <v>13</v>
      </c>
      <c r="I1905" s="1" t="s">
        <v>7498</v>
      </c>
      <c r="J1905" s="1" t="s">
        <v>7582</v>
      </c>
    </row>
    <row r="1906" spans="1:10" x14ac:dyDescent="0.35">
      <c r="A1906" s="1" t="s">
        <v>7492</v>
      </c>
      <c r="B1906" s="1" t="s">
        <v>7493</v>
      </c>
      <c r="C1906" s="1" t="s">
        <v>125</v>
      </c>
      <c r="D1906" s="1" t="s">
        <v>7583</v>
      </c>
      <c r="E1906" s="1" t="s">
        <v>7584</v>
      </c>
      <c r="F1906" s="1" t="s">
        <v>7585</v>
      </c>
      <c r="G1906" s="1" t="s">
        <v>7497</v>
      </c>
      <c r="H1906" s="1" t="s">
        <v>13</v>
      </c>
      <c r="I1906" s="1" t="s">
        <v>7498</v>
      </c>
      <c r="J1906" s="1" t="s">
        <v>7586</v>
      </c>
    </row>
    <row r="1907" spans="1:10" x14ac:dyDescent="0.35">
      <c r="A1907" s="1" t="s">
        <v>7492</v>
      </c>
      <c r="B1907" s="1" t="s">
        <v>7493</v>
      </c>
      <c r="C1907" s="1" t="s">
        <v>130</v>
      </c>
      <c r="D1907" s="1" t="s">
        <v>2410</v>
      </c>
      <c r="E1907" s="1" t="s">
        <v>7587</v>
      </c>
      <c r="F1907" s="1" t="s">
        <v>7588</v>
      </c>
      <c r="G1907" s="1" t="s">
        <v>7497</v>
      </c>
      <c r="H1907" s="1" t="s">
        <v>13</v>
      </c>
      <c r="I1907" s="1" t="s">
        <v>7498</v>
      </c>
      <c r="J1907" s="1" t="s">
        <v>7589</v>
      </c>
    </row>
    <row r="1908" spans="1:10" x14ac:dyDescent="0.35">
      <c r="A1908" s="1" t="s">
        <v>7492</v>
      </c>
      <c r="B1908" s="1" t="s">
        <v>7493</v>
      </c>
      <c r="C1908" s="1" t="s">
        <v>135</v>
      </c>
      <c r="D1908" s="1" t="s">
        <v>7590</v>
      </c>
      <c r="E1908" s="1" t="s">
        <v>7591</v>
      </c>
      <c r="F1908" s="1" t="s">
        <v>7592</v>
      </c>
      <c r="G1908" s="1" t="s">
        <v>7497</v>
      </c>
      <c r="H1908" s="1" t="s">
        <v>13</v>
      </c>
      <c r="I1908" s="1" t="s">
        <v>7498</v>
      </c>
      <c r="J1908" s="1" t="s">
        <v>7593</v>
      </c>
    </row>
    <row r="1909" spans="1:10" x14ac:dyDescent="0.35">
      <c r="A1909" s="1" t="s">
        <v>7492</v>
      </c>
      <c r="B1909" s="1" t="s">
        <v>7493</v>
      </c>
      <c r="C1909" s="1" t="s">
        <v>140</v>
      </c>
      <c r="D1909" s="1" t="s">
        <v>7594</v>
      </c>
      <c r="E1909" s="1" t="s">
        <v>7595</v>
      </c>
      <c r="F1909" s="1" t="s">
        <v>7596</v>
      </c>
      <c r="G1909" s="1" t="s">
        <v>7497</v>
      </c>
      <c r="H1909" s="1" t="s">
        <v>13</v>
      </c>
      <c r="I1909" s="1" t="s">
        <v>7498</v>
      </c>
      <c r="J1909" s="1" t="s">
        <v>7597</v>
      </c>
    </row>
    <row r="1910" spans="1:10" x14ac:dyDescent="0.35">
      <c r="A1910" s="1" t="s">
        <v>7492</v>
      </c>
      <c r="B1910" s="1" t="s">
        <v>7493</v>
      </c>
      <c r="C1910" s="1" t="s">
        <v>145</v>
      </c>
      <c r="D1910" s="1" t="s">
        <v>7598</v>
      </c>
      <c r="E1910" s="1" t="s">
        <v>7599</v>
      </c>
      <c r="F1910" s="1" t="s">
        <v>7600</v>
      </c>
      <c r="G1910" s="1" t="s">
        <v>7497</v>
      </c>
      <c r="H1910" s="1" t="s">
        <v>13</v>
      </c>
      <c r="I1910" s="1" t="s">
        <v>7498</v>
      </c>
      <c r="J1910" s="1" t="s">
        <v>7601</v>
      </c>
    </row>
    <row r="1911" spans="1:10" x14ac:dyDescent="0.35">
      <c r="A1911" s="1" t="s">
        <v>7492</v>
      </c>
      <c r="B1911" s="1" t="s">
        <v>7493</v>
      </c>
      <c r="C1911" s="1" t="s">
        <v>150</v>
      </c>
      <c r="D1911" s="1" t="s">
        <v>7602</v>
      </c>
      <c r="E1911" s="1" t="s">
        <v>7603</v>
      </c>
      <c r="F1911" s="1" t="s">
        <v>7604</v>
      </c>
      <c r="G1911" s="1" t="s">
        <v>7497</v>
      </c>
      <c r="H1911" s="1" t="s">
        <v>13</v>
      </c>
      <c r="I1911" s="1" t="s">
        <v>7498</v>
      </c>
      <c r="J1911" s="1" t="s">
        <v>7605</v>
      </c>
    </row>
    <row r="1912" spans="1:10" x14ac:dyDescent="0.35">
      <c r="A1912" s="1" t="s">
        <v>7492</v>
      </c>
      <c r="B1912" s="1" t="s">
        <v>7493</v>
      </c>
      <c r="C1912" s="1" t="s">
        <v>155</v>
      </c>
      <c r="D1912" s="1" t="s">
        <v>7606</v>
      </c>
      <c r="E1912" s="1" t="s">
        <v>7607</v>
      </c>
      <c r="F1912" s="1" t="s">
        <v>7608</v>
      </c>
      <c r="G1912" s="1" t="s">
        <v>7497</v>
      </c>
      <c r="H1912" s="1" t="s">
        <v>13</v>
      </c>
      <c r="I1912" s="1" t="s">
        <v>7498</v>
      </c>
      <c r="J1912" s="1" t="s">
        <v>7609</v>
      </c>
    </row>
    <row r="1913" spans="1:10" x14ac:dyDescent="0.35">
      <c r="A1913" s="1" t="s">
        <v>7492</v>
      </c>
      <c r="B1913" s="1" t="s">
        <v>7493</v>
      </c>
      <c r="C1913" s="1" t="s">
        <v>160</v>
      </c>
      <c r="D1913" s="1" t="s">
        <v>7610</v>
      </c>
      <c r="E1913" s="1" t="s">
        <v>7611</v>
      </c>
      <c r="F1913" s="1" t="s">
        <v>7612</v>
      </c>
      <c r="G1913" s="1" t="s">
        <v>7497</v>
      </c>
      <c r="H1913" s="1" t="s">
        <v>13</v>
      </c>
      <c r="I1913" s="1" t="s">
        <v>7498</v>
      </c>
      <c r="J1913" s="1" t="s">
        <v>7613</v>
      </c>
    </row>
    <row r="1914" spans="1:10" x14ac:dyDescent="0.35">
      <c r="A1914" s="1" t="s">
        <v>7492</v>
      </c>
      <c r="B1914" s="1" t="s">
        <v>7493</v>
      </c>
      <c r="C1914" s="1" t="s">
        <v>165</v>
      </c>
      <c r="D1914" s="1" t="s">
        <v>7614</v>
      </c>
      <c r="E1914" s="1" t="s">
        <v>7615</v>
      </c>
      <c r="F1914" s="1" t="s">
        <v>7616</v>
      </c>
      <c r="G1914" s="1" t="s">
        <v>7497</v>
      </c>
      <c r="H1914" s="1" t="s">
        <v>13</v>
      </c>
      <c r="I1914" s="1" t="s">
        <v>7498</v>
      </c>
      <c r="J1914" s="1" t="s">
        <v>7617</v>
      </c>
    </row>
    <row r="1915" spans="1:10" x14ac:dyDescent="0.35">
      <c r="A1915" s="1" t="s">
        <v>7492</v>
      </c>
      <c r="B1915" s="1" t="s">
        <v>7493</v>
      </c>
      <c r="C1915" s="1" t="s">
        <v>170</v>
      </c>
      <c r="D1915" s="1" t="s">
        <v>7618</v>
      </c>
      <c r="E1915" s="1" t="s">
        <v>7619</v>
      </c>
      <c r="F1915" s="1" t="s">
        <v>7620</v>
      </c>
      <c r="G1915" s="1" t="s">
        <v>7497</v>
      </c>
      <c r="H1915" s="1" t="s">
        <v>13</v>
      </c>
      <c r="I1915" s="1" t="s">
        <v>7498</v>
      </c>
      <c r="J1915" s="1" t="s">
        <v>7621</v>
      </c>
    </row>
    <row r="1916" spans="1:10" x14ac:dyDescent="0.35">
      <c r="A1916" s="1" t="s">
        <v>7622</v>
      </c>
      <c r="B1916" s="1" t="s">
        <v>7623</v>
      </c>
      <c r="C1916" s="1" t="s">
        <v>8</v>
      </c>
      <c r="D1916" s="1" t="s">
        <v>7624</v>
      </c>
      <c r="E1916" s="1" t="s">
        <v>7625</v>
      </c>
      <c r="F1916" s="1" t="s">
        <v>7626</v>
      </c>
      <c r="G1916" s="1" t="s">
        <v>7627</v>
      </c>
      <c r="H1916" s="1" t="s">
        <v>13</v>
      </c>
      <c r="I1916" s="1" t="s">
        <v>7628</v>
      </c>
      <c r="J1916" s="1" t="s">
        <v>13</v>
      </c>
    </row>
    <row r="1917" spans="1:10" x14ac:dyDescent="0.35">
      <c r="A1917" s="1" t="s">
        <v>7622</v>
      </c>
      <c r="B1917" s="1" t="s">
        <v>7623</v>
      </c>
      <c r="C1917" s="1" t="s">
        <v>15</v>
      </c>
      <c r="D1917" s="1" t="s">
        <v>7629</v>
      </c>
      <c r="E1917" s="1" t="s">
        <v>7630</v>
      </c>
      <c r="F1917" s="1" t="s">
        <v>7631</v>
      </c>
      <c r="G1917" s="1" t="s">
        <v>7627</v>
      </c>
      <c r="H1917" s="1" t="s">
        <v>13</v>
      </c>
      <c r="I1917" s="1" t="s">
        <v>7628</v>
      </c>
      <c r="J1917" s="1" t="s">
        <v>7632</v>
      </c>
    </row>
    <row r="1918" spans="1:10" x14ac:dyDescent="0.35">
      <c r="A1918" s="1" t="s">
        <v>7622</v>
      </c>
      <c r="B1918" s="1" t="s">
        <v>7623</v>
      </c>
      <c r="C1918" s="1" t="s">
        <v>20</v>
      </c>
      <c r="D1918" s="1" t="s">
        <v>7633</v>
      </c>
      <c r="E1918" s="1" t="s">
        <v>7634</v>
      </c>
      <c r="F1918" s="1" t="s">
        <v>7635</v>
      </c>
      <c r="G1918" s="1" t="s">
        <v>7627</v>
      </c>
      <c r="H1918" s="1" t="s">
        <v>13</v>
      </c>
      <c r="I1918" s="1" t="s">
        <v>7628</v>
      </c>
      <c r="J1918" s="1" t="s">
        <v>7636</v>
      </c>
    </row>
    <row r="1919" spans="1:10" x14ac:dyDescent="0.35">
      <c r="A1919" s="1" t="s">
        <v>7622</v>
      </c>
      <c r="B1919" s="1" t="s">
        <v>7623</v>
      </c>
      <c r="C1919" s="1" t="s">
        <v>25</v>
      </c>
      <c r="D1919" s="1" t="s">
        <v>7637</v>
      </c>
      <c r="E1919" s="1" t="s">
        <v>7638</v>
      </c>
      <c r="F1919" s="1" t="s">
        <v>7639</v>
      </c>
      <c r="G1919" s="1" t="s">
        <v>7627</v>
      </c>
      <c r="H1919" s="1" t="s">
        <v>13</v>
      </c>
      <c r="I1919" s="1" t="s">
        <v>7628</v>
      </c>
      <c r="J1919" s="1" t="s">
        <v>7640</v>
      </c>
    </row>
    <row r="1920" spans="1:10" x14ac:dyDescent="0.35">
      <c r="A1920" s="1" t="s">
        <v>7622</v>
      </c>
      <c r="B1920" s="1" t="s">
        <v>7623</v>
      </c>
      <c r="C1920" s="1" t="s">
        <v>30</v>
      </c>
      <c r="D1920" s="1" t="s">
        <v>7641</v>
      </c>
      <c r="E1920" s="1" t="s">
        <v>7642</v>
      </c>
      <c r="F1920" s="1" t="s">
        <v>7643</v>
      </c>
      <c r="G1920" s="1" t="s">
        <v>7627</v>
      </c>
      <c r="H1920" s="1" t="s">
        <v>13</v>
      </c>
      <c r="I1920" s="1" t="s">
        <v>7628</v>
      </c>
      <c r="J1920" s="1" t="s">
        <v>7644</v>
      </c>
    </row>
    <row r="1921" spans="1:10" x14ac:dyDescent="0.35">
      <c r="A1921" s="1" t="s">
        <v>7622</v>
      </c>
      <c r="B1921" s="1" t="s">
        <v>7623</v>
      </c>
      <c r="C1921" s="1" t="s">
        <v>35</v>
      </c>
      <c r="D1921" s="1" t="s">
        <v>7645</v>
      </c>
      <c r="E1921" s="1" t="s">
        <v>7646</v>
      </c>
      <c r="F1921" s="1" t="s">
        <v>7647</v>
      </c>
      <c r="G1921" s="1" t="s">
        <v>7627</v>
      </c>
      <c r="H1921" s="1" t="s">
        <v>13</v>
      </c>
      <c r="I1921" s="1" t="s">
        <v>7628</v>
      </c>
      <c r="J1921" s="1" t="s">
        <v>7648</v>
      </c>
    </row>
    <row r="1922" spans="1:10" x14ac:dyDescent="0.35">
      <c r="A1922" s="1" t="s">
        <v>7622</v>
      </c>
      <c r="B1922" s="1" t="s">
        <v>7623</v>
      </c>
      <c r="C1922" s="1" t="s">
        <v>40</v>
      </c>
      <c r="D1922" s="1" t="s">
        <v>7649</v>
      </c>
      <c r="E1922" s="1" t="s">
        <v>7650</v>
      </c>
      <c r="F1922" s="1" t="s">
        <v>7651</v>
      </c>
      <c r="G1922" s="1" t="s">
        <v>7627</v>
      </c>
      <c r="H1922" s="1" t="s">
        <v>13</v>
      </c>
      <c r="I1922" s="1" t="s">
        <v>7628</v>
      </c>
      <c r="J1922" s="1" t="s">
        <v>7652</v>
      </c>
    </row>
    <row r="1923" spans="1:10" x14ac:dyDescent="0.35">
      <c r="A1923" s="1" t="s">
        <v>7622</v>
      </c>
      <c r="B1923" s="1" t="s">
        <v>7623</v>
      </c>
      <c r="C1923" s="1" t="s">
        <v>45</v>
      </c>
      <c r="D1923" s="1" t="s">
        <v>7653</v>
      </c>
      <c r="E1923" s="1" t="s">
        <v>7654</v>
      </c>
      <c r="F1923" s="1" t="s">
        <v>7655</v>
      </c>
      <c r="G1923" s="1" t="s">
        <v>7627</v>
      </c>
      <c r="H1923" s="1" t="s">
        <v>13</v>
      </c>
      <c r="I1923" s="1" t="s">
        <v>7628</v>
      </c>
      <c r="J1923" s="1" t="s">
        <v>7656</v>
      </c>
    </row>
    <row r="1924" spans="1:10" x14ac:dyDescent="0.35">
      <c r="A1924" s="1" t="s">
        <v>7622</v>
      </c>
      <c r="B1924" s="1" t="s">
        <v>7623</v>
      </c>
      <c r="C1924" s="1" t="s">
        <v>50</v>
      </c>
      <c r="D1924" s="1" t="s">
        <v>7657</v>
      </c>
      <c r="E1924" s="1" t="s">
        <v>7658</v>
      </c>
      <c r="F1924" s="1" t="s">
        <v>7659</v>
      </c>
      <c r="G1924" s="1" t="s">
        <v>7627</v>
      </c>
      <c r="H1924" s="1" t="s">
        <v>13</v>
      </c>
      <c r="I1924" s="1" t="s">
        <v>7628</v>
      </c>
      <c r="J1924" s="1" t="s">
        <v>7660</v>
      </c>
    </row>
    <row r="1925" spans="1:10" x14ac:dyDescent="0.35">
      <c r="A1925" s="1" t="s">
        <v>7622</v>
      </c>
      <c r="B1925" s="1" t="s">
        <v>7623</v>
      </c>
      <c r="C1925" s="1" t="s">
        <v>55</v>
      </c>
      <c r="D1925" s="1" t="s">
        <v>7661</v>
      </c>
      <c r="E1925" s="1" t="s">
        <v>7662</v>
      </c>
      <c r="F1925" s="1" t="s">
        <v>7663</v>
      </c>
      <c r="G1925" s="1" t="s">
        <v>7627</v>
      </c>
      <c r="H1925" s="1" t="s">
        <v>13</v>
      </c>
      <c r="I1925" s="1" t="s">
        <v>7628</v>
      </c>
      <c r="J1925" s="1" t="s">
        <v>7664</v>
      </c>
    </row>
    <row r="1926" spans="1:10" x14ac:dyDescent="0.35">
      <c r="A1926" s="1" t="s">
        <v>7622</v>
      </c>
      <c r="B1926" s="1" t="s">
        <v>7623</v>
      </c>
      <c r="C1926" s="1" t="s">
        <v>60</v>
      </c>
      <c r="D1926" s="1" t="s">
        <v>7665</v>
      </c>
      <c r="E1926" s="1" t="s">
        <v>7666</v>
      </c>
      <c r="F1926" s="1" t="s">
        <v>7667</v>
      </c>
      <c r="G1926" s="1" t="s">
        <v>7627</v>
      </c>
      <c r="H1926" s="1" t="s">
        <v>13</v>
      </c>
      <c r="I1926" s="1" t="s">
        <v>7628</v>
      </c>
      <c r="J1926" s="1" t="s">
        <v>7668</v>
      </c>
    </row>
    <row r="1927" spans="1:10" x14ac:dyDescent="0.35">
      <c r="A1927" s="1" t="s">
        <v>7622</v>
      </c>
      <c r="B1927" s="1" t="s">
        <v>7623</v>
      </c>
      <c r="C1927" s="1" t="s">
        <v>65</v>
      </c>
      <c r="D1927" s="1" t="s">
        <v>7669</v>
      </c>
      <c r="E1927" s="1" t="s">
        <v>7670</v>
      </c>
      <c r="F1927" s="1" t="s">
        <v>7671</v>
      </c>
      <c r="G1927" s="1" t="s">
        <v>7627</v>
      </c>
      <c r="H1927" s="1" t="s">
        <v>13</v>
      </c>
      <c r="I1927" s="1" t="s">
        <v>7628</v>
      </c>
      <c r="J1927" s="1" t="s">
        <v>7672</v>
      </c>
    </row>
    <row r="1928" spans="1:10" x14ac:dyDescent="0.35">
      <c r="A1928" s="1" t="s">
        <v>7622</v>
      </c>
      <c r="B1928" s="1" t="s">
        <v>7623</v>
      </c>
      <c r="C1928" s="1" t="s">
        <v>70</v>
      </c>
      <c r="D1928" s="1" t="s">
        <v>7673</v>
      </c>
      <c r="E1928" s="1" t="s">
        <v>7674</v>
      </c>
      <c r="F1928" s="1" t="s">
        <v>7675</v>
      </c>
      <c r="G1928" s="1" t="s">
        <v>7627</v>
      </c>
      <c r="H1928" s="1" t="s">
        <v>13</v>
      </c>
      <c r="I1928" s="1" t="s">
        <v>7628</v>
      </c>
      <c r="J1928" s="1" t="s">
        <v>7676</v>
      </c>
    </row>
    <row r="1929" spans="1:10" x14ac:dyDescent="0.35">
      <c r="A1929" s="1" t="s">
        <v>7622</v>
      </c>
      <c r="B1929" s="1" t="s">
        <v>7623</v>
      </c>
      <c r="C1929" s="1" t="s">
        <v>75</v>
      </c>
      <c r="D1929" s="1" t="s">
        <v>7677</v>
      </c>
      <c r="E1929" s="1" t="s">
        <v>7678</v>
      </c>
      <c r="F1929" s="1" t="s">
        <v>7679</v>
      </c>
      <c r="G1929" s="1" t="s">
        <v>7627</v>
      </c>
      <c r="H1929" s="1" t="s">
        <v>13</v>
      </c>
      <c r="I1929" s="1" t="s">
        <v>7628</v>
      </c>
      <c r="J1929" s="1" t="s">
        <v>7680</v>
      </c>
    </row>
    <row r="1930" spans="1:10" x14ac:dyDescent="0.35">
      <c r="A1930" s="1" t="s">
        <v>7622</v>
      </c>
      <c r="B1930" s="1" t="s">
        <v>7623</v>
      </c>
      <c r="C1930" s="1" t="s">
        <v>80</v>
      </c>
      <c r="D1930" s="1" t="s">
        <v>7681</v>
      </c>
      <c r="E1930" s="1" t="s">
        <v>7682</v>
      </c>
      <c r="F1930" s="1" t="s">
        <v>7683</v>
      </c>
      <c r="G1930" s="1" t="s">
        <v>7627</v>
      </c>
      <c r="H1930" s="1" t="s">
        <v>13</v>
      </c>
      <c r="I1930" s="1" t="s">
        <v>7628</v>
      </c>
      <c r="J1930" s="1" t="s">
        <v>7684</v>
      </c>
    </row>
    <row r="1931" spans="1:10" x14ac:dyDescent="0.35">
      <c r="A1931" s="1" t="s">
        <v>7622</v>
      </c>
      <c r="B1931" s="1" t="s">
        <v>7623</v>
      </c>
      <c r="C1931" s="1" t="s">
        <v>85</v>
      </c>
      <c r="D1931" s="1" t="s">
        <v>7685</v>
      </c>
      <c r="E1931" s="1" t="s">
        <v>7686</v>
      </c>
      <c r="F1931" s="1" t="s">
        <v>7687</v>
      </c>
      <c r="G1931" s="1" t="s">
        <v>7627</v>
      </c>
      <c r="H1931" s="1" t="s">
        <v>13</v>
      </c>
      <c r="I1931" s="1" t="s">
        <v>7628</v>
      </c>
      <c r="J1931" s="1" t="s">
        <v>7688</v>
      </c>
    </row>
    <row r="1932" spans="1:10" x14ac:dyDescent="0.35">
      <c r="A1932" s="1" t="s">
        <v>7622</v>
      </c>
      <c r="B1932" s="1" t="s">
        <v>7623</v>
      </c>
      <c r="C1932" s="1" t="s">
        <v>90</v>
      </c>
      <c r="D1932" s="1" t="s">
        <v>4842</v>
      </c>
      <c r="E1932" s="1" t="s">
        <v>7689</v>
      </c>
      <c r="F1932" s="1" t="s">
        <v>7690</v>
      </c>
      <c r="G1932" s="1" t="s">
        <v>7627</v>
      </c>
      <c r="H1932" s="1" t="s">
        <v>13</v>
      </c>
      <c r="I1932" s="1" t="s">
        <v>7628</v>
      </c>
      <c r="J1932" s="1" t="s">
        <v>7691</v>
      </c>
    </row>
    <row r="1933" spans="1:10" x14ac:dyDescent="0.35">
      <c r="A1933" s="1" t="s">
        <v>7622</v>
      </c>
      <c r="B1933" s="1" t="s">
        <v>7623</v>
      </c>
      <c r="C1933" s="1" t="s">
        <v>95</v>
      </c>
      <c r="D1933" s="1" t="s">
        <v>7692</v>
      </c>
      <c r="E1933" s="1" t="s">
        <v>7693</v>
      </c>
      <c r="F1933" s="1" t="s">
        <v>7694</v>
      </c>
      <c r="G1933" s="1" t="s">
        <v>7627</v>
      </c>
      <c r="H1933" s="1" t="s">
        <v>13</v>
      </c>
      <c r="I1933" s="1" t="s">
        <v>7628</v>
      </c>
      <c r="J1933" s="1" t="s">
        <v>7695</v>
      </c>
    </row>
    <row r="1934" spans="1:10" x14ac:dyDescent="0.35">
      <c r="A1934" s="1" t="s">
        <v>7622</v>
      </c>
      <c r="B1934" s="1" t="s">
        <v>7623</v>
      </c>
      <c r="C1934" s="1" t="s">
        <v>100</v>
      </c>
      <c r="D1934" s="1" t="s">
        <v>7696</v>
      </c>
      <c r="E1934" s="1" t="s">
        <v>7697</v>
      </c>
      <c r="F1934" s="1" t="s">
        <v>7698</v>
      </c>
      <c r="G1934" s="1" t="s">
        <v>7627</v>
      </c>
      <c r="H1934" s="1" t="s">
        <v>13</v>
      </c>
      <c r="I1934" s="1" t="s">
        <v>7628</v>
      </c>
      <c r="J1934" s="1" t="s">
        <v>7699</v>
      </c>
    </row>
    <row r="1935" spans="1:10" x14ac:dyDescent="0.35">
      <c r="A1935" s="1" t="s">
        <v>7622</v>
      </c>
      <c r="B1935" s="1" t="s">
        <v>7623</v>
      </c>
      <c r="C1935" s="1" t="s">
        <v>105</v>
      </c>
      <c r="D1935" s="1" t="s">
        <v>7700</v>
      </c>
      <c r="E1935" s="1" t="s">
        <v>7701</v>
      </c>
      <c r="F1935" s="1" t="s">
        <v>7702</v>
      </c>
      <c r="G1935" s="1" t="s">
        <v>7627</v>
      </c>
      <c r="H1935" s="1" t="s">
        <v>13</v>
      </c>
      <c r="I1935" s="1" t="s">
        <v>7628</v>
      </c>
      <c r="J1935" s="1" t="s">
        <v>7703</v>
      </c>
    </row>
    <row r="1936" spans="1:10" x14ac:dyDescent="0.35">
      <c r="A1936" s="1" t="s">
        <v>7622</v>
      </c>
      <c r="B1936" s="1" t="s">
        <v>7623</v>
      </c>
      <c r="C1936" s="1" t="s">
        <v>110</v>
      </c>
      <c r="D1936" s="1" t="s">
        <v>7704</v>
      </c>
      <c r="E1936" s="1" t="s">
        <v>7705</v>
      </c>
      <c r="F1936" s="1" t="s">
        <v>7706</v>
      </c>
      <c r="G1936" s="1" t="s">
        <v>7627</v>
      </c>
      <c r="H1936" s="1" t="s">
        <v>13</v>
      </c>
      <c r="I1936" s="1" t="s">
        <v>7628</v>
      </c>
      <c r="J1936" s="1" t="s">
        <v>7707</v>
      </c>
    </row>
    <row r="1937" spans="1:10" x14ac:dyDescent="0.35">
      <c r="A1937" s="1" t="s">
        <v>7622</v>
      </c>
      <c r="B1937" s="1" t="s">
        <v>7623</v>
      </c>
      <c r="C1937" s="1" t="s">
        <v>115</v>
      </c>
      <c r="D1937" s="1" t="s">
        <v>7708</v>
      </c>
      <c r="E1937" s="1" t="s">
        <v>7709</v>
      </c>
      <c r="F1937" s="1" t="s">
        <v>7710</v>
      </c>
      <c r="G1937" s="1" t="s">
        <v>7627</v>
      </c>
      <c r="H1937" s="1" t="s">
        <v>13</v>
      </c>
      <c r="I1937" s="1" t="s">
        <v>7628</v>
      </c>
      <c r="J1937" s="1" t="s">
        <v>7711</v>
      </c>
    </row>
    <row r="1938" spans="1:10" x14ac:dyDescent="0.35">
      <c r="A1938" s="1" t="s">
        <v>7622</v>
      </c>
      <c r="B1938" s="1" t="s">
        <v>7623</v>
      </c>
      <c r="C1938" s="1" t="s">
        <v>120</v>
      </c>
      <c r="D1938" s="1" t="s">
        <v>7712</v>
      </c>
      <c r="E1938" s="1" t="s">
        <v>7713</v>
      </c>
      <c r="F1938" s="1" t="s">
        <v>7714</v>
      </c>
      <c r="G1938" s="1" t="s">
        <v>7627</v>
      </c>
      <c r="H1938" s="1" t="s">
        <v>13</v>
      </c>
      <c r="I1938" s="1" t="s">
        <v>7628</v>
      </c>
      <c r="J1938" s="1" t="s">
        <v>7715</v>
      </c>
    </row>
    <row r="1939" spans="1:10" x14ac:dyDescent="0.35">
      <c r="A1939" s="1" t="s">
        <v>7622</v>
      </c>
      <c r="B1939" s="1" t="s">
        <v>7623</v>
      </c>
      <c r="C1939" s="1" t="s">
        <v>125</v>
      </c>
      <c r="D1939" s="1" t="s">
        <v>7716</v>
      </c>
      <c r="E1939" s="1" t="s">
        <v>7717</v>
      </c>
      <c r="F1939" s="1" t="s">
        <v>7718</v>
      </c>
      <c r="G1939" s="1" t="s">
        <v>7627</v>
      </c>
      <c r="H1939" s="1" t="s">
        <v>13</v>
      </c>
      <c r="I1939" s="1" t="s">
        <v>7628</v>
      </c>
      <c r="J1939" s="1" t="s">
        <v>7719</v>
      </c>
    </row>
    <row r="1940" spans="1:10" x14ac:dyDescent="0.35">
      <c r="A1940" s="1" t="s">
        <v>7622</v>
      </c>
      <c r="B1940" s="1" t="s">
        <v>7623</v>
      </c>
      <c r="C1940" s="1" t="s">
        <v>130</v>
      </c>
      <c r="D1940" s="1" t="s">
        <v>7720</v>
      </c>
      <c r="E1940" s="1" t="s">
        <v>7721</v>
      </c>
      <c r="F1940" s="1" t="s">
        <v>7722</v>
      </c>
      <c r="G1940" s="1" t="s">
        <v>7627</v>
      </c>
      <c r="H1940" s="1" t="s">
        <v>13</v>
      </c>
      <c r="I1940" s="1" t="s">
        <v>7628</v>
      </c>
      <c r="J1940" s="1" t="s">
        <v>7723</v>
      </c>
    </row>
    <row r="1941" spans="1:10" x14ac:dyDescent="0.35">
      <c r="A1941" s="1" t="s">
        <v>7622</v>
      </c>
      <c r="B1941" s="1" t="s">
        <v>7623</v>
      </c>
      <c r="C1941" s="1" t="s">
        <v>135</v>
      </c>
      <c r="D1941" s="1" t="s">
        <v>7724</v>
      </c>
      <c r="E1941" s="1" t="s">
        <v>7725</v>
      </c>
      <c r="F1941" s="1" t="s">
        <v>7726</v>
      </c>
      <c r="G1941" s="1" t="s">
        <v>7627</v>
      </c>
      <c r="H1941" s="1" t="s">
        <v>13</v>
      </c>
      <c r="I1941" s="1" t="s">
        <v>7628</v>
      </c>
      <c r="J1941" s="1" t="s">
        <v>7727</v>
      </c>
    </row>
    <row r="1942" spans="1:10" x14ac:dyDescent="0.35">
      <c r="A1942" s="1" t="s">
        <v>7622</v>
      </c>
      <c r="B1942" s="1" t="s">
        <v>7623</v>
      </c>
      <c r="C1942" s="1" t="s">
        <v>140</v>
      </c>
      <c r="D1942" s="1" t="s">
        <v>7728</v>
      </c>
      <c r="E1942" s="1" t="s">
        <v>7729</v>
      </c>
      <c r="F1942" s="1" t="s">
        <v>7730</v>
      </c>
      <c r="G1942" s="1" t="s">
        <v>7627</v>
      </c>
      <c r="H1942" s="1" t="s">
        <v>13</v>
      </c>
      <c r="I1942" s="1" t="s">
        <v>7628</v>
      </c>
      <c r="J1942" s="1" t="s">
        <v>7731</v>
      </c>
    </row>
    <row r="1943" spans="1:10" x14ac:dyDescent="0.35">
      <c r="A1943" s="1" t="s">
        <v>7622</v>
      </c>
      <c r="B1943" s="1" t="s">
        <v>7623</v>
      </c>
      <c r="C1943" s="1" t="s">
        <v>145</v>
      </c>
      <c r="D1943" s="1" t="s">
        <v>7732</v>
      </c>
      <c r="E1943" s="1" t="s">
        <v>7733</v>
      </c>
      <c r="F1943" s="1" t="s">
        <v>7734</v>
      </c>
      <c r="G1943" s="1" t="s">
        <v>7627</v>
      </c>
      <c r="H1943" s="1" t="s">
        <v>13</v>
      </c>
      <c r="I1943" s="1" t="s">
        <v>7628</v>
      </c>
      <c r="J1943" s="1" t="s">
        <v>7735</v>
      </c>
    </row>
    <row r="1944" spans="1:10" x14ac:dyDescent="0.35">
      <c r="A1944" s="1" t="s">
        <v>7622</v>
      </c>
      <c r="B1944" s="1" t="s">
        <v>7623</v>
      </c>
      <c r="C1944" s="1" t="s">
        <v>150</v>
      </c>
      <c r="D1944" s="1" t="s">
        <v>7736</v>
      </c>
      <c r="E1944" s="1" t="s">
        <v>7737</v>
      </c>
      <c r="F1944" s="1" t="s">
        <v>7738</v>
      </c>
      <c r="G1944" s="1" t="s">
        <v>7627</v>
      </c>
      <c r="H1944" s="1" t="s">
        <v>13</v>
      </c>
      <c r="I1944" s="1" t="s">
        <v>7628</v>
      </c>
      <c r="J1944" s="1" t="s">
        <v>7739</v>
      </c>
    </row>
    <row r="1945" spans="1:10" x14ac:dyDescent="0.35">
      <c r="A1945" s="1" t="s">
        <v>7622</v>
      </c>
      <c r="B1945" s="1" t="s">
        <v>7623</v>
      </c>
      <c r="C1945" s="1" t="s">
        <v>155</v>
      </c>
      <c r="D1945" s="1" t="s">
        <v>7740</v>
      </c>
      <c r="E1945" s="1" t="s">
        <v>7741</v>
      </c>
      <c r="F1945" s="1" t="s">
        <v>7742</v>
      </c>
      <c r="G1945" s="1" t="s">
        <v>7627</v>
      </c>
      <c r="H1945" s="1" t="s">
        <v>13</v>
      </c>
      <c r="I1945" s="1" t="s">
        <v>7628</v>
      </c>
      <c r="J1945" s="1" t="s">
        <v>7743</v>
      </c>
    </row>
    <row r="1946" spans="1:10" x14ac:dyDescent="0.35">
      <c r="A1946" s="1" t="s">
        <v>7622</v>
      </c>
      <c r="B1946" s="1" t="s">
        <v>7623</v>
      </c>
      <c r="C1946" s="1" t="s">
        <v>160</v>
      </c>
      <c r="D1946" s="1" t="s">
        <v>7744</v>
      </c>
      <c r="E1946" s="1" t="s">
        <v>7745</v>
      </c>
      <c r="F1946" s="1" t="s">
        <v>7746</v>
      </c>
      <c r="G1946" s="1" t="s">
        <v>7627</v>
      </c>
      <c r="H1946" s="1" t="s">
        <v>13</v>
      </c>
      <c r="I1946" s="1" t="s">
        <v>7628</v>
      </c>
      <c r="J1946" s="1" t="s">
        <v>7747</v>
      </c>
    </row>
    <row r="1947" spans="1:10" x14ac:dyDescent="0.35">
      <c r="A1947" s="1" t="s">
        <v>7622</v>
      </c>
      <c r="B1947" s="1" t="s">
        <v>7623</v>
      </c>
      <c r="C1947" s="1" t="s">
        <v>165</v>
      </c>
      <c r="D1947" s="1" t="s">
        <v>7748</v>
      </c>
      <c r="E1947" s="1" t="s">
        <v>7749</v>
      </c>
      <c r="F1947" s="1" t="s">
        <v>7750</v>
      </c>
      <c r="G1947" s="1" t="s">
        <v>7627</v>
      </c>
      <c r="H1947" s="1" t="s">
        <v>13</v>
      </c>
      <c r="I1947" s="1" t="s">
        <v>7628</v>
      </c>
      <c r="J1947" s="1" t="s">
        <v>7751</v>
      </c>
    </row>
    <row r="1948" spans="1:10" x14ac:dyDescent="0.35">
      <c r="A1948" s="1" t="s">
        <v>7622</v>
      </c>
      <c r="B1948" s="1" t="s">
        <v>7623</v>
      </c>
      <c r="C1948" s="1" t="s">
        <v>170</v>
      </c>
      <c r="D1948" s="1" t="s">
        <v>7752</v>
      </c>
      <c r="E1948" s="1" t="s">
        <v>7753</v>
      </c>
      <c r="F1948" s="1" t="s">
        <v>7754</v>
      </c>
      <c r="G1948" s="1" t="s">
        <v>7627</v>
      </c>
      <c r="H1948" s="1" t="s">
        <v>13</v>
      </c>
      <c r="I1948" s="1" t="s">
        <v>7628</v>
      </c>
      <c r="J1948" s="1" t="s">
        <v>7755</v>
      </c>
    </row>
    <row r="1949" spans="1:10" x14ac:dyDescent="0.35">
      <c r="A1949" s="1" t="s">
        <v>7756</v>
      </c>
      <c r="B1949" s="1" t="s">
        <v>7757</v>
      </c>
      <c r="C1949" s="1" t="s">
        <v>8</v>
      </c>
      <c r="D1949" s="1" t="s">
        <v>7758</v>
      </c>
      <c r="E1949" s="1" t="s">
        <v>7759</v>
      </c>
      <c r="F1949" s="1" t="s">
        <v>7760</v>
      </c>
      <c r="G1949" s="1" t="s">
        <v>7761</v>
      </c>
      <c r="H1949" s="1" t="s">
        <v>13</v>
      </c>
      <c r="I1949" s="1" t="s">
        <v>7762</v>
      </c>
      <c r="J1949" s="1" t="s">
        <v>13</v>
      </c>
    </row>
    <row r="1950" spans="1:10" x14ac:dyDescent="0.35">
      <c r="A1950" s="1" t="s">
        <v>7756</v>
      </c>
      <c r="B1950" s="1" t="s">
        <v>7757</v>
      </c>
      <c r="C1950" s="1" t="s">
        <v>15</v>
      </c>
      <c r="D1950" s="1" t="s">
        <v>7763</v>
      </c>
      <c r="E1950" s="1" t="s">
        <v>7764</v>
      </c>
      <c r="F1950" s="1" t="s">
        <v>7765</v>
      </c>
      <c r="G1950" s="1" t="s">
        <v>7761</v>
      </c>
      <c r="H1950" s="1" t="s">
        <v>13</v>
      </c>
      <c r="I1950" s="1" t="s">
        <v>7762</v>
      </c>
      <c r="J1950" s="1" t="s">
        <v>7766</v>
      </c>
    </row>
    <row r="1951" spans="1:10" x14ac:dyDescent="0.35">
      <c r="A1951" s="1" t="s">
        <v>7756</v>
      </c>
      <c r="B1951" s="1" t="s">
        <v>7757</v>
      </c>
      <c r="C1951" s="1" t="s">
        <v>20</v>
      </c>
      <c r="D1951" s="1" t="s">
        <v>7767</v>
      </c>
      <c r="E1951" s="1" t="s">
        <v>7768</v>
      </c>
      <c r="F1951" s="1" t="s">
        <v>7769</v>
      </c>
      <c r="G1951" s="1" t="s">
        <v>7761</v>
      </c>
      <c r="H1951" s="1" t="s">
        <v>13</v>
      </c>
      <c r="I1951" s="1" t="s">
        <v>7762</v>
      </c>
      <c r="J1951" s="1" t="s">
        <v>7770</v>
      </c>
    </row>
    <row r="1952" spans="1:10" x14ac:dyDescent="0.35">
      <c r="A1952" s="1" t="s">
        <v>7756</v>
      </c>
      <c r="B1952" s="1" t="s">
        <v>7757</v>
      </c>
      <c r="C1952" s="1" t="s">
        <v>25</v>
      </c>
      <c r="D1952" s="1" t="s">
        <v>7771</v>
      </c>
      <c r="E1952" s="1" t="s">
        <v>7772</v>
      </c>
      <c r="F1952" s="1" t="s">
        <v>7773</v>
      </c>
      <c r="G1952" s="1" t="s">
        <v>7761</v>
      </c>
      <c r="H1952" s="1" t="s">
        <v>13</v>
      </c>
      <c r="I1952" s="1" t="s">
        <v>7762</v>
      </c>
      <c r="J1952" s="1" t="s">
        <v>7774</v>
      </c>
    </row>
    <row r="1953" spans="1:10" x14ac:dyDescent="0.35">
      <c r="A1953" s="1" t="s">
        <v>7756</v>
      </c>
      <c r="B1953" s="1" t="s">
        <v>7757</v>
      </c>
      <c r="C1953" s="1" t="s">
        <v>30</v>
      </c>
      <c r="D1953" s="1" t="s">
        <v>7775</v>
      </c>
      <c r="E1953" s="1" t="s">
        <v>7776</v>
      </c>
      <c r="F1953" s="1" t="s">
        <v>7777</v>
      </c>
      <c r="G1953" s="1" t="s">
        <v>7761</v>
      </c>
      <c r="H1953" s="1" t="s">
        <v>13</v>
      </c>
      <c r="I1953" s="1" t="s">
        <v>7762</v>
      </c>
      <c r="J1953" s="1" t="s">
        <v>7778</v>
      </c>
    </row>
    <row r="1954" spans="1:10" x14ac:dyDescent="0.35">
      <c r="A1954" s="1" t="s">
        <v>7756</v>
      </c>
      <c r="B1954" s="1" t="s">
        <v>7757</v>
      </c>
      <c r="C1954" s="1" t="s">
        <v>35</v>
      </c>
      <c r="D1954" s="1" t="s">
        <v>7779</v>
      </c>
      <c r="E1954" s="1" t="s">
        <v>7780</v>
      </c>
      <c r="F1954" s="1" t="s">
        <v>7781</v>
      </c>
      <c r="G1954" s="1" t="s">
        <v>7761</v>
      </c>
      <c r="H1954" s="1" t="s">
        <v>13</v>
      </c>
      <c r="I1954" s="1" t="s">
        <v>7762</v>
      </c>
      <c r="J1954" s="1" t="s">
        <v>7782</v>
      </c>
    </row>
    <row r="1955" spans="1:10" x14ac:dyDescent="0.35">
      <c r="A1955" s="1" t="s">
        <v>7756</v>
      </c>
      <c r="B1955" s="1" t="s">
        <v>7757</v>
      </c>
      <c r="C1955" s="1" t="s">
        <v>40</v>
      </c>
      <c r="D1955" s="1" t="s">
        <v>7783</v>
      </c>
      <c r="E1955" s="1" t="s">
        <v>7784</v>
      </c>
      <c r="F1955" s="1" t="s">
        <v>7785</v>
      </c>
      <c r="G1955" s="1" t="s">
        <v>7761</v>
      </c>
      <c r="H1955" s="1" t="s">
        <v>13</v>
      </c>
      <c r="I1955" s="1" t="s">
        <v>7762</v>
      </c>
      <c r="J1955" s="1" t="s">
        <v>7786</v>
      </c>
    </row>
    <row r="1956" spans="1:10" x14ac:dyDescent="0.35">
      <c r="A1956" s="1" t="s">
        <v>7756</v>
      </c>
      <c r="B1956" s="1" t="s">
        <v>7757</v>
      </c>
      <c r="C1956" s="1" t="s">
        <v>45</v>
      </c>
      <c r="D1956" s="1" t="s">
        <v>7787</v>
      </c>
      <c r="E1956" s="1" t="s">
        <v>7788</v>
      </c>
      <c r="F1956" s="1" t="s">
        <v>7789</v>
      </c>
      <c r="G1956" s="1" t="s">
        <v>7761</v>
      </c>
      <c r="H1956" s="1" t="s">
        <v>13</v>
      </c>
      <c r="I1956" s="1" t="s">
        <v>7762</v>
      </c>
      <c r="J1956" s="1" t="s">
        <v>7790</v>
      </c>
    </row>
    <row r="1957" spans="1:10" x14ac:dyDescent="0.35">
      <c r="A1957" s="1" t="s">
        <v>7756</v>
      </c>
      <c r="B1957" s="1" t="s">
        <v>7757</v>
      </c>
      <c r="C1957" s="1" t="s">
        <v>50</v>
      </c>
      <c r="D1957" s="1" t="s">
        <v>7791</v>
      </c>
      <c r="E1957" s="1" t="s">
        <v>7792</v>
      </c>
      <c r="F1957" s="1" t="s">
        <v>7793</v>
      </c>
      <c r="G1957" s="1" t="s">
        <v>7761</v>
      </c>
      <c r="H1957" s="1" t="s">
        <v>13</v>
      </c>
      <c r="I1957" s="1" t="s">
        <v>7762</v>
      </c>
      <c r="J1957" s="1" t="s">
        <v>7794</v>
      </c>
    </row>
    <row r="1958" spans="1:10" x14ac:dyDescent="0.35">
      <c r="A1958" s="1" t="s">
        <v>7756</v>
      </c>
      <c r="B1958" s="1" t="s">
        <v>7757</v>
      </c>
      <c r="C1958" s="1" t="s">
        <v>55</v>
      </c>
      <c r="D1958" s="1" t="s">
        <v>7795</v>
      </c>
      <c r="E1958" s="1" t="s">
        <v>7796</v>
      </c>
      <c r="F1958" s="1" t="s">
        <v>7797</v>
      </c>
      <c r="G1958" s="1" t="s">
        <v>7761</v>
      </c>
      <c r="H1958" s="1" t="s">
        <v>13</v>
      </c>
      <c r="I1958" s="1" t="s">
        <v>7762</v>
      </c>
      <c r="J1958" s="1" t="s">
        <v>7798</v>
      </c>
    </row>
    <row r="1959" spans="1:10" x14ac:dyDescent="0.35">
      <c r="A1959" s="1" t="s">
        <v>7756</v>
      </c>
      <c r="B1959" s="1" t="s">
        <v>7757</v>
      </c>
      <c r="C1959" s="1" t="s">
        <v>60</v>
      </c>
      <c r="D1959" s="1" t="s">
        <v>7799</v>
      </c>
      <c r="E1959" s="1" t="s">
        <v>7800</v>
      </c>
      <c r="F1959" s="1" t="s">
        <v>7801</v>
      </c>
      <c r="G1959" s="1" t="s">
        <v>7761</v>
      </c>
      <c r="H1959" s="1" t="s">
        <v>13</v>
      </c>
      <c r="I1959" s="1" t="s">
        <v>7762</v>
      </c>
      <c r="J1959" s="1" t="s">
        <v>7802</v>
      </c>
    </row>
    <row r="1960" spans="1:10" x14ac:dyDescent="0.35">
      <c r="A1960" s="1" t="s">
        <v>7756</v>
      </c>
      <c r="B1960" s="1" t="s">
        <v>7757</v>
      </c>
      <c r="C1960" s="1" t="s">
        <v>65</v>
      </c>
      <c r="D1960" s="1" t="s">
        <v>7803</v>
      </c>
      <c r="E1960" s="1" t="s">
        <v>7804</v>
      </c>
      <c r="F1960" s="1" t="s">
        <v>7805</v>
      </c>
      <c r="G1960" s="1" t="s">
        <v>7761</v>
      </c>
      <c r="H1960" s="1" t="s">
        <v>13</v>
      </c>
      <c r="I1960" s="1" t="s">
        <v>7762</v>
      </c>
      <c r="J1960" s="1" t="s">
        <v>7806</v>
      </c>
    </row>
    <row r="1961" spans="1:10" x14ac:dyDescent="0.35">
      <c r="A1961" s="1" t="s">
        <v>7756</v>
      </c>
      <c r="B1961" s="1" t="s">
        <v>7757</v>
      </c>
      <c r="C1961" s="1" t="s">
        <v>70</v>
      </c>
      <c r="D1961" s="1" t="s">
        <v>7807</v>
      </c>
      <c r="E1961" s="1" t="s">
        <v>7808</v>
      </c>
      <c r="F1961" s="1" t="s">
        <v>7809</v>
      </c>
      <c r="G1961" s="1" t="s">
        <v>7761</v>
      </c>
      <c r="H1961" s="1" t="s">
        <v>13</v>
      </c>
      <c r="I1961" s="1" t="s">
        <v>7762</v>
      </c>
      <c r="J1961" s="1" t="s">
        <v>7810</v>
      </c>
    </row>
    <row r="1962" spans="1:10" x14ac:dyDescent="0.35">
      <c r="A1962" s="1" t="s">
        <v>7756</v>
      </c>
      <c r="B1962" s="1" t="s">
        <v>7757</v>
      </c>
      <c r="C1962" s="1" t="s">
        <v>75</v>
      </c>
      <c r="D1962" s="1" t="s">
        <v>7811</v>
      </c>
      <c r="E1962" s="1" t="s">
        <v>7812</v>
      </c>
      <c r="F1962" s="1" t="s">
        <v>7813</v>
      </c>
      <c r="G1962" s="1" t="s">
        <v>7761</v>
      </c>
      <c r="H1962" s="1" t="s">
        <v>13</v>
      </c>
      <c r="I1962" s="1" t="s">
        <v>7762</v>
      </c>
      <c r="J1962" s="1" t="s">
        <v>7814</v>
      </c>
    </row>
    <row r="1963" spans="1:10" x14ac:dyDescent="0.35">
      <c r="A1963" s="1" t="s">
        <v>7756</v>
      </c>
      <c r="B1963" s="1" t="s">
        <v>7757</v>
      </c>
      <c r="C1963" s="1" t="s">
        <v>80</v>
      </c>
      <c r="D1963" s="1" t="s">
        <v>7815</v>
      </c>
      <c r="E1963" s="1" t="s">
        <v>7816</v>
      </c>
      <c r="F1963" s="1" t="s">
        <v>7817</v>
      </c>
      <c r="G1963" s="1" t="s">
        <v>7761</v>
      </c>
      <c r="H1963" s="1" t="s">
        <v>13</v>
      </c>
      <c r="I1963" s="1" t="s">
        <v>7762</v>
      </c>
      <c r="J1963" s="1" t="s">
        <v>7818</v>
      </c>
    </row>
    <row r="1964" spans="1:10" x14ac:dyDescent="0.35">
      <c r="A1964" s="1" t="s">
        <v>7756</v>
      </c>
      <c r="B1964" s="1" t="s">
        <v>7757</v>
      </c>
      <c r="C1964" s="1" t="s">
        <v>85</v>
      </c>
      <c r="D1964" s="1" t="s">
        <v>7819</v>
      </c>
      <c r="E1964" s="1" t="s">
        <v>7820</v>
      </c>
      <c r="F1964" s="1" t="s">
        <v>7821</v>
      </c>
      <c r="G1964" s="1" t="s">
        <v>7761</v>
      </c>
      <c r="H1964" s="1" t="s">
        <v>13</v>
      </c>
      <c r="I1964" s="1" t="s">
        <v>7762</v>
      </c>
      <c r="J1964" s="1" t="s">
        <v>7822</v>
      </c>
    </row>
    <row r="1965" spans="1:10" x14ac:dyDescent="0.35">
      <c r="A1965" s="1" t="s">
        <v>7756</v>
      </c>
      <c r="B1965" s="1" t="s">
        <v>7757</v>
      </c>
      <c r="C1965" s="1" t="s">
        <v>90</v>
      </c>
      <c r="D1965" s="1" t="s">
        <v>7823</v>
      </c>
      <c r="E1965" s="1" t="s">
        <v>7824</v>
      </c>
      <c r="F1965" s="1" t="s">
        <v>7825</v>
      </c>
      <c r="G1965" s="1" t="s">
        <v>7761</v>
      </c>
      <c r="H1965" s="1" t="s">
        <v>13</v>
      </c>
      <c r="I1965" s="1" t="s">
        <v>7762</v>
      </c>
      <c r="J1965" s="1" t="s">
        <v>7826</v>
      </c>
    </row>
    <row r="1966" spans="1:10" x14ac:dyDescent="0.35">
      <c r="A1966" s="1" t="s">
        <v>7756</v>
      </c>
      <c r="B1966" s="1" t="s">
        <v>7757</v>
      </c>
      <c r="C1966" s="1" t="s">
        <v>95</v>
      </c>
      <c r="D1966" s="1" t="s">
        <v>7827</v>
      </c>
      <c r="E1966" s="1" t="s">
        <v>7828</v>
      </c>
      <c r="F1966" s="1" t="s">
        <v>7829</v>
      </c>
      <c r="G1966" s="1" t="s">
        <v>7761</v>
      </c>
      <c r="H1966" s="1" t="s">
        <v>13</v>
      </c>
      <c r="I1966" s="1" t="s">
        <v>7762</v>
      </c>
      <c r="J1966" s="1" t="s">
        <v>7830</v>
      </c>
    </row>
    <row r="1967" spans="1:10" x14ac:dyDescent="0.35">
      <c r="A1967" s="1" t="s">
        <v>7756</v>
      </c>
      <c r="B1967" s="1" t="s">
        <v>7757</v>
      </c>
      <c r="C1967" s="1" t="s">
        <v>100</v>
      </c>
      <c r="D1967" s="1" t="s">
        <v>7831</v>
      </c>
      <c r="E1967" s="1" t="s">
        <v>7832</v>
      </c>
      <c r="F1967" s="1" t="s">
        <v>7833</v>
      </c>
      <c r="G1967" s="1" t="s">
        <v>7761</v>
      </c>
      <c r="H1967" s="1" t="s">
        <v>13</v>
      </c>
      <c r="I1967" s="1" t="s">
        <v>7762</v>
      </c>
      <c r="J1967" s="1" t="s">
        <v>7834</v>
      </c>
    </row>
    <row r="1968" spans="1:10" x14ac:dyDescent="0.35">
      <c r="A1968" s="1" t="s">
        <v>7756</v>
      </c>
      <c r="B1968" s="1" t="s">
        <v>7757</v>
      </c>
      <c r="C1968" s="1" t="s">
        <v>105</v>
      </c>
      <c r="D1968" s="1" t="s">
        <v>7835</v>
      </c>
      <c r="E1968" s="1" t="s">
        <v>7836</v>
      </c>
      <c r="F1968" s="1" t="s">
        <v>7837</v>
      </c>
      <c r="G1968" s="1" t="s">
        <v>7761</v>
      </c>
      <c r="H1968" s="1" t="s">
        <v>13</v>
      </c>
      <c r="I1968" s="1" t="s">
        <v>7762</v>
      </c>
      <c r="J1968" s="1" t="s">
        <v>7838</v>
      </c>
    </row>
    <row r="1969" spans="1:10" x14ac:dyDescent="0.35">
      <c r="A1969" s="1" t="s">
        <v>7756</v>
      </c>
      <c r="B1969" s="1" t="s">
        <v>7757</v>
      </c>
      <c r="C1969" s="1" t="s">
        <v>110</v>
      </c>
      <c r="D1969" s="1" t="s">
        <v>7839</v>
      </c>
      <c r="E1969" s="1" t="s">
        <v>7840</v>
      </c>
      <c r="F1969" s="1" t="s">
        <v>7841</v>
      </c>
      <c r="G1969" s="1" t="s">
        <v>7761</v>
      </c>
      <c r="H1969" s="1" t="s">
        <v>13</v>
      </c>
      <c r="I1969" s="1" t="s">
        <v>7762</v>
      </c>
      <c r="J1969" s="1" t="s">
        <v>7842</v>
      </c>
    </row>
    <row r="1970" spans="1:10" x14ac:dyDescent="0.35">
      <c r="A1970" s="1" t="s">
        <v>7756</v>
      </c>
      <c r="B1970" s="1" t="s">
        <v>7757</v>
      </c>
      <c r="C1970" s="1" t="s">
        <v>115</v>
      </c>
      <c r="D1970" s="1" t="s">
        <v>7843</v>
      </c>
      <c r="E1970" s="1" t="s">
        <v>7844</v>
      </c>
      <c r="F1970" s="1" t="s">
        <v>7845</v>
      </c>
      <c r="G1970" s="1" t="s">
        <v>7761</v>
      </c>
      <c r="H1970" s="1" t="s">
        <v>13</v>
      </c>
      <c r="I1970" s="1" t="s">
        <v>7762</v>
      </c>
      <c r="J1970" s="1" t="s">
        <v>7846</v>
      </c>
    </row>
    <row r="1971" spans="1:10" x14ac:dyDescent="0.35">
      <c r="A1971" s="1" t="s">
        <v>7756</v>
      </c>
      <c r="B1971" s="1" t="s">
        <v>7757</v>
      </c>
      <c r="C1971" s="1" t="s">
        <v>120</v>
      </c>
      <c r="D1971" s="1" t="s">
        <v>7847</v>
      </c>
      <c r="E1971" s="1" t="s">
        <v>7848</v>
      </c>
      <c r="F1971" s="1" t="s">
        <v>7849</v>
      </c>
      <c r="G1971" s="1" t="s">
        <v>7761</v>
      </c>
      <c r="H1971" s="1" t="s">
        <v>13</v>
      </c>
      <c r="I1971" s="1" t="s">
        <v>7762</v>
      </c>
      <c r="J1971" s="1" t="s">
        <v>7850</v>
      </c>
    </row>
    <row r="1972" spans="1:10" x14ac:dyDescent="0.35">
      <c r="A1972" s="1" t="s">
        <v>7756</v>
      </c>
      <c r="B1972" s="1" t="s">
        <v>7757</v>
      </c>
      <c r="C1972" s="1" t="s">
        <v>125</v>
      </c>
      <c r="D1972" s="1" t="s">
        <v>7851</v>
      </c>
      <c r="E1972" s="1" t="s">
        <v>7852</v>
      </c>
      <c r="F1972" s="1" t="s">
        <v>7853</v>
      </c>
      <c r="G1972" s="1" t="s">
        <v>7761</v>
      </c>
      <c r="H1972" s="1" t="s">
        <v>13</v>
      </c>
      <c r="I1972" s="1" t="s">
        <v>7762</v>
      </c>
      <c r="J1972" s="1" t="s">
        <v>7854</v>
      </c>
    </row>
    <row r="1973" spans="1:10" x14ac:dyDescent="0.35">
      <c r="A1973" s="1" t="s">
        <v>7756</v>
      </c>
      <c r="B1973" s="1" t="s">
        <v>7757</v>
      </c>
      <c r="C1973" s="1" t="s">
        <v>130</v>
      </c>
      <c r="D1973" s="1" t="s">
        <v>7855</v>
      </c>
      <c r="E1973" s="1" t="s">
        <v>7856</v>
      </c>
      <c r="F1973" s="1" t="s">
        <v>7857</v>
      </c>
      <c r="G1973" s="1" t="s">
        <v>7761</v>
      </c>
      <c r="H1973" s="1" t="s">
        <v>13</v>
      </c>
      <c r="I1973" s="1" t="s">
        <v>7762</v>
      </c>
      <c r="J1973" s="1" t="s">
        <v>7858</v>
      </c>
    </row>
    <row r="1974" spans="1:10" x14ac:dyDescent="0.35">
      <c r="A1974" s="1" t="s">
        <v>7756</v>
      </c>
      <c r="B1974" s="1" t="s">
        <v>7757</v>
      </c>
      <c r="C1974" s="1" t="s">
        <v>135</v>
      </c>
      <c r="D1974" s="1" t="s">
        <v>7859</v>
      </c>
      <c r="E1974" s="1" t="s">
        <v>7860</v>
      </c>
      <c r="F1974" s="1" t="s">
        <v>7861</v>
      </c>
      <c r="G1974" s="1" t="s">
        <v>7761</v>
      </c>
      <c r="H1974" s="1" t="s">
        <v>13</v>
      </c>
      <c r="I1974" s="1" t="s">
        <v>7762</v>
      </c>
      <c r="J1974" s="1" t="s">
        <v>7862</v>
      </c>
    </row>
    <row r="1975" spans="1:10" x14ac:dyDescent="0.35">
      <c r="A1975" s="1" t="s">
        <v>7756</v>
      </c>
      <c r="B1975" s="1" t="s">
        <v>7757</v>
      </c>
      <c r="C1975" s="1" t="s">
        <v>140</v>
      </c>
      <c r="D1975" s="1" t="s">
        <v>7863</v>
      </c>
      <c r="E1975" s="1" t="s">
        <v>7864</v>
      </c>
      <c r="F1975" s="1" t="s">
        <v>7865</v>
      </c>
      <c r="G1975" s="1" t="s">
        <v>7761</v>
      </c>
      <c r="H1975" s="1" t="s">
        <v>13</v>
      </c>
      <c r="I1975" s="1" t="s">
        <v>7762</v>
      </c>
      <c r="J1975" s="1" t="s">
        <v>7866</v>
      </c>
    </row>
    <row r="1976" spans="1:10" x14ac:dyDescent="0.35">
      <c r="A1976" s="1" t="s">
        <v>7756</v>
      </c>
      <c r="B1976" s="1" t="s">
        <v>7757</v>
      </c>
      <c r="C1976" s="1" t="s">
        <v>145</v>
      </c>
      <c r="D1976" s="1" t="s">
        <v>7867</v>
      </c>
      <c r="E1976" s="1" t="s">
        <v>7868</v>
      </c>
      <c r="F1976" s="1" t="s">
        <v>7869</v>
      </c>
      <c r="G1976" s="1" t="s">
        <v>7761</v>
      </c>
      <c r="H1976" s="1" t="s">
        <v>13</v>
      </c>
      <c r="I1976" s="1" t="s">
        <v>7762</v>
      </c>
      <c r="J1976" s="1" t="s">
        <v>7870</v>
      </c>
    </row>
    <row r="1977" spans="1:10" x14ac:dyDescent="0.35">
      <c r="A1977" s="1" t="s">
        <v>7756</v>
      </c>
      <c r="B1977" s="1" t="s">
        <v>7757</v>
      </c>
      <c r="C1977" s="1" t="s">
        <v>150</v>
      </c>
      <c r="D1977" s="1" t="s">
        <v>7871</v>
      </c>
      <c r="E1977" s="1" t="s">
        <v>7872</v>
      </c>
      <c r="F1977" s="1" t="s">
        <v>7873</v>
      </c>
      <c r="G1977" s="1" t="s">
        <v>7761</v>
      </c>
      <c r="H1977" s="1" t="s">
        <v>13</v>
      </c>
      <c r="I1977" s="1" t="s">
        <v>7762</v>
      </c>
      <c r="J1977" s="1" t="s">
        <v>7874</v>
      </c>
    </row>
    <row r="1978" spans="1:10" x14ac:dyDescent="0.35">
      <c r="A1978" s="1" t="s">
        <v>7756</v>
      </c>
      <c r="B1978" s="1" t="s">
        <v>7757</v>
      </c>
      <c r="C1978" s="1" t="s">
        <v>155</v>
      </c>
      <c r="D1978" s="1" t="s">
        <v>7875</v>
      </c>
      <c r="E1978" s="1" t="s">
        <v>7876</v>
      </c>
      <c r="F1978" s="1" t="s">
        <v>7877</v>
      </c>
      <c r="G1978" s="1" t="s">
        <v>7761</v>
      </c>
      <c r="H1978" s="1" t="s">
        <v>13</v>
      </c>
      <c r="I1978" s="1" t="s">
        <v>7762</v>
      </c>
      <c r="J1978" s="1" t="s">
        <v>7878</v>
      </c>
    </row>
    <row r="1979" spans="1:10" x14ac:dyDescent="0.35">
      <c r="A1979" s="1" t="s">
        <v>7756</v>
      </c>
      <c r="B1979" s="1" t="s">
        <v>7757</v>
      </c>
      <c r="C1979" s="1" t="s">
        <v>160</v>
      </c>
      <c r="D1979" s="1" t="s">
        <v>7879</v>
      </c>
      <c r="E1979" s="1" t="s">
        <v>7880</v>
      </c>
      <c r="F1979" s="1" t="s">
        <v>7881</v>
      </c>
      <c r="G1979" s="1" t="s">
        <v>7761</v>
      </c>
      <c r="H1979" s="1" t="s">
        <v>13</v>
      </c>
      <c r="I1979" s="1" t="s">
        <v>7762</v>
      </c>
      <c r="J1979" s="1" t="s">
        <v>7882</v>
      </c>
    </row>
    <row r="1980" spans="1:10" x14ac:dyDescent="0.35">
      <c r="A1980" s="1" t="s">
        <v>7756</v>
      </c>
      <c r="B1980" s="1" t="s">
        <v>7757</v>
      </c>
      <c r="C1980" s="1" t="s">
        <v>165</v>
      </c>
      <c r="D1980" s="1" t="s">
        <v>7883</v>
      </c>
      <c r="E1980" s="1" t="s">
        <v>7884</v>
      </c>
      <c r="F1980" s="1" t="s">
        <v>7885</v>
      </c>
      <c r="G1980" s="1" t="s">
        <v>7761</v>
      </c>
      <c r="H1980" s="1" t="s">
        <v>13</v>
      </c>
      <c r="I1980" s="1" t="s">
        <v>7762</v>
      </c>
      <c r="J1980" s="1" t="s">
        <v>7886</v>
      </c>
    </row>
    <row r="1981" spans="1:10" x14ac:dyDescent="0.35">
      <c r="A1981" s="1" t="s">
        <v>7756</v>
      </c>
      <c r="B1981" s="1" t="s">
        <v>7757</v>
      </c>
      <c r="C1981" s="1" t="s">
        <v>170</v>
      </c>
      <c r="D1981" s="1" t="s">
        <v>7887</v>
      </c>
      <c r="E1981" s="1" t="s">
        <v>7888</v>
      </c>
      <c r="F1981" s="1" t="s">
        <v>7889</v>
      </c>
      <c r="G1981" s="1" t="s">
        <v>7761</v>
      </c>
      <c r="H1981" s="1" t="s">
        <v>13</v>
      </c>
      <c r="I1981" s="1" t="s">
        <v>7762</v>
      </c>
      <c r="J1981" s="1" t="s">
        <v>7890</v>
      </c>
    </row>
    <row r="1982" spans="1:10" x14ac:dyDescent="0.35">
      <c r="A1982" s="1" t="s">
        <v>7891</v>
      </c>
      <c r="B1982" s="1" t="s">
        <v>7892</v>
      </c>
      <c r="C1982" s="1" t="s">
        <v>8</v>
      </c>
      <c r="D1982" s="1" t="s">
        <v>7893</v>
      </c>
      <c r="E1982" s="1" t="s">
        <v>7894</v>
      </c>
      <c r="F1982" s="1" t="s">
        <v>7895</v>
      </c>
      <c r="G1982" s="1" t="s">
        <v>7896</v>
      </c>
      <c r="H1982" s="1" t="s">
        <v>13</v>
      </c>
      <c r="I1982" s="1" t="s">
        <v>7897</v>
      </c>
      <c r="J1982" s="1" t="s">
        <v>13</v>
      </c>
    </row>
    <row r="1983" spans="1:10" x14ac:dyDescent="0.35">
      <c r="A1983" s="1" t="s">
        <v>7891</v>
      </c>
      <c r="B1983" s="1" t="s">
        <v>7892</v>
      </c>
      <c r="C1983" s="1" t="s">
        <v>15</v>
      </c>
      <c r="D1983" s="1" t="s">
        <v>7898</v>
      </c>
      <c r="E1983" s="1" t="s">
        <v>7899</v>
      </c>
      <c r="F1983" s="1" t="s">
        <v>7900</v>
      </c>
      <c r="G1983" s="1" t="s">
        <v>7896</v>
      </c>
      <c r="H1983" s="1" t="s">
        <v>13</v>
      </c>
      <c r="I1983" s="1" t="s">
        <v>7897</v>
      </c>
      <c r="J1983" s="1" t="s">
        <v>7901</v>
      </c>
    </row>
    <row r="1984" spans="1:10" x14ac:dyDescent="0.35">
      <c r="A1984" s="1" t="s">
        <v>7891</v>
      </c>
      <c r="B1984" s="1" t="s">
        <v>7892</v>
      </c>
      <c r="C1984" s="1" t="s">
        <v>20</v>
      </c>
      <c r="D1984" s="1" t="s">
        <v>7902</v>
      </c>
      <c r="E1984" s="1" t="s">
        <v>7903</v>
      </c>
      <c r="F1984" s="1" t="s">
        <v>7904</v>
      </c>
      <c r="G1984" s="1" t="s">
        <v>7896</v>
      </c>
      <c r="H1984" s="1" t="s">
        <v>13</v>
      </c>
      <c r="I1984" s="1" t="s">
        <v>7897</v>
      </c>
      <c r="J1984" s="1" t="s">
        <v>7905</v>
      </c>
    </row>
    <row r="1985" spans="1:10" x14ac:dyDescent="0.35">
      <c r="A1985" s="1" t="s">
        <v>7891</v>
      </c>
      <c r="B1985" s="1" t="s">
        <v>7892</v>
      </c>
      <c r="C1985" s="1" t="s">
        <v>25</v>
      </c>
      <c r="D1985" s="1" t="s">
        <v>7906</v>
      </c>
      <c r="E1985" s="1" t="s">
        <v>3067</v>
      </c>
      <c r="F1985" s="1" t="s">
        <v>7907</v>
      </c>
      <c r="G1985" s="1" t="s">
        <v>7896</v>
      </c>
      <c r="H1985" s="1" t="s">
        <v>13</v>
      </c>
      <c r="I1985" s="1" t="s">
        <v>7897</v>
      </c>
      <c r="J1985" s="1" t="s">
        <v>7908</v>
      </c>
    </row>
    <row r="1986" spans="1:10" x14ac:dyDescent="0.35">
      <c r="A1986" s="1" t="s">
        <v>7891</v>
      </c>
      <c r="B1986" s="1" t="s">
        <v>7892</v>
      </c>
      <c r="C1986" s="1" t="s">
        <v>30</v>
      </c>
      <c r="D1986" s="1" t="s">
        <v>6952</v>
      </c>
      <c r="E1986" s="1" t="s">
        <v>7909</v>
      </c>
      <c r="F1986" s="1" t="s">
        <v>7910</v>
      </c>
      <c r="G1986" s="1" t="s">
        <v>7896</v>
      </c>
      <c r="H1986" s="1" t="s">
        <v>13</v>
      </c>
      <c r="I1986" s="1" t="s">
        <v>7897</v>
      </c>
      <c r="J1986" s="1" t="s">
        <v>7911</v>
      </c>
    </row>
    <row r="1987" spans="1:10" x14ac:dyDescent="0.35">
      <c r="A1987" s="1" t="s">
        <v>7891</v>
      </c>
      <c r="B1987" s="1" t="s">
        <v>7892</v>
      </c>
      <c r="C1987" s="1" t="s">
        <v>35</v>
      </c>
      <c r="D1987" s="1" t="s">
        <v>7912</v>
      </c>
      <c r="E1987" s="1" t="s">
        <v>7913</v>
      </c>
      <c r="F1987" s="1" t="s">
        <v>7914</v>
      </c>
      <c r="G1987" s="1" t="s">
        <v>7896</v>
      </c>
      <c r="H1987" s="1" t="s">
        <v>13</v>
      </c>
      <c r="I1987" s="1" t="s">
        <v>7897</v>
      </c>
      <c r="J1987" s="1" t="s">
        <v>7915</v>
      </c>
    </row>
    <row r="1988" spans="1:10" x14ac:dyDescent="0.35">
      <c r="A1988" s="1" t="s">
        <v>7891</v>
      </c>
      <c r="B1988" s="1" t="s">
        <v>7892</v>
      </c>
      <c r="C1988" s="1" t="s">
        <v>40</v>
      </c>
      <c r="D1988" s="1" t="s">
        <v>7916</v>
      </c>
      <c r="E1988" s="1" t="s">
        <v>7917</v>
      </c>
      <c r="F1988" s="1" t="s">
        <v>7918</v>
      </c>
      <c r="G1988" s="1" t="s">
        <v>7896</v>
      </c>
      <c r="H1988" s="1" t="s">
        <v>13</v>
      </c>
      <c r="I1988" s="1" t="s">
        <v>7897</v>
      </c>
      <c r="J1988" s="1" t="s">
        <v>7919</v>
      </c>
    </row>
    <row r="1989" spans="1:10" x14ac:dyDescent="0.35">
      <c r="A1989" s="1" t="s">
        <v>7891</v>
      </c>
      <c r="B1989" s="1" t="s">
        <v>7892</v>
      </c>
      <c r="C1989" s="1" t="s">
        <v>45</v>
      </c>
      <c r="D1989" s="1" t="s">
        <v>7920</v>
      </c>
      <c r="E1989" s="1" t="s">
        <v>7921</v>
      </c>
      <c r="F1989" s="1" t="s">
        <v>7922</v>
      </c>
      <c r="G1989" s="1" t="s">
        <v>7896</v>
      </c>
      <c r="H1989" s="1" t="s">
        <v>13</v>
      </c>
      <c r="I1989" s="1" t="s">
        <v>7897</v>
      </c>
      <c r="J1989" s="1" t="s">
        <v>7923</v>
      </c>
    </row>
    <row r="1990" spans="1:10" x14ac:dyDescent="0.35">
      <c r="A1990" s="1" t="s">
        <v>7891</v>
      </c>
      <c r="B1990" s="1" t="s">
        <v>7892</v>
      </c>
      <c r="C1990" s="1" t="s">
        <v>50</v>
      </c>
      <c r="D1990" s="1" t="s">
        <v>7924</v>
      </c>
      <c r="E1990" s="1" t="s">
        <v>7925</v>
      </c>
      <c r="F1990" s="1" t="s">
        <v>7926</v>
      </c>
      <c r="G1990" s="1" t="s">
        <v>7896</v>
      </c>
      <c r="H1990" s="1" t="s">
        <v>13</v>
      </c>
      <c r="I1990" s="1" t="s">
        <v>7897</v>
      </c>
      <c r="J1990" s="1" t="s">
        <v>7927</v>
      </c>
    </row>
    <row r="1991" spans="1:10" x14ac:dyDescent="0.35">
      <c r="A1991" s="1" t="s">
        <v>7891</v>
      </c>
      <c r="B1991" s="1" t="s">
        <v>7892</v>
      </c>
      <c r="C1991" s="1" t="s">
        <v>55</v>
      </c>
      <c r="D1991" s="1" t="s">
        <v>7928</v>
      </c>
      <c r="E1991" s="1" t="s">
        <v>7929</v>
      </c>
      <c r="F1991" s="1" t="s">
        <v>7930</v>
      </c>
      <c r="G1991" s="1" t="s">
        <v>7896</v>
      </c>
      <c r="H1991" s="1" t="s">
        <v>13</v>
      </c>
      <c r="I1991" s="1" t="s">
        <v>7897</v>
      </c>
      <c r="J1991" s="1" t="s">
        <v>7931</v>
      </c>
    </row>
    <row r="1992" spans="1:10" x14ac:dyDescent="0.35">
      <c r="A1992" s="1" t="s">
        <v>7891</v>
      </c>
      <c r="B1992" s="1" t="s">
        <v>7892</v>
      </c>
      <c r="C1992" s="1" t="s">
        <v>60</v>
      </c>
      <c r="D1992" s="1" t="s">
        <v>7932</v>
      </c>
      <c r="E1992" s="1" t="s">
        <v>7933</v>
      </c>
      <c r="F1992" s="1" t="s">
        <v>7934</v>
      </c>
      <c r="G1992" s="1" t="s">
        <v>7896</v>
      </c>
      <c r="H1992" s="1" t="s">
        <v>13</v>
      </c>
      <c r="I1992" s="1" t="s">
        <v>7897</v>
      </c>
      <c r="J1992" s="1" t="s">
        <v>7935</v>
      </c>
    </row>
    <row r="1993" spans="1:10" x14ac:dyDescent="0.35">
      <c r="A1993" s="1" t="s">
        <v>7891</v>
      </c>
      <c r="B1993" s="1" t="s">
        <v>7892</v>
      </c>
      <c r="C1993" s="1" t="s">
        <v>65</v>
      </c>
      <c r="D1993" s="1" t="s">
        <v>5099</v>
      </c>
      <c r="E1993" s="1" t="s">
        <v>7936</v>
      </c>
      <c r="F1993" s="1" t="s">
        <v>7937</v>
      </c>
      <c r="G1993" s="1" t="s">
        <v>7896</v>
      </c>
      <c r="H1993" s="1" t="s">
        <v>13</v>
      </c>
      <c r="I1993" s="1" t="s">
        <v>7897</v>
      </c>
      <c r="J1993" s="1" t="s">
        <v>7938</v>
      </c>
    </row>
    <row r="1994" spans="1:10" x14ac:dyDescent="0.35">
      <c r="A1994" s="1" t="s">
        <v>7891</v>
      </c>
      <c r="B1994" s="1" t="s">
        <v>7892</v>
      </c>
      <c r="C1994" s="1" t="s">
        <v>70</v>
      </c>
      <c r="D1994" s="1" t="s">
        <v>7074</v>
      </c>
      <c r="E1994" s="1" t="s">
        <v>7939</v>
      </c>
      <c r="F1994" s="1" t="s">
        <v>7940</v>
      </c>
      <c r="G1994" s="1" t="s">
        <v>7896</v>
      </c>
      <c r="H1994" s="1" t="s">
        <v>13</v>
      </c>
      <c r="I1994" s="1" t="s">
        <v>7897</v>
      </c>
      <c r="J1994" s="1" t="s">
        <v>7941</v>
      </c>
    </row>
    <row r="1995" spans="1:10" x14ac:dyDescent="0.35">
      <c r="A1995" s="1" t="s">
        <v>7891</v>
      </c>
      <c r="B1995" s="1" t="s">
        <v>7892</v>
      </c>
      <c r="C1995" s="1" t="s">
        <v>75</v>
      </c>
      <c r="D1995" s="1" t="s">
        <v>7942</v>
      </c>
      <c r="E1995" s="1" t="s">
        <v>7943</v>
      </c>
      <c r="F1995" s="1" t="s">
        <v>7944</v>
      </c>
      <c r="G1995" s="1" t="s">
        <v>7896</v>
      </c>
      <c r="H1995" s="1" t="s">
        <v>13</v>
      </c>
      <c r="I1995" s="1" t="s">
        <v>7897</v>
      </c>
      <c r="J1995" s="1" t="s">
        <v>7945</v>
      </c>
    </row>
    <row r="1996" spans="1:10" x14ac:dyDescent="0.35">
      <c r="A1996" s="1" t="s">
        <v>7891</v>
      </c>
      <c r="B1996" s="1" t="s">
        <v>7892</v>
      </c>
      <c r="C1996" s="1" t="s">
        <v>80</v>
      </c>
      <c r="D1996" s="1" t="s">
        <v>7946</v>
      </c>
      <c r="E1996" s="1" t="s">
        <v>7947</v>
      </c>
      <c r="F1996" s="1" t="s">
        <v>7948</v>
      </c>
      <c r="G1996" s="1" t="s">
        <v>7896</v>
      </c>
      <c r="H1996" s="1" t="s">
        <v>13</v>
      </c>
      <c r="I1996" s="1" t="s">
        <v>7897</v>
      </c>
      <c r="J1996" s="1" t="s">
        <v>7949</v>
      </c>
    </row>
    <row r="1997" spans="1:10" x14ac:dyDescent="0.35">
      <c r="A1997" s="1" t="s">
        <v>7891</v>
      </c>
      <c r="B1997" s="1" t="s">
        <v>7892</v>
      </c>
      <c r="C1997" s="1" t="s">
        <v>85</v>
      </c>
      <c r="D1997" s="1" t="s">
        <v>2370</v>
      </c>
      <c r="E1997" s="1" t="s">
        <v>7950</v>
      </c>
      <c r="F1997" s="1" t="s">
        <v>7951</v>
      </c>
      <c r="G1997" s="1" t="s">
        <v>7896</v>
      </c>
      <c r="H1997" s="1" t="s">
        <v>13</v>
      </c>
      <c r="I1997" s="1" t="s">
        <v>7897</v>
      </c>
      <c r="J1997" s="1" t="s">
        <v>7952</v>
      </c>
    </row>
    <row r="1998" spans="1:10" x14ac:dyDescent="0.35">
      <c r="A1998" s="1" t="s">
        <v>7891</v>
      </c>
      <c r="B1998" s="1" t="s">
        <v>7892</v>
      </c>
      <c r="C1998" s="1" t="s">
        <v>90</v>
      </c>
      <c r="D1998" s="1" t="s">
        <v>7953</v>
      </c>
      <c r="E1998" s="1" t="s">
        <v>7954</v>
      </c>
      <c r="F1998" s="1" t="s">
        <v>7955</v>
      </c>
      <c r="G1998" s="1" t="s">
        <v>7896</v>
      </c>
      <c r="H1998" s="1" t="s">
        <v>13</v>
      </c>
      <c r="I1998" s="1" t="s">
        <v>7897</v>
      </c>
      <c r="J1998" s="1" t="s">
        <v>7956</v>
      </c>
    </row>
    <row r="1999" spans="1:10" x14ac:dyDescent="0.35">
      <c r="A1999" s="1" t="s">
        <v>7891</v>
      </c>
      <c r="B1999" s="1" t="s">
        <v>7892</v>
      </c>
      <c r="C1999" s="1" t="s">
        <v>95</v>
      </c>
      <c r="D1999" s="1" t="s">
        <v>7957</v>
      </c>
      <c r="E1999" s="1" t="s">
        <v>7958</v>
      </c>
      <c r="F1999" s="1" t="s">
        <v>7959</v>
      </c>
      <c r="G1999" s="1" t="s">
        <v>7896</v>
      </c>
      <c r="H1999" s="1" t="s">
        <v>13</v>
      </c>
      <c r="I1999" s="1" t="s">
        <v>7897</v>
      </c>
      <c r="J1999" s="1" t="s">
        <v>7960</v>
      </c>
    </row>
    <row r="2000" spans="1:10" x14ac:dyDescent="0.35">
      <c r="A2000" s="1" t="s">
        <v>7891</v>
      </c>
      <c r="B2000" s="1" t="s">
        <v>7892</v>
      </c>
      <c r="C2000" s="1" t="s">
        <v>100</v>
      </c>
      <c r="D2000" s="1" t="s">
        <v>7961</v>
      </c>
      <c r="E2000" s="1" t="s">
        <v>7962</v>
      </c>
      <c r="F2000" s="1" t="s">
        <v>7963</v>
      </c>
      <c r="G2000" s="1" t="s">
        <v>7896</v>
      </c>
      <c r="H2000" s="1" t="s">
        <v>13</v>
      </c>
      <c r="I2000" s="1" t="s">
        <v>7897</v>
      </c>
      <c r="J2000" s="1" t="s">
        <v>7964</v>
      </c>
    </row>
    <row r="2001" spans="1:10" x14ac:dyDescent="0.35">
      <c r="A2001" s="1" t="s">
        <v>7891</v>
      </c>
      <c r="B2001" s="1" t="s">
        <v>7892</v>
      </c>
      <c r="C2001" s="1" t="s">
        <v>105</v>
      </c>
      <c r="D2001" s="1" t="s">
        <v>7965</v>
      </c>
      <c r="E2001" s="1" t="s">
        <v>7966</v>
      </c>
      <c r="F2001" s="1" t="s">
        <v>7967</v>
      </c>
      <c r="G2001" s="1" t="s">
        <v>7896</v>
      </c>
      <c r="H2001" s="1" t="s">
        <v>13</v>
      </c>
      <c r="I2001" s="1" t="s">
        <v>7897</v>
      </c>
      <c r="J2001" s="1" t="s">
        <v>7968</v>
      </c>
    </row>
    <row r="2002" spans="1:10" x14ac:dyDescent="0.35">
      <c r="A2002" s="1" t="s">
        <v>7891</v>
      </c>
      <c r="B2002" s="1" t="s">
        <v>7892</v>
      </c>
      <c r="C2002" s="1" t="s">
        <v>110</v>
      </c>
      <c r="D2002" s="1" t="s">
        <v>7969</v>
      </c>
      <c r="E2002" s="1" t="s">
        <v>7970</v>
      </c>
      <c r="F2002" s="1" t="s">
        <v>7971</v>
      </c>
      <c r="G2002" s="1" t="s">
        <v>7896</v>
      </c>
      <c r="H2002" s="1" t="s">
        <v>13</v>
      </c>
      <c r="I2002" s="1" t="s">
        <v>7897</v>
      </c>
      <c r="J2002" s="1" t="s">
        <v>7972</v>
      </c>
    </row>
    <row r="2003" spans="1:10" x14ac:dyDescent="0.35">
      <c r="A2003" s="1" t="s">
        <v>7891</v>
      </c>
      <c r="B2003" s="1" t="s">
        <v>7892</v>
      </c>
      <c r="C2003" s="1" t="s">
        <v>115</v>
      </c>
      <c r="D2003" s="1" t="s">
        <v>7973</v>
      </c>
      <c r="E2003" s="1" t="s">
        <v>507</v>
      </c>
      <c r="F2003" s="1" t="s">
        <v>7974</v>
      </c>
      <c r="G2003" s="1" t="s">
        <v>7896</v>
      </c>
      <c r="H2003" s="1" t="s">
        <v>13</v>
      </c>
      <c r="I2003" s="1" t="s">
        <v>7897</v>
      </c>
      <c r="J2003" s="1" t="s">
        <v>7975</v>
      </c>
    </row>
    <row r="2004" spans="1:10" x14ac:dyDescent="0.35">
      <c r="A2004" s="1" t="s">
        <v>7891</v>
      </c>
      <c r="B2004" s="1" t="s">
        <v>7892</v>
      </c>
      <c r="C2004" s="1" t="s">
        <v>120</v>
      </c>
      <c r="D2004" s="1" t="s">
        <v>7976</v>
      </c>
      <c r="E2004" s="1" t="s">
        <v>7977</v>
      </c>
      <c r="F2004" s="1" t="s">
        <v>7978</v>
      </c>
      <c r="G2004" s="1" t="s">
        <v>7896</v>
      </c>
      <c r="H2004" s="1" t="s">
        <v>13</v>
      </c>
      <c r="I2004" s="1" t="s">
        <v>7897</v>
      </c>
      <c r="J2004" s="1" t="s">
        <v>7979</v>
      </c>
    </row>
    <row r="2005" spans="1:10" x14ac:dyDescent="0.35">
      <c r="A2005" s="1" t="s">
        <v>7891</v>
      </c>
      <c r="B2005" s="1" t="s">
        <v>7892</v>
      </c>
      <c r="C2005" s="1" t="s">
        <v>125</v>
      </c>
      <c r="D2005" s="1" t="s">
        <v>7980</v>
      </c>
      <c r="E2005" s="1" t="s">
        <v>7981</v>
      </c>
      <c r="F2005" s="1" t="s">
        <v>7982</v>
      </c>
      <c r="G2005" s="1" t="s">
        <v>7896</v>
      </c>
      <c r="H2005" s="1" t="s">
        <v>13</v>
      </c>
      <c r="I2005" s="1" t="s">
        <v>7897</v>
      </c>
      <c r="J2005" s="1" t="s">
        <v>7983</v>
      </c>
    </row>
    <row r="2006" spans="1:10" x14ac:dyDescent="0.35">
      <c r="A2006" s="1" t="s">
        <v>7891</v>
      </c>
      <c r="B2006" s="1" t="s">
        <v>7892</v>
      </c>
      <c r="C2006" s="1" t="s">
        <v>130</v>
      </c>
      <c r="D2006" s="1" t="s">
        <v>7984</v>
      </c>
      <c r="E2006" s="1" t="s">
        <v>7985</v>
      </c>
      <c r="F2006" s="1" t="s">
        <v>7986</v>
      </c>
      <c r="G2006" s="1" t="s">
        <v>7896</v>
      </c>
      <c r="H2006" s="1" t="s">
        <v>13</v>
      </c>
      <c r="I2006" s="1" t="s">
        <v>7897</v>
      </c>
      <c r="J2006" s="1" t="s">
        <v>7987</v>
      </c>
    </row>
    <row r="2007" spans="1:10" x14ac:dyDescent="0.35">
      <c r="A2007" s="1" t="s">
        <v>7891</v>
      </c>
      <c r="B2007" s="1" t="s">
        <v>7892</v>
      </c>
      <c r="C2007" s="1" t="s">
        <v>135</v>
      </c>
      <c r="D2007" s="1" t="s">
        <v>7988</v>
      </c>
      <c r="E2007" s="1" t="s">
        <v>7989</v>
      </c>
      <c r="F2007" s="1" t="s">
        <v>7990</v>
      </c>
      <c r="G2007" s="1" t="s">
        <v>7896</v>
      </c>
      <c r="H2007" s="1" t="s">
        <v>13</v>
      </c>
      <c r="I2007" s="1" t="s">
        <v>7897</v>
      </c>
      <c r="J2007" s="1" t="s">
        <v>7991</v>
      </c>
    </row>
    <row r="2008" spans="1:10" x14ac:dyDescent="0.35">
      <c r="A2008" s="1" t="s">
        <v>7891</v>
      </c>
      <c r="B2008" s="1" t="s">
        <v>7892</v>
      </c>
      <c r="C2008" s="1" t="s">
        <v>140</v>
      </c>
      <c r="D2008" s="1" t="s">
        <v>7992</v>
      </c>
      <c r="E2008" s="1" t="s">
        <v>7993</v>
      </c>
      <c r="F2008" s="1" t="s">
        <v>7994</v>
      </c>
      <c r="G2008" s="1" t="s">
        <v>7896</v>
      </c>
      <c r="H2008" s="1" t="s">
        <v>13</v>
      </c>
      <c r="I2008" s="1" t="s">
        <v>7897</v>
      </c>
      <c r="J2008" s="1" t="s">
        <v>7995</v>
      </c>
    </row>
    <row r="2009" spans="1:10" x14ac:dyDescent="0.35">
      <c r="A2009" s="1" t="s">
        <v>7891</v>
      </c>
      <c r="B2009" s="1" t="s">
        <v>7892</v>
      </c>
      <c r="C2009" s="1" t="s">
        <v>145</v>
      </c>
      <c r="D2009" s="1" t="s">
        <v>7996</v>
      </c>
      <c r="E2009" s="1" t="s">
        <v>7997</v>
      </c>
      <c r="F2009" s="1" t="s">
        <v>7998</v>
      </c>
      <c r="G2009" s="1" t="s">
        <v>7896</v>
      </c>
      <c r="H2009" s="1" t="s">
        <v>13</v>
      </c>
      <c r="I2009" s="1" t="s">
        <v>7897</v>
      </c>
      <c r="J2009" s="1" t="s">
        <v>7999</v>
      </c>
    </row>
    <row r="2010" spans="1:10" x14ac:dyDescent="0.35">
      <c r="A2010" s="1" t="s">
        <v>7891</v>
      </c>
      <c r="B2010" s="1" t="s">
        <v>7892</v>
      </c>
      <c r="C2010" s="1" t="s">
        <v>150</v>
      </c>
      <c r="D2010" s="1" t="s">
        <v>8000</v>
      </c>
      <c r="E2010" s="1" t="s">
        <v>515</v>
      </c>
      <c r="F2010" s="1" t="s">
        <v>8001</v>
      </c>
      <c r="G2010" s="1" t="s">
        <v>7896</v>
      </c>
      <c r="H2010" s="1" t="s">
        <v>13</v>
      </c>
      <c r="I2010" s="1" t="s">
        <v>7897</v>
      </c>
      <c r="J2010" s="1" t="s">
        <v>8002</v>
      </c>
    </row>
    <row r="2011" spans="1:10" x14ac:dyDescent="0.35">
      <c r="A2011" s="1" t="s">
        <v>7891</v>
      </c>
      <c r="B2011" s="1" t="s">
        <v>7892</v>
      </c>
      <c r="C2011" s="1" t="s">
        <v>155</v>
      </c>
      <c r="D2011" s="1" t="s">
        <v>1436</v>
      </c>
      <c r="E2011" s="1" t="s">
        <v>8003</v>
      </c>
      <c r="F2011" s="1" t="s">
        <v>8004</v>
      </c>
      <c r="G2011" s="1" t="s">
        <v>7896</v>
      </c>
      <c r="H2011" s="1" t="s">
        <v>13</v>
      </c>
      <c r="I2011" s="1" t="s">
        <v>7897</v>
      </c>
      <c r="J2011" s="1" t="s">
        <v>8005</v>
      </c>
    </row>
    <row r="2012" spans="1:10" x14ac:dyDescent="0.35">
      <c r="A2012" s="1" t="s">
        <v>7891</v>
      </c>
      <c r="B2012" s="1" t="s">
        <v>7892</v>
      </c>
      <c r="C2012" s="1" t="s">
        <v>160</v>
      </c>
      <c r="D2012" s="1" t="s">
        <v>8006</v>
      </c>
      <c r="E2012" s="1" t="s">
        <v>8007</v>
      </c>
      <c r="F2012" s="1" t="s">
        <v>8008</v>
      </c>
      <c r="G2012" s="1" t="s">
        <v>7896</v>
      </c>
      <c r="H2012" s="1" t="s">
        <v>13</v>
      </c>
      <c r="I2012" s="1" t="s">
        <v>7897</v>
      </c>
      <c r="J2012" s="1" t="s">
        <v>8009</v>
      </c>
    </row>
    <row r="2013" spans="1:10" x14ac:dyDescent="0.35">
      <c r="A2013" s="1" t="s">
        <v>7891</v>
      </c>
      <c r="B2013" s="1" t="s">
        <v>7892</v>
      </c>
      <c r="C2013" s="1" t="s">
        <v>165</v>
      </c>
      <c r="D2013" s="1" t="s">
        <v>8010</v>
      </c>
      <c r="E2013" s="1" t="s">
        <v>8011</v>
      </c>
      <c r="F2013" s="1" t="s">
        <v>8012</v>
      </c>
      <c r="G2013" s="1" t="s">
        <v>7896</v>
      </c>
      <c r="H2013" s="1" t="s">
        <v>13</v>
      </c>
      <c r="I2013" s="1" t="s">
        <v>7897</v>
      </c>
      <c r="J2013" s="1" t="s">
        <v>8013</v>
      </c>
    </row>
    <row r="2014" spans="1:10" x14ac:dyDescent="0.35">
      <c r="A2014" s="1" t="s">
        <v>7891</v>
      </c>
      <c r="B2014" s="1" t="s">
        <v>7892</v>
      </c>
      <c r="C2014" s="1" t="s">
        <v>170</v>
      </c>
      <c r="D2014" s="1" t="s">
        <v>8014</v>
      </c>
      <c r="E2014" s="1" t="s">
        <v>8015</v>
      </c>
      <c r="F2014" s="1" t="s">
        <v>8016</v>
      </c>
      <c r="G2014" s="1" t="s">
        <v>7896</v>
      </c>
      <c r="H2014" s="1" t="s">
        <v>13</v>
      </c>
      <c r="I2014" s="1" t="s">
        <v>7897</v>
      </c>
      <c r="J2014" s="1" t="s">
        <v>8017</v>
      </c>
    </row>
    <row r="2015" spans="1:10" x14ac:dyDescent="0.35">
      <c r="A2015" s="1" t="s">
        <v>8018</v>
      </c>
      <c r="B2015" s="1" t="s">
        <v>8019</v>
      </c>
      <c r="C2015" s="1" t="s">
        <v>8</v>
      </c>
      <c r="D2015" s="1" t="s">
        <v>8020</v>
      </c>
      <c r="E2015" s="1" t="s">
        <v>8021</v>
      </c>
      <c r="F2015" s="1" t="s">
        <v>8022</v>
      </c>
      <c r="G2015" s="1" t="s">
        <v>8023</v>
      </c>
      <c r="H2015" s="1" t="s">
        <v>13</v>
      </c>
      <c r="I2015" s="1" t="s">
        <v>8024</v>
      </c>
      <c r="J2015" s="1" t="s">
        <v>13</v>
      </c>
    </row>
    <row r="2016" spans="1:10" x14ac:dyDescent="0.35">
      <c r="A2016" s="1" t="s">
        <v>8018</v>
      </c>
      <c r="B2016" s="1" t="s">
        <v>8019</v>
      </c>
      <c r="C2016" s="1" t="s">
        <v>15</v>
      </c>
      <c r="D2016" s="1" t="s">
        <v>4689</v>
      </c>
      <c r="E2016" s="1" t="s">
        <v>8025</v>
      </c>
      <c r="F2016" s="1" t="s">
        <v>8026</v>
      </c>
      <c r="G2016" s="1" t="s">
        <v>8023</v>
      </c>
      <c r="H2016" s="1" t="s">
        <v>13</v>
      </c>
      <c r="I2016" s="1" t="s">
        <v>8024</v>
      </c>
      <c r="J2016" s="1" t="s">
        <v>8027</v>
      </c>
    </row>
    <row r="2017" spans="1:10" x14ac:dyDescent="0.35">
      <c r="A2017" s="1" t="s">
        <v>8018</v>
      </c>
      <c r="B2017" s="1" t="s">
        <v>8019</v>
      </c>
      <c r="C2017" s="1" t="s">
        <v>20</v>
      </c>
      <c r="D2017" s="1" t="s">
        <v>8028</v>
      </c>
      <c r="E2017" s="1" t="s">
        <v>8029</v>
      </c>
      <c r="F2017" s="1" t="s">
        <v>8030</v>
      </c>
      <c r="G2017" s="1" t="s">
        <v>8023</v>
      </c>
      <c r="H2017" s="1" t="s">
        <v>13</v>
      </c>
      <c r="I2017" s="1" t="s">
        <v>8024</v>
      </c>
      <c r="J2017" s="1" t="s">
        <v>8031</v>
      </c>
    </row>
    <row r="2018" spans="1:10" x14ac:dyDescent="0.35">
      <c r="A2018" s="1" t="s">
        <v>8018</v>
      </c>
      <c r="B2018" s="1" t="s">
        <v>8019</v>
      </c>
      <c r="C2018" s="1" t="s">
        <v>25</v>
      </c>
      <c r="D2018" s="1" t="s">
        <v>8032</v>
      </c>
      <c r="E2018" s="1" t="s">
        <v>8025</v>
      </c>
      <c r="F2018" s="1" t="s">
        <v>8033</v>
      </c>
      <c r="G2018" s="1" t="s">
        <v>8023</v>
      </c>
      <c r="H2018" s="1" t="s">
        <v>13</v>
      </c>
      <c r="I2018" s="1" t="s">
        <v>8024</v>
      </c>
      <c r="J2018" s="1" t="s">
        <v>8034</v>
      </c>
    </row>
    <row r="2019" spans="1:10" x14ac:dyDescent="0.35">
      <c r="A2019" s="1" t="s">
        <v>8018</v>
      </c>
      <c r="B2019" s="1" t="s">
        <v>8019</v>
      </c>
      <c r="C2019" s="1" t="s">
        <v>30</v>
      </c>
      <c r="D2019" s="1" t="s">
        <v>8035</v>
      </c>
      <c r="E2019" s="1" t="s">
        <v>8036</v>
      </c>
      <c r="F2019" s="1" t="s">
        <v>8037</v>
      </c>
      <c r="G2019" s="1" t="s">
        <v>8023</v>
      </c>
      <c r="H2019" s="1" t="s">
        <v>13</v>
      </c>
      <c r="I2019" s="1" t="s">
        <v>8024</v>
      </c>
      <c r="J2019" s="1" t="s">
        <v>8038</v>
      </c>
    </row>
    <row r="2020" spans="1:10" x14ac:dyDescent="0.35">
      <c r="A2020" s="1" t="s">
        <v>8018</v>
      </c>
      <c r="B2020" s="1" t="s">
        <v>8019</v>
      </c>
      <c r="C2020" s="1" t="s">
        <v>35</v>
      </c>
      <c r="D2020" s="1" t="s">
        <v>320</v>
      </c>
      <c r="E2020" s="1" t="s">
        <v>8039</v>
      </c>
      <c r="F2020" s="1" t="s">
        <v>8040</v>
      </c>
      <c r="G2020" s="1" t="s">
        <v>8023</v>
      </c>
      <c r="H2020" s="1" t="s">
        <v>13</v>
      </c>
      <c r="I2020" s="1" t="s">
        <v>8024</v>
      </c>
      <c r="J2020" s="1" t="s">
        <v>8041</v>
      </c>
    </row>
    <row r="2021" spans="1:10" x14ac:dyDescent="0.35">
      <c r="A2021" s="1" t="s">
        <v>8018</v>
      </c>
      <c r="B2021" s="1" t="s">
        <v>8019</v>
      </c>
      <c r="C2021" s="1" t="s">
        <v>40</v>
      </c>
      <c r="D2021" s="1" t="s">
        <v>8042</v>
      </c>
      <c r="E2021" s="1" t="s">
        <v>8043</v>
      </c>
      <c r="F2021" s="1" t="s">
        <v>8044</v>
      </c>
      <c r="G2021" s="1" t="s">
        <v>8023</v>
      </c>
      <c r="H2021" s="1" t="s">
        <v>13</v>
      </c>
      <c r="I2021" s="1" t="s">
        <v>8024</v>
      </c>
      <c r="J2021" s="1" t="s">
        <v>8045</v>
      </c>
    </row>
    <row r="2022" spans="1:10" x14ac:dyDescent="0.35">
      <c r="A2022" s="1" t="s">
        <v>8018</v>
      </c>
      <c r="B2022" s="1" t="s">
        <v>8019</v>
      </c>
      <c r="C2022" s="1" t="s">
        <v>45</v>
      </c>
      <c r="D2022" s="1" t="s">
        <v>8046</v>
      </c>
      <c r="E2022" s="1" t="s">
        <v>8047</v>
      </c>
      <c r="F2022" s="1" t="s">
        <v>8048</v>
      </c>
      <c r="G2022" s="1" t="s">
        <v>8023</v>
      </c>
      <c r="H2022" s="1" t="s">
        <v>13</v>
      </c>
      <c r="I2022" s="1" t="s">
        <v>8024</v>
      </c>
      <c r="J2022" s="1" t="s">
        <v>8049</v>
      </c>
    </row>
    <row r="2023" spans="1:10" x14ac:dyDescent="0.35">
      <c r="A2023" s="1" t="s">
        <v>8018</v>
      </c>
      <c r="B2023" s="1" t="s">
        <v>8019</v>
      </c>
      <c r="C2023" s="1" t="s">
        <v>50</v>
      </c>
      <c r="D2023" s="1" t="s">
        <v>8050</v>
      </c>
      <c r="E2023" s="1" t="s">
        <v>8051</v>
      </c>
      <c r="F2023" s="1" t="s">
        <v>8052</v>
      </c>
      <c r="G2023" s="1" t="s">
        <v>8023</v>
      </c>
      <c r="H2023" s="1" t="s">
        <v>13</v>
      </c>
      <c r="I2023" s="1" t="s">
        <v>8024</v>
      </c>
      <c r="J2023" s="1" t="s">
        <v>8053</v>
      </c>
    </row>
    <row r="2024" spans="1:10" x14ac:dyDescent="0.35">
      <c r="A2024" s="1" t="s">
        <v>8018</v>
      </c>
      <c r="B2024" s="1" t="s">
        <v>8019</v>
      </c>
      <c r="C2024" s="1" t="s">
        <v>55</v>
      </c>
      <c r="D2024" s="1" t="s">
        <v>8054</v>
      </c>
      <c r="E2024" s="1" t="s">
        <v>8055</v>
      </c>
      <c r="F2024" s="1" t="s">
        <v>8056</v>
      </c>
      <c r="G2024" s="1" t="s">
        <v>8023</v>
      </c>
      <c r="H2024" s="1" t="s">
        <v>13</v>
      </c>
      <c r="I2024" s="1" t="s">
        <v>8024</v>
      </c>
      <c r="J2024" s="1" t="s">
        <v>8057</v>
      </c>
    </row>
    <row r="2025" spans="1:10" x14ac:dyDescent="0.35">
      <c r="A2025" s="1" t="s">
        <v>8018</v>
      </c>
      <c r="B2025" s="1" t="s">
        <v>8019</v>
      </c>
      <c r="C2025" s="1" t="s">
        <v>60</v>
      </c>
      <c r="D2025" s="1" t="s">
        <v>8046</v>
      </c>
      <c r="E2025" s="1" t="s">
        <v>8058</v>
      </c>
      <c r="F2025" s="1" t="s">
        <v>8059</v>
      </c>
      <c r="G2025" s="1" t="s">
        <v>8023</v>
      </c>
      <c r="H2025" s="1" t="s">
        <v>13</v>
      </c>
      <c r="I2025" s="1" t="s">
        <v>8024</v>
      </c>
      <c r="J2025" s="1" t="s">
        <v>8060</v>
      </c>
    </row>
    <row r="2026" spans="1:10" x14ac:dyDescent="0.35">
      <c r="A2026" s="1" t="s">
        <v>8018</v>
      </c>
      <c r="B2026" s="1" t="s">
        <v>8019</v>
      </c>
      <c r="C2026" s="1" t="s">
        <v>65</v>
      </c>
      <c r="D2026" s="1" t="s">
        <v>8061</v>
      </c>
      <c r="E2026" s="1" t="s">
        <v>8062</v>
      </c>
      <c r="F2026" s="1" t="s">
        <v>8063</v>
      </c>
      <c r="G2026" s="1" t="s">
        <v>8023</v>
      </c>
      <c r="H2026" s="1" t="s">
        <v>13</v>
      </c>
      <c r="I2026" s="1" t="s">
        <v>8024</v>
      </c>
      <c r="J2026" s="1" t="s">
        <v>8064</v>
      </c>
    </row>
    <row r="2027" spans="1:10" x14ac:dyDescent="0.35">
      <c r="A2027" s="1" t="s">
        <v>8018</v>
      </c>
      <c r="B2027" s="1" t="s">
        <v>8019</v>
      </c>
      <c r="C2027" s="1" t="s">
        <v>70</v>
      </c>
      <c r="D2027" s="1" t="s">
        <v>8065</v>
      </c>
      <c r="E2027" s="1" t="s">
        <v>8066</v>
      </c>
      <c r="F2027" s="1" t="s">
        <v>8067</v>
      </c>
      <c r="G2027" s="1" t="s">
        <v>8023</v>
      </c>
      <c r="H2027" s="1" t="s">
        <v>13</v>
      </c>
      <c r="I2027" s="1" t="s">
        <v>8024</v>
      </c>
      <c r="J2027" s="1" t="s">
        <v>8068</v>
      </c>
    </row>
    <row r="2028" spans="1:10" x14ac:dyDescent="0.35">
      <c r="A2028" s="1" t="s">
        <v>8018</v>
      </c>
      <c r="B2028" s="1" t="s">
        <v>8019</v>
      </c>
      <c r="C2028" s="1" t="s">
        <v>75</v>
      </c>
      <c r="D2028" s="1" t="s">
        <v>5712</v>
      </c>
      <c r="E2028" s="1" t="s">
        <v>8069</v>
      </c>
      <c r="F2028" s="1" t="s">
        <v>8070</v>
      </c>
      <c r="G2028" s="1" t="s">
        <v>8023</v>
      </c>
      <c r="H2028" s="1" t="s">
        <v>13</v>
      </c>
      <c r="I2028" s="1" t="s">
        <v>8024</v>
      </c>
      <c r="J2028" s="1" t="s">
        <v>8071</v>
      </c>
    </row>
    <row r="2029" spans="1:10" x14ac:dyDescent="0.35">
      <c r="A2029" s="1" t="s">
        <v>8018</v>
      </c>
      <c r="B2029" s="1" t="s">
        <v>8019</v>
      </c>
      <c r="C2029" s="1" t="s">
        <v>80</v>
      </c>
      <c r="D2029" s="1" t="s">
        <v>8072</v>
      </c>
      <c r="E2029" s="1" t="s">
        <v>8073</v>
      </c>
      <c r="F2029" s="1" t="s">
        <v>8074</v>
      </c>
      <c r="G2029" s="1" t="s">
        <v>8023</v>
      </c>
      <c r="H2029" s="1" t="s">
        <v>13</v>
      </c>
      <c r="I2029" s="1" t="s">
        <v>8024</v>
      </c>
      <c r="J2029" s="1" t="s">
        <v>8075</v>
      </c>
    </row>
    <row r="2030" spans="1:10" x14ac:dyDescent="0.35">
      <c r="A2030" s="1" t="s">
        <v>8018</v>
      </c>
      <c r="B2030" s="1" t="s">
        <v>8019</v>
      </c>
      <c r="C2030" s="1" t="s">
        <v>85</v>
      </c>
      <c r="D2030" s="1" t="s">
        <v>328</v>
      </c>
      <c r="E2030" s="1" t="s">
        <v>8076</v>
      </c>
      <c r="F2030" s="1" t="s">
        <v>8077</v>
      </c>
      <c r="G2030" s="1" t="s">
        <v>8023</v>
      </c>
      <c r="H2030" s="1" t="s">
        <v>13</v>
      </c>
      <c r="I2030" s="1" t="s">
        <v>8024</v>
      </c>
      <c r="J2030" s="1" t="s">
        <v>8078</v>
      </c>
    </row>
    <row r="2031" spans="1:10" x14ac:dyDescent="0.35">
      <c r="A2031" s="1" t="s">
        <v>8018</v>
      </c>
      <c r="B2031" s="1" t="s">
        <v>8019</v>
      </c>
      <c r="C2031" s="1" t="s">
        <v>90</v>
      </c>
      <c r="D2031" s="1" t="s">
        <v>8079</v>
      </c>
      <c r="E2031" s="1" t="s">
        <v>8080</v>
      </c>
      <c r="F2031" s="1" t="s">
        <v>8081</v>
      </c>
      <c r="G2031" s="1" t="s">
        <v>8023</v>
      </c>
      <c r="H2031" s="1" t="s">
        <v>13</v>
      </c>
      <c r="I2031" s="1" t="s">
        <v>8024</v>
      </c>
      <c r="J2031" s="1" t="s">
        <v>8082</v>
      </c>
    </row>
    <row r="2032" spans="1:10" x14ac:dyDescent="0.35">
      <c r="A2032" s="1" t="s">
        <v>8018</v>
      </c>
      <c r="B2032" s="1" t="s">
        <v>8019</v>
      </c>
      <c r="C2032" s="1" t="s">
        <v>95</v>
      </c>
      <c r="D2032" s="1" t="s">
        <v>8083</v>
      </c>
      <c r="E2032" s="1" t="s">
        <v>8084</v>
      </c>
      <c r="F2032" s="1" t="s">
        <v>8085</v>
      </c>
      <c r="G2032" s="1" t="s">
        <v>8023</v>
      </c>
      <c r="H2032" s="1" t="s">
        <v>13</v>
      </c>
      <c r="I2032" s="1" t="s">
        <v>8024</v>
      </c>
      <c r="J2032" s="1" t="s">
        <v>8086</v>
      </c>
    </row>
    <row r="2033" spans="1:10" x14ac:dyDescent="0.35">
      <c r="A2033" s="1" t="s">
        <v>8018</v>
      </c>
      <c r="B2033" s="1" t="s">
        <v>8019</v>
      </c>
      <c r="C2033" s="1" t="s">
        <v>100</v>
      </c>
      <c r="D2033" s="1" t="s">
        <v>8087</v>
      </c>
      <c r="E2033" s="1" t="s">
        <v>8088</v>
      </c>
      <c r="F2033" s="1" t="s">
        <v>8089</v>
      </c>
      <c r="G2033" s="1" t="s">
        <v>8023</v>
      </c>
      <c r="H2033" s="1" t="s">
        <v>13</v>
      </c>
      <c r="I2033" s="1" t="s">
        <v>8024</v>
      </c>
      <c r="J2033" s="1" t="s">
        <v>8090</v>
      </c>
    </row>
    <row r="2034" spans="1:10" x14ac:dyDescent="0.35">
      <c r="A2034" s="1" t="s">
        <v>8018</v>
      </c>
      <c r="B2034" s="1" t="s">
        <v>8019</v>
      </c>
      <c r="C2034" s="1" t="s">
        <v>105</v>
      </c>
      <c r="D2034" s="1" t="s">
        <v>8091</v>
      </c>
      <c r="E2034" s="1" t="s">
        <v>8092</v>
      </c>
      <c r="F2034" s="1" t="s">
        <v>8093</v>
      </c>
      <c r="G2034" s="1" t="s">
        <v>8023</v>
      </c>
      <c r="H2034" s="1" t="s">
        <v>13</v>
      </c>
      <c r="I2034" s="1" t="s">
        <v>8024</v>
      </c>
      <c r="J2034" s="1" t="s">
        <v>8094</v>
      </c>
    </row>
    <row r="2035" spans="1:10" x14ac:dyDescent="0.35">
      <c r="A2035" s="1" t="s">
        <v>8018</v>
      </c>
      <c r="B2035" s="1" t="s">
        <v>8019</v>
      </c>
      <c r="C2035" s="1" t="s">
        <v>110</v>
      </c>
      <c r="D2035" s="1" t="s">
        <v>8095</v>
      </c>
      <c r="E2035" s="1" t="s">
        <v>8096</v>
      </c>
      <c r="F2035" s="1" t="s">
        <v>8097</v>
      </c>
      <c r="G2035" s="1" t="s">
        <v>8023</v>
      </c>
      <c r="H2035" s="1" t="s">
        <v>13</v>
      </c>
      <c r="I2035" s="1" t="s">
        <v>8024</v>
      </c>
      <c r="J2035" s="1" t="s">
        <v>8098</v>
      </c>
    </row>
    <row r="2036" spans="1:10" x14ac:dyDescent="0.35">
      <c r="A2036" s="1" t="s">
        <v>8018</v>
      </c>
      <c r="B2036" s="1" t="s">
        <v>8019</v>
      </c>
      <c r="C2036" s="1" t="s">
        <v>115</v>
      </c>
      <c r="D2036" s="1" t="s">
        <v>8099</v>
      </c>
      <c r="E2036" s="1" t="s">
        <v>8100</v>
      </c>
      <c r="F2036" s="1" t="s">
        <v>8101</v>
      </c>
      <c r="G2036" s="1" t="s">
        <v>8023</v>
      </c>
      <c r="H2036" s="1" t="s">
        <v>13</v>
      </c>
      <c r="I2036" s="1" t="s">
        <v>8024</v>
      </c>
      <c r="J2036" s="1" t="s">
        <v>8102</v>
      </c>
    </row>
    <row r="2037" spans="1:10" x14ac:dyDescent="0.35">
      <c r="A2037" s="1" t="s">
        <v>8018</v>
      </c>
      <c r="B2037" s="1" t="s">
        <v>8019</v>
      </c>
      <c r="C2037" s="1" t="s">
        <v>120</v>
      </c>
      <c r="D2037" s="1" t="s">
        <v>8103</v>
      </c>
      <c r="E2037" s="1" t="s">
        <v>8104</v>
      </c>
      <c r="F2037" s="1" t="s">
        <v>8105</v>
      </c>
      <c r="G2037" s="1" t="s">
        <v>8023</v>
      </c>
      <c r="H2037" s="1" t="s">
        <v>13</v>
      </c>
      <c r="I2037" s="1" t="s">
        <v>8024</v>
      </c>
      <c r="J2037" s="1" t="s">
        <v>8106</v>
      </c>
    </row>
    <row r="2038" spans="1:10" x14ac:dyDescent="0.35">
      <c r="A2038" s="1" t="s">
        <v>8018</v>
      </c>
      <c r="B2038" s="1" t="s">
        <v>8019</v>
      </c>
      <c r="C2038" s="1" t="s">
        <v>125</v>
      </c>
      <c r="D2038" s="1" t="s">
        <v>8107</v>
      </c>
      <c r="E2038" s="1" t="s">
        <v>8108</v>
      </c>
      <c r="F2038" s="1" t="s">
        <v>8109</v>
      </c>
      <c r="G2038" s="1" t="s">
        <v>8023</v>
      </c>
      <c r="H2038" s="1" t="s">
        <v>13</v>
      </c>
      <c r="I2038" s="1" t="s">
        <v>8024</v>
      </c>
      <c r="J2038" s="1" t="s">
        <v>8110</v>
      </c>
    </row>
    <row r="2039" spans="1:10" x14ac:dyDescent="0.35">
      <c r="A2039" s="1" t="s">
        <v>8018</v>
      </c>
      <c r="B2039" s="1" t="s">
        <v>8019</v>
      </c>
      <c r="C2039" s="1" t="s">
        <v>130</v>
      </c>
      <c r="D2039" s="1" t="s">
        <v>8111</v>
      </c>
      <c r="E2039" s="1" t="s">
        <v>8088</v>
      </c>
      <c r="F2039" s="1" t="s">
        <v>8112</v>
      </c>
      <c r="G2039" s="1" t="s">
        <v>8023</v>
      </c>
      <c r="H2039" s="1" t="s">
        <v>13</v>
      </c>
      <c r="I2039" s="1" t="s">
        <v>8024</v>
      </c>
      <c r="J2039" s="1" t="s">
        <v>8113</v>
      </c>
    </row>
    <row r="2040" spans="1:10" x14ac:dyDescent="0.35">
      <c r="A2040" s="1" t="s">
        <v>8018</v>
      </c>
      <c r="B2040" s="1" t="s">
        <v>8019</v>
      </c>
      <c r="C2040" s="1" t="s">
        <v>135</v>
      </c>
      <c r="D2040" s="1" t="s">
        <v>2125</v>
      </c>
      <c r="E2040" s="1" t="s">
        <v>8092</v>
      </c>
      <c r="F2040" s="1" t="s">
        <v>8114</v>
      </c>
      <c r="G2040" s="1" t="s">
        <v>8023</v>
      </c>
      <c r="H2040" s="1" t="s">
        <v>13</v>
      </c>
      <c r="I2040" s="1" t="s">
        <v>8024</v>
      </c>
      <c r="J2040" s="1" t="s">
        <v>8115</v>
      </c>
    </row>
    <row r="2041" spans="1:10" x14ac:dyDescent="0.35">
      <c r="A2041" s="1" t="s">
        <v>8018</v>
      </c>
      <c r="B2041" s="1" t="s">
        <v>8019</v>
      </c>
      <c r="C2041" s="1" t="s">
        <v>140</v>
      </c>
      <c r="D2041" s="1" t="s">
        <v>8116</v>
      </c>
      <c r="E2041" s="1" t="s">
        <v>8117</v>
      </c>
      <c r="F2041" s="1" t="s">
        <v>8118</v>
      </c>
      <c r="G2041" s="1" t="s">
        <v>8023</v>
      </c>
      <c r="H2041" s="1" t="s">
        <v>13</v>
      </c>
      <c r="I2041" s="1" t="s">
        <v>8024</v>
      </c>
      <c r="J2041" s="1" t="s">
        <v>8119</v>
      </c>
    </row>
    <row r="2042" spans="1:10" x14ac:dyDescent="0.35">
      <c r="A2042" s="1" t="s">
        <v>8018</v>
      </c>
      <c r="B2042" s="1" t="s">
        <v>8019</v>
      </c>
      <c r="C2042" s="1" t="s">
        <v>145</v>
      </c>
      <c r="D2042" s="1" t="s">
        <v>8120</v>
      </c>
      <c r="E2042" s="1" t="s">
        <v>8062</v>
      </c>
      <c r="F2042" s="1" t="s">
        <v>8121</v>
      </c>
      <c r="G2042" s="1" t="s">
        <v>8023</v>
      </c>
      <c r="H2042" s="1" t="s">
        <v>13</v>
      </c>
      <c r="I2042" s="1" t="s">
        <v>8024</v>
      </c>
      <c r="J2042" s="1" t="s">
        <v>8122</v>
      </c>
    </row>
    <row r="2043" spans="1:10" x14ac:dyDescent="0.35">
      <c r="A2043" s="1" t="s">
        <v>8018</v>
      </c>
      <c r="B2043" s="1" t="s">
        <v>8019</v>
      </c>
      <c r="C2043" s="1" t="s">
        <v>150</v>
      </c>
      <c r="D2043" s="1" t="s">
        <v>8123</v>
      </c>
      <c r="E2043" s="1" t="s">
        <v>8124</v>
      </c>
      <c r="F2043" s="1" t="s">
        <v>8125</v>
      </c>
      <c r="G2043" s="1" t="s">
        <v>8023</v>
      </c>
      <c r="H2043" s="1" t="s">
        <v>13</v>
      </c>
      <c r="I2043" s="1" t="s">
        <v>8024</v>
      </c>
      <c r="J2043" s="1" t="s">
        <v>8126</v>
      </c>
    </row>
    <row r="2044" spans="1:10" x14ac:dyDescent="0.35">
      <c r="A2044" s="1" t="s">
        <v>8018</v>
      </c>
      <c r="B2044" s="1" t="s">
        <v>8019</v>
      </c>
      <c r="C2044" s="1" t="s">
        <v>155</v>
      </c>
      <c r="D2044" s="1" t="s">
        <v>8127</v>
      </c>
      <c r="E2044" s="1" t="s">
        <v>8128</v>
      </c>
      <c r="F2044" s="1" t="s">
        <v>8129</v>
      </c>
      <c r="G2044" s="1" t="s">
        <v>8023</v>
      </c>
      <c r="H2044" s="1" t="s">
        <v>13</v>
      </c>
      <c r="I2044" s="1" t="s">
        <v>8024</v>
      </c>
      <c r="J2044" s="1" t="s">
        <v>8130</v>
      </c>
    </row>
    <row r="2045" spans="1:10" x14ac:dyDescent="0.35">
      <c r="A2045" s="1" t="s">
        <v>8018</v>
      </c>
      <c r="B2045" s="1" t="s">
        <v>8019</v>
      </c>
      <c r="C2045" s="1" t="s">
        <v>160</v>
      </c>
      <c r="D2045" s="1" t="s">
        <v>8131</v>
      </c>
      <c r="E2045" s="1" t="s">
        <v>8096</v>
      </c>
      <c r="F2045" s="1" t="s">
        <v>8132</v>
      </c>
      <c r="G2045" s="1" t="s">
        <v>8023</v>
      </c>
      <c r="H2045" s="1" t="s">
        <v>13</v>
      </c>
      <c r="I2045" s="1" t="s">
        <v>8024</v>
      </c>
      <c r="J2045" s="1" t="s">
        <v>8133</v>
      </c>
    </row>
    <row r="2046" spans="1:10" x14ac:dyDescent="0.35">
      <c r="A2046" s="1" t="s">
        <v>8018</v>
      </c>
      <c r="B2046" s="1" t="s">
        <v>8019</v>
      </c>
      <c r="C2046" s="1" t="s">
        <v>165</v>
      </c>
      <c r="D2046" s="1" t="s">
        <v>8134</v>
      </c>
      <c r="E2046" s="1" t="s">
        <v>8135</v>
      </c>
      <c r="F2046" s="1" t="s">
        <v>8136</v>
      </c>
      <c r="G2046" s="1" t="s">
        <v>8023</v>
      </c>
      <c r="H2046" s="1" t="s">
        <v>13</v>
      </c>
      <c r="I2046" s="1" t="s">
        <v>8024</v>
      </c>
      <c r="J2046" s="1" t="s">
        <v>8137</v>
      </c>
    </row>
    <row r="2047" spans="1:10" x14ac:dyDescent="0.35">
      <c r="A2047" s="1" t="s">
        <v>8018</v>
      </c>
      <c r="B2047" s="1" t="s">
        <v>8019</v>
      </c>
      <c r="C2047" s="1" t="s">
        <v>170</v>
      </c>
      <c r="D2047" s="1" t="s">
        <v>8138</v>
      </c>
      <c r="E2047" s="1" t="s">
        <v>8139</v>
      </c>
      <c r="F2047" s="1" t="s">
        <v>8140</v>
      </c>
      <c r="G2047" s="1" t="s">
        <v>8023</v>
      </c>
      <c r="H2047" s="1" t="s">
        <v>13</v>
      </c>
      <c r="I2047" s="1" t="s">
        <v>8024</v>
      </c>
      <c r="J2047" s="1" t="s">
        <v>8141</v>
      </c>
    </row>
    <row r="2048" spans="1:10" x14ac:dyDescent="0.35">
      <c r="A2048" s="1" t="s">
        <v>8142</v>
      </c>
      <c r="B2048" s="1" t="s">
        <v>8143</v>
      </c>
      <c r="C2048" s="1" t="s">
        <v>8</v>
      </c>
      <c r="D2048" s="1" t="s">
        <v>8144</v>
      </c>
      <c r="E2048" s="1" t="s">
        <v>8145</v>
      </c>
      <c r="F2048" s="1" t="s">
        <v>8146</v>
      </c>
      <c r="G2048" s="1" t="s">
        <v>8147</v>
      </c>
      <c r="H2048" s="1" t="s">
        <v>13</v>
      </c>
      <c r="I2048" s="1" t="s">
        <v>8148</v>
      </c>
      <c r="J2048" s="1" t="s">
        <v>13</v>
      </c>
    </row>
    <row r="2049" spans="1:10" x14ac:dyDescent="0.35">
      <c r="A2049" s="1" t="s">
        <v>8142</v>
      </c>
      <c r="B2049" s="1" t="s">
        <v>8143</v>
      </c>
      <c r="C2049" s="1" t="s">
        <v>15</v>
      </c>
      <c r="D2049" s="1" t="s">
        <v>8149</v>
      </c>
      <c r="E2049" s="1" t="s">
        <v>8150</v>
      </c>
      <c r="F2049" s="1" t="s">
        <v>8151</v>
      </c>
      <c r="G2049" s="1" t="s">
        <v>8147</v>
      </c>
      <c r="H2049" s="1" t="s">
        <v>13</v>
      </c>
      <c r="I2049" s="1" t="s">
        <v>8148</v>
      </c>
      <c r="J2049" s="1" t="s">
        <v>8152</v>
      </c>
    </row>
    <row r="2050" spans="1:10" x14ac:dyDescent="0.35">
      <c r="A2050" s="1" t="s">
        <v>8142</v>
      </c>
      <c r="B2050" s="1" t="s">
        <v>8143</v>
      </c>
      <c r="C2050" s="1" t="s">
        <v>20</v>
      </c>
      <c r="D2050" s="1" t="s">
        <v>8153</v>
      </c>
      <c r="E2050" s="1" t="s">
        <v>8154</v>
      </c>
      <c r="F2050" s="1" t="s">
        <v>8155</v>
      </c>
      <c r="G2050" s="1" t="s">
        <v>8147</v>
      </c>
      <c r="H2050" s="1" t="s">
        <v>13</v>
      </c>
      <c r="I2050" s="1" t="s">
        <v>8148</v>
      </c>
      <c r="J2050" s="1" t="s">
        <v>8156</v>
      </c>
    </row>
    <row r="2051" spans="1:10" x14ac:dyDescent="0.35">
      <c r="A2051" s="1" t="s">
        <v>8142</v>
      </c>
      <c r="B2051" s="1" t="s">
        <v>8143</v>
      </c>
      <c r="C2051" s="1" t="s">
        <v>25</v>
      </c>
      <c r="D2051" s="1" t="s">
        <v>8157</v>
      </c>
      <c r="E2051" s="1" t="s">
        <v>8158</v>
      </c>
      <c r="F2051" s="1" t="s">
        <v>8159</v>
      </c>
      <c r="G2051" s="1" t="s">
        <v>8147</v>
      </c>
      <c r="H2051" s="1" t="s">
        <v>13</v>
      </c>
      <c r="I2051" s="1" t="s">
        <v>8148</v>
      </c>
      <c r="J2051" s="1" t="s">
        <v>8160</v>
      </c>
    </row>
    <row r="2052" spans="1:10" x14ac:dyDescent="0.35">
      <c r="A2052" s="1" t="s">
        <v>8142</v>
      </c>
      <c r="B2052" s="1" t="s">
        <v>8143</v>
      </c>
      <c r="C2052" s="1" t="s">
        <v>30</v>
      </c>
      <c r="D2052" s="1" t="s">
        <v>8161</v>
      </c>
      <c r="E2052" s="1" t="s">
        <v>8162</v>
      </c>
      <c r="F2052" s="1" t="s">
        <v>8163</v>
      </c>
      <c r="G2052" s="1" t="s">
        <v>8147</v>
      </c>
      <c r="H2052" s="1" t="s">
        <v>13</v>
      </c>
      <c r="I2052" s="1" t="s">
        <v>8148</v>
      </c>
      <c r="J2052" s="1" t="s">
        <v>8164</v>
      </c>
    </row>
    <row r="2053" spans="1:10" x14ac:dyDescent="0.35">
      <c r="A2053" s="1" t="s">
        <v>8142</v>
      </c>
      <c r="B2053" s="1" t="s">
        <v>8143</v>
      </c>
      <c r="C2053" s="1" t="s">
        <v>35</v>
      </c>
      <c r="D2053" s="1" t="s">
        <v>8165</v>
      </c>
      <c r="E2053" s="1" t="s">
        <v>8166</v>
      </c>
      <c r="F2053" s="1" t="s">
        <v>8167</v>
      </c>
      <c r="G2053" s="1" t="s">
        <v>8147</v>
      </c>
      <c r="H2053" s="1" t="s">
        <v>13</v>
      </c>
      <c r="I2053" s="1" t="s">
        <v>8148</v>
      </c>
      <c r="J2053" s="1" t="s">
        <v>8168</v>
      </c>
    </row>
    <row r="2054" spans="1:10" x14ac:dyDescent="0.35">
      <c r="A2054" s="1" t="s">
        <v>8142</v>
      </c>
      <c r="B2054" s="1" t="s">
        <v>8143</v>
      </c>
      <c r="C2054" s="1" t="s">
        <v>40</v>
      </c>
      <c r="D2054" s="1" t="s">
        <v>8169</v>
      </c>
      <c r="E2054" s="1" t="s">
        <v>8170</v>
      </c>
      <c r="F2054" s="1" t="s">
        <v>8171</v>
      </c>
      <c r="G2054" s="1" t="s">
        <v>8147</v>
      </c>
      <c r="H2054" s="1" t="s">
        <v>13</v>
      </c>
      <c r="I2054" s="1" t="s">
        <v>8148</v>
      </c>
      <c r="J2054" s="1" t="s">
        <v>8172</v>
      </c>
    </row>
    <row r="2055" spans="1:10" x14ac:dyDescent="0.35">
      <c r="A2055" s="1" t="s">
        <v>8142</v>
      </c>
      <c r="B2055" s="1" t="s">
        <v>8143</v>
      </c>
      <c r="C2055" s="1" t="s">
        <v>45</v>
      </c>
      <c r="D2055" s="1" t="s">
        <v>8173</v>
      </c>
      <c r="E2055" s="1" t="s">
        <v>8174</v>
      </c>
      <c r="F2055" s="1" t="s">
        <v>8175</v>
      </c>
      <c r="G2055" s="1" t="s">
        <v>8147</v>
      </c>
      <c r="H2055" s="1" t="s">
        <v>13</v>
      </c>
      <c r="I2055" s="1" t="s">
        <v>8148</v>
      </c>
      <c r="J2055" s="1" t="s">
        <v>8176</v>
      </c>
    </row>
    <row r="2056" spans="1:10" x14ac:dyDescent="0.35">
      <c r="A2056" s="1" t="s">
        <v>8142</v>
      </c>
      <c r="B2056" s="1" t="s">
        <v>8143</v>
      </c>
      <c r="C2056" s="1" t="s">
        <v>50</v>
      </c>
      <c r="D2056" s="1" t="s">
        <v>8177</v>
      </c>
      <c r="E2056" s="1" t="s">
        <v>8178</v>
      </c>
      <c r="F2056" s="1" t="s">
        <v>8179</v>
      </c>
      <c r="G2056" s="1" t="s">
        <v>8147</v>
      </c>
      <c r="H2056" s="1" t="s">
        <v>13</v>
      </c>
      <c r="I2056" s="1" t="s">
        <v>8148</v>
      </c>
      <c r="J2056" s="1" t="s">
        <v>8180</v>
      </c>
    </row>
    <row r="2057" spans="1:10" x14ac:dyDescent="0.35">
      <c r="A2057" s="1" t="s">
        <v>8142</v>
      </c>
      <c r="B2057" s="1" t="s">
        <v>8143</v>
      </c>
      <c r="C2057" s="1" t="s">
        <v>55</v>
      </c>
      <c r="D2057" s="1" t="s">
        <v>8181</v>
      </c>
      <c r="E2057" s="1" t="s">
        <v>8182</v>
      </c>
      <c r="F2057" s="1" t="s">
        <v>8183</v>
      </c>
      <c r="G2057" s="1" t="s">
        <v>8147</v>
      </c>
      <c r="H2057" s="1" t="s">
        <v>13</v>
      </c>
      <c r="I2057" s="1" t="s">
        <v>8148</v>
      </c>
      <c r="J2057" s="1" t="s">
        <v>8184</v>
      </c>
    </row>
    <row r="2058" spans="1:10" x14ac:dyDescent="0.35">
      <c r="A2058" s="1" t="s">
        <v>8142</v>
      </c>
      <c r="B2058" s="1" t="s">
        <v>8143</v>
      </c>
      <c r="C2058" s="1" t="s">
        <v>60</v>
      </c>
      <c r="D2058" s="1" t="s">
        <v>8185</v>
      </c>
      <c r="E2058" s="1" t="s">
        <v>8186</v>
      </c>
      <c r="F2058" s="1" t="s">
        <v>8187</v>
      </c>
      <c r="G2058" s="1" t="s">
        <v>8147</v>
      </c>
      <c r="H2058" s="1" t="s">
        <v>13</v>
      </c>
      <c r="I2058" s="1" t="s">
        <v>8148</v>
      </c>
      <c r="J2058" s="1" t="s">
        <v>8188</v>
      </c>
    </row>
    <row r="2059" spans="1:10" x14ac:dyDescent="0.35">
      <c r="A2059" s="1" t="s">
        <v>8142</v>
      </c>
      <c r="B2059" s="1" t="s">
        <v>8143</v>
      </c>
      <c r="C2059" s="1" t="s">
        <v>65</v>
      </c>
      <c r="D2059" s="1" t="s">
        <v>8189</v>
      </c>
      <c r="E2059" s="1" t="s">
        <v>8190</v>
      </c>
      <c r="F2059" s="1" t="s">
        <v>8191</v>
      </c>
      <c r="G2059" s="1" t="s">
        <v>8147</v>
      </c>
      <c r="H2059" s="1" t="s">
        <v>13</v>
      </c>
      <c r="I2059" s="1" t="s">
        <v>8148</v>
      </c>
      <c r="J2059" s="1" t="s">
        <v>8192</v>
      </c>
    </row>
    <row r="2060" spans="1:10" x14ac:dyDescent="0.35">
      <c r="A2060" s="1" t="s">
        <v>8142</v>
      </c>
      <c r="B2060" s="1" t="s">
        <v>8143</v>
      </c>
      <c r="C2060" s="1" t="s">
        <v>70</v>
      </c>
      <c r="D2060" s="1" t="s">
        <v>8193</v>
      </c>
      <c r="E2060" s="1" t="s">
        <v>8194</v>
      </c>
      <c r="F2060" s="1" t="s">
        <v>8195</v>
      </c>
      <c r="G2060" s="1" t="s">
        <v>8147</v>
      </c>
      <c r="H2060" s="1" t="s">
        <v>13</v>
      </c>
      <c r="I2060" s="1" t="s">
        <v>8148</v>
      </c>
      <c r="J2060" s="1" t="s">
        <v>8196</v>
      </c>
    </row>
    <row r="2061" spans="1:10" x14ac:dyDescent="0.35">
      <c r="A2061" s="1" t="s">
        <v>8142</v>
      </c>
      <c r="B2061" s="1" t="s">
        <v>8143</v>
      </c>
      <c r="C2061" s="1" t="s">
        <v>75</v>
      </c>
      <c r="D2061" s="1" t="s">
        <v>8197</v>
      </c>
      <c r="E2061" s="1" t="s">
        <v>8198</v>
      </c>
      <c r="F2061" s="1" t="s">
        <v>8199</v>
      </c>
      <c r="G2061" s="1" t="s">
        <v>8147</v>
      </c>
      <c r="H2061" s="1" t="s">
        <v>13</v>
      </c>
      <c r="I2061" s="1" t="s">
        <v>8148</v>
      </c>
      <c r="J2061" s="1" t="s">
        <v>8200</v>
      </c>
    </row>
    <row r="2062" spans="1:10" x14ac:dyDescent="0.35">
      <c r="A2062" s="1" t="s">
        <v>8142</v>
      </c>
      <c r="B2062" s="1" t="s">
        <v>8143</v>
      </c>
      <c r="C2062" s="1" t="s">
        <v>80</v>
      </c>
      <c r="D2062" s="1" t="s">
        <v>8201</v>
      </c>
      <c r="E2062" s="1" t="s">
        <v>8202</v>
      </c>
      <c r="F2062" s="1" t="s">
        <v>8203</v>
      </c>
      <c r="G2062" s="1" t="s">
        <v>8147</v>
      </c>
      <c r="H2062" s="1" t="s">
        <v>13</v>
      </c>
      <c r="I2062" s="1" t="s">
        <v>8148</v>
      </c>
      <c r="J2062" s="1" t="s">
        <v>8204</v>
      </c>
    </row>
    <row r="2063" spans="1:10" x14ac:dyDescent="0.35">
      <c r="A2063" s="1" t="s">
        <v>8142</v>
      </c>
      <c r="B2063" s="1" t="s">
        <v>8143</v>
      </c>
      <c r="C2063" s="1" t="s">
        <v>85</v>
      </c>
      <c r="D2063" s="1" t="s">
        <v>8205</v>
      </c>
      <c r="E2063" s="1" t="s">
        <v>8206</v>
      </c>
      <c r="F2063" s="1" t="s">
        <v>8207</v>
      </c>
      <c r="G2063" s="1" t="s">
        <v>8147</v>
      </c>
      <c r="H2063" s="1" t="s">
        <v>13</v>
      </c>
      <c r="I2063" s="1" t="s">
        <v>8148</v>
      </c>
      <c r="J2063" s="1" t="s">
        <v>8208</v>
      </c>
    </row>
    <row r="2064" spans="1:10" x14ac:dyDescent="0.35">
      <c r="A2064" s="1" t="s">
        <v>8142</v>
      </c>
      <c r="B2064" s="1" t="s">
        <v>8143</v>
      </c>
      <c r="C2064" s="1" t="s">
        <v>90</v>
      </c>
      <c r="D2064" s="1" t="s">
        <v>8209</v>
      </c>
      <c r="E2064" s="1" t="s">
        <v>8210</v>
      </c>
      <c r="F2064" s="1" t="s">
        <v>8211</v>
      </c>
      <c r="G2064" s="1" t="s">
        <v>8147</v>
      </c>
      <c r="H2064" s="1" t="s">
        <v>13</v>
      </c>
      <c r="I2064" s="1" t="s">
        <v>8148</v>
      </c>
      <c r="J2064" s="1" t="s">
        <v>8212</v>
      </c>
    </row>
    <row r="2065" spans="1:10" x14ac:dyDescent="0.35">
      <c r="A2065" s="1" t="s">
        <v>8142</v>
      </c>
      <c r="B2065" s="1" t="s">
        <v>8143</v>
      </c>
      <c r="C2065" s="1" t="s">
        <v>95</v>
      </c>
      <c r="D2065" s="1" t="s">
        <v>8213</v>
      </c>
      <c r="E2065" s="1" t="s">
        <v>8214</v>
      </c>
      <c r="F2065" s="1" t="s">
        <v>8215</v>
      </c>
      <c r="G2065" s="1" t="s">
        <v>8147</v>
      </c>
      <c r="H2065" s="1" t="s">
        <v>13</v>
      </c>
      <c r="I2065" s="1" t="s">
        <v>8148</v>
      </c>
      <c r="J2065" s="1" t="s">
        <v>8216</v>
      </c>
    </row>
    <row r="2066" spans="1:10" x14ac:dyDescent="0.35">
      <c r="A2066" s="1" t="s">
        <v>8142</v>
      </c>
      <c r="B2066" s="1" t="s">
        <v>8143</v>
      </c>
      <c r="C2066" s="1" t="s">
        <v>100</v>
      </c>
      <c r="D2066" s="1" t="s">
        <v>8217</v>
      </c>
      <c r="E2066" s="1" t="s">
        <v>8218</v>
      </c>
      <c r="F2066" s="1" t="s">
        <v>8219</v>
      </c>
      <c r="G2066" s="1" t="s">
        <v>8147</v>
      </c>
      <c r="H2066" s="1" t="s">
        <v>13</v>
      </c>
      <c r="I2066" s="1" t="s">
        <v>8148</v>
      </c>
      <c r="J2066" s="1" t="s">
        <v>8220</v>
      </c>
    </row>
    <row r="2067" spans="1:10" x14ac:dyDescent="0.35">
      <c r="A2067" s="1" t="s">
        <v>8142</v>
      </c>
      <c r="B2067" s="1" t="s">
        <v>8143</v>
      </c>
      <c r="C2067" s="1" t="s">
        <v>105</v>
      </c>
      <c r="D2067" s="1" t="s">
        <v>8221</v>
      </c>
      <c r="E2067" s="1" t="s">
        <v>8222</v>
      </c>
      <c r="F2067" s="1" t="s">
        <v>8223</v>
      </c>
      <c r="G2067" s="1" t="s">
        <v>8147</v>
      </c>
      <c r="H2067" s="1" t="s">
        <v>13</v>
      </c>
      <c r="I2067" s="1" t="s">
        <v>8148</v>
      </c>
      <c r="J2067" s="1" t="s">
        <v>8224</v>
      </c>
    </row>
    <row r="2068" spans="1:10" x14ac:dyDescent="0.35">
      <c r="A2068" s="1" t="s">
        <v>8142</v>
      </c>
      <c r="B2068" s="1" t="s">
        <v>8143</v>
      </c>
      <c r="C2068" s="1" t="s">
        <v>110</v>
      </c>
      <c r="D2068" s="1" t="s">
        <v>8225</v>
      </c>
      <c r="E2068" s="1" t="s">
        <v>8226</v>
      </c>
      <c r="F2068" s="1" t="s">
        <v>8227</v>
      </c>
      <c r="G2068" s="1" t="s">
        <v>8147</v>
      </c>
      <c r="H2068" s="1" t="s">
        <v>13</v>
      </c>
      <c r="I2068" s="1" t="s">
        <v>8148</v>
      </c>
      <c r="J2068" s="1" t="s">
        <v>8228</v>
      </c>
    </row>
    <row r="2069" spans="1:10" x14ac:dyDescent="0.35">
      <c r="A2069" s="1" t="s">
        <v>8142</v>
      </c>
      <c r="B2069" s="1" t="s">
        <v>8143</v>
      </c>
      <c r="C2069" s="1" t="s">
        <v>115</v>
      </c>
      <c r="D2069" s="1" t="s">
        <v>8229</v>
      </c>
      <c r="E2069" s="1" t="s">
        <v>8230</v>
      </c>
      <c r="F2069" s="1" t="s">
        <v>8231</v>
      </c>
      <c r="G2069" s="1" t="s">
        <v>8147</v>
      </c>
      <c r="H2069" s="1" t="s">
        <v>13</v>
      </c>
      <c r="I2069" s="1" t="s">
        <v>8148</v>
      </c>
      <c r="J2069" s="1" t="s">
        <v>8232</v>
      </c>
    </row>
    <row r="2070" spans="1:10" x14ac:dyDescent="0.35">
      <c r="A2070" s="1" t="s">
        <v>8142</v>
      </c>
      <c r="B2070" s="1" t="s">
        <v>8143</v>
      </c>
      <c r="C2070" s="1" t="s">
        <v>120</v>
      </c>
      <c r="D2070" s="1" t="s">
        <v>8233</v>
      </c>
      <c r="E2070" s="1" t="s">
        <v>8234</v>
      </c>
      <c r="F2070" s="1" t="s">
        <v>8235</v>
      </c>
      <c r="G2070" s="1" t="s">
        <v>8147</v>
      </c>
      <c r="H2070" s="1" t="s">
        <v>13</v>
      </c>
      <c r="I2070" s="1" t="s">
        <v>8148</v>
      </c>
      <c r="J2070" s="1" t="s">
        <v>8236</v>
      </c>
    </row>
    <row r="2071" spans="1:10" x14ac:dyDescent="0.35">
      <c r="A2071" s="1" t="s">
        <v>8142</v>
      </c>
      <c r="B2071" s="1" t="s">
        <v>8143</v>
      </c>
      <c r="C2071" s="1" t="s">
        <v>125</v>
      </c>
      <c r="D2071" s="1" t="s">
        <v>8237</v>
      </c>
      <c r="E2071" s="1" t="s">
        <v>8238</v>
      </c>
      <c r="F2071" s="1" t="s">
        <v>8239</v>
      </c>
      <c r="G2071" s="1" t="s">
        <v>8147</v>
      </c>
      <c r="H2071" s="1" t="s">
        <v>13</v>
      </c>
      <c r="I2071" s="1" t="s">
        <v>8148</v>
      </c>
      <c r="J2071" s="1" t="s">
        <v>8240</v>
      </c>
    </row>
    <row r="2072" spans="1:10" x14ac:dyDescent="0.35">
      <c r="A2072" s="1" t="s">
        <v>8142</v>
      </c>
      <c r="B2072" s="1" t="s">
        <v>8143</v>
      </c>
      <c r="C2072" s="1" t="s">
        <v>130</v>
      </c>
      <c r="D2072" s="1" t="s">
        <v>8241</v>
      </c>
      <c r="E2072" s="1" t="s">
        <v>8242</v>
      </c>
      <c r="F2072" s="1" t="s">
        <v>8243</v>
      </c>
      <c r="G2072" s="1" t="s">
        <v>8147</v>
      </c>
      <c r="H2072" s="1" t="s">
        <v>13</v>
      </c>
      <c r="I2072" s="1" t="s">
        <v>8148</v>
      </c>
      <c r="J2072" s="1" t="s">
        <v>8244</v>
      </c>
    </row>
    <row r="2073" spans="1:10" x14ac:dyDescent="0.35">
      <c r="A2073" s="1" t="s">
        <v>8142</v>
      </c>
      <c r="B2073" s="1" t="s">
        <v>8143</v>
      </c>
      <c r="C2073" s="1" t="s">
        <v>135</v>
      </c>
      <c r="D2073" s="1" t="s">
        <v>8245</v>
      </c>
      <c r="E2073" s="1" t="s">
        <v>8246</v>
      </c>
      <c r="F2073" s="1" t="s">
        <v>8247</v>
      </c>
      <c r="G2073" s="1" t="s">
        <v>8147</v>
      </c>
      <c r="H2073" s="1" t="s">
        <v>13</v>
      </c>
      <c r="I2073" s="1" t="s">
        <v>8148</v>
      </c>
      <c r="J2073" s="1" t="s">
        <v>8248</v>
      </c>
    </row>
    <row r="2074" spans="1:10" x14ac:dyDescent="0.35">
      <c r="A2074" s="1" t="s">
        <v>8142</v>
      </c>
      <c r="B2074" s="1" t="s">
        <v>8143</v>
      </c>
      <c r="C2074" s="1" t="s">
        <v>140</v>
      </c>
      <c r="D2074" s="1" t="s">
        <v>8249</v>
      </c>
      <c r="E2074" s="1" t="s">
        <v>8250</v>
      </c>
      <c r="F2074" s="1" t="s">
        <v>8251</v>
      </c>
      <c r="G2074" s="1" t="s">
        <v>8147</v>
      </c>
      <c r="H2074" s="1" t="s">
        <v>13</v>
      </c>
      <c r="I2074" s="1" t="s">
        <v>8148</v>
      </c>
      <c r="J2074" s="1" t="s">
        <v>8252</v>
      </c>
    </row>
    <row r="2075" spans="1:10" x14ac:dyDescent="0.35">
      <c r="A2075" s="1" t="s">
        <v>8142</v>
      </c>
      <c r="B2075" s="1" t="s">
        <v>8143</v>
      </c>
      <c r="C2075" s="1" t="s">
        <v>145</v>
      </c>
      <c r="D2075" s="1" t="s">
        <v>8253</v>
      </c>
      <c r="E2075" s="1" t="s">
        <v>8254</v>
      </c>
      <c r="F2075" s="1" t="s">
        <v>8255</v>
      </c>
      <c r="G2075" s="1" t="s">
        <v>8147</v>
      </c>
      <c r="H2075" s="1" t="s">
        <v>13</v>
      </c>
      <c r="I2075" s="1" t="s">
        <v>8148</v>
      </c>
      <c r="J2075" s="1" t="s">
        <v>8256</v>
      </c>
    </row>
    <row r="2076" spans="1:10" x14ac:dyDescent="0.35">
      <c r="A2076" s="1" t="s">
        <v>8142</v>
      </c>
      <c r="B2076" s="1" t="s">
        <v>8143</v>
      </c>
      <c r="C2076" s="1" t="s">
        <v>150</v>
      </c>
      <c r="D2076" s="1" t="s">
        <v>8257</v>
      </c>
      <c r="E2076" s="1" t="s">
        <v>8258</v>
      </c>
      <c r="F2076" s="1" t="s">
        <v>8259</v>
      </c>
      <c r="G2076" s="1" t="s">
        <v>8147</v>
      </c>
      <c r="H2076" s="1" t="s">
        <v>13</v>
      </c>
      <c r="I2076" s="1" t="s">
        <v>8148</v>
      </c>
      <c r="J2076" s="1" t="s">
        <v>8260</v>
      </c>
    </row>
    <row r="2077" spans="1:10" x14ac:dyDescent="0.35">
      <c r="A2077" s="1" t="s">
        <v>8142</v>
      </c>
      <c r="B2077" s="1" t="s">
        <v>8143</v>
      </c>
      <c r="C2077" s="1" t="s">
        <v>155</v>
      </c>
      <c r="D2077" s="1" t="s">
        <v>8261</v>
      </c>
      <c r="E2077" s="1" t="s">
        <v>8262</v>
      </c>
      <c r="F2077" s="1" t="s">
        <v>8263</v>
      </c>
      <c r="G2077" s="1" t="s">
        <v>8147</v>
      </c>
      <c r="H2077" s="1" t="s">
        <v>13</v>
      </c>
      <c r="I2077" s="1" t="s">
        <v>8148</v>
      </c>
      <c r="J2077" s="1" t="s">
        <v>8264</v>
      </c>
    </row>
    <row r="2078" spans="1:10" x14ac:dyDescent="0.35">
      <c r="A2078" s="1" t="s">
        <v>8142</v>
      </c>
      <c r="B2078" s="1" t="s">
        <v>8143</v>
      </c>
      <c r="C2078" s="1" t="s">
        <v>160</v>
      </c>
      <c r="D2078" s="1" t="s">
        <v>8265</v>
      </c>
      <c r="E2078" s="1" t="s">
        <v>8266</v>
      </c>
      <c r="F2078" s="1" t="s">
        <v>8267</v>
      </c>
      <c r="G2078" s="1" t="s">
        <v>8147</v>
      </c>
      <c r="H2078" s="1" t="s">
        <v>13</v>
      </c>
      <c r="I2078" s="1" t="s">
        <v>8148</v>
      </c>
      <c r="J2078" s="1" t="s">
        <v>8268</v>
      </c>
    </row>
    <row r="2079" spans="1:10" x14ac:dyDescent="0.35">
      <c r="A2079" s="1" t="s">
        <v>8142</v>
      </c>
      <c r="B2079" s="1" t="s">
        <v>8143</v>
      </c>
      <c r="C2079" s="1" t="s">
        <v>165</v>
      </c>
      <c r="D2079" s="1" t="s">
        <v>8269</v>
      </c>
      <c r="E2079" s="1" t="s">
        <v>8270</v>
      </c>
      <c r="F2079" s="1" t="s">
        <v>8271</v>
      </c>
      <c r="G2079" s="1" t="s">
        <v>8147</v>
      </c>
      <c r="H2079" s="1" t="s">
        <v>13</v>
      </c>
      <c r="I2079" s="1" t="s">
        <v>8148</v>
      </c>
      <c r="J2079" s="1" t="s">
        <v>8272</v>
      </c>
    </row>
    <row r="2080" spans="1:10" x14ac:dyDescent="0.35">
      <c r="A2080" s="1" t="s">
        <v>8142</v>
      </c>
      <c r="B2080" s="1" t="s">
        <v>8143</v>
      </c>
      <c r="C2080" s="1" t="s">
        <v>170</v>
      </c>
      <c r="D2080" s="1" t="s">
        <v>8273</v>
      </c>
      <c r="E2080" s="1" t="s">
        <v>8274</v>
      </c>
      <c r="F2080" s="1" t="s">
        <v>8275</v>
      </c>
      <c r="G2080" s="1" t="s">
        <v>8147</v>
      </c>
      <c r="H2080" s="1" t="s">
        <v>13</v>
      </c>
      <c r="I2080" s="1" t="s">
        <v>8148</v>
      </c>
      <c r="J2080" s="1" t="s">
        <v>8276</v>
      </c>
    </row>
    <row r="2081" spans="1:10" x14ac:dyDescent="0.35">
      <c r="A2081" s="1" t="s">
        <v>8277</v>
      </c>
      <c r="B2081" s="1" t="s">
        <v>8278</v>
      </c>
      <c r="C2081" s="1" t="s">
        <v>8</v>
      </c>
      <c r="D2081" s="1" t="s">
        <v>8279</v>
      </c>
      <c r="E2081" s="1" t="s">
        <v>8280</v>
      </c>
      <c r="F2081" s="1" t="s">
        <v>8281</v>
      </c>
      <c r="G2081" s="1" t="s">
        <v>8282</v>
      </c>
      <c r="H2081" s="1" t="s">
        <v>13</v>
      </c>
      <c r="I2081" s="1" t="s">
        <v>8283</v>
      </c>
      <c r="J2081" s="1" t="s">
        <v>13</v>
      </c>
    </row>
    <row r="2082" spans="1:10" x14ac:dyDescent="0.35">
      <c r="A2082" s="1" t="s">
        <v>8277</v>
      </c>
      <c r="B2082" s="1" t="s">
        <v>8278</v>
      </c>
      <c r="C2082" s="1" t="s">
        <v>15</v>
      </c>
      <c r="D2082" s="1" t="s">
        <v>8284</v>
      </c>
      <c r="E2082" s="1" t="s">
        <v>8285</v>
      </c>
      <c r="F2082" s="1" t="s">
        <v>8286</v>
      </c>
      <c r="G2082" s="1" t="s">
        <v>8282</v>
      </c>
      <c r="H2082" s="1" t="s">
        <v>13</v>
      </c>
      <c r="I2082" s="1" t="s">
        <v>8283</v>
      </c>
      <c r="J2082" s="1" t="s">
        <v>8287</v>
      </c>
    </row>
    <row r="2083" spans="1:10" x14ac:dyDescent="0.35">
      <c r="A2083" s="1" t="s">
        <v>8277</v>
      </c>
      <c r="B2083" s="1" t="s">
        <v>8278</v>
      </c>
      <c r="C2083" s="1" t="s">
        <v>20</v>
      </c>
      <c r="D2083" s="1" t="s">
        <v>8288</v>
      </c>
      <c r="E2083" s="1" t="s">
        <v>8289</v>
      </c>
      <c r="F2083" s="1" t="s">
        <v>8290</v>
      </c>
      <c r="G2083" s="1" t="s">
        <v>8282</v>
      </c>
      <c r="H2083" s="1" t="s">
        <v>13</v>
      </c>
      <c r="I2083" s="1" t="s">
        <v>8283</v>
      </c>
      <c r="J2083" s="1" t="s">
        <v>8291</v>
      </c>
    </row>
    <row r="2084" spans="1:10" x14ac:dyDescent="0.35">
      <c r="A2084" s="1" t="s">
        <v>8277</v>
      </c>
      <c r="B2084" s="1" t="s">
        <v>8278</v>
      </c>
      <c r="C2084" s="1" t="s">
        <v>25</v>
      </c>
      <c r="D2084" s="1" t="s">
        <v>5705</v>
      </c>
      <c r="E2084" s="1" t="s">
        <v>8292</v>
      </c>
      <c r="F2084" s="1" t="s">
        <v>8293</v>
      </c>
      <c r="G2084" s="1" t="s">
        <v>8282</v>
      </c>
      <c r="H2084" s="1" t="s">
        <v>13</v>
      </c>
      <c r="I2084" s="1" t="s">
        <v>8283</v>
      </c>
      <c r="J2084" s="1" t="s">
        <v>8294</v>
      </c>
    </row>
    <row r="2085" spans="1:10" x14ac:dyDescent="0.35">
      <c r="A2085" s="1" t="s">
        <v>8277</v>
      </c>
      <c r="B2085" s="1" t="s">
        <v>8278</v>
      </c>
      <c r="C2085" s="1" t="s">
        <v>30</v>
      </c>
      <c r="D2085" s="1" t="s">
        <v>8295</v>
      </c>
      <c r="E2085" s="1" t="s">
        <v>8296</v>
      </c>
      <c r="F2085" s="1" t="s">
        <v>8297</v>
      </c>
      <c r="G2085" s="1" t="s">
        <v>8282</v>
      </c>
      <c r="H2085" s="1" t="s">
        <v>13</v>
      </c>
      <c r="I2085" s="1" t="s">
        <v>8283</v>
      </c>
      <c r="J2085" s="1" t="s">
        <v>8298</v>
      </c>
    </row>
    <row r="2086" spans="1:10" x14ac:dyDescent="0.35">
      <c r="A2086" s="1" t="s">
        <v>8277</v>
      </c>
      <c r="B2086" s="1" t="s">
        <v>8278</v>
      </c>
      <c r="C2086" s="1" t="s">
        <v>35</v>
      </c>
      <c r="D2086" s="1" t="s">
        <v>8299</v>
      </c>
      <c r="E2086" s="1" t="s">
        <v>8300</v>
      </c>
      <c r="F2086" s="1" t="s">
        <v>8301</v>
      </c>
      <c r="G2086" s="1" t="s">
        <v>8282</v>
      </c>
      <c r="H2086" s="1" t="s">
        <v>13</v>
      </c>
      <c r="I2086" s="1" t="s">
        <v>8283</v>
      </c>
      <c r="J2086" s="1" t="s">
        <v>8302</v>
      </c>
    </row>
    <row r="2087" spans="1:10" x14ac:dyDescent="0.35">
      <c r="A2087" s="1" t="s">
        <v>8277</v>
      </c>
      <c r="B2087" s="1" t="s">
        <v>8278</v>
      </c>
      <c r="C2087" s="1" t="s">
        <v>40</v>
      </c>
      <c r="D2087" s="1" t="s">
        <v>8303</v>
      </c>
      <c r="E2087" s="1" t="s">
        <v>8304</v>
      </c>
      <c r="F2087" s="1" t="s">
        <v>8305</v>
      </c>
      <c r="G2087" s="1" t="s">
        <v>8282</v>
      </c>
      <c r="H2087" s="1" t="s">
        <v>13</v>
      </c>
      <c r="I2087" s="1" t="s">
        <v>8283</v>
      </c>
      <c r="J2087" s="1" t="s">
        <v>8306</v>
      </c>
    </row>
    <row r="2088" spans="1:10" x14ac:dyDescent="0.35">
      <c r="A2088" s="1" t="s">
        <v>8277</v>
      </c>
      <c r="B2088" s="1" t="s">
        <v>8278</v>
      </c>
      <c r="C2088" s="1" t="s">
        <v>45</v>
      </c>
      <c r="D2088" s="1" t="s">
        <v>1387</v>
      </c>
      <c r="E2088" s="1" t="s">
        <v>8307</v>
      </c>
      <c r="F2088" s="1" t="s">
        <v>8308</v>
      </c>
      <c r="G2088" s="1" t="s">
        <v>8282</v>
      </c>
      <c r="H2088" s="1" t="s">
        <v>13</v>
      </c>
      <c r="I2088" s="1" t="s">
        <v>8283</v>
      </c>
      <c r="J2088" s="1" t="s">
        <v>8309</v>
      </c>
    </row>
    <row r="2089" spans="1:10" x14ac:dyDescent="0.35">
      <c r="A2089" s="1" t="s">
        <v>8277</v>
      </c>
      <c r="B2089" s="1" t="s">
        <v>8278</v>
      </c>
      <c r="C2089" s="1" t="s">
        <v>50</v>
      </c>
      <c r="D2089" s="1" t="s">
        <v>8310</v>
      </c>
      <c r="E2089" s="1" t="s">
        <v>8311</v>
      </c>
      <c r="F2089" s="1" t="s">
        <v>8312</v>
      </c>
      <c r="G2089" s="1" t="s">
        <v>8282</v>
      </c>
      <c r="H2089" s="1" t="s">
        <v>13</v>
      </c>
      <c r="I2089" s="1" t="s">
        <v>8283</v>
      </c>
      <c r="J2089" s="1" t="s">
        <v>8313</v>
      </c>
    </row>
    <row r="2090" spans="1:10" x14ac:dyDescent="0.35">
      <c r="A2090" s="1" t="s">
        <v>8277</v>
      </c>
      <c r="B2090" s="1" t="s">
        <v>8278</v>
      </c>
      <c r="C2090" s="1" t="s">
        <v>55</v>
      </c>
      <c r="D2090" s="1" t="s">
        <v>8314</v>
      </c>
      <c r="E2090" s="1" t="s">
        <v>8315</v>
      </c>
      <c r="F2090" s="1" t="s">
        <v>8316</v>
      </c>
      <c r="G2090" s="1" t="s">
        <v>8282</v>
      </c>
      <c r="H2090" s="1" t="s">
        <v>13</v>
      </c>
      <c r="I2090" s="1" t="s">
        <v>8283</v>
      </c>
      <c r="J2090" s="1" t="s">
        <v>8317</v>
      </c>
    </row>
    <row r="2091" spans="1:10" x14ac:dyDescent="0.35">
      <c r="A2091" s="1" t="s">
        <v>8277</v>
      </c>
      <c r="B2091" s="1" t="s">
        <v>8278</v>
      </c>
      <c r="C2091" s="1" t="s">
        <v>60</v>
      </c>
      <c r="D2091" s="1" t="s">
        <v>8050</v>
      </c>
      <c r="E2091" s="1" t="s">
        <v>8318</v>
      </c>
      <c r="F2091" s="1" t="s">
        <v>8319</v>
      </c>
      <c r="G2091" s="1" t="s">
        <v>8282</v>
      </c>
      <c r="H2091" s="1" t="s">
        <v>13</v>
      </c>
      <c r="I2091" s="1" t="s">
        <v>8283</v>
      </c>
      <c r="J2091" s="1" t="s">
        <v>8320</v>
      </c>
    </row>
    <row r="2092" spans="1:10" x14ac:dyDescent="0.35">
      <c r="A2092" s="1" t="s">
        <v>8277</v>
      </c>
      <c r="B2092" s="1" t="s">
        <v>8278</v>
      </c>
      <c r="C2092" s="1" t="s">
        <v>65</v>
      </c>
      <c r="D2092" s="1" t="s">
        <v>8321</v>
      </c>
      <c r="E2092" s="1" t="s">
        <v>8322</v>
      </c>
      <c r="F2092" s="1" t="s">
        <v>8323</v>
      </c>
      <c r="G2092" s="1" t="s">
        <v>8282</v>
      </c>
      <c r="H2092" s="1" t="s">
        <v>13</v>
      </c>
      <c r="I2092" s="1" t="s">
        <v>8283</v>
      </c>
      <c r="J2092" s="1" t="s">
        <v>8324</v>
      </c>
    </row>
    <row r="2093" spans="1:10" x14ac:dyDescent="0.35">
      <c r="A2093" s="1" t="s">
        <v>8277</v>
      </c>
      <c r="B2093" s="1" t="s">
        <v>8278</v>
      </c>
      <c r="C2093" s="1" t="s">
        <v>70</v>
      </c>
      <c r="D2093" s="1" t="s">
        <v>8325</v>
      </c>
      <c r="E2093" s="1" t="s">
        <v>8326</v>
      </c>
      <c r="F2093" s="1" t="s">
        <v>8327</v>
      </c>
      <c r="G2093" s="1" t="s">
        <v>8282</v>
      </c>
      <c r="H2093" s="1" t="s">
        <v>13</v>
      </c>
      <c r="I2093" s="1" t="s">
        <v>8283</v>
      </c>
      <c r="J2093" s="1" t="s">
        <v>8328</v>
      </c>
    </row>
    <row r="2094" spans="1:10" x14ac:dyDescent="0.35">
      <c r="A2094" s="1" t="s">
        <v>8277</v>
      </c>
      <c r="B2094" s="1" t="s">
        <v>8278</v>
      </c>
      <c r="C2094" s="1" t="s">
        <v>75</v>
      </c>
      <c r="D2094" s="1" t="s">
        <v>8329</v>
      </c>
      <c r="E2094" s="1" t="s">
        <v>8330</v>
      </c>
      <c r="F2094" s="1" t="s">
        <v>8331</v>
      </c>
      <c r="G2094" s="1" t="s">
        <v>8282</v>
      </c>
      <c r="H2094" s="1" t="s">
        <v>13</v>
      </c>
      <c r="I2094" s="1" t="s">
        <v>8283</v>
      </c>
      <c r="J2094" s="1" t="s">
        <v>8332</v>
      </c>
    </row>
    <row r="2095" spans="1:10" x14ac:dyDescent="0.35">
      <c r="A2095" s="1" t="s">
        <v>8277</v>
      </c>
      <c r="B2095" s="1" t="s">
        <v>8278</v>
      </c>
      <c r="C2095" s="1" t="s">
        <v>80</v>
      </c>
      <c r="D2095" s="1" t="s">
        <v>8333</v>
      </c>
      <c r="E2095" s="1" t="s">
        <v>8334</v>
      </c>
      <c r="F2095" s="1" t="s">
        <v>8335</v>
      </c>
      <c r="G2095" s="1" t="s">
        <v>8282</v>
      </c>
      <c r="H2095" s="1" t="s">
        <v>13</v>
      </c>
      <c r="I2095" s="1" t="s">
        <v>8283</v>
      </c>
      <c r="J2095" s="1" t="s">
        <v>8336</v>
      </c>
    </row>
    <row r="2096" spans="1:10" x14ac:dyDescent="0.35">
      <c r="A2096" s="1" t="s">
        <v>8277</v>
      </c>
      <c r="B2096" s="1" t="s">
        <v>8278</v>
      </c>
      <c r="C2096" s="1" t="s">
        <v>85</v>
      </c>
      <c r="D2096" s="1" t="s">
        <v>8337</v>
      </c>
      <c r="E2096" s="1" t="s">
        <v>8338</v>
      </c>
      <c r="F2096" s="1" t="s">
        <v>8339</v>
      </c>
      <c r="G2096" s="1" t="s">
        <v>8282</v>
      </c>
      <c r="H2096" s="1" t="s">
        <v>13</v>
      </c>
      <c r="I2096" s="1" t="s">
        <v>8283</v>
      </c>
      <c r="J2096" s="1" t="s">
        <v>8340</v>
      </c>
    </row>
    <row r="2097" spans="1:10" x14ac:dyDescent="0.35">
      <c r="A2097" s="1" t="s">
        <v>8277</v>
      </c>
      <c r="B2097" s="1" t="s">
        <v>8278</v>
      </c>
      <c r="C2097" s="1" t="s">
        <v>90</v>
      </c>
      <c r="D2097" s="1" t="s">
        <v>8341</v>
      </c>
      <c r="E2097" s="1" t="s">
        <v>8342</v>
      </c>
      <c r="F2097" s="1" t="s">
        <v>8343</v>
      </c>
      <c r="G2097" s="1" t="s">
        <v>8282</v>
      </c>
      <c r="H2097" s="1" t="s">
        <v>13</v>
      </c>
      <c r="I2097" s="1" t="s">
        <v>8283</v>
      </c>
      <c r="J2097" s="1" t="s">
        <v>8344</v>
      </c>
    </row>
    <row r="2098" spans="1:10" x14ac:dyDescent="0.35">
      <c r="A2098" s="1" t="s">
        <v>8277</v>
      </c>
      <c r="B2098" s="1" t="s">
        <v>8278</v>
      </c>
      <c r="C2098" s="1" t="s">
        <v>95</v>
      </c>
      <c r="D2098" s="1" t="s">
        <v>8345</v>
      </c>
      <c r="E2098" s="1" t="s">
        <v>8346</v>
      </c>
      <c r="F2098" s="1" t="s">
        <v>8347</v>
      </c>
      <c r="G2098" s="1" t="s">
        <v>8282</v>
      </c>
      <c r="H2098" s="1" t="s">
        <v>13</v>
      </c>
      <c r="I2098" s="1" t="s">
        <v>8283</v>
      </c>
      <c r="J2098" s="1" t="s">
        <v>8348</v>
      </c>
    </row>
    <row r="2099" spans="1:10" x14ac:dyDescent="0.35">
      <c r="A2099" s="1" t="s">
        <v>8277</v>
      </c>
      <c r="B2099" s="1" t="s">
        <v>8278</v>
      </c>
      <c r="C2099" s="1" t="s">
        <v>100</v>
      </c>
      <c r="D2099" s="1" t="s">
        <v>8349</v>
      </c>
      <c r="E2099" s="1" t="s">
        <v>8350</v>
      </c>
      <c r="F2099" s="1" t="s">
        <v>8351</v>
      </c>
      <c r="G2099" s="1" t="s">
        <v>8282</v>
      </c>
      <c r="H2099" s="1" t="s">
        <v>13</v>
      </c>
      <c r="I2099" s="1" t="s">
        <v>8283</v>
      </c>
      <c r="J2099" s="1" t="s">
        <v>8352</v>
      </c>
    </row>
    <row r="2100" spans="1:10" x14ac:dyDescent="0.35">
      <c r="A2100" s="1" t="s">
        <v>8277</v>
      </c>
      <c r="B2100" s="1" t="s">
        <v>8278</v>
      </c>
      <c r="C2100" s="1" t="s">
        <v>105</v>
      </c>
      <c r="D2100" s="1" t="s">
        <v>8353</v>
      </c>
      <c r="E2100" s="1" t="s">
        <v>8354</v>
      </c>
      <c r="F2100" s="1" t="s">
        <v>8355</v>
      </c>
      <c r="G2100" s="1" t="s">
        <v>8282</v>
      </c>
      <c r="H2100" s="1" t="s">
        <v>13</v>
      </c>
      <c r="I2100" s="1" t="s">
        <v>8283</v>
      </c>
      <c r="J2100" s="1" t="s">
        <v>8356</v>
      </c>
    </row>
    <row r="2101" spans="1:10" x14ac:dyDescent="0.35">
      <c r="A2101" s="1" t="s">
        <v>8277</v>
      </c>
      <c r="B2101" s="1" t="s">
        <v>8278</v>
      </c>
      <c r="C2101" s="1" t="s">
        <v>110</v>
      </c>
      <c r="D2101" s="1" t="s">
        <v>8357</v>
      </c>
      <c r="E2101" s="1" t="s">
        <v>8358</v>
      </c>
      <c r="F2101" s="1" t="s">
        <v>8359</v>
      </c>
      <c r="G2101" s="1" t="s">
        <v>8282</v>
      </c>
      <c r="H2101" s="1" t="s">
        <v>13</v>
      </c>
      <c r="I2101" s="1" t="s">
        <v>8283</v>
      </c>
      <c r="J2101" s="1" t="s">
        <v>8360</v>
      </c>
    </row>
    <row r="2102" spans="1:10" x14ac:dyDescent="0.35">
      <c r="A2102" s="1" t="s">
        <v>8277</v>
      </c>
      <c r="B2102" s="1" t="s">
        <v>8278</v>
      </c>
      <c r="C2102" s="1" t="s">
        <v>115</v>
      </c>
      <c r="D2102" s="1" t="s">
        <v>8361</v>
      </c>
      <c r="E2102" s="1" t="s">
        <v>8362</v>
      </c>
      <c r="F2102" s="1" t="s">
        <v>8363</v>
      </c>
      <c r="G2102" s="1" t="s">
        <v>8282</v>
      </c>
      <c r="H2102" s="1" t="s">
        <v>13</v>
      </c>
      <c r="I2102" s="1" t="s">
        <v>8283</v>
      </c>
      <c r="J2102" s="1" t="s">
        <v>8364</v>
      </c>
    </row>
    <row r="2103" spans="1:10" x14ac:dyDescent="0.35">
      <c r="A2103" s="1" t="s">
        <v>8277</v>
      </c>
      <c r="B2103" s="1" t="s">
        <v>8278</v>
      </c>
      <c r="C2103" s="1" t="s">
        <v>120</v>
      </c>
      <c r="D2103" s="1" t="s">
        <v>8365</v>
      </c>
      <c r="E2103" s="1" t="s">
        <v>8366</v>
      </c>
      <c r="F2103" s="1" t="s">
        <v>8367</v>
      </c>
      <c r="G2103" s="1" t="s">
        <v>8282</v>
      </c>
      <c r="H2103" s="1" t="s">
        <v>13</v>
      </c>
      <c r="I2103" s="1" t="s">
        <v>8283</v>
      </c>
      <c r="J2103" s="1" t="s">
        <v>8368</v>
      </c>
    </row>
    <row r="2104" spans="1:10" x14ac:dyDescent="0.35">
      <c r="A2104" s="1" t="s">
        <v>8277</v>
      </c>
      <c r="B2104" s="1" t="s">
        <v>8278</v>
      </c>
      <c r="C2104" s="1" t="s">
        <v>125</v>
      </c>
      <c r="D2104" s="1" t="s">
        <v>8369</v>
      </c>
      <c r="E2104" s="1" t="s">
        <v>8370</v>
      </c>
      <c r="F2104" s="1" t="s">
        <v>8371</v>
      </c>
      <c r="G2104" s="1" t="s">
        <v>8282</v>
      </c>
      <c r="H2104" s="1" t="s">
        <v>13</v>
      </c>
      <c r="I2104" s="1" t="s">
        <v>8283</v>
      </c>
      <c r="J2104" s="1" t="s">
        <v>8372</v>
      </c>
    </row>
    <row r="2105" spans="1:10" x14ac:dyDescent="0.35">
      <c r="A2105" s="1" t="s">
        <v>8277</v>
      </c>
      <c r="B2105" s="1" t="s">
        <v>8278</v>
      </c>
      <c r="C2105" s="1" t="s">
        <v>130</v>
      </c>
      <c r="D2105" s="1" t="s">
        <v>8373</v>
      </c>
      <c r="E2105" s="1" t="s">
        <v>8374</v>
      </c>
      <c r="F2105" s="1" t="s">
        <v>8375</v>
      </c>
      <c r="G2105" s="1" t="s">
        <v>8282</v>
      </c>
      <c r="H2105" s="1" t="s">
        <v>13</v>
      </c>
      <c r="I2105" s="1" t="s">
        <v>8283</v>
      </c>
      <c r="J2105" s="1" t="s">
        <v>8376</v>
      </c>
    </row>
    <row r="2106" spans="1:10" x14ac:dyDescent="0.35">
      <c r="A2106" s="1" t="s">
        <v>8277</v>
      </c>
      <c r="B2106" s="1" t="s">
        <v>8278</v>
      </c>
      <c r="C2106" s="1" t="s">
        <v>135</v>
      </c>
      <c r="D2106" s="1" t="s">
        <v>8377</v>
      </c>
      <c r="E2106" s="1" t="s">
        <v>8378</v>
      </c>
      <c r="F2106" s="1" t="s">
        <v>8379</v>
      </c>
      <c r="G2106" s="1" t="s">
        <v>8282</v>
      </c>
      <c r="H2106" s="1" t="s">
        <v>13</v>
      </c>
      <c r="I2106" s="1" t="s">
        <v>8283</v>
      </c>
      <c r="J2106" s="1" t="s">
        <v>8380</v>
      </c>
    </row>
    <row r="2107" spans="1:10" x14ac:dyDescent="0.35">
      <c r="A2107" s="1" t="s">
        <v>8277</v>
      </c>
      <c r="B2107" s="1" t="s">
        <v>8278</v>
      </c>
      <c r="C2107" s="1" t="s">
        <v>140</v>
      </c>
      <c r="D2107" s="1" t="s">
        <v>8381</v>
      </c>
      <c r="E2107" s="1" t="s">
        <v>8382</v>
      </c>
      <c r="F2107" s="1" t="s">
        <v>8383</v>
      </c>
      <c r="G2107" s="1" t="s">
        <v>8282</v>
      </c>
      <c r="H2107" s="1" t="s">
        <v>13</v>
      </c>
      <c r="I2107" s="1" t="s">
        <v>8283</v>
      </c>
      <c r="J2107" s="1" t="s">
        <v>8384</v>
      </c>
    </row>
    <row r="2108" spans="1:10" x14ac:dyDescent="0.35">
      <c r="A2108" s="1" t="s">
        <v>8277</v>
      </c>
      <c r="B2108" s="1" t="s">
        <v>8278</v>
      </c>
      <c r="C2108" s="1" t="s">
        <v>145</v>
      </c>
      <c r="D2108" s="1" t="s">
        <v>8385</v>
      </c>
      <c r="E2108" s="1" t="s">
        <v>8386</v>
      </c>
      <c r="F2108" s="1" t="s">
        <v>8387</v>
      </c>
      <c r="G2108" s="1" t="s">
        <v>8282</v>
      </c>
      <c r="H2108" s="1" t="s">
        <v>13</v>
      </c>
      <c r="I2108" s="1" t="s">
        <v>8283</v>
      </c>
      <c r="J2108" s="1" t="s">
        <v>8388</v>
      </c>
    </row>
    <row r="2109" spans="1:10" x14ac:dyDescent="0.35">
      <c r="A2109" s="1" t="s">
        <v>8277</v>
      </c>
      <c r="B2109" s="1" t="s">
        <v>8278</v>
      </c>
      <c r="C2109" s="1" t="s">
        <v>150</v>
      </c>
      <c r="D2109" s="1" t="s">
        <v>8389</v>
      </c>
      <c r="E2109" s="1" t="s">
        <v>8390</v>
      </c>
      <c r="F2109" s="1" t="s">
        <v>8391</v>
      </c>
      <c r="G2109" s="1" t="s">
        <v>8282</v>
      </c>
      <c r="H2109" s="1" t="s">
        <v>13</v>
      </c>
      <c r="I2109" s="1" t="s">
        <v>8283</v>
      </c>
      <c r="J2109" s="1" t="s">
        <v>8392</v>
      </c>
    </row>
    <row r="2110" spans="1:10" x14ac:dyDescent="0.35">
      <c r="A2110" s="1" t="s">
        <v>8277</v>
      </c>
      <c r="B2110" s="1" t="s">
        <v>8278</v>
      </c>
      <c r="C2110" s="1" t="s">
        <v>155</v>
      </c>
      <c r="D2110" s="1" t="s">
        <v>6909</v>
      </c>
      <c r="E2110" s="1" t="s">
        <v>8393</v>
      </c>
      <c r="F2110" s="1" t="s">
        <v>8394</v>
      </c>
      <c r="G2110" s="1" t="s">
        <v>8282</v>
      </c>
      <c r="H2110" s="1" t="s">
        <v>13</v>
      </c>
      <c r="I2110" s="1" t="s">
        <v>8283</v>
      </c>
      <c r="J2110" s="1" t="s">
        <v>8395</v>
      </c>
    </row>
    <row r="2111" spans="1:10" x14ac:dyDescent="0.35">
      <c r="A2111" s="1" t="s">
        <v>8277</v>
      </c>
      <c r="B2111" s="1" t="s">
        <v>8278</v>
      </c>
      <c r="C2111" s="1" t="s">
        <v>160</v>
      </c>
      <c r="D2111" s="1" t="s">
        <v>8396</v>
      </c>
      <c r="E2111" s="1" t="s">
        <v>8397</v>
      </c>
      <c r="F2111" s="1" t="s">
        <v>8398</v>
      </c>
      <c r="G2111" s="1" t="s">
        <v>8282</v>
      </c>
      <c r="H2111" s="1" t="s">
        <v>13</v>
      </c>
      <c r="I2111" s="1" t="s">
        <v>8283</v>
      </c>
      <c r="J2111" s="1" t="s">
        <v>8399</v>
      </c>
    </row>
    <row r="2112" spans="1:10" x14ac:dyDescent="0.35">
      <c r="A2112" s="1" t="s">
        <v>8277</v>
      </c>
      <c r="B2112" s="1" t="s">
        <v>8278</v>
      </c>
      <c r="C2112" s="1" t="s">
        <v>165</v>
      </c>
      <c r="D2112" s="1" t="s">
        <v>8400</v>
      </c>
      <c r="E2112" s="1" t="s">
        <v>8401</v>
      </c>
      <c r="F2112" s="1" t="s">
        <v>8402</v>
      </c>
      <c r="G2112" s="1" t="s">
        <v>8282</v>
      </c>
      <c r="H2112" s="1" t="s">
        <v>13</v>
      </c>
      <c r="I2112" s="1" t="s">
        <v>8283</v>
      </c>
      <c r="J2112" s="1" t="s">
        <v>8403</v>
      </c>
    </row>
    <row r="2113" spans="1:10" x14ac:dyDescent="0.35">
      <c r="A2113" s="1" t="s">
        <v>8277</v>
      </c>
      <c r="B2113" s="1" t="s">
        <v>8278</v>
      </c>
      <c r="C2113" s="1" t="s">
        <v>170</v>
      </c>
      <c r="D2113" s="1" t="s">
        <v>1592</v>
      </c>
      <c r="E2113" s="1" t="s">
        <v>8404</v>
      </c>
      <c r="F2113" s="1" t="s">
        <v>8405</v>
      </c>
      <c r="G2113" s="1" t="s">
        <v>8282</v>
      </c>
      <c r="H2113" s="1" t="s">
        <v>13</v>
      </c>
      <c r="I2113" s="1" t="s">
        <v>8283</v>
      </c>
      <c r="J2113" s="1" t="s">
        <v>8406</v>
      </c>
    </row>
    <row r="2114" spans="1:10" x14ac:dyDescent="0.35">
      <c r="A2114" s="1" t="s">
        <v>8407</v>
      </c>
      <c r="B2114" s="1" t="s">
        <v>8408</v>
      </c>
      <c r="C2114" s="1" t="s">
        <v>8</v>
      </c>
      <c r="D2114" s="1" t="s">
        <v>8409</v>
      </c>
      <c r="E2114" s="1" t="s">
        <v>8410</v>
      </c>
      <c r="F2114" s="1" t="s">
        <v>8411</v>
      </c>
      <c r="G2114" s="1" t="s">
        <v>8412</v>
      </c>
      <c r="H2114" s="1" t="s">
        <v>13</v>
      </c>
      <c r="I2114" s="1" t="s">
        <v>8413</v>
      </c>
      <c r="J2114" s="1" t="s">
        <v>13</v>
      </c>
    </row>
    <row r="2115" spans="1:10" x14ac:dyDescent="0.35">
      <c r="A2115" s="1" t="s">
        <v>8407</v>
      </c>
      <c r="B2115" s="1" t="s">
        <v>8408</v>
      </c>
      <c r="C2115" s="1" t="s">
        <v>15</v>
      </c>
      <c r="D2115" s="1" t="s">
        <v>8414</v>
      </c>
      <c r="E2115" s="1" t="s">
        <v>8415</v>
      </c>
      <c r="F2115" s="1" t="s">
        <v>8416</v>
      </c>
      <c r="G2115" s="1" t="s">
        <v>8412</v>
      </c>
      <c r="H2115" s="1" t="s">
        <v>13</v>
      </c>
      <c r="I2115" s="1" t="s">
        <v>8413</v>
      </c>
      <c r="J2115" s="1" t="s">
        <v>8417</v>
      </c>
    </row>
    <row r="2116" spans="1:10" x14ac:dyDescent="0.35">
      <c r="A2116" s="1" t="s">
        <v>8407</v>
      </c>
      <c r="B2116" s="1" t="s">
        <v>8408</v>
      </c>
      <c r="C2116" s="1" t="s">
        <v>20</v>
      </c>
      <c r="D2116" s="1" t="s">
        <v>8418</v>
      </c>
      <c r="E2116" s="1" t="s">
        <v>8419</v>
      </c>
      <c r="F2116" s="1" t="s">
        <v>8420</v>
      </c>
      <c r="G2116" s="1" t="s">
        <v>8412</v>
      </c>
      <c r="H2116" s="1" t="s">
        <v>13</v>
      </c>
      <c r="I2116" s="1" t="s">
        <v>8413</v>
      </c>
      <c r="J2116" s="1" t="s">
        <v>8421</v>
      </c>
    </row>
    <row r="2117" spans="1:10" x14ac:dyDescent="0.35">
      <c r="A2117" s="1" t="s">
        <v>8407</v>
      </c>
      <c r="B2117" s="1" t="s">
        <v>8408</v>
      </c>
      <c r="C2117" s="1" t="s">
        <v>25</v>
      </c>
      <c r="D2117" s="1" t="s">
        <v>8422</v>
      </c>
      <c r="E2117" s="1" t="s">
        <v>8423</v>
      </c>
      <c r="F2117" s="1" t="s">
        <v>8424</v>
      </c>
      <c r="G2117" s="1" t="s">
        <v>8412</v>
      </c>
      <c r="H2117" s="1" t="s">
        <v>13</v>
      </c>
      <c r="I2117" s="1" t="s">
        <v>8413</v>
      </c>
      <c r="J2117" s="1" t="s">
        <v>8425</v>
      </c>
    </row>
    <row r="2118" spans="1:10" x14ac:dyDescent="0.35">
      <c r="A2118" s="1" t="s">
        <v>8407</v>
      </c>
      <c r="B2118" s="1" t="s">
        <v>8408</v>
      </c>
      <c r="C2118" s="1" t="s">
        <v>30</v>
      </c>
      <c r="D2118" s="1" t="s">
        <v>8426</v>
      </c>
      <c r="E2118" s="1" t="s">
        <v>8427</v>
      </c>
      <c r="F2118" s="1" t="s">
        <v>8428</v>
      </c>
      <c r="G2118" s="1" t="s">
        <v>8412</v>
      </c>
      <c r="H2118" s="1" t="s">
        <v>13</v>
      </c>
      <c r="I2118" s="1" t="s">
        <v>8413</v>
      </c>
      <c r="J2118" s="1" t="s">
        <v>8429</v>
      </c>
    </row>
    <row r="2119" spans="1:10" x14ac:dyDescent="0.35">
      <c r="A2119" s="1" t="s">
        <v>8407</v>
      </c>
      <c r="B2119" s="1" t="s">
        <v>8408</v>
      </c>
      <c r="C2119" s="1" t="s">
        <v>35</v>
      </c>
      <c r="D2119" s="1" t="s">
        <v>8430</v>
      </c>
      <c r="E2119" s="1" t="s">
        <v>8431</v>
      </c>
      <c r="F2119" s="1" t="s">
        <v>8432</v>
      </c>
      <c r="G2119" s="1" t="s">
        <v>8412</v>
      </c>
      <c r="H2119" s="1" t="s">
        <v>13</v>
      </c>
      <c r="I2119" s="1" t="s">
        <v>8413</v>
      </c>
      <c r="J2119" s="1" t="s">
        <v>8433</v>
      </c>
    </row>
    <row r="2120" spans="1:10" x14ac:dyDescent="0.35">
      <c r="A2120" s="1" t="s">
        <v>8407</v>
      </c>
      <c r="B2120" s="1" t="s">
        <v>8408</v>
      </c>
      <c r="C2120" s="1" t="s">
        <v>40</v>
      </c>
      <c r="D2120" s="1" t="s">
        <v>8434</v>
      </c>
      <c r="E2120" s="1" t="s">
        <v>8435</v>
      </c>
      <c r="F2120" s="1" t="s">
        <v>8436</v>
      </c>
      <c r="G2120" s="1" t="s">
        <v>8412</v>
      </c>
      <c r="H2120" s="1" t="s">
        <v>13</v>
      </c>
      <c r="I2120" s="1" t="s">
        <v>8413</v>
      </c>
      <c r="J2120" s="1" t="s">
        <v>8437</v>
      </c>
    </row>
    <row r="2121" spans="1:10" x14ac:dyDescent="0.35">
      <c r="A2121" s="1" t="s">
        <v>8407</v>
      </c>
      <c r="B2121" s="1" t="s">
        <v>8408</v>
      </c>
      <c r="C2121" s="1" t="s">
        <v>45</v>
      </c>
      <c r="D2121" s="1" t="s">
        <v>8438</v>
      </c>
      <c r="E2121" s="1" t="s">
        <v>8439</v>
      </c>
      <c r="F2121" s="1" t="s">
        <v>8440</v>
      </c>
      <c r="G2121" s="1" t="s">
        <v>8412</v>
      </c>
      <c r="H2121" s="1" t="s">
        <v>13</v>
      </c>
      <c r="I2121" s="1" t="s">
        <v>8413</v>
      </c>
      <c r="J2121" s="1" t="s">
        <v>8441</v>
      </c>
    </row>
    <row r="2122" spans="1:10" x14ac:dyDescent="0.35">
      <c r="A2122" s="1" t="s">
        <v>8407</v>
      </c>
      <c r="B2122" s="1" t="s">
        <v>8408</v>
      </c>
      <c r="C2122" s="1" t="s">
        <v>50</v>
      </c>
      <c r="D2122" s="1" t="s">
        <v>1805</v>
      </c>
      <c r="E2122" s="1" t="s">
        <v>8442</v>
      </c>
      <c r="F2122" s="1" t="s">
        <v>8443</v>
      </c>
      <c r="G2122" s="1" t="s">
        <v>8412</v>
      </c>
      <c r="H2122" s="1" t="s">
        <v>13</v>
      </c>
      <c r="I2122" s="1" t="s">
        <v>8413</v>
      </c>
      <c r="J2122" s="1" t="s">
        <v>8444</v>
      </c>
    </row>
    <row r="2123" spans="1:10" x14ac:dyDescent="0.35">
      <c r="A2123" s="1" t="s">
        <v>8407</v>
      </c>
      <c r="B2123" s="1" t="s">
        <v>8408</v>
      </c>
      <c r="C2123" s="1" t="s">
        <v>55</v>
      </c>
      <c r="D2123" s="1" t="s">
        <v>8445</v>
      </c>
      <c r="E2123" s="1" t="s">
        <v>8446</v>
      </c>
      <c r="F2123" s="1" t="s">
        <v>8447</v>
      </c>
      <c r="G2123" s="1" t="s">
        <v>8412</v>
      </c>
      <c r="H2123" s="1" t="s">
        <v>13</v>
      </c>
      <c r="I2123" s="1" t="s">
        <v>8413</v>
      </c>
      <c r="J2123" s="1" t="s">
        <v>8448</v>
      </c>
    </row>
    <row r="2124" spans="1:10" x14ac:dyDescent="0.35">
      <c r="A2124" s="1" t="s">
        <v>8407</v>
      </c>
      <c r="B2124" s="1" t="s">
        <v>8408</v>
      </c>
      <c r="C2124" s="1" t="s">
        <v>60</v>
      </c>
      <c r="D2124" s="1" t="s">
        <v>8449</v>
      </c>
      <c r="E2124" s="1" t="s">
        <v>8450</v>
      </c>
      <c r="F2124" s="1" t="s">
        <v>8451</v>
      </c>
      <c r="G2124" s="1" t="s">
        <v>8412</v>
      </c>
      <c r="H2124" s="1" t="s">
        <v>13</v>
      </c>
      <c r="I2124" s="1" t="s">
        <v>8413</v>
      </c>
      <c r="J2124" s="1" t="s">
        <v>8452</v>
      </c>
    </row>
    <row r="2125" spans="1:10" x14ac:dyDescent="0.35">
      <c r="A2125" s="1" t="s">
        <v>8407</v>
      </c>
      <c r="B2125" s="1" t="s">
        <v>8408</v>
      </c>
      <c r="C2125" s="1" t="s">
        <v>65</v>
      </c>
      <c r="D2125" s="1" t="s">
        <v>8453</v>
      </c>
      <c r="E2125" s="1" t="s">
        <v>8454</v>
      </c>
      <c r="F2125" s="1" t="s">
        <v>8455</v>
      </c>
      <c r="G2125" s="1" t="s">
        <v>8412</v>
      </c>
      <c r="H2125" s="1" t="s">
        <v>13</v>
      </c>
      <c r="I2125" s="1" t="s">
        <v>8413</v>
      </c>
      <c r="J2125" s="1" t="s">
        <v>8456</v>
      </c>
    </row>
    <row r="2126" spans="1:10" x14ac:dyDescent="0.35">
      <c r="A2126" s="1" t="s">
        <v>8407</v>
      </c>
      <c r="B2126" s="1" t="s">
        <v>8408</v>
      </c>
      <c r="C2126" s="1" t="s">
        <v>70</v>
      </c>
      <c r="D2126" s="1" t="s">
        <v>8457</v>
      </c>
      <c r="E2126" s="1" t="s">
        <v>8458</v>
      </c>
      <c r="F2126" s="1" t="s">
        <v>8459</v>
      </c>
      <c r="G2126" s="1" t="s">
        <v>8412</v>
      </c>
      <c r="H2126" s="1" t="s">
        <v>13</v>
      </c>
      <c r="I2126" s="1" t="s">
        <v>8413</v>
      </c>
      <c r="J2126" s="1" t="s">
        <v>8460</v>
      </c>
    </row>
    <row r="2127" spans="1:10" x14ac:dyDescent="0.35">
      <c r="A2127" s="1" t="s">
        <v>8407</v>
      </c>
      <c r="B2127" s="1" t="s">
        <v>8408</v>
      </c>
      <c r="C2127" s="1" t="s">
        <v>75</v>
      </c>
      <c r="D2127" s="1" t="s">
        <v>8461</v>
      </c>
      <c r="E2127" s="1" t="s">
        <v>8462</v>
      </c>
      <c r="F2127" s="1" t="s">
        <v>8463</v>
      </c>
      <c r="G2127" s="1" t="s">
        <v>8412</v>
      </c>
      <c r="H2127" s="1" t="s">
        <v>13</v>
      </c>
      <c r="I2127" s="1" t="s">
        <v>8413</v>
      </c>
      <c r="J2127" s="1" t="s">
        <v>8464</v>
      </c>
    </row>
    <row r="2128" spans="1:10" x14ac:dyDescent="0.35">
      <c r="A2128" s="1" t="s">
        <v>8407</v>
      </c>
      <c r="B2128" s="1" t="s">
        <v>8408</v>
      </c>
      <c r="C2128" s="1" t="s">
        <v>80</v>
      </c>
      <c r="D2128" s="1" t="s">
        <v>8418</v>
      </c>
      <c r="E2128" s="1" t="s">
        <v>8465</v>
      </c>
      <c r="F2128" s="1" t="s">
        <v>8466</v>
      </c>
      <c r="G2128" s="1" t="s">
        <v>8412</v>
      </c>
      <c r="H2128" s="1" t="s">
        <v>13</v>
      </c>
      <c r="I2128" s="1" t="s">
        <v>8413</v>
      </c>
      <c r="J2128" s="1" t="s">
        <v>8467</v>
      </c>
    </row>
    <row r="2129" spans="1:10" x14ac:dyDescent="0.35">
      <c r="A2129" s="1" t="s">
        <v>8407</v>
      </c>
      <c r="B2129" s="1" t="s">
        <v>8408</v>
      </c>
      <c r="C2129" s="1" t="s">
        <v>85</v>
      </c>
      <c r="D2129" s="1" t="s">
        <v>7346</v>
      </c>
      <c r="E2129" s="1" t="s">
        <v>8468</v>
      </c>
      <c r="F2129" s="1" t="s">
        <v>8469</v>
      </c>
      <c r="G2129" s="1" t="s">
        <v>8412</v>
      </c>
      <c r="H2129" s="1" t="s">
        <v>13</v>
      </c>
      <c r="I2129" s="1" t="s">
        <v>8413</v>
      </c>
      <c r="J2129" s="1" t="s">
        <v>8470</v>
      </c>
    </row>
    <row r="2130" spans="1:10" x14ac:dyDescent="0.35">
      <c r="A2130" s="1" t="s">
        <v>8407</v>
      </c>
      <c r="B2130" s="1" t="s">
        <v>8408</v>
      </c>
      <c r="C2130" s="1" t="s">
        <v>90</v>
      </c>
      <c r="D2130" s="1" t="s">
        <v>8471</v>
      </c>
      <c r="E2130" s="1" t="s">
        <v>8472</v>
      </c>
      <c r="F2130" s="1" t="s">
        <v>8473</v>
      </c>
      <c r="G2130" s="1" t="s">
        <v>8412</v>
      </c>
      <c r="H2130" s="1" t="s">
        <v>13</v>
      </c>
      <c r="I2130" s="1" t="s">
        <v>8413</v>
      </c>
      <c r="J2130" s="1" t="s">
        <v>8474</v>
      </c>
    </row>
    <row r="2131" spans="1:10" x14ac:dyDescent="0.35">
      <c r="A2131" s="1" t="s">
        <v>8407</v>
      </c>
      <c r="B2131" s="1" t="s">
        <v>8408</v>
      </c>
      <c r="C2131" s="1" t="s">
        <v>95</v>
      </c>
      <c r="D2131" s="1" t="s">
        <v>8475</v>
      </c>
      <c r="E2131" s="1" t="s">
        <v>8476</v>
      </c>
      <c r="F2131" s="1" t="s">
        <v>8477</v>
      </c>
      <c r="G2131" s="1" t="s">
        <v>8412</v>
      </c>
      <c r="H2131" s="1" t="s">
        <v>13</v>
      </c>
      <c r="I2131" s="1" t="s">
        <v>8413</v>
      </c>
      <c r="J2131" s="1" t="s">
        <v>8478</v>
      </c>
    </row>
    <row r="2132" spans="1:10" x14ac:dyDescent="0.35">
      <c r="A2132" s="1" t="s">
        <v>8407</v>
      </c>
      <c r="B2132" s="1" t="s">
        <v>8408</v>
      </c>
      <c r="C2132" s="1" t="s">
        <v>100</v>
      </c>
      <c r="D2132" s="1" t="s">
        <v>8479</v>
      </c>
      <c r="E2132" s="1" t="s">
        <v>8480</v>
      </c>
      <c r="F2132" s="1" t="s">
        <v>8481</v>
      </c>
      <c r="G2132" s="1" t="s">
        <v>8412</v>
      </c>
      <c r="H2132" s="1" t="s">
        <v>13</v>
      </c>
      <c r="I2132" s="1" t="s">
        <v>8413</v>
      </c>
      <c r="J2132" s="1" t="s">
        <v>8482</v>
      </c>
    </row>
    <row r="2133" spans="1:10" x14ac:dyDescent="0.35">
      <c r="A2133" s="1" t="s">
        <v>8407</v>
      </c>
      <c r="B2133" s="1" t="s">
        <v>8408</v>
      </c>
      <c r="C2133" s="1" t="s">
        <v>105</v>
      </c>
      <c r="D2133" s="1" t="s">
        <v>8483</v>
      </c>
      <c r="E2133" s="1" t="s">
        <v>8484</v>
      </c>
      <c r="F2133" s="1" t="s">
        <v>8485</v>
      </c>
      <c r="G2133" s="1" t="s">
        <v>8412</v>
      </c>
      <c r="H2133" s="1" t="s">
        <v>13</v>
      </c>
      <c r="I2133" s="1" t="s">
        <v>8413</v>
      </c>
      <c r="J2133" s="1" t="s">
        <v>8486</v>
      </c>
    </row>
    <row r="2134" spans="1:10" x14ac:dyDescent="0.35">
      <c r="A2134" s="1" t="s">
        <v>8407</v>
      </c>
      <c r="B2134" s="1" t="s">
        <v>8408</v>
      </c>
      <c r="C2134" s="1" t="s">
        <v>110</v>
      </c>
      <c r="D2134" s="1" t="s">
        <v>8487</v>
      </c>
      <c r="E2134" s="1" t="s">
        <v>8488</v>
      </c>
      <c r="F2134" s="1" t="s">
        <v>8489</v>
      </c>
      <c r="G2134" s="1" t="s">
        <v>8412</v>
      </c>
      <c r="H2134" s="1" t="s">
        <v>13</v>
      </c>
      <c r="I2134" s="1" t="s">
        <v>8413</v>
      </c>
      <c r="J2134" s="1" t="s">
        <v>8490</v>
      </c>
    </row>
    <row r="2135" spans="1:10" x14ac:dyDescent="0.35">
      <c r="A2135" s="1" t="s">
        <v>8407</v>
      </c>
      <c r="B2135" s="1" t="s">
        <v>8408</v>
      </c>
      <c r="C2135" s="1" t="s">
        <v>115</v>
      </c>
      <c r="D2135" s="1" t="s">
        <v>8491</v>
      </c>
      <c r="E2135" s="1" t="s">
        <v>8492</v>
      </c>
      <c r="F2135" s="1" t="s">
        <v>8493</v>
      </c>
      <c r="G2135" s="1" t="s">
        <v>8412</v>
      </c>
      <c r="H2135" s="1" t="s">
        <v>13</v>
      </c>
      <c r="I2135" s="1" t="s">
        <v>8413</v>
      </c>
      <c r="J2135" s="1" t="s">
        <v>8494</v>
      </c>
    </row>
    <row r="2136" spans="1:10" x14ac:dyDescent="0.35">
      <c r="A2136" s="1" t="s">
        <v>8407</v>
      </c>
      <c r="B2136" s="1" t="s">
        <v>8408</v>
      </c>
      <c r="C2136" s="1" t="s">
        <v>120</v>
      </c>
      <c r="D2136" s="1" t="s">
        <v>8495</v>
      </c>
      <c r="E2136" s="1" t="s">
        <v>8496</v>
      </c>
      <c r="F2136" s="1" t="s">
        <v>8497</v>
      </c>
      <c r="G2136" s="1" t="s">
        <v>8412</v>
      </c>
      <c r="H2136" s="1" t="s">
        <v>13</v>
      </c>
      <c r="I2136" s="1" t="s">
        <v>8413</v>
      </c>
      <c r="J2136" s="1" t="s">
        <v>8498</v>
      </c>
    </row>
    <row r="2137" spans="1:10" x14ac:dyDescent="0.35">
      <c r="A2137" s="1" t="s">
        <v>8407</v>
      </c>
      <c r="B2137" s="1" t="s">
        <v>8408</v>
      </c>
      <c r="C2137" s="1" t="s">
        <v>125</v>
      </c>
      <c r="D2137" s="1" t="s">
        <v>8499</v>
      </c>
      <c r="E2137" s="1" t="s">
        <v>8500</v>
      </c>
      <c r="F2137" s="1" t="s">
        <v>8501</v>
      </c>
      <c r="G2137" s="1" t="s">
        <v>8412</v>
      </c>
      <c r="H2137" s="1" t="s">
        <v>13</v>
      </c>
      <c r="I2137" s="1" t="s">
        <v>8413</v>
      </c>
      <c r="J2137" s="1" t="s">
        <v>8502</v>
      </c>
    </row>
    <row r="2138" spans="1:10" x14ac:dyDescent="0.35">
      <c r="A2138" s="1" t="s">
        <v>8407</v>
      </c>
      <c r="B2138" s="1" t="s">
        <v>8408</v>
      </c>
      <c r="C2138" s="1" t="s">
        <v>130</v>
      </c>
      <c r="D2138" s="1" t="s">
        <v>5497</v>
      </c>
      <c r="E2138" s="1" t="s">
        <v>8503</v>
      </c>
      <c r="F2138" s="1" t="s">
        <v>8504</v>
      </c>
      <c r="G2138" s="1" t="s">
        <v>8412</v>
      </c>
      <c r="H2138" s="1" t="s">
        <v>13</v>
      </c>
      <c r="I2138" s="1" t="s">
        <v>8413</v>
      </c>
      <c r="J2138" s="1" t="s">
        <v>8505</v>
      </c>
    </row>
    <row r="2139" spans="1:10" x14ac:dyDescent="0.35">
      <c r="A2139" s="1" t="s">
        <v>8407</v>
      </c>
      <c r="B2139" s="1" t="s">
        <v>8408</v>
      </c>
      <c r="C2139" s="1" t="s">
        <v>135</v>
      </c>
      <c r="D2139" s="1" t="s">
        <v>8506</v>
      </c>
      <c r="E2139" s="1" t="s">
        <v>8507</v>
      </c>
      <c r="F2139" s="1" t="s">
        <v>8508</v>
      </c>
      <c r="G2139" s="1" t="s">
        <v>8412</v>
      </c>
      <c r="H2139" s="1" t="s">
        <v>13</v>
      </c>
      <c r="I2139" s="1" t="s">
        <v>8413</v>
      </c>
      <c r="J2139" s="1" t="s">
        <v>8509</v>
      </c>
    </row>
    <row r="2140" spans="1:10" x14ac:dyDescent="0.35">
      <c r="A2140" s="1" t="s">
        <v>8407</v>
      </c>
      <c r="B2140" s="1" t="s">
        <v>8408</v>
      </c>
      <c r="C2140" s="1" t="s">
        <v>140</v>
      </c>
      <c r="D2140" s="1" t="s">
        <v>8510</v>
      </c>
      <c r="E2140" s="1" t="s">
        <v>8511</v>
      </c>
      <c r="F2140" s="1" t="s">
        <v>8512</v>
      </c>
      <c r="G2140" s="1" t="s">
        <v>8412</v>
      </c>
      <c r="H2140" s="1" t="s">
        <v>13</v>
      </c>
      <c r="I2140" s="1" t="s">
        <v>8413</v>
      </c>
      <c r="J2140" s="1" t="s">
        <v>8513</v>
      </c>
    </row>
    <row r="2141" spans="1:10" x14ac:dyDescent="0.35">
      <c r="A2141" s="1" t="s">
        <v>8407</v>
      </c>
      <c r="B2141" s="1" t="s">
        <v>8408</v>
      </c>
      <c r="C2141" s="1" t="s">
        <v>145</v>
      </c>
      <c r="D2141" s="1" t="s">
        <v>8514</v>
      </c>
      <c r="E2141" s="1" t="s">
        <v>8515</v>
      </c>
      <c r="F2141" s="1" t="s">
        <v>8516</v>
      </c>
      <c r="G2141" s="1" t="s">
        <v>8412</v>
      </c>
      <c r="H2141" s="1" t="s">
        <v>13</v>
      </c>
      <c r="I2141" s="1" t="s">
        <v>8413</v>
      </c>
      <c r="J2141" s="1" t="s">
        <v>8517</v>
      </c>
    </row>
    <row r="2142" spans="1:10" x14ac:dyDescent="0.35">
      <c r="A2142" s="1" t="s">
        <v>8407</v>
      </c>
      <c r="B2142" s="1" t="s">
        <v>8408</v>
      </c>
      <c r="C2142" s="1" t="s">
        <v>150</v>
      </c>
      <c r="D2142" s="1" t="s">
        <v>8518</v>
      </c>
      <c r="E2142" s="1" t="s">
        <v>8519</v>
      </c>
      <c r="F2142" s="1" t="s">
        <v>8520</v>
      </c>
      <c r="G2142" s="1" t="s">
        <v>8412</v>
      </c>
      <c r="H2142" s="1" t="s">
        <v>13</v>
      </c>
      <c r="I2142" s="1" t="s">
        <v>8413</v>
      </c>
      <c r="J2142" s="1" t="s">
        <v>8521</v>
      </c>
    </row>
    <row r="2143" spans="1:10" x14ac:dyDescent="0.35">
      <c r="A2143" s="1" t="s">
        <v>8407</v>
      </c>
      <c r="B2143" s="1" t="s">
        <v>8408</v>
      </c>
      <c r="C2143" s="1" t="s">
        <v>155</v>
      </c>
      <c r="D2143" s="1" t="s">
        <v>8522</v>
      </c>
      <c r="E2143" s="1" t="s">
        <v>8523</v>
      </c>
      <c r="F2143" s="1" t="s">
        <v>8524</v>
      </c>
      <c r="G2143" s="1" t="s">
        <v>8412</v>
      </c>
      <c r="H2143" s="1" t="s">
        <v>13</v>
      </c>
      <c r="I2143" s="1" t="s">
        <v>8413</v>
      </c>
      <c r="J2143" s="1" t="s">
        <v>8525</v>
      </c>
    </row>
    <row r="2144" spans="1:10" x14ac:dyDescent="0.35">
      <c r="A2144" s="1" t="s">
        <v>8407</v>
      </c>
      <c r="B2144" s="1" t="s">
        <v>8408</v>
      </c>
      <c r="C2144" s="1" t="s">
        <v>160</v>
      </c>
      <c r="D2144" s="1" t="s">
        <v>1954</v>
      </c>
      <c r="E2144" s="1" t="s">
        <v>8526</v>
      </c>
      <c r="F2144" s="1" t="s">
        <v>8527</v>
      </c>
      <c r="G2144" s="1" t="s">
        <v>8412</v>
      </c>
      <c r="H2144" s="1" t="s">
        <v>13</v>
      </c>
      <c r="I2144" s="1" t="s">
        <v>8413</v>
      </c>
      <c r="J2144" s="1" t="s">
        <v>8528</v>
      </c>
    </row>
    <row r="2145" spans="1:10" x14ac:dyDescent="0.35">
      <c r="A2145" s="1" t="s">
        <v>8407</v>
      </c>
      <c r="B2145" s="1" t="s">
        <v>8408</v>
      </c>
      <c r="C2145" s="1" t="s">
        <v>165</v>
      </c>
      <c r="D2145" s="1" t="s">
        <v>8529</v>
      </c>
      <c r="E2145" s="1" t="s">
        <v>8530</v>
      </c>
      <c r="F2145" s="1" t="s">
        <v>8531</v>
      </c>
      <c r="G2145" s="1" t="s">
        <v>8412</v>
      </c>
      <c r="H2145" s="1" t="s">
        <v>13</v>
      </c>
      <c r="I2145" s="1" t="s">
        <v>8413</v>
      </c>
      <c r="J2145" s="1" t="s">
        <v>8532</v>
      </c>
    </row>
    <row r="2146" spans="1:10" x14ac:dyDescent="0.35">
      <c r="A2146" s="1" t="s">
        <v>8407</v>
      </c>
      <c r="B2146" s="1" t="s">
        <v>8408</v>
      </c>
      <c r="C2146" s="1" t="s">
        <v>170</v>
      </c>
      <c r="D2146" s="1" t="s">
        <v>4466</v>
      </c>
      <c r="E2146" s="1" t="s">
        <v>8533</v>
      </c>
      <c r="F2146" s="1" t="s">
        <v>8534</v>
      </c>
      <c r="G2146" s="1" t="s">
        <v>8412</v>
      </c>
      <c r="H2146" s="1" t="s">
        <v>13</v>
      </c>
      <c r="I2146" s="1" t="s">
        <v>8413</v>
      </c>
      <c r="J2146" s="1" t="s">
        <v>8535</v>
      </c>
    </row>
    <row r="2147" spans="1:10" x14ac:dyDescent="0.35">
      <c r="A2147" s="1" t="s">
        <v>8536</v>
      </c>
      <c r="B2147" s="1" t="s">
        <v>8537</v>
      </c>
      <c r="C2147" s="1" t="s">
        <v>8</v>
      </c>
      <c r="D2147" s="1" t="s">
        <v>8538</v>
      </c>
      <c r="E2147" s="1" t="s">
        <v>7913</v>
      </c>
      <c r="F2147" s="1" t="s">
        <v>8539</v>
      </c>
      <c r="G2147" s="1" t="s">
        <v>8540</v>
      </c>
      <c r="H2147" s="1" t="s">
        <v>13</v>
      </c>
      <c r="I2147" s="1" t="s">
        <v>8541</v>
      </c>
      <c r="J2147" s="1" t="s">
        <v>13</v>
      </c>
    </row>
    <row r="2148" spans="1:10" x14ac:dyDescent="0.35">
      <c r="A2148" s="1" t="s">
        <v>8536</v>
      </c>
      <c r="B2148" s="1" t="s">
        <v>8537</v>
      </c>
      <c r="C2148" s="1" t="s">
        <v>15</v>
      </c>
      <c r="D2148" s="1" t="s">
        <v>8542</v>
      </c>
      <c r="E2148" s="1" t="s">
        <v>8543</v>
      </c>
      <c r="F2148" s="1" t="s">
        <v>8544</v>
      </c>
      <c r="G2148" s="1" t="s">
        <v>8540</v>
      </c>
      <c r="H2148" s="1" t="s">
        <v>13</v>
      </c>
      <c r="I2148" s="1" t="s">
        <v>8541</v>
      </c>
      <c r="J2148" s="1" t="s">
        <v>8545</v>
      </c>
    </row>
    <row r="2149" spans="1:10" x14ac:dyDescent="0.35">
      <c r="A2149" s="1" t="s">
        <v>8536</v>
      </c>
      <c r="B2149" s="1" t="s">
        <v>8537</v>
      </c>
      <c r="C2149" s="1" t="s">
        <v>20</v>
      </c>
      <c r="D2149" s="1" t="s">
        <v>8546</v>
      </c>
      <c r="E2149" s="1" t="s">
        <v>8547</v>
      </c>
      <c r="F2149" s="1" t="s">
        <v>8548</v>
      </c>
      <c r="G2149" s="1" t="s">
        <v>8540</v>
      </c>
      <c r="H2149" s="1" t="s">
        <v>13</v>
      </c>
      <c r="I2149" s="1" t="s">
        <v>8541</v>
      </c>
      <c r="J2149" s="1" t="s">
        <v>8549</v>
      </c>
    </row>
    <row r="2150" spans="1:10" x14ac:dyDescent="0.35">
      <c r="A2150" s="1" t="s">
        <v>8536</v>
      </c>
      <c r="B2150" s="1" t="s">
        <v>8537</v>
      </c>
      <c r="C2150" s="1" t="s">
        <v>25</v>
      </c>
      <c r="D2150" s="1" t="s">
        <v>8550</v>
      </c>
      <c r="E2150" s="1" t="s">
        <v>8551</v>
      </c>
      <c r="F2150" s="1" t="s">
        <v>8552</v>
      </c>
      <c r="G2150" s="1" t="s">
        <v>8540</v>
      </c>
      <c r="H2150" s="1" t="s">
        <v>13</v>
      </c>
      <c r="I2150" s="1" t="s">
        <v>8541</v>
      </c>
      <c r="J2150" s="1" t="s">
        <v>8553</v>
      </c>
    </row>
    <row r="2151" spans="1:10" x14ac:dyDescent="0.35">
      <c r="A2151" s="1" t="s">
        <v>8536</v>
      </c>
      <c r="B2151" s="1" t="s">
        <v>8537</v>
      </c>
      <c r="C2151" s="1" t="s">
        <v>30</v>
      </c>
      <c r="D2151" s="1" t="s">
        <v>8554</v>
      </c>
      <c r="E2151" s="1" t="s">
        <v>8555</v>
      </c>
      <c r="F2151" s="1" t="s">
        <v>8556</v>
      </c>
      <c r="G2151" s="1" t="s">
        <v>8540</v>
      </c>
      <c r="H2151" s="1" t="s">
        <v>13</v>
      </c>
      <c r="I2151" s="1" t="s">
        <v>8541</v>
      </c>
      <c r="J2151" s="1" t="s">
        <v>8557</v>
      </c>
    </row>
    <row r="2152" spans="1:10" x14ac:dyDescent="0.35">
      <c r="A2152" s="1" t="s">
        <v>8536</v>
      </c>
      <c r="B2152" s="1" t="s">
        <v>8537</v>
      </c>
      <c r="C2152" s="1" t="s">
        <v>35</v>
      </c>
      <c r="D2152" s="1" t="s">
        <v>8558</v>
      </c>
      <c r="E2152" s="1" t="s">
        <v>8559</v>
      </c>
      <c r="F2152" s="1" t="s">
        <v>8560</v>
      </c>
      <c r="G2152" s="1" t="s">
        <v>8540</v>
      </c>
      <c r="H2152" s="1" t="s">
        <v>13</v>
      </c>
      <c r="I2152" s="1" t="s">
        <v>8541</v>
      </c>
      <c r="J2152" s="1" t="s">
        <v>8561</v>
      </c>
    </row>
    <row r="2153" spans="1:10" x14ac:dyDescent="0.35">
      <c r="A2153" s="1" t="s">
        <v>8536</v>
      </c>
      <c r="B2153" s="1" t="s">
        <v>8537</v>
      </c>
      <c r="C2153" s="1" t="s">
        <v>40</v>
      </c>
      <c r="D2153" s="1" t="s">
        <v>8562</v>
      </c>
      <c r="E2153" s="1" t="s">
        <v>7913</v>
      </c>
      <c r="F2153" s="1" t="s">
        <v>8563</v>
      </c>
      <c r="G2153" s="1" t="s">
        <v>8540</v>
      </c>
      <c r="H2153" s="1" t="s">
        <v>13</v>
      </c>
      <c r="I2153" s="1" t="s">
        <v>8541</v>
      </c>
      <c r="J2153" s="1" t="s">
        <v>8564</v>
      </c>
    </row>
    <row r="2154" spans="1:10" x14ac:dyDescent="0.35">
      <c r="A2154" s="1" t="s">
        <v>8536</v>
      </c>
      <c r="B2154" s="1" t="s">
        <v>8537</v>
      </c>
      <c r="C2154" s="1" t="s">
        <v>45</v>
      </c>
      <c r="D2154" s="1" t="s">
        <v>8565</v>
      </c>
      <c r="E2154" s="1" t="s">
        <v>8566</v>
      </c>
      <c r="F2154" s="1" t="s">
        <v>8567</v>
      </c>
      <c r="G2154" s="1" t="s">
        <v>8540</v>
      </c>
      <c r="H2154" s="1" t="s">
        <v>13</v>
      </c>
      <c r="I2154" s="1" t="s">
        <v>8541</v>
      </c>
      <c r="J2154" s="1" t="s">
        <v>8568</v>
      </c>
    </row>
    <row r="2155" spans="1:10" x14ac:dyDescent="0.35">
      <c r="A2155" s="1" t="s">
        <v>8536</v>
      </c>
      <c r="B2155" s="1" t="s">
        <v>8537</v>
      </c>
      <c r="C2155" s="1" t="s">
        <v>50</v>
      </c>
      <c r="D2155" s="1" t="s">
        <v>8569</v>
      </c>
      <c r="E2155" s="1" t="s">
        <v>8570</v>
      </c>
      <c r="F2155" s="1" t="s">
        <v>8571</v>
      </c>
      <c r="G2155" s="1" t="s">
        <v>8540</v>
      </c>
      <c r="H2155" s="1" t="s">
        <v>13</v>
      </c>
      <c r="I2155" s="1" t="s">
        <v>8541</v>
      </c>
      <c r="J2155" s="1" t="s">
        <v>8572</v>
      </c>
    </row>
    <row r="2156" spans="1:10" x14ac:dyDescent="0.35">
      <c r="A2156" s="1" t="s">
        <v>8536</v>
      </c>
      <c r="B2156" s="1" t="s">
        <v>8537</v>
      </c>
      <c r="C2156" s="1" t="s">
        <v>55</v>
      </c>
      <c r="D2156" s="1" t="s">
        <v>8573</v>
      </c>
      <c r="E2156" s="1" t="s">
        <v>8543</v>
      </c>
      <c r="F2156" s="1" t="s">
        <v>8574</v>
      </c>
      <c r="G2156" s="1" t="s">
        <v>8540</v>
      </c>
      <c r="H2156" s="1" t="s">
        <v>13</v>
      </c>
      <c r="I2156" s="1" t="s">
        <v>8541</v>
      </c>
      <c r="J2156" s="1" t="s">
        <v>8575</v>
      </c>
    </row>
    <row r="2157" spans="1:10" x14ac:dyDescent="0.35">
      <c r="A2157" s="1" t="s">
        <v>8536</v>
      </c>
      <c r="B2157" s="1" t="s">
        <v>8537</v>
      </c>
      <c r="C2157" s="1" t="s">
        <v>60</v>
      </c>
      <c r="D2157" s="1" t="s">
        <v>8576</v>
      </c>
      <c r="E2157" s="1" t="s">
        <v>515</v>
      </c>
      <c r="F2157" s="1" t="s">
        <v>8577</v>
      </c>
      <c r="G2157" s="1" t="s">
        <v>8540</v>
      </c>
      <c r="H2157" s="1" t="s">
        <v>13</v>
      </c>
      <c r="I2157" s="1" t="s">
        <v>8541</v>
      </c>
      <c r="J2157" s="1" t="s">
        <v>8578</v>
      </c>
    </row>
    <row r="2158" spans="1:10" x14ac:dyDescent="0.35">
      <c r="A2158" s="1" t="s">
        <v>8536</v>
      </c>
      <c r="B2158" s="1" t="s">
        <v>8537</v>
      </c>
      <c r="C2158" s="1" t="s">
        <v>65</v>
      </c>
      <c r="D2158" s="1" t="s">
        <v>8579</v>
      </c>
      <c r="E2158" s="1" t="s">
        <v>8580</v>
      </c>
      <c r="F2158" s="1" t="s">
        <v>8581</v>
      </c>
      <c r="G2158" s="1" t="s">
        <v>8540</v>
      </c>
      <c r="H2158" s="1" t="s">
        <v>13</v>
      </c>
      <c r="I2158" s="1" t="s">
        <v>8541</v>
      </c>
      <c r="J2158" s="1" t="s">
        <v>8582</v>
      </c>
    </row>
    <row r="2159" spans="1:10" x14ac:dyDescent="0.35">
      <c r="A2159" s="1" t="s">
        <v>8536</v>
      </c>
      <c r="B2159" s="1" t="s">
        <v>8537</v>
      </c>
      <c r="C2159" s="1" t="s">
        <v>70</v>
      </c>
      <c r="D2159" s="1" t="s">
        <v>8583</v>
      </c>
      <c r="E2159" s="1" t="s">
        <v>8584</v>
      </c>
      <c r="F2159" s="1" t="s">
        <v>8585</v>
      </c>
      <c r="G2159" s="1" t="s">
        <v>8540</v>
      </c>
      <c r="H2159" s="1" t="s">
        <v>13</v>
      </c>
      <c r="I2159" s="1" t="s">
        <v>8541</v>
      </c>
      <c r="J2159" s="1" t="s">
        <v>8586</v>
      </c>
    </row>
    <row r="2160" spans="1:10" x14ac:dyDescent="0.35">
      <c r="A2160" s="1" t="s">
        <v>8536</v>
      </c>
      <c r="B2160" s="1" t="s">
        <v>8537</v>
      </c>
      <c r="C2160" s="1" t="s">
        <v>75</v>
      </c>
      <c r="D2160" s="1" t="s">
        <v>8587</v>
      </c>
      <c r="E2160" s="1" t="s">
        <v>8588</v>
      </c>
      <c r="F2160" s="1" t="s">
        <v>8589</v>
      </c>
      <c r="G2160" s="1" t="s">
        <v>8540</v>
      </c>
      <c r="H2160" s="1" t="s">
        <v>13</v>
      </c>
      <c r="I2160" s="1" t="s">
        <v>8541</v>
      </c>
      <c r="J2160" s="1" t="s">
        <v>8590</v>
      </c>
    </row>
    <row r="2161" spans="1:10" x14ac:dyDescent="0.35">
      <c r="A2161" s="1" t="s">
        <v>8536</v>
      </c>
      <c r="B2161" s="1" t="s">
        <v>8537</v>
      </c>
      <c r="C2161" s="1" t="s">
        <v>80</v>
      </c>
      <c r="D2161" s="1" t="s">
        <v>8591</v>
      </c>
      <c r="E2161" s="1" t="s">
        <v>8592</v>
      </c>
      <c r="F2161" s="1" t="s">
        <v>8593</v>
      </c>
      <c r="G2161" s="1" t="s">
        <v>8540</v>
      </c>
      <c r="H2161" s="1" t="s">
        <v>13</v>
      </c>
      <c r="I2161" s="1" t="s">
        <v>8541</v>
      </c>
      <c r="J2161" s="1" t="s">
        <v>8594</v>
      </c>
    </row>
    <row r="2162" spans="1:10" x14ac:dyDescent="0.35">
      <c r="A2162" s="1" t="s">
        <v>8536</v>
      </c>
      <c r="B2162" s="1" t="s">
        <v>8537</v>
      </c>
      <c r="C2162" s="1" t="s">
        <v>85</v>
      </c>
      <c r="D2162" s="1" t="s">
        <v>8595</v>
      </c>
      <c r="E2162" s="1" t="s">
        <v>8596</v>
      </c>
      <c r="F2162" s="1" t="s">
        <v>8597</v>
      </c>
      <c r="G2162" s="1" t="s">
        <v>8540</v>
      </c>
      <c r="H2162" s="1" t="s">
        <v>13</v>
      </c>
      <c r="I2162" s="1" t="s">
        <v>8541</v>
      </c>
      <c r="J2162" s="1" t="s">
        <v>8598</v>
      </c>
    </row>
    <row r="2163" spans="1:10" x14ac:dyDescent="0.35">
      <c r="A2163" s="1" t="s">
        <v>8536</v>
      </c>
      <c r="B2163" s="1" t="s">
        <v>8537</v>
      </c>
      <c r="C2163" s="1" t="s">
        <v>90</v>
      </c>
      <c r="D2163" s="1" t="s">
        <v>8599</v>
      </c>
      <c r="E2163" s="1" t="s">
        <v>8600</v>
      </c>
      <c r="F2163" s="1" t="s">
        <v>8601</v>
      </c>
      <c r="G2163" s="1" t="s">
        <v>8540</v>
      </c>
      <c r="H2163" s="1" t="s">
        <v>13</v>
      </c>
      <c r="I2163" s="1" t="s">
        <v>8541</v>
      </c>
      <c r="J2163" s="1" t="s">
        <v>8602</v>
      </c>
    </row>
    <row r="2164" spans="1:10" x14ac:dyDescent="0.35">
      <c r="A2164" s="1" t="s">
        <v>8536</v>
      </c>
      <c r="B2164" s="1" t="s">
        <v>8537</v>
      </c>
      <c r="C2164" s="1" t="s">
        <v>95</v>
      </c>
      <c r="D2164" s="1" t="s">
        <v>8603</v>
      </c>
      <c r="E2164" s="1" t="s">
        <v>8604</v>
      </c>
      <c r="F2164" s="1" t="s">
        <v>8605</v>
      </c>
      <c r="G2164" s="1" t="s">
        <v>8540</v>
      </c>
      <c r="H2164" s="1" t="s">
        <v>13</v>
      </c>
      <c r="I2164" s="1" t="s">
        <v>8541</v>
      </c>
      <c r="J2164" s="1" t="s">
        <v>8606</v>
      </c>
    </row>
    <row r="2165" spans="1:10" x14ac:dyDescent="0.35">
      <c r="A2165" s="1" t="s">
        <v>8536</v>
      </c>
      <c r="B2165" s="1" t="s">
        <v>8537</v>
      </c>
      <c r="C2165" s="1" t="s">
        <v>100</v>
      </c>
      <c r="D2165" s="1" t="s">
        <v>8607</v>
      </c>
      <c r="E2165" s="1" t="s">
        <v>8608</v>
      </c>
      <c r="F2165" s="1" t="s">
        <v>8609</v>
      </c>
      <c r="G2165" s="1" t="s">
        <v>8540</v>
      </c>
      <c r="H2165" s="1" t="s">
        <v>13</v>
      </c>
      <c r="I2165" s="1" t="s">
        <v>8541</v>
      </c>
      <c r="J2165" s="1" t="s">
        <v>8610</v>
      </c>
    </row>
    <row r="2166" spans="1:10" x14ac:dyDescent="0.35">
      <c r="A2166" s="1" t="s">
        <v>8536</v>
      </c>
      <c r="B2166" s="1" t="s">
        <v>8537</v>
      </c>
      <c r="C2166" s="1" t="s">
        <v>105</v>
      </c>
      <c r="D2166" s="1" t="s">
        <v>8611</v>
      </c>
      <c r="E2166" s="1" t="s">
        <v>7962</v>
      </c>
      <c r="F2166" s="1" t="s">
        <v>8612</v>
      </c>
      <c r="G2166" s="1" t="s">
        <v>8540</v>
      </c>
      <c r="H2166" s="1" t="s">
        <v>13</v>
      </c>
      <c r="I2166" s="1" t="s">
        <v>8541</v>
      </c>
      <c r="J2166" s="1" t="s">
        <v>8613</v>
      </c>
    </row>
    <row r="2167" spans="1:10" x14ac:dyDescent="0.35">
      <c r="A2167" s="1" t="s">
        <v>8536</v>
      </c>
      <c r="B2167" s="1" t="s">
        <v>8537</v>
      </c>
      <c r="C2167" s="1" t="s">
        <v>110</v>
      </c>
      <c r="D2167" s="1" t="s">
        <v>8614</v>
      </c>
      <c r="E2167" s="1" t="s">
        <v>8615</v>
      </c>
      <c r="F2167" s="1" t="s">
        <v>8616</v>
      </c>
      <c r="G2167" s="1" t="s">
        <v>8540</v>
      </c>
      <c r="H2167" s="1" t="s">
        <v>13</v>
      </c>
      <c r="I2167" s="1" t="s">
        <v>8541</v>
      </c>
      <c r="J2167" s="1" t="s">
        <v>8617</v>
      </c>
    </row>
    <row r="2168" spans="1:10" x14ac:dyDescent="0.35">
      <c r="A2168" s="1" t="s">
        <v>8536</v>
      </c>
      <c r="B2168" s="1" t="s">
        <v>8537</v>
      </c>
      <c r="C2168" s="1" t="s">
        <v>115</v>
      </c>
      <c r="D2168" s="1" t="s">
        <v>8618</v>
      </c>
      <c r="E2168" s="1" t="s">
        <v>8580</v>
      </c>
      <c r="F2168" s="1" t="s">
        <v>8619</v>
      </c>
      <c r="G2168" s="1" t="s">
        <v>8540</v>
      </c>
      <c r="H2168" s="1" t="s">
        <v>13</v>
      </c>
      <c r="I2168" s="1" t="s">
        <v>8541</v>
      </c>
      <c r="J2168" s="1" t="s">
        <v>8620</v>
      </c>
    </row>
    <row r="2169" spans="1:10" x14ac:dyDescent="0.35">
      <c r="A2169" s="1" t="s">
        <v>8536</v>
      </c>
      <c r="B2169" s="1" t="s">
        <v>8537</v>
      </c>
      <c r="C2169" s="1" t="s">
        <v>120</v>
      </c>
      <c r="D2169" s="1" t="s">
        <v>8621</v>
      </c>
      <c r="E2169" s="1" t="s">
        <v>8622</v>
      </c>
      <c r="F2169" s="1" t="s">
        <v>8623</v>
      </c>
      <c r="G2169" s="1" t="s">
        <v>8540</v>
      </c>
      <c r="H2169" s="1" t="s">
        <v>13</v>
      </c>
      <c r="I2169" s="1" t="s">
        <v>8541</v>
      </c>
      <c r="J2169" s="1" t="s">
        <v>8624</v>
      </c>
    </row>
    <row r="2170" spans="1:10" x14ac:dyDescent="0.35">
      <c r="A2170" s="1" t="s">
        <v>8536</v>
      </c>
      <c r="B2170" s="1" t="s">
        <v>8537</v>
      </c>
      <c r="C2170" s="1" t="s">
        <v>125</v>
      </c>
      <c r="D2170" s="1" t="s">
        <v>8625</v>
      </c>
      <c r="E2170" s="1" t="s">
        <v>8626</v>
      </c>
      <c r="F2170" s="1" t="s">
        <v>8627</v>
      </c>
      <c r="G2170" s="1" t="s">
        <v>8540</v>
      </c>
      <c r="H2170" s="1" t="s">
        <v>13</v>
      </c>
      <c r="I2170" s="1" t="s">
        <v>8541</v>
      </c>
      <c r="J2170" s="1" t="s">
        <v>8628</v>
      </c>
    </row>
    <row r="2171" spans="1:10" x14ac:dyDescent="0.35">
      <c r="A2171" s="1" t="s">
        <v>8536</v>
      </c>
      <c r="B2171" s="1" t="s">
        <v>8537</v>
      </c>
      <c r="C2171" s="1" t="s">
        <v>130</v>
      </c>
      <c r="D2171" s="1" t="s">
        <v>8629</v>
      </c>
      <c r="E2171" s="1" t="s">
        <v>8630</v>
      </c>
      <c r="F2171" s="1" t="s">
        <v>8631</v>
      </c>
      <c r="G2171" s="1" t="s">
        <v>8540</v>
      </c>
      <c r="H2171" s="1" t="s">
        <v>13</v>
      </c>
      <c r="I2171" s="1" t="s">
        <v>8541</v>
      </c>
      <c r="J2171" s="1" t="s">
        <v>8632</v>
      </c>
    </row>
    <row r="2172" spans="1:10" x14ac:dyDescent="0.35">
      <c r="A2172" s="1" t="s">
        <v>8536</v>
      </c>
      <c r="B2172" s="1" t="s">
        <v>8537</v>
      </c>
      <c r="C2172" s="1" t="s">
        <v>135</v>
      </c>
      <c r="D2172" s="1" t="s">
        <v>8633</v>
      </c>
      <c r="E2172" s="1" t="s">
        <v>8634</v>
      </c>
      <c r="F2172" s="1" t="s">
        <v>8635</v>
      </c>
      <c r="G2172" s="1" t="s">
        <v>8540</v>
      </c>
      <c r="H2172" s="1" t="s">
        <v>13</v>
      </c>
      <c r="I2172" s="1" t="s">
        <v>8541</v>
      </c>
      <c r="J2172" s="1" t="s">
        <v>8636</v>
      </c>
    </row>
    <row r="2173" spans="1:10" x14ac:dyDescent="0.35">
      <c r="A2173" s="1" t="s">
        <v>8536</v>
      </c>
      <c r="B2173" s="1" t="s">
        <v>8537</v>
      </c>
      <c r="C2173" s="1" t="s">
        <v>140</v>
      </c>
      <c r="D2173" s="1" t="s">
        <v>8637</v>
      </c>
      <c r="E2173" s="1" t="s">
        <v>8638</v>
      </c>
      <c r="F2173" s="1" t="s">
        <v>8639</v>
      </c>
      <c r="G2173" s="1" t="s">
        <v>8540</v>
      </c>
      <c r="H2173" s="1" t="s">
        <v>13</v>
      </c>
      <c r="I2173" s="1" t="s">
        <v>8541</v>
      </c>
      <c r="J2173" s="1" t="s">
        <v>8640</v>
      </c>
    </row>
    <row r="2174" spans="1:10" x14ac:dyDescent="0.35">
      <c r="A2174" s="1" t="s">
        <v>8536</v>
      </c>
      <c r="B2174" s="1" t="s">
        <v>8537</v>
      </c>
      <c r="C2174" s="1" t="s">
        <v>145</v>
      </c>
      <c r="D2174" s="1" t="s">
        <v>8641</v>
      </c>
      <c r="E2174" s="1" t="s">
        <v>8642</v>
      </c>
      <c r="F2174" s="1" t="s">
        <v>8643</v>
      </c>
      <c r="G2174" s="1" t="s">
        <v>8540</v>
      </c>
      <c r="H2174" s="1" t="s">
        <v>13</v>
      </c>
      <c r="I2174" s="1" t="s">
        <v>8541</v>
      </c>
      <c r="J2174" s="1" t="s">
        <v>8644</v>
      </c>
    </row>
    <row r="2175" spans="1:10" x14ac:dyDescent="0.35">
      <c r="A2175" s="1" t="s">
        <v>8536</v>
      </c>
      <c r="B2175" s="1" t="s">
        <v>8537</v>
      </c>
      <c r="C2175" s="1" t="s">
        <v>150</v>
      </c>
      <c r="D2175" s="1" t="s">
        <v>8645</v>
      </c>
      <c r="E2175" s="1" t="s">
        <v>8646</v>
      </c>
      <c r="F2175" s="1" t="s">
        <v>8647</v>
      </c>
      <c r="G2175" s="1" t="s">
        <v>8540</v>
      </c>
      <c r="H2175" s="1" t="s">
        <v>13</v>
      </c>
      <c r="I2175" s="1" t="s">
        <v>8541</v>
      </c>
      <c r="J2175" s="1" t="s">
        <v>8648</v>
      </c>
    </row>
    <row r="2176" spans="1:10" x14ac:dyDescent="0.35">
      <c r="A2176" s="1" t="s">
        <v>8536</v>
      </c>
      <c r="B2176" s="1" t="s">
        <v>8537</v>
      </c>
      <c r="C2176" s="1" t="s">
        <v>155</v>
      </c>
      <c r="D2176" s="1" t="s">
        <v>8649</v>
      </c>
      <c r="E2176" s="1" t="s">
        <v>8650</v>
      </c>
      <c r="F2176" s="1" t="s">
        <v>8651</v>
      </c>
      <c r="G2176" s="1" t="s">
        <v>8540</v>
      </c>
      <c r="H2176" s="1" t="s">
        <v>13</v>
      </c>
      <c r="I2176" s="1" t="s">
        <v>8541</v>
      </c>
      <c r="J2176" s="1" t="s">
        <v>8652</v>
      </c>
    </row>
    <row r="2177" spans="1:10" x14ac:dyDescent="0.35">
      <c r="A2177" s="1" t="s">
        <v>8536</v>
      </c>
      <c r="B2177" s="1" t="s">
        <v>8537</v>
      </c>
      <c r="C2177" s="1" t="s">
        <v>160</v>
      </c>
      <c r="D2177" s="1" t="s">
        <v>8653</v>
      </c>
      <c r="E2177" s="1" t="s">
        <v>8654</v>
      </c>
      <c r="F2177" s="1" t="s">
        <v>8655</v>
      </c>
      <c r="G2177" s="1" t="s">
        <v>8540</v>
      </c>
      <c r="H2177" s="1" t="s">
        <v>13</v>
      </c>
      <c r="I2177" s="1" t="s">
        <v>8541</v>
      </c>
      <c r="J2177" s="1" t="s">
        <v>8656</v>
      </c>
    </row>
    <row r="2178" spans="1:10" x14ac:dyDescent="0.35">
      <c r="A2178" s="1" t="s">
        <v>8536</v>
      </c>
      <c r="B2178" s="1" t="s">
        <v>8537</v>
      </c>
      <c r="C2178" s="1" t="s">
        <v>165</v>
      </c>
      <c r="D2178" s="1" t="s">
        <v>8657</v>
      </c>
      <c r="E2178" s="1" t="s">
        <v>8658</v>
      </c>
      <c r="F2178" s="1" t="s">
        <v>8659</v>
      </c>
      <c r="G2178" s="1" t="s">
        <v>8540</v>
      </c>
      <c r="H2178" s="1" t="s">
        <v>13</v>
      </c>
      <c r="I2178" s="1" t="s">
        <v>8541</v>
      </c>
      <c r="J2178" s="1" t="s">
        <v>8660</v>
      </c>
    </row>
    <row r="2179" spans="1:10" x14ac:dyDescent="0.35">
      <c r="A2179" s="1" t="s">
        <v>8536</v>
      </c>
      <c r="B2179" s="1" t="s">
        <v>8537</v>
      </c>
      <c r="C2179" s="1" t="s">
        <v>170</v>
      </c>
      <c r="D2179" s="1" t="s">
        <v>8661</v>
      </c>
      <c r="E2179" s="1" t="s">
        <v>4459</v>
      </c>
      <c r="F2179" s="1" t="s">
        <v>8662</v>
      </c>
      <c r="G2179" s="1" t="s">
        <v>8540</v>
      </c>
      <c r="H2179" s="1" t="s">
        <v>13</v>
      </c>
      <c r="I2179" s="1" t="s">
        <v>8541</v>
      </c>
      <c r="J2179" s="1" t="s">
        <v>8663</v>
      </c>
    </row>
    <row r="2180" spans="1:10" x14ac:dyDescent="0.35">
      <c r="A2180" s="1" t="s">
        <v>8664</v>
      </c>
      <c r="B2180" s="1" t="s">
        <v>8665</v>
      </c>
      <c r="C2180" s="1" t="s">
        <v>8</v>
      </c>
      <c r="D2180" s="1" t="s">
        <v>8666</v>
      </c>
      <c r="E2180" s="1" t="s">
        <v>8667</v>
      </c>
      <c r="F2180" s="1" t="s">
        <v>8668</v>
      </c>
      <c r="G2180" s="1" t="s">
        <v>8669</v>
      </c>
      <c r="H2180" s="1" t="s">
        <v>13</v>
      </c>
      <c r="I2180" s="1" t="s">
        <v>8670</v>
      </c>
      <c r="J2180" s="1" t="s">
        <v>13</v>
      </c>
    </row>
    <row r="2181" spans="1:10" x14ac:dyDescent="0.35">
      <c r="A2181" s="1" t="s">
        <v>8664</v>
      </c>
      <c r="B2181" s="1" t="s">
        <v>8665</v>
      </c>
      <c r="C2181" s="1" t="s">
        <v>15</v>
      </c>
      <c r="D2181" s="1" t="s">
        <v>8671</v>
      </c>
      <c r="E2181" s="1" t="s">
        <v>8672</v>
      </c>
      <c r="F2181" s="1" t="s">
        <v>8673</v>
      </c>
      <c r="G2181" s="1" t="s">
        <v>8669</v>
      </c>
      <c r="H2181" s="1" t="s">
        <v>13</v>
      </c>
      <c r="I2181" s="1" t="s">
        <v>8670</v>
      </c>
      <c r="J2181" s="1" t="s">
        <v>8674</v>
      </c>
    </row>
    <row r="2182" spans="1:10" x14ac:dyDescent="0.35">
      <c r="A2182" s="1" t="s">
        <v>8664</v>
      </c>
      <c r="B2182" s="1" t="s">
        <v>8665</v>
      </c>
      <c r="C2182" s="1" t="s">
        <v>20</v>
      </c>
      <c r="D2182" s="1" t="s">
        <v>8675</v>
      </c>
      <c r="E2182" s="1" t="s">
        <v>8676</v>
      </c>
      <c r="F2182" s="1" t="s">
        <v>8677</v>
      </c>
      <c r="G2182" s="1" t="s">
        <v>8669</v>
      </c>
      <c r="H2182" s="1" t="s">
        <v>13</v>
      </c>
      <c r="I2182" s="1" t="s">
        <v>8670</v>
      </c>
      <c r="J2182" s="1" t="s">
        <v>8678</v>
      </c>
    </row>
    <row r="2183" spans="1:10" x14ac:dyDescent="0.35">
      <c r="A2183" s="1" t="s">
        <v>8664</v>
      </c>
      <c r="B2183" s="1" t="s">
        <v>8665</v>
      </c>
      <c r="C2183" s="1" t="s">
        <v>25</v>
      </c>
      <c r="D2183" s="1" t="s">
        <v>8679</v>
      </c>
      <c r="E2183" s="1" t="s">
        <v>8680</v>
      </c>
      <c r="F2183" s="1" t="s">
        <v>8681</v>
      </c>
      <c r="G2183" s="1" t="s">
        <v>8669</v>
      </c>
      <c r="H2183" s="1" t="s">
        <v>13</v>
      </c>
      <c r="I2183" s="1" t="s">
        <v>8670</v>
      </c>
      <c r="J2183" s="1" t="s">
        <v>8682</v>
      </c>
    </row>
    <row r="2184" spans="1:10" x14ac:dyDescent="0.35">
      <c r="A2184" s="1" t="s">
        <v>8664</v>
      </c>
      <c r="B2184" s="1" t="s">
        <v>8665</v>
      </c>
      <c r="C2184" s="1" t="s">
        <v>30</v>
      </c>
      <c r="D2184" s="1" t="s">
        <v>8683</v>
      </c>
      <c r="E2184" s="1" t="s">
        <v>8684</v>
      </c>
      <c r="F2184" s="1" t="s">
        <v>8685</v>
      </c>
      <c r="G2184" s="1" t="s">
        <v>8669</v>
      </c>
      <c r="H2184" s="1" t="s">
        <v>13</v>
      </c>
      <c r="I2184" s="1" t="s">
        <v>8670</v>
      </c>
      <c r="J2184" s="1" t="s">
        <v>8686</v>
      </c>
    </row>
    <row r="2185" spans="1:10" x14ac:dyDescent="0.35">
      <c r="A2185" s="1" t="s">
        <v>8664</v>
      </c>
      <c r="B2185" s="1" t="s">
        <v>8665</v>
      </c>
      <c r="C2185" s="1" t="s">
        <v>35</v>
      </c>
      <c r="D2185" s="1" t="s">
        <v>8687</v>
      </c>
      <c r="E2185" s="1" t="s">
        <v>8688</v>
      </c>
      <c r="F2185" s="1" t="s">
        <v>8689</v>
      </c>
      <c r="G2185" s="1" t="s">
        <v>8669</v>
      </c>
      <c r="H2185" s="1" t="s">
        <v>13</v>
      </c>
      <c r="I2185" s="1" t="s">
        <v>8670</v>
      </c>
      <c r="J2185" s="1" t="s">
        <v>8690</v>
      </c>
    </row>
    <row r="2186" spans="1:10" x14ac:dyDescent="0.35">
      <c r="A2186" s="1" t="s">
        <v>8664</v>
      </c>
      <c r="B2186" s="1" t="s">
        <v>8665</v>
      </c>
      <c r="C2186" s="1" t="s">
        <v>40</v>
      </c>
      <c r="D2186" s="1" t="s">
        <v>8691</v>
      </c>
      <c r="E2186" s="1" t="s">
        <v>8692</v>
      </c>
      <c r="F2186" s="1" t="s">
        <v>8693</v>
      </c>
      <c r="G2186" s="1" t="s">
        <v>8669</v>
      </c>
      <c r="H2186" s="1" t="s">
        <v>13</v>
      </c>
      <c r="I2186" s="1" t="s">
        <v>8670</v>
      </c>
      <c r="J2186" s="1" t="s">
        <v>8694</v>
      </c>
    </row>
    <row r="2187" spans="1:10" x14ac:dyDescent="0.35">
      <c r="A2187" s="1" t="s">
        <v>8664</v>
      </c>
      <c r="B2187" s="1" t="s">
        <v>8665</v>
      </c>
      <c r="C2187" s="1" t="s">
        <v>45</v>
      </c>
      <c r="D2187" s="1" t="s">
        <v>8695</v>
      </c>
      <c r="E2187" s="1" t="s">
        <v>8696</v>
      </c>
      <c r="F2187" s="1" t="s">
        <v>8697</v>
      </c>
      <c r="G2187" s="1" t="s">
        <v>8669</v>
      </c>
      <c r="H2187" s="1" t="s">
        <v>13</v>
      </c>
      <c r="I2187" s="1" t="s">
        <v>8670</v>
      </c>
      <c r="J2187" s="1" t="s">
        <v>8698</v>
      </c>
    </row>
    <row r="2188" spans="1:10" x14ac:dyDescent="0.35">
      <c r="A2188" s="1" t="s">
        <v>8664</v>
      </c>
      <c r="B2188" s="1" t="s">
        <v>8665</v>
      </c>
      <c r="C2188" s="1" t="s">
        <v>50</v>
      </c>
      <c r="D2188" s="1" t="s">
        <v>8042</v>
      </c>
      <c r="E2188" s="1" t="s">
        <v>8699</v>
      </c>
      <c r="F2188" s="1" t="s">
        <v>8700</v>
      </c>
      <c r="G2188" s="1" t="s">
        <v>8669</v>
      </c>
      <c r="H2188" s="1" t="s">
        <v>13</v>
      </c>
      <c r="I2188" s="1" t="s">
        <v>8670</v>
      </c>
      <c r="J2188" s="1" t="s">
        <v>8701</v>
      </c>
    </row>
    <row r="2189" spans="1:10" x14ac:dyDescent="0.35">
      <c r="A2189" s="1" t="s">
        <v>8664</v>
      </c>
      <c r="B2189" s="1" t="s">
        <v>8665</v>
      </c>
      <c r="C2189" s="1" t="s">
        <v>55</v>
      </c>
      <c r="D2189" s="1" t="s">
        <v>8702</v>
      </c>
      <c r="E2189" s="1" t="s">
        <v>8703</v>
      </c>
      <c r="F2189" s="1" t="s">
        <v>8704</v>
      </c>
      <c r="G2189" s="1" t="s">
        <v>8669</v>
      </c>
      <c r="H2189" s="1" t="s">
        <v>13</v>
      </c>
      <c r="I2189" s="1" t="s">
        <v>8670</v>
      </c>
      <c r="J2189" s="1" t="s">
        <v>8705</v>
      </c>
    </row>
    <row r="2190" spans="1:10" x14ac:dyDescent="0.35">
      <c r="A2190" s="1" t="s">
        <v>8664</v>
      </c>
      <c r="B2190" s="1" t="s">
        <v>8665</v>
      </c>
      <c r="C2190" s="1" t="s">
        <v>60</v>
      </c>
      <c r="D2190" s="1" t="s">
        <v>8706</v>
      </c>
      <c r="E2190" s="1" t="s">
        <v>8707</v>
      </c>
      <c r="F2190" s="1" t="s">
        <v>8708</v>
      </c>
      <c r="G2190" s="1" t="s">
        <v>8669</v>
      </c>
      <c r="H2190" s="1" t="s">
        <v>13</v>
      </c>
      <c r="I2190" s="1" t="s">
        <v>8670</v>
      </c>
      <c r="J2190" s="1" t="s">
        <v>8709</v>
      </c>
    </row>
    <row r="2191" spans="1:10" x14ac:dyDescent="0.35">
      <c r="A2191" s="1" t="s">
        <v>8664</v>
      </c>
      <c r="B2191" s="1" t="s">
        <v>8665</v>
      </c>
      <c r="C2191" s="1" t="s">
        <v>65</v>
      </c>
      <c r="D2191" s="1" t="s">
        <v>8710</v>
      </c>
      <c r="E2191" s="1" t="s">
        <v>8711</v>
      </c>
      <c r="F2191" s="1" t="s">
        <v>8712</v>
      </c>
      <c r="G2191" s="1" t="s">
        <v>8669</v>
      </c>
      <c r="H2191" s="1" t="s">
        <v>13</v>
      </c>
      <c r="I2191" s="1" t="s">
        <v>8670</v>
      </c>
      <c r="J2191" s="1" t="s">
        <v>8713</v>
      </c>
    </row>
    <row r="2192" spans="1:10" x14ac:dyDescent="0.35">
      <c r="A2192" s="1" t="s">
        <v>8664</v>
      </c>
      <c r="B2192" s="1" t="s">
        <v>8665</v>
      </c>
      <c r="C2192" s="1" t="s">
        <v>70</v>
      </c>
      <c r="D2192" s="1" t="s">
        <v>8714</v>
      </c>
      <c r="E2192" s="1" t="s">
        <v>8715</v>
      </c>
      <c r="F2192" s="1" t="s">
        <v>8716</v>
      </c>
      <c r="G2192" s="1" t="s">
        <v>8669</v>
      </c>
      <c r="H2192" s="1" t="s">
        <v>13</v>
      </c>
      <c r="I2192" s="1" t="s">
        <v>8670</v>
      </c>
      <c r="J2192" s="1" t="s">
        <v>8717</v>
      </c>
    </row>
    <row r="2193" spans="1:10" x14ac:dyDescent="0.35">
      <c r="A2193" s="1" t="s">
        <v>8664</v>
      </c>
      <c r="B2193" s="1" t="s">
        <v>8665</v>
      </c>
      <c r="C2193" s="1" t="s">
        <v>75</v>
      </c>
      <c r="D2193" s="1" t="s">
        <v>3984</v>
      </c>
      <c r="E2193" s="1" t="s">
        <v>8718</v>
      </c>
      <c r="F2193" s="1" t="s">
        <v>8719</v>
      </c>
      <c r="G2193" s="1" t="s">
        <v>8669</v>
      </c>
      <c r="H2193" s="1" t="s">
        <v>13</v>
      </c>
      <c r="I2193" s="1" t="s">
        <v>8670</v>
      </c>
      <c r="J2193" s="1" t="s">
        <v>8720</v>
      </c>
    </row>
    <row r="2194" spans="1:10" x14ac:dyDescent="0.35">
      <c r="A2194" s="1" t="s">
        <v>8664</v>
      </c>
      <c r="B2194" s="1" t="s">
        <v>8665</v>
      </c>
      <c r="C2194" s="1" t="s">
        <v>80</v>
      </c>
      <c r="D2194" s="1" t="s">
        <v>3589</v>
      </c>
      <c r="E2194" s="1" t="s">
        <v>8721</v>
      </c>
      <c r="F2194" s="1" t="s">
        <v>8722</v>
      </c>
      <c r="G2194" s="1" t="s">
        <v>8669</v>
      </c>
      <c r="H2194" s="1" t="s">
        <v>13</v>
      </c>
      <c r="I2194" s="1" t="s">
        <v>8670</v>
      </c>
      <c r="J2194" s="1" t="s">
        <v>8723</v>
      </c>
    </row>
    <row r="2195" spans="1:10" x14ac:dyDescent="0.35">
      <c r="A2195" s="1" t="s">
        <v>8664</v>
      </c>
      <c r="B2195" s="1" t="s">
        <v>8665</v>
      </c>
      <c r="C2195" s="1" t="s">
        <v>85</v>
      </c>
      <c r="D2195" s="1" t="s">
        <v>8724</v>
      </c>
      <c r="E2195" s="1" t="s">
        <v>8725</v>
      </c>
      <c r="F2195" s="1" t="s">
        <v>8726</v>
      </c>
      <c r="G2195" s="1" t="s">
        <v>8669</v>
      </c>
      <c r="H2195" s="1" t="s">
        <v>13</v>
      </c>
      <c r="I2195" s="1" t="s">
        <v>8670</v>
      </c>
      <c r="J2195" s="1" t="s">
        <v>8727</v>
      </c>
    </row>
    <row r="2196" spans="1:10" x14ac:dyDescent="0.35">
      <c r="A2196" s="1" t="s">
        <v>8664</v>
      </c>
      <c r="B2196" s="1" t="s">
        <v>8665</v>
      </c>
      <c r="C2196" s="1" t="s">
        <v>90</v>
      </c>
      <c r="D2196" s="1" t="s">
        <v>1552</v>
      </c>
      <c r="E2196" s="1" t="s">
        <v>8728</v>
      </c>
      <c r="F2196" s="1" t="s">
        <v>8729</v>
      </c>
      <c r="G2196" s="1" t="s">
        <v>8669</v>
      </c>
      <c r="H2196" s="1" t="s">
        <v>13</v>
      </c>
      <c r="I2196" s="1" t="s">
        <v>8670</v>
      </c>
      <c r="J2196" s="1" t="s">
        <v>8730</v>
      </c>
    </row>
    <row r="2197" spans="1:10" x14ac:dyDescent="0.35">
      <c r="A2197" s="1" t="s">
        <v>8664</v>
      </c>
      <c r="B2197" s="1" t="s">
        <v>8665</v>
      </c>
      <c r="C2197" s="1" t="s">
        <v>95</v>
      </c>
      <c r="D2197" s="1" t="s">
        <v>6435</v>
      </c>
      <c r="E2197" s="1" t="s">
        <v>8731</v>
      </c>
      <c r="F2197" s="1" t="s">
        <v>8732</v>
      </c>
      <c r="G2197" s="1" t="s">
        <v>8669</v>
      </c>
      <c r="H2197" s="1" t="s">
        <v>13</v>
      </c>
      <c r="I2197" s="1" t="s">
        <v>8670</v>
      </c>
      <c r="J2197" s="1" t="s">
        <v>8733</v>
      </c>
    </row>
    <row r="2198" spans="1:10" x14ac:dyDescent="0.35">
      <c r="A2198" s="1" t="s">
        <v>8664</v>
      </c>
      <c r="B2198" s="1" t="s">
        <v>8665</v>
      </c>
      <c r="C2198" s="1" t="s">
        <v>100</v>
      </c>
      <c r="D2198" s="1" t="s">
        <v>8734</v>
      </c>
      <c r="E2198" s="1" t="s">
        <v>8735</v>
      </c>
      <c r="F2198" s="1" t="s">
        <v>8736</v>
      </c>
      <c r="G2198" s="1" t="s">
        <v>8669</v>
      </c>
      <c r="H2198" s="1" t="s">
        <v>13</v>
      </c>
      <c r="I2198" s="1" t="s">
        <v>8670</v>
      </c>
      <c r="J2198" s="1" t="s">
        <v>8737</v>
      </c>
    </row>
    <row r="2199" spans="1:10" x14ac:dyDescent="0.35">
      <c r="A2199" s="1" t="s">
        <v>8664</v>
      </c>
      <c r="B2199" s="1" t="s">
        <v>8665</v>
      </c>
      <c r="C2199" s="1" t="s">
        <v>105</v>
      </c>
      <c r="D2199" s="1" t="s">
        <v>8738</v>
      </c>
      <c r="E2199" s="1" t="s">
        <v>8739</v>
      </c>
      <c r="F2199" s="1" t="s">
        <v>8693</v>
      </c>
      <c r="G2199" s="1" t="s">
        <v>8669</v>
      </c>
      <c r="H2199" s="1" t="s">
        <v>13</v>
      </c>
      <c r="I2199" s="1" t="s">
        <v>8670</v>
      </c>
      <c r="J2199" s="1" t="s">
        <v>8740</v>
      </c>
    </row>
    <row r="2200" spans="1:10" x14ac:dyDescent="0.35">
      <c r="A2200" s="1" t="s">
        <v>8664</v>
      </c>
      <c r="B2200" s="1" t="s">
        <v>8665</v>
      </c>
      <c r="C2200" s="1" t="s">
        <v>110</v>
      </c>
      <c r="D2200" s="1" t="s">
        <v>8741</v>
      </c>
      <c r="E2200" s="1" t="s">
        <v>8742</v>
      </c>
      <c r="F2200" s="1" t="s">
        <v>8743</v>
      </c>
      <c r="G2200" s="1" t="s">
        <v>8669</v>
      </c>
      <c r="H2200" s="1" t="s">
        <v>13</v>
      </c>
      <c r="I2200" s="1" t="s">
        <v>8670</v>
      </c>
      <c r="J2200" s="1" t="s">
        <v>8744</v>
      </c>
    </row>
    <row r="2201" spans="1:10" x14ac:dyDescent="0.35">
      <c r="A2201" s="1" t="s">
        <v>8664</v>
      </c>
      <c r="B2201" s="1" t="s">
        <v>8665</v>
      </c>
      <c r="C2201" s="1" t="s">
        <v>115</v>
      </c>
      <c r="D2201" s="1" t="s">
        <v>8745</v>
      </c>
      <c r="E2201" s="1" t="s">
        <v>8746</v>
      </c>
      <c r="F2201" s="1" t="s">
        <v>8736</v>
      </c>
      <c r="G2201" s="1" t="s">
        <v>8669</v>
      </c>
      <c r="H2201" s="1" t="s">
        <v>13</v>
      </c>
      <c r="I2201" s="1" t="s">
        <v>8670</v>
      </c>
      <c r="J2201" s="1" t="s">
        <v>8747</v>
      </c>
    </row>
    <row r="2202" spans="1:10" x14ac:dyDescent="0.35">
      <c r="A2202" s="1" t="s">
        <v>8664</v>
      </c>
      <c r="B2202" s="1" t="s">
        <v>8665</v>
      </c>
      <c r="C2202" s="1" t="s">
        <v>120</v>
      </c>
      <c r="D2202" s="1" t="s">
        <v>8748</v>
      </c>
      <c r="E2202" s="1" t="s">
        <v>8749</v>
      </c>
      <c r="F2202" s="1" t="s">
        <v>8736</v>
      </c>
      <c r="G2202" s="1" t="s">
        <v>8669</v>
      </c>
      <c r="H2202" s="1" t="s">
        <v>13</v>
      </c>
      <c r="I2202" s="1" t="s">
        <v>8670</v>
      </c>
      <c r="J2202" s="1" t="s">
        <v>8750</v>
      </c>
    </row>
    <row r="2203" spans="1:10" x14ac:dyDescent="0.35">
      <c r="A2203" s="1" t="s">
        <v>8664</v>
      </c>
      <c r="B2203" s="1" t="s">
        <v>8665</v>
      </c>
      <c r="C2203" s="1" t="s">
        <v>125</v>
      </c>
      <c r="D2203" s="1" t="s">
        <v>1568</v>
      </c>
      <c r="E2203" s="1" t="s">
        <v>8735</v>
      </c>
      <c r="F2203" s="1" t="s">
        <v>8751</v>
      </c>
      <c r="G2203" s="1" t="s">
        <v>8669</v>
      </c>
      <c r="H2203" s="1" t="s">
        <v>13</v>
      </c>
      <c r="I2203" s="1" t="s">
        <v>8670</v>
      </c>
      <c r="J2203" s="1" t="s">
        <v>8752</v>
      </c>
    </row>
    <row r="2204" spans="1:10" x14ac:dyDescent="0.35">
      <c r="A2204" s="1" t="s">
        <v>8664</v>
      </c>
      <c r="B2204" s="1" t="s">
        <v>8665</v>
      </c>
      <c r="C2204" s="1" t="s">
        <v>130</v>
      </c>
      <c r="D2204" s="1" t="s">
        <v>5712</v>
      </c>
      <c r="E2204" s="1" t="s">
        <v>8753</v>
      </c>
      <c r="F2204" s="1" t="s">
        <v>8736</v>
      </c>
      <c r="G2204" s="1" t="s">
        <v>8669</v>
      </c>
      <c r="H2204" s="1" t="s">
        <v>13</v>
      </c>
      <c r="I2204" s="1" t="s">
        <v>8670</v>
      </c>
      <c r="J2204" s="1" t="s">
        <v>8754</v>
      </c>
    </row>
    <row r="2205" spans="1:10" x14ac:dyDescent="0.35">
      <c r="A2205" s="1" t="s">
        <v>8664</v>
      </c>
      <c r="B2205" s="1" t="s">
        <v>8665</v>
      </c>
      <c r="C2205" s="1" t="s">
        <v>135</v>
      </c>
      <c r="D2205" s="1" t="s">
        <v>8755</v>
      </c>
      <c r="E2205" s="1" t="s">
        <v>8756</v>
      </c>
      <c r="F2205" s="1" t="s">
        <v>8736</v>
      </c>
      <c r="G2205" s="1" t="s">
        <v>8669</v>
      </c>
      <c r="H2205" s="1" t="s">
        <v>13</v>
      </c>
      <c r="I2205" s="1" t="s">
        <v>8670</v>
      </c>
      <c r="J2205" s="1" t="s">
        <v>8757</v>
      </c>
    </row>
    <row r="2206" spans="1:10" x14ac:dyDescent="0.35">
      <c r="A2206" s="1" t="s">
        <v>8664</v>
      </c>
      <c r="B2206" s="1" t="s">
        <v>8665</v>
      </c>
      <c r="C2206" s="1" t="s">
        <v>140</v>
      </c>
      <c r="D2206" s="1" t="s">
        <v>8758</v>
      </c>
      <c r="E2206" s="1" t="s">
        <v>8759</v>
      </c>
      <c r="F2206" s="1" t="s">
        <v>8736</v>
      </c>
      <c r="G2206" s="1" t="s">
        <v>8669</v>
      </c>
      <c r="H2206" s="1" t="s">
        <v>13</v>
      </c>
      <c r="I2206" s="1" t="s">
        <v>8670</v>
      </c>
      <c r="J2206" s="1" t="s">
        <v>8760</v>
      </c>
    </row>
    <row r="2207" spans="1:10" x14ac:dyDescent="0.35">
      <c r="A2207" s="1" t="s">
        <v>8664</v>
      </c>
      <c r="B2207" s="1" t="s">
        <v>8665</v>
      </c>
      <c r="C2207" s="1" t="s">
        <v>145</v>
      </c>
      <c r="D2207" s="1" t="s">
        <v>8042</v>
      </c>
      <c r="E2207" s="1" t="s">
        <v>8761</v>
      </c>
      <c r="F2207" s="1" t="s">
        <v>8736</v>
      </c>
      <c r="G2207" s="1" t="s">
        <v>8669</v>
      </c>
      <c r="H2207" s="1" t="s">
        <v>13</v>
      </c>
      <c r="I2207" s="1" t="s">
        <v>8670</v>
      </c>
      <c r="J2207" s="1" t="s">
        <v>8762</v>
      </c>
    </row>
    <row r="2208" spans="1:10" x14ac:dyDescent="0.35">
      <c r="A2208" s="1" t="s">
        <v>8664</v>
      </c>
      <c r="B2208" s="1" t="s">
        <v>8665</v>
      </c>
      <c r="C2208" s="1" t="s">
        <v>150</v>
      </c>
      <c r="D2208" s="1" t="s">
        <v>8763</v>
      </c>
      <c r="E2208" s="1" t="s">
        <v>8764</v>
      </c>
      <c r="F2208" s="1" t="s">
        <v>8736</v>
      </c>
      <c r="G2208" s="1" t="s">
        <v>8669</v>
      </c>
      <c r="H2208" s="1" t="s">
        <v>13</v>
      </c>
      <c r="I2208" s="1" t="s">
        <v>8670</v>
      </c>
      <c r="J2208" s="1" t="s">
        <v>8765</v>
      </c>
    </row>
    <row r="2209" spans="1:10" x14ac:dyDescent="0.35">
      <c r="A2209" s="1" t="s">
        <v>8664</v>
      </c>
      <c r="B2209" s="1" t="s">
        <v>8665</v>
      </c>
      <c r="C2209" s="1" t="s">
        <v>155</v>
      </c>
      <c r="D2209" s="1" t="s">
        <v>8766</v>
      </c>
      <c r="E2209" s="1" t="s">
        <v>8746</v>
      </c>
      <c r="F2209" s="1" t="s">
        <v>8736</v>
      </c>
      <c r="G2209" s="1" t="s">
        <v>8669</v>
      </c>
      <c r="H2209" s="1" t="s">
        <v>13</v>
      </c>
      <c r="I2209" s="1" t="s">
        <v>8670</v>
      </c>
      <c r="J2209" s="1" t="s">
        <v>8767</v>
      </c>
    </row>
    <row r="2210" spans="1:10" x14ac:dyDescent="0.35">
      <c r="A2210" s="1" t="s">
        <v>8664</v>
      </c>
      <c r="B2210" s="1" t="s">
        <v>8665</v>
      </c>
      <c r="C2210" s="1" t="s">
        <v>160</v>
      </c>
      <c r="D2210" s="1" t="s">
        <v>4030</v>
      </c>
      <c r="E2210" s="1" t="s">
        <v>8711</v>
      </c>
      <c r="F2210" s="1" t="s">
        <v>8736</v>
      </c>
      <c r="G2210" s="1" t="s">
        <v>8669</v>
      </c>
      <c r="H2210" s="1" t="s">
        <v>13</v>
      </c>
      <c r="I2210" s="1" t="s">
        <v>8670</v>
      </c>
      <c r="J2210" s="1" t="s">
        <v>8768</v>
      </c>
    </row>
    <row r="2211" spans="1:10" x14ac:dyDescent="0.35">
      <c r="A2211" s="1" t="s">
        <v>8664</v>
      </c>
      <c r="B2211" s="1" t="s">
        <v>8665</v>
      </c>
      <c r="C2211" s="1" t="s">
        <v>165</v>
      </c>
      <c r="D2211" s="1" t="s">
        <v>8769</v>
      </c>
      <c r="E2211" s="1" t="s">
        <v>8770</v>
      </c>
      <c r="F2211" s="1" t="s">
        <v>8736</v>
      </c>
      <c r="G2211" s="1" t="s">
        <v>8669</v>
      </c>
      <c r="H2211" s="1" t="s">
        <v>13</v>
      </c>
      <c r="I2211" s="1" t="s">
        <v>8670</v>
      </c>
      <c r="J2211" s="1" t="s">
        <v>8771</v>
      </c>
    </row>
    <row r="2212" spans="1:10" x14ac:dyDescent="0.35">
      <c r="A2212" s="1" t="s">
        <v>8664</v>
      </c>
      <c r="B2212" s="1" t="s">
        <v>8665</v>
      </c>
      <c r="C2212" s="1" t="s">
        <v>170</v>
      </c>
      <c r="D2212" s="1" t="s">
        <v>8772</v>
      </c>
      <c r="E2212" s="1" t="s">
        <v>8773</v>
      </c>
      <c r="F2212" s="1" t="s">
        <v>8736</v>
      </c>
      <c r="G2212" s="1" t="s">
        <v>8669</v>
      </c>
      <c r="H2212" s="1" t="s">
        <v>13</v>
      </c>
      <c r="I2212" s="1" t="s">
        <v>8670</v>
      </c>
      <c r="J2212" s="1" t="s">
        <v>8774</v>
      </c>
    </row>
    <row r="2213" spans="1:10" x14ac:dyDescent="0.35">
      <c r="A2213" s="1" t="s">
        <v>8775</v>
      </c>
      <c r="B2213" s="1" t="s">
        <v>8776</v>
      </c>
      <c r="C2213" s="1" t="s">
        <v>8</v>
      </c>
      <c r="D2213" s="1" t="s">
        <v>8777</v>
      </c>
      <c r="E2213" s="1" t="s">
        <v>8778</v>
      </c>
      <c r="F2213" s="1" t="s">
        <v>8779</v>
      </c>
      <c r="G2213" s="1" t="s">
        <v>8780</v>
      </c>
      <c r="H2213" s="1" t="s">
        <v>13</v>
      </c>
      <c r="I2213" s="1" t="s">
        <v>8781</v>
      </c>
      <c r="J2213" s="1" t="s">
        <v>13</v>
      </c>
    </row>
    <row r="2214" spans="1:10" x14ac:dyDescent="0.35">
      <c r="A2214" s="1" t="s">
        <v>8775</v>
      </c>
      <c r="B2214" s="1" t="s">
        <v>8776</v>
      </c>
      <c r="C2214" s="1" t="s">
        <v>15</v>
      </c>
      <c r="D2214" s="1" t="s">
        <v>8782</v>
      </c>
      <c r="E2214" s="1" t="s">
        <v>8783</v>
      </c>
      <c r="F2214" s="1" t="s">
        <v>8784</v>
      </c>
      <c r="G2214" s="1" t="s">
        <v>8780</v>
      </c>
      <c r="H2214" s="1" t="s">
        <v>13</v>
      </c>
      <c r="I2214" s="1" t="s">
        <v>8781</v>
      </c>
      <c r="J2214" s="1" t="s">
        <v>8785</v>
      </c>
    </row>
    <row r="2215" spans="1:10" x14ac:dyDescent="0.35">
      <c r="A2215" s="1" t="s">
        <v>8775</v>
      </c>
      <c r="B2215" s="1" t="s">
        <v>8776</v>
      </c>
      <c r="C2215" s="1" t="s">
        <v>20</v>
      </c>
      <c r="D2215" s="1" t="s">
        <v>8786</v>
      </c>
      <c r="E2215" s="1" t="s">
        <v>8787</v>
      </c>
      <c r="F2215" s="1" t="s">
        <v>8788</v>
      </c>
      <c r="G2215" s="1" t="s">
        <v>8780</v>
      </c>
      <c r="H2215" s="1" t="s">
        <v>13</v>
      </c>
      <c r="I2215" s="1" t="s">
        <v>8781</v>
      </c>
      <c r="J2215" s="1" t="s">
        <v>8789</v>
      </c>
    </row>
    <row r="2216" spans="1:10" x14ac:dyDescent="0.35">
      <c r="A2216" s="1" t="s">
        <v>8775</v>
      </c>
      <c r="B2216" s="1" t="s">
        <v>8776</v>
      </c>
      <c r="C2216" s="1" t="s">
        <v>25</v>
      </c>
      <c r="D2216" s="1" t="s">
        <v>8790</v>
      </c>
      <c r="E2216" s="1" t="s">
        <v>8791</v>
      </c>
      <c r="F2216" s="1" t="s">
        <v>8792</v>
      </c>
      <c r="G2216" s="1" t="s">
        <v>8780</v>
      </c>
      <c r="H2216" s="1" t="s">
        <v>13</v>
      </c>
      <c r="I2216" s="1" t="s">
        <v>8781</v>
      </c>
      <c r="J2216" s="1" t="s">
        <v>8793</v>
      </c>
    </row>
    <row r="2217" spans="1:10" x14ac:dyDescent="0.35">
      <c r="A2217" s="1" t="s">
        <v>8775</v>
      </c>
      <c r="B2217" s="1" t="s">
        <v>8776</v>
      </c>
      <c r="C2217" s="1" t="s">
        <v>30</v>
      </c>
      <c r="D2217" s="1" t="s">
        <v>3100</v>
      </c>
      <c r="E2217" s="1" t="s">
        <v>8794</v>
      </c>
      <c r="F2217" s="1" t="s">
        <v>8795</v>
      </c>
      <c r="G2217" s="1" t="s">
        <v>8780</v>
      </c>
      <c r="H2217" s="1" t="s">
        <v>13</v>
      </c>
      <c r="I2217" s="1" t="s">
        <v>8781</v>
      </c>
      <c r="J2217" s="1" t="s">
        <v>8796</v>
      </c>
    </row>
    <row r="2218" spans="1:10" x14ac:dyDescent="0.35">
      <c r="A2218" s="1" t="s">
        <v>8775</v>
      </c>
      <c r="B2218" s="1" t="s">
        <v>8776</v>
      </c>
      <c r="C2218" s="1" t="s">
        <v>35</v>
      </c>
      <c r="D2218" s="1" t="s">
        <v>8797</v>
      </c>
      <c r="E2218" s="1" t="s">
        <v>8798</v>
      </c>
      <c r="F2218" s="1" t="s">
        <v>8799</v>
      </c>
      <c r="G2218" s="1" t="s">
        <v>8780</v>
      </c>
      <c r="H2218" s="1" t="s">
        <v>13</v>
      </c>
      <c r="I2218" s="1" t="s">
        <v>8781</v>
      </c>
      <c r="J2218" s="1" t="s">
        <v>8800</v>
      </c>
    </row>
    <row r="2219" spans="1:10" x14ac:dyDescent="0.35">
      <c r="A2219" s="1" t="s">
        <v>8775</v>
      </c>
      <c r="B2219" s="1" t="s">
        <v>8776</v>
      </c>
      <c r="C2219" s="1" t="s">
        <v>40</v>
      </c>
      <c r="D2219" s="1" t="s">
        <v>8801</v>
      </c>
      <c r="E2219" s="1" t="s">
        <v>8802</v>
      </c>
      <c r="F2219" s="1" t="s">
        <v>8803</v>
      </c>
      <c r="G2219" s="1" t="s">
        <v>8780</v>
      </c>
      <c r="H2219" s="1" t="s">
        <v>13</v>
      </c>
      <c r="I2219" s="1" t="s">
        <v>8781</v>
      </c>
      <c r="J2219" s="1" t="s">
        <v>8804</v>
      </c>
    </row>
    <row r="2220" spans="1:10" x14ac:dyDescent="0.35">
      <c r="A2220" s="1" t="s">
        <v>8775</v>
      </c>
      <c r="B2220" s="1" t="s">
        <v>8776</v>
      </c>
      <c r="C2220" s="1" t="s">
        <v>45</v>
      </c>
      <c r="D2220" s="1" t="s">
        <v>8805</v>
      </c>
      <c r="E2220" s="1" t="s">
        <v>4162</v>
      </c>
      <c r="F2220" s="1" t="s">
        <v>8806</v>
      </c>
      <c r="G2220" s="1" t="s">
        <v>8780</v>
      </c>
      <c r="H2220" s="1" t="s">
        <v>13</v>
      </c>
      <c r="I2220" s="1" t="s">
        <v>8781</v>
      </c>
      <c r="J2220" s="1" t="s">
        <v>8807</v>
      </c>
    </row>
    <row r="2221" spans="1:10" x14ac:dyDescent="0.35">
      <c r="A2221" s="1" t="s">
        <v>8775</v>
      </c>
      <c r="B2221" s="1" t="s">
        <v>8776</v>
      </c>
      <c r="C2221" s="1" t="s">
        <v>50</v>
      </c>
      <c r="D2221" s="1" t="s">
        <v>8808</v>
      </c>
      <c r="E2221" s="1" t="s">
        <v>8809</v>
      </c>
      <c r="F2221" s="1" t="s">
        <v>8810</v>
      </c>
      <c r="G2221" s="1" t="s">
        <v>8780</v>
      </c>
      <c r="H2221" s="1" t="s">
        <v>13</v>
      </c>
      <c r="I2221" s="1" t="s">
        <v>8781</v>
      </c>
      <c r="J2221" s="1" t="s">
        <v>8811</v>
      </c>
    </row>
    <row r="2222" spans="1:10" x14ac:dyDescent="0.35">
      <c r="A2222" s="1" t="s">
        <v>8775</v>
      </c>
      <c r="B2222" s="1" t="s">
        <v>8776</v>
      </c>
      <c r="C2222" s="1" t="s">
        <v>55</v>
      </c>
      <c r="D2222" s="1" t="s">
        <v>8812</v>
      </c>
      <c r="E2222" s="1" t="s">
        <v>8813</v>
      </c>
      <c r="F2222" s="1" t="s">
        <v>8814</v>
      </c>
      <c r="G2222" s="1" t="s">
        <v>8780</v>
      </c>
      <c r="H2222" s="1" t="s">
        <v>13</v>
      </c>
      <c r="I2222" s="1" t="s">
        <v>8781</v>
      </c>
      <c r="J2222" s="1" t="s">
        <v>8815</v>
      </c>
    </row>
    <row r="2223" spans="1:10" x14ac:dyDescent="0.35">
      <c r="A2223" s="1" t="s">
        <v>8775</v>
      </c>
      <c r="B2223" s="1" t="s">
        <v>8776</v>
      </c>
      <c r="C2223" s="1" t="s">
        <v>60</v>
      </c>
      <c r="D2223" s="1" t="s">
        <v>8816</v>
      </c>
      <c r="E2223" s="1" t="s">
        <v>8817</v>
      </c>
      <c r="F2223" s="1" t="s">
        <v>8818</v>
      </c>
      <c r="G2223" s="1" t="s">
        <v>8780</v>
      </c>
      <c r="H2223" s="1" t="s">
        <v>13</v>
      </c>
      <c r="I2223" s="1" t="s">
        <v>8781</v>
      </c>
      <c r="J2223" s="1" t="s">
        <v>8819</v>
      </c>
    </row>
    <row r="2224" spans="1:10" x14ac:dyDescent="0.35">
      <c r="A2224" s="1" t="s">
        <v>8775</v>
      </c>
      <c r="B2224" s="1" t="s">
        <v>8776</v>
      </c>
      <c r="C2224" s="1" t="s">
        <v>65</v>
      </c>
      <c r="D2224" s="1" t="s">
        <v>8820</v>
      </c>
      <c r="E2224" s="1" t="s">
        <v>4242</v>
      </c>
      <c r="F2224" s="1" t="s">
        <v>8821</v>
      </c>
      <c r="G2224" s="1" t="s">
        <v>8780</v>
      </c>
      <c r="H2224" s="1" t="s">
        <v>13</v>
      </c>
      <c r="I2224" s="1" t="s">
        <v>8781</v>
      </c>
      <c r="J2224" s="1" t="s">
        <v>8822</v>
      </c>
    </row>
    <row r="2225" spans="1:10" x14ac:dyDescent="0.35">
      <c r="A2225" s="1" t="s">
        <v>8775</v>
      </c>
      <c r="B2225" s="1" t="s">
        <v>8776</v>
      </c>
      <c r="C2225" s="1" t="s">
        <v>70</v>
      </c>
      <c r="D2225" s="1" t="s">
        <v>8823</v>
      </c>
      <c r="E2225" s="1" t="s">
        <v>8824</v>
      </c>
      <c r="F2225" s="1" t="s">
        <v>8825</v>
      </c>
      <c r="G2225" s="1" t="s">
        <v>8780</v>
      </c>
      <c r="H2225" s="1" t="s">
        <v>13</v>
      </c>
      <c r="I2225" s="1" t="s">
        <v>8781</v>
      </c>
      <c r="J2225" s="1" t="s">
        <v>8826</v>
      </c>
    </row>
    <row r="2226" spans="1:10" x14ac:dyDescent="0.35">
      <c r="A2226" s="1" t="s">
        <v>8775</v>
      </c>
      <c r="B2226" s="1" t="s">
        <v>8776</v>
      </c>
      <c r="C2226" s="1" t="s">
        <v>75</v>
      </c>
      <c r="D2226" s="1" t="s">
        <v>8827</v>
      </c>
      <c r="E2226" s="1" t="s">
        <v>8828</v>
      </c>
      <c r="F2226" s="1" t="s">
        <v>8829</v>
      </c>
      <c r="G2226" s="1" t="s">
        <v>8780</v>
      </c>
      <c r="H2226" s="1" t="s">
        <v>13</v>
      </c>
      <c r="I2226" s="1" t="s">
        <v>8781</v>
      </c>
      <c r="J2226" s="1" t="s">
        <v>8830</v>
      </c>
    </row>
    <row r="2227" spans="1:10" x14ac:dyDescent="0.35">
      <c r="A2227" s="1" t="s">
        <v>8775</v>
      </c>
      <c r="B2227" s="1" t="s">
        <v>8776</v>
      </c>
      <c r="C2227" s="1" t="s">
        <v>80</v>
      </c>
      <c r="D2227" s="1" t="s">
        <v>8831</v>
      </c>
      <c r="E2227" s="1" t="s">
        <v>8832</v>
      </c>
      <c r="F2227" s="1" t="s">
        <v>8833</v>
      </c>
      <c r="G2227" s="1" t="s">
        <v>8780</v>
      </c>
      <c r="H2227" s="1" t="s">
        <v>13</v>
      </c>
      <c r="I2227" s="1" t="s">
        <v>8781</v>
      </c>
      <c r="J2227" s="1" t="s">
        <v>8834</v>
      </c>
    </row>
    <row r="2228" spans="1:10" x14ac:dyDescent="0.35">
      <c r="A2228" s="1" t="s">
        <v>8775</v>
      </c>
      <c r="B2228" s="1" t="s">
        <v>8776</v>
      </c>
      <c r="C2228" s="1" t="s">
        <v>85</v>
      </c>
      <c r="D2228" s="1" t="s">
        <v>8835</v>
      </c>
      <c r="E2228" s="1" t="s">
        <v>4238</v>
      </c>
      <c r="F2228" s="1" t="s">
        <v>8836</v>
      </c>
      <c r="G2228" s="1" t="s">
        <v>8780</v>
      </c>
      <c r="H2228" s="1" t="s">
        <v>13</v>
      </c>
      <c r="I2228" s="1" t="s">
        <v>8781</v>
      </c>
      <c r="J2228" s="1" t="s">
        <v>8837</v>
      </c>
    </row>
    <row r="2229" spans="1:10" x14ac:dyDescent="0.35">
      <c r="A2229" s="1" t="s">
        <v>8775</v>
      </c>
      <c r="B2229" s="1" t="s">
        <v>8776</v>
      </c>
      <c r="C2229" s="1" t="s">
        <v>90</v>
      </c>
      <c r="D2229" s="1" t="s">
        <v>8838</v>
      </c>
      <c r="E2229" s="1" t="s">
        <v>8839</v>
      </c>
      <c r="F2229" s="1" t="s">
        <v>8840</v>
      </c>
      <c r="G2229" s="1" t="s">
        <v>8780</v>
      </c>
      <c r="H2229" s="1" t="s">
        <v>13</v>
      </c>
      <c r="I2229" s="1" t="s">
        <v>8781</v>
      </c>
      <c r="J2229" s="1" t="s">
        <v>8841</v>
      </c>
    </row>
    <row r="2230" spans="1:10" x14ac:dyDescent="0.35">
      <c r="A2230" s="1" t="s">
        <v>8775</v>
      </c>
      <c r="B2230" s="1" t="s">
        <v>8776</v>
      </c>
      <c r="C2230" s="1" t="s">
        <v>95</v>
      </c>
      <c r="D2230" s="1" t="s">
        <v>8842</v>
      </c>
      <c r="E2230" s="1" t="s">
        <v>8843</v>
      </c>
      <c r="F2230" s="1" t="s">
        <v>8844</v>
      </c>
      <c r="G2230" s="1" t="s">
        <v>8780</v>
      </c>
      <c r="H2230" s="1" t="s">
        <v>13</v>
      </c>
      <c r="I2230" s="1" t="s">
        <v>8781</v>
      </c>
      <c r="J2230" s="1" t="s">
        <v>8845</v>
      </c>
    </row>
    <row r="2231" spans="1:10" x14ac:dyDescent="0.35">
      <c r="A2231" s="1" t="s">
        <v>8775</v>
      </c>
      <c r="B2231" s="1" t="s">
        <v>8776</v>
      </c>
      <c r="C2231" s="1" t="s">
        <v>100</v>
      </c>
      <c r="D2231" s="1" t="s">
        <v>8846</v>
      </c>
      <c r="E2231" s="1" t="s">
        <v>8791</v>
      </c>
      <c r="F2231" s="1" t="s">
        <v>8847</v>
      </c>
      <c r="G2231" s="1" t="s">
        <v>8780</v>
      </c>
      <c r="H2231" s="1" t="s">
        <v>13</v>
      </c>
      <c r="I2231" s="1" t="s">
        <v>8781</v>
      </c>
      <c r="J2231" s="1" t="s">
        <v>8848</v>
      </c>
    </row>
    <row r="2232" spans="1:10" x14ac:dyDescent="0.35">
      <c r="A2232" s="1" t="s">
        <v>8775</v>
      </c>
      <c r="B2232" s="1" t="s">
        <v>8776</v>
      </c>
      <c r="C2232" s="1" t="s">
        <v>105</v>
      </c>
      <c r="D2232" s="1" t="s">
        <v>8849</v>
      </c>
      <c r="E2232" s="1" t="s">
        <v>8850</v>
      </c>
      <c r="F2232" s="1" t="s">
        <v>8851</v>
      </c>
      <c r="G2232" s="1" t="s">
        <v>8780</v>
      </c>
      <c r="H2232" s="1" t="s">
        <v>13</v>
      </c>
      <c r="I2232" s="1" t="s">
        <v>8781</v>
      </c>
      <c r="J2232" s="1" t="s">
        <v>8852</v>
      </c>
    </row>
    <row r="2233" spans="1:10" x14ac:dyDescent="0.35">
      <c r="A2233" s="1" t="s">
        <v>8775</v>
      </c>
      <c r="B2233" s="1" t="s">
        <v>8776</v>
      </c>
      <c r="C2233" s="1" t="s">
        <v>110</v>
      </c>
      <c r="D2233" s="1" t="s">
        <v>8853</v>
      </c>
      <c r="E2233" s="1" t="s">
        <v>4207</v>
      </c>
      <c r="F2233" s="1" t="s">
        <v>8854</v>
      </c>
      <c r="G2233" s="1" t="s">
        <v>8780</v>
      </c>
      <c r="H2233" s="1" t="s">
        <v>13</v>
      </c>
      <c r="I2233" s="1" t="s">
        <v>8781</v>
      </c>
      <c r="J2233" s="1" t="s">
        <v>8855</v>
      </c>
    </row>
    <row r="2234" spans="1:10" x14ac:dyDescent="0.35">
      <c r="A2234" s="1" t="s">
        <v>8775</v>
      </c>
      <c r="B2234" s="1" t="s">
        <v>8776</v>
      </c>
      <c r="C2234" s="1" t="s">
        <v>115</v>
      </c>
      <c r="D2234" s="1" t="s">
        <v>8856</v>
      </c>
      <c r="E2234" s="1" t="s">
        <v>8857</v>
      </c>
      <c r="F2234" s="1" t="s">
        <v>8858</v>
      </c>
      <c r="G2234" s="1" t="s">
        <v>8780</v>
      </c>
      <c r="H2234" s="1" t="s">
        <v>13</v>
      </c>
      <c r="I2234" s="1" t="s">
        <v>8781</v>
      </c>
      <c r="J2234" s="1" t="s">
        <v>8859</v>
      </c>
    </row>
    <row r="2235" spans="1:10" x14ac:dyDescent="0.35">
      <c r="A2235" s="1" t="s">
        <v>8775</v>
      </c>
      <c r="B2235" s="1" t="s">
        <v>8776</v>
      </c>
      <c r="C2235" s="1" t="s">
        <v>120</v>
      </c>
      <c r="D2235" s="1" t="s">
        <v>8860</v>
      </c>
      <c r="E2235" s="1" t="s">
        <v>8861</v>
      </c>
      <c r="F2235" s="1" t="s">
        <v>8862</v>
      </c>
      <c r="G2235" s="1" t="s">
        <v>8780</v>
      </c>
      <c r="H2235" s="1" t="s">
        <v>13</v>
      </c>
      <c r="I2235" s="1" t="s">
        <v>8781</v>
      </c>
      <c r="J2235" s="1" t="s">
        <v>8863</v>
      </c>
    </row>
    <row r="2236" spans="1:10" x14ac:dyDescent="0.35">
      <c r="A2236" s="1" t="s">
        <v>8775</v>
      </c>
      <c r="B2236" s="1" t="s">
        <v>8776</v>
      </c>
      <c r="C2236" s="1" t="s">
        <v>125</v>
      </c>
      <c r="D2236" s="1" t="s">
        <v>8864</v>
      </c>
      <c r="E2236" s="1" t="s">
        <v>4174</v>
      </c>
      <c r="F2236" s="1" t="s">
        <v>8865</v>
      </c>
      <c r="G2236" s="1" t="s">
        <v>8780</v>
      </c>
      <c r="H2236" s="1" t="s">
        <v>13</v>
      </c>
      <c r="I2236" s="1" t="s">
        <v>8781</v>
      </c>
      <c r="J2236" s="1" t="s">
        <v>8866</v>
      </c>
    </row>
    <row r="2237" spans="1:10" x14ac:dyDescent="0.35">
      <c r="A2237" s="1" t="s">
        <v>8775</v>
      </c>
      <c r="B2237" s="1" t="s">
        <v>8776</v>
      </c>
      <c r="C2237" s="1" t="s">
        <v>130</v>
      </c>
      <c r="D2237" s="1" t="s">
        <v>8867</v>
      </c>
      <c r="E2237" s="1" t="s">
        <v>4158</v>
      </c>
      <c r="F2237" s="1" t="s">
        <v>8868</v>
      </c>
      <c r="G2237" s="1" t="s">
        <v>8780</v>
      </c>
      <c r="H2237" s="1" t="s">
        <v>13</v>
      </c>
      <c r="I2237" s="1" t="s">
        <v>8781</v>
      </c>
      <c r="J2237" s="1" t="s">
        <v>8869</v>
      </c>
    </row>
    <row r="2238" spans="1:10" x14ac:dyDescent="0.35">
      <c r="A2238" s="1" t="s">
        <v>8775</v>
      </c>
      <c r="B2238" s="1" t="s">
        <v>8776</v>
      </c>
      <c r="C2238" s="1" t="s">
        <v>135</v>
      </c>
      <c r="D2238" s="1" t="s">
        <v>8870</v>
      </c>
      <c r="E2238" s="1" t="s">
        <v>8871</v>
      </c>
      <c r="F2238" s="1" t="s">
        <v>8872</v>
      </c>
      <c r="G2238" s="1" t="s">
        <v>8780</v>
      </c>
      <c r="H2238" s="1" t="s">
        <v>13</v>
      </c>
      <c r="I2238" s="1" t="s">
        <v>8781</v>
      </c>
      <c r="J2238" s="1" t="s">
        <v>8873</v>
      </c>
    </row>
    <row r="2239" spans="1:10" x14ac:dyDescent="0.35">
      <c r="A2239" s="1" t="s">
        <v>8775</v>
      </c>
      <c r="B2239" s="1" t="s">
        <v>8776</v>
      </c>
      <c r="C2239" s="1" t="s">
        <v>140</v>
      </c>
      <c r="D2239" s="1" t="s">
        <v>8874</v>
      </c>
      <c r="E2239" s="1" t="s">
        <v>8875</v>
      </c>
      <c r="F2239" s="1" t="s">
        <v>8876</v>
      </c>
      <c r="G2239" s="1" t="s">
        <v>8780</v>
      </c>
      <c r="H2239" s="1" t="s">
        <v>13</v>
      </c>
      <c r="I2239" s="1" t="s">
        <v>8781</v>
      </c>
      <c r="J2239" s="1" t="s">
        <v>8877</v>
      </c>
    </row>
    <row r="2240" spans="1:10" x14ac:dyDescent="0.35">
      <c r="A2240" s="1" t="s">
        <v>8775</v>
      </c>
      <c r="B2240" s="1" t="s">
        <v>8776</v>
      </c>
      <c r="C2240" s="1" t="s">
        <v>145</v>
      </c>
      <c r="D2240" s="1" t="s">
        <v>8878</v>
      </c>
      <c r="E2240" s="1" t="s">
        <v>4269</v>
      </c>
      <c r="F2240" s="1" t="s">
        <v>8879</v>
      </c>
      <c r="G2240" s="1" t="s">
        <v>8780</v>
      </c>
      <c r="H2240" s="1" t="s">
        <v>13</v>
      </c>
      <c r="I2240" s="1" t="s">
        <v>8781</v>
      </c>
      <c r="J2240" s="1" t="s">
        <v>8880</v>
      </c>
    </row>
    <row r="2241" spans="1:10" x14ac:dyDescent="0.35">
      <c r="A2241" s="1" t="s">
        <v>8775</v>
      </c>
      <c r="B2241" s="1" t="s">
        <v>8776</v>
      </c>
      <c r="C2241" s="1" t="s">
        <v>150</v>
      </c>
      <c r="D2241" s="1" t="s">
        <v>8881</v>
      </c>
      <c r="E2241" s="1" t="s">
        <v>8882</v>
      </c>
      <c r="F2241" s="1" t="s">
        <v>8883</v>
      </c>
      <c r="G2241" s="1" t="s">
        <v>8780</v>
      </c>
      <c r="H2241" s="1" t="s">
        <v>13</v>
      </c>
      <c r="I2241" s="1" t="s">
        <v>8781</v>
      </c>
      <c r="J2241" s="1" t="s">
        <v>8884</v>
      </c>
    </row>
    <row r="2242" spans="1:10" x14ac:dyDescent="0.35">
      <c r="A2242" s="1" t="s">
        <v>8775</v>
      </c>
      <c r="B2242" s="1" t="s">
        <v>8776</v>
      </c>
      <c r="C2242" s="1" t="s">
        <v>155</v>
      </c>
      <c r="D2242" s="1" t="s">
        <v>8885</v>
      </c>
      <c r="E2242" s="1" t="s">
        <v>4174</v>
      </c>
      <c r="F2242" s="1" t="s">
        <v>8886</v>
      </c>
      <c r="G2242" s="1" t="s">
        <v>8780</v>
      </c>
      <c r="H2242" s="1" t="s">
        <v>13</v>
      </c>
      <c r="I2242" s="1" t="s">
        <v>8781</v>
      </c>
      <c r="J2242" s="1" t="s">
        <v>8887</v>
      </c>
    </row>
    <row r="2243" spans="1:10" x14ac:dyDescent="0.35">
      <c r="A2243" s="1" t="s">
        <v>8775</v>
      </c>
      <c r="B2243" s="1" t="s">
        <v>8776</v>
      </c>
      <c r="C2243" s="1" t="s">
        <v>160</v>
      </c>
      <c r="D2243" s="1" t="s">
        <v>8888</v>
      </c>
      <c r="E2243" s="1" t="s">
        <v>8889</v>
      </c>
      <c r="F2243" s="1" t="s">
        <v>8890</v>
      </c>
      <c r="G2243" s="1" t="s">
        <v>8780</v>
      </c>
      <c r="H2243" s="1" t="s">
        <v>13</v>
      </c>
      <c r="I2243" s="1" t="s">
        <v>8781</v>
      </c>
      <c r="J2243" s="1" t="s">
        <v>8891</v>
      </c>
    </row>
    <row r="2244" spans="1:10" x14ac:dyDescent="0.35">
      <c r="A2244" s="1" t="s">
        <v>8775</v>
      </c>
      <c r="B2244" s="1" t="s">
        <v>8776</v>
      </c>
      <c r="C2244" s="1" t="s">
        <v>165</v>
      </c>
      <c r="D2244" s="1" t="s">
        <v>8892</v>
      </c>
      <c r="E2244" s="1" t="s">
        <v>4273</v>
      </c>
      <c r="F2244" s="1" t="s">
        <v>8893</v>
      </c>
      <c r="G2244" s="1" t="s">
        <v>8780</v>
      </c>
      <c r="H2244" s="1" t="s">
        <v>13</v>
      </c>
      <c r="I2244" s="1" t="s">
        <v>8781</v>
      </c>
      <c r="J2244" s="1" t="s">
        <v>8894</v>
      </c>
    </row>
    <row r="2245" spans="1:10" x14ac:dyDescent="0.35">
      <c r="A2245" s="1" t="s">
        <v>8775</v>
      </c>
      <c r="B2245" s="1" t="s">
        <v>8776</v>
      </c>
      <c r="C2245" s="1" t="s">
        <v>170</v>
      </c>
      <c r="D2245" s="1" t="s">
        <v>8895</v>
      </c>
      <c r="E2245" s="1" t="s">
        <v>8896</v>
      </c>
      <c r="F2245" s="1" t="s">
        <v>8897</v>
      </c>
      <c r="G2245" s="1" t="s">
        <v>8780</v>
      </c>
      <c r="H2245" s="1" t="s">
        <v>13</v>
      </c>
      <c r="I2245" s="1" t="s">
        <v>8781</v>
      </c>
      <c r="J2245" s="1" t="s">
        <v>8898</v>
      </c>
    </row>
    <row r="2246" spans="1:10" x14ac:dyDescent="0.35">
      <c r="A2246" s="1" t="s">
        <v>8899</v>
      </c>
      <c r="B2246" s="1" t="s">
        <v>8900</v>
      </c>
      <c r="C2246" s="1" t="s">
        <v>8</v>
      </c>
      <c r="D2246" s="1" t="s">
        <v>8901</v>
      </c>
      <c r="E2246" s="1" t="s">
        <v>8902</v>
      </c>
      <c r="F2246" s="1" t="s">
        <v>8903</v>
      </c>
      <c r="G2246" s="1" t="s">
        <v>8904</v>
      </c>
      <c r="H2246" s="1" t="s">
        <v>13</v>
      </c>
      <c r="I2246" s="1" t="s">
        <v>8905</v>
      </c>
      <c r="J2246" s="1" t="s">
        <v>13</v>
      </c>
    </row>
    <row r="2247" spans="1:10" x14ac:dyDescent="0.35">
      <c r="A2247" s="1" t="s">
        <v>8899</v>
      </c>
      <c r="B2247" s="1" t="s">
        <v>8900</v>
      </c>
      <c r="C2247" s="1" t="s">
        <v>15</v>
      </c>
      <c r="D2247" s="1" t="s">
        <v>8373</v>
      </c>
      <c r="E2247" s="1" t="s">
        <v>8906</v>
      </c>
      <c r="F2247" s="1" t="s">
        <v>8907</v>
      </c>
      <c r="G2247" s="1" t="s">
        <v>8904</v>
      </c>
      <c r="H2247" s="1" t="s">
        <v>13</v>
      </c>
      <c r="I2247" s="1" t="s">
        <v>8905</v>
      </c>
      <c r="J2247" s="1" t="s">
        <v>8908</v>
      </c>
    </row>
    <row r="2248" spans="1:10" x14ac:dyDescent="0.35">
      <c r="A2248" s="1" t="s">
        <v>8899</v>
      </c>
      <c r="B2248" s="1" t="s">
        <v>8900</v>
      </c>
      <c r="C2248" s="1" t="s">
        <v>20</v>
      </c>
      <c r="D2248" s="1" t="s">
        <v>8909</v>
      </c>
      <c r="E2248" s="1" t="s">
        <v>8910</v>
      </c>
      <c r="F2248" s="1" t="s">
        <v>8911</v>
      </c>
      <c r="G2248" s="1" t="s">
        <v>8904</v>
      </c>
      <c r="H2248" s="1" t="s">
        <v>13</v>
      </c>
      <c r="I2248" s="1" t="s">
        <v>8905</v>
      </c>
      <c r="J2248" s="1" t="s">
        <v>8912</v>
      </c>
    </row>
    <row r="2249" spans="1:10" x14ac:dyDescent="0.35">
      <c r="A2249" s="1" t="s">
        <v>8899</v>
      </c>
      <c r="B2249" s="1" t="s">
        <v>8900</v>
      </c>
      <c r="C2249" s="1" t="s">
        <v>25</v>
      </c>
      <c r="D2249" s="1" t="s">
        <v>8913</v>
      </c>
      <c r="E2249" s="1" t="s">
        <v>8914</v>
      </c>
      <c r="F2249" s="1" t="s">
        <v>8915</v>
      </c>
      <c r="G2249" s="1" t="s">
        <v>8904</v>
      </c>
      <c r="H2249" s="1" t="s">
        <v>13</v>
      </c>
      <c r="I2249" s="1" t="s">
        <v>8905</v>
      </c>
      <c r="J2249" s="1" t="s">
        <v>8916</v>
      </c>
    </row>
    <row r="2250" spans="1:10" x14ac:dyDescent="0.35">
      <c r="A2250" s="1" t="s">
        <v>8899</v>
      </c>
      <c r="B2250" s="1" t="s">
        <v>8900</v>
      </c>
      <c r="C2250" s="1" t="s">
        <v>30</v>
      </c>
      <c r="D2250" s="1" t="s">
        <v>8917</v>
      </c>
      <c r="E2250" s="1" t="s">
        <v>8918</v>
      </c>
      <c r="F2250" s="1" t="s">
        <v>8919</v>
      </c>
      <c r="G2250" s="1" t="s">
        <v>8904</v>
      </c>
      <c r="H2250" s="1" t="s">
        <v>13</v>
      </c>
      <c r="I2250" s="1" t="s">
        <v>8905</v>
      </c>
      <c r="J2250" s="1" t="s">
        <v>8920</v>
      </c>
    </row>
    <row r="2251" spans="1:10" x14ac:dyDescent="0.35">
      <c r="A2251" s="1" t="s">
        <v>8899</v>
      </c>
      <c r="B2251" s="1" t="s">
        <v>8900</v>
      </c>
      <c r="C2251" s="1" t="s">
        <v>35</v>
      </c>
      <c r="D2251" s="1" t="s">
        <v>8111</v>
      </c>
      <c r="E2251" s="1" t="s">
        <v>8921</v>
      </c>
      <c r="F2251" s="1" t="s">
        <v>8922</v>
      </c>
      <c r="G2251" s="1" t="s">
        <v>8904</v>
      </c>
      <c r="H2251" s="1" t="s">
        <v>13</v>
      </c>
      <c r="I2251" s="1" t="s">
        <v>8905</v>
      </c>
      <c r="J2251" s="1" t="s">
        <v>8923</v>
      </c>
    </row>
    <row r="2252" spans="1:10" x14ac:dyDescent="0.35">
      <c r="A2252" s="1" t="s">
        <v>8899</v>
      </c>
      <c r="B2252" s="1" t="s">
        <v>8900</v>
      </c>
      <c r="C2252" s="1" t="s">
        <v>40</v>
      </c>
      <c r="D2252" s="1" t="s">
        <v>8924</v>
      </c>
      <c r="E2252" s="1" t="s">
        <v>8925</v>
      </c>
      <c r="F2252" s="1" t="s">
        <v>8926</v>
      </c>
      <c r="G2252" s="1" t="s">
        <v>8904</v>
      </c>
      <c r="H2252" s="1" t="s">
        <v>13</v>
      </c>
      <c r="I2252" s="1" t="s">
        <v>8905</v>
      </c>
      <c r="J2252" s="1" t="s">
        <v>8927</v>
      </c>
    </row>
    <row r="2253" spans="1:10" x14ac:dyDescent="0.35">
      <c r="A2253" s="1" t="s">
        <v>8899</v>
      </c>
      <c r="B2253" s="1" t="s">
        <v>8900</v>
      </c>
      <c r="C2253" s="1" t="s">
        <v>45</v>
      </c>
      <c r="D2253" s="1" t="s">
        <v>8928</v>
      </c>
      <c r="E2253" s="1" t="s">
        <v>8929</v>
      </c>
      <c r="F2253" s="1" t="s">
        <v>8930</v>
      </c>
      <c r="G2253" s="1" t="s">
        <v>8904</v>
      </c>
      <c r="H2253" s="1" t="s">
        <v>13</v>
      </c>
      <c r="I2253" s="1" t="s">
        <v>8905</v>
      </c>
      <c r="J2253" s="1" t="s">
        <v>8931</v>
      </c>
    </row>
    <row r="2254" spans="1:10" x14ac:dyDescent="0.35">
      <c r="A2254" s="1" t="s">
        <v>8899</v>
      </c>
      <c r="B2254" s="1" t="s">
        <v>8900</v>
      </c>
      <c r="C2254" s="1" t="s">
        <v>50</v>
      </c>
      <c r="D2254" s="1" t="s">
        <v>8932</v>
      </c>
      <c r="E2254" s="1" t="s">
        <v>8933</v>
      </c>
      <c r="F2254" s="1" t="s">
        <v>8934</v>
      </c>
      <c r="G2254" s="1" t="s">
        <v>8904</v>
      </c>
      <c r="H2254" s="1" t="s">
        <v>13</v>
      </c>
      <c r="I2254" s="1" t="s">
        <v>8905</v>
      </c>
      <c r="J2254" s="1" t="s">
        <v>8935</v>
      </c>
    </row>
    <row r="2255" spans="1:10" x14ac:dyDescent="0.35">
      <c r="A2255" s="1" t="s">
        <v>8899</v>
      </c>
      <c r="B2255" s="1" t="s">
        <v>8900</v>
      </c>
      <c r="C2255" s="1" t="s">
        <v>55</v>
      </c>
      <c r="D2255" s="1" t="s">
        <v>8936</v>
      </c>
      <c r="E2255" s="1" t="s">
        <v>8937</v>
      </c>
      <c r="F2255" s="1" t="s">
        <v>8938</v>
      </c>
      <c r="G2255" s="1" t="s">
        <v>8904</v>
      </c>
      <c r="H2255" s="1" t="s">
        <v>13</v>
      </c>
      <c r="I2255" s="1" t="s">
        <v>8905</v>
      </c>
      <c r="J2255" s="1" t="s">
        <v>8939</v>
      </c>
    </row>
    <row r="2256" spans="1:10" x14ac:dyDescent="0.35">
      <c r="A2256" s="1" t="s">
        <v>8899</v>
      </c>
      <c r="B2256" s="1" t="s">
        <v>8900</v>
      </c>
      <c r="C2256" s="1" t="s">
        <v>60</v>
      </c>
      <c r="D2256" s="1" t="s">
        <v>8940</v>
      </c>
      <c r="E2256" s="1" t="s">
        <v>8941</v>
      </c>
      <c r="F2256" s="1" t="s">
        <v>8942</v>
      </c>
      <c r="G2256" s="1" t="s">
        <v>8904</v>
      </c>
      <c r="H2256" s="1" t="s">
        <v>13</v>
      </c>
      <c r="I2256" s="1" t="s">
        <v>8905</v>
      </c>
      <c r="J2256" s="1" t="s">
        <v>8943</v>
      </c>
    </row>
    <row r="2257" spans="1:10" x14ac:dyDescent="0.35">
      <c r="A2257" s="1" t="s">
        <v>8899</v>
      </c>
      <c r="B2257" s="1" t="s">
        <v>8900</v>
      </c>
      <c r="C2257" s="1" t="s">
        <v>65</v>
      </c>
      <c r="D2257" s="1" t="s">
        <v>8944</v>
      </c>
      <c r="E2257" s="1" t="s">
        <v>8945</v>
      </c>
      <c r="F2257" s="1" t="s">
        <v>8946</v>
      </c>
      <c r="G2257" s="1" t="s">
        <v>8904</v>
      </c>
      <c r="H2257" s="1" t="s">
        <v>13</v>
      </c>
      <c r="I2257" s="1" t="s">
        <v>8905</v>
      </c>
      <c r="J2257" s="1" t="s">
        <v>8947</v>
      </c>
    </row>
    <row r="2258" spans="1:10" x14ac:dyDescent="0.35">
      <c r="A2258" s="1" t="s">
        <v>8899</v>
      </c>
      <c r="B2258" s="1" t="s">
        <v>8900</v>
      </c>
      <c r="C2258" s="1" t="s">
        <v>70</v>
      </c>
      <c r="D2258" s="1" t="s">
        <v>8948</v>
      </c>
      <c r="E2258" s="1" t="s">
        <v>8949</v>
      </c>
      <c r="F2258" s="1" t="s">
        <v>8950</v>
      </c>
      <c r="G2258" s="1" t="s">
        <v>8904</v>
      </c>
      <c r="H2258" s="1" t="s">
        <v>13</v>
      </c>
      <c r="I2258" s="1" t="s">
        <v>8905</v>
      </c>
      <c r="J2258" s="1" t="s">
        <v>8951</v>
      </c>
    </row>
    <row r="2259" spans="1:10" x14ac:dyDescent="0.35">
      <c r="A2259" s="1" t="s">
        <v>8899</v>
      </c>
      <c r="B2259" s="1" t="s">
        <v>8900</v>
      </c>
      <c r="C2259" s="1" t="s">
        <v>75</v>
      </c>
      <c r="D2259" s="1" t="s">
        <v>6600</v>
      </c>
      <c r="E2259" s="1" t="s">
        <v>8952</v>
      </c>
      <c r="F2259" s="1" t="s">
        <v>8953</v>
      </c>
      <c r="G2259" s="1" t="s">
        <v>8904</v>
      </c>
      <c r="H2259" s="1" t="s">
        <v>13</v>
      </c>
      <c r="I2259" s="1" t="s">
        <v>8905</v>
      </c>
      <c r="J2259" s="1" t="s">
        <v>8954</v>
      </c>
    </row>
    <row r="2260" spans="1:10" x14ac:dyDescent="0.35">
      <c r="A2260" s="1" t="s">
        <v>8899</v>
      </c>
      <c r="B2260" s="1" t="s">
        <v>8900</v>
      </c>
      <c r="C2260" s="1" t="s">
        <v>80</v>
      </c>
      <c r="D2260" s="1" t="s">
        <v>8955</v>
      </c>
      <c r="E2260" s="1" t="s">
        <v>8956</v>
      </c>
      <c r="F2260" s="1" t="s">
        <v>8957</v>
      </c>
      <c r="G2260" s="1" t="s">
        <v>8904</v>
      </c>
      <c r="H2260" s="1" t="s">
        <v>13</v>
      </c>
      <c r="I2260" s="1" t="s">
        <v>8905</v>
      </c>
      <c r="J2260" s="1" t="s">
        <v>8958</v>
      </c>
    </row>
    <row r="2261" spans="1:10" x14ac:dyDescent="0.35">
      <c r="A2261" s="1" t="s">
        <v>8899</v>
      </c>
      <c r="B2261" s="1" t="s">
        <v>8900</v>
      </c>
      <c r="C2261" s="1" t="s">
        <v>85</v>
      </c>
      <c r="D2261" s="1" t="s">
        <v>8959</v>
      </c>
      <c r="E2261" s="1" t="s">
        <v>8960</v>
      </c>
      <c r="F2261" s="1" t="s">
        <v>8961</v>
      </c>
      <c r="G2261" s="1" t="s">
        <v>8904</v>
      </c>
      <c r="H2261" s="1" t="s">
        <v>13</v>
      </c>
      <c r="I2261" s="1" t="s">
        <v>8905</v>
      </c>
      <c r="J2261" s="1" t="s">
        <v>8962</v>
      </c>
    </row>
    <row r="2262" spans="1:10" x14ac:dyDescent="0.35">
      <c r="A2262" s="1" t="s">
        <v>8899</v>
      </c>
      <c r="B2262" s="1" t="s">
        <v>8900</v>
      </c>
      <c r="C2262" s="1" t="s">
        <v>90</v>
      </c>
      <c r="D2262" s="1" t="s">
        <v>8963</v>
      </c>
      <c r="E2262" s="1" t="s">
        <v>8964</v>
      </c>
      <c r="F2262" s="1" t="s">
        <v>8965</v>
      </c>
      <c r="G2262" s="1" t="s">
        <v>8904</v>
      </c>
      <c r="H2262" s="1" t="s">
        <v>13</v>
      </c>
      <c r="I2262" s="1" t="s">
        <v>8905</v>
      </c>
      <c r="J2262" s="1" t="s">
        <v>8966</v>
      </c>
    </row>
    <row r="2263" spans="1:10" x14ac:dyDescent="0.35">
      <c r="A2263" s="1" t="s">
        <v>8899</v>
      </c>
      <c r="B2263" s="1" t="s">
        <v>8900</v>
      </c>
      <c r="C2263" s="1" t="s">
        <v>95</v>
      </c>
      <c r="D2263" s="1" t="s">
        <v>8967</v>
      </c>
      <c r="E2263" s="1" t="s">
        <v>8968</v>
      </c>
      <c r="F2263" s="1" t="s">
        <v>8969</v>
      </c>
      <c r="G2263" s="1" t="s">
        <v>8904</v>
      </c>
      <c r="H2263" s="1" t="s">
        <v>13</v>
      </c>
      <c r="I2263" s="1" t="s">
        <v>8905</v>
      </c>
      <c r="J2263" s="1" t="s">
        <v>8970</v>
      </c>
    </row>
    <row r="2264" spans="1:10" x14ac:dyDescent="0.35">
      <c r="A2264" s="1" t="s">
        <v>8899</v>
      </c>
      <c r="B2264" s="1" t="s">
        <v>8900</v>
      </c>
      <c r="C2264" s="1" t="s">
        <v>100</v>
      </c>
      <c r="D2264" s="1" t="s">
        <v>8971</v>
      </c>
      <c r="E2264" s="1" t="s">
        <v>8972</v>
      </c>
      <c r="F2264" s="1" t="s">
        <v>8973</v>
      </c>
      <c r="G2264" s="1" t="s">
        <v>8904</v>
      </c>
      <c r="H2264" s="1" t="s">
        <v>13</v>
      </c>
      <c r="I2264" s="1" t="s">
        <v>8905</v>
      </c>
      <c r="J2264" s="1" t="s">
        <v>8974</v>
      </c>
    </row>
    <row r="2265" spans="1:10" x14ac:dyDescent="0.35">
      <c r="A2265" s="1" t="s">
        <v>8899</v>
      </c>
      <c r="B2265" s="1" t="s">
        <v>8900</v>
      </c>
      <c r="C2265" s="1" t="s">
        <v>105</v>
      </c>
      <c r="D2265" s="1" t="s">
        <v>8975</v>
      </c>
      <c r="E2265" s="1" t="s">
        <v>8976</v>
      </c>
      <c r="F2265" s="1" t="s">
        <v>8977</v>
      </c>
      <c r="G2265" s="1" t="s">
        <v>8904</v>
      </c>
      <c r="H2265" s="1" t="s">
        <v>13</v>
      </c>
      <c r="I2265" s="1" t="s">
        <v>8905</v>
      </c>
      <c r="J2265" s="1" t="s">
        <v>8978</v>
      </c>
    </row>
    <row r="2266" spans="1:10" x14ac:dyDescent="0.35">
      <c r="A2266" s="1" t="s">
        <v>8899</v>
      </c>
      <c r="B2266" s="1" t="s">
        <v>8900</v>
      </c>
      <c r="C2266" s="1" t="s">
        <v>110</v>
      </c>
      <c r="D2266" s="1" t="s">
        <v>8979</v>
      </c>
      <c r="E2266" s="1" t="s">
        <v>8980</v>
      </c>
      <c r="F2266" s="1" t="s">
        <v>8981</v>
      </c>
      <c r="G2266" s="1" t="s">
        <v>8904</v>
      </c>
      <c r="H2266" s="1" t="s">
        <v>13</v>
      </c>
      <c r="I2266" s="1" t="s">
        <v>8905</v>
      </c>
      <c r="J2266" s="1" t="s">
        <v>8982</v>
      </c>
    </row>
    <row r="2267" spans="1:10" x14ac:dyDescent="0.35">
      <c r="A2267" s="1" t="s">
        <v>8899</v>
      </c>
      <c r="B2267" s="1" t="s">
        <v>8900</v>
      </c>
      <c r="C2267" s="1" t="s">
        <v>115</v>
      </c>
      <c r="D2267" s="1" t="s">
        <v>8983</v>
      </c>
      <c r="E2267" s="1" t="s">
        <v>8984</v>
      </c>
      <c r="F2267" s="1" t="s">
        <v>8985</v>
      </c>
      <c r="G2267" s="1" t="s">
        <v>8904</v>
      </c>
      <c r="H2267" s="1" t="s">
        <v>13</v>
      </c>
      <c r="I2267" s="1" t="s">
        <v>8905</v>
      </c>
      <c r="J2267" s="1" t="s">
        <v>8986</v>
      </c>
    </row>
    <row r="2268" spans="1:10" x14ac:dyDescent="0.35">
      <c r="A2268" s="1" t="s">
        <v>8899</v>
      </c>
      <c r="B2268" s="1" t="s">
        <v>8900</v>
      </c>
      <c r="C2268" s="1" t="s">
        <v>120</v>
      </c>
      <c r="D2268" s="1" t="s">
        <v>6616</v>
      </c>
      <c r="E2268" s="1" t="s">
        <v>8987</v>
      </c>
      <c r="F2268" s="1" t="s">
        <v>8988</v>
      </c>
      <c r="G2268" s="1" t="s">
        <v>8904</v>
      </c>
      <c r="H2268" s="1" t="s">
        <v>13</v>
      </c>
      <c r="I2268" s="1" t="s">
        <v>8905</v>
      </c>
      <c r="J2268" s="1" t="s">
        <v>8989</v>
      </c>
    </row>
    <row r="2269" spans="1:10" x14ac:dyDescent="0.35">
      <c r="A2269" s="1" t="s">
        <v>8899</v>
      </c>
      <c r="B2269" s="1" t="s">
        <v>8900</v>
      </c>
      <c r="C2269" s="1" t="s">
        <v>125</v>
      </c>
      <c r="D2269" s="1" t="s">
        <v>8959</v>
      </c>
      <c r="E2269" s="1" t="s">
        <v>8990</v>
      </c>
      <c r="F2269" s="1" t="s">
        <v>8991</v>
      </c>
      <c r="G2269" s="1" t="s">
        <v>8904</v>
      </c>
      <c r="H2269" s="1" t="s">
        <v>13</v>
      </c>
      <c r="I2269" s="1" t="s">
        <v>8905</v>
      </c>
      <c r="J2269" s="1" t="s">
        <v>8992</v>
      </c>
    </row>
    <row r="2270" spans="1:10" x14ac:dyDescent="0.35">
      <c r="A2270" s="1" t="s">
        <v>8899</v>
      </c>
      <c r="B2270" s="1" t="s">
        <v>8900</v>
      </c>
      <c r="C2270" s="1" t="s">
        <v>130</v>
      </c>
      <c r="D2270" s="1" t="s">
        <v>8993</v>
      </c>
      <c r="E2270" s="1" t="s">
        <v>8994</v>
      </c>
      <c r="F2270" s="1" t="s">
        <v>8995</v>
      </c>
      <c r="G2270" s="1" t="s">
        <v>8904</v>
      </c>
      <c r="H2270" s="1" t="s">
        <v>13</v>
      </c>
      <c r="I2270" s="1" t="s">
        <v>8905</v>
      </c>
      <c r="J2270" s="1" t="s">
        <v>8996</v>
      </c>
    </row>
    <row r="2271" spans="1:10" x14ac:dyDescent="0.35">
      <c r="A2271" s="1" t="s">
        <v>8899</v>
      </c>
      <c r="B2271" s="1" t="s">
        <v>8900</v>
      </c>
      <c r="C2271" s="1" t="s">
        <v>135</v>
      </c>
      <c r="D2271" s="1" t="s">
        <v>8997</v>
      </c>
      <c r="E2271" s="1" t="s">
        <v>8998</v>
      </c>
      <c r="F2271" s="1" t="s">
        <v>8999</v>
      </c>
      <c r="G2271" s="1" t="s">
        <v>8904</v>
      </c>
      <c r="H2271" s="1" t="s">
        <v>13</v>
      </c>
      <c r="I2271" s="1" t="s">
        <v>8905</v>
      </c>
      <c r="J2271" s="1" t="s">
        <v>9000</v>
      </c>
    </row>
    <row r="2272" spans="1:10" x14ac:dyDescent="0.35">
      <c r="A2272" s="1" t="s">
        <v>8899</v>
      </c>
      <c r="B2272" s="1" t="s">
        <v>8900</v>
      </c>
      <c r="C2272" s="1" t="s">
        <v>140</v>
      </c>
      <c r="D2272" s="1" t="s">
        <v>9001</v>
      </c>
      <c r="E2272" s="1" t="s">
        <v>9002</v>
      </c>
      <c r="F2272" s="1" t="s">
        <v>9003</v>
      </c>
      <c r="G2272" s="1" t="s">
        <v>8904</v>
      </c>
      <c r="H2272" s="1" t="s">
        <v>13</v>
      </c>
      <c r="I2272" s="1" t="s">
        <v>8905</v>
      </c>
      <c r="J2272" s="1" t="s">
        <v>9004</v>
      </c>
    </row>
    <row r="2273" spans="1:10" x14ac:dyDescent="0.35">
      <c r="A2273" s="1" t="s">
        <v>8899</v>
      </c>
      <c r="B2273" s="1" t="s">
        <v>8900</v>
      </c>
      <c r="C2273" s="1" t="s">
        <v>145</v>
      </c>
      <c r="D2273" s="1" t="s">
        <v>9005</v>
      </c>
      <c r="E2273" s="1" t="s">
        <v>9006</v>
      </c>
      <c r="F2273" s="1" t="s">
        <v>9007</v>
      </c>
      <c r="G2273" s="1" t="s">
        <v>8904</v>
      </c>
      <c r="H2273" s="1" t="s">
        <v>13</v>
      </c>
      <c r="I2273" s="1" t="s">
        <v>8905</v>
      </c>
      <c r="J2273" s="1" t="s">
        <v>9008</v>
      </c>
    </row>
    <row r="2274" spans="1:10" x14ac:dyDescent="0.35">
      <c r="A2274" s="1" t="s">
        <v>8899</v>
      </c>
      <c r="B2274" s="1" t="s">
        <v>8900</v>
      </c>
      <c r="C2274" s="1" t="s">
        <v>150</v>
      </c>
      <c r="D2274" s="1" t="s">
        <v>9009</v>
      </c>
      <c r="E2274" s="1" t="s">
        <v>9010</v>
      </c>
      <c r="F2274" s="1" t="s">
        <v>9011</v>
      </c>
      <c r="G2274" s="1" t="s">
        <v>8904</v>
      </c>
      <c r="H2274" s="1" t="s">
        <v>13</v>
      </c>
      <c r="I2274" s="1" t="s">
        <v>8905</v>
      </c>
      <c r="J2274" s="1" t="s">
        <v>9012</v>
      </c>
    </row>
    <row r="2275" spans="1:10" x14ac:dyDescent="0.35">
      <c r="A2275" s="1" t="s">
        <v>8899</v>
      </c>
      <c r="B2275" s="1" t="s">
        <v>8900</v>
      </c>
      <c r="C2275" s="1" t="s">
        <v>155</v>
      </c>
      <c r="D2275" s="1" t="s">
        <v>9013</v>
      </c>
      <c r="E2275" s="1" t="s">
        <v>9014</v>
      </c>
      <c r="F2275" s="1" t="s">
        <v>9015</v>
      </c>
      <c r="G2275" s="1" t="s">
        <v>8904</v>
      </c>
      <c r="H2275" s="1" t="s">
        <v>13</v>
      </c>
      <c r="I2275" s="1" t="s">
        <v>8905</v>
      </c>
      <c r="J2275" s="1" t="s">
        <v>9016</v>
      </c>
    </row>
    <row r="2276" spans="1:10" x14ac:dyDescent="0.35">
      <c r="A2276" s="1" t="s">
        <v>8899</v>
      </c>
      <c r="B2276" s="1" t="s">
        <v>8900</v>
      </c>
      <c r="C2276" s="1" t="s">
        <v>160</v>
      </c>
      <c r="D2276" s="1" t="s">
        <v>9017</v>
      </c>
      <c r="E2276" s="1" t="s">
        <v>9018</v>
      </c>
      <c r="F2276" s="1" t="s">
        <v>9019</v>
      </c>
      <c r="G2276" s="1" t="s">
        <v>8904</v>
      </c>
      <c r="H2276" s="1" t="s">
        <v>13</v>
      </c>
      <c r="I2276" s="1" t="s">
        <v>8905</v>
      </c>
      <c r="J2276" s="1" t="s">
        <v>9020</v>
      </c>
    </row>
    <row r="2277" spans="1:10" x14ac:dyDescent="0.35">
      <c r="A2277" s="1" t="s">
        <v>8899</v>
      </c>
      <c r="B2277" s="1" t="s">
        <v>8900</v>
      </c>
      <c r="C2277" s="1" t="s">
        <v>165</v>
      </c>
      <c r="D2277" s="1" t="s">
        <v>9021</v>
      </c>
      <c r="E2277" s="1" t="s">
        <v>9022</v>
      </c>
      <c r="F2277" s="1" t="s">
        <v>9023</v>
      </c>
      <c r="G2277" s="1" t="s">
        <v>8904</v>
      </c>
      <c r="H2277" s="1" t="s">
        <v>13</v>
      </c>
      <c r="I2277" s="1" t="s">
        <v>8905</v>
      </c>
      <c r="J2277" s="1" t="s">
        <v>9024</v>
      </c>
    </row>
    <row r="2278" spans="1:10" x14ac:dyDescent="0.35">
      <c r="A2278" s="1" t="s">
        <v>8899</v>
      </c>
      <c r="B2278" s="1" t="s">
        <v>8900</v>
      </c>
      <c r="C2278" s="1" t="s">
        <v>170</v>
      </c>
      <c r="D2278" s="1" t="s">
        <v>9025</v>
      </c>
      <c r="E2278" s="1" t="s">
        <v>9026</v>
      </c>
      <c r="F2278" s="1" t="s">
        <v>9027</v>
      </c>
      <c r="G2278" s="1" t="s">
        <v>8904</v>
      </c>
      <c r="H2278" s="1" t="s">
        <v>13</v>
      </c>
      <c r="I2278" s="1" t="s">
        <v>8905</v>
      </c>
      <c r="J2278" s="1" t="s">
        <v>9028</v>
      </c>
    </row>
    <row r="2279" spans="1:10" x14ac:dyDescent="0.35">
      <c r="A2279" s="1" t="s">
        <v>9029</v>
      </c>
      <c r="B2279" s="1" t="s">
        <v>9030</v>
      </c>
      <c r="C2279" s="1" t="s">
        <v>8</v>
      </c>
      <c r="D2279" s="1" t="s">
        <v>4218</v>
      </c>
      <c r="E2279" s="1" t="s">
        <v>9031</v>
      </c>
      <c r="F2279" s="1" t="s">
        <v>9032</v>
      </c>
      <c r="G2279" s="1" t="s">
        <v>9033</v>
      </c>
      <c r="H2279" s="1" t="s">
        <v>13</v>
      </c>
      <c r="I2279" s="1" t="s">
        <v>9034</v>
      </c>
      <c r="J2279" s="1" t="s">
        <v>13</v>
      </c>
    </row>
    <row r="2280" spans="1:10" x14ac:dyDescent="0.35">
      <c r="A2280" s="1" t="s">
        <v>9029</v>
      </c>
      <c r="B2280" s="1" t="s">
        <v>9030</v>
      </c>
      <c r="C2280" s="1" t="s">
        <v>15</v>
      </c>
      <c r="D2280" s="1" t="s">
        <v>9035</v>
      </c>
      <c r="E2280" s="1" t="s">
        <v>9036</v>
      </c>
      <c r="F2280" s="1" t="s">
        <v>9037</v>
      </c>
      <c r="G2280" s="1" t="s">
        <v>9033</v>
      </c>
      <c r="H2280" s="1" t="s">
        <v>13</v>
      </c>
      <c r="I2280" s="1" t="s">
        <v>9034</v>
      </c>
      <c r="J2280" s="1" t="s">
        <v>9038</v>
      </c>
    </row>
    <row r="2281" spans="1:10" x14ac:dyDescent="0.35">
      <c r="A2281" s="1" t="s">
        <v>9029</v>
      </c>
      <c r="B2281" s="1" t="s">
        <v>9030</v>
      </c>
      <c r="C2281" s="1" t="s">
        <v>20</v>
      </c>
      <c r="D2281" s="1" t="s">
        <v>9039</v>
      </c>
      <c r="E2281" s="1" t="s">
        <v>9040</v>
      </c>
      <c r="F2281" s="1" t="s">
        <v>9041</v>
      </c>
      <c r="G2281" s="1" t="s">
        <v>9033</v>
      </c>
      <c r="H2281" s="1" t="s">
        <v>13</v>
      </c>
      <c r="I2281" s="1" t="s">
        <v>9034</v>
      </c>
      <c r="J2281" s="1" t="s">
        <v>9042</v>
      </c>
    </row>
    <row r="2282" spans="1:10" x14ac:dyDescent="0.35">
      <c r="A2282" s="1" t="s">
        <v>9029</v>
      </c>
      <c r="B2282" s="1" t="s">
        <v>9030</v>
      </c>
      <c r="C2282" s="1" t="s">
        <v>25</v>
      </c>
      <c r="D2282" s="1" t="s">
        <v>9043</v>
      </c>
      <c r="E2282" s="1" t="s">
        <v>9044</v>
      </c>
      <c r="F2282" s="1" t="s">
        <v>9045</v>
      </c>
      <c r="G2282" s="1" t="s">
        <v>9033</v>
      </c>
      <c r="H2282" s="1" t="s">
        <v>13</v>
      </c>
      <c r="I2282" s="1" t="s">
        <v>9034</v>
      </c>
      <c r="J2282" s="1" t="s">
        <v>9046</v>
      </c>
    </row>
    <row r="2283" spans="1:10" x14ac:dyDescent="0.35">
      <c r="A2283" s="1" t="s">
        <v>9029</v>
      </c>
      <c r="B2283" s="1" t="s">
        <v>9030</v>
      </c>
      <c r="C2283" s="1" t="s">
        <v>30</v>
      </c>
      <c r="D2283" s="1" t="s">
        <v>9047</v>
      </c>
      <c r="E2283" s="1" t="s">
        <v>9048</v>
      </c>
      <c r="F2283" s="1" t="s">
        <v>9049</v>
      </c>
      <c r="G2283" s="1" t="s">
        <v>9033</v>
      </c>
      <c r="H2283" s="1" t="s">
        <v>13</v>
      </c>
      <c r="I2283" s="1" t="s">
        <v>9034</v>
      </c>
      <c r="J2283" s="1" t="s">
        <v>9050</v>
      </c>
    </row>
    <row r="2284" spans="1:10" x14ac:dyDescent="0.35">
      <c r="A2284" s="1" t="s">
        <v>9029</v>
      </c>
      <c r="B2284" s="1" t="s">
        <v>9030</v>
      </c>
      <c r="C2284" s="1" t="s">
        <v>35</v>
      </c>
      <c r="D2284" s="1" t="s">
        <v>9051</v>
      </c>
      <c r="E2284" s="1" t="s">
        <v>9052</v>
      </c>
      <c r="F2284" s="1" t="s">
        <v>9053</v>
      </c>
      <c r="G2284" s="1" t="s">
        <v>9033</v>
      </c>
      <c r="H2284" s="1" t="s">
        <v>13</v>
      </c>
      <c r="I2284" s="1" t="s">
        <v>9034</v>
      </c>
      <c r="J2284" s="1" t="s">
        <v>9054</v>
      </c>
    </row>
    <row r="2285" spans="1:10" x14ac:dyDescent="0.35">
      <c r="A2285" s="1" t="s">
        <v>9029</v>
      </c>
      <c r="B2285" s="1" t="s">
        <v>9030</v>
      </c>
      <c r="C2285" s="1" t="s">
        <v>40</v>
      </c>
      <c r="D2285" s="1" t="s">
        <v>9055</v>
      </c>
      <c r="E2285" s="1" t="s">
        <v>9056</v>
      </c>
      <c r="F2285" s="1" t="s">
        <v>9057</v>
      </c>
      <c r="G2285" s="1" t="s">
        <v>9033</v>
      </c>
      <c r="H2285" s="1" t="s">
        <v>13</v>
      </c>
      <c r="I2285" s="1" t="s">
        <v>9034</v>
      </c>
      <c r="J2285" s="1" t="s">
        <v>9058</v>
      </c>
    </row>
    <row r="2286" spans="1:10" x14ac:dyDescent="0.35">
      <c r="A2286" s="1" t="s">
        <v>9029</v>
      </c>
      <c r="B2286" s="1" t="s">
        <v>9030</v>
      </c>
      <c r="C2286" s="1" t="s">
        <v>45</v>
      </c>
      <c r="D2286" s="1" t="s">
        <v>9059</v>
      </c>
      <c r="E2286" s="1" t="s">
        <v>9060</v>
      </c>
      <c r="F2286" s="1" t="s">
        <v>9061</v>
      </c>
      <c r="G2286" s="1" t="s">
        <v>9033</v>
      </c>
      <c r="H2286" s="1" t="s">
        <v>13</v>
      </c>
      <c r="I2286" s="1" t="s">
        <v>9034</v>
      </c>
      <c r="J2286" s="1" t="s">
        <v>9062</v>
      </c>
    </row>
    <row r="2287" spans="1:10" x14ac:dyDescent="0.35">
      <c r="A2287" s="1" t="s">
        <v>9029</v>
      </c>
      <c r="B2287" s="1" t="s">
        <v>9030</v>
      </c>
      <c r="C2287" s="1" t="s">
        <v>50</v>
      </c>
      <c r="D2287" s="1" t="s">
        <v>9063</v>
      </c>
      <c r="E2287" s="1" t="s">
        <v>9064</v>
      </c>
      <c r="F2287" s="1" t="s">
        <v>9065</v>
      </c>
      <c r="G2287" s="1" t="s">
        <v>9033</v>
      </c>
      <c r="H2287" s="1" t="s">
        <v>13</v>
      </c>
      <c r="I2287" s="1" t="s">
        <v>9034</v>
      </c>
      <c r="J2287" s="1" t="s">
        <v>9066</v>
      </c>
    </row>
    <row r="2288" spans="1:10" x14ac:dyDescent="0.35">
      <c r="A2288" s="1" t="s">
        <v>9029</v>
      </c>
      <c r="B2288" s="1" t="s">
        <v>9030</v>
      </c>
      <c r="C2288" s="1" t="s">
        <v>55</v>
      </c>
      <c r="D2288" s="1" t="s">
        <v>9067</v>
      </c>
      <c r="E2288" s="1" t="s">
        <v>9068</v>
      </c>
      <c r="F2288" s="1" t="s">
        <v>9069</v>
      </c>
      <c r="G2288" s="1" t="s">
        <v>9033</v>
      </c>
      <c r="H2288" s="1" t="s">
        <v>13</v>
      </c>
      <c r="I2288" s="1" t="s">
        <v>9034</v>
      </c>
      <c r="J2288" s="1" t="s">
        <v>9070</v>
      </c>
    </row>
    <row r="2289" spans="1:10" x14ac:dyDescent="0.35">
      <c r="A2289" s="1" t="s">
        <v>9029</v>
      </c>
      <c r="B2289" s="1" t="s">
        <v>9030</v>
      </c>
      <c r="C2289" s="1" t="s">
        <v>60</v>
      </c>
      <c r="D2289" s="1" t="s">
        <v>9071</v>
      </c>
      <c r="E2289" s="1" t="s">
        <v>9072</v>
      </c>
      <c r="F2289" s="1" t="s">
        <v>9073</v>
      </c>
      <c r="G2289" s="1" t="s">
        <v>9033</v>
      </c>
      <c r="H2289" s="1" t="s">
        <v>13</v>
      </c>
      <c r="I2289" s="1" t="s">
        <v>9034</v>
      </c>
      <c r="J2289" s="1" t="s">
        <v>9074</v>
      </c>
    </row>
    <row r="2290" spans="1:10" x14ac:dyDescent="0.35">
      <c r="A2290" s="1" t="s">
        <v>9029</v>
      </c>
      <c r="B2290" s="1" t="s">
        <v>9030</v>
      </c>
      <c r="C2290" s="1" t="s">
        <v>65</v>
      </c>
      <c r="D2290" s="1" t="s">
        <v>9075</v>
      </c>
      <c r="E2290" s="1" t="s">
        <v>9076</v>
      </c>
      <c r="F2290" s="1" t="s">
        <v>9077</v>
      </c>
      <c r="G2290" s="1" t="s">
        <v>9033</v>
      </c>
      <c r="H2290" s="1" t="s">
        <v>13</v>
      </c>
      <c r="I2290" s="1" t="s">
        <v>9034</v>
      </c>
      <c r="J2290" s="1" t="s">
        <v>9078</v>
      </c>
    </row>
    <row r="2291" spans="1:10" x14ac:dyDescent="0.35">
      <c r="A2291" s="1" t="s">
        <v>9029</v>
      </c>
      <c r="B2291" s="1" t="s">
        <v>9030</v>
      </c>
      <c r="C2291" s="1" t="s">
        <v>70</v>
      </c>
      <c r="D2291" s="1" t="s">
        <v>9079</v>
      </c>
      <c r="E2291" s="1" t="s">
        <v>9080</v>
      </c>
      <c r="F2291" s="1" t="s">
        <v>9081</v>
      </c>
      <c r="G2291" s="1" t="s">
        <v>9033</v>
      </c>
      <c r="H2291" s="1" t="s">
        <v>13</v>
      </c>
      <c r="I2291" s="1" t="s">
        <v>9034</v>
      </c>
      <c r="J2291" s="1" t="s">
        <v>9082</v>
      </c>
    </row>
    <row r="2292" spans="1:10" x14ac:dyDescent="0.35">
      <c r="A2292" s="1" t="s">
        <v>9029</v>
      </c>
      <c r="B2292" s="1" t="s">
        <v>9030</v>
      </c>
      <c r="C2292" s="1" t="s">
        <v>75</v>
      </c>
      <c r="D2292" s="1" t="s">
        <v>9083</v>
      </c>
      <c r="E2292" s="1" t="s">
        <v>9084</v>
      </c>
      <c r="F2292" s="1" t="s">
        <v>9085</v>
      </c>
      <c r="G2292" s="1" t="s">
        <v>9033</v>
      </c>
      <c r="H2292" s="1" t="s">
        <v>13</v>
      </c>
      <c r="I2292" s="1" t="s">
        <v>9034</v>
      </c>
      <c r="J2292" s="1" t="s">
        <v>9086</v>
      </c>
    </row>
    <row r="2293" spans="1:10" x14ac:dyDescent="0.35">
      <c r="A2293" s="1" t="s">
        <v>9029</v>
      </c>
      <c r="B2293" s="1" t="s">
        <v>9030</v>
      </c>
      <c r="C2293" s="1" t="s">
        <v>80</v>
      </c>
      <c r="D2293" s="1" t="s">
        <v>3850</v>
      </c>
      <c r="E2293" s="1" t="s">
        <v>9087</v>
      </c>
      <c r="F2293" s="1" t="s">
        <v>9088</v>
      </c>
      <c r="G2293" s="1" t="s">
        <v>9033</v>
      </c>
      <c r="H2293" s="1" t="s">
        <v>13</v>
      </c>
      <c r="I2293" s="1" t="s">
        <v>9034</v>
      </c>
      <c r="J2293" s="1" t="s">
        <v>9089</v>
      </c>
    </row>
    <row r="2294" spans="1:10" x14ac:dyDescent="0.35">
      <c r="A2294" s="1" t="s">
        <v>9029</v>
      </c>
      <c r="B2294" s="1" t="s">
        <v>9030</v>
      </c>
      <c r="C2294" s="1" t="s">
        <v>85</v>
      </c>
      <c r="D2294" s="1" t="s">
        <v>9090</v>
      </c>
      <c r="E2294" s="1" t="s">
        <v>9091</v>
      </c>
      <c r="F2294" s="1" t="s">
        <v>9092</v>
      </c>
      <c r="G2294" s="1" t="s">
        <v>9033</v>
      </c>
      <c r="H2294" s="1" t="s">
        <v>13</v>
      </c>
      <c r="I2294" s="1" t="s">
        <v>9034</v>
      </c>
      <c r="J2294" s="1" t="s">
        <v>9093</v>
      </c>
    </row>
    <row r="2295" spans="1:10" x14ac:dyDescent="0.35">
      <c r="A2295" s="1" t="s">
        <v>9029</v>
      </c>
      <c r="B2295" s="1" t="s">
        <v>9030</v>
      </c>
      <c r="C2295" s="1" t="s">
        <v>90</v>
      </c>
      <c r="D2295" s="1" t="s">
        <v>9094</v>
      </c>
      <c r="E2295" s="1" t="s">
        <v>9095</v>
      </c>
      <c r="F2295" s="1" t="s">
        <v>9096</v>
      </c>
      <c r="G2295" s="1" t="s">
        <v>9033</v>
      </c>
      <c r="H2295" s="1" t="s">
        <v>13</v>
      </c>
      <c r="I2295" s="1" t="s">
        <v>9034</v>
      </c>
      <c r="J2295" s="1" t="s">
        <v>9097</v>
      </c>
    </row>
    <row r="2296" spans="1:10" x14ac:dyDescent="0.35">
      <c r="A2296" s="1" t="s">
        <v>9029</v>
      </c>
      <c r="B2296" s="1" t="s">
        <v>9030</v>
      </c>
      <c r="C2296" s="1" t="s">
        <v>95</v>
      </c>
      <c r="D2296" s="1" t="s">
        <v>9098</v>
      </c>
      <c r="E2296" s="1" t="s">
        <v>9099</v>
      </c>
      <c r="F2296" s="1" t="s">
        <v>9100</v>
      </c>
      <c r="G2296" s="1" t="s">
        <v>9033</v>
      </c>
      <c r="H2296" s="1" t="s">
        <v>13</v>
      </c>
      <c r="I2296" s="1" t="s">
        <v>9034</v>
      </c>
      <c r="J2296" s="1" t="s">
        <v>9101</v>
      </c>
    </row>
    <row r="2297" spans="1:10" x14ac:dyDescent="0.35">
      <c r="A2297" s="1" t="s">
        <v>9029</v>
      </c>
      <c r="B2297" s="1" t="s">
        <v>9030</v>
      </c>
      <c r="C2297" s="1" t="s">
        <v>100</v>
      </c>
      <c r="D2297" s="1" t="s">
        <v>9102</v>
      </c>
      <c r="E2297" s="1" t="s">
        <v>9103</v>
      </c>
      <c r="F2297" s="1" t="s">
        <v>9104</v>
      </c>
      <c r="G2297" s="1" t="s">
        <v>9033</v>
      </c>
      <c r="H2297" s="1" t="s">
        <v>13</v>
      </c>
      <c r="I2297" s="1" t="s">
        <v>9034</v>
      </c>
      <c r="J2297" s="1" t="s">
        <v>9105</v>
      </c>
    </row>
    <row r="2298" spans="1:10" x14ac:dyDescent="0.35">
      <c r="A2298" s="1" t="s">
        <v>9029</v>
      </c>
      <c r="B2298" s="1" t="s">
        <v>9030</v>
      </c>
      <c r="C2298" s="1" t="s">
        <v>105</v>
      </c>
      <c r="D2298" s="1" t="s">
        <v>9106</v>
      </c>
      <c r="E2298" s="1" t="s">
        <v>9107</v>
      </c>
      <c r="F2298" s="1" t="s">
        <v>9108</v>
      </c>
      <c r="G2298" s="1" t="s">
        <v>9033</v>
      </c>
      <c r="H2298" s="1" t="s">
        <v>13</v>
      </c>
      <c r="I2298" s="1" t="s">
        <v>9034</v>
      </c>
      <c r="J2298" s="1" t="s">
        <v>9109</v>
      </c>
    </row>
    <row r="2299" spans="1:10" x14ac:dyDescent="0.35">
      <c r="A2299" s="1" t="s">
        <v>9029</v>
      </c>
      <c r="B2299" s="1" t="s">
        <v>9030</v>
      </c>
      <c r="C2299" s="1" t="s">
        <v>110</v>
      </c>
      <c r="D2299" s="1" t="s">
        <v>9110</v>
      </c>
      <c r="E2299" s="1" t="s">
        <v>9111</v>
      </c>
      <c r="F2299" s="1" t="s">
        <v>9112</v>
      </c>
      <c r="G2299" s="1" t="s">
        <v>9033</v>
      </c>
      <c r="H2299" s="1" t="s">
        <v>13</v>
      </c>
      <c r="I2299" s="1" t="s">
        <v>9034</v>
      </c>
      <c r="J2299" s="1" t="s">
        <v>9113</v>
      </c>
    </row>
    <row r="2300" spans="1:10" x14ac:dyDescent="0.35">
      <c r="A2300" s="1" t="s">
        <v>9029</v>
      </c>
      <c r="B2300" s="1" t="s">
        <v>9030</v>
      </c>
      <c r="C2300" s="1" t="s">
        <v>115</v>
      </c>
      <c r="D2300" s="1" t="s">
        <v>9114</v>
      </c>
      <c r="E2300" s="1" t="s">
        <v>9115</v>
      </c>
      <c r="F2300" s="1" t="s">
        <v>9116</v>
      </c>
      <c r="G2300" s="1" t="s">
        <v>9033</v>
      </c>
      <c r="H2300" s="1" t="s">
        <v>13</v>
      </c>
      <c r="I2300" s="1" t="s">
        <v>9034</v>
      </c>
      <c r="J2300" s="1" t="s">
        <v>9117</v>
      </c>
    </row>
    <row r="2301" spans="1:10" x14ac:dyDescent="0.35">
      <c r="A2301" s="1" t="s">
        <v>9029</v>
      </c>
      <c r="B2301" s="1" t="s">
        <v>9030</v>
      </c>
      <c r="C2301" s="1" t="s">
        <v>120</v>
      </c>
      <c r="D2301" s="1" t="s">
        <v>9118</v>
      </c>
      <c r="E2301" s="1" t="s">
        <v>9119</v>
      </c>
      <c r="F2301" s="1" t="s">
        <v>9120</v>
      </c>
      <c r="G2301" s="1" t="s">
        <v>9033</v>
      </c>
      <c r="H2301" s="1" t="s">
        <v>13</v>
      </c>
      <c r="I2301" s="1" t="s">
        <v>9034</v>
      </c>
      <c r="J2301" s="1" t="s">
        <v>9121</v>
      </c>
    </row>
    <row r="2302" spans="1:10" x14ac:dyDescent="0.35">
      <c r="A2302" s="1" t="s">
        <v>9029</v>
      </c>
      <c r="B2302" s="1" t="s">
        <v>9030</v>
      </c>
      <c r="C2302" s="1" t="s">
        <v>125</v>
      </c>
      <c r="D2302" s="1" t="s">
        <v>2537</v>
      </c>
      <c r="E2302" s="1" t="s">
        <v>9122</v>
      </c>
      <c r="F2302" s="1" t="s">
        <v>9123</v>
      </c>
      <c r="G2302" s="1" t="s">
        <v>9033</v>
      </c>
      <c r="H2302" s="1" t="s">
        <v>13</v>
      </c>
      <c r="I2302" s="1" t="s">
        <v>9034</v>
      </c>
      <c r="J2302" s="1" t="s">
        <v>9124</v>
      </c>
    </row>
    <row r="2303" spans="1:10" x14ac:dyDescent="0.35">
      <c r="A2303" s="1" t="s">
        <v>9029</v>
      </c>
      <c r="B2303" s="1" t="s">
        <v>9030</v>
      </c>
      <c r="C2303" s="1" t="s">
        <v>130</v>
      </c>
      <c r="D2303" s="1" t="s">
        <v>9125</v>
      </c>
      <c r="E2303" s="1" t="s">
        <v>9126</v>
      </c>
      <c r="F2303" s="1" t="s">
        <v>9127</v>
      </c>
      <c r="G2303" s="1" t="s">
        <v>9033</v>
      </c>
      <c r="H2303" s="1" t="s">
        <v>13</v>
      </c>
      <c r="I2303" s="1" t="s">
        <v>9034</v>
      </c>
      <c r="J2303" s="1" t="s">
        <v>9128</v>
      </c>
    </row>
    <row r="2304" spans="1:10" x14ac:dyDescent="0.35">
      <c r="A2304" s="1" t="s">
        <v>9029</v>
      </c>
      <c r="B2304" s="1" t="s">
        <v>9030</v>
      </c>
      <c r="C2304" s="1" t="s">
        <v>135</v>
      </c>
      <c r="D2304" s="1" t="s">
        <v>9129</v>
      </c>
      <c r="E2304" s="1" t="s">
        <v>9130</v>
      </c>
      <c r="F2304" s="1" t="s">
        <v>9131</v>
      </c>
      <c r="G2304" s="1" t="s">
        <v>9033</v>
      </c>
      <c r="H2304" s="1" t="s">
        <v>13</v>
      </c>
      <c r="I2304" s="1" t="s">
        <v>9034</v>
      </c>
      <c r="J2304" s="1" t="s">
        <v>9132</v>
      </c>
    </row>
    <row r="2305" spans="1:10" x14ac:dyDescent="0.35">
      <c r="A2305" s="1" t="s">
        <v>9029</v>
      </c>
      <c r="B2305" s="1" t="s">
        <v>9030</v>
      </c>
      <c r="C2305" s="1" t="s">
        <v>140</v>
      </c>
      <c r="D2305" s="1" t="s">
        <v>9133</v>
      </c>
      <c r="E2305" s="1" t="s">
        <v>9134</v>
      </c>
      <c r="F2305" s="1" t="s">
        <v>9135</v>
      </c>
      <c r="G2305" s="1" t="s">
        <v>9033</v>
      </c>
      <c r="H2305" s="1" t="s">
        <v>13</v>
      </c>
      <c r="I2305" s="1" t="s">
        <v>9034</v>
      </c>
      <c r="J2305" s="1" t="s">
        <v>9136</v>
      </c>
    </row>
    <row r="2306" spans="1:10" x14ac:dyDescent="0.35">
      <c r="A2306" s="1" t="s">
        <v>9029</v>
      </c>
      <c r="B2306" s="1" t="s">
        <v>9030</v>
      </c>
      <c r="C2306" s="1" t="s">
        <v>145</v>
      </c>
      <c r="D2306" s="1" t="s">
        <v>9137</v>
      </c>
      <c r="E2306" s="1" t="s">
        <v>9138</v>
      </c>
      <c r="F2306" s="1" t="s">
        <v>9139</v>
      </c>
      <c r="G2306" s="1" t="s">
        <v>9033</v>
      </c>
      <c r="H2306" s="1" t="s">
        <v>13</v>
      </c>
      <c r="I2306" s="1" t="s">
        <v>9034</v>
      </c>
      <c r="J2306" s="1" t="s">
        <v>9140</v>
      </c>
    </row>
    <row r="2307" spans="1:10" x14ac:dyDescent="0.35">
      <c r="A2307" s="1" t="s">
        <v>9029</v>
      </c>
      <c r="B2307" s="1" t="s">
        <v>9030</v>
      </c>
      <c r="C2307" s="1" t="s">
        <v>150</v>
      </c>
      <c r="D2307" s="1" t="s">
        <v>9141</v>
      </c>
      <c r="E2307" s="1" t="s">
        <v>9142</v>
      </c>
      <c r="F2307" s="1" t="s">
        <v>9143</v>
      </c>
      <c r="G2307" s="1" t="s">
        <v>9033</v>
      </c>
      <c r="H2307" s="1" t="s">
        <v>13</v>
      </c>
      <c r="I2307" s="1" t="s">
        <v>9034</v>
      </c>
      <c r="J2307" s="1" t="s">
        <v>9144</v>
      </c>
    </row>
    <row r="2308" spans="1:10" x14ac:dyDescent="0.35">
      <c r="A2308" s="1" t="s">
        <v>9029</v>
      </c>
      <c r="B2308" s="1" t="s">
        <v>9030</v>
      </c>
      <c r="C2308" s="1" t="s">
        <v>155</v>
      </c>
      <c r="D2308" s="1" t="s">
        <v>9145</v>
      </c>
      <c r="E2308" s="1" t="s">
        <v>9146</v>
      </c>
      <c r="F2308" s="1" t="s">
        <v>9147</v>
      </c>
      <c r="G2308" s="1" t="s">
        <v>9033</v>
      </c>
      <c r="H2308" s="1" t="s">
        <v>13</v>
      </c>
      <c r="I2308" s="1" t="s">
        <v>9034</v>
      </c>
      <c r="J2308" s="1" t="s">
        <v>9148</v>
      </c>
    </row>
    <row r="2309" spans="1:10" x14ac:dyDescent="0.35">
      <c r="A2309" s="1" t="s">
        <v>9029</v>
      </c>
      <c r="B2309" s="1" t="s">
        <v>9030</v>
      </c>
      <c r="C2309" s="1" t="s">
        <v>160</v>
      </c>
      <c r="D2309" s="1" t="s">
        <v>9149</v>
      </c>
      <c r="E2309" s="1" t="s">
        <v>9150</v>
      </c>
      <c r="F2309" s="1" t="s">
        <v>9151</v>
      </c>
      <c r="G2309" s="1" t="s">
        <v>9033</v>
      </c>
      <c r="H2309" s="1" t="s">
        <v>13</v>
      </c>
      <c r="I2309" s="1" t="s">
        <v>9034</v>
      </c>
      <c r="J2309" s="1" t="s">
        <v>9152</v>
      </c>
    </row>
    <row r="2310" spans="1:10" x14ac:dyDescent="0.35">
      <c r="A2310" s="1" t="s">
        <v>9029</v>
      </c>
      <c r="B2310" s="1" t="s">
        <v>9030</v>
      </c>
      <c r="C2310" s="1" t="s">
        <v>165</v>
      </c>
      <c r="D2310" s="1" t="s">
        <v>9153</v>
      </c>
      <c r="E2310" s="1" t="s">
        <v>9154</v>
      </c>
      <c r="F2310" s="1" t="s">
        <v>9155</v>
      </c>
      <c r="G2310" s="1" t="s">
        <v>9033</v>
      </c>
      <c r="H2310" s="1" t="s">
        <v>13</v>
      </c>
      <c r="I2310" s="1" t="s">
        <v>9034</v>
      </c>
      <c r="J2310" s="1" t="s">
        <v>9156</v>
      </c>
    </row>
    <row r="2311" spans="1:10" x14ac:dyDescent="0.35">
      <c r="A2311" s="1" t="s">
        <v>9029</v>
      </c>
      <c r="B2311" s="1" t="s">
        <v>9030</v>
      </c>
      <c r="C2311" s="1" t="s">
        <v>170</v>
      </c>
      <c r="D2311" s="1" t="s">
        <v>9157</v>
      </c>
      <c r="E2311" s="1" t="s">
        <v>9158</v>
      </c>
      <c r="F2311" s="1" t="s">
        <v>9159</v>
      </c>
      <c r="G2311" s="1" t="s">
        <v>9033</v>
      </c>
      <c r="H2311" s="1" t="s">
        <v>13</v>
      </c>
      <c r="I2311" s="1" t="s">
        <v>9034</v>
      </c>
      <c r="J2311" s="1" t="s">
        <v>9160</v>
      </c>
    </row>
    <row r="2312" spans="1:10" x14ac:dyDescent="0.35">
      <c r="A2312" s="1" t="s">
        <v>9161</v>
      </c>
      <c r="B2312" s="1" t="s">
        <v>9162</v>
      </c>
      <c r="C2312" s="1" t="s">
        <v>8</v>
      </c>
      <c r="D2312" s="1" t="s">
        <v>9163</v>
      </c>
      <c r="E2312" s="1" t="s">
        <v>9164</v>
      </c>
      <c r="F2312" s="1" t="s">
        <v>9165</v>
      </c>
      <c r="G2312" s="1" t="s">
        <v>9166</v>
      </c>
      <c r="H2312" s="1" t="s">
        <v>13</v>
      </c>
      <c r="I2312" s="1" t="s">
        <v>9167</v>
      </c>
      <c r="J2312" s="1" t="s">
        <v>13</v>
      </c>
    </row>
    <row r="2313" spans="1:10" x14ac:dyDescent="0.35">
      <c r="A2313" s="1" t="s">
        <v>9161</v>
      </c>
      <c r="B2313" s="1" t="s">
        <v>9162</v>
      </c>
      <c r="C2313" s="1" t="s">
        <v>15</v>
      </c>
      <c r="D2313" s="1" t="s">
        <v>1727</v>
      </c>
      <c r="E2313" s="1" t="s">
        <v>9168</v>
      </c>
      <c r="F2313" s="1" t="s">
        <v>9169</v>
      </c>
      <c r="G2313" s="1" t="s">
        <v>9166</v>
      </c>
      <c r="H2313" s="1" t="s">
        <v>13</v>
      </c>
      <c r="I2313" s="1" t="s">
        <v>9167</v>
      </c>
      <c r="J2313" s="1" t="s">
        <v>9170</v>
      </c>
    </row>
    <row r="2314" spans="1:10" x14ac:dyDescent="0.35">
      <c r="A2314" s="1" t="s">
        <v>9161</v>
      </c>
      <c r="B2314" s="1" t="s">
        <v>9162</v>
      </c>
      <c r="C2314" s="1" t="s">
        <v>20</v>
      </c>
      <c r="D2314" s="1" t="s">
        <v>9171</v>
      </c>
      <c r="E2314" s="1" t="s">
        <v>9172</v>
      </c>
      <c r="F2314" s="1" t="s">
        <v>9173</v>
      </c>
      <c r="G2314" s="1" t="s">
        <v>9166</v>
      </c>
      <c r="H2314" s="1" t="s">
        <v>13</v>
      </c>
      <c r="I2314" s="1" t="s">
        <v>9167</v>
      </c>
      <c r="J2314" s="1" t="s">
        <v>9174</v>
      </c>
    </row>
    <row r="2315" spans="1:10" x14ac:dyDescent="0.35">
      <c r="A2315" s="1" t="s">
        <v>9161</v>
      </c>
      <c r="B2315" s="1" t="s">
        <v>9162</v>
      </c>
      <c r="C2315" s="1" t="s">
        <v>25</v>
      </c>
      <c r="D2315" s="1" t="s">
        <v>9175</v>
      </c>
      <c r="E2315" s="1" t="s">
        <v>9176</v>
      </c>
      <c r="F2315" s="1" t="s">
        <v>9177</v>
      </c>
      <c r="G2315" s="1" t="s">
        <v>9166</v>
      </c>
      <c r="H2315" s="1" t="s">
        <v>13</v>
      </c>
      <c r="I2315" s="1" t="s">
        <v>9167</v>
      </c>
      <c r="J2315" s="1" t="s">
        <v>9178</v>
      </c>
    </row>
    <row r="2316" spans="1:10" x14ac:dyDescent="0.35">
      <c r="A2316" s="1" t="s">
        <v>9161</v>
      </c>
      <c r="B2316" s="1" t="s">
        <v>9162</v>
      </c>
      <c r="C2316" s="1" t="s">
        <v>30</v>
      </c>
      <c r="D2316" s="1" t="s">
        <v>9179</v>
      </c>
      <c r="E2316" s="1" t="s">
        <v>9180</v>
      </c>
      <c r="F2316" s="1" t="s">
        <v>9181</v>
      </c>
      <c r="G2316" s="1" t="s">
        <v>9166</v>
      </c>
      <c r="H2316" s="1" t="s">
        <v>13</v>
      </c>
      <c r="I2316" s="1" t="s">
        <v>9167</v>
      </c>
      <c r="J2316" s="1" t="s">
        <v>9182</v>
      </c>
    </row>
    <row r="2317" spans="1:10" x14ac:dyDescent="0.35">
      <c r="A2317" s="1" t="s">
        <v>9161</v>
      </c>
      <c r="B2317" s="1" t="s">
        <v>9162</v>
      </c>
      <c r="C2317" s="1" t="s">
        <v>35</v>
      </c>
      <c r="D2317" s="1" t="s">
        <v>6344</v>
      </c>
      <c r="E2317" s="1" t="s">
        <v>9183</v>
      </c>
      <c r="F2317" s="1" t="s">
        <v>9184</v>
      </c>
      <c r="G2317" s="1" t="s">
        <v>9166</v>
      </c>
      <c r="H2317" s="1" t="s">
        <v>13</v>
      </c>
      <c r="I2317" s="1" t="s">
        <v>9167</v>
      </c>
      <c r="J2317" s="1" t="s">
        <v>9185</v>
      </c>
    </row>
    <row r="2318" spans="1:10" x14ac:dyDescent="0.35">
      <c r="A2318" s="1" t="s">
        <v>9161</v>
      </c>
      <c r="B2318" s="1" t="s">
        <v>9162</v>
      </c>
      <c r="C2318" s="1" t="s">
        <v>40</v>
      </c>
      <c r="D2318" s="1" t="s">
        <v>9186</v>
      </c>
      <c r="E2318" s="1" t="s">
        <v>9187</v>
      </c>
      <c r="F2318" s="1" t="s">
        <v>9188</v>
      </c>
      <c r="G2318" s="1" t="s">
        <v>9166</v>
      </c>
      <c r="H2318" s="1" t="s">
        <v>13</v>
      </c>
      <c r="I2318" s="1" t="s">
        <v>9167</v>
      </c>
      <c r="J2318" s="1" t="s">
        <v>9189</v>
      </c>
    </row>
    <row r="2319" spans="1:10" x14ac:dyDescent="0.35">
      <c r="A2319" s="1" t="s">
        <v>9161</v>
      </c>
      <c r="B2319" s="1" t="s">
        <v>9162</v>
      </c>
      <c r="C2319" s="1" t="s">
        <v>45</v>
      </c>
      <c r="D2319" s="1" t="s">
        <v>9190</v>
      </c>
      <c r="E2319" s="1" t="s">
        <v>9191</v>
      </c>
      <c r="F2319" s="1" t="s">
        <v>9192</v>
      </c>
      <c r="G2319" s="1" t="s">
        <v>9166</v>
      </c>
      <c r="H2319" s="1" t="s">
        <v>13</v>
      </c>
      <c r="I2319" s="1" t="s">
        <v>9167</v>
      </c>
      <c r="J2319" s="1" t="s">
        <v>9193</v>
      </c>
    </row>
    <row r="2320" spans="1:10" x14ac:dyDescent="0.35">
      <c r="A2320" s="1" t="s">
        <v>9161</v>
      </c>
      <c r="B2320" s="1" t="s">
        <v>9162</v>
      </c>
      <c r="C2320" s="1" t="s">
        <v>50</v>
      </c>
      <c r="D2320" s="1" t="s">
        <v>9194</v>
      </c>
      <c r="E2320" s="1" t="s">
        <v>9195</v>
      </c>
      <c r="F2320" s="1" t="s">
        <v>9196</v>
      </c>
      <c r="G2320" s="1" t="s">
        <v>9166</v>
      </c>
      <c r="H2320" s="1" t="s">
        <v>13</v>
      </c>
      <c r="I2320" s="1" t="s">
        <v>9167</v>
      </c>
      <c r="J2320" s="1" t="s">
        <v>9197</v>
      </c>
    </row>
    <row r="2321" spans="1:10" x14ac:dyDescent="0.35">
      <c r="A2321" s="1" t="s">
        <v>9161</v>
      </c>
      <c r="B2321" s="1" t="s">
        <v>9162</v>
      </c>
      <c r="C2321" s="1" t="s">
        <v>55</v>
      </c>
      <c r="D2321" s="1" t="s">
        <v>1134</v>
      </c>
      <c r="E2321" s="1" t="s">
        <v>9198</v>
      </c>
      <c r="F2321" s="1" t="s">
        <v>9199</v>
      </c>
      <c r="G2321" s="1" t="s">
        <v>9166</v>
      </c>
      <c r="H2321" s="1" t="s">
        <v>13</v>
      </c>
      <c r="I2321" s="1" t="s">
        <v>9167</v>
      </c>
      <c r="J2321" s="1" t="s">
        <v>9200</v>
      </c>
    </row>
    <row r="2322" spans="1:10" x14ac:dyDescent="0.35">
      <c r="A2322" s="1" t="s">
        <v>9161</v>
      </c>
      <c r="B2322" s="1" t="s">
        <v>9162</v>
      </c>
      <c r="C2322" s="1" t="s">
        <v>60</v>
      </c>
      <c r="D2322" s="1" t="s">
        <v>9201</v>
      </c>
      <c r="E2322" s="1" t="s">
        <v>9202</v>
      </c>
      <c r="F2322" s="1" t="s">
        <v>9203</v>
      </c>
      <c r="G2322" s="1" t="s">
        <v>9166</v>
      </c>
      <c r="H2322" s="1" t="s">
        <v>13</v>
      </c>
      <c r="I2322" s="1" t="s">
        <v>9167</v>
      </c>
      <c r="J2322" s="1" t="s">
        <v>9204</v>
      </c>
    </row>
    <row r="2323" spans="1:10" x14ac:dyDescent="0.35">
      <c r="A2323" s="1" t="s">
        <v>9161</v>
      </c>
      <c r="B2323" s="1" t="s">
        <v>9162</v>
      </c>
      <c r="C2323" s="1" t="s">
        <v>65</v>
      </c>
      <c r="D2323" s="1" t="s">
        <v>6355</v>
      </c>
      <c r="E2323" s="1" t="s">
        <v>9205</v>
      </c>
      <c r="F2323" s="1" t="s">
        <v>9206</v>
      </c>
      <c r="G2323" s="1" t="s">
        <v>9166</v>
      </c>
      <c r="H2323" s="1" t="s">
        <v>13</v>
      </c>
      <c r="I2323" s="1" t="s">
        <v>9167</v>
      </c>
      <c r="J2323" s="1" t="s">
        <v>9207</v>
      </c>
    </row>
    <row r="2324" spans="1:10" x14ac:dyDescent="0.35">
      <c r="A2324" s="1" t="s">
        <v>9161</v>
      </c>
      <c r="B2324" s="1" t="s">
        <v>9162</v>
      </c>
      <c r="C2324" s="1" t="s">
        <v>70</v>
      </c>
      <c r="D2324" s="1" t="s">
        <v>9208</v>
      </c>
      <c r="E2324" s="1" t="s">
        <v>9209</v>
      </c>
      <c r="F2324" s="1" t="s">
        <v>9210</v>
      </c>
      <c r="G2324" s="1" t="s">
        <v>9166</v>
      </c>
      <c r="H2324" s="1" t="s">
        <v>13</v>
      </c>
      <c r="I2324" s="1" t="s">
        <v>9167</v>
      </c>
      <c r="J2324" s="1" t="s">
        <v>9211</v>
      </c>
    </row>
    <row r="2325" spans="1:10" x14ac:dyDescent="0.35">
      <c r="A2325" s="1" t="s">
        <v>9161</v>
      </c>
      <c r="B2325" s="1" t="s">
        <v>9162</v>
      </c>
      <c r="C2325" s="1" t="s">
        <v>75</v>
      </c>
      <c r="D2325" s="1" t="s">
        <v>9212</v>
      </c>
      <c r="E2325" s="1" t="s">
        <v>9213</v>
      </c>
      <c r="F2325" s="1" t="s">
        <v>9214</v>
      </c>
      <c r="G2325" s="1" t="s">
        <v>9166</v>
      </c>
      <c r="H2325" s="1" t="s">
        <v>13</v>
      </c>
      <c r="I2325" s="1" t="s">
        <v>9167</v>
      </c>
      <c r="J2325" s="1" t="s">
        <v>9215</v>
      </c>
    </row>
    <row r="2326" spans="1:10" x14ac:dyDescent="0.35">
      <c r="A2326" s="1" t="s">
        <v>9161</v>
      </c>
      <c r="B2326" s="1" t="s">
        <v>9162</v>
      </c>
      <c r="C2326" s="1" t="s">
        <v>80</v>
      </c>
      <c r="D2326" s="1" t="s">
        <v>9216</v>
      </c>
      <c r="E2326" s="1" t="s">
        <v>9217</v>
      </c>
      <c r="F2326" s="1" t="s">
        <v>9218</v>
      </c>
      <c r="G2326" s="1" t="s">
        <v>9166</v>
      </c>
      <c r="H2326" s="1" t="s">
        <v>13</v>
      </c>
      <c r="I2326" s="1" t="s">
        <v>9167</v>
      </c>
      <c r="J2326" s="1" t="s">
        <v>9219</v>
      </c>
    </row>
    <row r="2327" spans="1:10" x14ac:dyDescent="0.35">
      <c r="A2327" s="1" t="s">
        <v>9161</v>
      </c>
      <c r="B2327" s="1" t="s">
        <v>9162</v>
      </c>
      <c r="C2327" s="1" t="s">
        <v>85</v>
      </c>
      <c r="D2327" s="1" t="s">
        <v>3976</v>
      </c>
      <c r="E2327" s="1" t="s">
        <v>9220</v>
      </c>
      <c r="F2327" s="1" t="s">
        <v>9221</v>
      </c>
      <c r="G2327" s="1" t="s">
        <v>9166</v>
      </c>
      <c r="H2327" s="1" t="s">
        <v>13</v>
      </c>
      <c r="I2327" s="1" t="s">
        <v>9167</v>
      </c>
      <c r="J2327" s="1" t="s">
        <v>9222</v>
      </c>
    </row>
    <row r="2328" spans="1:10" x14ac:dyDescent="0.35">
      <c r="A2328" s="1" t="s">
        <v>9161</v>
      </c>
      <c r="B2328" s="1" t="s">
        <v>9162</v>
      </c>
      <c r="C2328" s="1" t="s">
        <v>90</v>
      </c>
      <c r="D2328" s="1" t="s">
        <v>6407</v>
      </c>
      <c r="E2328" s="1" t="s">
        <v>9223</v>
      </c>
      <c r="F2328" s="1" t="s">
        <v>9224</v>
      </c>
      <c r="G2328" s="1" t="s">
        <v>9166</v>
      </c>
      <c r="H2328" s="1" t="s">
        <v>13</v>
      </c>
      <c r="I2328" s="1" t="s">
        <v>9167</v>
      </c>
      <c r="J2328" s="1" t="s">
        <v>9225</v>
      </c>
    </row>
    <row r="2329" spans="1:10" x14ac:dyDescent="0.35">
      <c r="A2329" s="1" t="s">
        <v>9161</v>
      </c>
      <c r="B2329" s="1" t="s">
        <v>9162</v>
      </c>
      <c r="C2329" s="1" t="s">
        <v>95</v>
      </c>
      <c r="D2329" s="1" t="s">
        <v>9226</v>
      </c>
      <c r="E2329" s="1" t="s">
        <v>9227</v>
      </c>
      <c r="F2329" s="1" t="s">
        <v>9228</v>
      </c>
      <c r="G2329" s="1" t="s">
        <v>9166</v>
      </c>
      <c r="H2329" s="1" t="s">
        <v>13</v>
      </c>
      <c r="I2329" s="1" t="s">
        <v>9167</v>
      </c>
      <c r="J2329" s="1" t="s">
        <v>9229</v>
      </c>
    </row>
    <row r="2330" spans="1:10" x14ac:dyDescent="0.35">
      <c r="A2330" s="1" t="s">
        <v>9161</v>
      </c>
      <c r="B2330" s="1" t="s">
        <v>9162</v>
      </c>
      <c r="C2330" s="1" t="s">
        <v>100</v>
      </c>
      <c r="D2330" s="1" t="s">
        <v>6443</v>
      </c>
      <c r="E2330" s="1" t="s">
        <v>9230</v>
      </c>
      <c r="F2330" s="1" t="s">
        <v>9231</v>
      </c>
      <c r="G2330" s="1" t="s">
        <v>9166</v>
      </c>
      <c r="H2330" s="1" t="s">
        <v>13</v>
      </c>
      <c r="I2330" s="1" t="s">
        <v>9167</v>
      </c>
      <c r="J2330" s="1" t="s">
        <v>9232</v>
      </c>
    </row>
    <row r="2331" spans="1:10" x14ac:dyDescent="0.35">
      <c r="A2331" s="1" t="s">
        <v>9161</v>
      </c>
      <c r="B2331" s="1" t="s">
        <v>9162</v>
      </c>
      <c r="C2331" s="1" t="s">
        <v>105</v>
      </c>
      <c r="D2331" s="1" t="s">
        <v>9233</v>
      </c>
      <c r="E2331" s="1" t="s">
        <v>9234</v>
      </c>
      <c r="F2331" s="1" t="s">
        <v>9235</v>
      </c>
      <c r="G2331" s="1" t="s">
        <v>9166</v>
      </c>
      <c r="H2331" s="1" t="s">
        <v>13</v>
      </c>
      <c r="I2331" s="1" t="s">
        <v>9167</v>
      </c>
      <c r="J2331" s="1" t="s">
        <v>9236</v>
      </c>
    </row>
    <row r="2332" spans="1:10" x14ac:dyDescent="0.35">
      <c r="A2332" s="1" t="s">
        <v>9161</v>
      </c>
      <c r="B2332" s="1" t="s">
        <v>9162</v>
      </c>
      <c r="C2332" s="1" t="s">
        <v>110</v>
      </c>
      <c r="D2332" s="1" t="s">
        <v>9237</v>
      </c>
      <c r="E2332" s="1" t="s">
        <v>9238</v>
      </c>
      <c r="F2332" s="1" t="s">
        <v>9239</v>
      </c>
      <c r="G2332" s="1" t="s">
        <v>9166</v>
      </c>
      <c r="H2332" s="1" t="s">
        <v>13</v>
      </c>
      <c r="I2332" s="1" t="s">
        <v>9167</v>
      </c>
      <c r="J2332" s="1" t="s">
        <v>9240</v>
      </c>
    </row>
    <row r="2333" spans="1:10" x14ac:dyDescent="0.35">
      <c r="A2333" s="1" t="s">
        <v>9161</v>
      </c>
      <c r="B2333" s="1" t="s">
        <v>9162</v>
      </c>
      <c r="C2333" s="1" t="s">
        <v>115</v>
      </c>
      <c r="D2333" s="1" t="s">
        <v>9241</v>
      </c>
      <c r="E2333" s="1" t="s">
        <v>9242</v>
      </c>
      <c r="F2333" s="1" t="s">
        <v>9243</v>
      </c>
      <c r="G2333" s="1" t="s">
        <v>9166</v>
      </c>
      <c r="H2333" s="1" t="s">
        <v>13</v>
      </c>
      <c r="I2333" s="1" t="s">
        <v>9167</v>
      </c>
      <c r="J2333" s="1" t="s">
        <v>9244</v>
      </c>
    </row>
    <row r="2334" spans="1:10" x14ac:dyDescent="0.35">
      <c r="A2334" s="1" t="s">
        <v>9161</v>
      </c>
      <c r="B2334" s="1" t="s">
        <v>9162</v>
      </c>
      <c r="C2334" s="1" t="s">
        <v>120</v>
      </c>
      <c r="D2334" s="1" t="s">
        <v>8758</v>
      </c>
      <c r="E2334" s="1" t="s">
        <v>9245</v>
      </c>
      <c r="F2334" s="1" t="s">
        <v>9246</v>
      </c>
      <c r="G2334" s="1" t="s">
        <v>9166</v>
      </c>
      <c r="H2334" s="1" t="s">
        <v>13</v>
      </c>
      <c r="I2334" s="1" t="s">
        <v>9167</v>
      </c>
      <c r="J2334" s="1" t="s">
        <v>9247</v>
      </c>
    </row>
    <row r="2335" spans="1:10" x14ac:dyDescent="0.35">
      <c r="A2335" s="1" t="s">
        <v>9161</v>
      </c>
      <c r="B2335" s="1" t="s">
        <v>9162</v>
      </c>
      <c r="C2335" s="1" t="s">
        <v>125</v>
      </c>
      <c r="D2335" s="1" t="s">
        <v>8333</v>
      </c>
      <c r="E2335" s="1" t="s">
        <v>9248</v>
      </c>
      <c r="F2335" s="1" t="s">
        <v>9249</v>
      </c>
      <c r="G2335" s="1" t="s">
        <v>9166</v>
      </c>
      <c r="H2335" s="1" t="s">
        <v>13</v>
      </c>
      <c r="I2335" s="1" t="s">
        <v>9167</v>
      </c>
      <c r="J2335" s="1" t="s">
        <v>9250</v>
      </c>
    </row>
    <row r="2336" spans="1:10" x14ac:dyDescent="0.35">
      <c r="A2336" s="1" t="s">
        <v>9161</v>
      </c>
      <c r="B2336" s="1" t="s">
        <v>9162</v>
      </c>
      <c r="C2336" s="1" t="s">
        <v>130</v>
      </c>
      <c r="D2336" s="1" t="s">
        <v>9251</v>
      </c>
      <c r="E2336" s="1" t="s">
        <v>9252</v>
      </c>
      <c r="F2336" s="1" t="s">
        <v>9253</v>
      </c>
      <c r="G2336" s="1" t="s">
        <v>9166</v>
      </c>
      <c r="H2336" s="1" t="s">
        <v>13</v>
      </c>
      <c r="I2336" s="1" t="s">
        <v>9167</v>
      </c>
      <c r="J2336" s="1" t="s">
        <v>9254</v>
      </c>
    </row>
    <row r="2337" spans="1:10" x14ac:dyDescent="0.35">
      <c r="A2337" s="1" t="s">
        <v>9161</v>
      </c>
      <c r="B2337" s="1" t="s">
        <v>9162</v>
      </c>
      <c r="C2337" s="1" t="s">
        <v>135</v>
      </c>
      <c r="D2337" s="1" t="s">
        <v>4697</v>
      </c>
      <c r="E2337" s="1" t="s">
        <v>9255</v>
      </c>
      <c r="F2337" s="1" t="s">
        <v>9256</v>
      </c>
      <c r="G2337" s="1" t="s">
        <v>9166</v>
      </c>
      <c r="H2337" s="1" t="s">
        <v>13</v>
      </c>
      <c r="I2337" s="1" t="s">
        <v>9167</v>
      </c>
      <c r="J2337" s="1" t="s">
        <v>9257</v>
      </c>
    </row>
    <row r="2338" spans="1:10" x14ac:dyDescent="0.35">
      <c r="A2338" s="1" t="s">
        <v>9161</v>
      </c>
      <c r="B2338" s="1" t="s">
        <v>9162</v>
      </c>
      <c r="C2338" s="1" t="s">
        <v>140</v>
      </c>
      <c r="D2338" s="1" t="s">
        <v>9258</v>
      </c>
      <c r="E2338" s="1" t="s">
        <v>9259</v>
      </c>
      <c r="F2338" s="1" t="s">
        <v>9260</v>
      </c>
      <c r="G2338" s="1" t="s">
        <v>9166</v>
      </c>
      <c r="H2338" s="1" t="s">
        <v>13</v>
      </c>
      <c r="I2338" s="1" t="s">
        <v>9167</v>
      </c>
      <c r="J2338" s="1" t="s">
        <v>9261</v>
      </c>
    </row>
    <row r="2339" spans="1:10" x14ac:dyDescent="0.35">
      <c r="A2339" s="1" t="s">
        <v>9161</v>
      </c>
      <c r="B2339" s="1" t="s">
        <v>9162</v>
      </c>
      <c r="C2339" s="1" t="s">
        <v>145</v>
      </c>
      <c r="D2339" s="1" t="s">
        <v>340</v>
      </c>
      <c r="E2339" s="1" t="s">
        <v>9262</v>
      </c>
      <c r="F2339" s="1" t="s">
        <v>9263</v>
      </c>
      <c r="G2339" s="1" t="s">
        <v>9166</v>
      </c>
      <c r="H2339" s="1" t="s">
        <v>13</v>
      </c>
      <c r="I2339" s="1" t="s">
        <v>9167</v>
      </c>
      <c r="J2339" s="1" t="s">
        <v>9264</v>
      </c>
    </row>
    <row r="2340" spans="1:10" x14ac:dyDescent="0.35">
      <c r="A2340" s="1" t="s">
        <v>9161</v>
      </c>
      <c r="B2340" s="1" t="s">
        <v>9162</v>
      </c>
      <c r="C2340" s="1" t="s">
        <v>150</v>
      </c>
      <c r="D2340" s="1" t="s">
        <v>9265</v>
      </c>
      <c r="E2340" s="1" t="s">
        <v>9266</v>
      </c>
      <c r="F2340" s="1" t="s">
        <v>9267</v>
      </c>
      <c r="G2340" s="1" t="s">
        <v>9166</v>
      </c>
      <c r="H2340" s="1" t="s">
        <v>13</v>
      </c>
      <c r="I2340" s="1" t="s">
        <v>9167</v>
      </c>
      <c r="J2340" s="1" t="s">
        <v>9268</v>
      </c>
    </row>
    <row r="2341" spans="1:10" x14ac:dyDescent="0.35">
      <c r="A2341" s="1" t="s">
        <v>9161</v>
      </c>
      <c r="B2341" s="1" t="s">
        <v>9162</v>
      </c>
      <c r="C2341" s="1" t="s">
        <v>155</v>
      </c>
      <c r="D2341" s="1" t="s">
        <v>9269</v>
      </c>
      <c r="E2341" s="1" t="s">
        <v>9270</v>
      </c>
      <c r="F2341" s="1" t="s">
        <v>9271</v>
      </c>
      <c r="G2341" s="1" t="s">
        <v>9166</v>
      </c>
      <c r="H2341" s="1" t="s">
        <v>13</v>
      </c>
      <c r="I2341" s="1" t="s">
        <v>9167</v>
      </c>
      <c r="J2341" s="1" t="s">
        <v>9272</v>
      </c>
    </row>
    <row r="2342" spans="1:10" x14ac:dyDescent="0.35">
      <c r="A2342" s="1" t="s">
        <v>9161</v>
      </c>
      <c r="B2342" s="1" t="s">
        <v>9162</v>
      </c>
      <c r="C2342" s="1" t="s">
        <v>160</v>
      </c>
      <c r="D2342" s="1" t="s">
        <v>2639</v>
      </c>
      <c r="E2342" s="1" t="s">
        <v>9273</v>
      </c>
      <c r="F2342" s="1" t="s">
        <v>9274</v>
      </c>
      <c r="G2342" s="1" t="s">
        <v>9166</v>
      </c>
      <c r="H2342" s="1" t="s">
        <v>13</v>
      </c>
      <c r="I2342" s="1" t="s">
        <v>9167</v>
      </c>
      <c r="J2342" s="1" t="s">
        <v>9275</v>
      </c>
    </row>
    <row r="2343" spans="1:10" x14ac:dyDescent="0.35">
      <c r="A2343" s="1" t="s">
        <v>9161</v>
      </c>
      <c r="B2343" s="1" t="s">
        <v>9162</v>
      </c>
      <c r="C2343" s="1" t="s">
        <v>165</v>
      </c>
      <c r="D2343" s="1" t="s">
        <v>9276</v>
      </c>
      <c r="E2343" s="1" t="s">
        <v>9277</v>
      </c>
      <c r="F2343" s="1" t="s">
        <v>9278</v>
      </c>
      <c r="G2343" s="1" t="s">
        <v>9166</v>
      </c>
      <c r="H2343" s="1" t="s">
        <v>13</v>
      </c>
      <c r="I2343" s="1" t="s">
        <v>9167</v>
      </c>
      <c r="J2343" s="1" t="s">
        <v>9279</v>
      </c>
    </row>
    <row r="2344" spans="1:10" x14ac:dyDescent="0.35">
      <c r="A2344" s="1" t="s">
        <v>9161</v>
      </c>
      <c r="B2344" s="1" t="s">
        <v>9162</v>
      </c>
      <c r="C2344" s="1" t="s">
        <v>170</v>
      </c>
      <c r="D2344" s="1" t="s">
        <v>9280</v>
      </c>
      <c r="E2344" s="1" t="s">
        <v>9281</v>
      </c>
      <c r="F2344" s="1" t="s">
        <v>9282</v>
      </c>
      <c r="G2344" s="1" t="s">
        <v>9166</v>
      </c>
      <c r="H2344" s="1" t="s">
        <v>13</v>
      </c>
      <c r="I2344" s="1" t="s">
        <v>9167</v>
      </c>
      <c r="J2344" s="1" t="s">
        <v>9283</v>
      </c>
    </row>
    <row r="2345" spans="1:10" x14ac:dyDescent="0.35">
      <c r="A2345" s="1" t="s">
        <v>9284</v>
      </c>
      <c r="B2345" s="1" t="s">
        <v>9285</v>
      </c>
      <c r="C2345" s="1" t="s">
        <v>8</v>
      </c>
      <c r="D2345" s="1" t="s">
        <v>9216</v>
      </c>
      <c r="E2345" s="1" t="s">
        <v>9286</v>
      </c>
      <c r="F2345" s="1" t="s">
        <v>9287</v>
      </c>
      <c r="G2345" s="1" t="s">
        <v>9288</v>
      </c>
      <c r="H2345" s="1" t="s">
        <v>13</v>
      </c>
      <c r="I2345" s="1" t="s">
        <v>9289</v>
      </c>
      <c r="J2345" s="1" t="s">
        <v>13</v>
      </c>
    </row>
    <row r="2346" spans="1:10" x14ac:dyDescent="0.35">
      <c r="A2346" s="1" t="s">
        <v>9284</v>
      </c>
      <c r="B2346" s="1" t="s">
        <v>9285</v>
      </c>
      <c r="C2346" s="1" t="s">
        <v>15</v>
      </c>
      <c r="D2346" s="1" t="s">
        <v>9290</v>
      </c>
      <c r="E2346" s="1" t="s">
        <v>9291</v>
      </c>
      <c r="F2346" s="1" t="s">
        <v>9292</v>
      </c>
      <c r="G2346" s="1" t="s">
        <v>9288</v>
      </c>
      <c r="H2346" s="1" t="s">
        <v>13</v>
      </c>
      <c r="I2346" s="1" t="s">
        <v>9289</v>
      </c>
      <c r="J2346" s="1" t="s">
        <v>9293</v>
      </c>
    </row>
    <row r="2347" spans="1:10" x14ac:dyDescent="0.35">
      <c r="A2347" s="1" t="s">
        <v>9284</v>
      </c>
      <c r="B2347" s="1" t="s">
        <v>9285</v>
      </c>
      <c r="C2347" s="1" t="s">
        <v>20</v>
      </c>
      <c r="D2347" s="1" t="s">
        <v>9294</v>
      </c>
      <c r="E2347" s="1" t="s">
        <v>9295</v>
      </c>
      <c r="F2347" s="1" t="s">
        <v>9296</v>
      </c>
      <c r="G2347" s="1" t="s">
        <v>9288</v>
      </c>
      <c r="H2347" s="1" t="s">
        <v>13</v>
      </c>
      <c r="I2347" s="1" t="s">
        <v>9289</v>
      </c>
      <c r="J2347" s="1" t="s">
        <v>9297</v>
      </c>
    </row>
    <row r="2348" spans="1:10" x14ac:dyDescent="0.35">
      <c r="A2348" s="1" t="s">
        <v>9284</v>
      </c>
      <c r="B2348" s="1" t="s">
        <v>9285</v>
      </c>
      <c r="C2348" s="1" t="s">
        <v>25</v>
      </c>
      <c r="D2348" s="1" t="s">
        <v>1154</v>
      </c>
      <c r="E2348" s="1" t="s">
        <v>9298</v>
      </c>
      <c r="F2348" s="1" t="s">
        <v>9299</v>
      </c>
      <c r="G2348" s="1" t="s">
        <v>9288</v>
      </c>
      <c r="H2348" s="1" t="s">
        <v>13</v>
      </c>
      <c r="I2348" s="1" t="s">
        <v>9289</v>
      </c>
      <c r="J2348" s="1" t="s">
        <v>9300</v>
      </c>
    </row>
    <row r="2349" spans="1:10" x14ac:dyDescent="0.35">
      <c r="A2349" s="1" t="s">
        <v>9284</v>
      </c>
      <c r="B2349" s="1" t="s">
        <v>9285</v>
      </c>
      <c r="C2349" s="1" t="s">
        <v>30</v>
      </c>
      <c r="D2349" s="1" t="s">
        <v>9301</v>
      </c>
      <c r="E2349" s="1" t="s">
        <v>9302</v>
      </c>
      <c r="F2349" s="1" t="s">
        <v>9303</v>
      </c>
      <c r="G2349" s="1" t="s">
        <v>9288</v>
      </c>
      <c r="H2349" s="1" t="s">
        <v>13</v>
      </c>
      <c r="I2349" s="1" t="s">
        <v>9289</v>
      </c>
      <c r="J2349" s="1" t="s">
        <v>9304</v>
      </c>
    </row>
    <row r="2350" spans="1:10" x14ac:dyDescent="0.35">
      <c r="A2350" s="1" t="s">
        <v>9284</v>
      </c>
      <c r="B2350" s="1" t="s">
        <v>9285</v>
      </c>
      <c r="C2350" s="1" t="s">
        <v>35</v>
      </c>
      <c r="D2350" s="1" t="s">
        <v>9305</v>
      </c>
      <c r="E2350" s="1" t="s">
        <v>9306</v>
      </c>
      <c r="F2350" s="1" t="s">
        <v>9307</v>
      </c>
      <c r="G2350" s="1" t="s">
        <v>9288</v>
      </c>
      <c r="H2350" s="1" t="s">
        <v>13</v>
      </c>
      <c r="I2350" s="1" t="s">
        <v>9289</v>
      </c>
      <c r="J2350" s="1" t="s">
        <v>9308</v>
      </c>
    </row>
    <row r="2351" spans="1:10" x14ac:dyDescent="0.35">
      <c r="A2351" s="1" t="s">
        <v>9284</v>
      </c>
      <c r="B2351" s="1" t="s">
        <v>9285</v>
      </c>
      <c r="C2351" s="1" t="s">
        <v>40</v>
      </c>
      <c r="D2351" s="1" t="s">
        <v>9309</v>
      </c>
      <c r="E2351" s="1" t="s">
        <v>9310</v>
      </c>
      <c r="F2351" s="1" t="s">
        <v>9311</v>
      </c>
      <c r="G2351" s="1" t="s">
        <v>9288</v>
      </c>
      <c r="H2351" s="1" t="s">
        <v>13</v>
      </c>
      <c r="I2351" s="1" t="s">
        <v>9289</v>
      </c>
      <c r="J2351" s="1" t="s">
        <v>9312</v>
      </c>
    </row>
    <row r="2352" spans="1:10" x14ac:dyDescent="0.35">
      <c r="A2352" s="1" t="s">
        <v>9284</v>
      </c>
      <c r="B2352" s="1" t="s">
        <v>9285</v>
      </c>
      <c r="C2352" s="1" t="s">
        <v>45</v>
      </c>
      <c r="D2352" s="1" t="s">
        <v>6392</v>
      </c>
      <c r="E2352" s="1" t="s">
        <v>9313</v>
      </c>
      <c r="F2352" s="1" t="s">
        <v>9314</v>
      </c>
      <c r="G2352" s="1" t="s">
        <v>9288</v>
      </c>
      <c r="H2352" s="1" t="s">
        <v>13</v>
      </c>
      <c r="I2352" s="1" t="s">
        <v>9289</v>
      </c>
      <c r="J2352" s="1" t="s">
        <v>9315</v>
      </c>
    </row>
    <row r="2353" spans="1:10" x14ac:dyDescent="0.35">
      <c r="A2353" s="1" t="s">
        <v>9284</v>
      </c>
      <c r="B2353" s="1" t="s">
        <v>9285</v>
      </c>
      <c r="C2353" s="1" t="s">
        <v>50</v>
      </c>
      <c r="D2353" s="1" t="s">
        <v>9316</v>
      </c>
      <c r="E2353" s="1" t="s">
        <v>9317</v>
      </c>
      <c r="F2353" s="1" t="s">
        <v>9318</v>
      </c>
      <c r="G2353" s="1" t="s">
        <v>9288</v>
      </c>
      <c r="H2353" s="1" t="s">
        <v>13</v>
      </c>
      <c r="I2353" s="1" t="s">
        <v>9289</v>
      </c>
      <c r="J2353" s="1" t="s">
        <v>9319</v>
      </c>
    </row>
    <row r="2354" spans="1:10" x14ac:dyDescent="0.35">
      <c r="A2354" s="1" t="s">
        <v>9284</v>
      </c>
      <c r="B2354" s="1" t="s">
        <v>9285</v>
      </c>
      <c r="C2354" s="1" t="s">
        <v>55</v>
      </c>
      <c r="D2354" s="1" t="s">
        <v>9320</v>
      </c>
      <c r="E2354" s="1" t="s">
        <v>9321</v>
      </c>
      <c r="F2354" s="1" t="s">
        <v>9322</v>
      </c>
      <c r="G2354" s="1" t="s">
        <v>9288</v>
      </c>
      <c r="H2354" s="1" t="s">
        <v>13</v>
      </c>
      <c r="I2354" s="1" t="s">
        <v>9289</v>
      </c>
      <c r="J2354" s="1" t="s">
        <v>9323</v>
      </c>
    </row>
    <row r="2355" spans="1:10" x14ac:dyDescent="0.35">
      <c r="A2355" s="1" t="s">
        <v>9284</v>
      </c>
      <c r="B2355" s="1" t="s">
        <v>9285</v>
      </c>
      <c r="C2355" s="1" t="s">
        <v>60</v>
      </c>
      <c r="D2355" s="1" t="s">
        <v>9324</v>
      </c>
      <c r="E2355" s="1" t="s">
        <v>9325</v>
      </c>
      <c r="F2355" s="1" t="s">
        <v>9326</v>
      </c>
      <c r="G2355" s="1" t="s">
        <v>9288</v>
      </c>
      <c r="H2355" s="1" t="s">
        <v>13</v>
      </c>
      <c r="I2355" s="1" t="s">
        <v>9289</v>
      </c>
      <c r="J2355" s="1" t="s">
        <v>9327</v>
      </c>
    </row>
    <row r="2356" spans="1:10" x14ac:dyDescent="0.35">
      <c r="A2356" s="1" t="s">
        <v>9284</v>
      </c>
      <c r="B2356" s="1" t="s">
        <v>9285</v>
      </c>
      <c r="C2356" s="1" t="s">
        <v>65</v>
      </c>
      <c r="D2356" s="1" t="s">
        <v>4484</v>
      </c>
      <c r="E2356" s="1" t="s">
        <v>9328</v>
      </c>
      <c r="F2356" s="1" t="s">
        <v>9329</v>
      </c>
      <c r="G2356" s="1" t="s">
        <v>9288</v>
      </c>
      <c r="H2356" s="1" t="s">
        <v>13</v>
      </c>
      <c r="I2356" s="1" t="s">
        <v>9289</v>
      </c>
      <c r="J2356" s="1" t="s">
        <v>9330</v>
      </c>
    </row>
    <row r="2357" spans="1:10" x14ac:dyDescent="0.35">
      <c r="A2357" s="1" t="s">
        <v>9284</v>
      </c>
      <c r="B2357" s="1" t="s">
        <v>9285</v>
      </c>
      <c r="C2357" s="1" t="s">
        <v>70</v>
      </c>
      <c r="D2357" s="1" t="s">
        <v>1505</v>
      </c>
      <c r="E2357" s="1" t="s">
        <v>9331</v>
      </c>
      <c r="F2357" s="1" t="s">
        <v>9332</v>
      </c>
      <c r="G2357" s="1" t="s">
        <v>9288</v>
      </c>
      <c r="H2357" s="1" t="s">
        <v>13</v>
      </c>
      <c r="I2357" s="1" t="s">
        <v>9289</v>
      </c>
      <c r="J2357" s="1" t="s">
        <v>9333</v>
      </c>
    </row>
    <row r="2358" spans="1:10" x14ac:dyDescent="0.35">
      <c r="A2358" s="1" t="s">
        <v>9284</v>
      </c>
      <c r="B2358" s="1" t="s">
        <v>9285</v>
      </c>
      <c r="C2358" s="1" t="s">
        <v>75</v>
      </c>
      <c r="D2358" s="1" t="s">
        <v>9334</v>
      </c>
      <c r="E2358" s="1" t="s">
        <v>9335</v>
      </c>
      <c r="F2358" s="1" t="s">
        <v>9336</v>
      </c>
      <c r="G2358" s="1" t="s">
        <v>9288</v>
      </c>
      <c r="H2358" s="1" t="s">
        <v>13</v>
      </c>
      <c r="I2358" s="1" t="s">
        <v>9289</v>
      </c>
      <c r="J2358" s="1" t="s">
        <v>9337</v>
      </c>
    </row>
    <row r="2359" spans="1:10" x14ac:dyDescent="0.35">
      <c r="A2359" s="1" t="s">
        <v>9284</v>
      </c>
      <c r="B2359" s="1" t="s">
        <v>9285</v>
      </c>
      <c r="C2359" s="1" t="s">
        <v>80</v>
      </c>
      <c r="D2359" s="1" t="s">
        <v>9338</v>
      </c>
      <c r="E2359" s="1" t="s">
        <v>9339</v>
      </c>
      <c r="F2359" s="1" t="s">
        <v>9340</v>
      </c>
      <c r="G2359" s="1" t="s">
        <v>9288</v>
      </c>
      <c r="H2359" s="1" t="s">
        <v>13</v>
      </c>
      <c r="I2359" s="1" t="s">
        <v>9289</v>
      </c>
      <c r="J2359" s="1" t="s">
        <v>9341</v>
      </c>
    </row>
    <row r="2360" spans="1:10" x14ac:dyDescent="0.35">
      <c r="A2360" s="1" t="s">
        <v>9284</v>
      </c>
      <c r="B2360" s="1" t="s">
        <v>9285</v>
      </c>
      <c r="C2360" s="1" t="s">
        <v>85</v>
      </c>
      <c r="D2360" s="1" t="s">
        <v>6147</v>
      </c>
      <c r="E2360" s="1" t="s">
        <v>9342</v>
      </c>
      <c r="F2360" s="1" t="s">
        <v>9343</v>
      </c>
      <c r="G2360" s="1" t="s">
        <v>9288</v>
      </c>
      <c r="H2360" s="1" t="s">
        <v>13</v>
      </c>
      <c r="I2360" s="1" t="s">
        <v>9289</v>
      </c>
      <c r="J2360" s="1" t="s">
        <v>9344</v>
      </c>
    </row>
    <row r="2361" spans="1:10" x14ac:dyDescent="0.35">
      <c r="A2361" s="1" t="s">
        <v>9284</v>
      </c>
      <c r="B2361" s="1" t="s">
        <v>9285</v>
      </c>
      <c r="C2361" s="1" t="s">
        <v>90</v>
      </c>
      <c r="D2361" s="1" t="s">
        <v>9345</v>
      </c>
      <c r="E2361" s="1" t="s">
        <v>9346</v>
      </c>
      <c r="F2361" s="1" t="s">
        <v>9347</v>
      </c>
      <c r="G2361" s="1" t="s">
        <v>9288</v>
      </c>
      <c r="H2361" s="1" t="s">
        <v>13</v>
      </c>
      <c r="I2361" s="1" t="s">
        <v>9289</v>
      </c>
      <c r="J2361" s="1" t="s">
        <v>9348</v>
      </c>
    </row>
    <row r="2362" spans="1:10" x14ac:dyDescent="0.35">
      <c r="A2362" s="1" t="s">
        <v>9284</v>
      </c>
      <c r="B2362" s="1" t="s">
        <v>9285</v>
      </c>
      <c r="C2362" s="1" t="s">
        <v>95</v>
      </c>
      <c r="D2362" s="1" t="s">
        <v>9349</v>
      </c>
      <c r="E2362" s="1" t="s">
        <v>9350</v>
      </c>
      <c r="F2362" s="1" t="s">
        <v>9351</v>
      </c>
      <c r="G2362" s="1" t="s">
        <v>9288</v>
      </c>
      <c r="H2362" s="1" t="s">
        <v>13</v>
      </c>
      <c r="I2362" s="1" t="s">
        <v>9289</v>
      </c>
      <c r="J2362" s="1" t="s">
        <v>9352</v>
      </c>
    </row>
    <row r="2363" spans="1:10" x14ac:dyDescent="0.35">
      <c r="A2363" s="1" t="s">
        <v>9284</v>
      </c>
      <c r="B2363" s="1" t="s">
        <v>9285</v>
      </c>
      <c r="C2363" s="1" t="s">
        <v>100</v>
      </c>
      <c r="D2363" s="1" t="s">
        <v>6116</v>
      </c>
      <c r="E2363" s="1" t="s">
        <v>9353</v>
      </c>
      <c r="F2363" s="1" t="s">
        <v>9354</v>
      </c>
      <c r="G2363" s="1" t="s">
        <v>9288</v>
      </c>
      <c r="H2363" s="1" t="s">
        <v>13</v>
      </c>
      <c r="I2363" s="1" t="s">
        <v>9289</v>
      </c>
      <c r="J2363" s="1" t="s">
        <v>9355</v>
      </c>
    </row>
    <row r="2364" spans="1:10" x14ac:dyDescent="0.35">
      <c r="A2364" s="1" t="s">
        <v>9284</v>
      </c>
      <c r="B2364" s="1" t="s">
        <v>9285</v>
      </c>
      <c r="C2364" s="1" t="s">
        <v>105</v>
      </c>
      <c r="D2364" s="1" t="s">
        <v>9356</v>
      </c>
      <c r="E2364" s="1" t="s">
        <v>9357</v>
      </c>
      <c r="F2364" s="1" t="s">
        <v>9358</v>
      </c>
      <c r="G2364" s="1" t="s">
        <v>9288</v>
      </c>
      <c r="H2364" s="1" t="s">
        <v>13</v>
      </c>
      <c r="I2364" s="1" t="s">
        <v>9289</v>
      </c>
      <c r="J2364" s="1" t="s">
        <v>9359</v>
      </c>
    </row>
    <row r="2365" spans="1:10" x14ac:dyDescent="0.35">
      <c r="A2365" s="1" t="s">
        <v>9284</v>
      </c>
      <c r="B2365" s="1" t="s">
        <v>9285</v>
      </c>
      <c r="C2365" s="1" t="s">
        <v>110</v>
      </c>
      <c r="D2365" s="1" t="s">
        <v>9360</v>
      </c>
      <c r="E2365" s="1" t="s">
        <v>9361</v>
      </c>
      <c r="F2365" s="1" t="s">
        <v>9362</v>
      </c>
      <c r="G2365" s="1" t="s">
        <v>9288</v>
      </c>
      <c r="H2365" s="1" t="s">
        <v>13</v>
      </c>
      <c r="I2365" s="1" t="s">
        <v>9289</v>
      </c>
      <c r="J2365" s="1" t="s">
        <v>9363</v>
      </c>
    </row>
    <row r="2366" spans="1:10" x14ac:dyDescent="0.35">
      <c r="A2366" s="1" t="s">
        <v>9284</v>
      </c>
      <c r="B2366" s="1" t="s">
        <v>9285</v>
      </c>
      <c r="C2366" s="1" t="s">
        <v>115</v>
      </c>
      <c r="D2366" s="1" t="s">
        <v>9364</v>
      </c>
      <c r="E2366" s="1" t="s">
        <v>9365</v>
      </c>
      <c r="F2366" s="1" t="s">
        <v>9366</v>
      </c>
      <c r="G2366" s="1" t="s">
        <v>9288</v>
      </c>
      <c r="H2366" s="1" t="s">
        <v>13</v>
      </c>
      <c r="I2366" s="1" t="s">
        <v>9289</v>
      </c>
      <c r="J2366" s="1" t="s">
        <v>9367</v>
      </c>
    </row>
    <row r="2367" spans="1:10" x14ac:dyDescent="0.35">
      <c r="A2367" s="1" t="s">
        <v>9284</v>
      </c>
      <c r="B2367" s="1" t="s">
        <v>9285</v>
      </c>
      <c r="C2367" s="1" t="s">
        <v>120</v>
      </c>
      <c r="D2367" s="1" t="s">
        <v>4504</v>
      </c>
      <c r="E2367" s="1" t="s">
        <v>9368</v>
      </c>
      <c r="F2367" s="1" t="s">
        <v>9369</v>
      </c>
      <c r="G2367" s="1" t="s">
        <v>9288</v>
      </c>
      <c r="H2367" s="1" t="s">
        <v>13</v>
      </c>
      <c r="I2367" s="1" t="s">
        <v>9289</v>
      </c>
      <c r="J2367" s="1" t="s">
        <v>9370</v>
      </c>
    </row>
    <row r="2368" spans="1:10" x14ac:dyDescent="0.35">
      <c r="A2368" s="1" t="s">
        <v>9284</v>
      </c>
      <c r="B2368" s="1" t="s">
        <v>9285</v>
      </c>
      <c r="C2368" s="1" t="s">
        <v>125</v>
      </c>
      <c r="D2368" s="1" t="s">
        <v>9371</v>
      </c>
      <c r="E2368" s="1" t="s">
        <v>9372</v>
      </c>
      <c r="F2368" s="1" t="s">
        <v>9373</v>
      </c>
      <c r="G2368" s="1" t="s">
        <v>9288</v>
      </c>
      <c r="H2368" s="1" t="s">
        <v>13</v>
      </c>
      <c r="I2368" s="1" t="s">
        <v>9289</v>
      </c>
      <c r="J2368" s="1" t="s">
        <v>9374</v>
      </c>
    </row>
    <row r="2369" spans="1:10" x14ac:dyDescent="0.35">
      <c r="A2369" s="1" t="s">
        <v>9284</v>
      </c>
      <c r="B2369" s="1" t="s">
        <v>9285</v>
      </c>
      <c r="C2369" s="1" t="s">
        <v>130</v>
      </c>
      <c r="D2369" s="1" t="s">
        <v>9375</v>
      </c>
      <c r="E2369" s="1" t="s">
        <v>9376</v>
      </c>
      <c r="F2369" s="1" t="s">
        <v>9377</v>
      </c>
      <c r="G2369" s="1" t="s">
        <v>9288</v>
      </c>
      <c r="H2369" s="1" t="s">
        <v>13</v>
      </c>
      <c r="I2369" s="1" t="s">
        <v>9289</v>
      </c>
      <c r="J2369" s="1" t="s">
        <v>9378</v>
      </c>
    </row>
    <row r="2370" spans="1:10" x14ac:dyDescent="0.35">
      <c r="A2370" s="1" t="s">
        <v>9284</v>
      </c>
      <c r="B2370" s="1" t="s">
        <v>9285</v>
      </c>
      <c r="C2370" s="1" t="s">
        <v>135</v>
      </c>
      <c r="D2370" s="1" t="s">
        <v>8710</v>
      </c>
      <c r="E2370" s="1" t="s">
        <v>9379</v>
      </c>
      <c r="F2370" s="1" t="s">
        <v>9380</v>
      </c>
      <c r="G2370" s="1" t="s">
        <v>9288</v>
      </c>
      <c r="H2370" s="1" t="s">
        <v>13</v>
      </c>
      <c r="I2370" s="1" t="s">
        <v>9289</v>
      </c>
      <c r="J2370" s="1" t="s">
        <v>9381</v>
      </c>
    </row>
    <row r="2371" spans="1:10" x14ac:dyDescent="0.35">
      <c r="A2371" s="1" t="s">
        <v>9284</v>
      </c>
      <c r="B2371" s="1" t="s">
        <v>9285</v>
      </c>
      <c r="C2371" s="1" t="s">
        <v>140</v>
      </c>
      <c r="D2371" s="1" t="s">
        <v>9382</v>
      </c>
      <c r="E2371" s="1" t="s">
        <v>9383</v>
      </c>
      <c r="F2371" s="1" t="s">
        <v>9384</v>
      </c>
      <c r="G2371" s="1" t="s">
        <v>9288</v>
      </c>
      <c r="H2371" s="1" t="s">
        <v>13</v>
      </c>
      <c r="I2371" s="1" t="s">
        <v>9289</v>
      </c>
      <c r="J2371" s="1" t="s">
        <v>9385</v>
      </c>
    </row>
    <row r="2372" spans="1:10" x14ac:dyDescent="0.35">
      <c r="A2372" s="1" t="s">
        <v>9284</v>
      </c>
      <c r="B2372" s="1" t="s">
        <v>9285</v>
      </c>
      <c r="C2372" s="1" t="s">
        <v>145</v>
      </c>
      <c r="D2372" s="1" t="s">
        <v>3972</v>
      </c>
      <c r="E2372" s="1" t="s">
        <v>9386</v>
      </c>
      <c r="F2372" s="1" t="s">
        <v>9387</v>
      </c>
      <c r="G2372" s="1" t="s">
        <v>9288</v>
      </c>
      <c r="H2372" s="1" t="s">
        <v>13</v>
      </c>
      <c r="I2372" s="1" t="s">
        <v>9289</v>
      </c>
      <c r="J2372" s="1" t="s">
        <v>9388</v>
      </c>
    </row>
    <row r="2373" spans="1:10" x14ac:dyDescent="0.35">
      <c r="A2373" s="1" t="s">
        <v>9284</v>
      </c>
      <c r="B2373" s="1" t="s">
        <v>9285</v>
      </c>
      <c r="C2373" s="1" t="s">
        <v>150</v>
      </c>
      <c r="D2373" s="1" t="s">
        <v>135</v>
      </c>
      <c r="E2373" s="1" t="s">
        <v>9389</v>
      </c>
      <c r="F2373" s="1" t="s">
        <v>9390</v>
      </c>
      <c r="G2373" s="1" t="s">
        <v>9288</v>
      </c>
      <c r="H2373" s="1" t="s">
        <v>13</v>
      </c>
      <c r="I2373" s="1" t="s">
        <v>9289</v>
      </c>
      <c r="J2373" s="1" t="s">
        <v>9391</v>
      </c>
    </row>
    <row r="2374" spans="1:10" x14ac:dyDescent="0.35">
      <c r="A2374" s="1" t="s">
        <v>9284</v>
      </c>
      <c r="B2374" s="1" t="s">
        <v>9285</v>
      </c>
      <c r="C2374" s="1" t="s">
        <v>155</v>
      </c>
      <c r="D2374" s="1" t="s">
        <v>5508</v>
      </c>
      <c r="E2374" s="1" t="s">
        <v>9392</v>
      </c>
      <c r="F2374" s="1" t="s">
        <v>9393</v>
      </c>
      <c r="G2374" s="1" t="s">
        <v>9288</v>
      </c>
      <c r="H2374" s="1" t="s">
        <v>13</v>
      </c>
      <c r="I2374" s="1" t="s">
        <v>9289</v>
      </c>
      <c r="J2374" s="1" t="s">
        <v>9394</v>
      </c>
    </row>
    <row r="2375" spans="1:10" x14ac:dyDescent="0.35">
      <c r="A2375" s="1" t="s">
        <v>9284</v>
      </c>
      <c r="B2375" s="1" t="s">
        <v>9285</v>
      </c>
      <c r="C2375" s="1" t="s">
        <v>160</v>
      </c>
      <c r="D2375" s="1" t="s">
        <v>9395</v>
      </c>
      <c r="E2375" s="1" t="s">
        <v>9396</v>
      </c>
      <c r="F2375" s="1" t="s">
        <v>9397</v>
      </c>
      <c r="G2375" s="1" t="s">
        <v>9288</v>
      </c>
      <c r="H2375" s="1" t="s">
        <v>13</v>
      </c>
      <c r="I2375" s="1" t="s">
        <v>9289</v>
      </c>
      <c r="J2375" s="1" t="s">
        <v>9398</v>
      </c>
    </row>
    <row r="2376" spans="1:10" x14ac:dyDescent="0.35">
      <c r="A2376" s="1" t="s">
        <v>9284</v>
      </c>
      <c r="B2376" s="1" t="s">
        <v>9285</v>
      </c>
      <c r="C2376" s="1" t="s">
        <v>165</v>
      </c>
      <c r="D2376" s="1" t="s">
        <v>9399</v>
      </c>
      <c r="E2376" s="1" t="s">
        <v>9400</v>
      </c>
      <c r="F2376" s="1" t="s">
        <v>9401</v>
      </c>
      <c r="G2376" s="1" t="s">
        <v>9288</v>
      </c>
      <c r="H2376" s="1" t="s">
        <v>13</v>
      </c>
      <c r="I2376" s="1" t="s">
        <v>9289</v>
      </c>
      <c r="J2376" s="1" t="s">
        <v>9402</v>
      </c>
    </row>
    <row r="2377" spans="1:10" x14ac:dyDescent="0.35">
      <c r="A2377" s="1" t="s">
        <v>9284</v>
      </c>
      <c r="B2377" s="1" t="s">
        <v>9285</v>
      </c>
      <c r="C2377" s="1" t="s">
        <v>170</v>
      </c>
      <c r="D2377" s="1" t="s">
        <v>9403</v>
      </c>
      <c r="E2377" s="1" t="s">
        <v>9404</v>
      </c>
      <c r="F2377" s="1" t="s">
        <v>9405</v>
      </c>
      <c r="G2377" s="1" t="s">
        <v>9288</v>
      </c>
      <c r="H2377" s="1" t="s">
        <v>13</v>
      </c>
      <c r="I2377" s="1" t="s">
        <v>9289</v>
      </c>
      <c r="J2377" s="1" t="s">
        <v>9406</v>
      </c>
    </row>
    <row r="2378" spans="1:10" x14ac:dyDescent="0.35">
      <c r="A2378" s="1" t="s">
        <v>9407</v>
      </c>
      <c r="B2378" s="1" t="s">
        <v>9408</v>
      </c>
      <c r="C2378" s="1" t="s">
        <v>8</v>
      </c>
      <c r="D2378" s="1" t="s">
        <v>9409</v>
      </c>
      <c r="E2378" s="1" t="s">
        <v>9410</v>
      </c>
      <c r="F2378" s="1" t="s">
        <v>9411</v>
      </c>
      <c r="G2378" s="1" t="s">
        <v>9412</v>
      </c>
      <c r="H2378" s="1" t="s">
        <v>13</v>
      </c>
      <c r="I2378" s="1" t="s">
        <v>9413</v>
      </c>
      <c r="J2378" s="1" t="s">
        <v>13</v>
      </c>
    </row>
    <row r="2379" spans="1:10" x14ac:dyDescent="0.35">
      <c r="A2379" s="1" t="s">
        <v>9407</v>
      </c>
      <c r="B2379" s="1" t="s">
        <v>9408</v>
      </c>
      <c r="C2379" s="1" t="s">
        <v>15</v>
      </c>
      <c r="D2379" s="1" t="s">
        <v>9414</v>
      </c>
      <c r="E2379" s="1" t="s">
        <v>9415</v>
      </c>
      <c r="F2379" s="1" t="s">
        <v>9416</v>
      </c>
      <c r="G2379" s="1" t="s">
        <v>9412</v>
      </c>
      <c r="H2379" s="1" t="s">
        <v>13</v>
      </c>
      <c r="I2379" s="1" t="s">
        <v>9413</v>
      </c>
      <c r="J2379" s="1" t="s">
        <v>9417</v>
      </c>
    </row>
    <row r="2380" spans="1:10" x14ac:dyDescent="0.35">
      <c r="A2380" s="1" t="s">
        <v>9407</v>
      </c>
      <c r="B2380" s="1" t="s">
        <v>9408</v>
      </c>
      <c r="C2380" s="1" t="s">
        <v>20</v>
      </c>
      <c r="D2380" s="1" t="s">
        <v>166</v>
      </c>
      <c r="E2380" s="1" t="s">
        <v>9418</v>
      </c>
      <c r="F2380" s="1" t="s">
        <v>9419</v>
      </c>
      <c r="G2380" s="1" t="s">
        <v>9412</v>
      </c>
      <c r="H2380" s="1" t="s">
        <v>13</v>
      </c>
      <c r="I2380" s="1" t="s">
        <v>9413</v>
      </c>
      <c r="J2380" s="1" t="s">
        <v>9420</v>
      </c>
    </row>
    <row r="2381" spans="1:10" x14ac:dyDescent="0.35">
      <c r="A2381" s="1" t="s">
        <v>9407</v>
      </c>
      <c r="B2381" s="1" t="s">
        <v>9408</v>
      </c>
      <c r="C2381" s="1" t="s">
        <v>25</v>
      </c>
      <c r="D2381" s="1" t="s">
        <v>3016</v>
      </c>
      <c r="E2381" s="1" t="s">
        <v>9421</v>
      </c>
      <c r="F2381" s="1" t="s">
        <v>9422</v>
      </c>
      <c r="G2381" s="1" t="s">
        <v>9412</v>
      </c>
      <c r="H2381" s="1" t="s">
        <v>13</v>
      </c>
      <c r="I2381" s="1" t="s">
        <v>9413</v>
      </c>
      <c r="J2381" s="1" t="s">
        <v>9423</v>
      </c>
    </row>
    <row r="2382" spans="1:10" x14ac:dyDescent="0.35">
      <c r="A2382" s="1" t="s">
        <v>9407</v>
      </c>
      <c r="B2382" s="1" t="s">
        <v>9408</v>
      </c>
      <c r="C2382" s="1" t="s">
        <v>30</v>
      </c>
      <c r="D2382" s="1" t="s">
        <v>9424</v>
      </c>
      <c r="E2382" s="1" t="s">
        <v>9425</v>
      </c>
      <c r="F2382" s="1" t="s">
        <v>9426</v>
      </c>
      <c r="G2382" s="1" t="s">
        <v>9412</v>
      </c>
      <c r="H2382" s="1" t="s">
        <v>13</v>
      </c>
      <c r="I2382" s="1" t="s">
        <v>9413</v>
      </c>
      <c r="J2382" s="1" t="s">
        <v>9427</v>
      </c>
    </row>
    <row r="2383" spans="1:10" x14ac:dyDescent="0.35">
      <c r="A2383" s="1" t="s">
        <v>9407</v>
      </c>
      <c r="B2383" s="1" t="s">
        <v>9408</v>
      </c>
      <c r="C2383" s="1" t="s">
        <v>35</v>
      </c>
      <c r="D2383" s="1" t="s">
        <v>9428</v>
      </c>
      <c r="E2383" s="1" t="s">
        <v>9429</v>
      </c>
      <c r="F2383" s="1" t="s">
        <v>9430</v>
      </c>
      <c r="G2383" s="1" t="s">
        <v>9412</v>
      </c>
      <c r="H2383" s="1" t="s">
        <v>13</v>
      </c>
      <c r="I2383" s="1" t="s">
        <v>9413</v>
      </c>
      <c r="J2383" s="1" t="s">
        <v>9431</v>
      </c>
    </row>
    <row r="2384" spans="1:10" x14ac:dyDescent="0.35">
      <c r="A2384" s="1" t="s">
        <v>9407</v>
      </c>
      <c r="B2384" s="1" t="s">
        <v>9408</v>
      </c>
      <c r="C2384" s="1" t="s">
        <v>40</v>
      </c>
      <c r="D2384" s="1" t="s">
        <v>9432</v>
      </c>
      <c r="E2384" s="1" t="s">
        <v>9433</v>
      </c>
      <c r="F2384" s="1" t="s">
        <v>9434</v>
      </c>
      <c r="G2384" s="1" t="s">
        <v>9412</v>
      </c>
      <c r="H2384" s="1" t="s">
        <v>13</v>
      </c>
      <c r="I2384" s="1" t="s">
        <v>9413</v>
      </c>
      <c r="J2384" s="1" t="s">
        <v>9435</v>
      </c>
    </row>
    <row r="2385" spans="1:10" x14ac:dyDescent="0.35">
      <c r="A2385" s="1" t="s">
        <v>9407</v>
      </c>
      <c r="B2385" s="1" t="s">
        <v>9408</v>
      </c>
      <c r="C2385" s="1" t="s">
        <v>45</v>
      </c>
      <c r="D2385" s="1" t="s">
        <v>9436</v>
      </c>
      <c r="E2385" s="1" t="s">
        <v>9437</v>
      </c>
      <c r="F2385" s="1" t="s">
        <v>9438</v>
      </c>
      <c r="G2385" s="1" t="s">
        <v>9412</v>
      </c>
      <c r="H2385" s="1" t="s">
        <v>13</v>
      </c>
      <c r="I2385" s="1" t="s">
        <v>9413</v>
      </c>
      <c r="J2385" s="1" t="s">
        <v>9439</v>
      </c>
    </row>
    <row r="2386" spans="1:10" x14ac:dyDescent="0.35">
      <c r="A2386" s="1" t="s">
        <v>9407</v>
      </c>
      <c r="B2386" s="1" t="s">
        <v>9408</v>
      </c>
      <c r="C2386" s="1" t="s">
        <v>50</v>
      </c>
      <c r="D2386" s="1" t="s">
        <v>9440</v>
      </c>
      <c r="E2386" s="1" t="s">
        <v>9441</v>
      </c>
      <c r="F2386" s="1" t="s">
        <v>9442</v>
      </c>
      <c r="G2386" s="1" t="s">
        <v>9412</v>
      </c>
      <c r="H2386" s="1" t="s">
        <v>13</v>
      </c>
      <c r="I2386" s="1" t="s">
        <v>9413</v>
      </c>
      <c r="J2386" s="1" t="s">
        <v>9443</v>
      </c>
    </row>
    <row r="2387" spans="1:10" x14ac:dyDescent="0.35">
      <c r="A2387" s="1" t="s">
        <v>9407</v>
      </c>
      <c r="B2387" s="1" t="s">
        <v>9408</v>
      </c>
      <c r="C2387" s="1" t="s">
        <v>55</v>
      </c>
      <c r="D2387" s="1" t="s">
        <v>9444</v>
      </c>
      <c r="E2387" s="1" t="s">
        <v>9445</v>
      </c>
      <c r="F2387" s="1" t="s">
        <v>9446</v>
      </c>
      <c r="G2387" s="1" t="s">
        <v>9412</v>
      </c>
      <c r="H2387" s="1" t="s">
        <v>13</v>
      </c>
      <c r="I2387" s="1" t="s">
        <v>9413</v>
      </c>
      <c r="J2387" s="1" t="s">
        <v>9447</v>
      </c>
    </row>
    <row r="2388" spans="1:10" x14ac:dyDescent="0.35">
      <c r="A2388" s="1" t="s">
        <v>9407</v>
      </c>
      <c r="B2388" s="1" t="s">
        <v>9408</v>
      </c>
      <c r="C2388" s="1" t="s">
        <v>60</v>
      </c>
      <c r="D2388" s="1" t="s">
        <v>9448</v>
      </c>
      <c r="E2388" s="1" t="s">
        <v>9449</v>
      </c>
      <c r="F2388" s="1" t="s">
        <v>9450</v>
      </c>
      <c r="G2388" s="1" t="s">
        <v>9412</v>
      </c>
      <c r="H2388" s="1" t="s">
        <v>13</v>
      </c>
      <c r="I2388" s="1" t="s">
        <v>9413</v>
      </c>
      <c r="J2388" s="1" t="s">
        <v>9451</v>
      </c>
    </row>
    <row r="2389" spans="1:10" x14ac:dyDescent="0.35">
      <c r="A2389" s="1" t="s">
        <v>9407</v>
      </c>
      <c r="B2389" s="1" t="s">
        <v>9408</v>
      </c>
      <c r="C2389" s="1" t="s">
        <v>65</v>
      </c>
      <c r="D2389" s="1" t="s">
        <v>9452</v>
      </c>
      <c r="E2389" s="1" t="s">
        <v>9453</v>
      </c>
      <c r="F2389" s="1" t="s">
        <v>9454</v>
      </c>
      <c r="G2389" s="1" t="s">
        <v>9412</v>
      </c>
      <c r="H2389" s="1" t="s">
        <v>13</v>
      </c>
      <c r="I2389" s="1" t="s">
        <v>9413</v>
      </c>
      <c r="J2389" s="1" t="s">
        <v>9455</v>
      </c>
    </row>
    <row r="2390" spans="1:10" x14ac:dyDescent="0.35">
      <c r="A2390" s="1" t="s">
        <v>9407</v>
      </c>
      <c r="B2390" s="1" t="s">
        <v>9408</v>
      </c>
      <c r="C2390" s="1" t="s">
        <v>70</v>
      </c>
      <c r="D2390" s="1" t="s">
        <v>9456</v>
      </c>
      <c r="E2390" s="1" t="s">
        <v>9457</v>
      </c>
      <c r="F2390" s="1" t="s">
        <v>9458</v>
      </c>
      <c r="G2390" s="1" t="s">
        <v>9412</v>
      </c>
      <c r="H2390" s="1" t="s">
        <v>13</v>
      </c>
      <c r="I2390" s="1" t="s">
        <v>9413</v>
      </c>
      <c r="J2390" s="1" t="s">
        <v>9459</v>
      </c>
    </row>
    <row r="2391" spans="1:10" x14ac:dyDescent="0.35">
      <c r="A2391" s="1" t="s">
        <v>9407</v>
      </c>
      <c r="B2391" s="1" t="s">
        <v>9408</v>
      </c>
      <c r="C2391" s="1" t="s">
        <v>75</v>
      </c>
      <c r="D2391" s="1" t="s">
        <v>9460</v>
      </c>
      <c r="E2391" s="1" t="s">
        <v>9461</v>
      </c>
      <c r="F2391" s="1" t="s">
        <v>9462</v>
      </c>
      <c r="G2391" s="1" t="s">
        <v>9412</v>
      </c>
      <c r="H2391" s="1" t="s">
        <v>13</v>
      </c>
      <c r="I2391" s="1" t="s">
        <v>9413</v>
      </c>
      <c r="J2391" s="1" t="s">
        <v>9463</v>
      </c>
    </row>
    <row r="2392" spans="1:10" x14ac:dyDescent="0.35">
      <c r="A2392" s="1" t="s">
        <v>9407</v>
      </c>
      <c r="B2392" s="1" t="s">
        <v>9408</v>
      </c>
      <c r="C2392" s="1" t="s">
        <v>80</v>
      </c>
      <c r="D2392" s="1" t="s">
        <v>9464</v>
      </c>
      <c r="E2392" s="1" t="s">
        <v>9465</v>
      </c>
      <c r="F2392" s="1" t="s">
        <v>9466</v>
      </c>
      <c r="G2392" s="1" t="s">
        <v>9412</v>
      </c>
      <c r="H2392" s="1" t="s">
        <v>13</v>
      </c>
      <c r="I2392" s="1" t="s">
        <v>9413</v>
      </c>
      <c r="J2392" s="1" t="s">
        <v>9467</v>
      </c>
    </row>
    <row r="2393" spans="1:10" x14ac:dyDescent="0.35">
      <c r="A2393" s="1" t="s">
        <v>9407</v>
      </c>
      <c r="B2393" s="1" t="s">
        <v>9408</v>
      </c>
      <c r="C2393" s="1" t="s">
        <v>85</v>
      </c>
      <c r="D2393" s="1" t="s">
        <v>9468</v>
      </c>
      <c r="E2393" s="1" t="s">
        <v>9469</v>
      </c>
      <c r="F2393" s="1" t="s">
        <v>9470</v>
      </c>
      <c r="G2393" s="1" t="s">
        <v>9412</v>
      </c>
      <c r="H2393" s="1" t="s">
        <v>13</v>
      </c>
      <c r="I2393" s="1" t="s">
        <v>9413</v>
      </c>
      <c r="J2393" s="1" t="s">
        <v>9471</v>
      </c>
    </row>
    <row r="2394" spans="1:10" x14ac:dyDescent="0.35">
      <c r="A2394" s="1" t="s">
        <v>9407</v>
      </c>
      <c r="B2394" s="1" t="s">
        <v>9408</v>
      </c>
      <c r="C2394" s="1" t="s">
        <v>90</v>
      </c>
      <c r="D2394" s="1" t="s">
        <v>9472</v>
      </c>
      <c r="E2394" s="1" t="s">
        <v>9473</v>
      </c>
      <c r="F2394" s="1" t="s">
        <v>9474</v>
      </c>
      <c r="G2394" s="1" t="s">
        <v>9412</v>
      </c>
      <c r="H2394" s="1" t="s">
        <v>13</v>
      </c>
      <c r="I2394" s="1" t="s">
        <v>9413</v>
      </c>
      <c r="J2394" s="1" t="s">
        <v>9475</v>
      </c>
    </row>
    <row r="2395" spans="1:10" x14ac:dyDescent="0.35">
      <c r="A2395" s="1" t="s">
        <v>9407</v>
      </c>
      <c r="B2395" s="1" t="s">
        <v>9408</v>
      </c>
      <c r="C2395" s="1" t="s">
        <v>95</v>
      </c>
      <c r="D2395" s="1" t="s">
        <v>9476</v>
      </c>
      <c r="E2395" s="1" t="s">
        <v>9477</v>
      </c>
      <c r="F2395" s="1" t="s">
        <v>9478</v>
      </c>
      <c r="G2395" s="1" t="s">
        <v>9412</v>
      </c>
      <c r="H2395" s="1" t="s">
        <v>13</v>
      </c>
      <c r="I2395" s="1" t="s">
        <v>9413</v>
      </c>
      <c r="J2395" s="1" t="s">
        <v>9479</v>
      </c>
    </row>
    <row r="2396" spans="1:10" x14ac:dyDescent="0.35">
      <c r="A2396" s="1" t="s">
        <v>9407</v>
      </c>
      <c r="B2396" s="1" t="s">
        <v>9408</v>
      </c>
      <c r="C2396" s="1" t="s">
        <v>100</v>
      </c>
      <c r="D2396" s="1" t="s">
        <v>9480</v>
      </c>
      <c r="E2396" s="1" t="s">
        <v>9481</v>
      </c>
      <c r="F2396" s="1" t="s">
        <v>9482</v>
      </c>
      <c r="G2396" s="1" t="s">
        <v>9412</v>
      </c>
      <c r="H2396" s="1" t="s">
        <v>13</v>
      </c>
      <c r="I2396" s="1" t="s">
        <v>9413</v>
      </c>
      <c r="J2396" s="1" t="s">
        <v>9483</v>
      </c>
    </row>
    <row r="2397" spans="1:10" x14ac:dyDescent="0.35">
      <c r="A2397" s="1" t="s">
        <v>9407</v>
      </c>
      <c r="B2397" s="1" t="s">
        <v>9408</v>
      </c>
      <c r="C2397" s="1" t="s">
        <v>105</v>
      </c>
      <c r="D2397" s="1" t="s">
        <v>9484</v>
      </c>
      <c r="E2397" s="1" t="s">
        <v>9485</v>
      </c>
      <c r="F2397" s="1" t="s">
        <v>9486</v>
      </c>
      <c r="G2397" s="1" t="s">
        <v>9412</v>
      </c>
      <c r="H2397" s="1" t="s">
        <v>13</v>
      </c>
      <c r="I2397" s="1" t="s">
        <v>9413</v>
      </c>
      <c r="J2397" s="1" t="s">
        <v>9487</v>
      </c>
    </row>
    <row r="2398" spans="1:10" x14ac:dyDescent="0.35">
      <c r="A2398" s="1" t="s">
        <v>9407</v>
      </c>
      <c r="B2398" s="1" t="s">
        <v>9408</v>
      </c>
      <c r="C2398" s="1" t="s">
        <v>110</v>
      </c>
      <c r="D2398" s="1" t="s">
        <v>9488</v>
      </c>
      <c r="E2398" s="1" t="s">
        <v>9489</v>
      </c>
      <c r="F2398" s="1" t="s">
        <v>9490</v>
      </c>
      <c r="G2398" s="1" t="s">
        <v>9412</v>
      </c>
      <c r="H2398" s="1" t="s">
        <v>13</v>
      </c>
      <c r="I2398" s="1" t="s">
        <v>9413</v>
      </c>
      <c r="J2398" s="1" t="s">
        <v>9491</v>
      </c>
    </row>
    <row r="2399" spans="1:10" x14ac:dyDescent="0.35">
      <c r="A2399" s="1" t="s">
        <v>9407</v>
      </c>
      <c r="B2399" s="1" t="s">
        <v>9408</v>
      </c>
      <c r="C2399" s="1" t="s">
        <v>115</v>
      </c>
      <c r="D2399" s="1" t="s">
        <v>9492</v>
      </c>
      <c r="E2399" s="1" t="s">
        <v>9493</v>
      </c>
      <c r="F2399" s="1" t="s">
        <v>9494</v>
      </c>
      <c r="G2399" s="1" t="s">
        <v>9412</v>
      </c>
      <c r="H2399" s="1" t="s">
        <v>13</v>
      </c>
      <c r="I2399" s="1" t="s">
        <v>9413</v>
      </c>
      <c r="J2399" s="1" t="s">
        <v>9495</v>
      </c>
    </row>
    <row r="2400" spans="1:10" x14ac:dyDescent="0.35">
      <c r="A2400" s="1" t="s">
        <v>9407</v>
      </c>
      <c r="B2400" s="1" t="s">
        <v>9408</v>
      </c>
      <c r="C2400" s="1" t="s">
        <v>120</v>
      </c>
      <c r="D2400" s="1" t="s">
        <v>9496</v>
      </c>
      <c r="E2400" s="1" t="s">
        <v>9497</v>
      </c>
      <c r="F2400" s="1" t="s">
        <v>9498</v>
      </c>
      <c r="G2400" s="1" t="s">
        <v>9412</v>
      </c>
      <c r="H2400" s="1" t="s">
        <v>13</v>
      </c>
      <c r="I2400" s="1" t="s">
        <v>9413</v>
      </c>
      <c r="J2400" s="1" t="s">
        <v>9499</v>
      </c>
    </row>
    <row r="2401" spans="1:10" x14ac:dyDescent="0.35">
      <c r="A2401" s="1" t="s">
        <v>9407</v>
      </c>
      <c r="B2401" s="1" t="s">
        <v>9408</v>
      </c>
      <c r="C2401" s="1" t="s">
        <v>125</v>
      </c>
      <c r="D2401" s="1" t="s">
        <v>9500</v>
      </c>
      <c r="E2401" s="1" t="s">
        <v>9501</v>
      </c>
      <c r="F2401" s="1" t="s">
        <v>9502</v>
      </c>
      <c r="G2401" s="1" t="s">
        <v>9412</v>
      </c>
      <c r="H2401" s="1" t="s">
        <v>13</v>
      </c>
      <c r="I2401" s="1" t="s">
        <v>9413</v>
      </c>
      <c r="J2401" s="1" t="s">
        <v>9503</v>
      </c>
    </row>
    <row r="2402" spans="1:10" x14ac:dyDescent="0.35">
      <c r="A2402" s="1" t="s">
        <v>9407</v>
      </c>
      <c r="B2402" s="1" t="s">
        <v>9408</v>
      </c>
      <c r="C2402" s="1" t="s">
        <v>130</v>
      </c>
      <c r="D2402" s="1" t="s">
        <v>9504</v>
      </c>
      <c r="E2402" s="1" t="s">
        <v>9505</v>
      </c>
      <c r="F2402" s="1" t="s">
        <v>9506</v>
      </c>
      <c r="G2402" s="1" t="s">
        <v>9412</v>
      </c>
      <c r="H2402" s="1" t="s">
        <v>13</v>
      </c>
      <c r="I2402" s="1" t="s">
        <v>9413</v>
      </c>
      <c r="J2402" s="1" t="s">
        <v>9507</v>
      </c>
    </row>
    <row r="2403" spans="1:10" x14ac:dyDescent="0.35">
      <c r="A2403" s="1" t="s">
        <v>9407</v>
      </c>
      <c r="B2403" s="1" t="s">
        <v>9408</v>
      </c>
      <c r="C2403" s="1" t="s">
        <v>135</v>
      </c>
      <c r="D2403" s="1" t="s">
        <v>9508</v>
      </c>
      <c r="E2403" s="1" t="s">
        <v>9509</v>
      </c>
      <c r="F2403" s="1" t="s">
        <v>9510</v>
      </c>
      <c r="G2403" s="1" t="s">
        <v>9412</v>
      </c>
      <c r="H2403" s="1" t="s">
        <v>13</v>
      </c>
      <c r="I2403" s="1" t="s">
        <v>9413</v>
      </c>
      <c r="J2403" s="1" t="s">
        <v>9511</v>
      </c>
    </row>
    <row r="2404" spans="1:10" x14ac:dyDescent="0.35">
      <c r="A2404" s="1" t="s">
        <v>9407</v>
      </c>
      <c r="B2404" s="1" t="s">
        <v>9408</v>
      </c>
      <c r="C2404" s="1" t="s">
        <v>140</v>
      </c>
      <c r="D2404" s="1" t="s">
        <v>9512</v>
      </c>
      <c r="E2404" s="1" t="s">
        <v>9513</v>
      </c>
      <c r="F2404" s="1" t="s">
        <v>9514</v>
      </c>
      <c r="G2404" s="1" t="s">
        <v>9412</v>
      </c>
      <c r="H2404" s="1" t="s">
        <v>13</v>
      </c>
      <c r="I2404" s="1" t="s">
        <v>9413</v>
      </c>
      <c r="J2404" s="1" t="s">
        <v>9515</v>
      </c>
    </row>
    <row r="2405" spans="1:10" x14ac:dyDescent="0.35">
      <c r="A2405" s="1" t="s">
        <v>9407</v>
      </c>
      <c r="B2405" s="1" t="s">
        <v>9408</v>
      </c>
      <c r="C2405" s="1" t="s">
        <v>145</v>
      </c>
      <c r="D2405" s="1" t="s">
        <v>9516</v>
      </c>
      <c r="E2405" s="1" t="s">
        <v>9517</v>
      </c>
      <c r="F2405" s="1" t="s">
        <v>9518</v>
      </c>
      <c r="G2405" s="1" t="s">
        <v>9412</v>
      </c>
      <c r="H2405" s="1" t="s">
        <v>13</v>
      </c>
      <c r="I2405" s="1" t="s">
        <v>9413</v>
      </c>
      <c r="J2405" s="1" t="s">
        <v>9519</v>
      </c>
    </row>
    <row r="2406" spans="1:10" x14ac:dyDescent="0.35">
      <c r="A2406" s="1" t="s">
        <v>9407</v>
      </c>
      <c r="B2406" s="1" t="s">
        <v>9408</v>
      </c>
      <c r="C2406" s="1" t="s">
        <v>150</v>
      </c>
      <c r="D2406" s="1" t="s">
        <v>9520</v>
      </c>
      <c r="E2406" s="1" t="s">
        <v>9521</v>
      </c>
      <c r="F2406" s="1" t="s">
        <v>9522</v>
      </c>
      <c r="G2406" s="1" t="s">
        <v>9412</v>
      </c>
      <c r="H2406" s="1" t="s">
        <v>13</v>
      </c>
      <c r="I2406" s="1" t="s">
        <v>9413</v>
      </c>
      <c r="J2406" s="1" t="s">
        <v>9523</v>
      </c>
    </row>
    <row r="2407" spans="1:10" x14ac:dyDescent="0.35">
      <c r="A2407" s="1" t="s">
        <v>9407</v>
      </c>
      <c r="B2407" s="1" t="s">
        <v>9408</v>
      </c>
      <c r="C2407" s="1" t="s">
        <v>155</v>
      </c>
      <c r="D2407" s="1" t="s">
        <v>9524</v>
      </c>
      <c r="E2407" s="1" t="s">
        <v>9525</v>
      </c>
      <c r="F2407" s="1" t="s">
        <v>9526</v>
      </c>
      <c r="G2407" s="1" t="s">
        <v>9412</v>
      </c>
      <c r="H2407" s="1" t="s">
        <v>13</v>
      </c>
      <c r="I2407" s="1" t="s">
        <v>9413</v>
      </c>
      <c r="J2407" s="1" t="s">
        <v>9527</v>
      </c>
    </row>
    <row r="2408" spans="1:10" x14ac:dyDescent="0.35">
      <c r="A2408" s="1" t="s">
        <v>9407</v>
      </c>
      <c r="B2408" s="1" t="s">
        <v>9408</v>
      </c>
      <c r="C2408" s="1" t="s">
        <v>160</v>
      </c>
      <c r="D2408" s="1" t="s">
        <v>9528</v>
      </c>
      <c r="E2408" s="1" t="s">
        <v>9529</v>
      </c>
      <c r="F2408" s="1" t="s">
        <v>9530</v>
      </c>
      <c r="G2408" s="1" t="s">
        <v>9412</v>
      </c>
      <c r="H2408" s="1" t="s">
        <v>13</v>
      </c>
      <c r="I2408" s="1" t="s">
        <v>9413</v>
      </c>
      <c r="J2408" s="1" t="s">
        <v>9531</v>
      </c>
    </row>
    <row r="2409" spans="1:10" x14ac:dyDescent="0.35">
      <c r="A2409" s="1" t="s">
        <v>9407</v>
      </c>
      <c r="B2409" s="1" t="s">
        <v>9408</v>
      </c>
      <c r="C2409" s="1" t="s">
        <v>165</v>
      </c>
      <c r="D2409" s="1" t="s">
        <v>9532</v>
      </c>
      <c r="E2409" s="1" t="s">
        <v>9533</v>
      </c>
      <c r="F2409" s="1" t="s">
        <v>9534</v>
      </c>
      <c r="G2409" s="1" t="s">
        <v>9412</v>
      </c>
      <c r="H2409" s="1" t="s">
        <v>13</v>
      </c>
      <c r="I2409" s="1" t="s">
        <v>9413</v>
      </c>
      <c r="J2409" s="1" t="s">
        <v>9535</v>
      </c>
    </row>
    <row r="2410" spans="1:10" x14ac:dyDescent="0.35">
      <c r="A2410" s="1" t="s">
        <v>9407</v>
      </c>
      <c r="B2410" s="1" t="s">
        <v>9408</v>
      </c>
      <c r="C2410" s="1" t="s">
        <v>170</v>
      </c>
      <c r="D2410" s="1" t="s">
        <v>9536</v>
      </c>
      <c r="E2410" s="1" t="s">
        <v>9537</v>
      </c>
      <c r="F2410" s="1" t="s">
        <v>9538</v>
      </c>
      <c r="G2410" s="1" t="s">
        <v>9412</v>
      </c>
      <c r="H2410" s="1" t="s">
        <v>13</v>
      </c>
      <c r="I2410" s="1" t="s">
        <v>9413</v>
      </c>
      <c r="J2410" s="1" t="s">
        <v>9539</v>
      </c>
    </row>
    <row r="2411" spans="1:10" x14ac:dyDescent="0.35">
      <c r="A2411" s="1" t="s">
        <v>9540</v>
      </c>
      <c r="B2411" s="1" t="s">
        <v>9541</v>
      </c>
      <c r="C2411" s="1" t="s">
        <v>8</v>
      </c>
      <c r="D2411" s="1" t="s">
        <v>7980</v>
      </c>
      <c r="E2411" s="1" t="s">
        <v>9542</v>
      </c>
      <c r="F2411" s="1" t="s">
        <v>9543</v>
      </c>
      <c r="G2411" s="1" t="s">
        <v>9544</v>
      </c>
      <c r="H2411" s="1" t="s">
        <v>13</v>
      </c>
      <c r="I2411" s="1" t="s">
        <v>9545</v>
      </c>
      <c r="J2411" s="1" t="s">
        <v>13</v>
      </c>
    </row>
    <row r="2412" spans="1:10" x14ac:dyDescent="0.35">
      <c r="A2412" s="1" t="s">
        <v>9540</v>
      </c>
      <c r="B2412" s="1" t="s">
        <v>9541</v>
      </c>
      <c r="C2412" s="1" t="s">
        <v>15</v>
      </c>
      <c r="D2412" s="1" t="s">
        <v>9546</v>
      </c>
      <c r="E2412" s="1" t="s">
        <v>9547</v>
      </c>
      <c r="F2412" s="1" t="s">
        <v>9548</v>
      </c>
      <c r="G2412" s="1" t="s">
        <v>9544</v>
      </c>
      <c r="H2412" s="1" t="s">
        <v>13</v>
      </c>
      <c r="I2412" s="1" t="s">
        <v>9545</v>
      </c>
      <c r="J2412" s="1" t="s">
        <v>9549</v>
      </c>
    </row>
    <row r="2413" spans="1:10" x14ac:dyDescent="0.35">
      <c r="A2413" s="1" t="s">
        <v>9540</v>
      </c>
      <c r="B2413" s="1" t="s">
        <v>9541</v>
      </c>
      <c r="C2413" s="1" t="s">
        <v>20</v>
      </c>
      <c r="D2413" s="1" t="s">
        <v>9550</v>
      </c>
      <c r="E2413" s="1" t="s">
        <v>9551</v>
      </c>
      <c r="F2413" s="1" t="s">
        <v>9552</v>
      </c>
      <c r="G2413" s="1" t="s">
        <v>9544</v>
      </c>
      <c r="H2413" s="1" t="s">
        <v>13</v>
      </c>
      <c r="I2413" s="1" t="s">
        <v>9545</v>
      </c>
      <c r="J2413" s="1" t="s">
        <v>9553</v>
      </c>
    </row>
    <row r="2414" spans="1:10" x14ac:dyDescent="0.35">
      <c r="A2414" s="1" t="s">
        <v>9540</v>
      </c>
      <c r="B2414" s="1" t="s">
        <v>9541</v>
      </c>
      <c r="C2414" s="1" t="s">
        <v>25</v>
      </c>
      <c r="D2414" s="1" t="s">
        <v>9554</v>
      </c>
      <c r="E2414" s="1" t="s">
        <v>9555</v>
      </c>
      <c r="F2414" s="1" t="s">
        <v>9556</v>
      </c>
      <c r="G2414" s="1" t="s">
        <v>9544</v>
      </c>
      <c r="H2414" s="1" t="s">
        <v>13</v>
      </c>
      <c r="I2414" s="1" t="s">
        <v>9545</v>
      </c>
      <c r="J2414" s="1" t="s">
        <v>9557</v>
      </c>
    </row>
    <row r="2415" spans="1:10" x14ac:dyDescent="0.35">
      <c r="A2415" s="1" t="s">
        <v>9540</v>
      </c>
      <c r="B2415" s="1" t="s">
        <v>9541</v>
      </c>
      <c r="C2415" s="1" t="s">
        <v>30</v>
      </c>
      <c r="D2415" s="1" t="s">
        <v>9558</v>
      </c>
      <c r="E2415" s="1" t="s">
        <v>9559</v>
      </c>
      <c r="F2415" s="1" t="s">
        <v>9560</v>
      </c>
      <c r="G2415" s="1" t="s">
        <v>9544</v>
      </c>
      <c r="H2415" s="1" t="s">
        <v>13</v>
      </c>
      <c r="I2415" s="1" t="s">
        <v>9545</v>
      </c>
      <c r="J2415" s="1" t="s">
        <v>9561</v>
      </c>
    </row>
    <row r="2416" spans="1:10" x14ac:dyDescent="0.35">
      <c r="A2416" s="1" t="s">
        <v>9540</v>
      </c>
      <c r="B2416" s="1" t="s">
        <v>9541</v>
      </c>
      <c r="C2416" s="1" t="s">
        <v>35</v>
      </c>
      <c r="D2416" s="1" t="s">
        <v>9562</v>
      </c>
      <c r="E2416" s="1" t="s">
        <v>9563</v>
      </c>
      <c r="F2416" s="1" t="s">
        <v>9564</v>
      </c>
      <c r="G2416" s="1" t="s">
        <v>9544</v>
      </c>
      <c r="H2416" s="1" t="s">
        <v>13</v>
      </c>
      <c r="I2416" s="1" t="s">
        <v>9545</v>
      </c>
      <c r="J2416" s="1" t="s">
        <v>9565</v>
      </c>
    </row>
    <row r="2417" spans="1:10" x14ac:dyDescent="0.35">
      <c r="A2417" s="1" t="s">
        <v>9540</v>
      </c>
      <c r="B2417" s="1" t="s">
        <v>9541</v>
      </c>
      <c r="C2417" s="1" t="s">
        <v>40</v>
      </c>
      <c r="D2417" s="1" t="s">
        <v>9566</v>
      </c>
      <c r="E2417" s="1" t="s">
        <v>9567</v>
      </c>
      <c r="F2417" s="1" t="s">
        <v>9568</v>
      </c>
      <c r="G2417" s="1" t="s">
        <v>9544</v>
      </c>
      <c r="H2417" s="1" t="s">
        <v>13</v>
      </c>
      <c r="I2417" s="1" t="s">
        <v>9545</v>
      </c>
      <c r="J2417" s="1" t="s">
        <v>9569</v>
      </c>
    </row>
    <row r="2418" spans="1:10" x14ac:dyDescent="0.35">
      <c r="A2418" s="1" t="s">
        <v>9540</v>
      </c>
      <c r="B2418" s="1" t="s">
        <v>9541</v>
      </c>
      <c r="C2418" s="1" t="s">
        <v>45</v>
      </c>
      <c r="D2418" s="1" t="s">
        <v>9570</v>
      </c>
      <c r="E2418" s="1" t="s">
        <v>9571</v>
      </c>
      <c r="F2418" s="1" t="s">
        <v>9572</v>
      </c>
      <c r="G2418" s="1" t="s">
        <v>9544</v>
      </c>
      <c r="H2418" s="1" t="s">
        <v>13</v>
      </c>
      <c r="I2418" s="1" t="s">
        <v>9545</v>
      </c>
      <c r="J2418" s="1" t="s">
        <v>9573</v>
      </c>
    </row>
    <row r="2419" spans="1:10" x14ac:dyDescent="0.35">
      <c r="A2419" s="1" t="s">
        <v>9540</v>
      </c>
      <c r="B2419" s="1" t="s">
        <v>9541</v>
      </c>
      <c r="C2419" s="1" t="s">
        <v>50</v>
      </c>
      <c r="D2419" s="1" t="s">
        <v>9574</v>
      </c>
      <c r="E2419" s="1" t="s">
        <v>9575</v>
      </c>
      <c r="F2419" s="1" t="s">
        <v>9576</v>
      </c>
      <c r="G2419" s="1" t="s">
        <v>9544</v>
      </c>
      <c r="H2419" s="1" t="s">
        <v>13</v>
      </c>
      <c r="I2419" s="1" t="s">
        <v>9545</v>
      </c>
      <c r="J2419" s="1" t="s">
        <v>9577</v>
      </c>
    </row>
    <row r="2420" spans="1:10" x14ac:dyDescent="0.35">
      <c r="A2420" s="1" t="s">
        <v>9540</v>
      </c>
      <c r="B2420" s="1" t="s">
        <v>9541</v>
      </c>
      <c r="C2420" s="1" t="s">
        <v>55</v>
      </c>
      <c r="D2420" s="1" t="s">
        <v>9578</v>
      </c>
      <c r="E2420" s="1" t="s">
        <v>9579</v>
      </c>
      <c r="F2420" s="1" t="s">
        <v>9580</v>
      </c>
      <c r="G2420" s="1" t="s">
        <v>9544</v>
      </c>
      <c r="H2420" s="1" t="s">
        <v>13</v>
      </c>
      <c r="I2420" s="1" t="s">
        <v>9545</v>
      </c>
      <c r="J2420" s="1" t="s">
        <v>9581</v>
      </c>
    </row>
    <row r="2421" spans="1:10" x14ac:dyDescent="0.35">
      <c r="A2421" s="1" t="s">
        <v>9540</v>
      </c>
      <c r="B2421" s="1" t="s">
        <v>9541</v>
      </c>
      <c r="C2421" s="1" t="s">
        <v>60</v>
      </c>
      <c r="D2421" s="1" t="s">
        <v>9582</v>
      </c>
      <c r="E2421" s="1" t="s">
        <v>9583</v>
      </c>
      <c r="F2421" s="1" t="s">
        <v>9584</v>
      </c>
      <c r="G2421" s="1" t="s">
        <v>9544</v>
      </c>
      <c r="H2421" s="1" t="s">
        <v>13</v>
      </c>
      <c r="I2421" s="1" t="s">
        <v>9545</v>
      </c>
      <c r="J2421" s="1" t="s">
        <v>9585</v>
      </c>
    </row>
    <row r="2422" spans="1:10" x14ac:dyDescent="0.35">
      <c r="A2422" s="1" t="s">
        <v>9540</v>
      </c>
      <c r="B2422" s="1" t="s">
        <v>9541</v>
      </c>
      <c r="C2422" s="1" t="s">
        <v>65</v>
      </c>
      <c r="D2422" s="1" t="s">
        <v>9586</v>
      </c>
      <c r="E2422" s="1" t="s">
        <v>9587</v>
      </c>
      <c r="F2422" s="1" t="s">
        <v>9588</v>
      </c>
      <c r="G2422" s="1" t="s">
        <v>9544</v>
      </c>
      <c r="H2422" s="1" t="s">
        <v>13</v>
      </c>
      <c r="I2422" s="1" t="s">
        <v>9545</v>
      </c>
      <c r="J2422" s="1" t="s">
        <v>9589</v>
      </c>
    </row>
    <row r="2423" spans="1:10" x14ac:dyDescent="0.35">
      <c r="A2423" s="1" t="s">
        <v>9540</v>
      </c>
      <c r="B2423" s="1" t="s">
        <v>9541</v>
      </c>
      <c r="C2423" s="1" t="s">
        <v>70</v>
      </c>
      <c r="D2423" s="1" t="s">
        <v>9590</v>
      </c>
      <c r="E2423" s="1" t="s">
        <v>9591</v>
      </c>
      <c r="F2423" s="1" t="s">
        <v>9592</v>
      </c>
      <c r="G2423" s="1" t="s">
        <v>9544</v>
      </c>
      <c r="H2423" s="1" t="s">
        <v>13</v>
      </c>
      <c r="I2423" s="1" t="s">
        <v>9545</v>
      </c>
      <c r="J2423" s="1" t="s">
        <v>9593</v>
      </c>
    </row>
    <row r="2424" spans="1:10" x14ac:dyDescent="0.35">
      <c r="A2424" s="1" t="s">
        <v>9540</v>
      </c>
      <c r="B2424" s="1" t="s">
        <v>9541</v>
      </c>
      <c r="C2424" s="1" t="s">
        <v>75</v>
      </c>
      <c r="D2424" s="1" t="s">
        <v>9594</v>
      </c>
      <c r="E2424" s="1" t="s">
        <v>9595</v>
      </c>
      <c r="F2424" s="1" t="s">
        <v>9596</v>
      </c>
      <c r="G2424" s="1" t="s">
        <v>9544</v>
      </c>
      <c r="H2424" s="1" t="s">
        <v>13</v>
      </c>
      <c r="I2424" s="1" t="s">
        <v>9545</v>
      </c>
      <c r="J2424" s="1" t="s">
        <v>9597</v>
      </c>
    </row>
    <row r="2425" spans="1:10" x14ac:dyDescent="0.35">
      <c r="A2425" s="1" t="s">
        <v>9540</v>
      </c>
      <c r="B2425" s="1" t="s">
        <v>9541</v>
      </c>
      <c r="C2425" s="1" t="s">
        <v>80</v>
      </c>
      <c r="D2425" s="1" t="s">
        <v>4153</v>
      </c>
      <c r="E2425" s="1" t="s">
        <v>9598</v>
      </c>
      <c r="F2425" s="1" t="s">
        <v>9599</v>
      </c>
      <c r="G2425" s="1" t="s">
        <v>9544</v>
      </c>
      <c r="H2425" s="1" t="s">
        <v>13</v>
      </c>
      <c r="I2425" s="1" t="s">
        <v>9545</v>
      </c>
      <c r="J2425" s="1" t="s">
        <v>9600</v>
      </c>
    </row>
    <row r="2426" spans="1:10" x14ac:dyDescent="0.35">
      <c r="A2426" s="1" t="s">
        <v>9540</v>
      </c>
      <c r="B2426" s="1" t="s">
        <v>9541</v>
      </c>
      <c r="C2426" s="1" t="s">
        <v>85</v>
      </c>
      <c r="D2426" s="1" t="s">
        <v>9601</v>
      </c>
      <c r="E2426" s="1" t="s">
        <v>9602</v>
      </c>
      <c r="F2426" s="1" t="s">
        <v>9603</v>
      </c>
      <c r="G2426" s="1" t="s">
        <v>9544</v>
      </c>
      <c r="H2426" s="1" t="s">
        <v>13</v>
      </c>
      <c r="I2426" s="1" t="s">
        <v>9545</v>
      </c>
      <c r="J2426" s="1" t="s">
        <v>9604</v>
      </c>
    </row>
    <row r="2427" spans="1:10" x14ac:dyDescent="0.35">
      <c r="A2427" s="1" t="s">
        <v>9540</v>
      </c>
      <c r="B2427" s="1" t="s">
        <v>9541</v>
      </c>
      <c r="C2427" s="1" t="s">
        <v>90</v>
      </c>
      <c r="D2427" s="1" t="s">
        <v>9605</v>
      </c>
      <c r="E2427" s="1" t="s">
        <v>9606</v>
      </c>
      <c r="F2427" s="1" t="s">
        <v>9607</v>
      </c>
      <c r="G2427" s="1" t="s">
        <v>9544</v>
      </c>
      <c r="H2427" s="1" t="s">
        <v>13</v>
      </c>
      <c r="I2427" s="1" t="s">
        <v>9545</v>
      </c>
      <c r="J2427" s="1" t="s">
        <v>9608</v>
      </c>
    </row>
    <row r="2428" spans="1:10" x14ac:dyDescent="0.35">
      <c r="A2428" s="1" t="s">
        <v>9540</v>
      </c>
      <c r="B2428" s="1" t="s">
        <v>9541</v>
      </c>
      <c r="C2428" s="1" t="s">
        <v>95</v>
      </c>
      <c r="D2428" s="1" t="s">
        <v>9609</v>
      </c>
      <c r="E2428" s="1" t="s">
        <v>9610</v>
      </c>
      <c r="F2428" s="1" t="s">
        <v>9611</v>
      </c>
      <c r="G2428" s="1" t="s">
        <v>9544</v>
      </c>
      <c r="H2428" s="1" t="s">
        <v>13</v>
      </c>
      <c r="I2428" s="1" t="s">
        <v>9545</v>
      </c>
      <c r="J2428" s="1" t="s">
        <v>9612</v>
      </c>
    </row>
    <row r="2429" spans="1:10" x14ac:dyDescent="0.35">
      <c r="A2429" s="1" t="s">
        <v>9540</v>
      </c>
      <c r="B2429" s="1" t="s">
        <v>9541</v>
      </c>
      <c r="C2429" s="1" t="s">
        <v>100</v>
      </c>
      <c r="D2429" s="1" t="s">
        <v>9613</v>
      </c>
      <c r="E2429" s="1" t="s">
        <v>9614</v>
      </c>
      <c r="F2429" s="1" t="s">
        <v>9615</v>
      </c>
      <c r="G2429" s="1" t="s">
        <v>9544</v>
      </c>
      <c r="H2429" s="1" t="s">
        <v>13</v>
      </c>
      <c r="I2429" s="1" t="s">
        <v>9545</v>
      </c>
      <c r="J2429" s="1" t="s">
        <v>9616</v>
      </c>
    </row>
    <row r="2430" spans="1:10" x14ac:dyDescent="0.35">
      <c r="A2430" s="1" t="s">
        <v>9540</v>
      </c>
      <c r="B2430" s="1" t="s">
        <v>9541</v>
      </c>
      <c r="C2430" s="1" t="s">
        <v>105</v>
      </c>
      <c r="D2430" s="1" t="s">
        <v>856</v>
      </c>
      <c r="E2430" s="1" t="s">
        <v>9617</v>
      </c>
      <c r="F2430" s="1" t="s">
        <v>9618</v>
      </c>
      <c r="G2430" s="1" t="s">
        <v>9544</v>
      </c>
      <c r="H2430" s="1" t="s">
        <v>13</v>
      </c>
      <c r="I2430" s="1" t="s">
        <v>9545</v>
      </c>
      <c r="J2430" s="1" t="s">
        <v>9619</v>
      </c>
    </row>
    <row r="2431" spans="1:10" x14ac:dyDescent="0.35">
      <c r="A2431" s="1" t="s">
        <v>9540</v>
      </c>
      <c r="B2431" s="1" t="s">
        <v>9541</v>
      </c>
      <c r="C2431" s="1" t="s">
        <v>110</v>
      </c>
      <c r="D2431" s="1" t="s">
        <v>9620</v>
      </c>
      <c r="E2431" s="1" t="s">
        <v>9621</v>
      </c>
      <c r="F2431" s="1" t="s">
        <v>9622</v>
      </c>
      <c r="G2431" s="1" t="s">
        <v>9544</v>
      </c>
      <c r="H2431" s="1" t="s">
        <v>13</v>
      </c>
      <c r="I2431" s="1" t="s">
        <v>9545</v>
      </c>
      <c r="J2431" s="1" t="s">
        <v>9623</v>
      </c>
    </row>
    <row r="2432" spans="1:10" x14ac:dyDescent="0.35">
      <c r="A2432" s="1" t="s">
        <v>9540</v>
      </c>
      <c r="B2432" s="1" t="s">
        <v>9541</v>
      </c>
      <c r="C2432" s="1" t="s">
        <v>115</v>
      </c>
      <c r="D2432" s="1" t="s">
        <v>9624</v>
      </c>
      <c r="E2432" s="1" t="s">
        <v>9625</v>
      </c>
      <c r="F2432" s="1" t="s">
        <v>9626</v>
      </c>
      <c r="G2432" s="1" t="s">
        <v>9544</v>
      </c>
      <c r="H2432" s="1" t="s">
        <v>13</v>
      </c>
      <c r="I2432" s="1" t="s">
        <v>9545</v>
      </c>
      <c r="J2432" s="1" t="s">
        <v>9627</v>
      </c>
    </row>
    <row r="2433" spans="1:10" x14ac:dyDescent="0.35">
      <c r="A2433" s="1" t="s">
        <v>9540</v>
      </c>
      <c r="B2433" s="1" t="s">
        <v>9541</v>
      </c>
      <c r="C2433" s="1" t="s">
        <v>120</v>
      </c>
      <c r="D2433" s="1" t="s">
        <v>9628</v>
      </c>
      <c r="E2433" s="1" t="s">
        <v>9629</v>
      </c>
      <c r="F2433" s="1" t="s">
        <v>9630</v>
      </c>
      <c r="G2433" s="1" t="s">
        <v>9544</v>
      </c>
      <c r="H2433" s="1" t="s">
        <v>13</v>
      </c>
      <c r="I2433" s="1" t="s">
        <v>9545</v>
      </c>
      <c r="J2433" s="1" t="s">
        <v>9631</v>
      </c>
    </row>
    <row r="2434" spans="1:10" x14ac:dyDescent="0.35">
      <c r="A2434" s="1" t="s">
        <v>9540</v>
      </c>
      <c r="B2434" s="1" t="s">
        <v>9541</v>
      </c>
      <c r="C2434" s="1" t="s">
        <v>125</v>
      </c>
      <c r="D2434" s="1" t="s">
        <v>9632</v>
      </c>
      <c r="E2434" s="1" t="s">
        <v>9633</v>
      </c>
      <c r="F2434" s="1" t="s">
        <v>9634</v>
      </c>
      <c r="G2434" s="1" t="s">
        <v>9544</v>
      </c>
      <c r="H2434" s="1" t="s">
        <v>13</v>
      </c>
      <c r="I2434" s="1" t="s">
        <v>9545</v>
      </c>
      <c r="J2434" s="1" t="s">
        <v>9635</v>
      </c>
    </row>
    <row r="2435" spans="1:10" x14ac:dyDescent="0.35">
      <c r="A2435" s="1" t="s">
        <v>9540</v>
      </c>
      <c r="B2435" s="1" t="s">
        <v>9541</v>
      </c>
      <c r="C2435" s="1" t="s">
        <v>130</v>
      </c>
      <c r="D2435" s="1" t="s">
        <v>9636</v>
      </c>
      <c r="E2435" s="1" t="s">
        <v>9637</v>
      </c>
      <c r="F2435" s="1" t="s">
        <v>9638</v>
      </c>
      <c r="G2435" s="1" t="s">
        <v>9544</v>
      </c>
      <c r="H2435" s="1" t="s">
        <v>13</v>
      </c>
      <c r="I2435" s="1" t="s">
        <v>9545</v>
      </c>
      <c r="J2435" s="1" t="s">
        <v>9639</v>
      </c>
    </row>
    <row r="2436" spans="1:10" x14ac:dyDescent="0.35">
      <c r="A2436" s="1" t="s">
        <v>9540</v>
      </c>
      <c r="B2436" s="1" t="s">
        <v>9541</v>
      </c>
      <c r="C2436" s="1" t="s">
        <v>135</v>
      </c>
      <c r="D2436" s="1" t="s">
        <v>9640</v>
      </c>
      <c r="E2436" s="1" t="s">
        <v>9641</v>
      </c>
      <c r="F2436" s="1" t="s">
        <v>9642</v>
      </c>
      <c r="G2436" s="1" t="s">
        <v>9544</v>
      </c>
      <c r="H2436" s="1" t="s">
        <v>13</v>
      </c>
      <c r="I2436" s="1" t="s">
        <v>9545</v>
      </c>
      <c r="J2436" s="1" t="s">
        <v>9643</v>
      </c>
    </row>
    <row r="2437" spans="1:10" x14ac:dyDescent="0.35">
      <c r="A2437" s="1" t="s">
        <v>9540</v>
      </c>
      <c r="B2437" s="1" t="s">
        <v>9541</v>
      </c>
      <c r="C2437" s="1" t="s">
        <v>140</v>
      </c>
      <c r="D2437" s="1" t="s">
        <v>9644</v>
      </c>
      <c r="E2437" s="1" t="s">
        <v>9645</v>
      </c>
      <c r="F2437" s="1" t="s">
        <v>9646</v>
      </c>
      <c r="G2437" s="1" t="s">
        <v>9544</v>
      </c>
      <c r="H2437" s="1" t="s">
        <v>13</v>
      </c>
      <c r="I2437" s="1" t="s">
        <v>9545</v>
      </c>
      <c r="J2437" s="1" t="s">
        <v>9647</v>
      </c>
    </row>
    <row r="2438" spans="1:10" x14ac:dyDescent="0.35">
      <c r="A2438" s="1" t="s">
        <v>9540</v>
      </c>
      <c r="B2438" s="1" t="s">
        <v>9541</v>
      </c>
      <c r="C2438" s="1" t="s">
        <v>145</v>
      </c>
      <c r="D2438" s="1" t="s">
        <v>9648</v>
      </c>
      <c r="E2438" s="1" t="s">
        <v>9649</v>
      </c>
      <c r="F2438" s="1" t="s">
        <v>9650</v>
      </c>
      <c r="G2438" s="1" t="s">
        <v>9544</v>
      </c>
      <c r="H2438" s="1" t="s">
        <v>13</v>
      </c>
      <c r="I2438" s="1" t="s">
        <v>9545</v>
      </c>
      <c r="J2438" s="1" t="s">
        <v>9651</v>
      </c>
    </row>
    <row r="2439" spans="1:10" x14ac:dyDescent="0.35">
      <c r="A2439" s="1" t="s">
        <v>9540</v>
      </c>
      <c r="B2439" s="1" t="s">
        <v>9541</v>
      </c>
      <c r="C2439" s="1" t="s">
        <v>150</v>
      </c>
      <c r="D2439" s="1" t="s">
        <v>9652</v>
      </c>
      <c r="E2439" s="1" t="s">
        <v>9653</v>
      </c>
      <c r="F2439" s="1" t="s">
        <v>9654</v>
      </c>
      <c r="G2439" s="1" t="s">
        <v>9544</v>
      </c>
      <c r="H2439" s="1" t="s">
        <v>13</v>
      </c>
      <c r="I2439" s="1" t="s">
        <v>9545</v>
      </c>
      <c r="J2439" s="1" t="s">
        <v>9655</v>
      </c>
    </row>
    <row r="2440" spans="1:10" x14ac:dyDescent="0.35">
      <c r="A2440" s="1" t="s">
        <v>9540</v>
      </c>
      <c r="B2440" s="1" t="s">
        <v>9541</v>
      </c>
      <c r="C2440" s="1" t="s">
        <v>155</v>
      </c>
      <c r="D2440" s="1" t="s">
        <v>116</v>
      </c>
      <c r="E2440" s="1" t="s">
        <v>9656</v>
      </c>
      <c r="F2440" s="1" t="s">
        <v>9657</v>
      </c>
      <c r="G2440" s="1" t="s">
        <v>9544</v>
      </c>
      <c r="H2440" s="1" t="s">
        <v>13</v>
      </c>
      <c r="I2440" s="1" t="s">
        <v>9545</v>
      </c>
      <c r="J2440" s="1" t="s">
        <v>9658</v>
      </c>
    </row>
    <row r="2441" spans="1:10" x14ac:dyDescent="0.35">
      <c r="A2441" s="1" t="s">
        <v>9540</v>
      </c>
      <c r="B2441" s="1" t="s">
        <v>9541</v>
      </c>
      <c r="C2441" s="1" t="s">
        <v>160</v>
      </c>
      <c r="D2441" s="1" t="s">
        <v>9659</v>
      </c>
      <c r="E2441" s="1" t="s">
        <v>9660</v>
      </c>
      <c r="F2441" s="1" t="s">
        <v>9661</v>
      </c>
      <c r="G2441" s="1" t="s">
        <v>9544</v>
      </c>
      <c r="H2441" s="1" t="s">
        <v>13</v>
      </c>
      <c r="I2441" s="1" t="s">
        <v>9545</v>
      </c>
      <c r="J2441" s="1" t="s">
        <v>9662</v>
      </c>
    </row>
    <row r="2442" spans="1:10" x14ac:dyDescent="0.35">
      <c r="A2442" s="1" t="s">
        <v>9540</v>
      </c>
      <c r="B2442" s="1" t="s">
        <v>9541</v>
      </c>
      <c r="C2442" s="1" t="s">
        <v>165</v>
      </c>
      <c r="D2442" s="1" t="s">
        <v>9663</v>
      </c>
      <c r="E2442" s="1" t="s">
        <v>9664</v>
      </c>
      <c r="F2442" s="1" t="s">
        <v>9665</v>
      </c>
      <c r="G2442" s="1" t="s">
        <v>9544</v>
      </c>
      <c r="H2442" s="1" t="s">
        <v>13</v>
      </c>
      <c r="I2442" s="1" t="s">
        <v>9545</v>
      </c>
      <c r="J2442" s="1" t="s">
        <v>9666</v>
      </c>
    </row>
    <row r="2443" spans="1:10" x14ac:dyDescent="0.35">
      <c r="A2443" s="1" t="s">
        <v>9540</v>
      </c>
      <c r="B2443" s="1" t="s">
        <v>9541</v>
      </c>
      <c r="C2443" s="1" t="s">
        <v>170</v>
      </c>
      <c r="D2443" s="1" t="s">
        <v>9667</v>
      </c>
      <c r="E2443" s="1" t="s">
        <v>9668</v>
      </c>
      <c r="F2443" s="1" t="s">
        <v>9669</v>
      </c>
      <c r="G2443" s="1" t="s">
        <v>9544</v>
      </c>
      <c r="H2443" s="1" t="s">
        <v>13</v>
      </c>
      <c r="I2443" s="1" t="s">
        <v>9545</v>
      </c>
      <c r="J2443" s="1" t="s">
        <v>9670</v>
      </c>
    </row>
    <row r="2444" spans="1:10" x14ac:dyDescent="0.35">
      <c r="A2444" s="1" t="s">
        <v>9671</v>
      </c>
      <c r="B2444" s="1" t="s">
        <v>9672</v>
      </c>
      <c r="C2444" s="1" t="s">
        <v>8</v>
      </c>
      <c r="D2444" s="1" t="s">
        <v>9673</v>
      </c>
      <c r="E2444" s="1" t="s">
        <v>9674</v>
      </c>
      <c r="F2444" s="1" t="s">
        <v>9675</v>
      </c>
      <c r="G2444" s="1" t="s">
        <v>9676</v>
      </c>
      <c r="H2444" s="1" t="s">
        <v>13</v>
      </c>
      <c r="I2444" s="1" t="s">
        <v>9677</v>
      </c>
      <c r="J2444" s="1" t="s">
        <v>13</v>
      </c>
    </row>
    <row r="2445" spans="1:10" x14ac:dyDescent="0.35">
      <c r="A2445" s="1" t="s">
        <v>9671</v>
      </c>
      <c r="B2445" s="1" t="s">
        <v>9672</v>
      </c>
      <c r="C2445" s="1" t="s">
        <v>15</v>
      </c>
      <c r="D2445" s="1" t="s">
        <v>9678</v>
      </c>
      <c r="E2445" s="1" t="s">
        <v>9679</v>
      </c>
      <c r="F2445" s="1" t="s">
        <v>9680</v>
      </c>
      <c r="G2445" s="1" t="s">
        <v>9676</v>
      </c>
      <c r="H2445" s="1" t="s">
        <v>13</v>
      </c>
      <c r="I2445" s="1" t="s">
        <v>9677</v>
      </c>
      <c r="J2445" s="1" t="s">
        <v>9681</v>
      </c>
    </row>
    <row r="2446" spans="1:10" x14ac:dyDescent="0.35">
      <c r="A2446" s="1" t="s">
        <v>9671</v>
      </c>
      <c r="B2446" s="1" t="s">
        <v>9672</v>
      </c>
      <c r="C2446" s="1" t="s">
        <v>20</v>
      </c>
      <c r="D2446" s="1" t="s">
        <v>9682</v>
      </c>
      <c r="E2446" s="1" t="s">
        <v>9683</v>
      </c>
      <c r="F2446" s="1" t="s">
        <v>9684</v>
      </c>
      <c r="G2446" s="1" t="s">
        <v>9676</v>
      </c>
      <c r="H2446" s="1" t="s">
        <v>13</v>
      </c>
      <c r="I2446" s="1" t="s">
        <v>9677</v>
      </c>
      <c r="J2446" s="1" t="s">
        <v>9685</v>
      </c>
    </row>
    <row r="2447" spans="1:10" x14ac:dyDescent="0.35">
      <c r="A2447" s="1" t="s">
        <v>9671</v>
      </c>
      <c r="B2447" s="1" t="s">
        <v>9672</v>
      </c>
      <c r="C2447" s="1" t="s">
        <v>25</v>
      </c>
      <c r="D2447" s="1" t="s">
        <v>9686</v>
      </c>
      <c r="E2447" s="1" t="s">
        <v>9687</v>
      </c>
      <c r="F2447" s="1" t="s">
        <v>9688</v>
      </c>
      <c r="G2447" s="1" t="s">
        <v>9676</v>
      </c>
      <c r="H2447" s="1" t="s">
        <v>13</v>
      </c>
      <c r="I2447" s="1" t="s">
        <v>9677</v>
      </c>
      <c r="J2447" s="1" t="s">
        <v>9689</v>
      </c>
    </row>
    <row r="2448" spans="1:10" x14ac:dyDescent="0.35">
      <c r="A2448" s="1" t="s">
        <v>9671</v>
      </c>
      <c r="B2448" s="1" t="s">
        <v>9672</v>
      </c>
      <c r="C2448" s="1" t="s">
        <v>30</v>
      </c>
      <c r="D2448" s="1" t="s">
        <v>9690</v>
      </c>
      <c r="E2448" s="1" t="s">
        <v>9691</v>
      </c>
      <c r="F2448" s="1" t="s">
        <v>9692</v>
      </c>
      <c r="G2448" s="1" t="s">
        <v>9676</v>
      </c>
      <c r="H2448" s="1" t="s">
        <v>13</v>
      </c>
      <c r="I2448" s="1" t="s">
        <v>9677</v>
      </c>
      <c r="J2448" s="1" t="s">
        <v>9693</v>
      </c>
    </row>
    <row r="2449" spans="1:10" x14ac:dyDescent="0.35">
      <c r="A2449" s="1" t="s">
        <v>9671</v>
      </c>
      <c r="B2449" s="1" t="s">
        <v>9672</v>
      </c>
      <c r="C2449" s="1" t="s">
        <v>35</v>
      </c>
      <c r="D2449" s="1" t="s">
        <v>9694</v>
      </c>
      <c r="E2449" s="1" t="s">
        <v>9695</v>
      </c>
      <c r="F2449" s="1" t="s">
        <v>9696</v>
      </c>
      <c r="G2449" s="1" t="s">
        <v>9676</v>
      </c>
      <c r="H2449" s="1" t="s">
        <v>13</v>
      </c>
      <c r="I2449" s="1" t="s">
        <v>9677</v>
      </c>
      <c r="J2449" s="1" t="s">
        <v>9697</v>
      </c>
    </row>
    <row r="2450" spans="1:10" x14ac:dyDescent="0.35">
      <c r="A2450" s="1" t="s">
        <v>9671</v>
      </c>
      <c r="B2450" s="1" t="s">
        <v>9672</v>
      </c>
      <c r="C2450" s="1" t="s">
        <v>40</v>
      </c>
      <c r="D2450" s="1" t="s">
        <v>9698</v>
      </c>
      <c r="E2450" s="1" t="s">
        <v>9699</v>
      </c>
      <c r="F2450" s="1" t="s">
        <v>9700</v>
      </c>
      <c r="G2450" s="1" t="s">
        <v>9676</v>
      </c>
      <c r="H2450" s="1" t="s">
        <v>13</v>
      </c>
      <c r="I2450" s="1" t="s">
        <v>9677</v>
      </c>
      <c r="J2450" s="1" t="s">
        <v>9701</v>
      </c>
    </row>
    <row r="2451" spans="1:10" x14ac:dyDescent="0.35">
      <c r="A2451" s="1" t="s">
        <v>9671</v>
      </c>
      <c r="B2451" s="1" t="s">
        <v>9672</v>
      </c>
      <c r="C2451" s="1" t="s">
        <v>45</v>
      </c>
      <c r="D2451" s="1" t="s">
        <v>9702</v>
      </c>
      <c r="E2451" s="1" t="s">
        <v>9703</v>
      </c>
      <c r="F2451" s="1" t="s">
        <v>9704</v>
      </c>
      <c r="G2451" s="1" t="s">
        <v>9676</v>
      </c>
      <c r="H2451" s="1" t="s">
        <v>13</v>
      </c>
      <c r="I2451" s="1" t="s">
        <v>9677</v>
      </c>
      <c r="J2451" s="1" t="s">
        <v>9705</v>
      </c>
    </row>
    <row r="2452" spans="1:10" x14ac:dyDescent="0.35">
      <c r="A2452" s="1" t="s">
        <v>9671</v>
      </c>
      <c r="B2452" s="1" t="s">
        <v>9672</v>
      </c>
      <c r="C2452" s="1" t="s">
        <v>50</v>
      </c>
      <c r="D2452" s="1" t="s">
        <v>9706</v>
      </c>
      <c r="E2452" s="1" t="s">
        <v>9707</v>
      </c>
      <c r="F2452" s="1" t="s">
        <v>9708</v>
      </c>
      <c r="G2452" s="1" t="s">
        <v>9676</v>
      </c>
      <c r="H2452" s="1" t="s">
        <v>13</v>
      </c>
      <c r="I2452" s="1" t="s">
        <v>9677</v>
      </c>
      <c r="J2452" s="1" t="s">
        <v>9709</v>
      </c>
    </row>
    <row r="2453" spans="1:10" x14ac:dyDescent="0.35">
      <c r="A2453" s="1" t="s">
        <v>9671</v>
      </c>
      <c r="B2453" s="1" t="s">
        <v>9672</v>
      </c>
      <c r="C2453" s="1" t="s">
        <v>55</v>
      </c>
      <c r="D2453" s="1" t="s">
        <v>9710</v>
      </c>
      <c r="E2453" s="1" t="s">
        <v>9711</v>
      </c>
      <c r="F2453" s="1" t="s">
        <v>9712</v>
      </c>
      <c r="G2453" s="1" t="s">
        <v>9676</v>
      </c>
      <c r="H2453" s="1" t="s">
        <v>13</v>
      </c>
      <c r="I2453" s="1" t="s">
        <v>9677</v>
      </c>
      <c r="J2453" s="1" t="s">
        <v>9713</v>
      </c>
    </row>
    <row r="2454" spans="1:10" x14ac:dyDescent="0.35">
      <c r="A2454" s="1" t="s">
        <v>9671</v>
      </c>
      <c r="B2454" s="1" t="s">
        <v>9672</v>
      </c>
      <c r="C2454" s="1" t="s">
        <v>60</v>
      </c>
      <c r="D2454" s="1" t="s">
        <v>9714</v>
      </c>
      <c r="E2454" s="1" t="s">
        <v>9715</v>
      </c>
      <c r="F2454" s="1" t="s">
        <v>9716</v>
      </c>
      <c r="G2454" s="1" t="s">
        <v>9676</v>
      </c>
      <c r="H2454" s="1" t="s">
        <v>13</v>
      </c>
      <c r="I2454" s="1" t="s">
        <v>9677</v>
      </c>
      <c r="J2454" s="1" t="s">
        <v>9717</v>
      </c>
    </row>
    <row r="2455" spans="1:10" x14ac:dyDescent="0.35">
      <c r="A2455" s="1" t="s">
        <v>9671</v>
      </c>
      <c r="B2455" s="1" t="s">
        <v>9672</v>
      </c>
      <c r="C2455" s="1" t="s">
        <v>65</v>
      </c>
      <c r="D2455" s="1" t="s">
        <v>9718</v>
      </c>
      <c r="E2455" s="1" t="s">
        <v>9719</v>
      </c>
      <c r="F2455" s="1" t="s">
        <v>9720</v>
      </c>
      <c r="G2455" s="1" t="s">
        <v>9676</v>
      </c>
      <c r="H2455" s="1" t="s">
        <v>13</v>
      </c>
      <c r="I2455" s="1" t="s">
        <v>9677</v>
      </c>
      <c r="J2455" s="1" t="s">
        <v>9721</v>
      </c>
    </row>
    <row r="2456" spans="1:10" x14ac:dyDescent="0.35">
      <c r="A2456" s="1" t="s">
        <v>9671</v>
      </c>
      <c r="B2456" s="1" t="s">
        <v>9672</v>
      </c>
      <c r="C2456" s="1" t="s">
        <v>70</v>
      </c>
      <c r="D2456" s="1" t="s">
        <v>9722</v>
      </c>
      <c r="E2456" s="1" t="s">
        <v>9723</v>
      </c>
      <c r="F2456" s="1" t="s">
        <v>9724</v>
      </c>
      <c r="G2456" s="1" t="s">
        <v>9676</v>
      </c>
      <c r="H2456" s="1" t="s">
        <v>13</v>
      </c>
      <c r="I2456" s="1" t="s">
        <v>9677</v>
      </c>
      <c r="J2456" s="1" t="s">
        <v>9725</v>
      </c>
    </row>
    <row r="2457" spans="1:10" x14ac:dyDescent="0.35">
      <c r="A2457" s="1" t="s">
        <v>9671</v>
      </c>
      <c r="B2457" s="1" t="s">
        <v>9672</v>
      </c>
      <c r="C2457" s="1" t="s">
        <v>75</v>
      </c>
      <c r="D2457" s="1" t="s">
        <v>9726</v>
      </c>
      <c r="E2457" s="1" t="s">
        <v>9727</v>
      </c>
      <c r="F2457" s="1" t="s">
        <v>9728</v>
      </c>
      <c r="G2457" s="1" t="s">
        <v>9676</v>
      </c>
      <c r="H2457" s="1" t="s">
        <v>13</v>
      </c>
      <c r="I2457" s="1" t="s">
        <v>9677</v>
      </c>
      <c r="J2457" s="1" t="s">
        <v>9729</v>
      </c>
    </row>
    <row r="2458" spans="1:10" x14ac:dyDescent="0.35">
      <c r="A2458" s="1" t="s">
        <v>9671</v>
      </c>
      <c r="B2458" s="1" t="s">
        <v>9672</v>
      </c>
      <c r="C2458" s="1" t="s">
        <v>80</v>
      </c>
      <c r="D2458" s="1" t="s">
        <v>9730</v>
      </c>
      <c r="E2458" s="1" t="s">
        <v>9731</v>
      </c>
      <c r="F2458" s="1" t="s">
        <v>9732</v>
      </c>
      <c r="G2458" s="1" t="s">
        <v>9676</v>
      </c>
      <c r="H2458" s="1" t="s">
        <v>13</v>
      </c>
      <c r="I2458" s="1" t="s">
        <v>9677</v>
      </c>
      <c r="J2458" s="1" t="s">
        <v>9733</v>
      </c>
    </row>
    <row r="2459" spans="1:10" x14ac:dyDescent="0.35">
      <c r="A2459" s="1" t="s">
        <v>9671</v>
      </c>
      <c r="B2459" s="1" t="s">
        <v>9672</v>
      </c>
      <c r="C2459" s="1" t="s">
        <v>85</v>
      </c>
      <c r="D2459" s="1" t="s">
        <v>9734</v>
      </c>
      <c r="E2459" s="1" t="s">
        <v>9735</v>
      </c>
      <c r="F2459" s="1" t="s">
        <v>9736</v>
      </c>
      <c r="G2459" s="1" t="s">
        <v>9676</v>
      </c>
      <c r="H2459" s="1" t="s">
        <v>13</v>
      </c>
      <c r="I2459" s="1" t="s">
        <v>9677</v>
      </c>
      <c r="J2459" s="1" t="s">
        <v>9737</v>
      </c>
    </row>
    <row r="2460" spans="1:10" x14ac:dyDescent="0.35">
      <c r="A2460" s="1" t="s">
        <v>9671</v>
      </c>
      <c r="B2460" s="1" t="s">
        <v>9672</v>
      </c>
      <c r="C2460" s="1" t="s">
        <v>90</v>
      </c>
      <c r="D2460" s="1" t="s">
        <v>9738</v>
      </c>
      <c r="E2460" s="1" t="s">
        <v>9739</v>
      </c>
      <c r="F2460" s="1" t="s">
        <v>9740</v>
      </c>
      <c r="G2460" s="1" t="s">
        <v>9676</v>
      </c>
      <c r="H2460" s="1" t="s">
        <v>13</v>
      </c>
      <c r="I2460" s="1" t="s">
        <v>9677</v>
      </c>
      <c r="J2460" s="1" t="s">
        <v>9741</v>
      </c>
    </row>
    <row r="2461" spans="1:10" x14ac:dyDescent="0.35">
      <c r="A2461" s="1" t="s">
        <v>9671</v>
      </c>
      <c r="B2461" s="1" t="s">
        <v>9672</v>
      </c>
      <c r="C2461" s="1" t="s">
        <v>95</v>
      </c>
      <c r="D2461" s="1" t="s">
        <v>9742</v>
      </c>
      <c r="E2461" s="1" t="s">
        <v>9743</v>
      </c>
      <c r="F2461" s="1" t="s">
        <v>9744</v>
      </c>
      <c r="G2461" s="1" t="s">
        <v>9676</v>
      </c>
      <c r="H2461" s="1" t="s">
        <v>13</v>
      </c>
      <c r="I2461" s="1" t="s">
        <v>9677</v>
      </c>
      <c r="J2461" s="1" t="s">
        <v>9745</v>
      </c>
    </row>
    <row r="2462" spans="1:10" x14ac:dyDescent="0.35">
      <c r="A2462" s="1" t="s">
        <v>9671</v>
      </c>
      <c r="B2462" s="1" t="s">
        <v>9672</v>
      </c>
      <c r="C2462" s="1" t="s">
        <v>100</v>
      </c>
      <c r="D2462" s="1" t="s">
        <v>9746</v>
      </c>
      <c r="E2462" s="1" t="s">
        <v>9747</v>
      </c>
      <c r="F2462" s="1" t="s">
        <v>9748</v>
      </c>
      <c r="G2462" s="1" t="s">
        <v>9676</v>
      </c>
      <c r="H2462" s="1" t="s">
        <v>13</v>
      </c>
      <c r="I2462" s="1" t="s">
        <v>9677</v>
      </c>
      <c r="J2462" s="1" t="s">
        <v>9749</v>
      </c>
    </row>
    <row r="2463" spans="1:10" x14ac:dyDescent="0.35">
      <c r="A2463" s="1" t="s">
        <v>9671</v>
      </c>
      <c r="B2463" s="1" t="s">
        <v>9672</v>
      </c>
      <c r="C2463" s="1" t="s">
        <v>105</v>
      </c>
      <c r="D2463" s="1" t="s">
        <v>9750</v>
      </c>
      <c r="E2463" s="1" t="s">
        <v>9751</v>
      </c>
      <c r="F2463" s="1" t="s">
        <v>9752</v>
      </c>
      <c r="G2463" s="1" t="s">
        <v>9676</v>
      </c>
      <c r="H2463" s="1" t="s">
        <v>13</v>
      </c>
      <c r="I2463" s="1" t="s">
        <v>9677</v>
      </c>
      <c r="J2463" s="1" t="s">
        <v>9753</v>
      </c>
    </row>
    <row r="2464" spans="1:10" x14ac:dyDescent="0.35">
      <c r="A2464" s="1" t="s">
        <v>9671</v>
      </c>
      <c r="B2464" s="1" t="s">
        <v>9672</v>
      </c>
      <c r="C2464" s="1" t="s">
        <v>110</v>
      </c>
      <c r="D2464" s="1" t="s">
        <v>9754</v>
      </c>
      <c r="E2464" s="1" t="s">
        <v>9755</v>
      </c>
      <c r="F2464" s="1" t="s">
        <v>9756</v>
      </c>
      <c r="G2464" s="1" t="s">
        <v>9676</v>
      </c>
      <c r="H2464" s="1" t="s">
        <v>13</v>
      </c>
      <c r="I2464" s="1" t="s">
        <v>9677</v>
      </c>
      <c r="J2464" s="1" t="s">
        <v>9757</v>
      </c>
    </row>
    <row r="2465" spans="1:10" x14ac:dyDescent="0.35">
      <c r="A2465" s="1" t="s">
        <v>9671</v>
      </c>
      <c r="B2465" s="1" t="s">
        <v>9672</v>
      </c>
      <c r="C2465" s="1" t="s">
        <v>115</v>
      </c>
      <c r="D2465" s="1" t="s">
        <v>9758</v>
      </c>
      <c r="E2465" s="1" t="s">
        <v>9759</v>
      </c>
      <c r="F2465" s="1" t="s">
        <v>9760</v>
      </c>
      <c r="G2465" s="1" t="s">
        <v>9676</v>
      </c>
      <c r="H2465" s="1" t="s">
        <v>13</v>
      </c>
      <c r="I2465" s="1" t="s">
        <v>9677</v>
      </c>
      <c r="J2465" s="1" t="s">
        <v>9761</v>
      </c>
    </row>
    <row r="2466" spans="1:10" x14ac:dyDescent="0.35">
      <c r="A2466" s="1" t="s">
        <v>9671</v>
      </c>
      <c r="B2466" s="1" t="s">
        <v>9672</v>
      </c>
      <c r="C2466" s="1" t="s">
        <v>120</v>
      </c>
      <c r="D2466" s="1" t="s">
        <v>9762</v>
      </c>
      <c r="E2466" s="1" t="s">
        <v>9763</v>
      </c>
      <c r="F2466" s="1" t="s">
        <v>9764</v>
      </c>
      <c r="G2466" s="1" t="s">
        <v>9676</v>
      </c>
      <c r="H2466" s="1" t="s">
        <v>13</v>
      </c>
      <c r="I2466" s="1" t="s">
        <v>9677</v>
      </c>
      <c r="J2466" s="1" t="s">
        <v>9765</v>
      </c>
    </row>
    <row r="2467" spans="1:10" x14ac:dyDescent="0.35">
      <c r="A2467" s="1" t="s">
        <v>9671</v>
      </c>
      <c r="B2467" s="1" t="s">
        <v>9672</v>
      </c>
      <c r="C2467" s="1" t="s">
        <v>125</v>
      </c>
      <c r="D2467" s="1" t="s">
        <v>9766</v>
      </c>
      <c r="E2467" s="1" t="s">
        <v>9767</v>
      </c>
      <c r="F2467" s="1" t="s">
        <v>9768</v>
      </c>
      <c r="G2467" s="1" t="s">
        <v>9676</v>
      </c>
      <c r="H2467" s="1" t="s">
        <v>13</v>
      </c>
      <c r="I2467" s="1" t="s">
        <v>9677</v>
      </c>
      <c r="J2467" s="1" t="s">
        <v>9769</v>
      </c>
    </row>
    <row r="2468" spans="1:10" x14ac:dyDescent="0.35">
      <c r="A2468" s="1" t="s">
        <v>9671</v>
      </c>
      <c r="B2468" s="1" t="s">
        <v>9672</v>
      </c>
      <c r="C2468" s="1" t="s">
        <v>130</v>
      </c>
      <c r="D2468" s="1" t="s">
        <v>9770</v>
      </c>
      <c r="E2468" s="1" t="s">
        <v>9771</v>
      </c>
      <c r="F2468" s="1" t="s">
        <v>9772</v>
      </c>
      <c r="G2468" s="1" t="s">
        <v>9676</v>
      </c>
      <c r="H2468" s="1" t="s">
        <v>13</v>
      </c>
      <c r="I2468" s="1" t="s">
        <v>9677</v>
      </c>
      <c r="J2468" s="1" t="s">
        <v>9773</v>
      </c>
    </row>
    <row r="2469" spans="1:10" x14ac:dyDescent="0.35">
      <c r="A2469" s="1" t="s">
        <v>9671</v>
      </c>
      <c r="B2469" s="1" t="s">
        <v>9672</v>
      </c>
      <c r="C2469" s="1" t="s">
        <v>135</v>
      </c>
      <c r="D2469" s="1" t="s">
        <v>9774</v>
      </c>
      <c r="E2469" s="1" t="s">
        <v>9775</v>
      </c>
      <c r="F2469" s="1" t="s">
        <v>9776</v>
      </c>
      <c r="G2469" s="1" t="s">
        <v>9676</v>
      </c>
      <c r="H2469" s="1" t="s">
        <v>13</v>
      </c>
      <c r="I2469" s="1" t="s">
        <v>9677</v>
      </c>
      <c r="J2469" s="1" t="s">
        <v>9777</v>
      </c>
    </row>
    <row r="2470" spans="1:10" x14ac:dyDescent="0.35">
      <c r="A2470" s="1" t="s">
        <v>9671</v>
      </c>
      <c r="B2470" s="1" t="s">
        <v>9672</v>
      </c>
      <c r="C2470" s="1" t="s">
        <v>140</v>
      </c>
      <c r="D2470" s="1" t="s">
        <v>9778</v>
      </c>
      <c r="E2470" s="1" t="s">
        <v>9779</v>
      </c>
      <c r="F2470" s="1" t="s">
        <v>9780</v>
      </c>
      <c r="G2470" s="1" t="s">
        <v>9676</v>
      </c>
      <c r="H2470" s="1" t="s">
        <v>13</v>
      </c>
      <c r="I2470" s="1" t="s">
        <v>9677</v>
      </c>
      <c r="J2470" s="1" t="s">
        <v>9781</v>
      </c>
    </row>
    <row r="2471" spans="1:10" x14ac:dyDescent="0.35">
      <c r="A2471" s="1" t="s">
        <v>9671</v>
      </c>
      <c r="B2471" s="1" t="s">
        <v>9672</v>
      </c>
      <c r="C2471" s="1" t="s">
        <v>145</v>
      </c>
      <c r="D2471" s="1" t="s">
        <v>9782</v>
      </c>
      <c r="E2471" s="1" t="s">
        <v>9783</v>
      </c>
      <c r="F2471" s="1" t="s">
        <v>9784</v>
      </c>
      <c r="G2471" s="1" t="s">
        <v>9676</v>
      </c>
      <c r="H2471" s="1" t="s">
        <v>13</v>
      </c>
      <c r="I2471" s="1" t="s">
        <v>9677</v>
      </c>
      <c r="J2471" s="1" t="s">
        <v>9785</v>
      </c>
    </row>
    <row r="2472" spans="1:10" x14ac:dyDescent="0.35">
      <c r="A2472" s="1" t="s">
        <v>9671</v>
      </c>
      <c r="B2472" s="1" t="s">
        <v>9672</v>
      </c>
      <c r="C2472" s="1" t="s">
        <v>150</v>
      </c>
      <c r="D2472" s="1" t="s">
        <v>9786</v>
      </c>
      <c r="E2472" s="1" t="s">
        <v>9787</v>
      </c>
      <c r="F2472" s="1" t="s">
        <v>9788</v>
      </c>
      <c r="G2472" s="1" t="s">
        <v>9676</v>
      </c>
      <c r="H2472" s="1" t="s">
        <v>13</v>
      </c>
      <c r="I2472" s="1" t="s">
        <v>9677</v>
      </c>
      <c r="J2472" s="1" t="s">
        <v>9789</v>
      </c>
    </row>
    <row r="2473" spans="1:10" x14ac:dyDescent="0.35">
      <c r="A2473" s="1" t="s">
        <v>9671</v>
      </c>
      <c r="B2473" s="1" t="s">
        <v>9672</v>
      </c>
      <c r="C2473" s="1" t="s">
        <v>155</v>
      </c>
      <c r="D2473" s="1" t="s">
        <v>9790</v>
      </c>
      <c r="E2473" s="1" t="s">
        <v>9791</v>
      </c>
      <c r="F2473" s="1" t="s">
        <v>9792</v>
      </c>
      <c r="G2473" s="1" t="s">
        <v>9676</v>
      </c>
      <c r="H2473" s="1" t="s">
        <v>13</v>
      </c>
      <c r="I2473" s="1" t="s">
        <v>9677</v>
      </c>
      <c r="J2473" s="1" t="s">
        <v>9793</v>
      </c>
    </row>
    <row r="2474" spans="1:10" x14ac:dyDescent="0.35">
      <c r="A2474" s="1" t="s">
        <v>9671</v>
      </c>
      <c r="B2474" s="1" t="s">
        <v>9672</v>
      </c>
      <c r="C2474" s="1" t="s">
        <v>160</v>
      </c>
      <c r="D2474" s="1" t="s">
        <v>9794</v>
      </c>
      <c r="E2474" s="1" t="s">
        <v>9795</v>
      </c>
      <c r="F2474" s="1" t="s">
        <v>9796</v>
      </c>
      <c r="G2474" s="1" t="s">
        <v>9676</v>
      </c>
      <c r="H2474" s="1" t="s">
        <v>13</v>
      </c>
      <c r="I2474" s="1" t="s">
        <v>9677</v>
      </c>
      <c r="J2474" s="1" t="s">
        <v>9797</v>
      </c>
    </row>
    <row r="2475" spans="1:10" x14ac:dyDescent="0.35">
      <c r="A2475" s="1" t="s">
        <v>9671</v>
      </c>
      <c r="B2475" s="1" t="s">
        <v>9672</v>
      </c>
      <c r="C2475" s="1" t="s">
        <v>165</v>
      </c>
      <c r="D2475" s="1" t="s">
        <v>9798</v>
      </c>
      <c r="E2475" s="1" t="s">
        <v>9799</v>
      </c>
      <c r="F2475" s="1" t="s">
        <v>9800</v>
      </c>
      <c r="G2475" s="1" t="s">
        <v>9676</v>
      </c>
      <c r="H2475" s="1" t="s">
        <v>13</v>
      </c>
      <c r="I2475" s="1" t="s">
        <v>9677</v>
      </c>
      <c r="J2475" s="1" t="s">
        <v>9801</v>
      </c>
    </row>
    <row r="2476" spans="1:10" x14ac:dyDescent="0.35">
      <c r="A2476" s="1" t="s">
        <v>9671</v>
      </c>
      <c r="B2476" s="1" t="s">
        <v>9672</v>
      </c>
      <c r="C2476" s="1" t="s">
        <v>170</v>
      </c>
      <c r="D2476" s="1" t="s">
        <v>9802</v>
      </c>
      <c r="E2476" s="1" t="s">
        <v>9803</v>
      </c>
      <c r="F2476" s="1" t="s">
        <v>9804</v>
      </c>
      <c r="G2476" s="1" t="s">
        <v>9676</v>
      </c>
      <c r="H2476" s="1" t="s">
        <v>13</v>
      </c>
      <c r="I2476" s="1" t="s">
        <v>9677</v>
      </c>
      <c r="J2476" s="1" t="s">
        <v>9805</v>
      </c>
    </row>
    <row r="2477" spans="1:10" x14ac:dyDescent="0.35">
      <c r="A2477" s="1" t="s">
        <v>9806</v>
      </c>
      <c r="B2477" s="1" t="s">
        <v>9807</v>
      </c>
      <c r="C2477" s="1" t="s">
        <v>8</v>
      </c>
      <c r="D2477" s="1" t="s">
        <v>9808</v>
      </c>
      <c r="E2477" s="1" t="s">
        <v>9809</v>
      </c>
      <c r="F2477" s="1" t="s">
        <v>9810</v>
      </c>
      <c r="G2477" s="1" t="s">
        <v>9811</v>
      </c>
      <c r="H2477" s="1" t="s">
        <v>13</v>
      </c>
      <c r="I2477" s="1" t="s">
        <v>9812</v>
      </c>
      <c r="J2477" s="1" t="s">
        <v>13</v>
      </c>
    </row>
    <row r="2478" spans="1:10" x14ac:dyDescent="0.35">
      <c r="A2478" s="1" t="s">
        <v>9806</v>
      </c>
      <c r="B2478" s="1" t="s">
        <v>9807</v>
      </c>
      <c r="C2478" s="1" t="s">
        <v>15</v>
      </c>
      <c r="D2478" s="1" t="s">
        <v>9813</v>
      </c>
      <c r="E2478" s="1" t="s">
        <v>9814</v>
      </c>
      <c r="F2478" s="1" t="s">
        <v>9815</v>
      </c>
      <c r="G2478" s="1" t="s">
        <v>9811</v>
      </c>
      <c r="H2478" s="1" t="s">
        <v>13</v>
      </c>
      <c r="I2478" s="1" t="s">
        <v>9812</v>
      </c>
      <c r="J2478" s="1" t="s">
        <v>9816</v>
      </c>
    </row>
    <row r="2479" spans="1:10" x14ac:dyDescent="0.35">
      <c r="A2479" s="1" t="s">
        <v>9806</v>
      </c>
      <c r="B2479" s="1" t="s">
        <v>9807</v>
      </c>
      <c r="C2479" s="1" t="s">
        <v>20</v>
      </c>
      <c r="D2479" s="1" t="s">
        <v>9813</v>
      </c>
      <c r="E2479" s="1" t="s">
        <v>9817</v>
      </c>
      <c r="F2479" s="1" t="s">
        <v>9818</v>
      </c>
      <c r="G2479" s="1" t="s">
        <v>9811</v>
      </c>
      <c r="H2479" s="1" t="s">
        <v>13</v>
      </c>
      <c r="I2479" s="1" t="s">
        <v>9812</v>
      </c>
      <c r="J2479" s="1" t="s">
        <v>1180</v>
      </c>
    </row>
    <row r="2480" spans="1:10" x14ac:dyDescent="0.35">
      <c r="A2480" s="1" t="s">
        <v>9806</v>
      </c>
      <c r="B2480" s="1" t="s">
        <v>9807</v>
      </c>
      <c r="C2480" s="1" t="s">
        <v>25</v>
      </c>
      <c r="D2480" s="1" t="s">
        <v>1813</v>
      </c>
      <c r="E2480" s="1" t="s">
        <v>9819</v>
      </c>
      <c r="F2480" s="1" t="s">
        <v>9820</v>
      </c>
      <c r="G2480" s="1" t="s">
        <v>9811</v>
      </c>
      <c r="H2480" s="1" t="s">
        <v>13</v>
      </c>
      <c r="I2480" s="1" t="s">
        <v>9812</v>
      </c>
      <c r="J2480" s="1" t="s">
        <v>9821</v>
      </c>
    </row>
    <row r="2481" spans="1:10" x14ac:dyDescent="0.35">
      <c r="A2481" s="1" t="s">
        <v>9806</v>
      </c>
      <c r="B2481" s="1" t="s">
        <v>9807</v>
      </c>
      <c r="C2481" s="1" t="s">
        <v>30</v>
      </c>
      <c r="D2481" s="1" t="s">
        <v>9822</v>
      </c>
      <c r="E2481" s="1" t="s">
        <v>9823</v>
      </c>
      <c r="F2481" s="1" t="s">
        <v>9824</v>
      </c>
      <c r="G2481" s="1" t="s">
        <v>9811</v>
      </c>
      <c r="H2481" s="1" t="s">
        <v>13</v>
      </c>
      <c r="I2481" s="1" t="s">
        <v>9812</v>
      </c>
      <c r="J2481" s="1" t="s">
        <v>9825</v>
      </c>
    </row>
    <row r="2482" spans="1:10" x14ac:dyDescent="0.35">
      <c r="A2482" s="1" t="s">
        <v>9806</v>
      </c>
      <c r="B2482" s="1" t="s">
        <v>9807</v>
      </c>
      <c r="C2482" s="1" t="s">
        <v>35</v>
      </c>
      <c r="D2482" s="1" t="s">
        <v>9826</v>
      </c>
      <c r="E2482" s="1" t="s">
        <v>9827</v>
      </c>
      <c r="F2482" s="1" t="s">
        <v>9828</v>
      </c>
      <c r="G2482" s="1" t="s">
        <v>9811</v>
      </c>
      <c r="H2482" s="1" t="s">
        <v>13</v>
      </c>
      <c r="I2482" s="1" t="s">
        <v>9812</v>
      </c>
      <c r="J2482" s="1" t="s">
        <v>9829</v>
      </c>
    </row>
    <row r="2483" spans="1:10" x14ac:dyDescent="0.35">
      <c r="A2483" s="1" t="s">
        <v>9806</v>
      </c>
      <c r="B2483" s="1" t="s">
        <v>9807</v>
      </c>
      <c r="C2483" s="1" t="s">
        <v>40</v>
      </c>
      <c r="D2483" s="1" t="s">
        <v>9830</v>
      </c>
      <c r="E2483" s="1" t="s">
        <v>9831</v>
      </c>
      <c r="F2483" s="1" t="s">
        <v>9832</v>
      </c>
      <c r="G2483" s="1" t="s">
        <v>9811</v>
      </c>
      <c r="H2483" s="1" t="s">
        <v>13</v>
      </c>
      <c r="I2483" s="1" t="s">
        <v>9812</v>
      </c>
      <c r="J2483" s="1" t="s">
        <v>9833</v>
      </c>
    </row>
    <row r="2484" spans="1:10" x14ac:dyDescent="0.35">
      <c r="A2484" s="1" t="s">
        <v>9806</v>
      </c>
      <c r="B2484" s="1" t="s">
        <v>9807</v>
      </c>
      <c r="C2484" s="1" t="s">
        <v>45</v>
      </c>
      <c r="D2484" s="1" t="s">
        <v>9834</v>
      </c>
      <c r="E2484" s="1" t="s">
        <v>9835</v>
      </c>
      <c r="F2484" s="1" t="s">
        <v>9836</v>
      </c>
      <c r="G2484" s="1" t="s">
        <v>9811</v>
      </c>
      <c r="H2484" s="1" t="s">
        <v>13</v>
      </c>
      <c r="I2484" s="1" t="s">
        <v>9812</v>
      </c>
      <c r="J2484" s="1" t="s">
        <v>9837</v>
      </c>
    </row>
    <row r="2485" spans="1:10" x14ac:dyDescent="0.35">
      <c r="A2485" s="1" t="s">
        <v>9806</v>
      </c>
      <c r="B2485" s="1" t="s">
        <v>9807</v>
      </c>
      <c r="C2485" s="1" t="s">
        <v>50</v>
      </c>
      <c r="D2485" s="1" t="s">
        <v>7350</v>
      </c>
      <c r="E2485" s="1" t="s">
        <v>9838</v>
      </c>
      <c r="F2485" s="1" t="s">
        <v>9839</v>
      </c>
      <c r="G2485" s="1" t="s">
        <v>9811</v>
      </c>
      <c r="H2485" s="1" t="s">
        <v>13</v>
      </c>
      <c r="I2485" s="1" t="s">
        <v>9812</v>
      </c>
      <c r="J2485" s="1" t="s">
        <v>9840</v>
      </c>
    </row>
    <row r="2486" spans="1:10" x14ac:dyDescent="0.35">
      <c r="A2486" s="1" t="s">
        <v>9806</v>
      </c>
      <c r="B2486" s="1" t="s">
        <v>9807</v>
      </c>
      <c r="C2486" s="1" t="s">
        <v>55</v>
      </c>
      <c r="D2486" s="1" t="s">
        <v>9841</v>
      </c>
      <c r="E2486" s="1" t="s">
        <v>9842</v>
      </c>
      <c r="F2486" s="1" t="s">
        <v>9843</v>
      </c>
      <c r="G2486" s="1" t="s">
        <v>9811</v>
      </c>
      <c r="H2486" s="1" t="s">
        <v>13</v>
      </c>
      <c r="I2486" s="1" t="s">
        <v>9812</v>
      </c>
      <c r="J2486" s="1" t="s">
        <v>9844</v>
      </c>
    </row>
    <row r="2487" spans="1:10" x14ac:dyDescent="0.35">
      <c r="A2487" s="1" t="s">
        <v>9806</v>
      </c>
      <c r="B2487" s="1" t="s">
        <v>9807</v>
      </c>
      <c r="C2487" s="1" t="s">
        <v>60</v>
      </c>
      <c r="D2487" s="1" t="s">
        <v>9841</v>
      </c>
      <c r="E2487" s="1" t="s">
        <v>9845</v>
      </c>
      <c r="F2487" s="1" t="s">
        <v>9846</v>
      </c>
      <c r="G2487" s="1" t="s">
        <v>9811</v>
      </c>
      <c r="H2487" s="1" t="s">
        <v>13</v>
      </c>
      <c r="I2487" s="1" t="s">
        <v>9812</v>
      </c>
      <c r="J2487" s="1" t="s">
        <v>1180</v>
      </c>
    </row>
    <row r="2488" spans="1:10" x14ac:dyDescent="0.35">
      <c r="A2488" s="1" t="s">
        <v>9806</v>
      </c>
      <c r="B2488" s="1" t="s">
        <v>9807</v>
      </c>
      <c r="C2488" s="1" t="s">
        <v>65</v>
      </c>
      <c r="D2488" s="1" t="s">
        <v>1142</v>
      </c>
      <c r="E2488" s="1" t="s">
        <v>9847</v>
      </c>
      <c r="F2488" s="1" t="s">
        <v>9848</v>
      </c>
      <c r="G2488" s="1" t="s">
        <v>9811</v>
      </c>
      <c r="H2488" s="1" t="s">
        <v>13</v>
      </c>
      <c r="I2488" s="1" t="s">
        <v>9812</v>
      </c>
      <c r="J2488" s="1" t="s">
        <v>9849</v>
      </c>
    </row>
    <row r="2489" spans="1:10" x14ac:dyDescent="0.35">
      <c r="A2489" s="1" t="s">
        <v>9806</v>
      </c>
      <c r="B2489" s="1" t="s">
        <v>9807</v>
      </c>
      <c r="C2489" s="1" t="s">
        <v>70</v>
      </c>
      <c r="D2489" s="1" t="s">
        <v>9850</v>
      </c>
      <c r="E2489" s="1" t="s">
        <v>9851</v>
      </c>
      <c r="F2489" s="1" t="s">
        <v>9852</v>
      </c>
      <c r="G2489" s="1" t="s">
        <v>9811</v>
      </c>
      <c r="H2489" s="1" t="s">
        <v>13</v>
      </c>
      <c r="I2489" s="1" t="s">
        <v>9812</v>
      </c>
      <c r="J2489" s="1" t="s">
        <v>9853</v>
      </c>
    </row>
    <row r="2490" spans="1:10" x14ac:dyDescent="0.35">
      <c r="A2490" s="1" t="s">
        <v>9806</v>
      </c>
      <c r="B2490" s="1" t="s">
        <v>9807</v>
      </c>
      <c r="C2490" s="1" t="s">
        <v>75</v>
      </c>
      <c r="D2490" s="1" t="s">
        <v>9854</v>
      </c>
      <c r="E2490" s="1" t="s">
        <v>9855</v>
      </c>
      <c r="F2490" s="1" t="s">
        <v>9856</v>
      </c>
      <c r="G2490" s="1" t="s">
        <v>9811</v>
      </c>
      <c r="H2490" s="1" t="s">
        <v>13</v>
      </c>
      <c r="I2490" s="1" t="s">
        <v>9812</v>
      </c>
      <c r="J2490" s="1" t="s">
        <v>9857</v>
      </c>
    </row>
    <row r="2491" spans="1:10" x14ac:dyDescent="0.35">
      <c r="A2491" s="1" t="s">
        <v>9806</v>
      </c>
      <c r="B2491" s="1" t="s">
        <v>9807</v>
      </c>
      <c r="C2491" s="1" t="s">
        <v>80</v>
      </c>
      <c r="D2491" s="1" t="s">
        <v>9858</v>
      </c>
      <c r="E2491" s="1" t="s">
        <v>9859</v>
      </c>
      <c r="F2491" s="1" t="s">
        <v>9860</v>
      </c>
      <c r="G2491" s="1" t="s">
        <v>9811</v>
      </c>
      <c r="H2491" s="1" t="s">
        <v>13</v>
      </c>
      <c r="I2491" s="1" t="s">
        <v>9812</v>
      </c>
      <c r="J2491" s="1" t="s">
        <v>9861</v>
      </c>
    </row>
    <row r="2492" spans="1:10" x14ac:dyDescent="0.35">
      <c r="A2492" s="1" t="s">
        <v>9806</v>
      </c>
      <c r="B2492" s="1" t="s">
        <v>9807</v>
      </c>
      <c r="C2492" s="1" t="s">
        <v>85</v>
      </c>
      <c r="D2492" s="1" t="s">
        <v>6359</v>
      </c>
      <c r="E2492" s="1" t="s">
        <v>9862</v>
      </c>
      <c r="F2492" s="1" t="s">
        <v>9863</v>
      </c>
      <c r="G2492" s="1" t="s">
        <v>9811</v>
      </c>
      <c r="H2492" s="1" t="s">
        <v>13</v>
      </c>
      <c r="I2492" s="1" t="s">
        <v>9812</v>
      </c>
      <c r="J2492" s="1" t="s">
        <v>9864</v>
      </c>
    </row>
    <row r="2493" spans="1:10" x14ac:dyDescent="0.35">
      <c r="A2493" s="1" t="s">
        <v>9806</v>
      </c>
      <c r="B2493" s="1" t="s">
        <v>9807</v>
      </c>
      <c r="C2493" s="1" t="s">
        <v>90</v>
      </c>
      <c r="D2493" s="1" t="s">
        <v>6367</v>
      </c>
      <c r="E2493" s="1" t="s">
        <v>9865</v>
      </c>
      <c r="F2493" s="1" t="s">
        <v>9866</v>
      </c>
      <c r="G2493" s="1" t="s">
        <v>9811</v>
      </c>
      <c r="H2493" s="1" t="s">
        <v>13</v>
      </c>
      <c r="I2493" s="1" t="s">
        <v>9812</v>
      </c>
      <c r="J2493" s="1" t="s">
        <v>9867</v>
      </c>
    </row>
    <row r="2494" spans="1:10" x14ac:dyDescent="0.35">
      <c r="A2494" s="1" t="s">
        <v>9806</v>
      </c>
      <c r="B2494" s="1" t="s">
        <v>9807</v>
      </c>
      <c r="C2494" s="1" t="s">
        <v>95</v>
      </c>
      <c r="D2494" s="1" t="s">
        <v>9868</v>
      </c>
      <c r="E2494" s="1" t="s">
        <v>9869</v>
      </c>
      <c r="F2494" s="1" t="s">
        <v>9870</v>
      </c>
      <c r="G2494" s="1" t="s">
        <v>9811</v>
      </c>
      <c r="H2494" s="1" t="s">
        <v>13</v>
      </c>
      <c r="I2494" s="1" t="s">
        <v>9812</v>
      </c>
      <c r="J2494" s="1" t="s">
        <v>9871</v>
      </c>
    </row>
    <row r="2495" spans="1:10" x14ac:dyDescent="0.35">
      <c r="A2495" s="1" t="s">
        <v>9806</v>
      </c>
      <c r="B2495" s="1" t="s">
        <v>9807</v>
      </c>
      <c r="C2495" s="1" t="s">
        <v>100</v>
      </c>
      <c r="D2495" s="1" t="s">
        <v>9872</v>
      </c>
      <c r="E2495" s="1" t="s">
        <v>9873</v>
      </c>
      <c r="F2495" s="1" t="s">
        <v>9874</v>
      </c>
      <c r="G2495" s="1" t="s">
        <v>9811</v>
      </c>
      <c r="H2495" s="1" t="s">
        <v>13</v>
      </c>
      <c r="I2495" s="1" t="s">
        <v>9812</v>
      </c>
      <c r="J2495" s="1" t="s">
        <v>9875</v>
      </c>
    </row>
    <row r="2496" spans="1:10" x14ac:dyDescent="0.35">
      <c r="A2496" s="1" t="s">
        <v>9806</v>
      </c>
      <c r="B2496" s="1" t="s">
        <v>9807</v>
      </c>
      <c r="C2496" s="1" t="s">
        <v>105</v>
      </c>
      <c r="D2496" s="1" t="s">
        <v>4528</v>
      </c>
      <c r="E2496" s="1" t="s">
        <v>9876</v>
      </c>
      <c r="F2496" s="1" t="s">
        <v>9877</v>
      </c>
      <c r="G2496" s="1" t="s">
        <v>9811</v>
      </c>
      <c r="H2496" s="1" t="s">
        <v>13</v>
      </c>
      <c r="I2496" s="1" t="s">
        <v>9812</v>
      </c>
      <c r="J2496" s="1" t="s">
        <v>9878</v>
      </c>
    </row>
    <row r="2497" spans="1:10" x14ac:dyDescent="0.35">
      <c r="A2497" s="1" t="s">
        <v>9806</v>
      </c>
      <c r="B2497" s="1" t="s">
        <v>9807</v>
      </c>
      <c r="C2497" s="1" t="s">
        <v>110</v>
      </c>
      <c r="D2497" s="1" t="s">
        <v>9879</v>
      </c>
      <c r="E2497" s="1" t="s">
        <v>9880</v>
      </c>
      <c r="F2497" s="1" t="s">
        <v>9881</v>
      </c>
      <c r="G2497" s="1" t="s">
        <v>9811</v>
      </c>
      <c r="H2497" s="1" t="s">
        <v>13</v>
      </c>
      <c r="I2497" s="1" t="s">
        <v>9812</v>
      </c>
      <c r="J2497" s="1" t="s">
        <v>9882</v>
      </c>
    </row>
    <row r="2498" spans="1:10" x14ac:dyDescent="0.35">
      <c r="A2498" s="1" t="s">
        <v>9806</v>
      </c>
      <c r="B2498" s="1" t="s">
        <v>9807</v>
      </c>
      <c r="C2498" s="1" t="s">
        <v>115</v>
      </c>
      <c r="D2498" s="1" t="s">
        <v>40</v>
      </c>
      <c r="E2498" s="1" t="s">
        <v>9883</v>
      </c>
      <c r="F2498" s="1" t="s">
        <v>9884</v>
      </c>
      <c r="G2498" s="1" t="s">
        <v>9811</v>
      </c>
      <c r="H2498" s="1" t="s">
        <v>13</v>
      </c>
      <c r="I2498" s="1" t="s">
        <v>9812</v>
      </c>
      <c r="J2498" s="1" t="s">
        <v>9885</v>
      </c>
    </row>
    <row r="2499" spans="1:10" x14ac:dyDescent="0.35">
      <c r="A2499" s="1" t="s">
        <v>9806</v>
      </c>
      <c r="B2499" s="1" t="s">
        <v>9807</v>
      </c>
      <c r="C2499" s="1" t="s">
        <v>120</v>
      </c>
      <c r="D2499" s="1" t="s">
        <v>130</v>
      </c>
      <c r="E2499" s="1" t="s">
        <v>9886</v>
      </c>
      <c r="F2499" s="1" t="s">
        <v>9887</v>
      </c>
      <c r="G2499" s="1" t="s">
        <v>9811</v>
      </c>
      <c r="H2499" s="1" t="s">
        <v>13</v>
      </c>
      <c r="I2499" s="1" t="s">
        <v>9812</v>
      </c>
      <c r="J2499" s="1" t="s">
        <v>9888</v>
      </c>
    </row>
    <row r="2500" spans="1:10" x14ac:dyDescent="0.35">
      <c r="A2500" s="1" t="s">
        <v>9806</v>
      </c>
      <c r="B2500" s="1" t="s">
        <v>9807</v>
      </c>
      <c r="C2500" s="1" t="s">
        <v>125</v>
      </c>
      <c r="D2500" s="1" t="s">
        <v>9889</v>
      </c>
      <c r="E2500" s="1" t="s">
        <v>9890</v>
      </c>
      <c r="F2500" s="1" t="s">
        <v>9891</v>
      </c>
      <c r="G2500" s="1" t="s">
        <v>9811</v>
      </c>
      <c r="H2500" s="1" t="s">
        <v>13</v>
      </c>
      <c r="I2500" s="1" t="s">
        <v>9812</v>
      </c>
      <c r="J2500" s="1" t="s">
        <v>9892</v>
      </c>
    </row>
    <row r="2501" spans="1:10" x14ac:dyDescent="0.35">
      <c r="A2501" s="1" t="s">
        <v>9806</v>
      </c>
      <c r="B2501" s="1" t="s">
        <v>9807</v>
      </c>
      <c r="C2501" s="1" t="s">
        <v>130</v>
      </c>
      <c r="D2501" s="1" t="s">
        <v>9893</v>
      </c>
      <c r="E2501" s="1" t="s">
        <v>9894</v>
      </c>
      <c r="F2501" s="1" t="s">
        <v>9895</v>
      </c>
      <c r="G2501" s="1" t="s">
        <v>9811</v>
      </c>
      <c r="H2501" s="1" t="s">
        <v>13</v>
      </c>
      <c r="I2501" s="1" t="s">
        <v>9812</v>
      </c>
      <c r="J2501" s="1" t="s">
        <v>9896</v>
      </c>
    </row>
    <row r="2502" spans="1:10" x14ac:dyDescent="0.35">
      <c r="A2502" s="1" t="s">
        <v>9806</v>
      </c>
      <c r="B2502" s="1" t="s">
        <v>9807</v>
      </c>
      <c r="C2502" s="1" t="s">
        <v>135</v>
      </c>
      <c r="D2502" s="1" t="s">
        <v>9897</v>
      </c>
      <c r="E2502" s="1" t="s">
        <v>9898</v>
      </c>
      <c r="F2502" s="1" t="s">
        <v>9899</v>
      </c>
      <c r="G2502" s="1" t="s">
        <v>9811</v>
      </c>
      <c r="H2502" s="1" t="s">
        <v>13</v>
      </c>
      <c r="I2502" s="1" t="s">
        <v>9812</v>
      </c>
      <c r="J2502" s="1" t="s">
        <v>9900</v>
      </c>
    </row>
    <row r="2503" spans="1:10" x14ac:dyDescent="0.35">
      <c r="A2503" s="1" t="s">
        <v>9806</v>
      </c>
      <c r="B2503" s="1" t="s">
        <v>9807</v>
      </c>
      <c r="C2503" s="1" t="s">
        <v>140</v>
      </c>
      <c r="D2503" s="1" t="s">
        <v>9901</v>
      </c>
      <c r="E2503" s="1" t="s">
        <v>9902</v>
      </c>
      <c r="F2503" s="1" t="s">
        <v>9903</v>
      </c>
      <c r="G2503" s="1" t="s">
        <v>9811</v>
      </c>
      <c r="H2503" s="1" t="s">
        <v>13</v>
      </c>
      <c r="I2503" s="1" t="s">
        <v>9812</v>
      </c>
      <c r="J2503" s="1" t="s">
        <v>9904</v>
      </c>
    </row>
    <row r="2504" spans="1:10" x14ac:dyDescent="0.35">
      <c r="A2504" s="1" t="s">
        <v>9806</v>
      </c>
      <c r="B2504" s="1" t="s">
        <v>9807</v>
      </c>
      <c r="C2504" s="1" t="s">
        <v>145</v>
      </c>
      <c r="D2504" s="1" t="s">
        <v>9905</v>
      </c>
      <c r="E2504" s="1" t="s">
        <v>9906</v>
      </c>
      <c r="F2504" s="1" t="s">
        <v>9907</v>
      </c>
      <c r="G2504" s="1" t="s">
        <v>9811</v>
      </c>
      <c r="H2504" s="1" t="s">
        <v>13</v>
      </c>
      <c r="I2504" s="1" t="s">
        <v>9812</v>
      </c>
      <c r="J2504" s="1" t="s">
        <v>9908</v>
      </c>
    </row>
    <row r="2505" spans="1:10" x14ac:dyDescent="0.35">
      <c r="A2505" s="1" t="s">
        <v>9806</v>
      </c>
      <c r="B2505" s="1" t="s">
        <v>9807</v>
      </c>
      <c r="C2505" s="1" t="s">
        <v>150</v>
      </c>
      <c r="D2505" s="1" t="s">
        <v>9909</v>
      </c>
      <c r="E2505" s="1" t="s">
        <v>9910</v>
      </c>
      <c r="F2505" s="1" t="s">
        <v>9911</v>
      </c>
      <c r="G2505" s="1" t="s">
        <v>9811</v>
      </c>
      <c r="H2505" s="1" t="s">
        <v>13</v>
      </c>
      <c r="I2505" s="1" t="s">
        <v>9812</v>
      </c>
      <c r="J2505" s="1" t="s">
        <v>9912</v>
      </c>
    </row>
    <row r="2506" spans="1:10" x14ac:dyDescent="0.35">
      <c r="A2506" s="1" t="s">
        <v>9806</v>
      </c>
      <c r="B2506" s="1" t="s">
        <v>9807</v>
      </c>
      <c r="C2506" s="1" t="s">
        <v>155</v>
      </c>
      <c r="D2506" s="1" t="s">
        <v>8738</v>
      </c>
      <c r="E2506" s="1" t="s">
        <v>9913</v>
      </c>
      <c r="F2506" s="1" t="s">
        <v>9914</v>
      </c>
      <c r="G2506" s="1" t="s">
        <v>9811</v>
      </c>
      <c r="H2506" s="1" t="s">
        <v>13</v>
      </c>
      <c r="I2506" s="1" t="s">
        <v>9812</v>
      </c>
      <c r="J2506" s="1" t="s">
        <v>9915</v>
      </c>
    </row>
    <row r="2507" spans="1:10" x14ac:dyDescent="0.35">
      <c r="A2507" s="1" t="s">
        <v>9806</v>
      </c>
      <c r="B2507" s="1" t="s">
        <v>9807</v>
      </c>
      <c r="C2507" s="1" t="s">
        <v>160</v>
      </c>
      <c r="D2507" s="1" t="s">
        <v>9916</v>
      </c>
      <c r="E2507" s="1" t="s">
        <v>9917</v>
      </c>
      <c r="F2507" s="1" t="s">
        <v>9918</v>
      </c>
      <c r="G2507" s="1" t="s">
        <v>9811</v>
      </c>
      <c r="H2507" s="1" t="s">
        <v>13</v>
      </c>
      <c r="I2507" s="1" t="s">
        <v>9812</v>
      </c>
      <c r="J2507" s="1" t="s">
        <v>9919</v>
      </c>
    </row>
    <row r="2508" spans="1:10" x14ac:dyDescent="0.35">
      <c r="A2508" s="1" t="s">
        <v>9806</v>
      </c>
      <c r="B2508" s="1" t="s">
        <v>9807</v>
      </c>
      <c r="C2508" s="1" t="s">
        <v>165</v>
      </c>
      <c r="D2508" s="1" t="s">
        <v>9920</v>
      </c>
      <c r="E2508" s="1" t="s">
        <v>9921</v>
      </c>
      <c r="F2508" s="1" t="s">
        <v>9922</v>
      </c>
      <c r="G2508" s="1" t="s">
        <v>9811</v>
      </c>
      <c r="H2508" s="1" t="s">
        <v>13</v>
      </c>
      <c r="I2508" s="1" t="s">
        <v>9812</v>
      </c>
      <c r="J2508" s="1" t="s">
        <v>9923</v>
      </c>
    </row>
    <row r="2509" spans="1:10" x14ac:dyDescent="0.35">
      <c r="A2509" s="1" t="s">
        <v>9806</v>
      </c>
      <c r="B2509" s="1" t="s">
        <v>9807</v>
      </c>
      <c r="C2509" s="1" t="s">
        <v>170</v>
      </c>
      <c r="D2509" s="1" t="s">
        <v>9924</v>
      </c>
      <c r="E2509" s="1" t="s">
        <v>9925</v>
      </c>
      <c r="F2509" s="1" t="s">
        <v>9926</v>
      </c>
      <c r="G2509" s="1" t="s">
        <v>9811</v>
      </c>
      <c r="H2509" s="1" t="s">
        <v>13</v>
      </c>
      <c r="I2509" s="1" t="s">
        <v>9812</v>
      </c>
      <c r="J2509" s="1" t="s">
        <v>9927</v>
      </c>
    </row>
    <row r="2510" spans="1:10" x14ac:dyDescent="0.35">
      <c r="A2510" s="1" t="s">
        <v>9928</v>
      </c>
      <c r="B2510" s="1" t="s">
        <v>9929</v>
      </c>
      <c r="C2510" s="1" t="s">
        <v>8</v>
      </c>
      <c r="D2510" s="1" t="s">
        <v>9930</v>
      </c>
      <c r="E2510" s="1" t="s">
        <v>9931</v>
      </c>
      <c r="F2510" s="1" t="s">
        <v>9932</v>
      </c>
      <c r="G2510" s="1" t="s">
        <v>9933</v>
      </c>
      <c r="H2510" s="1" t="s">
        <v>13</v>
      </c>
      <c r="I2510" s="1" t="s">
        <v>9934</v>
      </c>
      <c r="J2510" s="1" t="s">
        <v>13</v>
      </c>
    </row>
    <row r="2511" spans="1:10" x14ac:dyDescent="0.35">
      <c r="A2511" s="1" t="s">
        <v>9928</v>
      </c>
      <c r="B2511" s="1" t="s">
        <v>9929</v>
      </c>
      <c r="C2511" s="1" t="s">
        <v>15</v>
      </c>
      <c r="D2511" s="1" t="s">
        <v>8361</v>
      </c>
      <c r="E2511" s="1" t="s">
        <v>9935</v>
      </c>
      <c r="F2511" s="1" t="s">
        <v>9936</v>
      </c>
      <c r="G2511" s="1" t="s">
        <v>9933</v>
      </c>
      <c r="H2511" s="1" t="s">
        <v>13</v>
      </c>
      <c r="I2511" s="1" t="s">
        <v>9934</v>
      </c>
      <c r="J2511" s="1" t="s">
        <v>9937</v>
      </c>
    </row>
    <row r="2512" spans="1:10" x14ac:dyDescent="0.35">
      <c r="A2512" s="1" t="s">
        <v>9928</v>
      </c>
      <c r="B2512" s="1" t="s">
        <v>9929</v>
      </c>
      <c r="C2512" s="1" t="s">
        <v>20</v>
      </c>
      <c r="D2512" s="1" t="s">
        <v>9938</v>
      </c>
      <c r="E2512" s="1" t="s">
        <v>9939</v>
      </c>
      <c r="F2512" s="1" t="s">
        <v>9940</v>
      </c>
      <c r="G2512" s="1" t="s">
        <v>9933</v>
      </c>
      <c r="H2512" s="1" t="s">
        <v>13</v>
      </c>
      <c r="I2512" s="1" t="s">
        <v>9934</v>
      </c>
      <c r="J2512" s="1" t="s">
        <v>9941</v>
      </c>
    </row>
    <row r="2513" spans="1:10" x14ac:dyDescent="0.35">
      <c r="A2513" s="1" t="s">
        <v>9928</v>
      </c>
      <c r="B2513" s="1" t="s">
        <v>9929</v>
      </c>
      <c r="C2513" s="1" t="s">
        <v>25</v>
      </c>
      <c r="D2513" s="1" t="s">
        <v>9942</v>
      </c>
      <c r="E2513" s="1" t="s">
        <v>9943</v>
      </c>
      <c r="F2513" s="1" t="s">
        <v>9944</v>
      </c>
      <c r="G2513" s="1" t="s">
        <v>9933</v>
      </c>
      <c r="H2513" s="1" t="s">
        <v>13</v>
      </c>
      <c r="I2513" s="1" t="s">
        <v>9934</v>
      </c>
      <c r="J2513" s="1" t="s">
        <v>9945</v>
      </c>
    </row>
    <row r="2514" spans="1:10" x14ac:dyDescent="0.35">
      <c r="A2514" s="1" t="s">
        <v>9928</v>
      </c>
      <c r="B2514" s="1" t="s">
        <v>9929</v>
      </c>
      <c r="C2514" s="1" t="s">
        <v>30</v>
      </c>
      <c r="D2514" s="1" t="s">
        <v>9946</v>
      </c>
      <c r="E2514" s="1" t="s">
        <v>9947</v>
      </c>
      <c r="F2514" s="1" t="s">
        <v>9948</v>
      </c>
      <c r="G2514" s="1" t="s">
        <v>9933</v>
      </c>
      <c r="H2514" s="1" t="s">
        <v>13</v>
      </c>
      <c r="I2514" s="1" t="s">
        <v>9934</v>
      </c>
      <c r="J2514" s="1" t="s">
        <v>9949</v>
      </c>
    </row>
    <row r="2515" spans="1:10" x14ac:dyDescent="0.35">
      <c r="A2515" s="1" t="s">
        <v>9928</v>
      </c>
      <c r="B2515" s="1" t="s">
        <v>9929</v>
      </c>
      <c r="C2515" s="1" t="s">
        <v>35</v>
      </c>
      <c r="D2515" s="1" t="s">
        <v>4797</v>
      </c>
      <c r="E2515" s="1" t="s">
        <v>9950</v>
      </c>
      <c r="F2515" s="1" t="s">
        <v>9951</v>
      </c>
      <c r="G2515" s="1" t="s">
        <v>9933</v>
      </c>
      <c r="H2515" s="1" t="s">
        <v>13</v>
      </c>
      <c r="I2515" s="1" t="s">
        <v>9934</v>
      </c>
      <c r="J2515" s="1" t="s">
        <v>9952</v>
      </c>
    </row>
    <row r="2516" spans="1:10" x14ac:dyDescent="0.35">
      <c r="A2516" s="1" t="s">
        <v>9928</v>
      </c>
      <c r="B2516" s="1" t="s">
        <v>9929</v>
      </c>
      <c r="C2516" s="1" t="s">
        <v>40</v>
      </c>
      <c r="D2516" s="1" t="s">
        <v>2071</v>
      </c>
      <c r="E2516" s="1" t="s">
        <v>9953</v>
      </c>
      <c r="F2516" s="1" t="s">
        <v>9954</v>
      </c>
      <c r="G2516" s="1" t="s">
        <v>9933</v>
      </c>
      <c r="H2516" s="1" t="s">
        <v>13</v>
      </c>
      <c r="I2516" s="1" t="s">
        <v>9934</v>
      </c>
      <c r="J2516" s="1" t="s">
        <v>9955</v>
      </c>
    </row>
    <row r="2517" spans="1:10" x14ac:dyDescent="0.35">
      <c r="A2517" s="1" t="s">
        <v>9928</v>
      </c>
      <c r="B2517" s="1" t="s">
        <v>9929</v>
      </c>
      <c r="C2517" s="1" t="s">
        <v>45</v>
      </c>
      <c r="D2517" s="1" t="s">
        <v>9956</v>
      </c>
      <c r="E2517" s="1" t="s">
        <v>9957</v>
      </c>
      <c r="F2517" s="1" t="s">
        <v>9958</v>
      </c>
      <c r="G2517" s="1" t="s">
        <v>9933</v>
      </c>
      <c r="H2517" s="1" t="s">
        <v>13</v>
      </c>
      <c r="I2517" s="1" t="s">
        <v>9934</v>
      </c>
      <c r="J2517" s="1" t="s">
        <v>9959</v>
      </c>
    </row>
    <row r="2518" spans="1:10" x14ac:dyDescent="0.35">
      <c r="A2518" s="1" t="s">
        <v>9928</v>
      </c>
      <c r="B2518" s="1" t="s">
        <v>9929</v>
      </c>
      <c r="C2518" s="1" t="s">
        <v>50</v>
      </c>
      <c r="D2518" s="1" t="s">
        <v>9960</v>
      </c>
      <c r="E2518" s="1" t="s">
        <v>9961</v>
      </c>
      <c r="F2518" s="1" t="s">
        <v>9962</v>
      </c>
      <c r="G2518" s="1" t="s">
        <v>9933</v>
      </c>
      <c r="H2518" s="1" t="s">
        <v>13</v>
      </c>
      <c r="I2518" s="1" t="s">
        <v>9934</v>
      </c>
      <c r="J2518" s="1" t="s">
        <v>9963</v>
      </c>
    </row>
    <row r="2519" spans="1:10" x14ac:dyDescent="0.35">
      <c r="A2519" s="1" t="s">
        <v>9928</v>
      </c>
      <c r="B2519" s="1" t="s">
        <v>9929</v>
      </c>
      <c r="C2519" s="1" t="s">
        <v>55</v>
      </c>
      <c r="D2519" s="1" t="s">
        <v>9251</v>
      </c>
      <c r="E2519" s="1" t="s">
        <v>9964</v>
      </c>
      <c r="F2519" s="1" t="s">
        <v>9965</v>
      </c>
      <c r="G2519" s="1" t="s">
        <v>9933</v>
      </c>
      <c r="H2519" s="1" t="s">
        <v>13</v>
      </c>
      <c r="I2519" s="1" t="s">
        <v>9934</v>
      </c>
      <c r="J2519" s="1" t="s">
        <v>9966</v>
      </c>
    </row>
    <row r="2520" spans="1:10" x14ac:dyDescent="0.35">
      <c r="A2520" s="1" t="s">
        <v>9928</v>
      </c>
      <c r="B2520" s="1" t="s">
        <v>9929</v>
      </c>
      <c r="C2520" s="1" t="s">
        <v>60</v>
      </c>
      <c r="D2520" s="1" t="s">
        <v>9967</v>
      </c>
      <c r="E2520" s="1" t="s">
        <v>9968</v>
      </c>
      <c r="F2520" s="1" t="s">
        <v>9969</v>
      </c>
      <c r="G2520" s="1" t="s">
        <v>9933</v>
      </c>
      <c r="H2520" s="1" t="s">
        <v>13</v>
      </c>
      <c r="I2520" s="1" t="s">
        <v>9934</v>
      </c>
      <c r="J2520" s="1" t="s">
        <v>9970</v>
      </c>
    </row>
    <row r="2521" spans="1:10" x14ac:dyDescent="0.35">
      <c r="A2521" s="1" t="s">
        <v>9928</v>
      </c>
      <c r="B2521" s="1" t="s">
        <v>9929</v>
      </c>
      <c r="C2521" s="1" t="s">
        <v>65</v>
      </c>
      <c r="D2521" s="1" t="s">
        <v>9971</v>
      </c>
      <c r="E2521" s="1" t="s">
        <v>9972</v>
      </c>
      <c r="F2521" s="1" t="s">
        <v>9973</v>
      </c>
      <c r="G2521" s="1" t="s">
        <v>9933</v>
      </c>
      <c r="H2521" s="1" t="s">
        <v>13</v>
      </c>
      <c r="I2521" s="1" t="s">
        <v>9934</v>
      </c>
      <c r="J2521" s="1" t="s">
        <v>9974</v>
      </c>
    </row>
    <row r="2522" spans="1:10" x14ac:dyDescent="0.35">
      <c r="A2522" s="1" t="s">
        <v>9928</v>
      </c>
      <c r="B2522" s="1" t="s">
        <v>9929</v>
      </c>
      <c r="C2522" s="1" t="s">
        <v>70</v>
      </c>
      <c r="D2522" s="1" t="s">
        <v>9975</v>
      </c>
      <c r="E2522" s="1" t="s">
        <v>9976</v>
      </c>
      <c r="F2522" s="1" t="s">
        <v>9977</v>
      </c>
      <c r="G2522" s="1" t="s">
        <v>9933</v>
      </c>
      <c r="H2522" s="1" t="s">
        <v>13</v>
      </c>
      <c r="I2522" s="1" t="s">
        <v>9934</v>
      </c>
      <c r="J2522" s="1" t="s">
        <v>9978</v>
      </c>
    </row>
    <row r="2523" spans="1:10" x14ac:dyDescent="0.35">
      <c r="A2523" s="1" t="s">
        <v>9928</v>
      </c>
      <c r="B2523" s="1" t="s">
        <v>9929</v>
      </c>
      <c r="C2523" s="1" t="s">
        <v>75</v>
      </c>
      <c r="D2523" s="1" t="s">
        <v>9979</v>
      </c>
      <c r="E2523" s="1" t="s">
        <v>9980</v>
      </c>
      <c r="F2523" s="1" t="s">
        <v>9981</v>
      </c>
      <c r="G2523" s="1" t="s">
        <v>9933</v>
      </c>
      <c r="H2523" s="1" t="s">
        <v>13</v>
      </c>
      <c r="I2523" s="1" t="s">
        <v>9934</v>
      </c>
      <c r="J2523" s="1" t="s">
        <v>9982</v>
      </c>
    </row>
    <row r="2524" spans="1:10" x14ac:dyDescent="0.35">
      <c r="A2524" s="1" t="s">
        <v>9928</v>
      </c>
      <c r="B2524" s="1" t="s">
        <v>9929</v>
      </c>
      <c r="C2524" s="1" t="s">
        <v>80</v>
      </c>
      <c r="D2524" s="1" t="s">
        <v>9983</v>
      </c>
      <c r="E2524" s="1" t="s">
        <v>9984</v>
      </c>
      <c r="F2524" s="1" t="s">
        <v>9985</v>
      </c>
      <c r="G2524" s="1" t="s">
        <v>9933</v>
      </c>
      <c r="H2524" s="1" t="s">
        <v>13</v>
      </c>
      <c r="I2524" s="1" t="s">
        <v>9934</v>
      </c>
      <c r="J2524" s="1" t="s">
        <v>9986</v>
      </c>
    </row>
    <row r="2525" spans="1:10" x14ac:dyDescent="0.35">
      <c r="A2525" s="1" t="s">
        <v>9928</v>
      </c>
      <c r="B2525" s="1" t="s">
        <v>9929</v>
      </c>
      <c r="C2525" s="1" t="s">
        <v>85</v>
      </c>
      <c r="D2525" s="1" t="s">
        <v>9987</v>
      </c>
      <c r="E2525" s="1" t="s">
        <v>9988</v>
      </c>
      <c r="F2525" s="1" t="s">
        <v>9989</v>
      </c>
      <c r="G2525" s="1" t="s">
        <v>9933</v>
      </c>
      <c r="H2525" s="1" t="s">
        <v>13</v>
      </c>
      <c r="I2525" s="1" t="s">
        <v>9934</v>
      </c>
      <c r="J2525" s="1" t="s">
        <v>9990</v>
      </c>
    </row>
    <row r="2526" spans="1:10" x14ac:dyDescent="0.35">
      <c r="A2526" s="1" t="s">
        <v>9928</v>
      </c>
      <c r="B2526" s="1" t="s">
        <v>9929</v>
      </c>
      <c r="C2526" s="1" t="s">
        <v>90</v>
      </c>
      <c r="D2526" s="1" t="s">
        <v>9991</v>
      </c>
      <c r="E2526" s="1" t="s">
        <v>9992</v>
      </c>
      <c r="F2526" s="1" t="s">
        <v>9993</v>
      </c>
      <c r="G2526" s="1" t="s">
        <v>9933</v>
      </c>
      <c r="H2526" s="1" t="s">
        <v>13</v>
      </c>
      <c r="I2526" s="1" t="s">
        <v>9934</v>
      </c>
      <c r="J2526" s="1" t="s">
        <v>9994</v>
      </c>
    </row>
    <row r="2527" spans="1:10" x14ac:dyDescent="0.35">
      <c r="A2527" s="1" t="s">
        <v>9928</v>
      </c>
      <c r="B2527" s="1" t="s">
        <v>9929</v>
      </c>
      <c r="C2527" s="1" t="s">
        <v>95</v>
      </c>
      <c r="D2527" s="1" t="s">
        <v>9995</v>
      </c>
      <c r="E2527" s="1" t="s">
        <v>9996</v>
      </c>
      <c r="F2527" s="1" t="s">
        <v>9997</v>
      </c>
      <c r="G2527" s="1" t="s">
        <v>9933</v>
      </c>
      <c r="H2527" s="1" t="s">
        <v>13</v>
      </c>
      <c r="I2527" s="1" t="s">
        <v>9934</v>
      </c>
      <c r="J2527" s="1" t="s">
        <v>9998</v>
      </c>
    </row>
    <row r="2528" spans="1:10" x14ac:dyDescent="0.35">
      <c r="A2528" s="1" t="s">
        <v>9928</v>
      </c>
      <c r="B2528" s="1" t="s">
        <v>9929</v>
      </c>
      <c r="C2528" s="1" t="s">
        <v>100</v>
      </c>
      <c r="D2528" s="1" t="s">
        <v>8087</v>
      </c>
      <c r="E2528" s="1" t="s">
        <v>9999</v>
      </c>
      <c r="F2528" s="1" t="s">
        <v>10000</v>
      </c>
      <c r="G2528" s="1" t="s">
        <v>9933</v>
      </c>
      <c r="H2528" s="1" t="s">
        <v>13</v>
      </c>
      <c r="I2528" s="1" t="s">
        <v>9934</v>
      </c>
      <c r="J2528" s="1" t="s">
        <v>10001</v>
      </c>
    </row>
    <row r="2529" spans="1:10" x14ac:dyDescent="0.35">
      <c r="A2529" s="1" t="s">
        <v>9928</v>
      </c>
      <c r="B2529" s="1" t="s">
        <v>9929</v>
      </c>
      <c r="C2529" s="1" t="s">
        <v>105</v>
      </c>
      <c r="D2529" s="1" t="s">
        <v>10002</v>
      </c>
      <c r="E2529" s="1" t="s">
        <v>10003</v>
      </c>
      <c r="F2529" s="1" t="s">
        <v>10004</v>
      </c>
      <c r="G2529" s="1" t="s">
        <v>9933</v>
      </c>
      <c r="H2529" s="1" t="s">
        <v>13</v>
      </c>
      <c r="I2529" s="1" t="s">
        <v>9934</v>
      </c>
      <c r="J2529" s="1" t="s">
        <v>10005</v>
      </c>
    </row>
    <row r="2530" spans="1:10" x14ac:dyDescent="0.35">
      <c r="A2530" s="1" t="s">
        <v>9928</v>
      </c>
      <c r="B2530" s="1" t="s">
        <v>9929</v>
      </c>
      <c r="C2530" s="1" t="s">
        <v>110</v>
      </c>
      <c r="D2530" s="1" t="s">
        <v>10006</v>
      </c>
      <c r="E2530" s="1" t="s">
        <v>10007</v>
      </c>
      <c r="F2530" s="1" t="s">
        <v>10008</v>
      </c>
      <c r="G2530" s="1" t="s">
        <v>9933</v>
      </c>
      <c r="H2530" s="1" t="s">
        <v>13</v>
      </c>
      <c r="I2530" s="1" t="s">
        <v>9934</v>
      </c>
      <c r="J2530" s="1" t="s">
        <v>10009</v>
      </c>
    </row>
    <row r="2531" spans="1:10" x14ac:dyDescent="0.35">
      <c r="A2531" s="1" t="s">
        <v>9928</v>
      </c>
      <c r="B2531" s="1" t="s">
        <v>9929</v>
      </c>
      <c r="C2531" s="1" t="s">
        <v>115</v>
      </c>
      <c r="D2531" s="1" t="s">
        <v>2869</v>
      </c>
      <c r="E2531" s="1" t="s">
        <v>10010</v>
      </c>
      <c r="F2531" s="1" t="s">
        <v>10011</v>
      </c>
      <c r="G2531" s="1" t="s">
        <v>9933</v>
      </c>
      <c r="H2531" s="1" t="s">
        <v>13</v>
      </c>
      <c r="I2531" s="1" t="s">
        <v>9934</v>
      </c>
      <c r="J2531" s="1" t="s">
        <v>10012</v>
      </c>
    </row>
    <row r="2532" spans="1:10" x14ac:dyDescent="0.35">
      <c r="A2532" s="1" t="s">
        <v>9928</v>
      </c>
      <c r="B2532" s="1" t="s">
        <v>9929</v>
      </c>
      <c r="C2532" s="1" t="s">
        <v>120</v>
      </c>
      <c r="D2532" s="1" t="s">
        <v>9967</v>
      </c>
      <c r="E2532" s="1" t="s">
        <v>10013</v>
      </c>
      <c r="F2532" s="1" t="s">
        <v>10014</v>
      </c>
      <c r="G2532" s="1" t="s">
        <v>9933</v>
      </c>
      <c r="H2532" s="1" t="s">
        <v>13</v>
      </c>
      <c r="I2532" s="1" t="s">
        <v>9934</v>
      </c>
      <c r="J2532" s="1" t="s">
        <v>10015</v>
      </c>
    </row>
    <row r="2533" spans="1:10" x14ac:dyDescent="0.35">
      <c r="A2533" s="1" t="s">
        <v>9928</v>
      </c>
      <c r="B2533" s="1" t="s">
        <v>9929</v>
      </c>
      <c r="C2533" s="1" t="s">
        <v>125</v>
      </c>
      <c r="D2533" s="1" t="s">
        <v>10016</v>
      </c>
      <c r="E2533" s="1" t="s">
        <v>10017</v>
      </c>
      <c r="F2533" s="1" t="s">
        <v>10018</v>
      </c>
      <c r="G2533" s="1" t="s">
        <v>9933</v>
      </c>
      <c r="H2533" s="1" t="s">
        <v>13</v>
      </c>
      <c r="I2533" s="1" t="s">
        <v>9934</v>
      </c>
      <c r="J2533" s="1" t="s">
        <v>10019</v>
      </c>
    </row>
    <row r="2534" spans="1:10" x14ac:dyDescent="0.35">
      <c r="A2534" s="1" t="s">
        <v>9928</v>
      </c>
      <c r="B2534" s="1" t="s">
        <v>9929</v>
      </c>
      <c r="C2534" s="1" t="s">
        <v>130</v>
      </c>
      <c r="D2534" s="1" t="s">
        <v>5724</v>
      </c>
      <c r="E2534" s="1" t="s">
        <v>10020</v>
      </c>
      <c r="F2534" s="1" t="s">
        <v>10021</v>
      </c>
      <c r="G2534" s="1" t="s">
        <v>9933</v>
      </c>
      <c r="H2534" s="1" t="s">
        <v>13</v>
      </c>
      <c r="I2534" s="1" t="s">
        <v>9934</v>
      </c>
      <c r="J2534" s="1" t="s">
        <v>10022</v>
      </c>
    </row>
    <row r="2535" spans="1:10" x14ac:dyDescent="0.35">
      <c r="A2535" s="1" t="s">
        <v>9928</v>
      </c>
      <c r="B2535" s="1" t="s">
        <v>9929</v>
      </c>
      <c r="C2535" s="1" t="s">
        <v>135</v>
      </c>
      <c r="D2535" s="1" t="s">
        <v>10023</v>
      </c>
      <c r="E2535" s="1" t="s">
        <v>10024</v>
      </c>
      <c r="F2535" s="1" t="s">
        <v>10025</v>
      </c>
      <c r="G2535" s="1" t="s">
        <v>9933</v>
      </c>
      <c r="H2535" s="1" t="s">
        <v>13</v>
      </c>
      <c r="I2535" s="1" t="s">
        <v>9934</v>
      </c>
      <c r="J2535" s="1" t="s">
        <v>10026</v>
      </c>
    </row>
    <row r="2536" spans="1:10" x14ac:dyDescent="0.35">
      <c r="A2536" s="1" t="s">
        <v>9928</v>
      </c>
      <c r="B2536" s="1" t="s">
        <v>9929</v>
      </c>
      <c r="C2536" s="1" t="s">
        <v>140</v>
      </c>
      <c r="D2536" s="1" t="s">
        <v>9946</v>
      </c>
      <c r="E2536" s="1" t="s">
        <v>10027</v>
      </c>
      <c r="F2536" s="1" t="s">
        <v>10025</v>
      </c>
      <c r="G2536" s="1" t="s">
        <v>9933</v>
      </c>
      <c r="H2536" s="1" t="s">
        <v>13</v>
      </c>
      <c r="I2536" s="1" t="s">
        <v>9934</v>
      </c>
      <c r="J2536" s="1" t="s">
        <v>10028</v>
      </c>
    </row>
    <row r="2537" spans="1:10" x14ac:dyDescent="0.35">
      <c r="A2537" s="1" t="s">
        <v>9928</v>
      </c>
      <c r="B2537" s="1" t="s">
        <v>9929</v>
      </c>
      <c r="C2537" s="1" t="s">
        <v>145</v>
      </c>
      <c r="D2537" s="1" t="s">
        <v>10029</v>
      </c>
      <c r="E2537" s="1" t="s">
        <v>10030</v>
      </c>
      <c r="F2537" s="1" t="s">
        <v>10025</v>
      </c>
      <c r="G2537" s="1" t="s">
        <v>9933</v>
      </c>
      <c r="H2537" s="1" t="s">
        <v>13</v>
      </c>
      <c r="I2537" s="1" t="s">
        <v>9934</v>
      </c>
      <c r="J2537" s="1" t="s">
        <v>10031</v>
      </c>
    </row>
    <row r="2538" spans="1:10" x14ac:dyDescent="0.35">
      <c r="A2538" s="1" t="s">
        <v>9928</v>
      </c>
      <c r="B2538" s="1" t="s">
        <v>9929</v>
      </c>
      <c r="C2538" s="1" t="s">
        <v>150</v>
      </c>
      <c r="D2538" s="1" t="s">
        <v>10032</v>
      </c>
      <c r="E2538" s="1" t="s">
        <v>10033</v>
      </c>
      <c r="F2538" s="1" t="s">
        <v>10025</v>
      </c>
      <c r="G2538" s="1" t="s">
        <v>9933</v>
      </c>
      <c r="H2538" s="1" t="s">
        <v>13</v>
      </c>
      <c r="I2538" s="1" t="s">
        <v>9934</v>
      </c>
      <c r="J2538" s="1" t="s">
        <v>10034</v>
      </c>
    </row>
    <row r="2539" spans="1:10" x14ac:dyDescent="0.35">
      <c r="A2539" s="1" t="s">
        <v>9928</v>
      </c>
      <c r="B2539" s="1" t="s">
        <v>9929</v>
      </c>
      <c r="C2539" s="1" t="s">
        <v>155</v>
      </c>
      <c r="D2539" s="1" t="s">
        <v>10035</v>
      </c>
      <c r="E2539" s="1" t="s">
        <v>10036</v>
      </c>
      <c r="F2539" s="1" t="s">
        <v>10025</v>
      </c>
      <c r="G2539" s="1" t="s">
        <v>9933</v>
      </c>
      <c r="H2539" s="1" t="s">
        <v>13</v>
      </c>
      <c r="I2539" s="1" t="s">
        <v>9934</v>
      </c>
      <c r="J2539" s="1" t="s">
        <v>10037</v>
      </c>
    </row>
    <row r="2540" spans="1:10" x14ac:dyDescent="0.35">
      <c r="A2540" s="1" t="s">
        <v>9928</v>
      </c>
      <c r="B2540" s="1" t="s">
        <v>9929</v>
      </c>
      <c r="C2540" s="1" t="s">
        <v>160</v>
      </c>
      <c r="D2540" s="1" t="s">
        <v>10038</v>
      </c>
      <c r="E2540" s="1" t="s">
        <v>10039</v>
      </c>
      <c r="F2540" s="1" t="s">
        <v>10025</v>
      </c>
      <c r="G2540" s="1" t="s">
        <v>9933</v>
      </c>
      <c r="H2540" s="1" t="s">
        <v>13</v>
      </c>
      <c r="I2540" s="1" t="s">
        <v>9934</v>
      </c>
      <c r="J2540" s="1" t="s">
        <v>10040</v>
      </c>
    </row>
    <row r="2541" spans="1:10" x14ac:dyDescent="0.35">
      <c r="A2541" s="1" t="s">
        <v>9928</v>
      </c>
      <c r="B2541" s="1" t="s">
        <v>9929</v>
      </c>
      <c r="C2541" s="1" t="s">
        <v>165</v>
      </c>
      <c r="D2541" s="1" t="s">
        <v>8687</v>
      </c>
      <c r="E2541" s="1" t="s">
        <v>10041</v>
      </c>
      <c r="F2541" s="1" t="s">
        <v>10025</v>
      </c>
      <c r="G2541" s="1" t="s">
        <v>9933</v>
      </c>
      <c r="H2541" s="1" t="s">
        <v>13</v>
      </c>
      <c r="I2541" s="1" t="s">
        <v>9934</v>
      </c>
      <c r="J2541" s="1" t="s">
        <v>10042</v>
      </c>
    </row>
    <row r="2542" spans="1:10" x14ac:dyDescent="0.35">
      <c r="A2542" s="1" t="s">
        <v>9928</v>
      </c>
      <c r="B2542" s="1" t="s">
        <v>9929</v>
      </c>
      <c r="C2542" s="1" t="s">
        <v>170</v>
      </c>
      <c r="D2542" s="1" t="s">
        <v>10043</v>
      </c>
      <c r="E2542" s="1" t="s">
        <v>10044</v>
      </c>
      <c r="F2542" s="1" t="s">
        <v>10025</v>
      </c>
      <c r="G2542" s="1" t="s">
        <v>9933</v>
      </c>
      <c r="H2542" s="1" t="s">
        <v>13</v>
      </c>
      <c r="I2542" s="1" t="s">
        <v>9934</v>
      </c>
      <c r="J2542" s="1" t="s">
        <v>10045</v>
      </c>
    </row>
    <row r="2543" spans="1:10" x14ac:dyDescent="0.35">
      <c r="A2543" s="1" t="s">
        <v>10046</v>
      </c>
      <c r="B2543" s="1" t="s">
        <v>10047</v>
      </c>
      <c r="C2543" s="1" t="s">
        <v>8</v>
      </c>
      <c r="D2543" s="1" t="s">
        <v>10048</v>
      </c>
      <c r="E2543" s="1" t="s">
        <v>10049</v>
      </c>
      <c r="F2543" s="1" t="s">
        <v>10050</v>
      </c>
      <c r="G2543" s="1" t="s">
        <v>10051</v>
      </c>
      <c r="H2543" s="1" t="s">
        <v>13</v>
      </c>
      <c r="I2543" s="1" t="s">
        <v>10052</v>
      </c>
      <c r="J2543" s="1" t="s">
        <v>13</v>
      </c>
    </row>
    <row r="2544" spans="1:10" x14ac:dyDescent="0.35">
      <c r="A2544" s="1" t="s">
        <v>10046</v>
      </c>
      <c r="B2544" s="1" t="s">
        <v>10047</v>
      </c>
      <c r="C2544" s="1" t="s">
        <v>15</v>
      </c>
      <c r="D2544" s="1" t="s">
        <v>10053</v>
      </c>
      <c r="E2544" s="1" t="s">
        <v>10054</v>
      </c>
      <c r="F2544" s="1" t="s">
        <v>10055</v>
      </c>
      <c r="G2544" s="1" t="s">
        <v>10051</v>
      </c>
      <c r="H2544" s="1" t="s">
        <v>13</v>
      </c>
      <c r="I2544" s="1" t="s">
        <v>10052</v>
      </c>
      <c r="J2544" s="1" t="s">
        <v>10056</v>
      </c>
    </row>
    <row r="2545" spans="1:10" x14ac:dyDescent="0.35">
      <c r="A2545" s="1" t="s">
        <v>10046</v>
      </c>
      <c r="B2545" s="1" t="s">
        <v>10047</v>
      </c>
      <c r="C2545" s="1" t="s">
        <v>20</v>
      </c>
      <c r="D2545" s="1" t="s">
        <v>10057</v>
      </c>
      <c r="E2545" s="1" t="s">
        <v>10058</v>
      </c>
      <c r="F2545" s="1" t="s">
        <v>10059</v>
      </c>
      <c r="G2545" s="1" t="s">
        <v>10051</v>
      </c>
      <c r="H2545" s="1" t="s">
        <v>13</v>
      </c>
      <c r="I2545" s="1" t="s">
        <v>10052</v>
      </c>
      <c r="J2545" s="1" t="s">
        <v>10060</v>
      </c>
    </row>
    <row r="2546" spans="1:10" x14ac:dyDescent="0.35">
      <c r="A2546" s="1" t="s">
        <v>10046</v>
      </c>
      <c r="B2546" s="1" t="s">
        <v>10047</v>
      </c>
      <c r="C2546" s="1" t="s">
        <v>25</v>
      </c>
      <c r="D2546" s="1" t="s">
        <v>10053</v>
      </c>
      <c r="E2546" s="1" t="s">
        <v>10061</v>
      </c>
      <c r="F2546" s="1" t="s">
        <v>10062</v>
      </c>
      <c r="G2546" s="1" t="s">
        <v>10051</v>
      </c>
      <c r="H2546" s="1" t="s">
        <v>13</v>
      </c>
      <c r="I2546" s="1" t="s">
        <v>10052</v>
      </c>
      <c r="J2546" s="1" t="s">
        <v>10063</v>
      </c>
    </row>
    <row r="2547" spans="1:10" x14ac:dyDescent="0.35">
      <c r="A2547" s="1" t="s">
        <v>10046</v>
      </c>
      <c r="B2547" s="1" t="s">
        <v>10047</v>
      </c>
      <c r="C2547" s="1" t="s">
        <v>30</v>
      </c>
      <c r="D2547" s="1" t="s">
        <v>15</v>
      </c>
      <c r="E2547" s="1" t="s">
        <v>10064</v>
      </c>
      <c r="F2547" s="1" t="s">
        <v>10065</v>
      </c>
      <c r="G2547" s="1" t="s">
        <v>10051</v>
      </c>
      <c r="H2547" s="1" t="s">
        <v>13</v>
      </c>
      <c r="I2547" s="1" t="s">
        <v>10052</v>
      </c>
      <c r="J2547" s="1" t="s">
        <v>10066</v>
      </c>
    </row>
    <row r="2548" spans="1:10" x14ac:dyDescent="0.35">
      <c r="A2548" s="1" t="s">
        <v>10046</v>
      </c>
      <c r="B2548" s="1" t="s">
        <v>10047</v>
      </c>
      <c r="C2548" s="1" t="s">
        <v>35</v>
      </c>
      <c r="D2548" s="1" t="s">
        <v>55</v>
      </c>
      <c r="E2548" s="1" t="s">
        <v>10067</v>
      </c>
      <c r="F2548" s="1" t="s">
        <v>10068</v>
      </c>
      <c r="G2548" s="1" t="s">
        <v>10051</v>
      </c>
      <c r="H2548" s="1" t="s">
        <v>13</v>
      </c>
      <c r="I2548" s="1" t="s">
        <v>10052</v>
      </c>
      <c r="J2548" s="1" t="s">
        <v>10069</v>
      </c>
    </row>
    <row r="2549" spans="1:10" x14ac:dyDescent="0.35">
      <c r="A2549" s="1" t="s">
        <v>10046</v>
      </c>
      <c r="B2549" s="1" t="s">
        <v>10047</v>
      </c>
      <c r="C2549" s="1" t="s">
        <v>40</v>
      </c>
      <c r="D2549" s="1" t="s">
        <v>10070</v>
      </c>
      <c r="E2549" s="1" t="s">
        <v>10071</v>
      </c>
      <c r="F2549" s="1" t="s">
        <v>10072</v>
      </c>
      <c r="G2549" s="1" t="s">
        <v>10051</v>
      </c>
      <c r="H2549" s="1" t="s">
        <v>13</v>
      </c>
      <c r="I2549" s="1" t="s">
        <v>10052</v>
      </c>
      <c r="J2549" s="1" t="s">
        <v>10073</v>
      </c>
    </row>
    <row r="2550" spans="1:10" x14ac:dyDescent="0.35">
      <c r="A2550" s="1" t="s">
        <v>10046</v>
      </c>
      <c r="B2550" s="1" t="s">
        <v>10047</v>
      </c>
      <c r="C2550" s="1" t="s">
        <v>45</v>
      </c>
      <c r="D2550" s="1" t="s">
        <v>9226</v>
      </c>
      <c r="E2550" s="1" t="s">
        <v>10074</v>
      </c>
      <c r="F2550" s="1" t="s">
        <v>10075</v>
      </c>
      <c r="G2550" s="1" t="s">
        <v>10051</v>
      </c>
      <c r="H2550" s="1" t="s">
        <v>13</v>
      </c>
      <c r="I2550" s="1" t="s">
        <v>10052</v>
      </c>
      <c r="J2550" s="1" t="s">
        <v>10076</v>
      </c>
    </row>
    <row r="2551" spans="1:10" x14ac:dyDescent="0.35">
      <c r="A2551" s="1" t="s">
        <v>10046</v>
      </c>
      <c r="B2551" s="1" t="s">
        <v>10047</v>
      </c>
      <c r="C2551" s="1" t="s">
        <v>50</v>
      </c>
      <c r="D2551" s="1" t="s">
        <v>4427</v>
      </c>
      <c r="E2551" s="1" t="s">
        <v>10077</v>
      </c>
      <c r="F2551" s="1" t="s">
        <v>10078</v>
      </c>
      <c r="G2551" s="1" t="s">
        <v>10051</v>
      </c>
      <c r="H2551" s="1" t="s">
        <v>13</v>
      </c>
      <c r="I2551" s="1" t="s">
        <v>10052</v>
      </c>
      <c r="J2551" s="1" t="s">
        <v>10079</v>
      </c>
    </row>
    <row r="2552" spans="1:10" x14ac:dyDescent="0.35">
      <c r="A2552" s="1" t="s">
        <v>10046</v>
      </c>
      <c r="B2552" s="1" t="s">
        <v>10047</v>
      </c>
      <c r="C2552" s="1" t="s">
        <v>55</v>
      </c>
      <c r="D2552" s="1" t="s">
        <v>10080</v>
      </c>
      <c r="E2552" s="1" t="s">
        <v>10081</v>
      </c>
      <c r="F2552" s="1" t="s">
        <v>10082</v>
      </c>
      <c r="G2552" s="1" t="s">
        <v>10051</v>
      </c>
      <c r="H2552" s="1" t="s">
        <v>13</v>
      </c>
      <c r="I2552" s="1" t="s">
        <v>10052</v>
      </c>
      <c r="J2552" s="1" t="s">
        <v>10083</v>
      </c>
    </row>
    <row r="2553" spans="1:10" x14ac:dyDescent="0.35">
      <c r="A2553" s="1" t="s">
        <v>10046</v>
      </c>
      <c r="B2553" s="1" t="s">
        <v>10047</v>
      </c>
      <c r="C2553" s="1" t="s">
        <v>60</v>
      </c>
      <c r="D2553" s="1" t="s">
        <v>9226</v>
      </c>
      <c r="E2553" s="1" t="s">
        <v>10084</v>
      </c>
      <c r="F2553" s="1" t="s">
        <v>10085</v>
      </c>
      <c r="G2553" s="1" t="s">
        <v>10051</v>
      </c>
      <c r="H2553" s="1" t="s">
        <v>13</v>
      </c>
      <c r="I2553" s="1" t="s">
        <v>10052</v>
      </c>
      <c r="J2553" s="1" t="s">
        <v>10086</v>
      </c>
    </row>
    <row r="2554" spans="1:10" x14ac:dyDescent="0.35">
      <c r="A2554" s="1" t="s">
        <v>10046</v>
      </c>
      <c r="B2554" s="1" t="s">
        <v>10047</v>
      </c>
      <c r="C2554" s="1" t="s">
        <v>65</v>
      </c>
      <c r="D2554" s="1" t="s">
        <v>10087</v>
      </c>
      <c r="E2554" s="1" t="s">
        <v>10088</v>
      </c>
      <c r="F2554" s="1" t="s">
        <v>10089</v>
      </c>
      <c r="G2554" s="1" t="s">
        <v>10051</v>
      </c>
      <c r="H2554" s="1" t="s">
        <v>13</v>
      </c>
      <c r="I2554" s="1" t="s">
        <v>10052</v>
      </c>
      <c r="J2554" s="1" t="s">
        <v>10090</v>
      </c>
    </row>
    <row r="2555" spans="1:10" x14ac:dyDescent="0.35">
      <c r="A2555" s="1" t="s">
        <v>10046</v>
      </c>
      <c r="B2555" s="1" t="s">
        <v>10047</v>
      </c>
      <c r="C2555" s="1" t="s">
        <v>70</v>
      </c>
      <c r="D2555" s="1" t="s">
        <v>3961</v>
      </c>
      <c r="E2555" s="1" t="s">
        <v>10091</v>
      </c>
      <c r="F2555" s="1" t="s">
        <v>10092</v>
      </c>
      <c r="G2555" s="1" t="s">
        <v>10051</v>
      </c>
      <c r="H2555" s="1" t="s">
        <v>13</v>
      </c>
      <c r="I2555" s="1" t="s">
        <v>10052</v>
      </c>
      <c r="J2555" s="1" t="s">
        <v>10093</v>
      </c>
    </row>
    <row r="2556" spans="1:10" x14ac:dyDescent="0.35">
      <c r="A2556" s="1" t="s">
        <v>10046</v>
      </c>
      <c r="B2556" s="1" t="s">
        <v>10047</v>
      </c>
      <c r="C2556" s="1" t="s">
        <v>75</v>
      </c>
      <c r="D2556" s="1" t="s">
        <v>10094</v>
      </c>
      <c r="E2556" s="1" t="s">
        <v>10095</v>
      </c>
      <c r="F2556" s="1" t="s">
        <v>10096</v>
      </c>
      <c r="G2556" s="1" t="s">
        <v>10051</v>
      </c>
      <c r="H2556" s="1" t="s">
        <v>13</v>
      </c>
      <c r="I2556" s="1" t="s">
        <v>10052</v>
      </c>
      <c r="J2556" s="1" t="s">
        <v>10097</v>
      </c>
    </row>
    <row r="2557" spans="1:10" x14ac:dyDescent="0.35">
      <c r="A2557" s="1" t="s">
        <v>10046</v>
      </c>
      <c r="B2557" s="1" t="s">
        <v>10047</v>
      </c>
      <c r="C2557" s="1" t="s">
        <v>80</v>
      </c>
      <c r="D2557" s="1" t="s">
        <v>10098</v>
      </c>
      <c r="E2557" s="1" t="s">
        <v>10099</v>
      </c>
      <c r="F2557" s="1" t="s">
        <v>10100</v>
      </c>
      <c r="G2557" s="1" t="s">
        <v>10051</v>
      </c>
      <c r="H2557" s="1" t="s">
        <v>13</v>
      </c>
      <c r="I2557" s="1" t="s">
        <v>10052</v>
      </c>
      <c r="J2557" s="1" t="s">
        <v>10101</v>
      </c>
    </row>
    <row r="2558" spans="1:10" x14ac:dyDescent="0.35">
      <c r="A2558" s="1" t="s">
        <v>10046</v>
      </c>
      <c r="B2558" s="1" t="s">
        <v>10047</v>
      </c>
      <c r="C2558" s="1" t="s">
        <v>85</v>
      </c>
      <c r="D2558" s="1" t="s">
        <v>10102</v>
      </c>
      <c r="E2558" s="1" t="s">
        <v>10103</v>
      </c>
      <c r="F2558" s="1" t="s">
        <v>10104</v>
      </c>
      <c r="G2558" s="1" t="s">
        <v>10051</v>
      </c>
      <c r="H2558" s="1" t="s">
        <v>13</v>
      </c>
      <c r="I2558" s="1" t="s">
        <v>10052</v>
      </c>
      <c r="J2558" s="1" t="s">
        <v>10105</v>
      </c>
    </row>
    <row r="2559" spans="1:10" x14ac:dyDescent="0.35">
      <c r="A2559" s="1" t="s">
        <v>10046</v>
      </c>
      <c r="B2559" s="1" t="s">
        <v>10047</v>
      </c>
      <c r="C2559" s="1" t="s">
        <v>90</v>
      </c>
      <c r="D2559" s="1" t="s">
        <v>10106</v>
      </c>
      <c r="E2559" s="1" t="s">
        <v>10107</v>
      </c>
      <c r="F2559" s="1" t="s">
        <v>10108</v>
      </c>
      <c r="G2559" s="1" t="s">
        <v>10051</v>
      </c>
      <c r="H2559" s="1" t="s">
        <v>13</v>
      </c>
      <c r="I2559" s="1" t="s">
        <v>10052</v>
      </c>
      <c r="J2559" s="1" t="s">
        <v>10109</v>
      </c>
    </row>
    <row r="2560" spans="1:10" x14ac:dyDescent="0.35">
      <c r="A2560" s="1" t="s">
        <v>10046</v>
      </c>
      <c r="B2560" s="1" t="s">
        <v>10047</v>
      </c>
      <c r="C2560" s="1" t="s">
        <v>95</v>
      </c>
      <c r="D2560" s="1" t="s">
        <v>10110</v>
      </c>
      <c r="E2560" s="1" t="s">
        <v>10111</v>
      </c>
      <c r="F2560" s="1" t="s">
        <v>10112</v>
      </c>
      <c r="G2560" s="1" t="s">
        <v>10051</v>
      </c>
      <c r="H2560" s="1" t="s">
        <v>13</v>
      </c>
      <c r="I2560" s="1" t="s">
        <v>10052</v>
      </c>
      <c r="J2560" s="1" t="s">
        <v>10113</v>
      </c>
    </row>
    <row r="2561" spans="1:10" x14ac:dyDescent="0.35">
      <c r="A2561" s="1" t="s">
        <v>10046</v>
      </c>
      <c r="B2561" s="1" t="s">
        <v>10047</v>
      </c>
      <c r="C2561" s="1" t="s">
        <v>100</v>
      </c>
      <c r="D2561" s="1" t="s">
        <v>10114</v>
      </c>
      <c r="E2561" s="1" t="s">
        <v>10115</v>
      </c>
      <c r="F2561" s="1" t="s">
        <v>10116</v>
      </c>
      <c r="G2561" s="1" t="s">
        <v>10051</v>
      </c>
      <c r="H2561" s="1" t="s">
        <v>13</v>
      </c>
      <c r="I2561" s="1" t="s">
        <v>10052</v>
      </c>
      <c r="J2561" s="1" t="s">
        <v>10117</v>
      </c>
    </row>
    <row r="2562" spans="1:10" x14ac:dyDescent="0.35">
      <c r="A2562" s="1" t="s">
        <v>10046</v>
      </c>
      <c r="B2562" s="1" t="s">
        <v>10047</v>
      </c>
      <c r="C2562" s="1" t="s">
        <v>105</v>
      </c>
      <c r="D2562" s="1" t="s">
        <v>10118</v>
      </c>
      <c r="E2562" s="1" t="s">
        <v>10119</v>
      </c>
      <c r="F2562" s="1" t="s">
        <v>10120</v>
      </c>
      <c r="G2562" s="1" t="s">
        <v>10051</v>
      </c>
      <c r="H2562" s="1" t="s">
        <v>13</v>
      </c>
      <c r="I2562" s="1" t="s">
        <v>10052</v>
      </c>
      <c r="J2562" s="1" t="s">
        <v>10121</v>
      </c>
    </row>
    <row r="2563" spans="1:10" x14ac:dyDescent="0.35">
      <c r="A2563" s="1" t="s">
        <v>10046</v>
      </c>
      <c r="B2563" s="1" t="s">
        <v>10047</v>
      </c>
      <c r="C2563" s="1" t="s">
        <v>110</v>
      </c>
      <c r="D2563" s="1" t="s">
        <v>10122</v>
      </c>
      <c r="E2563" s="1" t="s">
        <v>10123</v>
      </c>
      <c r="F2563" s="1" t="s">
        <v>10124</v>
      </c>
      <c r="G2563" s="1" t="s">
        <v>10051</v>
      </c>
      <c r="H2563" s="1" t="s">
        <v>13</v>
      </c>
      <c r="I2563" s="1" t="s">
        <v>10052</v>
      </c>
      <c r="J2563" s="1" t="s">
        <v>10125</v>
      </c>
    </row>
    <row r="2564" spans="1:10" x14ac:dyDescent="0.35">
      <c r="A2564" s="1" t="s">
        <v>10046</v>
      </c>
      <c r="B2564" s="1" t="s">
        <v>10047</v>
      </c>
      <c r="C2564" s="1" t="s">
        <v>115</v>
      </c>
      <c r="D2564" s="1" t="s">
        <v>10126</v>
      </c>
      <c r="E2564" s="1" t="s">
        <v>10127</v>
      </c>
      <c r="F2564" s="1" t="s">
        <v>10128</v>
      </c>
      <c r="G2564" s="1" t="s">
        <v>10051</v>
      </c>
      <c r="H2564" s="1" t="s">
        <v>13</v>
      </c>
      <c r="I2564" s="1" t="s">
        <v>10052</v>
      </c>
      <c r="J2564" s="1" t="s">
        <v>10129</v>
      </c>
    </row>
    <row r="2565" spans="1:10" x14ac:dyDescent="0.35">
      <c r="A2565" s="1" t="s">
        <v>10046</v>
      </c>
      <c r="B2565" s="1" t="s">
        <v>10047</v>
      </c>
      <c r="C2565" s="1" t="s">
        <v>120</v>
      </c>
      <c r="D2565" s="1" t="s">
        <v>10130</v>
      </c>
      <c r="E2565" s="1" t="s">
        <v>10131</v>
      </c>
      <c r="F2565" s="1" t="s">
        <v>10132</v>
      </c>
      <c r="G2565" s="1" t="s">
        <v>10051</v>
      </c>
      <c r="H2565" s="1" t="s">
        <v>13</v>
      </c>
      <c r="I2565" s="1" t="s">
        <v>10052</v>
      </c>
      <c r="J2565" s="1" t="s">
        <v>10133</v>
      </c>
    </row>
    <row r="2566" spans="1:10" x14ac:dyDescent="0.35">
      <c r="A2566" s="1" t="s">
        <v>10046</v>
      </c>
      <c r="B2566" s="1" t="s">
        <v>10047</v>
      </c>
      <c r="C2566" s="1" t="s">
        <v>125</v>
      </c>
      <c r="D2566" s="1" t="s">
        <v>10134</v>
      </c>
      <c r="E2566" s="1" t="s">
        <v>10135</v>
      </c>
      <c r="F2566" s="1" t="s">
        <v>10136</v>
      </c>
      <c r="G2566" s="1" t="s">
        <v>10051</v>
      </c>
      <c r="H2566" s="1" t="s">
        <v>13</v>
      </c>
      <c r="I2566" s="1" t="s">
        <v>10052</v>
      </c>
      <c r="J2566" s="1" t="s">
        <v>10137</v>
      </c>
    </row>
    <row r="2567" spans="1:10" x14ac:dyDescent="0.35">
      <c r="A2567" s="1" t="s">
        <v>10046</v>
      </c>
      <c r="B2567" s="1" t="s">
        <v>10047</v>
      </c>
      <c r="C2567" s="1" t="s">
        <v>130</v>
      </c>
      <c r="D2567" s="1" t="s">
        <v>10138</v>
      </c>
      <c r="E2567" s="1" t="s">
        <v>10139</v>
      </c>
      <c r="F2567" s="1" t="s">
        <v>10140</v>
      </c>
      <c r="G2567" s="1" t="s">
        <v>10051</v>
      </c>
      <c r="H2567" s="1" t="s">
        <v>13</v>
      </c>
      <c r="I2567" s="1" t="s">
        <v>10052</v>
      </c>
      <c r="J2567" s="1" t="s">
        <v>10141</v>
      </c>
    </row>
    <row r="2568" spans="1:10" x14ac:dyDescent="0.35">
      <c r="A2568" s="1" t="s">
        <v>10046</v>
      </c>
      <c r="B2568" s="1" t="s">
        <v>10047</v>
      </c>
      <c r="C2568" s="1" t="s">
        <v>135</v>
      </c>
      <c r="D2568" s="1" t="s">
        <v>10142</v>
      </c>
      <c r="E2568" s="1" t="s">
        <v>10143</v>
      </c>
      <c r="F2568" s="1" t="s">
        <v>10144</v>
      </c>
      <c r="G2568" s="1" t="s">
        <v>10051</v>
      </c>
      <c r="H2568" s="1" t="s">
        <v>13</v>
      </c>
      <c r="I2568" s="1" t="s">
        <v>10052</v>
      </c>
      <c r="J2568" s="1" t="s">
        <v>10145</v>
      </c>
    </row>
    <row r="2569" spans="1:10" x14ac:dyDescent="0.35">
      <c r="A2569" s="1" t="s">
        <v>10046</v>
      </c>
      <c r="B2569" s="1" t="s">
        <v>10047</v>
      </c>
      <c r="C2569" s="1" t="s">
        <v>140</v>
      </c>
      <c r="D2569" s="1" t="s">
        <v>8396</v>
      </c>
      <c r="E2569" s="1" t="s">
        <v>10146</v>
      </c>
      <c r="F2569" s="1" t="s">
        <v>10147</v>
      </c>
      <c r="G2569" s="1" t="s">
        <v>10051</v>
      </c>
      <c r="H2569" s="1" t="s">
        <v>13</v>
      </c>
      <c r="I2569" s="1" t="s">
        <v>10052</v>
      </c>
      <c r="J2569" s="1" t="s">
        <v>10148</v>
      </c>
    </row>
    <row r="2570" spans="1:10" x14ac:dyDescent="0.35">
      <c r="A2570" s="1" t="s">
        <v>10046</v>
      </c>
      <c r="B2570" s="1" t="s">
        <v>10047</v>
      </c>
      <c r="C2570" s="1" t="s">
        <v>145</v>
      </c>
      <c r="D2570" s="1" t="s">
        <v>10149</v>
      </c>
      <c r="E2570" s="1" t="s">
        <v>10150</v>
      </c>
      <c r="F2570" s="1" t="s">
        <v>10151</v>
      </c>
      <c r="G2570" s="1" t="s">
        <v>10051</v>
      </c>
      <c r="H2570" s="1" t="s">
        <v>13</v>
      </c>
      <c r="I2570" s="1" t="s">
        <v>10052</v>
      </c>
      <c r="J2570" s="1" t="s">
        <v>10152</v>
      </c>
    </row>
    <row r="2571" spans="1:10" x14ac:dyDescent="0.35">
      <c r="A2571" s="1" t="s">
        <v>10046</v>
      </c>
      <c r="B2571" s="1" t="s">
        <v>10047</v>
      </c>
      <c r="C2571" s="1" t="s">
        <v>150</v>
      </c>
      <c r="D2571" s="1" t="s">
        <v>10153</v>
      </c>
      <c r="E2571" s="1" t="s">
        <v>10154</v>
      </c>
      <c r="F2571" s="1" t="s">
        <v>10155</v>
      </c>
      <c r="G2571" s="1" t="s">
        <v>10051</v>
      </c>
      <c r="H2571" s="1" t="s">
        <v>13</v>
      </c>
      <c r="I2571" s="1" t="s">
        <v>10052</v>
      </c>
      <c r="J2571" s="1" t="s">
        <v>10156</v>
      </c>
    </row>
    <row r="2572" spans="1:10" x14ac:dyDescent="0.35">
      <c r="A2572" s="1" t="s">
        <v>10046</v>
      </c>
      <c r="B2572" s="1" t="s">
        <v>10047</v>
      </c>
      <c r="C2572" s="1" t="s">
        <v>155</v>
      </c>
      <c r="D2572" s="1" t="s">
        <v>1715</v>
      </c>
      <c r="E2572" s="1" t="s">
        <v>10157</v>
      </c>
      <c r="F2572" s="1" t="s">
        <v>10158</v>
      </c>
      <c r="G2572" s="1" t="s">
        <v>10051</v>
      </c>
      <c r="H2572" s="1" t="s">
        <v>13</v>
      </c>
      <c r="I2572" s="1" t="s">
        <v>10052</v>
      </c>
      <c r="J2572" s="1" t="s">
        <v>10159</v>
      </c>
    </row>
    <row r="2573" spans="1:10" x14ac:dyDescent="0.35">
      <c r="A2573" s="1" t="s">
        <v>10046</v>
      </c>
      <c r="B2573" s="1" t="s">
        <v>10047</v>
      </c>
      <c r="C2573" s="1" t="s">
        <v>160</v>
      </c>
      <c r="D2573" s="1" t="s">
        <v>10160</v>
      </c>
      <c r="E2573" s="1" t="s">
        <v>10161</v>
      </c>
      <c r="F2573" s="1" t="s">
        <v>10162</v>
      </c>
      <c r="G2573" s="1" t="s">
        <v>10051</v>
      </c>
      <c r="H2573" s="1" t="s">
        <v>13</v>
      </c>
      <c r="I2573" s="1" t="s">
        <v>10052</v>
      </c>
      <c r="J2573" s="1" t="s">
        <v>10163</v>
      </c>
    </row>
    <row r="2574" spans="1:10" x14ac:dyDescent="0.35">
      <c r="A2574" s="1" t="s">
        <v>10046</v>
      </c>
      <c r="B2574" s="1" t="s">
        <v>10047</v>
      </c>
      <c r="C2574" s="1" t="s">
        <v>165</v>
      </c>
      <c r="D2574" s="1" t="s">
        <v>6866</v>
      </c>
      <c r="E2574" s="1" t="s">
        <v>10164</v>
      </c>
      <c r="F2574" s="1" t="s">
        <v>10165</v>
      </c>
      <c r="G2574" s="1" t="s">
        <v>10051</v>
      </c>
      <c r="H2574" s="1" t="s">
        <v>13</v>
      </c>
      <c r="I2574" s="1" t="s">
        <v>10052</v>
      </c>
      <c r="J2574" s="1" t="s">
        <v>10166</v>
      </c>
    </row>
    <row r="2575" spans="1:10" x14ac:dyDescent="0.35">
      <c r="A2575" s="1" t="s">
        <v>10046</v>
      </c>
      <c r="B2575" s="1" t="s">
        <v>10047</v>
      </c>
      <c r="C2575" s="1" t="s">
        <v>170</v>
      </c>
      <c r="D2575" s="1" t="s">
        <v>6896</v>
      </c>
      <c r="E2575" s="1" t="s">
        <v>10167</v>
      </c>
      <c r="F2575" s="1" t="s">
        <v>10168</v>
      </c>
      <c r="G2575" s="1" t="s">
        <v>10051</v>
      </c>
      <c r="H2575" s="1" t="s">
        <v>13</v>
      </c>
      <c r="I2575" s="1" t="s">
        <v>10052</v>
      </c>
      <c r="J2575" s="1" t="s">
        <v>10169</v>
      </c>
    </row>
    <row r="2576" spans="1:10" x14ac:dyDescent="0.35">
      <c r="A2576" s="1" t="s">
        <v>10170</v>
      </c>
      <c r="B2576" s="1" t="s">
        <v>10171</v>
      </c>
      <c r="C2576" s="1" t="s">
        <v>8</v>
      </c>
      <c r="D2576" s="1" t="s">
        <v>10172</v>
      </c>
      <c r="E2576" s="1" t="s">
        <v>10173</v>
      </c>
      <c r="F2576" s="1" t="s">
        <v>10174</v>
      </c>
      <c r="G2576" s="1" t="s">
        <v>10175</v>
      </c>
      <c r="H2576" s="1" t="s">
        <v>13</v>
      </c>
      <c r="I2576" s="1" t="s">
        <v>10176</v>
      </c>
      <c r="J2576" s="1" t="s">
        <v>13</v>
      </c>
    </row>
    <row r="2577" spans="1:10" x14ac:dyDescent="0.35">
      <c r="A2577" s="1" t="s">
        <v>10170</v>
      </c>
      <c r="B2577" s="1" t="s">
        <v>10171</v>
      </c>
      <c r="C2577" s="1" t="s">
        <v>15</v>
      </c>
      <c r="D2577" s="1" t="s">
        <v>9971</v>
      </c>
      <c r="E2577" s="1" t="s">
        <v>10177</v>
      </c>
      <c r="F2577" s="1" t="s">
        <v>10178</v>
      </c>
      <c r="G2577" s="1" t="s">
        <v>10175</v>
      </c>
      <c r="H2577" s="1" t="s">
        <v>13</v>
      </c>
      <c r="I2577" s="1" t="s">
        <v>10176</v>
      </c>
      <c r="J2577" s="1" t="s">
        <v>10179</v>
      </c>
    </row>
    <row r="2578" spans="1:10" x14ac:dyDescent="0.35">
      <c r="A2578" s="1" t="s">
        <v>10170</v>
      </c>
      <c r="B2578" s="1" t="s">
        <v>10171</v>
      </c>
      <c r="C2578" s="1" t="s">
        <v>20</v>
      </c>
      <c r="D2578" s="1" t="s">
        <v>8675</v>
      </c>
      <c r="E2578" s="1" t="s">
        <v>10180</v>
      </c>
      <c r="F2578" s="1" t="s">
        <v>10181</v>
      </c>
      <c r="G2578" s="1" t="s">
        <v>10175</v>
      </c>
      <c r="H2578" s="1" t="s">
        <v>13</v>
      </c>
      <c r="I2578" s="1" t="s">
        <v>10176</v>
      </c>
      <c r="J2578" s="1" t="s">
        <v>10182</v>
      </c>
    </row>
    <row r="2579" spans="1:10" x14ac:dyDescent="0.35">
      <c r="A2579" s="1" t="s">
        <v>10170</v>
      </c>
      <c r="B2579" s="1" t="s">
        <v>10171</v>
      </c>
      <c r="C2579" s="1" t="s">
        <v>25</v>
      </c>
      <c r="D2579" s="1" t="s">
        <v>10183</v>
      </c>
      <c r="E2579" s="1" t="s">
        <v>10184</v>
      </c>
      <c r="F2579" s="1" t="s">
        <v>10185</v>
      </c>
      <c r="G2579" s="1" t="s">
        <v>10175</v>
      </c>
      <c r="H2579" s="1" t="s">
        <v>13</v>
      </c>
      <c r="I2579" s="1" t="s">
        <v>10176</v>
      </c>
      <c r="J2579" s="1" t="s">
        <v>10186</v>
      </c>
    </row>
    <row r="2580" spans="1:10" x14ac:dyDescent="0.35">
      <c r="A2580" s="1" t="s">
        <v>10170</v>
      </c>
      <c r="B2580" s="1" t="s">
        <v>10171</v>
      </c>
      <c r="C2580" s="1" t="s">
        <v>30</v>
      </c>
      <c r="D2580" s="1" t="s">
        <v>10187</v>
      </c>
      <c r="E2580" s="1" t="s">
        <v>10188</v>
      </c>
      <c r="F2580" s="1" t="s">
        <v>10189</v>
      </c>
      <c r="G2580" s="1" t="s">
        <v>10175</v>
      </c>
      <c r="H2580" s="1" t="s">
        <v>13</v>
      </c>
      <c r="I2580" s="1" t="s">
        <v>10176</v>
      </c>
      <c r="J2580" s="1" t="s">
        <v>10190</v>
      </c>
    </row>
    <row r="2581" spans="1:10" x14ac:dyDescent="0.35">
      <c r="A2581" s="1" t="s">
        <v>10170</v>
      </c>
      <c r="B2581" s="1" t="s">
        <v>10171</v>
      </c>
      <c r="C2581" s="1" t="s">
        <v>35</v>
      </c>
      <c r="D2581" s="1" t="s">
        <v>10110</v>
      </c>
      <c r="E2581" s="1" t="s">
        <v>10191</v>
      </c>
      <c r="F2581" s="1" t="s">
        <v>10192</v>
      </c>
      <c r="G2581" s="1" t="s">
        <v>10175</v>
      </c>
      <c r="H2581" s="1" t="s">
        <v>13</v>
      </c>
      <c r="I2581" s="1" t="s">
        <v>10176</v>
      </c>
      <c r="J2581" s="1" t="s">
        <v>10193</v>
      </c>
    </row>
    <row r="2582" spans="1:10" x14ac:dyDescent="0.35">
      <c r="A2582" s="1" t="s">
        <v>10170</v>
      </c>
      <c r="B2582" s="1" t="s">
        <v>10171</v>
      </c>
      <c r="C2582" s="1" t="s">
        <v>40</v>
      </c>
      <c r="D2582" s="1" t="s">
        <v>10194</v>
      </c>
      <c r="E2582" s="1" t="s">
        <v>10195</v>
      </c>
      <c r="F2582" s="1" t="s">
        <v>10196</v>
      </c>
      <c r="G2582" s="1" t="s">
        <v>10175</v>
      </c>
      <c r="H2582" s="1" t="s">
        <v>13</v>
      </c>
      <c r="I2582" s="1" t="s">
        <v>10176</v>
      </c>
      <c r="J2582" s="1" t="s">
        <v>10197</v>
      </c>
    </row>
    <row r="2583" spans="1:10" x14ac:dyDescent="0.35">
      <c r="A2583" s="1" t="s">
        <v>10170</v>
      </c>
      <c r="B2583" s="1" t="s">
        <v>10171</v>
      </c>
      <c r="C2583" s="1" t="s">
        <v>45</v>
      </c>
      <c r="D2583" s="1" t="s">
        <v>4693</v>
      </c>
      <c r="E2583" s="1" t="s">
        <v>10198</v>
      </c>
      <c r="F2583" s="1" t="s">
        <v>10199</v>
      </c>
      <c r="G2583" s="1" t="s">
        <v>10175</v>
      </c>
      <c r="H2583" s="1" t="s">
        <v>13</v>
      </c>
      <c r="I2583" s="1" t="s">
        <v>10176</v>
      </c>
      <c r="J2583" s="1" t="s">
        <v>10200</v>
      </c>
    </row>
    <row r="2584" spans="1:10" x14ac:dyDescent="0.35">
      <c r="A2584" s="1" t="s">
        <v>10170</v>
      </c>
      <c r="B2584" s="1" t="s">
        <v>10171</v>
      </c>
      <c r="C2584" s="1" t="s">
        <v>50</v>
      </c>
      <c r="D2584" s="1" t="s">
        <v>10201</v>
      </c>
      <c r="E2584" s="1" t="s">
        <v>10202</v>
      </c>
      <c r="F2584" s="1" t="s">
        <v>10203</v>
      </c>
      <c r="G2584" s="1" t="s">
        <v>10175</v>
      </c>
      <c r="H2584" s="1" t="s">
        <v>13</v>
      </c>
      <c r="I2584" s="1" t="s">
        <v>10176</v>
      </c>
      <c r="J2584" s="1" t="s">
        <v>10204</v>
      </c>
    </row>
    <row r="2585" spans="1:10" x14ac:dyDescent="0.35">
      <c r="A2585" s="1" t="s">
        <v>10170</v>
      </c>
      <c r="B2585" s="1" t="s">
        <v>10171</v>
      </c>
      <c r="C2585" s="1" t="s">
        <v>55</v>
      </c>
      <c r="D2585" s="1" t="s">
        <v>10205</v>
      </c>
      <c r="E2585" s="1" t="s">
        <v>10206</v>
      </c>
      <c r="F2585" s="1" t="s">
        <v>10207</v>
      </c>
      <c r="G2585" s="1" t="s">
        <v>10175</v>
      </c>
      <c r="H2585" s="1" t="s">
        <v>13</v>
      </c>
      <c r="I2585" s="1" t="s">
        <v>10176</v>
      </c>
      <c r="J2585" s="1" t="s">
        <v>10208</v>
      </c>
    </row>
    <row r="2586" spans="1:10" x14ac:dyDescent="0.35">
      <c r="A2586" s="1" t="s">
        <v>10170</v>
      </c>
      <c r="B2586" s="1" t="s">
        <v>10171</v>
      </c>
      <c r="C2586" s="1" t="s">
        <v>60</v>
      </c>
      <c r="D2586" s="1" t="s">
        <v>10209</v>
      </c>
      <c r="E2586" s="1" t="s">
        <v>10210</v>
      </c>
      <c r="F2586" s="1" t="s">
        <v>10211</v>
      </c>
      <c r="G2586" s="1" t="s">
        <v>10175</v>
      </c>
      <c r="H2586" s="1" t="s">
        <v>13</v>
      </c>
      <c r="I2586" s="1" t="s">
        <v>10176</v>
      </c>
      <c r="J2586" s="1" t="s">
        <v>10212</v>
      </c>
    </row>
    <row r="2587" spans="1:10" x14ac:dyDescent="0.35">
      <c r="A2587" s="1" t="s">
        <v>10170</v>
      </c>
      <c r="B2587" s="1" t="s">
        <v>10171</v>
      </c>
      <c r="C2587" s="1" t="s">
        <v>65</v>
      </c>
      <c r="D2587" s="1" t="s">
        <v>10213</v>
      </c>
      <c r="E2587" s="1" t="s">
        <v>10214</v>
      </c>
      <c r="F2587" s="1" t="s">
        <v>10215</v>
      </c>
      <c r="G2587" s="1" t="s">
        <v>10175</v>
      </c>
      <c r="H2587" s="1" t="s">
        <v>13</v>
      </c>
      <c r="I2587" s="1" t="s">
        <v>10176</v>
      </c>
      <c r="J2587" s="1" t="s">
        <v>10216</v>
      </c>
    </row>
    <row r="2588" spans="1:10" x14ac:dyDescent="0.35">
      <c r="A2588" s="1" t="s">
        <v>10170</v>
      </c>
      <c r="B2588" s="1" t="s">
        <v>10171</v>
      </c>
      <c r="C2588" s="1" t="s">
        <v>70</v>
      </c>
      <c r="D2588" s="1" t="s">
        <v>10217</v>
      </c>
      <c r="E2588" s="1" t="s">
        <v>10218</v>
      </c>
      <c r="F2588" s="1" t="s">
        <v>10219</v>
      </c>
      <c r="G2588" s="1" t="s">
        <v>10175</v>
      </c>
      <c r="H2588" s="1" t="s">
        <v>13</v>
      </c>
      <c r="I2588" s="1" t="s">
        <v>10176</v>
      </c>
      <c r="J2588" s="1" t="s">
        <v>10220</v>
      </c>
    </row>
    <row r="2589" spans="1:10" x14ac:dyDescent="0.35">
      <c r="A2589" s="1" t="s">
        <v>10170</v>
      </c>
      <c r="B2589" s="1" t="s">
        <v>10171</v>
      </c>
      <c r="C2589" s="1" t="s">
        <v>75</v>
      </c>
      <c r="D2589" s="1" t="s">
        <v>9893</v>
      </c>
      <c r="E2589" s="1" t="s">
        <v>10221</v>
      </c>
      <c r="F2589" s="1" t="s">
        <v>10222</v>
      </c>
      <c r="G2589" s="1" t="s">
        <v>10175</v>
      </c>
      <c r="H2589" s="1" t="s">
        <v>13</v>
      </c>
      <c r="I2589" s="1" t="s">
        <v>10176</v>
      </c>
      <c r="J2589" s="1" t="s">
        <v>10223</v>
      </c>
    </row>
    <row r="2590" spans="1:10" x14ac:dyDescent="0.35">
      <c r="A2590" s="1" t="s">
        <v>10170</v>
      </c>
      <c r="B2590" s="1" t="s">
        <v>10171</v>
      </c>
      <c r="C2590" s="1" t="s">
        <v>80</v>
      </c>
      <c r="D2590" s="1" t="s">
        <v>10224</v>
      </c>
      <c r="E2590" s="1" t="s">
        <v>10225</v>
      </c>
      <c r="F2590" s="1" t="s">
        <v>10226</v>
      </c>
      <c r="G2590" s="1" t="s">
        <v>10175</v>
      </c>
      <c r="H2590" s="1" t="s">
        <v>13</v>
      </c>
      <c r="I2590" s="1" t="s">
        <v>10176</v>
      </c>
      <c r="J2590" s="1" t="s">
        <v>10227</v>
      </c>
    </row>
    <row r="2591" spans="1:10" x14ac:dyDescent="0.35">
      <c r="A2591" s="1" t="s">
        <v>10170</v>
      </c>
      <c r="B2591" s="1" t="s">
        <v>10171</v>
      </c>
      <c r="C2591" s="1" t="s">
        <v>85</v>
      </c>
      <c r="D2591" s="1" t="s">
        <v>8714</v>
      </c>
      <c r="E2591" s="1" t="s">
        <v>10228</v>
      </c>
      <c r="F2591" s="1" t="s">
        <v>10229</v>
      </c>
      <c r="G2591" s="1" t="s">
        <v>10175</v>
      </c>
      <c r="H2591" s="1" t="s">
        <v>13</v>
      </c>
      <c r="I2591" s="1" t="s">
        <v>10176</v>
      </c>
      <c r="J2591" s="1" t="s">
        <v>10230</v>
      </c>
    </row>
    <row r="2592" spans="1:10" x14ac:dyDescent="0.35">
      <c r="A2592" s="1" t="s">
        <v>10170</v>
      </c>
      <c r="B2592" s="1" t="s">
        <v>10171</v>
      </c>
      <c r="C2592" s="1" t="s">
        <v>90</v>
      </c>
      <c r="D2592" s="1" t="s">
        <v>10231</v>
      </c>
      <c r="E2592" s="1" t="s">
        <v>10232</v>
      </c>
      <c r="F2592" s="1" t="s">
        <v>10233</v>
      </c>
      <c r="G2592" s="1" t="s">
        <v>10175</v>
      </c>
      <c r="H2592" s="1" t="s">
        <v>13</v>
      </c>
      <c r="I2592" s="1" t="s">
        <v>10176</v>
      </c>
      <c r="J2592" s="1" t="s">
        <v>10234</v>
      </c>
    </row>
    <row r="2593" spans="1:10" x14ac:dyDescent="0.35">
      <c r="A2593" s="1" t="s">
        <v>10170</v>
      </c>
      <c r="B2593" s="1" t="s">
        <v>10171</v>
      </c>
      <c r="C2593" s="1" t="s">
        <v>95</v>
      </c>
      <c r="D2593" s="1" t="s">
        <v>10235</v>
      </c>
      <c r="E2593" s="1" t="s">
        <v>10236</v>
      </c>
      <c r="F2593" s="1" t="s">
        <v>10237</v>
      </c>
      <c r="G2593" s="1" t="s">
        <v>10175</v>
      </c>
      <c r="H2593" s="1" t="s">
        <v>13</v>
      </c>
      <c r="I2593" s="1" t="s">
        <v>10176</v>
      </c>
      <c r="J2593" s="1" t="s">
        <v>10238</v>
      </c>
    </row>
    <row r="2594" spans="1:10" x14ac:dyDescent="0.35">
      <c r="A2594" s="1" t="s">
        <v>10170</v>
      </c>
      <c r="B2594" s="1" t="s">
        <v>10171</v>
      </c>
      <c r="C2594" s="1" t="s">
        <v>100</v>
      </c>
      <c r="D2594" s="1" t="s">
        <v>10239</v>
      </c>
      <c r="E2594" s="1" t="s">
        <v>10240</v>
      </c>
      <c r="F2594" s="1" t="s">
        <v>10241</v>
      </c>
      <c r="G2594" s="1" t="s">
        <v>10175</v>
      </c>
      <c r="H2594" s="1" t="s">
        <v>13</v>
      </c>
      <c r="I2594" s="1" t="s">
        <v>10176</v>
      </c>
      <c r="J2594" s="1" t="s">
        <v>10242</v>
      </c>
    </row>
    <row r="2595" spans="1:10" x14ac:dyDescent="0.35">
      <c r="A2595" s="1" t="s">
        <v>10170</v>
      </c>
      <c r="B2595" s="1" t="s">
        <v>10171</v>
      </c>
      <c r="C2595" s="1" t="s">
        <v>105</v>
      </c>
      <c r="D2595" s="1" t="s">
        <v>10243</v>
      </c>
      <c r="E2595" s="1" t="s">
        <v>10244</v>
      </c>
      <c r="F2595" s="1" t="s">
        <v>10245</v>
      </c>
      <c r="G2595" s="1" t="s">
        <v>10175</v>
      </c>
      <c r="H2595" s="1" t="s">
        <v>13</v>
      </c>
      <c r="I2595" s="1" t="s">
        <v>10176</v>
      </c>
      <c r="J2595" s="1" t="s">
        <v>10246</v>
      </c>
    </row>
    <row r="2596" spans="1:10" x14ac:dyDescent="0.35">
      <c r="A2596" s="1" t="s">
        <v>10170</v>
      </c>
      <c r="B2596" s="1" t="s">
        <v>10171</v>
      </c>
      <c r="C2596" s="1" t="s">
        <v>110</v>
      </c>
      <c r="D2596" s="1" t="s">
        <v>9216</v>
      </c>
      <c r="E2596" s="1" t="s">
        <v>10247</v>
      </c>
      <c r="F2596" s="1" t="s">
        <v>10248</v>
      </c>
      <c r="G2596" s="1" t="s">
        <v>10175</v>
      </c>
      <c r="H2596" s="1" t="s">
        <v>13</v>
      </c>
      <c r="I2596" s="1" t="s">
        <v>10176</v>
      </c>
      <c r="J2596" s="1" t="s">
        <v>10249</v>
      </c>
    </row>
    <row r="2597" spans="1:10" x14ac:dyDescent="0.35">
      <c r="A2597" s="1" t="s">
        <v>10170</v>
      </c>
      <c r="B2597" s="1" t="s">
        <v>10171</v>
      </c>
      <c r="C2597" s="1" t="s">
        <v>115</v>
      </c>
      <c r="D2597" s="1" t="s">
        <v>10250</v>
      </c>
      <c r="E2597" s="1" t="s">
        <v>10251</v>
      </c>
      <c r="F2597" s="1" t="s">
        <v>10252</v>
      </c>
      <c r="G2597" s="1" t="s">
        <v>10175</v>
      </c>
      <c r="H2597" s="1" t="s">
        <v>13</v>
      </c>
      <c r="I2597" s="1" t="s">
        <v>10176</v>
      </c>
      <c r="J2597" s="1" t="s">
        <v>10253</v>
      </c>
    </row>
    <row r="2598" spans="1:10" x14ac:dyDescent="0.35">
      <c r="A2598" s="1" t="s">
        <v>10170</v>
      </c>
      <c r="B2598" s="1" t="s">
        <v>10171</v>
      </c>
      <c r="C2598" s="1" t="s">
        <v>120</v>
      </c>
      <c r="D2598" s="1" t="s">
        <v>10254</v>
      </c>
      <c r="E2598" s="1" t="s">
        <v>10255</v>
      </c>
      <c r="F2598" s="1" t="s">
        <v>10256</v>
      </c>
      <c r="G2598" s="1" t="s">
        <v>10175</v>
      </c>
      <c r="H2598" s="1" t="s">
        <v>13</v>
      </c>
      <c r="I2598" s="1" t="s">
        <v>10176</v>
      </c>
      <c r="J2598" s="1" t="s">
        <v>10257</v>
      </c>
    </row>
    <row r="2599" spans="1:10" x14ac:dyDescent="0.35">
      <c r="A2599" s="1" t="s">
        <v>10170</v>
      </c>
      <c r="B2599" s="1" t="s">
        <v>10171</v>
      </c>
      <c r="C2599" s="1" t="s">
        <v>125</v>
      </c>
      <c r="D2599" s="1" t="s">
        <v>10258</v>
      </c>
      <c r="E2599" s="1" t="s">
        <v>10259</v>
      </c>
      <c r="F2599" s="1" t="s">
        <v>10260</v>
      </c>
      <c r="G2599" s="1" t="s">
        <v>10175</v>
      </c>
      <c r="H2599" s="1" t="s">
        <v>13</v>
      </c>
      <c r="I2599" s="1" t="s">
        <v>10176</v>
      </c>
      <c r="J2599" s="1" t="s">
        <v>10261</v>
      </c>
    </row>
    <row r="2600" spans="1:10" x14ac:dyDescent="0.35">
      <c r="A2600" s="1" t="s">
        <v>10170</v>
      </c>
      <c r="B2600" s="1" t="s">
        <v>10171</v>
      </c>
      <c r="C2600" s="1" t="s">
        <v>130</v>
      </c>
      <c r="D2600" s="1" t="s">
        <v>10262</v>
      </c>
      <c r="E2600" s="1" t="s">
        <v>10263</v>
      </c>
      <c r="F2600" s="1" t="s">
        <v>10264</v>
      </c>
      <c r="G2600" s="1" t="s">
        <v>10175</v>
      </c>
      <c r="H2600" s="1" t="s">
        <v>13</v>
      </c>
      <c r="I2600" s="1" t="s">
        <v>10176</v>
      </c>
      <c r="J2600" s="1" t="s">
        <v>10265</v>
      </c>
    </row>
    <row r="2601" spans="1:10" x14ac:dyDescent="0.35">
      <c r="A2601" s="1" t="s">
        <v>10170</v>
      </c>
      <c r="B2601" s="1" t="s">
        <v>10171</v>
      </c>
      <c r="C2601" s="1" t="s">
        <v>135</v>
      </c>
      <c r="D2601" s="1" t="s">
        <v>10266</v>
      </c>
      <c r="E2601" s="1" t="s">
        <v>10267</v>
      </c>
      <c r="F2601" s="1" t="s">
        <v>10268</v>
      </c>
      <c r="G2601" s="1" t="s">
        <v>10175</v>
      </c>
      <c r="H2601" s="1" t="s">
        <v>13</v>
      </c>
      <c r="I2601" s="1" t="s">
        <v>10176</v>
      </c>
      <c r="J2601" s="1" t="s">
        <v>10269</v>
      </c>
    </row>
    <row r="2602" spans="1:10" x14ac:dyDescent="0.35">
      <c r="A2602" s="1" t="s">
        <v>10170</v>
      </c>
      <c r="B2602" s="1" t="s">
        <v>10171</v>
      </c>
      <c r="C2602" s="1" t="s">
        <v>140</v>
      </c>
      <c r="D2602" s="1" t="s">
        <v>10270</v>
      </c>
      <c r="E2602" s="1" t="s">
        <v>10271</v>
      </c>
      <c r="F2602" s="1" t="s">
        <v>10272</v>
      </c>
      <c r="G2602" s="1" t="s">
        <v>10175</v>
      </c>
      <c r="H2602" s="1" t="s">
        <v>13</v>
      </c>
      <c r="I2602" s="1" t="s">
        <v>10176</v>
      </c>
      <c r="J2602" s="1" t="s">
        <v>10273</v>
      </c>
    </row>
    <row r="2603" spans="1:10" x14ac:dyDescent="0.35">
      <c r="A2603" s="1" t="s">
        <v>10170</v>
      </c>
      <c r="B2603" s="1" t="s">
        <v>10171</v>
      </c>
      <c r="C2603" s="1" t="s">
        <v>145</v>
      </c>
      <c r="D2603" s="1" t="s">
        <v>10274</v>
      </c>
      <c r="E2603" s="1" t="s">
        <v>10275</v>
      </c>
      <c r="F2603" s="1" t="s">
        <v>10276</v>
      </c>
      <c r="G2603" s="1" t="s">
        <v>10175</v>
      </c>
      <c r="H2603" s="1" t="s">
        <v>13</v>
      </c>
      <c r="I2603" s="1" t="s">
        <v>10176</v>
      </c>
      <c r="J2603" s="1" t="s">
        <v>10277</v>
      </c>
    </row>
    <row r="2604" spans="1:10" x14ac:dyDescent="0.35">
      <c r="A2604" s="1" t="s">
        <v>10170</v>
      </c>
      <c r="B2604" s="1" t="s">
        <v>10171</v>
      </c>
      <c r="C2604" s="1" t="s">
        <v>150</v>
      </c>
      <c r="D2604" s="1" t="s">
        <v>10278</v>
      </c>
      <c r="E2604" s="1" t="s">
        <v>10279</v>
      </c>
      <c r="F2604" s="1" t="s">
        <v>10280</v>
      </c>
      <c r="G2604" s="1" t="s">
        <v>10175</v>
      </c>
      <c r="H2604" s="1" t="s">
        <v>13</v>
      </c>
      <c r="I2604" s="1" t="s">
        <v>10176</v>
      </c>
      <c r="J2604" s="1" t="s">
        <v>10281</v>
      </c>
    </row>
    <row r="2605" spans="1:10" x14ac:dyDescent="0.35">
      <c r="A2605" s="1" t="s">
        <v>10170</v>
      </c>
      <c r="B2605" s="1" t="s">
        <v>10171</v>
      </c>
      <c r="C2605" s="1" t="s">
        <v>155</v>
      </c>
      <c r="D2605" s="1" t="s">
        <v>9403</v>
      </c>
      <c r="E2605" s="1" t="s">
        <v>10282</v>
      </c>
      <c r="F2605" s="1" t="s">
        <v>10283</v>
      </c>
      <c r="G2605" s="1" t="s">
        <v>10175</v>
      </c>
      <c r="H2605" s="1" t="s">
        <v>13</v>
      </c>
      <c r="I2605" s="1" t="s">
        <v>10176</v>
      </c>
      <c r="J2605" s="1" t="s">
        <v>10284</v>
      </c>
    </row>
    <row r="2606" spans="1:10" x14ac:dyDescent="0.35">
      <c r="A2606" s="1" t="s">
        <v>10170</v>
      </c>
      <c r="B2606" s="1" t="s">
        <v>10171</v>
      </c>
      <c r="C2606" s="1" t="s">
        <v>160</v>
      </c>
      <c r="D2606" s="1" t="s">
        <v>8</v>
      </c>
      <c r="E2606" s="1" t="s">
        <v>10285</v>
      </c>
      <c r="F2606" s="1" t="s">
        <v>10286</v>
      </c>
      <c r="G2606" s="1" t="s">
        <v>10175</v>
      </c>
      <c r="H2606" s="1" t="s">
        <v>13</v>
      </c>
      <c r="I2606" s="1" t="s">
        <v>10176</v>
      </c>
      <c r="J2606" s="1" t="s">
        <v>10287</v>
      </c>
    </row>
    <row r="2607" spans="1:10" x14ac:dyDescent="0.35">
      <c r="A2607" s="1" t="s">
        <v>10170</v>
      </c>
      <c r="B2607" s="1" t="s">
        <v>10171</v>
      </c>
      <c r="C2607" s="1" t="s">
        <v>165</v>
      </c>
      <c r="D2607" s="1" t="s">
        <v>10288</v>
      </c>
      <c r="E2607" s="1" t="s">
        <v>10289</v>
      </c>
      <c r="F2607" s="1" t="s">
        <v>10290</v>
      </c>
      <c r="G2607" s="1" t="s">
        <v>10175</v>
      </c>
      <c r="H2607" s="1" t="s">
        <v>13</v>
      </c>
      <c r="I2607" s="1" t="s">
        <v>10176</v>
      </c>
      <c r="J2607" s="1" t="s">
        <v>10291</v>
      </c>
    </row>
    <row r="2608" spans="1:10" x14ac:dyDescent="0.35">
      <c r="A2608" s="1" t="s">
        <v>10170</v>
      </c>
      <c r="B2608" s="1" t="s">
        <v>10171</v>
      </c>
      <c r="C2608" s="1" t="s">
        <v>170</v>
      </c>
      <c r="D2608" s="1" t="s">
        <v>10292</v>
      </c>
      <c r="E2608" s="1" t="s">
        <v>10293</v>
      </c>
      <c r="F2608" s="1" t="s">
        <v>10294</v>
      </c>
      <c r="G2608" s="1" t="s">
        <v>10175</v>
      </c>
      <c r="H2608" s="1" t="s">
        <v>13</v>
      </c>
      <c r="I2608" s="1" t="s">
        <v>10176</v>
      </c>
      <c r="J2608" s="1" t="s">
        <v>10295</v>
      </c>
    </row>
    <row r="2609" spans="1:10" x14ac:dyDescent="0.35">
      <c r="A2609" s="1" t="s">
        <v>10296</v>
      </c>
      <c r="B2609" s="1" t="s">
        <v>10297</v>
      </c>
      <c r="C2609" s="1" t="s">
        <v>8</v>
      </c>
      <c r="D2609" s="1" t="s">
        <v>4693</v>
      </c>
      <c r="E2609" s="1" t="s">
        <v>10298</v>
      </c>
      <c r="F2609" s="1" t="s">
        <v>10299</v>
      </c>
      <c r="G2609" s="1" t="s">
        <v>10300</v>
      </c>
      <c r="H2609" s="1" t="s">
        <v>13</v>
      </c>
      <c r="I2609" s="1" t="s">
        <v>10301</v>
      </c>
      <c r="J2609" s="1" t="s">
        <v>13</v>
      </c>
    </row>
    <row r="2610" spans="1:10" x14ac:dyDescent="0.35">
      <c r="A2610" s="1" t="s">
        <v>10296</v>
      </c>
      <c r="B2610" s="1" t="s">
        <v>10297</v>
      </c>
      <c r="C2610" s="1" t="s">
        <v>15</v>
      </c>
      <c r="D2610" s="1" t="s">
        <v>10302</v>
      </c>
      <c r="E2610" s="1" t="s">
        <v>10303</v>
      </c>
      <c r="F2610" s="1" t="s">
        <v>10304</v>
      </c>
      <c r="G2610" s="1" t="s">
        <v>10300</v>
      </c>
      <c r="H2610" s="1" t="s">
        <v>13</v>
      </c>
      <c r="I2610" s="1" t="s">
        <v>10301</v>
      </c>
      <c r="J2610" s="1" t="s">
        <v>10305</v>
      </c>
    </row>
    <row r="2611" spans="1:10" x14ac:dyDescent="0.35">
      <c r="A2611" s="1" t="s">
        <v>10296</v>
      </c>
      <c r="B2611" s="1" t="s">
        <v>10297</v>
      </c>
      <c r="C2611" s="1" t="s">
        <v>20</v>
      </c>
      <c r="D2611" s="1" t="s">
        <v>2105</v>
      </c>
      <c r="E2611" s="1" t="s">
        <v>10306</v>
      </c>
      <c r="F2611" s="1" t="s">
        <v>10307</v>
      </c>
      <c r="G2611" s="1" t="s">
        <v>10300</v>
      </c>
      <c r="H2611" s="1" t="s">
        <v>13</v>
      </c>
      <c r="I2611" s="1" t="s">
        <v>10301</v>
      </c>
      <c r="J2611" s="1" t="s">
        <v>10308</v>
      </c>
    </row>
    <row r="2612" spans="1:10" x14ac:dyDescent="0.35">
      <c r="A2612" s="1" t="s">
        <v>10296</v>
      </c>
      <c r="B2612" s="1" t="s">
        <v>10297</v>
      </c>
      <c r="C2612" s="1" t="s">
        <v>25</v>
      </c>
      <c r="D2612" s="1" t="s">
        <v>1703</v>
      </c>
      <c r="E2612" s="1" t="s">
        <v>10309</v>
      </c>
      <c r="F2612" s="1" t="s">
        <v>10310</v>
      </c>
      <c r="G2612" s="1" t="s">
        <v>10300</v>
      </c>
      <c r="H2612" s="1" t="s">
        <v>13</v>
      </c>
      <c r="I2612" s="1" t="s">
        <v>10301</v>
      </c>
      <c r="J2612" s="1" t="s">
        <v>10311</v>
      </c>
    </row>
    <row r="2613" spans="1:10" x14ac:dyDescent="0.35">
      <c r="A2613" s="1" t="s">
        <v>10296</v>
      </c>
      <c r="B2613" s="1" t="s">
        <v>10297</v>
      </c>
      <c r="C2613" s="1" t="s">
        <v>30</v>
      </c>
      <c r="D2613" s="1" t="s">
        <v>10312</v>
      </c>
      <c r="E2613" s="1" t="s">
        <v>10313</v>
      </c>
      <c r="F2613" s="1" t="s">
        <v>10314</v>
      </c>
      <c r="G2613" s="1" t="s">
        <v>10300</v>
      </c>
      <c r="H2613" s="1" t="s">
        <v>13</v>
      </c>
      <c r="I2613" s="1" t="s">
        <v>10301</v>
      </c>
      <c r="J2613" s="1" t="s">
        <v>10315</v>
      </c>
    </row>
    <row r="2614" spans="1:10" x14ac:dyDescent="0.35">
      <c r="A2614" s="1" t="s">
        <v>10296</v>
      </c>
      <c r="B2614" s="1" t="s">
        <v>10297</v>
      </c>
      <c r="C2614" s="1" t="s">
        <v>35</v>
      </c>
      <c r="D2614" s="1" t="s">
        <v>348</v>
      </c>
      <c r="E2614" s="1" t="s">
        <v>10316</v>
      </c>
      <c r="F2614" s="1" t="s">
        <v>10317</v>
      </c>
      <c r="G2614" s="1" t="s">
        <v>10300</v>
      </c>
      <c r="H2614" s="1" t="s">
        <v>13</v>
      </c>
      <c r="I2614" s="1" t="s">
        <v>10301</v>
      </c>
      <c r="J2614" s="1" t="s">
        <v>10318</v>
      </c>
    </row>
    <row r="2615" spans="1:10" x14ac:dyDescent="0.35">
      <c r="A2615" s="1" t="s">
        <v>10296</v>
      </c>
      <c r="B2615" s="1" t="s">
        <v>10297</v>
      </c>
      <c r="C2615" s="1" t="s">
        <v>40</v>
      </c>
      <c r="D2615" s="1" t="s">
        <v>10319</v>
      </c>
      <c r="E2615" s="1" t="s">
        <v>10320</v>
      </c>
      <c r="F2615" s="1" t="s">
        <v>10321</v>
      </c>
      <c r="G2615" s="1" t="s">
        <v>10300</v>
      </c>
      <c r="H2615" s="1" t="s">
        <v>13</v>
      </c>
      <c r="I2615" s="1" t="s">
        <v>10301</v>
      </c>
      <c r="J2615" s="1" t="s">
        <v>10322</v>
      </c>
    </row>
    <row r="2616" spans="1:10" x14ac:dyDescent="0.35">
      <c r="A2616" s="1" t="s">
        <v>10296</v>
      </c>
      <c r="B2616" s="1" t="s">
        <v>10297</v>
      </c>
      <c r="C2616" s="1" t="s">
        <v>45</v>
      </c>
      <c r="D2616" s="1" t="s">
        <v>10323</v>
      </c>
      <c r="E2616" s="1" t="s">
        <v>10324</v>
      </c>
      <c r="F2616" s="1" t="s">
        <v>10325</v>
      </c>
      <c r="G2616" s="1" t="s">
        <v>10300</v>
      </c>
      <c r="H2616" s="1" t="s">
        <v>13</v>
      </c>
      <c r="I2616" s="1" t="s">
        <v>10301</v>
      </c>
      <c r="J2616" s="1" t="s">
        <v>10326</v>
      </c>
    </row>
    <row r="2617" spans="1:10" x14ac:dyDescent="0.35">
      <c r="A2617" s="1" t="s">
        <v>10296</v>
      </c>
      <c r="B2617" s="1" t="s">
        <v>10297</v>
      </c>
      <c r="C2617" s="1" t="s">
        <v>50</v>
      </c>
      <c r="D2617" s="1" t="s">
        <v>10327</v>
      </c>
      <c r="E2617" s="1" t="s">
        <v>10328</v>
      </c>
      <c r="F2617" s="1" t="s">
        <v>10329</v>
      </c>
      <c r="G2617" s="1" t="s">
        <v>10300</v>
      </c>
      <c r="H2617" s="1" t="s">
        <v>13</v>
      </c>
      <c r="I2617" s="1" t="s">
        <v>10301</v>
      </c>
      <c r="J2617" s="1" t="s">
        <v>10330</v>
      </c>
    </row>
    <row r="2618" spans="1:10" x14ac:dyDescent="0.35">
      <c r="A2618" s="1" t="s">
        <v>10296</v>
      </c>
      <c r="B2618" s="1" t="s">
        <v>10297</v>
      </c>
      <c r="C2618" s="1" t="s">
        <v>55</v>
      </c>
      <c r="D2618" s="1" t="s">
        <v>2319</v>
      </c>
      <c r="E2618" s="1" t="s">
        <v>10331</v>
      </c>
      <c r="F2618" s="1" t="s">
        <v>10332</v>
      </c>
      <c r="G2618" s="1" t="s">
        <v>10300</v>
      </c>
      <c r="H2618" s="1" t="s">
        <v>13</v>
      </c>
      <c r="I2618" s="1" t="s">
        <v>10301</v>
      </c>
      <c r="J2618" s="1" t="s">
        <v>10333</v>
      </c>
    </row>
    <row r="2619" spans="1:10" x14ac:dyDescent="0.35">
      <c r="A2619" s="1" t="s">
        <v>10296</v>
      </c>
      <c r="B2619" s="1" t="s">
        <v>10297</v>
      </c>
      <c r="C2619" s="1" t="s">
        <v>60</v>
      </c>
      <c r="D2619" s="1" t="s">
        <v>10334</v>
      </c>
      <c r="E2619" s="1" t="s">
        <v>10335</v>
      </c>
      <c r="F2619" s="1" t="s">
        <v>10336</v>
      </c>
      <c r="G2619" s="1" t="s">
        <v>10300</v>
      </c>
      <c r="H2619" s="1" t="s">
        <v>13</v>
      </c>
      <c r="I2619" s="1" t="s">
        <v>10301</v>
      </c>
      <c r="J2619" s="1" t="s">
        <v>10337</v>
      </c>
    </row>
    <row r="2620" spans="1:10" x14ac:dyDescent="0.35">
      <c r="A2620" s="1" t="s">
        <v>10296</v>
      </c>
      <c r="B2620" s="1" t="s">
        <v>10297</v>
      </c>
      <c r="C2620" s="1" t="s">
        <v>65</v>
      </c>
      <c r="D2620" s="1" t="s">
        <v>10338</v>
      </c>
      <c r="E2620" s="1" t="s">
        <v>10339</v>
      </c>
      <c r="F2620" s="1" t="s">
        <v>10340</v>
      </c>
      <c r="G2620" s="1" t="s">
        <v>10300</v>
      </c>
      <c r="H2620" s="1" t="s">
        <v>13</v>
      </c>
      <c r="I2620" s="1" t="s">
        <v>10301</v>
      </c>
      <c r="J2620" s="1" t="s">
        <v>10341</v>
      </c>
    </row>
    <row r="2621" spans="1:10" x14ac:dyDescent="0.35">
      <c r="A2621" s="1" t="s">
        <v>10296</v>
      </c>
      <c r="B2621" s="1" t="s">
        <v>10297</v>
      </c>
      <c r="C2621" s="1" t="s">
        <v>70</v>
      </c>
      <c r="D2621" s="1" t="s">
        <v>10342</v>
      </c>
      <c r="E2621" s="1" t="s">
        <v>10343</v>
      </c>
      <c r="F2621" s="1" t="s">
        <v>10344</v>
      </c>
      <c r="G2621" s="1" t="s">
        <v>10300</v>
      </c>
      <c r="H2621" s="1" t="s">
        <v>13</v>
      </c>
      <c r="I2621" s="1" t="s">
        <v>10301</v>
      </c>
      <c r="J2621" s="1" t="s">
        <v>10345</v>
      </c>
    </row>
    <row r="2622" spans="1:10" x14ac:dyDescent="0.35">
      <c r="A2622" s="1" t="s">
        <v>10296</v>
      </c>
      <c r="B2622" s="1" t="s">
        <v>10297</v>
      </c>
      <c r="C2622" s="1" t="s">
        <v>75</v>
      </c>
      <c r="D2622" s="1" t="s">
        <v>10346</v>
      </c>
      <c r="E2622" s="1" t="s">
        <v>10347</v>
      </c>
      <c r="F2622" s="1" t="s">
        <v>10348</v>
      </c>
      <c r="G2622" s="1" t="s">
        <v>10300</v>
      </c>
      <c r="H2622" s="1" t="s">
        <v>13</v>
      </c>
      <c r="I2622" s="1" t="s">
        <v>10301</v>
      </c>
      <c r="J2622" s="1" t="s">
        <v>10349</v>
      </c>
    </row>
    <row r="2623" spans="1:10" x14ac:dyDescent="0.35">
      <c r="A2623" s="1" t="s">
        <v>10296</v>
      </c>
      <c r="B2623" s="1" t="s">
        <v>10297</v>
      </c>
      <c r="C2623" s="1" t="s">
        <v>80</v>
      </c>
      <c r="D2623" s="1" t="s">
        <v>10350</v>
      </c>
      <c r="E2623" s="1" t="s">
        <v>10351</v>
      </c>
      <c r="F2623" s="1" t="s">
        <v>10352</v>
      </c>
      <c r="G2623" s="1" t="s">
        <v>10300</v>
      </c>
      <c r="H2623" s="1" t="s">
        <v>13</v>
      </c>
      <c r="I2623" s="1" t="s">
        <v>10301</v>
      </c>
      <c r="J2623" s="1" t="s">
        <v>10353</v>
      </c>
    </row>
    <row r="2624" spans="1:10" x14ac:dyDescent="0.35">
      <c r="A2624" s="1" t="s">
        <v>10296</v>
      </c>
      <c r="B2624" s="1" t="s">
        <v>10297</v>
      </c>
      <c r="C2624" s="1" t="s">
        <v>85</v>
      </c>
      <c r="D2624" s="1" t="s">
        <v>10354</v>
      </c>
      <c r="E2624" s="1" t="s">
        <v>10355</v>
      </c>
      <c r="F2624" s="1" t="s">
        <v>10356</v>
      </c>
      <c r="G2624" s="1" t="s">
        <v>10300</v>
      </c>
      <c r="H2624" s="1" t="s">
        <v>13</v>
      </c>
      <c r="I2624" s="1" t="s">
        <v>10301</v>
      </c>
      <c r="J2624" s="1" t="s">
        <v>10357</v>
      </c>
    </row>
    <row r="2625" spans="1:10" x14ac:dyDescent="0.35">
      <c r="A2625" s="1" t="s">
        <v>10296</v>
      </c>
      <c r="B2625" s="1" t="s">
        <v>10297</v>
      </c>
      <c r="C2625" s="1" t="s">
        <v>90</v>
      </c>
      <c r="D2625" s="1" t="s">
        <v>10358</v>
      </c>
      <c r="E2625" s="1" t="s">
        <v>10359</v>
      </c>
      <c r="F2625" s="1" t="s">
        <v>10360</v>
      </c>
      <c r="G2625" s="1" t="s">
        <v>10300</v>
      </c>
      <c r="H2625" s="1" t="s">
        <v>13</v>
      </c>
      <c r="I2625" s="1" t="s">
        <v>10301</v>
      </c>
      <c r="J2625" s="1" t="s">
        <v>10361</v>
      </c>
    </row>
    <row r="2626" spans="1:10" x14ac:dyDescent="0.35">
      <c r="A2626" s="1" t="s">
        <v>10296</v>
      </c>
      <c r="B2626" s="1" t="s">
        <v>10297</v>
      </c>
      <c r="C2626" s="1" t="s">
        <v>95</v>
      </c>
      <c r="D2626" s="1" t="s">
        <v>10362</v>
      </c>
      <c r="E2626" s="1" t="s">
        <v>10363</v>
      </c>
      <c r="F2626" s="1" t="s">
        <v>10364</v>
      </c>
      <c r="G2626" s="1" t="s">
        <v>10300</v>
      </c>
      <c r="H2626" s="1" t="s">
        <v>13</v>
      </c>
      <c r="I2626" s="1" t="s">
        <v>10301</v>
      </c>
      <c r="J2626" s="1" t="s">
        <v>10365</v>
      </c>
    </row>
    <row r="2627" spans="1:10" x14ac:dyDescent="0.35">
      <c r="A2627" s="1" t="s">
        <v>10296</v>
      </c>
      <c r="B2627" s="1" t="s">
        <v>10297</v>
      </c>
      <c r="C2627" s="1" t="s">
        <v>100</v>
      </c>
      <c r="D2627" s="1" t="s">
        <v>10366</v>
      </c>
      <c r="E2627" s="1" t="s">
        <v>10367</v>
      </c>
      <c r="F2627" s="1" t="s">
        <v>10368</v>
      </c>
      <c r="G2627" s="1" t="s">
        <v>10300</v>
      </c>
      <c r="H2627" s="1" t="s">
        <v>13</v>
      </c>
      <c r="I2627" s="1" t="s">
        <v>10301</v>
      </c>
      <c r="J2627" s="1" t="s">
        <v>10369</v>
      </c>
    </row>
    <row r="2628" spans="1:10" x14ac:dyDescent="0.35">
      <c r="A2628" s="1" t="s">
        <v>10296</v>
      </c>
      <c r="B2628" s="1" t="s">
        <v>10297</v>
      </c>
      <c r="C2628" s="1" t="s">
        <v>105</v>
      </c>
      <c r="D2628" s="1" t="s">
        <v>601</v>
      </c>
      <c r="E2628" s="1" t="s">
        <v>10370</v>
      </c>
      <c r="F2628" s="1" t="s">
        <v>10371</v>
      </c>
      <c r="G2628" s="1" t="s">
        <v>10300</v>
      </c>
      <c r="H2628" s="1" t="s">
        <v>13</v>
      </c>
      <c r="I2628" s="1" t="s">
        <v>10301</v>
      </c>
      <c r="J2628" s="1" t="s">
        <v>10372</v>
      </c>
    </row>
    <row r="2629" spans="1:10" x14ac:dyDescent="0.35">
      <c r="A2629" s="1" t="s">
        <v>10296</v>
      </c>
      <c r="B2629" s="1" t="s">
        <v>10297</v>
      </c>
      <c r="C2629" s="1" t="s">
        <v>110</v>
      </c>
      <c r="D2629" s="1" t="s">
        <v>10373</v>
      </c>
      <c r="E2629" s="1" t="s">
        <v>10374</v>
      </c>
      <c r="F2629" s="1" t="s">
        <v>10375</v>
      </c>
      <c r="G2629" s="1" t="s">
        <v>10300</v>
      </c>
      <c r="H2629" s="1" t="s">
        <v>13</v>
      </c>
      <c r="I2629" s="1" t="s">
        <v>10301</v>
      </c>
      <c r="J2629" s="1" t="s">
        <v>10376</v>
      </c>
    </row>
    <row r="2630" spans="1:10" x14ac:dyDescent="0.35">
      <c r="A2630" s="1" t="s">
        <v>10296</v>
      </c>
      <c r="B2630" s="1" t="s">
        <v>10297</v>
      </c>
      <c r="C2630" s="1" t="s">
        <v>115</v>
      </c>
      <c r="D2630" s="1" t="s">
        <v>10377</v>
      </c>
      <c r="E2630" s="1" t="s">
        <v>10378</v>
      </c>
      <c r="F2630" s="1" t="s">
        <v>10379</v>
      </c>
      <c r="G2630" s="1" t="s">
        <v>10300</v>
      </c>
      <c r="H2630" s="1" t="s">
        <v>13</v>
      </c>
      <c r="I2630" s="1" t="s">
        <v>10301</v>
      </c>
      <c r="J2630" s="1" t="s">
        <v>10380</v>
      </c>
    </row>
    <row r="2631" spans="1:10" x14ac:dyDescent="0.35">
      <c r="A2631" s="1" t="s">
        <v>10296</v>
      </c>
      <c r="B2631" s="1" t="s">
        <v>10297</v>
      </c>
      <c r="C2631" s="1" t="s">
        <v>120</v>
      </c>
      <c r="D2631" s="1" t="s">
        <v>10381</v>
      </c>
      <c r="E2631" s="1" t="s">
        <v>10382</v>
      </c>
      <c r="F2631" s="1" t="s">
        <v>10383</v>
      </c>
      <c r="G2631" s="1" t="s">
        <v>10300</v>
      </c>
      <c r="H2631" s="1" t="s">
        <v>13</v>
      </c>
      <c r="I2631" s="1" t="s">
        <v>10301</v>
      </c>
      <c r="J2631" s="1" t="s">
        <v>10384</v>
      </c>
    </row>
    <row r="2632" spans="1:10" x14ac:dyDescent="0.35">
      <c r="A2632" s="1" t="s">
        <v>10296</v>
      </c>
      <c r="B2632" s="1" t="s">
        <v>10297</v>
      </c>
      <c r="C2632" s="1" t="s">
        <v>125</v>
      </c>
      <c r="D2632" s="1" t="s">
        <v>10385</v>
      </c>
      <c r="E2632" s="1" t="s">
        <v>10386</v>
      </c>
      <c r="F2632" s="1" t="s">
        <v>10387</v>
      </c>
      <c r="G2632" s="1" t="s">
        <v>10300</v>
      </c>
      <c r="H2632" s="1" t="s">
        <v>13</v>
      </c>
      <c r="I2632" s="1" t="s">
        <v>10301</v>
      </c>
      <c r="J2632" s="1" t="s">
        <v>10388</v>
      </c>
    </row>
    <row r="2633" spans="1:10" x14ac:dyDescent="0.35">
      <c r="A2633" s="1" t="s">
        <v>10296</v>
      </c>
      <c r="B2633" s="1" t="s">
        <v>10297</v>
      </c>
      <c r="C2633" s="1" t="s">
        <v>130</v>
      </c>
      <c r="D2633" s="1" t="s">
        <v>10389</v>
      </c>
      <c r="E2633" s="1" t="s">
        <v>10390</v>
      </c>
      <c r="F2633" s="1" t="s">
        <v>10391</v>
      </c>
      <c r="G2633" s="1" t="s">
        <v>10300</v>
      </c>
      <c r="H2633" s="1" t="s">
        <v>13</v>
      </c>
      <c r="I2633" s="1" t="s">
        <v>10301</v>
      </c>
      <c r="J2633" s="1" t="s">
        <v>10392</v>
      </c>
    </row>
    <row r="2634" spans="1:10" x14ac:dyDescent="0.35">
      <c r="A2634" s="1" t="s">
        <v>10296</v>
      </c>
      <c r="B2634" s="1" t="s">
        <v>10297</v>
      </c>
      <c r="C2634" s="1" t="s">
        <v>135</v>
      </c>
      <c r="D2634" s="1" t="s">
        <v>10393</v>
      </c>
      <c r="E2634" s="1" t="s">
        <v>10394</v>
      </c>
      <c r="F2634" s="1" t="s">
        <v>10395</v>
      </c>
      <c r="G2634" s="1" t="s">
        <v>10300</v>
      </c>
      <c r="H2634" s="1" t="s">
        <v>13</v>
      </c>
      <c r="I2634" s="1" t="s">
        <v>10301</v>
      </c>
      <c r="J2634" s="1" t="s">
        <v>10396</v>
      </c>
    </row>
    <row r="2635" spans="1:10" x14ac:dyDescent="0.35">
      <c r="A2635" s="1" t="s">
        <v>10296</v>
      </c>
      <c r="B2635" s="1" t="s">
        <v>10297</v>
      </c>
      <c r="C2635" s="1" t="s">
        <v>140</v>
      </c>
      <c r="D2635" s="1" t="s">
        <v>10397</v>
      </c>
      <c r="E2635" s="1" t="s">
        <v>10398</v>
      </c>
      <c r="F2635" s="1" t="s">
        <v>10399</v>
      </c>
      <c r="G2635" s="1" t="s">
        <v>10300</v>
      </c>
      <c r="H2635" s="1" t="s">
        <v>13</v>
      </c>
      <c r="I2635" s="1" t="s">
        <v>10301</v>
      </c>
      <c r="J2635" s="1" t="s">
        <v>10400</v>
      </c>
    </row>
    <row r="2636" spans="1:10" x14ac:dyDescent="0.35">
      <c r="A2636" s="1" t="s">
        <v>10296</v>
      </c>
      <c r="B2636" s="1" t="s">
        <v>10297</v>
      </c>
      <c r="C2636" s="1" t="s">
        <v>145</v>
      </c>
      <c r="D2636" s="1" t="s">
        <v>10401</v>
      </c>
      <c r="E2636" s="1" t="s">
        <v>10402</v>
      </c>
      <c r="F2636" s="1" t="s">
        <v>10403</v>
      </c>
      <c r="G2636" s="1" t="s">
        <v>10300</v>
      </c>
      <c r="H2636" s="1" t="s">
        <v>13</v>
      </c>
      <c r="I2636" s="1" t="s">
        <v>10301</v>
      </c>
      <c r="J2636" s="1" t="s">
        <v>10404</v>
      </c>
    </row>
    <row r="2637" spans="1:10" x14ac:dyDescent="0.35">
      <c r="A2637" s="1" t="s">
        <v>10296</v>
      </c>
      <c r="B2637" s="1" t="s">
        <v>10297</v>
      </c>
      <c r="C2637" s="1" t="s">
        <v>150</v>
      </c>
      <c r="D2637" s="1" t="s">
        <v>10405</v>
      </c>
      <c r="E2637" s="1" t="s">
        <v>10406</v>
      </c>
      <c r="F2637" s="1" t="s">
        <v>10407</v>
      </c>
      <c r="G2637" s="1" t="s">
        <v>10300</v>
      </c>
      <c r="H2637" s="1" t="s">
        <v>13</v>
      </c>
      <c r="I2637" s="1" t="s">
        <v>10301</v>
      </c>
      <c r="J2637" s="1" t="s">
        <v>10408</v>
      </c>
    </row>
    <row r="2638" spans="1:10" x14ac:dyDescent="0.35">
      <c r="A2638" s="1" t="s">
        <v>10296</v>
      </c>
      <c r="B2638" s="1" t="s">
        <v>10297</v>
      </c>
      <c r="C2638" s="1" t="s">
        <v>155</v>
      </c>
      <c r="D2638" s="1" t="s">
        <v>10409</v>
      </c>
      <c r="E2638" s="1" t="s">
        <v>10410</v>
      </c>
      <c r="F2638" s="1" t="s">
        <v>10411</v>
      </c>
      <c r="G2638" s="1" t="s">
        <v>10300</v>
      </c>
      <c r="H2638" s="1" t="s">
        <v>13</v>
      </c>
      <c r="I2638" s="1" t="s">
        <v>10301</v>
      </c>
      <c r="J2638" s="1" t="s">
        <v>10412</v>
      </c>
    </row>
    <row r="2639" spans="1:10" x14ac:dyDescent="0.35">
      <c r="A2639" s="1" t="s">
        <v>10296</v>
      </c>
      <c r="B2639" s="1" t="s">
        <v>10297</v>
      </c>
      <c r="C2639" s="1" t="s">
        <v>160</v>
      </c>
      <c r="D2639" s="1" t="s">
        <v>10413</v>
      </c>
      <c r="E2639" s="1" t="s">
        <v>10414</v>
      </c>
      <c r="F2639" s="1" t="s">
        <v>10415</v>
      </c>
      <c r="G2639" s="1" t="s">
        <v>10300</v>
      </c>
      <c r="H2639" s="1" t="s">
        <v>13</v>
      </c>
      <c r="I2639" s="1" t="s">
        <v>10301</v>
      </c>
      <c r="J2639" s="1" t="s">
        <v>10416</v>
      </c>
    </row>
    <row r="2640" spans="1:10" x14ac:dyDescent="0.35">
      <c r="A2640" s="1" t="s">
        <v>10296</v>
      </c>
      <c r="B2640" s="1" t="s">
        <v>10297</v>
      </c>
      <c r="C2640" s="1" t="s">
        <v>165</v>
      </c>
      <c r="D2640" s="1" t="s">
        <v>10417</v>
      </c>
      <c r="E2640" s="1" t="s">
        <v>10418</v>
      </c>
      <c r="F2640" s="1" t="s">
        <v>10419</v>
      </c>
      <c r="G2640" s="1" t="s">
        <v>10300</v>
      </c>
      <c r="H2640" s="1" t="s">
        <v>13</v>
      </c>
      <c r="I2640" s="1" t="s">
        <v>10301</v>
      </c>
      <c r="J2640" s="1" t="s">
        <v>10420</v>
      </c>
    </row>
    <row r="2641" spans="1:10" x14ac:dyDescent="0.35">
      <c r="A2641" s="1" t="s">
        <v>10296</v>
      </c>
      <c r="B2641" s="1" t="s">
        <v>10297</v>
      </c>
      <c r="C2641" s="1" t="s">
        <v>170</v>
      </c>
      <c r="D2641" s="1" t="s">
        <v>10421</v>
      </c>
      <c r="E2641" s="1" t="s">
        <v>10422</v>
      </c>
      <c r="F2641" s="1" t="s">
        <v>10423</v>
      </c>
      <c r="G2641" s="1" t="s">
        <v>10300</v>
      </c>
      <c r="H2641" s="1" t="s">
        <v>13</v>
      </c>
      <c r="I2641" s="1" t="s">
        <v>10301</v>
      </c>
      <c r="J2641" s="1" t="s">
        <v>10424</v>
      </c>
    </row>
    <row r="2642" spans="1:10" x14ac:dyDescent="0.35">
      <c r="A2642" s="1" t="s">
        <v>10425</v>
      </c>
      <c r="B2642" s="1" t="s">
        <v>10426</v>
      </c>
      <c r="C2642" s="1" t="s">
        <v>8</v>
      </c>
      <c r="D2642" s="1" t="s">
        <v>10427</v>
      </c>
      <c r="E2642" s="1" t="s">
        <v>10428</v>
      </c>
      <c r="F2642" s="1" t="s">
        <v>10429</v>
      </c>
      <c r="G2642" s="1" t="s">
        <v>10430</v>
      </c>
      <c r="H2642" s="1" t="s">
        <v>13</v>
      </c>
      <c r="I2642" s="1" t="s">
        <v>10431</v>
      </c>
      <c r="J2642" s="1" t="s">
        <v>13</v>
      </c>
    </row>
    <row r="2643" spans="1:10" x14ac:dyDescent="0.35">
      <c r="A2643" s="1" t="s">
        <v>10425</v>
      </c>
      <c r="B2643" s="1" t="s">
        <v>10426</v>
      </c>
      <c r="C2643" s="1" t="s">
        <v>15</v>
      </c>
      <c r="D2643" s="1" t="s">
        <v>10432</v>
      </c>
      <c r="E2643" s="1" t="s">
        <v>10433</v>
      </c>
      <c r="F2643" s="1" t="s">
        <v>10434</v>
      </c>
      <c r="G2643" s="1" t="s">
        <v>10430</v>
      </c>
      <c r="H2643" s="1" t="s">
        <v>13</v>
      </c>
      <c r="I2643" s="1" t="s">
        <v>10431</v>
      </c>
      <c r="J2643" s="1" t="s">
        <v>10435</v>
      </c>
    </row>
    <row r="2644" spans="1:10" x14ac:dyDescent="0.35">
      <c r="A2644" s="1" t="s">
        <v>10425</v>
      </c>
      <c r="B2644" s="1" t="s">
        <v>10426</v>
      </c>
      <c r="C2644" s="1" t="s">
        <v>20</v>
      </c>
      <c r="D2644" s="1" t="s">
        <v>10436</v>
      </c>
      <c r="E2644" s="1" t="s">
        <v>10437</v>
      </c>
      <c r="F2644" s="1" t="s">
        <v>10438</v>
      </c>
      <c r="G2644" s="1" t="s">
        <v>10430</v>
      </c>
      <c r="H2644" s="1" t="s">
        <v>13</v>
      </c>
      <c r="I2644" s="1" t="s">
        <v>10431</v>
      </c>
      <c r="J2644" s="1" t="s">
        <v>10439</v>
      </c>
    </row>
    <row r="2645" spans="1:10" x14ac:dyDescent="0.35">
      <c r="A2645" s="1" t="s">
        <v>10425</v>
      </c>
      <c r="B2645" s="1" t="s">
        <v>10426</v>
      </c>
      <c r="C2645" s="1" t="s">
        <v>25</v>
      </c>
      <c r="D2645" s="1" t="s">
        <v>10440</v>
      </c>
      <c r="E2645" s="1" t="s">
        <v>10441</v>
      </c>
      <c r="F2645" s="1" t="s">
        <v>10442</v>
      </c>
      <c r="G2645" s="1" t="s">
        <v>10430</v>
      </c>
      <c r="H2645" s="1" t="s">
        <v>13</v>
      </c>
      <c r="I2645" s="1" t="s">
        <v>10431</v>
      </c>
      <c r="J2645" s="1" t="s">
        <v>10443</v>
      </c>
    </row>
    <row r="2646" spans="1:10" x14ac:dyDescent="0.35">
      <c r="A2646" s="1" t="s">
        <v>10425</v>
      </c>
      <c r="B2646" s="1" t="s">
        <v>10426</v>
      </c>
      <c r="C2646" s="1" t="s">
        <v>30</v>
      </c>
      <c r="D2646" s="1" t="s">
        <v>10444</v>
      </c>
      <c r="E2646" s="1" t="s">
        <v>10445</v>
      </c>
      <c r="F2646" s="1" t="s">
        <v>10446</v>
      </c>
      <c r="G2646" s="1" t="s">
        <v>10430</v>
      </c>
      <c r="H2646" s="1" t="s">
        <v>13</v>
      </c>
      <c r="I2646" s="1" t="s">
        <v>10431</v>
      </c>
      <c r="J2646" s="1" t="s">
        <v>10447</v>
      </c>
    </row>
    <row r="2647" spans="1:10" x14ac:dyDescent="0.35">
      <c r="A2647" s="1" t="s">
        <v>10425</v>
      </c>
      <c r="B2647" s="1" t="s">
        <v>10426</v>
      </c>
      <c r="C2647" s="1" t="s">
        <v>35</v>
      </c>
      <c r="D2647" s="1" t="s">
        <v>1505</v>
      </c>
      <c r="E2647" s="1" t="s">
        <v>10448</v>
      </c>
      <c r="F2647" s="1" t="s">
        <v>10449</v>
      </c>
      <c r="G2647" s="1" t="s">
        <v>10430</v>
      </c>
      <c r="H2647" s="1" t="s">
        <v>13</v>
      </c>
      <c r="I2647" s="1" t="s">
        <v>10431</v>
      </c>
      <c r="J2647" s="1" t="s">
        <v>10450</v>
      </c>
    </row>
    <row r="2648" spans="1:10" x14ac:dyDescent="0.35">
      <c r="A2648" s="1" t="s">
        <v>10425</v>
      </c>
      <c r="B2648" s="1" t="s">
        <v>10426</v>
      </c>
      <c r="C2648" s="1" t="s">
        <v>40</v>
      </c>
      <c r="D2648" s="1" t="s">
        <v>10451</v>
      </c>
      <c r="E2648" s="1" t="s">
        <v>10452</v>
      </c>
      <c r="F2648" s="1" t="s">
        <v>10453</v>
      </c>
      <c r="G2648" s="1" t="s">
        <v>10430</v>
      </c>
      <c r="H2648" s="1" t="s">
        <v>13</v>
      </c>
      <c r="I2648" s="1" t="s">
        <v>10431</v>
      </c>
      <c r="J2648" s="1" t="s">
        <v>10454</v>
      </c>
    </row>
    <row r="2649" spans="1:10" x14ac:dyDescent="0.35">
      <c r="A2649" s="1" t="s">
        <v>10425</v>
      </c>
      <c r="B2649" s="1" t="s">
        <v>10426</v>
      </c>
      <c r="C2649" s="1" t="s">
        <v>45</v>
      </c>
      <c r="D2649" s="1" t="s">
        <v>10455</v>
      </c>
      <c r="E2649" s="1" t="s">
        <v>10456</v>
      </c>
      <c r="F2649" s="1" t="s">
        <v>10457</v>
      </c>
      <c r="G2649" s="1" t="s">
        <v>10430</v>
      </c>
      <c r="H2649" s="1" t="s">
        <v>13</v>
      </c>
      <c r="I2649" s="1" t="s">
        <v>10431</v>
      </c>
      <c r="J2649" s="1" t="s">
        <v>10458</v>
      </c>
    </row>
    <row r="2650" spans="1:10" x14ac:dyDescent="0.35">
      <c r="A2650" s="1" t="s">
        <v>10425</v>
      </c>
      <c r="B2650" s="1" t="s">
        <v>10426</v>
      </c>
      <c r="C2650" s="1" t="s">
        <v>50</v>
      </c>
      <c r="D2650" s="1" t="s">
        <v>9395</v>
      </c>
      <c r="E2650" s="1" t="s">
        <v>10459</v>
      </c>
      <c r="F2650" s="1" t="s">
        <v>10460</v>
      </c>
      <c r="G2650" s="1" t="s">
        <v>10430</v>
      </c>
      <c r="H2650" s="1" t="s">
        <v>13</v>
      </c>
      <c r="I2650" s="1" t="s">
        <v>10431</v>
      </c>
      <c r="J2650" s="1" t="s">
        <v>10461</v>
      </c>
    </row>
    <row r="2651" spans="1:10" x14ac:dyDescent="0.35">
      <c r="A2651" s="1" t="s">
        <v>10425</v>
      </c>
      <c r="B2651" s="1" t="s">
        <v>10426</v>
      </c>
      <c r="C2651" s="1" t="s">
        <v>55</v>
      </c>
      <c r="D2651" s="1" t="s">
        <v>4427</v>
      </c>
      <c r="E2651" s="1" t="s">
        <v>10462</v>
      </c>
      <c r="F2651" s="1" t="s">
        <v>10463</v>
      </c>
      <c r="G2651" s="1" t="s">
        <v>10430</v>
      </c>
      <c r="H2651" s="1" t="s">
        <v>13</v>
      </c>
      <c r="I2651" s="1" t="s">
        <v>10431</v>
      </c>
      <c r="J2651" s="1" t="s">
        <v>10464</v>
      </c>
    </row>
    <row r="2652" spans="1:10" x14ac:dyDescent="0.35">
      <c r="A2652" s="1" t="s">
        <v>10425</v>
      </c>
      <c r="B2652" s="1" t="s">
        <v>10426</v>
      </c>
      <c r="C2652" s="1" t="s">
        <v>60</v>
      </c>
      <c r="D2652" s="1" t="s">
        <v>10465</v>
      </c>
      <c r="E2652" s="1" t="s">
        <v>10466</v>
      </c>
      <c r="F2652" s="1" t="s">
        <v>10467</v>
      </c>
      <c r="G2652" s="1" t="s">
        <v>10430</v>
      </c>
      <c r="H2652" s="1" t="s">
        <v>13</v>
      </c>
      <c r="I2652" s="1" t="s">
        <v>10431</v>
      </c>
      <c r="J2652" s="1" t="s">
        <v>10468</v>
      </c>
    </row>
    <row r="2653" spans="1:10" x14ac:dyDescent="0.35">
      <c r="A2653" s="1" t="s">
        <v>10425</v>
      </c>
      <c r="B2653" s="1" t="s">
        <v>10426</v>
      </c>
      <c r="C2653" s="1" t="s">
        <v>65</v>
      </c>
      <c r="D2653" s="1" t="s">
        <v>10469</v>
      </c>
      <c r="E2653" s="1" t="s">
        <v>10470</v>
      </c>
      <c r="F2653" s="1" t="s">
        <v>10471</v>
      </c>
      <c r="G2653" s="1" t="s">
        <v>10430</v>
      </c>
      <c r="H2653" s="1" t="s">
        <v>13</v>
      </c>
      <c r="I2653" s="1" t="s">
        <v>10431</v>
      </c>
      <c r="J2653" s="1" t="s">
        <v>10472</v>
      </c>
    </row>
    <row r="2654" spans="1:10" x14ac:dyDescent="0.35">
      <c r="A2654" s="1" t="s">
        <v>10425</v>
      </c>
      <c r="B2654" s="1" t="s">
        <v>10426</v>
      </c>
      <c r="C2654" s="1" t="s">
        <v>70</v>
      </c>
      <c r="D2654" s="1" t="s">
        <v>1375</v>
      </c>
      <c r="E2654" s="1" t="s">
        <v>10473</v>
      </c>
      <c r="F2654" s="1" t="s">
        <v>10474</v>
      </c>
      <c r="G2654" s="1" t="s">
        <v>10430</v>
      </c>
      <c r="H2654" s="1" t="s">
        <v>13</v>
      </c>
      <c r="I2654" s="1" t="s">
        <v>10431</v>
      </c>
      <c r="J2654" s="1" t="s">
        <v>10475</v>
      </c>
    </row>
    <row r="2655" spans="1:10" x14ac:dyDescent="0.35">
      <c r="A2655" s="1" t="s">
        <v>10425</v>
      </c>
      <c r="B2655" s="1" t="s">
        <v>10426</v>
      </c>
      <c r="C2655" s="1" t="s">
        <v>75</v>
      </c>
      <c r="D2655" s="1" t="s">
        <v>9868</v>
      </c>
      <c r="E2655" s="1" t="s">
        <v>10476</v>
      </c>
      <c r="F2655" s="1" t="s">
        <v>10477</v>
      </c>
      <c r="G2655" s="1" t="s">
        <v>10430</v>
      </c>
      <c r="H2655" s="1" t="s">
        <v>13</v>
      </c>
      <c r="I2655" s="1" t="s">
        <v>10431</v>
      </c>
      <c r="J2655" s="1" t="s">
        <v>10478</v>
      </c>
    </row>
    <row r="2656" spans="1:10" x14ac:dyDescent="0.35">
      <c r="A2656" s="1" t="s">
        <v>10425</v>
      </c>
      <c r="B2656" s="1" t="s">
        <v>10426</v>
      </c>
      <c r="C2656" s="1" t="s">
        <v>80</v>
      </c>
      <c r="D2656" s="1" t="s">
        <v>8495</v>
      </c>
      <c r="E2656" s="1" t="s">
        <v>10479</v>
      </c>
      <c r="F2656" s="1" t="s">
        <v>10480</v>
      </c>
      <c r="G2656" s="1" t="s">
        <v>10430</v>
      </c>
      <c r="H2656" s="1" t="s">
        <v>13</v>
      </c>
      <c r="I2656" s="1" t="s">
        <v>10431</v>
      </c>
      <c r="J2656" s="1" t="s">
        <v>10481</v>
      </c>
    </row>
    <row r="2657" spans="1:10" x14ac:dyDescent="0.35">
      <c r="A2657" s="1" t="s">
        <v>10425</v>
      </c>
      <c r="B2657" s="1" t="s">
        <v>10426</v>
      </c>
      <c r="C2657" s="1" t="s">
        <v>85</v>
      </c>
      <c r="D2657" s="1" t="s">
        <v>4458</v>
      </c>
      <c r="E2657" s="1" t="s">
        <v>10482</v>
      </c>
      <c r="F2657" s="1" t="s">
        <v>10483</v>
      </c>
      <c r="G2657" s="1" t="s">
        <v>10430</v>
      </c>
      <c r="H2657" s="1" t="s">
        <v>13</v>
      </c>
      <c r="I2657" s="1" t="s">
        <v>10431</v>
      </c>
      <c r="J2657" s="1" t="s">
        <v>10484</v>
      </c>
    </row>
    <row r="2658" spans="1:10" x14ac:dyDescent="0.35">
      <c r="A2658" s="1" t="s">
        <v>10425</v>
      </c>
      <c r="B2658" s="1" t="s">
        <v>10426</v>
      </c>
      <c r="C2658" s="1" t="s">
        <v>90</v>
      </c>
      <c r="D2658" s="1" t="s">
        <v>1170</v>
      </c>
      <c r="E2658" s="1" t="s">
        <v>10485</v>
      </c>
      <c r="F2658" s="1" t="s">
        <v>10486</v>
      </c>
      <c r="G2658" s="1" t="s">
        <v>10430</v>
      </c>
      <c r="H2658" s="1" t="s">
        <v>13</v>
      </c>
      <c r="I2658" s="1" t="s">
        <v>10431</v>
      </c>
      <c r="J2658" s="1" t="s">
        <v>10487</v>
      </c>
    </row>
    <row r="2659" spans="1:10" x14ac:dyDescent="0.35">
      <c r="A2659" s="1" t="s">
        <v>10425</v>
      </c>
      <c r="B2659" s="1" t="s">
        <v>10426</v>
      </c>
      <c r="C2659" s="1" t="s">
        <v>95</v>
      </c>
      <c r="D2659" s="1" t="s">
        <v>10488</v>
      </c>
      <c r="E2659" s="1" t="s">
        <v>10489</v>
      </c>
      <c r="F2659" s="1" t="s">
        <v>10490</v>
      </c>
      <c r="G2659" s="1" t="s">
        <v>10430</v>
      </c>
      <c r="H2659" s="1" t="s">
        <v>13</v>
      </c>
      <c r="I2659" s="1" t="s">
        <v>10431</v>
      </c>
      <c r="J2659" s="1" t="s">
        <v>10491</v>
      </c>
    </row>
    <row r="2660" spans="1:10" x14ac:dyDescent="0.35">
      <c r="A2660" s="1" t="s">
        <v>10425</v>
      </c>
      <c r="B2660" s="1" t="s">
        <v>10426</v>
      </c>
      <c r="C2660" s="1" t="s">
        <v>100</v>
      </c>
      <c r="D2660" s="1" t="s">
        <v>10492</v>
      </c>
      <c r="E2660" s="1" t="s">
        <v>10493</v>
      </c>
      <c r="F2660" s="1" t="s">
        <v>10494</v>
      </c>
      <c r="G2660" s="1" t="s">
        <v>10430</v>
      </c>
      <c r="H2660" s="1" t="s">
        <v>13</v>
      </c>
      <c r="I2660" s="1" t="s">
        <v>10431</v>
      </c>
      <c r="J2660" s="1" t="s">
        <v>10495</v>
      </c>
    </row>
    <row r="2661" spans="1:10" x14ac:dyDescent="0.35">
      <c r="A2661" s="1" t="s">
        <v>10425</v>
      </c>
      <c r="B2661" s="1" t="s">
        <v>10426</v>
      </c>
      <c r="C2661" s="1" t="s">
        <v>105</v>
      </c>
      <c r="D2661" s="1" t="s">
        <v>10496</v>
      </c>
      <c r="E2661" s="1" t="s">
        <v>10497</v>
      </c>
      <c r="F2661" s="1" t="s">
        <v>10498</v>
      </c>
      <c r="G2661" s="1" t="s">
        <v>10430</v>
      </c>
      <c r="H2661" s="1" t="s">
        <v>13</v>
      </c>
      <c r="I2661" s="1" t="s">
        <v>10431</v>
      </c>
      <c r="J2661" s="1" t="s">
        <v>10499</v>
      </c>
    </row>
    <row r="2662" spans="1:10" x14ac:dyDescent="0.35">
      <c r="A2662" s="1" t="s">
        <v>10425</v>
      </c>
      <c r="B2662" s="1" t="s">
        <v>10426</v>
      </c>
      <c r="C2662" s="1" t="s">
        <v>110</v>
      </c>
      <c r="D2662" s="1" t="s">
        <v>6308</v>
      </c>
      <c r="E2662" s="1" t="s">
        <v>10500</v>
      </c>
      <c r="F2662" s="1" t="s">
        <v>10501</v>
      </c>
      <c r="G2662" s="1" t="s">
        <v>10430</v>
      </c>
      <c r="H2662" s="1" t="s">
        <v>13</v>
      </c>
      <c r="I2662" s="1" t="s">
        <v>10431</v>
      </c>
      <c r="J2662" s="1" t="s">
        <v>10502</v>
      </c>
    </row>
    <row r="2663" spans="1:10" x14ac:dyDescent="0.35">
      <c r="A2663" s="1" t="s">
        <v>10425</v>
      </c>
      <c r="B2663" s="1" t="s">
        <v>10426</v>
      </c>
      <c r="C2663" s="1" t="s">
        <v>115</v>
      </c>
      <c r="D2663" s="1" t="s">
        <v>10503</v>
      </c>
      <c r="E2663" s="1" t="s">
        <v>10504</v>
      </c>
      <c r="F2663" s="1" t="s">
        <v>10505</v>
      </c>
      <c r="G2663" s="1" t="s">
        <v>10430</v>
      </c>
      <c r="H2663" s="1" t="s">
        <v>13</v>
      </c>
      <c r="I2663" s="1" t="s">
        <v>10431</v>
      </c>
      <c r="J2663" s="1" t="s">
        <v>10506</v>
      </c>
    </row>
    <row r="2664" spans="1:10" x14ac:dyDescent="0.35">
      <c r="A2664" s="1" t="s">
        <v>10425</v>
      </c>
      <c r="B2664" s="1" t="s">
        <v>10426</v>
      </c>
      <c r="C2664" s="1" t="s">
        <v>120</v>
      </c>
      <c r="D2664" s="1" t="s">
        <v>10507</v>
      </c>
      <c r="E2664" s="1" t="s">
        <v>10508</v>
      </c>
      <c r="F2664" s="1" t="s">
        <v>10509</v>
      </c>
      <c r="G2664" s="1" t="s">
        <v>10430</v>
      </c>
      <c r="H2664" s="1" t="s">
        <v>13</v>
      </c>
      <c r="I2664" s="1" t="s">
        <v>10431</v>
      </c>
      <c r="J2664" s="1" t="s">
        <v>10510</v>
      </c>
    </row>
    <row r="2665" spans="1:10" x14ac:dyDescent="0.35">
      <c r="A2665" s="1" t="s">
        <v>10425</v>
      </c>
      <c r="B2665" s="1" t="s">
        <v>10426</v>
      </c>
      <c r="C2665" s="1" t="s">
        <v>125</v>
      </c>
      <c r="D2665" s="1" t="s">
        <v>10511</v>
      </c>
      <c r="E2665" s="1" t="s">
        <v>10512</v>
      </c>
      <c r="F2665" s="1" t="s">
        <v>10513</v>
      </c>
      <c r="G2665" s="1" t="s">
        <v>10430</v>
      </c>
      <c r="H2665" s="1" t="s">
        <v>13</v>
      </c>
      <c r="I2665" s="1" t="s">
        <v>10431</v>
      </c>
      <c r="J2665" s="1" t="s">
        <v>10514</v>
      </c>
    </row>
    <row r="2666" spans="1:10" x14ac:dyDescent="0.35">
      <c r="A2666" s="1" t="s">
        <v>10425</v>
      </c>
      <c r="B2666" s="1" t="s">
        <v>10426</v>
      </c>
      <c r="C2666" s="1" t="s">
        <v>130</v>
      </c>
      <c r="D2666" s="1" t="s">
        <v>10515</v>
      </c>
      <c r="E2666" s="1" t="s">
        <v>10516</v>
      </c>
      <c r="F2666" s="1" t="s">
        <v>10517</v>
      </c>
      <c r="G2666" s="1" t="s">
        <v>10430</v>
      </c>
      <c r="H2666" s="1" t="s">
        <v>13</v>
      </c>
      <c r="I2666" s="1" t="s">
        <v>10431</v>
      </c>
      <c r="J2666" s="1" t="s">
        <v>10518</v>
      </c>
    </row>
    <row r="2667" spans="1:10" x14ac:dyDescent="0.35">
      <c r="A2667" s="1" t="s">
        <v>10425</v>
      </c>
      <c r="B2667" s="1" t="s">
        <v>10426</v>
      </c>
      <c r="C2667" s="1" t="s">
        <v>135</v>
      </c>
      <c r="D2667" s="1" t="s">
        <v>4305</v>
      </c>
      <c r="E2667" s="1" t="s">
        <v>10519</v>
      </c>
      <c r="F2667" s="1" t="s">
        <v>10520</v>
      </c>
      <c r="G2667" s="1" t="s">
        <v>10430</v>
      </c>
      <c r="H2667" s="1" t="s">
        <v>13</v>
      </c>
      <c r="I2667" s="1" t="s">
        <v>10431</v>
      </c>
      <c r="J2667" s="1" t="s">
        <v>10521</v>
      </c>
    </row>
    <row r="2668" spans="1:10" x14ac:dyDescent="0.35">
      <c r="A2668" s="1" t="s">
        <v>10425</v>
      </c>
      <c r="B2668" s="1" t="s">
        <v>10426</v>
      </c>
      <c r="C2668" s="1" t="s">
        <v>140</v>
      </c>
      <c r="D2668" s="1" t="s">
        <v>10522</v>
      </c>
      <c r="E2668" s="1" t="s">
        <v>10523</v>
      </c>
      <c r="F2668" s="1" t="s">
        <v>10524</v>
      </c>
      <c r="G2668" s="1" t="s">
        <v>10430</v>
      </c>
      <c r="H2668" s="1" t="s">
        <v>13</v>
      </c>
      <c r="I2668" s="1" t="s">
        <v>10431</v>
      </c>
      <c r="J2668" s="1" t="s">
        <v>10525</v>
      </c>
    </row>
    <row r="2669" spans="1:10" x14ac:dyDescent="0.35">
      <c r="A2669" s="1" t="s">
        <v>10425</v>
      </c>
      <c r="B2669" s="1" t="s">
        <v>10426</v>
      </c>
      <c r="C2669" s="1" t="s">
        <v>145</v>
      </c>
      <c r="D2669" s="1" t="s">
        <v>10526</v>
      </c>
      <c r="E2669" s="1" t="s">
        <v>10527</v>
      </c>
      <c r="F2669" s="1" t="s">
        <v>10528</v>
      </c>
      <c r="G2669" s="1" t="s">
        <v>10430</v>
      </c>
      <c r="H2669" s="1" t="s">
        <v>13</v>
      </c>
      <c r="I2669" s="1" t="s">
        <v>10431</v>
      </c>
      <c r="J2669" s="1" t="s">
        <v>10529</v>
      </c>
    </row>
    <row r="2670" spans="1:10" x14ac:dyDescent="0.35">
      <c r="A2670" s="1" t="s">
        <v>10425</v>
      </c>
      <c r="B2670" s="1" t="s">
        <v>10426</v>
      </c>
      <c r="C2670" s="1" t="s">
        <v>150</v>
      </c>
      <c r="D2670" s="1" t="s">
        <v>10530</v>
      </c>
      <c r="E2670" s="1" t="s">
        <v>10531</v>
      </c>
      <c r="F2670" s="1" t="s">
        <v>10532</v>
      </c>
      <c r="G2670" s="1" t="s">
        <v>10430</v>
      </c>
      <c r="H2670" s="1" t="s">
        <v>13</v>
      </c>
      <c r="I2670" s="1" t="s">
        <v>10431</v>
      </c>
      <c r="J2670" s="1" t="s">
        <v>10533</v>
      </c>
    </row>
    <row r="2671" spans="1:10" x14ac:dyDescent="0.35">
      <c r="A2671" s="1" t="s">
        <v>10425</v>
      </c>
      <c r="B2671" s="1" t="s">
        <v>10426</v>
      </c>
      <c r="C2671" s="1" t="s">
        <v>155</v>
      </c>
      <c r="D2671" s="1" t="s">
        <v>1544</v>
      </c>
      <c r="E2671" s="1" t="s">
        <v>10534</v>
      </c>
      <c r="F2671" s="1" t="s">
        <v>10535</v>
      </c>
      <c r="G2671" s="1" t="s">
        <v>10430</v>
      </c>
      <c r="H2671" s="1" t="s">
        <v>13</v>
      </c>
      <c r="I2671" s="1" t="s">
        <v>10431</v>
      </c>
      <c r="J2671" s="1" t="s">
        <v>10536</v>
      </c>
    </row>
    <row r="2672" spans="1:10" x14ac:dyDescent="0.35">
      <c r="A2672" s="1" t="s">
        <v>10425</v>
      </c>
      <c r="B2672" s="1" t="s">
        <v>10426</v>
      </c>
      <c r="C2672" s="1" t="s">
        <v>160</v>
      </c>
      <c r="D2672" s="1" t="s">
        <v>10537</v>
      </c>
      <c r="E2672" s="1" t="s">
        <v>10538</v>
      </c>
      <c r="F2672" s="1" t="s">
        <v>10539</v>
      </c>
      <c r="G2672" s="1" t="s">
        <v>10430</v>
      </c>
      <c r="H2672" s="1" t="s">
        <v>13</v>
      </c>
      <c r="I2672" s="1" t="s">
        <v>10431</v>
      </c>
      <c r="J2672" s="1" t="s">
        <v>10540</v>
      </c>
    </row>
    <row r="2673" spans="1:10" x14ac:dyDescent="0.35">
      <c r="A2673" s="1" t="s">
        <v>10425</v>
      </c>
      <c r="B2673" s="1" t="s">
        <v>10426</v>
      </c>
      <c r="C2673" s="1" t="s">
        <v>165</v>
      </c>
      <c r="D2673" s="1" t="s">
        <v>2155</v>
      </c>
      <c r="E2673" s="1" t="s">
        <v>10541</v>
      </c>
      <c r="F2673" s="1" t="s">
        <v>10542</v>
      </c>
      <c r="G2673" s="1" t="s">
        <v>10430</v>
      </c>
      <c r="H2673" s="1" t="s">
        <v>13</v>
      </c>
      <c r="I2673" s="1" t="s">
        <v>10431</v>
      </c>
      <c r="J2673" s="1" t="s">
        <v>10543</v>
      </c>
    </row>
    <row r="2674" spans="1:10" x14ac:dyDescent="0.35">
      <c r="A2674" s="1" t="s">
        <v>10425</v>
      </c>
      <c r="B2674" s="1" t="s">
        <v>10426</v>
      </c>
      <c r="C2674" s="1" t="s">
        <v>170</v>
      </c>
      <c r="D2674" s="1" t="s">
        <v>9334</v>
      </c>
      <c r="E2674" s="1" t="s">
        <v>10544</v>
      </c>
      <c r="F2674" s="1" t="s">
        <v>10545</v>
      </c>
      <c r="G2674" s="1" t="s">
        <v>10430</v>
      </c>
      <c r="H2674" s="1" t="s">
        <v>13</v>
      </c>
      <c r="I2674" s="1" t="s">
        <v>10431</v>
      </c>
      <c r="J2674" s="1" t="s">
        <v>10546</v>
      </c>
    </row>
    <row r="2675" spans="1:10" x14ac:dyDescent="0.35">
      <c r="A2675" s="1" t="s">
        <v>10547</v>
      </c>
      <c r="B2675" s="1" t="s">
        <v>10548</v>
      </c>
      <c r="C2675" s="1" t="s">
        <v>8</v>
      </c>
      <c r="D2675" s="1" t="s">
        <v>10549</v>
      </c>
      <c r="E2675" s="1" t="s">
        <v>10550</v>
      </c>
      <c r="F2675" s="1" t="s">
        <v>10551</v>
      </c>
      <c r="G2675" s="1" t="s">
        <v>10552</v>
      </c>
      <c r="H2675" s="1" t="s">
        <v>13</v>
      </c>
      <c r="I2675" s="1" t="s">
        <v>10553</v>
      </c>
      <c r="J2675" s="1" t="s">
        <v>13</v>
      </c>
    </row>
    <row r="2676" spans="1:10" x14ac:dyDescent="0.35">
      <c r="A2676" s="1" t="s">
        <v>10547</v>
      </c>
      <c r="B2676" s="1" t="s">
        <v>10548</v>
      </c>
      <c r="C2676" s="1" t="s">
        <v>15</v>
      </c>
      <c r="D2676" s="1" t="s">
        <v>10554</v>
      </c>
      <c r="E2676" s="1" t="s">
        <v>10555</v>
      </c>
      <c r="F2676" s="1" t="s">
        <v>10556</v>
      </c>
      <c r="G2676" s="1" t="s">
        <v>10552</v>
      </c>
      <c r="H2676" s="1" t="s">
        <v>13</v>
      </c>
      <c r="I2676" s="1" t="s">
        <v>10553</v>
      </c>
      <c r="J2676" s="1" t="s">
        <v>10557</v>
      </c>
    </row>
    <row r="2677" spans="1:10" x14ac:dyDescent="0.35">
      <c r="A2677" s="1" t="s">
        <v>10547</v>
      </c>
      <c r="B2677" s="1" t="s">
        <v>10548</v>
      </c>
      <c r="C2677" s="1" t="s">
        <v>20</v>
      </c>
      <c r="D2677" s="1" t="s">
        <v>10558</v>
      </c>
      <c r="E2677" s="1" t="s">
        <v>10559</v>
      </c>
      <c r="F2677" s="1" t="s">
        <v>10560</v>
      </c>
      <c r="G2677" s="1" t="s">
        <v>10552</v>
      </c>
      <c r="H2677" s="1" t="s">
        <v>13</v>
      </c>
      <c r="I2677" s="1" t="s">
        <v>10553</v>
      </c>
      <c r="J2677" s="1" t="s">
        <v>10561</v>
      </c>
    </row>
    <row r="2678" spans="1:10" x14ac:dyDescent="0.35">
      <c r="A2678" s="1" t="s">
        <v>10547</v>
      </c>
      <c r="B2678" s="1" t="s">
        <v>10548</v>
      </c>
      <c r="C2678" s="1" t="s">
        <v>25</v>
      </c>
      <c r="D2678" s="1" t="s">
        <v>10562</v>
      </c>
      <c r="E2678" s="1" t="s">
        <v>10563</v>
      </c>
      <c r="F2678" s="1" t="s">
        <v>10564</v>
      </c>
      <c r="G2678" s="1" t="s">
        <v>10552</v>
      </c>
      <c r="H2678" s="1" t="s">
        <v>13</v>
      </c>
      <c r="I2678" s="1" t="s">
        <v>10553</v>
      </c>
      <c r="J2678" s="1" t="s">
        <v>10565</v>
      </c>
    </row>
    <row r="2679" spans="1:10" x14ac:dyDescent="0.35">
      <c r="A2679" s="1" t="s">
        <v>10547</v>
      </c>
      <c r="B2679" s="1" t="s">
        <v>10548</v>
      </c>
      <c r="C2679" s="1" t="s">
        <v>30</v>
      </c>
      <c r="D2679" s="1" t="s">
        <v>10566</v>
      </c>
      <c r="E2679" s="1" t="s">
        <v>10567</v>
      </c>
      <c r="F2679" s="1" t="s">
        <v>10568</v>
      </c>
      <c r="G2679" s="1" t="s">
        <v>10552</v>
      </c>
      <c r="H2679" s="1" t="s">
        <v>13</v>
      </c>
      <c r="I2679" s="1" t="s">
        <v>10553</v>
      </c>
      <c r="J2679" s="1" t="s">
        <v>10569</v>
      </c>
    </row>
    <row r="2680" spans="1:10" x14ac:dyDescent="0.35">
      <c r="A2680" s="1" t="s">
        <v>10547</v>
      </c>
      <c r="B2680" s="1" t="s">
        <v>10548</v>
      </c>
      <c r="C2680" s="1" t="s">
        <v>35</v>
      </c>
      <c r="D2680" s="1" t="s">
        <v>10570</v>
      </c>
      <c r="E2680" s="1" t="s">
        <v>10571</v>
      </c>
      <c r="F2680" s="1" t="s">
        <v>10572</v>
      </c>
      <c r="G2680" s="1" t="s">
        <v>10552</v>
      </c>
      <c r="H2680" s="1" t="s">
        <v>13</v>
      </c>
      <c r="I2680" s="1" t="s">
        <v>10553</v>
      </c>
      <c r="J2680" s="1" t="s">
        <v>10573</v>
      </c>
    </row>
    <row r="2681" spans="1:10" x14ac:dyDescent="0.35">
      <c r="A2681" s="1" t="s">
        <v>10547</v>
      </c>
      <c r="B2681" s="1" t="s">
        <v>10548</v>
      </c>
      <c r="C2681" s="1" t="s">
        <v>40</v>
      </c>
      <c r="D2681" s="1" t="s">
        <v>10574</v>
      </c>
      <c r="E2681" s="1" t="s">
        <v>10575</v>
      </c>
      <c r="F2681" s="1" t="s">
        <v>10576</v>
      </c>
      <c r="G2681" s="1" t="s">
        <v>10552</v>
      </c>
      <c r="H2681" s="1" t="s">
        <v>13</v>
      </c>
      <c r="I2681" s="1" t="s">
        <v>10553</v>
      </c>
      <c r="J2681" s="1" t="s">
        <v>10577</v>
      </c>
    </row>
    <row r="2682" spans="1:10" x14ac:dyDescent="0.35">
      <c r="A2682" s="1" t="s">
        <v>10547</v>
      </c>
      <c r="B2682" s="1" t="s">
        <v>10548</v>
      </c>
      <c r="C2682" s="1" t="s">
        <v>45</v>
      </c>
      <c r="D2682" s="1" t="s">
        <v>10578</v>
      </c>
      <c r="E2682" s="1" t="s">
        <v>10579</v>
      </c>
      <c r="F2682" s="1" t="s">
        <v>10580</v>
      </c>
      <c r="G2682" s="1" t="s">
        <v>10552</v>
      </c>
      <c r="H2682" s="1" t="s">
        <v>13</v>
      </c>
      <c r="I2682" s="1" t="s">
        <v>10553</v>
      </c>
      <c r="J2682" s="1" t="s">
        <v>10581</v>
      </c>
    </row>
    <row r="2683" spans="1:10" x14ac:dyDescent="0.35">
      <c r="A2683" s="1" t="s">
        <v>10547</v>
      </c>
      <c r="B2683" s="1" t="s">
        <v>10548</v>
      </c>
      <c r="C2683" s="1" t="s">
        <v>50</v>
      </c>
      <c r="D2683" s="1" t="s">
        <v>10582</v>
      </c>
      <c r="E2683" s="1" t="s">
        <v>10583</v>
      </c>
      <c r="F2683" s="1" t="s">
        <v>10584</v>
      </c>
      <c r="G2683" s="1" t="s">
        <v>10552</v>
      </c>
      <c r="H2683" s="1" t="s">
        <v>13</v>
      </c>
      <c r="I2683" s="1" t="s">
        <v>10553</v>
      </c>
      <c r="J2683" s="1" t="s">
        <v>10585</v>
      </c>
    </row>
    <row r="2684" spans="1:10" x14ac:dyDescent="0.35">
      <c r="A2684" s="1" t="s">
        <v>10547</v>
      </c>
      <c r="B2684" s="1" t="s">
        <v>10548</v>
      </c>
      <c r="C2684" s="1" t="s">
        <v>55</v>
      </c>
      <c r="D2684" s="1" t="s">
        <v>10586</v>
      </c>
      <c r="E2684" s="1" t="s">
        <v>10587</v>
      </c>
      <c r="F2684" s="1" t="s">
        <v>10588</v>
      </c>
      <c r="G2684" s="1" t="s">
        <v>10552</v>
      </c>
      <c r="H2684" s="1" t="s">
        <v>13</v>
      </c>
      <c r="I2684" s="1" t="s">
        <v>10553</v>
      </c>
      <c r="J2684" s="1" t="s">
        <v>10589</v>
      </c>
    </row>
    <row r="2685" spans="1:10" x14ac:dyDescent="0.35">
      <c r="A2685" s="1" t="s">
        <v>10547</v>
      </c>
      <c r="B2685" s="1" t="s">
        <v>10548</v>
      </c>
      <c r="C2685" s="1" t="s">
        <v>60</v>
      </c>
      <c r="D2685" s="1" t="s">
        <v>10590</v>
      </c>
      <c r="E2685" s="1" t="s">
        <v>10591</v>
      </c>
      <c r="F2685" s="1" t="s">
        <v>10592</v>
      </c>
      <c r="G2685" s="1" t="s">
        <v>10552</v>
      </c>
      <c r="H2685" s="1" t="s">
        <v>13</v>
      </c>
      <c r="I2685" s="1" t="s">
        <v>10553</v>
      </c>
      <c r="J2685" s="1" t="s">
        <v>10593</v>
      </c>
    </row>
    <row r="2686" spans="1:10" x14ac:dyDescent="0.35">
      <c r="A2686" s="1" t="s">
        <v>10547</v>
      </c>
      <c r="B2686" s="1" t="s">
        <v>10548</v>
      </c>
      <c r="C2686" s="1" t="s">
        <v>65</v>
      </c>
      <c r="D2686" s="1" t="s">
        <v>10594</v>
      </c>
      <c r="E2686" s="1" t="s">
        <v>10595</v>
      </c>
      <c r="F2686" s="1" t="s">
        <v>10596</v>
      </c>
      <c r="G2686" s="1" t="s">
        <v>10552</v>
      </c>
      <c r="H2686" s="1" t="s">
        <v>13</v>
      </c>
      <c r="I2686" s="1" t="s">
        <v>10553</v>
      </c>
      <c r="J2686" s="1" t="s">
        <v>10597</v>
      </c>
    </row>
    <row r="2687" spans="1:10" x14ac:dyDescent="0.35">
      <c r="A2687" s="1" t="s">
        <v>10547</v>
      </c>
      <c r="B2687" s="1" t="s">
        <v>10548</v>
      </c>
      <c r="C2687" s="1" t="s">
        <v>70</v>
      </c>
      <c r="D2687" s="1" t="s">
        <v>10598</v>
      </c>
      <c r="E2687" s="1" t="s">
        <v>10599</v>
      </c>
      <c r="F2687" s="1" t="s">
        <v>10600</v>
      </c>
      <c r="G2687" s="1" t="s">
        <v>10552</v>
      </c>
      <c r="H2687" s="1" t="s">
        <v>13</v>
      </c>
      <c r="I2687" s="1" t="s">
        <v>10553</v>
      </c>
      <c r="J2687" s="1" t="s">
        <v>10601</v>
      </c>
    </row>
    <row r="2688" spans="1:10" x14ac:dyDescent="0.35">
      <c r="A2688" s="1" t="s">
        <v>10547</v>
      </c>
      <c r="B2688" s="1" t="s">
        <v>10548</v>
      </c>
      <c r="C2688" s="1" t="s">
        <v>75</v>
      </c>
      <c r="D2688" s="1" t="s">
        <v>10602</v>
      </c>
      <c r="E2688" s="1" t="s">
        <v>10603</v>
      </c>
      <c r="F2688" s="1" t="s">
        <v>10604</v>
      </c>
      <c r="G2688" s="1" t="s">
        <v>10552</v>
      </c>
      <c r="H2688" s="1" t="s">
        <v>13</v>
      </c>
      <c r="I2688" s="1" t="s">
        <v>10553</v>
      </c>
      <c r="J2688" s="1" t="s">
        <v>10605</v>
      </c>
    </row>
    <row r="2689" spans="1:10" x14ac:dyDescent="0.35">
      <c r="A2689" s="1" t="s">
        <v>10547</v>
      </c>
      <c r="B2689" s="1" t="s">
        <v>10548</v>
      </c>
      <c r="C2689" s="1" t="s">
        <v>80</v>
      </c>
      <c r="D2689" s="1" t="s">
        <v>10606</v>
      </c>
      <c r="E2689" s="1" t="s">
        <v>10607</v>
      </c>
      <c r="F2689" s="1" t="s">
        <v>10608</v>
      </c>
      <c r="G2689" s="1" t="s">
        <v>10552</v>
      </c>
      <c r="H2689" s="1" t="s">
        <v>13</v>
      </c>
      <c r="I2689" s="1" t="s">
        <v>10553</v>
      </c>
      <c r="J2689" s="1" t="s">
        <v>10609</v>
      </c>
    </row>
    <row r="2690" spans="1:10" x14ac:dyDescent="0.35">
      <c r="A2690" s="1" t="s">
        <v>10547</v>
      </c>
      <c r="B2690" s="1" t="s">
        <v>10548</v>
      </c>
      <c r="C2690" s="1" t="s">
        <v>85</v>
      </c>
      <c r="D2690" s="1" t="s">
        <v>10610</v>
      </c>
      <c r="E2690" s="1" t="s">
        <v>10611</v>
      </c>
      <c r="F2690" s="1" t="s">
        <v>10612</v>
      </c>
      <c r="G2690" s="1" t="s">
        <v>10552</v>
      </c>
      <c r="H2690" s="1" t="s">
        <v>13</v>
      </c>
      <c r="I2690" s="1" t="s">
        <v>10553</v>
      </c>
      <c r="J2690" s="1" t="s">
        <v>10613</v>
      </c>
    </row>
    <row r="2691" spans="1:10" x14ac:dyDescent="0.35">
      <c r="A2691" s="1" t="s">
        <v>10547</v>
      </c>
      <c r="B2691" s="1" t="s">
        <v>10548</v>
      </c>
      <c r="C2691" s="1" t="s">
        <v>90</v>
      </c>
      <c r="D2691" s="1" t="s">
        <v>10614</v>
      </c>
      <c r="E2691" s="1" t="s">
        <v>10615</v>
      </c>
      <c r="F2691" s="1" t="s">
        <v>10616</v>
      </c>
      <c r="G2691" s="1" t="s">
        <v>10552</v>
      </c>
      <c r="H2691" s="1" t="s">
        <v>13</v>
      </c>
      <c r="I2691" s="1" t="s">
        <v>10553</v>
      </c>
      <c r="J2691" s="1" t="s">
        <v>10617</v>
      </c>
    </row>
    <row r="2692" spans="1:10" x14ac:dyDescent="0.35">
      <c r="A2692" s="1" t="s">
        <v>10547</v>
      </c>
      <c r="B2692" s="1" t="s">
        <v>10548</v>
      </c>
      <c r="C2692" s="1" t="s">
        <v>95</v>
      </c>
      <c r="D2692" s="1" t="s">
        <v>10618</v>
      </c>
      <c r="E2692" s="1" t="s">
        <v>10619</v>
      </c>
      <c r="F2692" s="1" t="s">
        <v>10620</v>
      </c>
      <c r="G2692" s="1" t="s">
        <v>10552</v>
      </c>
      <c r="H2692" s="1" t="s">
        <v>13</v>
      </c>
      <c r="I2692" s="1" t="s">
        <v>10553</v>
      </c>
      <c r="J2692" s="1" t="s">
        <v>10621</v>
      </c>
    </row>
    <row r="2693" spans="1:10" x14ac:dyDescent="0.35">
      <c r="A2693" s="1" t="s">
        <v>10547</v>
      </c>
      <c r="B2693" s="1" t="s">
        <v>10548</v>
      </c>
      <c r="C2693" s="1" t="s">
        <v>100</v>
      </c>
      <c r="D2693" s="1" t="s">
        <v>10622</v>
      </c>
      <c r="E2693" s="1" t="s">
        <v>10623</v>
      </c>
      <c r="F2693" s="1" t="s">
        <v>10624</v>
      </c>
      <c r="G2693" s="1" t="s">
        <v>10552</v>
      </c>
      <c r="H2693" s="1" t="s">
        <v>13</v>
      </c>
      <c r="I2693" s="1" t="s">
        <v>10553</v>
      </c>
      <c r="J2693" s="1" t="s">
        <v>10625</v>
      </c>
    </row>
    <row r="2694" spans="1:10" x14ac:dyDescent="0.35">
      <c r="A2694" s="1" t="s">
        <v>10547</v>
      </c>
      <c r="B2694" s="1" t="s">
        <v>10548</v>
      </c>
      <c r="C2694" s="1" t="s">
        <v>105</v>
      </c>
      <c r="D2694" s="1" t="s">
        <v>10626</v>
      </c>
      <c r="E2694" s="1" t="s">
        <v>10627</v>
      </c>
      <c r="F2694" s="1" t="s">
        <v>10628</v>
      </c>
      <c r="G2694" s="1" t="s">
        <v>10552</v>
      </c>
      <c r="H2694" s="1" t="s">
        <v>13</v>
      </c>
      <c r="I2694" s="1" t="s">
        <v>10553</v>
      </c>
      <c r="J2694" s="1" t="s">
        <v>10629</v>
      </c>
    </row>
    <row r="2695" spans="1:10" x14ac:dyDescent="0.35">
      <c r="A2695" s="1" t="s">
        <v>10547</v>
      </c>
      <c r="B2695" s="1" t="s">
        <v>10548</v>
      </c>
      <c r="C2695" s="1" t="s">
        <v>110</v>
      </c>
      <c r="D2695" s="1" t="s">
        <v>10630</v>
      </c>
      <c r="E2695" s="1" t="s">
        <v>10631</v>
      </c>
      <c r="F2695" s="1" t="s">
        <v>10632</v>
      </c>
      <c r="G2695" s="1" t="s">
        <v>10552</v>
      </c>
      <c r="H2695" s="1" t="s">
        <v>13</v>
      </c>
      <c r="I2695" s="1" t="s">
        <v>10553</v>
      </c>
      <c r="J2695" s="1" t="s">
        <v>10633</v>
      </c>
    </row>
    <row r="2696" spans="1:10" x14ac:dyDescent="0.35">
      <c r="A2696" s="1" t="s">
        <v>10547</v>
      </c>
      <c r="B2696" s="1" t="s">
        <v>10548</v>
      </c>
      <c r="C2696" s="1" t="s">
        <v>115</v>
      </c>
      <c r="D2696" s="1" t="s">
        <v>10634</v>
      </c>
      <c r="E2696" s="1" t="s">
        <v>10635</v>
      </c>
      <c r="F2696" s="1" t="s">
        <v>10636</v>
      </c>
      <c r="G2696" s="1" t="s">
        <v>10552</v>
      </c>
      <c r="H2696" s="1" t="s">
        <v>13</v>
      </c>
      <c r="I2696" s="1" t="s">
        <v>10553</v>
      </c>
      <c r="J2696" s="1" t="s">
        <v>10637</v>
      </c>
    </row>
    <row r="2697" spans="1:10" x14ac:dyDescent="0.35">
      <c r="A2697" s="1" t="s">
        <v>10547</v>
      </c>
      <c r="B2697" s="1" t="s">
        <v>10548</v>
      </c>
      <c r="C2697" s="1" t="s">
        <v>120</v>
      </c>
      <c r="D2697" s="1" t="s">
        <v>10638</v>
      </c>
      <c r="E2697" s="1" t="s">
        <v>10639</v>
      </c>
      <c r="F2697" s="1" t="s">
        <v>10640</v>
      </c>
      <c r="G2697" s="1" t="s">
        <v>10552</v>
      </c>
      <c r="H2697" s="1" t="s">
        <v>13</v>
      </c>
      <c r="I2697" s="1" t="s">
        <v>10553</v>
      </c>
      <c r="J2697" s="1" t="s">
        <v>10641</v>
      </c>
    </row>
    <row r="2698" spans="1:10" x14ac:dyDescent="0.35">
      <c r="A2698" s="1" t="s">
        <v>10547</v>
      </c>
      <c r="B2698" s="1" t="s">
        <v>10548</v>
      </c>
      <c r="C2698" s="1" t="s">
        <v>125</v>
      </c>
      <c r="D2698" s="1" t="s">
        <v>10642</v>
      </c>
      <c r="E2698" s="1" t="s">
        <v>10643</v>
      </c>
      <c r="F2698" s="1" t="s">
        <v>10644</v>
      </c>
      <c r="G2698" s="1" t="s">
        <v>10552</v>
      </c>
      <c r="H2698" s="1" t="s">
        <v>13</v>
      </c>
      <c r="I2698" s="1" t="s">
        <v>10553</v>
      </c>
      <c r="J2698" s="1" t="s">
        <v>10645</v>
      </c>
    </row>
    <row r="2699" spans="1:10" x14ac:dyDescent="0.35">
      <c r="A2699" s="1" t="s">
        <v>10547</v>
      </c>
      <c r="B2699" s="1" t="s">
        <v>10548</v>
      </c>
      <c r="C2699" s="1" t="s">
        <v>130</v>
      </c>
      <c r="D2699" s="1" t="s">
        <v>10646</v>
      </c>
      <c r="E2699" s="1" t="s">
        <v>10647</v>
      </c>
      <c r="F2699" s="1" t="s">
        <v>10648</v>
      </c>
      <c r="G2699" s="1" t="s">
        <v>10552</v>
      </c>
      <c r="H2699" s="1" t="s">
        <v>13</v>
      </c>
      <c r="I2699" s="1" t="s">
        <v>10553</v>
      </c>
      <c r="J2699" s="1" t="s">
        <v>10649</v>
      </c>
    </row>
    <row r="2700" spans="1:10" x14ac:dyDescent="0.35">
      <c r="A2700" s="1" t="s">
        <v>10547</v>
      </c>
      <c r="B2700" s="1" t="s">
        <v>10548</v>
      </c>
      <c r="C2700" s="1" t="s">
        <v>135</v>
      </c>
      <c r="D2700" s="1" t="s">
        <v>10650</v>
      </c>
      <c r="E2700" s="1" t="s">
        <v>10651</v>
      </c>
      <c r="F2700" s="1" t="s">
        <v>10652</v>
      </c>
      <c r="G2700" s="1" t="s">
        <v>10552</v>
      </c>
      <c r="H2700" s="1" t="s">
        <v>13</v>
      </c>
      <c r="I2700" s="1" t="s">
        <v>10553</v>
      </c>
      <c r="J2700" s="1" t="s">
        <v>10653</v>
      </c>
    </row>
    <row r="2701" spans="1:10" x14ac:dyDescent="0.35">
      <c r="A2701" s="1" t="s">
        <v>10547</v>
      </c>
      <c r="B2701" s="1" t="s">
        <v>10548</v>
      </c>
      <c r="C2701" s="1" t="s">
        <v>140</v>
      </c>
      <c r="D2701" s="1" t="s">
        <v>10654</v>
      </c>
      <c r="E2701" s="1" t="s">
        <v>10655</v>
      </c>
      <c r="F2701" s="1" t="s">
        <v>10656</v>
      </c>
      <c r="G2701" s="1" t="s">
        <v>10552</v>
      </c>
      <c r="H2701" s="1" t="s">
        <v>13</v>
      </c>
      <c r="I2701" s="1" t="s">
        <v>10553</v>
      </c>
      <c r="J2701" s="1" t="s">
        <v>10657</v>
      </c>
    </row>
    <row r="2702" spans="1:10" x14ac:dyDescent="0.35">
      <c r="A2702" s="1" t="s">
        <v>10547</v>
      </c>
      <c r="B2702" s="1" t="s">
        <v>10548</v>
      </c>
      <c r="C2702" s="1" t="s">
        <v>145</v>
      </c>
      <c r="D2702" s="1" t="s">
        <v>10658</v>
      </c>
      <c r="E2702" s="1" t="s">
        <v>10659</v>
      </c>
      <c r="F2702" s="1" t="s">
        <v>10660</v>
      </c>
      <c r="G2702" s="1" t="s">
        <v>10552</v>
      </c>
      <c r="H2702" s="1" t="s">
        <v>13</v>
      </c>
      <c r="I2702" s="1" t="s">
        <v>10553</v>
      </c>
      <c r="J2702" s="1" t="s">
        <v>10661</v>
      </c>
    </row>
    <row r="2703" spans="1:10" x14ac:dyDescent="0.35">
      <c r="A2703" s="1" t="s">
        <v>10547</v>
      </c>
      <c r="B2703" s="1" t="s">
        <v>10548</v>
      </c>
      <c r="C2703" s="1" t="s">
        <v>150</v>
      </c>
      <c r="D2703" s="1" t="s">
        <v>10662</v>
      </c>
      <c r="E2703" s="1" t="s">
        <v>10663</v>
      </c>
      <c r="F2703" s="1" t="s">
        <v>10664</v>
      </c>
      <c r="G2703" s="1" t="s">
        <v>10552</v>
      </c>
      <c r="H2703" s="1" t="s">
        <v>13</v>
      </c>
      <c r="I2703" s="1" t="s">
        <v>10553</v>
      </c>
      <c r="J2703" s="1" t="s">
        <v>10665</v>
      </c>
    </row>
    <row r="2704" spans="1:10" x14ac:dyDescent="0.35">
      <c r="A2704" s="1" t="s">
        <v>10547</v>
      </c>
      <c r="B2704" s="1" t="s">
        <v>10548</v>
      </c>
      <c r="C2704" s="1" t="s">
        <v>155</v>
      </c>
      <c r="D2704" s="1" t="s">
        <v>10666</v>
      </c>
      <c r="E2704" s="1" t="s">
        <v>10667</v>
      </c>
      <c r="F2704" s="1" t="s">
        <v>10668</v>
      </c>
      <c r="G2704" s="1" t="s">
        <v>10552</v>
      </c>
      <c r="H2704" s="1" t="s">
        <v>13</v>
      </c>
      <c r="I2704" s="1" t="s">
        <v>10553</v>
      </c>
      <c r="J2704" s="1" t="s">
        <v>10669</v>
      </c>
    </row>
    <row r="2705" spans="1:10" x14ac:dyDescent="0.35">
      <c r="A2705" s="1" t="s">
        <v>10547</v>
      </c>
      <c r="B2705" s="1" t="s">
        <v>10548</v>
      </c>
      <c r="C2705" s="1" t="s">
        <v>160</v>
      </c>
      <c r="D2705" s="1" t="s">
        <v>10670</v>
      </c>
      <c r="E2705" s="1" t="s">
        <v>10671</v>
      </c>
      <c r="F2705" s="1" t="s">
        <v>10672</v>
      </c>
      <c r="G2705" s="1" t="s">
        <v>10552</v>
      </c>
      <c r="H2705" s="1" t="s">
        <v>13</v>
      </c>
      <c r="I2705" s="1" t="s">
        <v>10553</v>
      </c>
      <c r="J2705" s="1" t="s">
        <v>10673</v>
      </c>
    </row>
    <row r="2706" spans="1:10" x14ac:dyDescent="0.35">
      <c r="A2706" s="1" t="s">
        <v>10547</v>
      </c>
      <c r="B2706" s="1" t="s">
        <v>10548</v>
      </c>
      <c r="C2706" s="1" t="s">
        <v>165</v>
      </c>
      <c r="D2706" s="1" t="s">
        <v>10674</v>
      </c>
      <c r="E2706" s="1" t="s">
        <v>10675</v>
      </c>
      <c r="F2706" s="1" t="s">
        <v>10676</v>
      </c>
      <c r="G2706" s="1" t="s">
        <v>10552</v>
      </c>
      <c r="H2706" s="1" t="s">
        <v>13</v>
      </c>
      <c r="I2706" s="1" t="s">
        <v>10553</v>
      </c>
      <c r="J2706" s="1" t="s">
        <v>10677</v>
      </c>
    </row>
    <row r="2707" spans="1:10" x14ac:dyDescent="0.35">
      <c r="A2707" s="1" t="s">
        <v>10547</v>
      </c>
      <c r="B2707" s="1" t="s">
        <v>10548</v>
      </c>
      <c r="C2707" s="1" t="s">
        <v>170</v>
      </c>
      <c r="D2707" s="1" t="s">
        <v>10678</v>
      </c>
      <c r="E2707" s="1" t="s">
        <v>10679</v>
      </c>
      <c r="F2707" s="1" t="s">
        <v>10680</v>
      </c>
      <c r="G2707" s="1" t="s">
        <v>10552</v>
      </c>
      <c r="H2707" s="1" t="s">
        <v>13</v>
      </c>
      <c r="I2707" s="1" t="s">
        <v>10553</v>
      </c>
      <c r="J2707" s="1" t="s">
        <v>10681</v>
      </c>
    </row>
    <row r="2708" spans="1:10" x14ac:dyDescent="0.35">
      <c r="A2708" s="1" t="s">
        <v>10682</v>
      </c>
      <c r="B2708" s="1" t="s">
        <v>10683</v>
      </c>
      <c r="C2708" s="1" t="s">
        <v>8</v>
      </c>
      <c r="D2708" s="1" t="s">
        <v>10684</v>
      </c>
      <c r="E2708" s="1" t="s">
        <v>10685</v>
      </c>
      <c r="F2708" s="1" t="s">
        <v>10686</v>
      </c>
      <c r="G2708" s="1" t="s">
        <v>10687</v>
      </c>
      <c r="H2708" s="1" t="s">
        <v>13</v>
      </c>
      <c r="I2708" s="1" t="s">
        <v>10688</v>
      </c>
      <c r="J2708" s="1" t="s">
        <v>13</v>
      </c>
    </row>
    <row r="2709" spans="1:10" x14ac:dyDescent="0.35">
      <c r="A2709" s="1" t="s">
        <v>10682</v>
      </c>
      <c r="B2709" s="1" t="s">
        <v>10683</v>
      </c>
      <c r="C2709" s="1" t="s">
        <v>15</v>
      </c>
      <c r="D2709" s="1" t="s">
        <v>10689</v>
      </c>
      <c r="E2709" s="1" t="s">
        <v>10690</v>
      </c>
      <c r="F2709" s="1" t="s">
        <v>10691</v>
      </c>
      <c r="G2709" s="1" t="s">
        <v>10687</v>
      </c>
      <c r="H2709" s="1" t="s">
        <v>13</v>
      </c>
      <c r="I2709" s="1" t="s">
        <v>10688</v>
      </c>
      <c r="J2709" s="1" t="s">
        <v>10692</v>
      </c>
    </row>
    <row r="2710" spans="1:10" x14ac:dyDescent="0.35">
      <c r="A2710" s="1" t="s">
        <v>10682</v>
      </c>
      <c r="B2710" s="1" t="s">
        <v>10683</v>
      </c>
      <c r="C2710" s="1" t="s">
        <v>20</v>
      </c>
      <c r="D2710" s="1" t="s">
        <v>10693</v>
      </c>
      <c r="E2710" s="1" t="s">
        <v>10694</v>
      </c>
      <c r="F2710" s="1" t="s">
        <v>10695</v>
      </c>
      <c r="G2710" s="1" t="s">
        <v>10687</v>
      </c>
      <c r="H2710" s="1" t="s">
        <v>13</v>
      </c>
      <c r="I2710" s="1" t="s">
        <v>10688</v>
      </c>
      <c r="J2710" s="1" t="s">
        <v>10696</v>
      </c>
    </row>
    <row r="2711" spans="1:10" x14ac:dyDescent="0.35">
      <c r="A2711" s="1" t="s">
        <v>10682</v>
      </c>
      <c r="B2711" s="1" t="s">
        <v>10683</v>
      </c>
      <c r="C2711" s="1" t="s">
        <v>25</v>
      </c>
      <c r="D2711" s="1" t="s">
        <v>10697</v>
      </c>
      <c r="E2711" s="1" t="s">
        <v>10698</v>
      </c>
      <c r="F2711" s="1" t="s">
        <v>10699</v>
      </c>
      <c r="G2711" s="1" t="s">
        <v>10687</v>
      </c>
      <c r="H2711" s="1" t="s">
        <v>13</v>
      </c>
      <c r="I2711" s="1" t="s">
        <v>10688</v>
      </c>
      <c r="J2711" s="1" t="s">
        <v>10700</v>
      </c>
    </row>
    <row r="2712" spans="1:10" x14ac:dyDescent="0.35">
      <c r="A2712" s="1" t="s">
        <v>10682</v>
      </c>
      <c r="B2712" s="1" t="s">
        <v>10683</v>
      </c>
      <c r="C2712" s="1" t="s">
        <v>30</v>
      </c>
      <c r="D2712" s="1" t="s">
        <v>10701</v>
      </c>
      <c r="E2712" s="1" t="s">
        <v>10702</v>
      </c>
      <c r="F2712" s="1" t="s">
        <v>10703</v>
      </c>
      <c r="G2712" s="1" t="s">
        <v>10687</v>
      </c>
      <c r="H2712" s="1" t="s">
        <v>13</v>
      </c>
      <c r="I2712" s="1" t="s">
        <v>10688</v>
      </c>
      <c r="J2712" s="1" t="s">
        <v>10704</v>
      </c>
    </row>
    <row r="2713" spans="1:10" x14ac:dyDescent="0.35">
      <c r="A2713" s="1" t="s">
        <v>10682</v>
      </c>
      <c r="B2713" s="1" t="s">
        <v>10683</v>
      </c>
      <c r="C2713" s="1" t="s">
        <v>35</v>
      </c>
      <c r="D2713" s="1" t="s">
        <v>10705</v>
      </c>
      <c r="E2713" s="1" t="s">
        <v>10706</v>
      </c>
      <c r="F2713" s="1" t="s">
        <v>10707</v>
      </c>
      <c r="G2713" s="1" t="s">
        <v>10687</v>
      </c>
      <c r="H2713" s="1" t="s">
        <v>13</v>
      </c>
      <c r="I2713" s="1" t="s">
        <v>10688</v>
      </c>
      <c r="J2713" s="1" t="s">
        <v>10708</v>
      </c>
    </row>
    <row r="2714" spans="1:10" x14ac:dyDescent="0.35">
      <c r="A2714" s="1" t="s">
        <v>10682</v>
      </c>
      <c r="B2714" s="1" t="s">
        <v>10683</v>
      </c>
      <c r="C2714" s="1" t="s">
        <v>40</v>
      </c>
      <c r="D2714" s="1" t="s">
        <v>10709</v>
      </c>
      <c r="E2714" s="1" t="s">
        <v>10710</v>
      </c>
      <c r="F2714" s="1" t="s">
        <v>10711</v>
      </c>
      <c r="G2714" s="1" t="s">
        <v>10687</v>
      </c>
      <c r="H2714" s="1" t="s">
        <v>13</v>
      </c>
      <c r="I2714" s="1" t="s">
        <v>10688</v>
      </c>
      <c r="J2714" s="1" t="s">
        <v>10712</v>
      </c>
    </row>
    <row r="2715" spans="1:10" x14ac:dyDescent="0.35">
      <c r="A2715" s="1" t="s">
        <v>10682</v>
      </c>
      <c r="B2715" s="1" t="s">
        <v>10683</v>
      </c>
      <c r="C2715" s="1" t="s">
        <v>45</v>
      </c>
      <c r="D2715" s="1" t="s">
        <v>10713</v>
      </c>
      <c r="E2715" s="1" t="s">
        <v>10714</v>
      </c>
      <c r="F2715" s="1" t="s">
        <v>10715</v>
      </c>
      <c r="G2715" s="1" t="s">
        <v>10687</v>
      </c>
      <c r="H2715" s="1" t="s">
        <v>13</v>
      </c>
      <c r="I2715" s="1" t="s">
        <v>10688</v>
      </c>
      <c r="J2715" s="1" t="s">
        <v>10716</v>
      </c>
    </row>
    <row r="2716" spans="1:10" x14ac:dyDescent="0.35">
      <c r="A2716" s="1" t="s">
        <v>10682</v>
      </c>
      <c r="B2716" s="1" t="s">
        <v>10683</v>
      </c>
      <c r="C2716" s="1" t="s">
        <v>50</v>
      </c>
      <c r="D2716" s="1" t="s">
        <v>10717</v>
      </c>
      <c r="E2716" s="1" t="s">
        <v>10718</v>
      </c>
      <c r="F2716" s="1" t="s">
        <v>10719</v>
      </c>
      <c r="G2716" s="1" t="s">
        <v>10687</v>
      </c>
      <c r="H2716" s="1" t="s">
        <v>13</v>
      </c>
      <c r="I2716" s="1" t="s">
        <v>10688</v>
      </c>
      <c r="J2716" s="1" t="s">
        <v>10720</v>
      </c>
    </row>
    <row r="2717" spans="1:10" x14ac:dyDescent="0.35">
      <c r="A2717" s="1" t="s">
        <v>10682</v>
      </c>
      <c r="B2717" s="1" t="s">
        <v>10683</v>
      </c>
      <c r="C2717" s="1" t="s">
        <v>55</v>
      </c>
      <c r="D2717" s="1" t="s">
        <v>10721</v>
      </c>
      <c r="E2717" s="1" t="s">
        <v>10722</v>
      </c>
      <c r="F2717" s="1" t="s">
        <v>10723</v>
      </c>
      <c r="G2717" s="1" t="s">
        <v>10687</v>
      </c>
      <c r="H2717" s="1" t="s">
        <v>13</v>
      </c>
      <c r="I2717" s="1" t="s">
        <v>10688</v>
      </c>
      <c r="J2717" s="1" t="s">
        <v>10724</v>
      </c>
    </row>
    <row r="2718" spans="1:10" x14ac:dyDescent="0.35">
      <c r="A2718" s="1" t="s">
        <v>10682</v>
      </c>
      <c r="B2718" s="1" t="s">
        <v>10683</v>
      </c>
      <c r="C2718" s="1" t="s">
        <v>60</v>
      </c>
      <c r="D2718" s="1" t="s">
        <v>10725</v>
      </c>
      <c r="E2718" s="1" t="s">
        <v>10726</v>
      </c>
      <c r="F2718" s="1" t="s">
        <v>10727</v>
      </c>
      <c r="G2718" s="1" t="s">
        <v>10687</v>
      </c>
      <c r="H2718" s="1" t="s">
        <v>13</v>
      </c>
      <c r="I2718" s="1" t="s">
        <v>10688</v>
      </c>
      <c r="J2718" s="1" t="s">
        <v>10728</v>
      </c>
    </row>
    <row r="2719" spans="1:10" x14ac:dyDescent="0.35">
      <c r="A2719" s="1" t="s">
        <v>10682</v>
      </c>
      <c r="B2719" s="1" t="s">
        <v>10683</v>
      </c>
      <c r="C2719" s="1" t="s">
        <v>65</v>
      </c>
      <c r="D2719" s="1" t="s">
        <v>10729</v>
      </c>
      <c r="E2719" s="1" t="s">
        <v>10730</v>
      </c>
      <c r="F2719" s="1" t="s">
        <v>10731</v>
      </c>
      <c r="G2719" s="1" t="s">
        <v>10687</v>
      </c>
      <c r="H2719" s="1" t="s">
        <v>13</v>
      </c>
      <c r="I2719" s="1" t="s">
        <v>10688</v>
      </c>
      <c r="J2719" s="1" t="s">
        <v>10732</v>
      </c>
    </row>
    <row r="2720" spans="1:10" x14ac:dyDescent="0.35">
      <c r="A2720" s="1" t="s">
        <v>10682</v>
      </c>
      <c r="B2720" s="1" t="s">
        <v>10683</v>
      </c>
      <c r="C2720" s="1" t="s">
        <v>70</v>
      </c>
      <c r="D2720" s="1" t="s">
        <v>10733</v>
      </c>
      <c r="E2720" s="1" t="s">
        <v>10734</v>
      </c>
      <c r="F2720" s="1" t="s">
        <v>10735</v>
      </c>
      <c r="G2720" s="1" t="s">
        <v>10687</v>
      </c>
      <c r="H2720" s="1" t="s">
        <v>13</v>
      </c>
      <c r="I2720" s="1" t="s">
        <v>10688</v>
      </c>
      <c r="J2720" s="1" t="s">
        <v>10736</v>
      </c>
    </row>
    <row r="2721" spans="1:10" x14ac:dyDescent="0.35">
      <c r="A2721" s="1" t="s">
        <v>10682</v>
      </c>
      <c r="B2721" s="1" t="s">
        <v>10683</v>
      </c>
      <c r="C2721" s="1" t="s">
        <v>75</v>
      </c>
      <c r="D2721" s="1" t="s">
        <v>10737</v>
      </c>
      <c r="E2721" s="1" t="s">
        <v>10738</v>
      </c>
      <c r="F2721" s="1" t="s">
        <v>10739</v>
      </c>
      <c r="G2721" s="1" t="s">
        <v>10687</v>
      </c>
      <c r="H2721" s="1" t="s">
        <v>13</v>
      </c>
      <c r="I2721" s="1" t="s">
        <v>10688</v>
      </c>
      <c r="J2721" s="1" t="s">
        <v>10740</v>
      </c>
    </row>
    <row r="2722" spans="1:10" x14ac:dyDescent="0.35">
      <c r="A2722" s="1" t="s">
        <v>10682</v>
      </c>
      <c r="B2722" s="1" t="s">
        <v>10683</v>
      </c>
      <c r="C2722" s="1" t="s">
        <v>80</v>
      </c>
      <c r="D2722" s="1" t="s">
        <v>10741</v>
      </c>
      <c r="E2722" s="1" t="s">
        <v>10742</v>
      </c>
      <c r="F2722" s="1" t="s">
        <v>10743</v>
      </c>
      <c r="G2722" s="1" t="s">
        <v>10687</v>
      </c>
      <c r="H2722" s="1" t="s">
        <v>13</v>
      </c>
      <c r="I2722" s="1" t="s">
        <v>10688</v>
      </c>
      <c r="J2722" s="1" t="s">
        <v>10744</v>
      </c>
    </row>
    <row r="2723" spans="1:10" x14ac:dyDescent="0.35">
      <c r="A2723" s="1" t="s">
        <v>10682</v>
      </c>
      <c r="B2723" s="1" t="s">
        <v>10683</v>
      </c>
      <c r="C2723" s="1" t="s">
        <v>85</v>
      </c>
      <c r="D2723" s="1" t="s">
        <v>10745</v>
      </c>
      <c r="E2723" s="1" t="s">
        <v>10746</v>
      </c>
      <c r="F2723" s="1" t="s">
        <v>10747</v>
      </c>
      <c r="G2723" s="1" t="s">
        <v>10687</v>
      </c>
      <c r="H2723" s="1" t="s">
        <v>13</v>
      </c>
      <c r="I2723" s="1" t="s">
        <v>10688</v>
      </c>
      <c r="J2723" s="1" t="s">
        <v>10748</v>
      </c>
    </row>
    <row r="2724" spans="1:10" x14ac:dyDescent="0.35">
      <c r="A2724" s="1" t="s">
        <v>10682</v>
      </c>
      <c r="B2724" s="1" t="s">
        <v>10683</v>
      </c>
      <c r="C2724" s="1" t="s">
        <v>90</v>
      </c>
      <c r="D2724" s="1" t="s">
        <v>10749</v>
      </c>
      <c r="E2724" s="1" t="s">
        <v>10750</v>
      </c>
      <c r="F2724" s="1" t="s">
        <v>10751</v>
      </c>
      <c r="G2724" s="1" t="s">
        <v>10687</v>
      </c>
      <c r="H2724" s="1" t="s">
        <v>13</v>
      </c>
      <c r="I2724" s="1" t="s">
        <v>10688</v>
      </c>
      <c r="J2724" s="1" t="s">
        <v>10752</v>
      </c>
    </row>
    <row r="2725" spans="1:10" x14ac:dyDescent="0.35">
      <c r="A2725" s="1" t="s">
        <v>10682</v>
      </c>
      <c r="B2725" s="1" t="s">
        <v>10683</v>
      </c>
      <c r="C2725" s="1" t="s">
        <v>95</v>
      </c>
      <c r="D2725" s="1" t="s">
        <v>10753</v>
      </c>
      <c r="E2725" s="1" t="s">
        <v>10754</v>
      </c>
      <c r="F2725" s="1" t="s">
        <v>10755</v>
      </c>
      <c r="G2725" s="1" t="s">
        <v>10687</v>
      </c>
      <c r="H2725" s="1" t="s">
        <v>13</v>
      </c>
      <c r="I2725" s="1" t="s">
        <v>10688</v>
      </c>
      <c r="J2725" s="1" t="s">
        <v>10756</v>
      </c>
    </row>
    <row r="2726" spans="1:10" x14ac:dyDescent="0.35">
      <c r="A2726" s="1" t="s">
        <v>10682</v>
      </c>
      <c r="B2726" s="1" t="s">
        <v>10683</v>
      </c>
      <c r="C2726" s="1" t="s">
        <v>100</v>
      </c>
      <c r="D2726" s="1" t="s">
        <v>10757</v>
      </c>
      <c r="E2726" s="1" t="s">
        <v>10758</v>
      </c>
      <c r="F2726" s="1" t="s">
        <v>10759</v>
      </c>
      <c r="G2726" s="1" t="s">
        <v>10687</v>
      </c>
      <c r="H2726" s="1" t="s">
        <v>13</v>
      </c>
      <c r="I2726" s="1" t="s">
        <v>10688</v>
      </c>
      <c r="J2726" s="1" t="s">
        <v>10760</v>
      </c>
    </row>
    <row r="2727" spans="1:10" x14ac:dyDescent="0.35">
      <c r="A2727" s="1" t="s">
        <v>10682</v>
      </c>
      <c r="B2727" s="1" t="s">
        <v>10683</v>
      </c>
      <c r="C2727" s="1" t="s">
        <v>105</v>
      </c>
      <c r="D2727" s="1" t="s">
        <v>249</v>
      </c>
      <c r="E2727" s="1" t="s">
        <v>10761</v>
      </c>
      <c r="F2727" s="1" t="s">
        <v>10762</v>
      </c>
      <c r="G2727" s="1" t="s">
        <v>10687</v>
      </c>
      <c r="H2727" s="1" t="s">
        <v>13</v>
      </c>
      <c r="I2727" s="1" t="s">
        <v>10688</v>
      </c>
      <c r="J2727" s="1" t="s">
        <v>10763</v>
      </c>
    </row>
    <row r="2728" spans="1:10" x14ac:dyDescent="0.35">
      <c r="A2728" s="1" t="s">
        <v>10682</v>
      </c>
      <c r="B2728" s="1" t="s">
        <v>10683</v>
      </c>
      <c r="C2728" s="1" t="s">
        <v>110</v>
      </c>
      <c r="D2728" s="1" t="s">
        <v>10764</v>
      </c>
      <c r="E2728" s="1" t="s">
        <v>10765</v>
      </c>
      <c r="F2728" s="1" t="s">
        <v>10766</v>
      </c>
      <c r="G2728" s="1" t="s">
        <v>10687</v>
      </c>
      <c r="H2728" s="1" t="s">
        <v>13</v>
      </c>
      <c r="I2728" s="1" t="s">
        <v>10688</v>
      </c>
      <c r="J2728" s="1" t="s">
        <v>10767</v>
      </c>
    </row>
    <row r="2729" spans="1:10" x14ac:dyDescent="0.35">
      <c r="A2729" s="1" t="s">
        <v>10682</v>
      </c>
      <c r="B2729" s="1" t="s">
        <v>10683</v>
      </c>
      <c r="C2729" s="1" t="s">
        <v>115</v>
      </c>
      <c r="D2729" s="1" t="s">
        <v>10768</v>
      </c>
      <c r="E2729" s="1" t="s">
        <v>10769</v>
      </c>
      <c r="F2729" s="1" t="s">
        <v>10770</v>
      </c>
      <c r="G2729" s="1" t="s">
        <v>10687</v>
      </c>
      <c r="H2729" s="1" t="s">
        <v>13</v>
      </c>
      <c r="I2729" s="1" t="s">
        <v>10688</v>
      </c>
      <c r="J2729" s="1" t="s">
        <v>10771</v>
      </c>
    </row>
    <row r="2730" spans="1:10" x14ac:dyDescent="0.35">
      <c r="A2730" s="1" t="s">
        <v>10682</v>
      </c>
      <c r="B2730" s="1" t="s">
        <v>10683</v>
      </c>
      <c r="C2730" s="1" t="s">
        <v>120</v>
      </c>
      <c r="D2730" s="1" t="s">
        <v>10772</v>
      </c>
      <c r="E2730" s="1" t="s">
        <v>10773</v>
      </c>
      <c r="F2730" s="1" t="s">
        <v>10774</v>
      </c>
      <c r="G2730" s="1" t="s">
        <v>10687</v>
      </c>
      <c r="H2730" s="1" t="s">
        <v>13</v>
      </c>
      <c r="I2730" s="1" t="s">
        <v>10688</v>
      </c>
      <c r="J2730" s="1" t="s">
        <v>10775</v>
      </c>
    </row>
    <row r="2731" spans="1:10" x14ac:dyDescent="0.35">
      <c r="A2731" s="1" t="s">
        <v>10682</v>
      </c>
      <c r="B2731" s="1" t="s">
        <v>10683</v>
      </c>
      <c r="C2731" s="1" t="s">
        <v>125</v>
      </c>
      <c r="D2731" s="1" t="s">
        <v>10776</v>
      </c>
      <c r="E2731" s="1" t="s">
        <v>10777</v>
      </c>
      <c r="F2731" s="1" t="s">
        <v>10778</v>
      </c>
      <c r="G2731" s="1" t="s">
        <v>10687</v>
      </c>
      <c r="H2731" s="1" t="s">
        <v>13</v>
      </c>
      <c r="I2731" s="1" t="s">
        <v>10688</v>
      </c>
      <c r="J2731" s="1" t="s">
        <v>10779</v>
      </c>
    </row>
    <row r="2732" spans="1:10" x14ac:dyDescent="0.35">
      <c r="A2732" s="1" t="s">
        <v>10682</v>
      </c>
      <c r="B2732" s="1" t="s">
        <v>10683</v>
      </c>
      <c r="C2732" s="1" t="s">
        <v>130</v>
      </c>
      <c r="D2732" s="1" t="s">
        <v>10780</v>
      </c>
      <c r="E2732" s="1" t="s">
        <v>10781</v>
      </c>
      <c r="F2732" s="1" t="s">
        <v>10782</v>
      </c>
      <c r="G2732" s="1" t="s">
        <v>10687</v>
      </c>
      <c r="H2732" s="1" t="s">
        <v>13</v>
      </c>
      <c r="I2732" s="1" t="s">
        <v>10688</v>
      </c>
      <c r="J2732" s="1" t="s">
        <v>10783</v>
      </c>
    </row>
    <row r="2733" spans="1:10" x14ac:dyDescent="0.35">
      <c r="A2733" s="1" t="s">
        <v>10682</v>
      </c>
      <c r="B2733" s="1" t="s">
        <v>10683</v>
      </c>
      <c r="C2733" s="1" t="s">
        <v>135</v>
      </c>
      <c r="D2733" s="1" t="s">
        <v>10784</v>
      </c>
      <c r="E2733" s="1" t="s">
        <v>10785</v>
      </c>
      <c r="F2733" s="1" t="s">
        <v>10786</v>
      </c>
      <c r="G2733" s="1" t="s">
        <v>10687</v>
      </c>
      <c r="H2733" s="1" t="s">
        <v>13</v>
      </c>
      <c r="I2733" s="1" t="s">
        <v>10688</v>
      </c>
      <c r="J2733" s="1" t="s">
        <v>10787</v>
      </c>
    </row>
    <row r="2734" spans="1:10" x14ac:dyDescent="0.35">
      <c r="A2734" s="1" t="s">
        <v>10682</v>
      </c>
      <c r="B2734" s="1" t="s">
        <v>10683</v>
      </c>
      <c r="C2734" s="1" t="s">
        <v>140</v>
      </c>
      <c r="D2734" s="1" t="s">
        <v>10788</v>
      </c>
      <c r="E2734" s="1" t="s">
        <v>10789</v>
      </c>
      <c r="F2734" s="1" t="s">
        <v>10790</v>
      </c>
      <c r="G2734" s="1" t="s">
        <v>10687</v>
      </c>
      <c r="H2734" s="1" t="s">
        <v>13</v>
      </c>
      <c r="I2734" s="1" t="s">
        <v>10688</v>
      </c>
      <c r="J2734" s="1" t="s">
        <v>10791</v>
      </c>
    </row>
    <row r="2735" spans="1:10" x14ac:dyDescent="0.35">
      <c r="A2735" s="1" t="s">
        <v>10682</v>
      </c>
      <c r="B2735" s="1" t="s">
        <v>10683</v>
      </c>
      <c r="C2735" s="1" t="s">
        <v>145</v>
      </c>
      <c r="D2735" s="1" t="s">
        <v>3077</v>
      </c>
      <c r="E2735" s="1" t="s">
        <v>10792</v>
      </c>
      <c r="F2735" s="1" t="s">
        <v>10793</v>
      </c>
      <c r="G2735" s="1" t="s">
        <v>10687</v>
      </c>
      <c r="H2735" s="1" t="s">
        <v>13</v>
      </c>
      <c r="I2735" s="1" t="s">
        <v>10688</v>
      </c>
      <c r="J2735" s="1" t="s">
        <v>10794</v>
      </c>
    </row>
    <row r="2736" spans="1:10" x14ac:dyDescent="0.35">
      <c r="A2736" s="1" t="s">
        <v>10682</v>
      </c>
      <c r="B2736" s="1" t="s">
        <v>10683</v>
      </c>
      <c r="C2736" s="1" t="s">
        <v>150</v>
      </c>
      <c r="D2736" s="1" t="s">
        <v>10795</v>
      </c>
      <c r="E2736" s="1" t="s">
        <v>10796</v>
      </c>
      <c r="F2736" s="1" t="s">
        <v>10797</v>
      </c>
      <c r="G2736" s="1" t="s">
        <v>10687</v>
      </c>
      <c r="H2736" s="1" t="s">
        <v>13</v>
      </c>
      <c r="I2736" s="1" t="s">
        <v>10688</v>
      </c>
      <c r="J2736" s="1" t="s">
        <v>10798</v>
      </c>
    </row>
    <row r="2737" spans="1:10" x14ac:dyDescent="0.35">
      <c r="A2737" s="1" t="s">
        <v>10682</v>
      </c>
      <c r="B2737" s="1" t="s">
        <v>10683</v>
      </c>
      <c r="C2737" s="1" t="s">
        <v>155</v>
      </c>
      <c r="D2737" s="1" t="s">
        <v>10799</v>
      </c>
      <c r="E2737" s="1" t="s">
        <v>10800</v>
      </c>
      <c r="F2737" s="1" t="s">
        <v>10801</v>
      </c>
      <c r="G2737" s="1" t="s">
        <v>10687</v>
      </c>
      <c r="H2737" s="1" t="s">
        <v>13</v>
      </c>
      <c r="I2737" s="1" t="s">
        <v>10688</v>
      </c>
      <c r="J2737" s="1" t="s">
        <v>10802</v>
      </c>
    </row>
    <row r="2738" spans="1:10" x14ac:dyDescent="0.35">
      <c r="A2738" s="1" t="s">
        <v>10682</v>
      </c>
      <c r="B2738" s="1" t="s">
        <v>10683</v>
      </c>
      <c r="C2738" s="1" t="s">
        <v>160</v>
      </c>
      <c r="D2738" s="1" t="s">
        <v>3063</v>
      </c>
      <c r="E2738" s="1" t="s">
        <v>10803</v>
      </c>
      <c r="F2738" s="1" t="s">
        <v>10804</v>
      </c>
      <c r="G2738" s="1" t="s">
        <v>10687</v>
      </c>
      <c r="H2738" s="1" t="s">
        <v>13</v>
      </c>
      <c r="I2738" s="1" t="s">
        <v>10688</v>
      </c>
      <c r="J2738" s="1" t="s">
        <v>10805</v>
      </c>
    </row>
    <row r="2739" spans="1:10" x14ac:dyDescent="0.35">
      <c r="A2739" s="1" t="s">
        <v>10682</v>
      </c>
      <c r="B2739" s="1" t="s">
        <v>10683</v>
      </c>
      <c r="C2739" s="1" t="s">
        <v>165</v>
      </c>
      <c r="D2739" s="1" t="s">
        <v>9782</v>
      </c>
      <c r="E2739" s="1" t="s">
        <v>10806</v>
      </c>
      <c r="F2739" s="1" t="s">
        <v>10807</v>
      </c>
      <c r="G2739" s="1" t="s">
        <v>10687</v>
      </c>
      <c r="H2739" s="1" t="s">
        <v>13</v>
      </c>
      <c r="I2739" s="1" t="s">
        <v>10688</v>
      </c>
      <c r="J2739" s="1" t="s">
        <v>10808</v>
      </c>
    </row>
    <row r="2740" spans="1:10" x14ac:dyDescent="0.35">
      <c r="A2740" s="1" t="s">
        <v>10682</v>
      </c>
      <c r="B2740" s="1" t="s">
        <v>10683</v>
      </c>
      <c r="C2740" s="1" t="s">
        <v>170</v>
      </c>
      <c r="D2740" s="1" t="s">
        <v>10809</v>
      </c>
      <c r="E2740" s="1" t="s">
        <v>10810</v>
      </c>
      <c r="F2740" s="1" t="s">
        <v>10811</v>
      </c>
      <c r="G2740" s="1" t="s">
        <v>10687</v>
      </c>
      <c r="H2740" s="1" t="s">
        <v>13</v>
      </c>
      <c r="I2740" s="1" t="s">
        <v>10688</v>
      </c>
      <c r="J2740" s="1" t="s">
        <v>10812</v>
      </c>
    </row>
    <row r="2741" spans="1:10" x14ac:dyDescent="0.35">
      <c r="A2741" s="1" t="s">
        <v>10813</v>
      </c>
      <c r="B2741" s="1" t="s">
        <v>10814</v>
      </c>
      <c r="C2741" s="1" t="s">
        <v>8</v>
      </c>
      <c r="D2741" s="1" t="s">
        <v>10815</v>
      </c>
      <c r="E2741" s="1" t="s">
        <v>10816</v>
      </c>
      <c r="F2741" s="1" t="s">
        <v>10817</v>
      </c>
      <c r="G2741" s="1" t="s">
        <v>10818</v>
      </c>
      <c r="H2741" s="1" t="s">
        <v>13</v>
      </c>
      <c r="I2741" s="1" t="s">
        <v>10819</v>
      </c>
      <c r="J2741" s="1" t="s">
        <v>13</v>
      </c>
    </row>
    <row r="2742" spans="1:10" x14ac:dyDescent="0.35">
      <c r="A2742" s="1" t="s">
        <v>10813</v>
      </c>
      <c r="B2742" s="1" t="s">
        <v>10814</v>
      </c>
      <c r="C2742" s="1" t="s">
        <v>15</v>
      </c>
      <c r="D2742" s="1" t="s">
        <v>10820</v>
      </c>
      <c r="E2742" s="1" t="s">
        <v>10821</v>
      </c>
      <c r="F2742" s="1" t="s">
        <v>10822</v>
      </c>
      <c r="G2742" s="1" t="s">
        <v>10818</v>
      </c>
      <c r="H2742" s="1" t="s">
        <v>13</v>
      </c>
      <c r="I2742" s="1" t="s">
        <v>10819</v>
      </c>
      <c r="J2742" s="1" t="s">
        <v>10823</v>
      </c>
    </row>
    <row r="2743" spans="1:10" x14ac:dyDescent="0.35">
      <c r="A2743" s="1" t="s">
        <v>10813</v>
      </c>
      <c r="B2743" s="1" t="s">
        <v>10814</v>
      </c>
      <c r="C2743" s="1" t="s">
        <v>20</v>
      </c>
      <c r="D2743" s="1" t="s">
        <v>10820</v>
      </c>
      <c r="E2743" s="1" t="s">
        <v>10824</v>
      </c>
      <c r="F2743" s="1" t="s">
        <v>10825</v>
      </c>
      <c r="G2743" s="1" t="s">
        <v>10818</v>
      </c>
      <c r="H2743" s="1" t="s">
        <v>13</v>
      </c>
      <c r="I2743" s="1" t="s">
        <v>10819</v>
      </c>
      <c r="J2743" s="1" t="s">
        <v>1180</v>
      </c>
    </row>
    <row r="2744" spans="1:10" x14ac:dyDescent="0.35">
      <c r="A2744" s="1" t="s">
        <v>10813</v>
      </c>
      <c r="B2744" s="1" t="s">
        <v>10814</v>
      </c>
      <c r="C2744" s="1" t="s">
        <v>25</v>
      </c>
      <c r="D2744" s="1" t="s">
        <v>10826</v>
      </c>
      <c r="E2744" s="1" t="s">
        <v>10827</v>
      </c>
      <c r="F2744" s="1" t="s">
        <v>10828</v>
      </c>
      <c r="G2744" s="1" t="s">
        <v>10818</v>
      </c>
      <c r="H2744" s="1" t="s">
        <v>13</v>
      </c>
      <c r="I2744" s="1" t="s">
        <v>10819</v>
      </c>
      <c r="J2744" s="1" t="s">
        <v>10829</v>
      </c>
    </row>
    <row r="2745" spans="1:10" x14ac:dyDescent="0.35">
      <c r="A2745" s="1" t="s">
        <v>10813</v>
      </c>
      <c r="B2745" s="1" t="s">
        <v>10814</v>
      </c>
      <c r="C2745" s="1" t="s">
        <v>30</v>
      </c>
      <c r="D2745" s="1" t="s">
        <v>10830</v>
      </c>
      <c r="E2745" s="1" t="s">
        <v>10831</v>
      </c>
      <c r="F2745" s="1" t="s">
        <v>10832</v>
      </c>
      <c r="G2745" s="1" t="s">
        <v>10818</v>
      </c>
      <c r="H2745" s="1" t="s">
        <v>13</v>
      </c>
      <c r="I2745" s="1" t="s">
        <v>10819</v>
      </c>
      <c r="J2745" s="1" t="s">
        <v>10833</v>
      </c>
    </row>
    <row r="2746" spans="1:10" x14ac:dyDescent="0.35">
      <c r="A2746" s="1" t="s">
        <v>10813</v>
      </c>
      <c r="B2746" s="1" t="s">
        <v>10814</v>
      </c>
      <c r="C2746" s="1" t="s">
        <v>35</v>
      </c>
      <c r="D2746" s="1" t="s">
        <v>10834</v>
      </c>
      <c r="E2746" s="1" t="s">
        <v>10835</v>
      </c>
      <c r="F2746" s="1" t="s">
        <v>10836</v>
      </c>
      <c r="G2746" s="1" t="s">
        <v>10818</v>
      </c>
      <c r="H2746" s="1" t="s">
        <v>13</v>
      </c>
      <c r="I2746" s="1" t="s">
        <v>10819</v>
      </c>
      <c r="J2746" s="1" t="s">
        <v>10837</v>
      </c>
    </row>
    <row r="2747" spans="1:10" x14ac:dyDescent="0.35">
      <c r="A2747" s="1" t="s">
        <v>10813</v>
      </c>
      <c r="B2747" s="1" t="s">
        <v>10814</v>
      </c>
      <c r="C2747" s="1" t="s">
        <v>40</v>
      </c>
      <c r="D2747" s="1" t="s">
        <v>10838</v>
      </c>
      <c r="E2747" s="1" t="s">
        <v>10839</v>
      </c>
      <c r="F2747" s="1" t="s">
        <v>10840</v>
      </c>
      <c r="G2747" s="1" t="s">
        <v>10818</v>
      </c>
      <c r="H2747" s="1" t="s">
        <v>13</v>
      </c>
      <c r="I2747" s="1" t="s">
        <v>10819</v>
      </c>
      <c r="J2747" s="1" t="s">
        <v>10841</v>
      </c>
    </row>
    <row r="2748" spans="1:10" x14ac:dyDescent="0.35">
      <c r="A2748" s="1" t="s">
        <v>10813</v>
      </c>
      <c r="B2748" s="1" t="s">
        <v>10814</v>
      </c>
      <c r="C2748" s="1" t="s">
        <v>45</v>
      </c>
      <c r="D2748" s="1" t="s">
        <v>10842</v>
      </c>
      <c r="E2748" s="1" t="s">
        <v>10843</v>
      </c>
      <c r="F2748" s="1" t="s">
        <v>10844</v>
      </c>
      <c r="G2748" s="1" t="s">
        <v>10818</v>
      </c>
      <c r="H2748" s="1" t="s">
        <v>13</v>
      </c>
      <c r="I2748" s="1" t="s">
        <v>10819</v>
      </c>
      <c r="J2748" s="1" t="s">
        <v>10845</v>
      </c>
    </row>
    <row r="2749" spans="1:10" x14ac:dyDescent="0.35">
      <c r="A2749" s="1" t="s">
        <v>10813</v>
      </c>
      <c r="B2749" s="1" t="s">
        <v>10814</v>
      </c>
      <c r="C2749" s="1" t="s">
        <v>50</v>
      </c>
      <c r="D2749" s="1" t="s">
        <v>10846</v>
      </c>
      <c r="E2749" s="1" t="s">
        <v>10847</v>
      </c>
      <c r="F2749" s="1" t="s">
        <v>10848</v>
      </c>
      <c r="G2749" s="1" t="s">
        <v>10818</v>
      </c>
      <c r="H2749" s="1" t="s">
        <v>13</v>
      </c>
      <c r="I2749" s="1" t="s">
        <v>10819</v>
      </c>
      <c r="J2749" s="1" t="s">
        <v>10849</v>
      </c>
    </row>
    <row r="2750" spans="1:10" x14ac:dyDescent="0.35">
      <c r="A2750" s="1" t="s">
        <v>10813</v>
      </c>
      <c r="B2750" s="1" t="s">
        <v>10814</v>
      </c>
      <c r="C2750" s="1" t="s">
        <v>55</v>
      </c>
      <c r="D2750" s="1" t="s">
        <v>5758</v>
      </c>
      <c r="E2750" s="1" t="s">
        <v>10850</v>
      </c>
      <c r="F2750" s="1" t="s">
        <v>10851</v>
      </c>
      <c r="G2750" s="1" t="s">
        <v>10818</v>
      </c>
      <c r="H2750" s="1" t="s">
        <v>13</v>
      </c>
      <c r="I2750" s="1" t="s">
        <v>10819</v>
      </c>
      <c r="J2750" s="1" t="s">
        <v>10852</v>
      </c>
    </row>
    <row r="2751" spans="1:10" x14ac:dyDescent="0.35">
      <c r="A2751" s="1" t="s">
        <v>10813</v>
      </c>
      <c r="B2751" s="1" t="s">
        <v>10814</v>
      </c>
      <c r="C2751" s="1" t="s">
        <v>60</v>
      </c>
      <c r="D2751" s="1" t="s">
        <v>10853</v>
      </c>
      <c r="E2751" s="1" t="s">
        <v>10854</v>
      </c>
      <c r="F2751" s="1" t="s">
        <v>10855</v>
      </c>
      <c r="G2751" s="1" t="s">
        <v>10818</v>
      </c>
      <c r="H2751" s="1" t="s">
        <v>13</v>
      </c>
      <c r="I2751" s="1" t="s">
        <v>10819</v>
      </c>
      <c r="J2751" s="1" t="s">
        <v>10856</v>
      </c>
    </row>
    <row r="2752" spans="1:10" x14ac:dyDescent="0.35">
      <c r="A2752" s="1" t="s">
        <v>10813</v>
      </c>
      <c r="B2752" s="1" t="s">
        <v>10814</v>
      </c>
      <c r="C2752" s="1" t="s">
        <v>65</v>
      </c>
      <c r="D2752" s="1" t="s">
        <v>10857</v>
      </c>
      <c r="E2752" s="1" t="s">
        <v>10858</v>
      </c>
      <c r="F2752" s="1" t="s">
        <v>10859</v>
      </c>
      <c r="G2752" s="1" t="s">
        <v>10818</v>
      </c>
      <c r="H2752" s="1" t="s">
        <v>13</v>
      </c>
      <c r="I2752" s="1" t="s">
        <v>10819</v>
      </c>
      <c r="J2752" s="1" t="s">
        <v>10860</v>
      </c>
    </row>
    <row r="2753" spans="1:10" x14ac:dyDescent="0.35">
      <c r="A2753" s="1" t="s">
        <v>10813</v>
      </c>
      <c r="B2753" s="1" t="s">
        <v>10814</v>
      </c>
      <c r="C2753" s="1" t="s">
        <v>70</v>
      </c>
      <c r="D2753" s="1" t="s">
        <v>10861</v>
      </c>
      <c r="E2753" s="1" t="s">
        <v>10862</v>
      </c>
      <c r="F2753" s="1" t="s">
        <v>10863</v>
      </c>
      <c r="G2753" s="1" t="s">
        <v>10818</v>
      </c>
      <c r="H2753" s="1" t="s">
        <v>13</v>
      </c>
      <c r="I2753" s="1" t="s">
        <v>10819</v>
      </c>
      <c r="J2753" s="1" t="s">
        <v>10864</v>
      </c>
    </row>
    <row r="2754" spans="1:10" x14ac:dyDescent="0.35">
      <c r="A2754" s="1" t="s">
        <v>10813</v>
      </c>
      <c r="B2754" s="1" t="s">
        <v>10814</v>
      </c>
      <c r="C2754" s="1" t="s">
        <v>75</v>
      </c>
      <c r="D2754" s="1" t="s">
        <v>10865</v>
      </c>
      <c r="E2754" s="1" t="s">
        <v>10866</v>
      </c>
      <c r="F2754" s="1" t="s">
        <v>10867</v>
      </c>
      <c r="G2754" s="1" t="s">
        <v>10818</v>
      </c>
      <c r="H2754" s="1" t="s">
        <v>13</v>
      </c>
      <c r="I2754" s="1" t="s">
        <v>10819</v>
      </c>
      <c r="J2754" s="1" t="s">
        <v>10868</v>
      </c>
    </row>
    <row r="2755" spans="1:10" x14ac:dyDescent="0.35">
      <c r="A2755" s="1" t="s">
        <v>10813</v>
      </c>
      <c r="B2755" s="1" t="s">
        <v>10814</v>
      </c>
      <c r="C2755" s="1" t="s">
        <v>80</v>
      </c>
      <c r="D2755" s="1" t="s">
        <v>10869</v>
      </c>
      <c r="E2755" s="1" t="s">
        <v>10870</v>
      </c>
      <c r="F2755" s="1" t="s">
        <v>10871</v>
      </c>
      <c r="G2755" s="1" t="s">
        <v>10818</v>
      </c>
      <c r="H2755" s="1" t="s">
        <v>13</v>
      </c>
      <c r="I2755" s="1" t="s">
        <v>10819</v>
      </c>
      <c r="J2755" s="1" t="s">
        <v>10872</v>
      </c>
    </row>
    <row r="2756" spans="1:10" x14ac:dyDescent="0.35">
      <c r="A2756" s="1" t="s">
        <v>10813</v>
      </c>
      <c r="B2756" s="1" t="s">
        <v>10814</v>
      </c>
      <c r="C2756" s="1" t="s">
        <v>85</v>
      </c>
      <c r="D2756" s="1" t="s">
        <v>10873</v>
      </c>
      <c r="E2756" s="1" t="s">
        <v>10874</v>
      </c>
      <c r="F2756" s="1" t="s">
        <v>10875</v>
      </c>
      <c r="G2756" s="1" t="s">
        <v>10818</v>
      </c>
      <c r="H2756" s="1" t="s">
        <v>13</v>
      </c>
      <c r="I2756" s="1" t="s">
        <v>10819</v>
      </c>
      <c r="J2756" s="1" t="s">
        <v>10876</v>
      </c>
    </row>
    <row r="2757" spans="1:10" x14ac:dyDescent="0.35">
      <c r="A2757" s="1" t="s">
        <v>10813</v>
      </c>
      <c r="B2757" s="1" t="s">
        <v>10814</v>
      </c>
      <c r="C2757" s="1" t="s">
        <v>90</v>
      </c>
      <c r="D2757" s="1" t="s">
        <v>6571</v>
      </c>
      <c r="E2757" s="1" t="s">
        <v>10877</v>
      </c>
      <c r="F2757" s="1" t="s">
        <v>10878</v>
      </c>
      <c r="G2757" s="1" t="s">
        <v>10818</v>
      </c>
      <c r="H2757" s="1" t="s">
        <v>13</v>
      </c>
      <c r="I2757" s="1" t="s">
        <v>10819</v>
      </c>
      <c r="J2757" s="1" t="s">
        <v>10879</v>
      </c>
    </row>
    <row r="2758" spans="1:10" x14ac:dyDescent="0.35">
      <c r="A2758" s="1" t="s">
        <v>10813</v>
      </c>
      <c r="B2758" s="1" t="s">
        <v>10814</v>
      </c>
      <c r="C2758" s="1" t="s">
        <v>95</v>
      </c>
      <c r="D2758" s="1" t="s">
        <v>10880</v>
      </c>
      <c r="E2758" s="1" t="s">
        <v>10881</v>
      </c>
      <c r="F2758" s="1" t="s">
        <v>10882</v>
      </c>
      <c r="G2758" s="1" t="s">
        <v>10818</v>
      </c>
      <c r="H2758" s="1" t="s">
        <v>13</v>
      </c>
      <c r="I2758" s="1" t="s">
        <v>10819</v>
      </c>
      <c r="J2758" s="1" t="s">
        <v>10883</v>
      </c>
    </row>
    <row r="2759" spans="1:10" x14ac:dyDescent="0.35">
      <c r="A2759" s="1" t="s">
        <v>10813</v>
      </c>
      <c r="B2759" s="1" t="s">
        <v>10814</v>
      </c>
      <c r="C2759" s="1" t="s">
        <v>100</v>
      </c>
      <c r="D2759" s="1" t="s">
        <v>10884</v>
      </c>
      <c r="E2759" s="1" t="s">
        <v>10885</v>
      </c>
      <c r="F2759" s="1" t="s">
        <v>10886</v>
      </c>
      <c r="G2759" s="1" t="s">
        <v>10818</v>
      </c>
      <c r="H2759" s="1" t="s">
        <v>13</v>
      </c>
      <c r="I2759" s="1" t="s">
        <v>10819</v>
      </c>
      <c r="J2759" s="1" t="s">
        <v>10887</v>
      </c>
    </row>
    <row r="2760" spans="1:10" x14ac:dyDescent="0.35">
      <c r="A2760" s="1" t="s">
        <v>10813</v>
      </c>
      <c r="B2760" s="1" t="s">
        <v>10814</v>
      </c>
      <c r="C2760" s="1" t="s">
        <v>105</v>
      </c>
      <c r="D2760" s="1" t="s">
        <v>10888</v>
      </c>
      <c r="E2760" s="1" t="s">
        <v>10889</v>
      </c>
      <c r="F2760" s="1" t="s">
        <v>10890</v>
      </c>
      <c r="G2760" s="1" t="s">
        <v>10818</v>
      </c>
      <c r="H2760" s="1" t="s">
        <v>13</v>
      </c>
      <c r="I2760" s="1" t="s">
        <v>10819</v>
      </c>
      <c r="J2760" s="1" t="s">
        <v>10891</v>
      </c>
    </row>
    <row r="2761" spans="1:10" x14ac:dyDescent="0.35">
      <c r="A2761" s="1" t="s">
        <v>10813</v>
      </c>
      <c r="B2761" s="1" t="s">
        <v>10814</v>
      </c>
      <c r="C2761" s="1" t="s">
        <v>110</v>
      </c>
      <c r="D2761" s="1" t="s">
        <v>10892</v>
      </c>
      <c r="E2761" s="1" t="s">
        <v>10893</v>
      </c>
      <c r="F2761" s="1" t="s">
        <v>10886</v>
      </c>
      <c r="G2761" s="1" t="s">
        <v>10818</v>
      </c>
      <c r="H2761" s="1" t="s">
        <v>13</v>
      </c>
      <c r="I2761" s="1" t="s">
        <v>10819</v>
      </c>
      <c r="J2761" s="1" t="s">
        <v>10894</v>
      </c>
    </row>
    <row r="2762" spans="1:10" x14ac:dyDescent="0.35">
      <c r="A2762" s="1" t="s">
        <v>10813</v>
      </c>
      <c r="B2762" s="1" t="s">
        <v>10814</v>
      </c>
      <c r="C2762" s="1" t="s">
        <v>115</v>
      </c>
      <c r="D2762" s="1" t="s">
        <v>10895</v>
      </c>
      <c r="E2762" s="1" t="s">
        <v>10896</v>
      </c>
      <c r="F2762" s="1" t="s">
        <v>10897</v>
      </c>
      <c r="G2762" s="1" t="s">
        <v>10818</v>
      </c>
      <c r="H2762" s="1" t="s">
        <v>13</v>
      </c>
      <c r="I2762" s="1" t="s">
        <v>10819</v>
      </c>
      <c r="J2762" s="1" t="s">
        <v>10898</v>
      </c>
    </row>
    <row r="2763" spans="1:10" x14ac:dyDescent="0.35">
      <c r="A2763" s="1" t="s">
        <v>10813</v>
      </c>
      <c r="B2763" s="1" t="s">
        <v>10814</v>
      </c>
      <c r="C2763" s="1" t="s">
        <v>120</v>
      </c>
      <c r="D2763" s="1" t="s">
        <v>10899</v>
      </c>
      <c r="E2763" s="1" t="s">
        <v>10900</v>
      </c>
      <c r="F2763" s="1" t="s">
        <v>10901</v>
      </c>
      <c r="G2763" s="1" t="s">
        <v>10818</v>
      </c>
      <c r="H2763" s="1" t="s">
        <v>13</v>
      </c>
      <c r="I2763" s="1" t="s">
        <v>10819</v>
      </c>
      <c r="J2763" s="1" t="s">
        <v>10902</v>
      </c>
    </row>
    <row r="2764" spans="1:10" x14ac:dyDescent="0.35">
      <c r="A2764" s="1" t="s">
        <v>10813</v>
      </c>
      <c r="B2764" s="1" t="s">
        <v>10814</v>
      </c>
      <c r="C2764" s="1" t="s">
        <v>125</v>
      </c>
      <c r="D2764" s="1" t="s">
        <v>10903</v>
      </c>
      <c r="E2764" s="1" t="s">
        <v>10904</v>
      </c>
      <c r="F2764" s="1" t="s">
        <v>10905</v>
      </c>
      <c r="G2764" s="1" t="s">
        <v>10818</v>
      </c>
      <c r="H2764" s="1" t="s">
        <v>13</v>
      </c>
      <c r="I2764" s="1" t="s">
        <v>10819</v>
      </c>
      <c r="J2764" s="1" t="s">
        <v>10906</v>
      </c>
    </row>
    <row r="2765" spans="1:10" x14ac:dyDescent="0.35">
      <c r="A2765" s="1" t="s">
        <v>10813</v>
      </c>
      <c r="B2765" s="1" t="s">
        <v>10814</v>
      </c>
      <c r="C2765" s="1" t="s">
        <v>130</v>
      </c>
      <c r="D2765" s="1" t="s">
        <v>10907</v>
      </c>
      <c r="E2765" s="1" t="s">
        <v>10908</v>
      </c>
      <c r="F2765" s="1" t="s">
        <v>10909</v>
      </c>
      <c r="G2765" s="1" t="s">
        <v>10818</v>
      </c>
      <c r="H2765" s="1" t="s">
        <v>13</v>
      </c>
      <c r="I2765" s="1" t="s">
        <v>10819</v>
      </c>
      <c r="J2765" s="1" t="s">
        <v>10910</v>
      </c>
    </row>
    <row r="2766" spans="1:10" x14ac:dyDescent="0.35">
      <c r="A2766" s="1" t="s">
        <v>10813</v>
      </c>
      <c r="B2766" s="1" t="s">
        <v>10814</v>
      </c>
      <c r="C2766" s="1" t="s">
        <v>135</v>
      </c>
      <c r="D2766" s="1" t="s">
        <v>10911</v>
      </c>
      <c r="E2766" s="1" t="s">
        <v>10912</v>
      </c>
      <c r="F2766" s="1" t="s">
        <v>10913</v>
      </c>
      <c r="G2766" s="1" t="s">
        <v>10818</v>
      </c>
      <c r="H2766" s="1" t="s">
        <v>13</v>
      </c>
      <c r="I2766" s="1" t="s">
        <v>10819</v>
      </c>
      <c r="J2766" s="1" t="s">
        <v>10914</v>
      </c>
    </row>
    <row r="2767" spans="1:10" x14ac:dyDescent="0.35">
      <c r="A2767" s="1" t="s">
        <v>10813</v>
      </c>
      <c r="B2767" s="1" t="s">
        <v>10814</v>
      </c>
      <c r="C2767" s="1" t="s">
        <v>140</v>
      </c>
      <c r="D2767" s="1" t="s">
        <v>10915</v>
      </c>
      <c r="E2767" s="1" t="s">
        <v>10916</v>
      </c>
      <c r="F2767" s="1" t="s">
        <v>10917</v>
      </c>
      <c r="G2767" s="1" t="s">
        <v>10818</v>
      </c>
      <c r="H2767" s="1" t="s">
        <v>13</v>
      </c>
      <c r="I2767" s="1" t="s">
        <v>10819</v>
      </c>
      <c r="J2767" s="1" t="s">
        <v>10918</v>
      </c>
    </row>
    <row r="2768" spans="1:10" x14ac:dyDescent="0.35">
      <c r="A2768" s="1" t="s">
        <v>10813</v>
      </c>
      <c r="B2768" s="1" t="s">
        <v>10814</v>
      </c>
      <c r="C2768" s="1" t="s">
        <v>145</v>
      </c>
      <c r="D2768" s="1" t="s">
        <v>10919</v>
      </c>
      <c r="E2768" s="1" t="s">
        <v>10920</v>
      </c>
      <c r="F2768" s="1" t="s">
        <v>10921</v>
      </c>
      <c r="G2768" s="1" t="s">
        <v>10818</v>
      </c>
      <c r="H2768" s="1" t="s">
        <v>13</v>
      </c>
      <c r="I2768" s="1" t="s">
        <v>10819</v>
      </c>
      <c r="J2768" s="1" t="s">
        <v>10922</v>
      </c>
    </row>
    <row r="2769" spans="1:10" x14ac:dyDescent="0.35">
      <c r="A2769" s="1" t="s">
        <v>10813</v>
      </c>
      <c r="B2769" s="1" t="s">
        <v>10814</v>
      </c>
      <c r="C2769" s="1" t="s">
        <v>150</v>
      </c>
      <c r="D2769" s="1" t="s">
        <v>10923</v>
      </c>
      <c r="E2769" s="1" t="s">
        <v>10924</v>
      </c>
      <c r="F2769" s="1" t="s">
        <v>10886</v>
      </c>
      <c r="G2769" s="1" t="s">
        <v>10818</v>
      </c>
      <c r="H2769" s="1" t="s">
        <v>13</v>
      </c>
      <c r="I2769" s="1" t="s">
        <v>10819</v>
      </c>
      <c r="J2769" s="1" t="s">
        <v>10925</v>
      </c>
    </row>
    <row r="2770" spans="1:10" x14ac:dyDescent="0.35">
      <c r="A2770" s="1" t="s">
        <v>10813</v>
      </c>
      <c r="B2770" s="1" t="s">
        <v>10814</v>
      </c>
      <c r="C2770" s="1" t="s">
        <v>155</v>
      </c>
      <c r="D2770" s="1" t="s">
        <v>10926</v>
      </c>
      <c r="E2770" s="1" t="s">
        <v>10927</v>
      </c>
      <c r="F2770" s="1" t="s">
        <v>10928</v>
      </c>
      <c r="G2770" s="1" t="s">
        <v>10818</v>
      </c>
      <c r="H2770" s="1" t="s">
        <v>13</v>
      </c>
      <c r="I2770" s="1" t="s">
        <v>10819</v>
      </c>
      <c r="J2770" s="1" t="s">
        <v>10929</v>
      </c>
    </row>
    <row r="2771" spans="1:10" x14ac:dyDescent="0.35">
      <c r="A2771" s="1" t="s">
        <v>10813</v>
      </c>
      <c r="B2771" s="1" t="s">
        <v>10814</v>
      </c>
      <c r="C2771" s="1" t="s">
        <v>160</v>
      </c>
      <c r="D2771" s="1" t="s">
        <v>1485</v>
      </c>
      <c r="E2771" s="1" t="s">
        <v>10930</v>
      </c>
      <c r="F2771" s="1" t="s">
        <v>10931</v>
      </c>
      <c r="G2771" s="1" t="s">
        <v>10818</v>
      </c>
      <c r="H2771" s="1" t="s">
        <v>13</v>
      </c>
      <c r="I2771" s="1" t="s">
        <v>10819</v>
      </c>
      <c r="J2771" s="1" t="s">
        <v>10932</v>
      </c>
    </row>
    <row r="2772" spans="1:10" x14ac:dyDescent="0.35">
      <c r="A2772" s="1" t="s">
        <v>10813</v>
      </c>
      <c r="B2772" s="1" t="s">
        <v>10814</v>
      </c>
      <c r="C2772" s="1" t="s">
        <v>165</v>
      </c>
      <c r="D2772" s="1" t="s">
        <v>10933</v>
      </c>
      <c r="E2772" s="1" t="s">
        <v>10934</v>
      </c>
      <c r="F2772" s="1" t="s">
        <v>10935</v>
      </c>
      <c r="G2772" s="1" t="s">
        <v>10818</v>
      </c>
      <c r="H2772" s="1" t="s">
        <v>13</v>
      </c>
      <c r="I2772" s="1" t="s">
        <v>10819</v>
      </c>
      <c r="J2772" s="1" t="s">
        <v>10936</v>
      </c>
    </row>
    <row r="2773" spans="1:10" x14ac:dyDescent="0.35">
      <c r="A2773" s="1" t="s">
        <v>10813</v>
      </c>
      <c r="B2773" s="1" t="s">
        <v>10814</v>
      </c>
      <c r="C2773" s="1" t="s">
        <v>170</v>
      </c>
      <c r="D2773" s="1" t="s">
        <v>10937</v>
      </c>
      <c r="E2773" s="1" t="s">
        <v>10938</v>
      </c>
      <c r="F2773" s="1" t="s">
        <v>10939</v>
      </c>
      <c r="G2773" s="1" t="s">
        <v>10818</v>
      </c>
      <c r="H2773" s="1" t="s">
        <v>13</v>
      </c>
      <c r="I2773" s="1" t="s">
        <v>10819</v>
      </c>
      <c r="J2773" s="1" t="s">
        <v>10940</v>
      </c>
    </row>
    <row r="2774" spans="1:10" x14ac:dyDescent="0.35">
      <c r="A2774" s="1" t="s">
        <v>10941</v>
      </c>
      <c r="B2774" s="1" t="s">
        <v>10942</v>
      </c>
      <c r="C2774" s="1" t="s">
        <v>8</v>
      </c>
      <c r="D2774" s="1" t="s">
        <v>10943</v>
      </c>
      <c r="E2774" s="1" t="s">
        <v>10944</v>
      </c>
      <c r="F2774" s="1" t="s">
        <v>10945</v>
      </c>
      <c r="G2774" s="1" t="s">
        <v>10946</v>
      </c>
      <c r="H2774" s="1" t="s">
        <v>13</v>
      </c>
      <c r="I2774" s="1" t="s">
        <v>10947</v>
      </c>
      <c r="J2774" s="1" t="s">
        <v>13</v>
      </c>
    </row>
    <row r="2775" spans="1:10" x14ac:dyDescent="0.35">
      <c r="A2775" s="1" t="s">
        <v>10941</v>
      </c>
      <c r="B2775" s="1" t="s">
        <v>10942</v>
      </c>
      <c r="C2775" s="1" t="s">
        <v>15</v>
      </c>
      <c r="D2775" s="1" t="s">
        <v>10948</v>
      </c>
      <c r="E2775" s="1" t="s">
        <v>10949</v>
      </c>
      <c r="F2775" s="1" t="s">
        <v>10950</v>
      </c>
      <c r="G2775" s="1" t="s">
        <v>10946</v>
      </c>
      <c r="H2775" s="1" t="s">
        <v>13</v>
      </c>
      <c r="I2775" s="1" t="s">
        <v>10947</v>
      </c>
      <c r="J2775" s="1" t="s">
        <v>10951</v>
      </c>
    </row>
    <row r="2776" spans="1:10" x14ac:dyDescent="0.35">
      <c r="A2776" s="1" t="s">
        <v>10941</v>
      </c>
      <c r="B2776" s="1" t="s">
        <v>10942</v>
      </c>
      <c r="C2776" s="1" t="s">
        <v>20</v>
      </c>
      <c r="D2776" s="1" t="s">
        <v>10952</v>
      </c>
      <c r="E2776" s="1" t="s">
        <v>10953</v>
      </c>
      <c r="F2776" s="1" t="s">
        <v>10954</v>
      </c>
      <c r="G2776" s="1" t="s">
        <v>10946</v>
      </c>
      <c r="H2776" s="1" t="s">
        <v>13</v>
      </c>
      <c r="I2776" s="1" t="s">
        <v>10947</v>
      </c>
      <c r="J2776" s="1" t="s">
        <v>10955</v>
      </c>
    </row>
    <row r="2777" spans="1:10" x14ac:dyDescent="0.35">
      <c r="A2777" s="1" t="s">
        <v>10941</v>
      </c>
      <c r="B2777" s="1" t="s">
        <v>10942</v>
      </c>
      <c r="C2777" s="1" t="s">
        <v>25</v>
      </c>
      <c r="D2777" s="1" t="s">
        <v>10956</v>
      </c>
      <c r="E2777" s="1" t="s">
        <v>10957</v>
      </c>
      <c r="F2777" s="1" t="s">
        <v>10958</v>
      </c>
      <c r="G2777" s="1" t="s">
        <v>10946</v>
      </c>
      <c r="H2777" s="1" t="s">
        <v>13</v>
      </c>
      <c r="I2777" s="1" t="s">
        <v>10947</v>
      </c>
      <c r="J2777" s="1" t="s">
        <v>10959</v>
      </c>
    </row>
    <row r="2778" spans="1:10" x14ac:dyDescent="0.35">
      <c r="A2778" s="1" t="s">
        <v>10941</v>
      </c>
      <c r="B2778" s="1" t="s">
        <v>10942</v>
      </c>
      <c r="C2778" s="1" t="s">
        <v>30</v>
      </c>
      <c r="D2778" s="1" t="s">
        <v>10960</v>
      </c>
      <c r="E2778" s="1" t="s">
        <v>10961</v>
      </c>
      <c r="F2778" s="1" t="s">
        <v>10962</v>
      </c>
      <c r="G2778" s="1" t="s">
        <v>10946</v>
      </c>
      <c r="H2778" s="1" t="s">
        <v>13</v>
      </c>
      <c r="I2778" s="1" t="s">
        <v>10947</v>
      </c>
      <c r="J2778" s="1" t="s">
        <v>10963</v>
      </c>
    </row>
    <row r="2779" spans="1:10" x14ac:dyDescent="0.35">
      <c r="A2779" s="1" t="s">
        <v>10941</v>
      </c>
      <c r="B2779" s="1" t="s">
        <v>10942</v>
      </c>
      <c r="C2779" s="1" t="s">
        <v>35</v>
      </c>
      <c r="D2779" s="1" t="s">
        <v>7503</v>
      </c>
      <c r="E2779" s="1" t="s">
        <v>10964</v>
      </c>
      <c r="F2779" s="1" t="s">
        <v>10965</v>
      </c>
      <c r="G2779" s="1" t="s">
        <v>10946</v>
      </c>
      <c r="H2779" s="1" t="s">
        <v>13</v>
      </c>
      <c r="I2779" s="1" t="s">
        <v>10947</v>
      </c>
      <c r="J2779" s="1" t="s">
        <v>10966</v>
      </c>
    </row>
    <row r="2780" spans="1:10" x14ac:dyDescent="0.35">
      <c r="A2780" s="1" t="s">
        <v>10941</v>
      </c>
      <c r="B2780" s="1" t="s">
        <v>10942</v>
      </c>
      <c r="C2780" s="1" t="s">
        <v>40</v>
      </c>
      <c r="D2780" s="1" t="s">
        <v>6909</v>
      </c>
      <c r="E2780" s="1" t="s">
        <v>10967</v>
      </c>
      <c r="F2780" s="1" t="s">
        <v>10968</v>
      </c>
      <c r="G2780" s="1" t="s">
        <v>10946</v>
      </c>
      <c r="H2780" s="1" t="s">
        <v>13</v>
      </c>
      <c r="I2780" s="1" t="s">
        <v>10947</v>
      </c>
      <c r="J2780" s="1" t="s">
        <v>10969</v>
      </c>
    </row>
    <row r="2781" spans="1:10" x14ac:dyDescent="0.35">
      <c r="A2781" s="1" t="s">
        <v>10941</v>
      </c>
      <c r="B2781" s="1" t="s">
        <v>10942</v>
      </c>
      <c r="C2781" s="1" t="s">
        <v>45</v>
      </c>
      <c r="D2781" s="1" t="s">
        <v>344</v>
      </c>
      <c r="E2781" s="1" t="s">
        <v>10970</v>
      </c>
      <c r="F2781" s="1" t="s">
        <v>10971</v>
      </c>
      <c r="G2781" s="1" t="s">
        <v>10946</v>
      </c>
      <c r="H2781" s="1" t="s">
        <v>13</v>
      </c>
      <c r="I2781" s="1" t="s">
        <v>10947</v>
      </c>
      <c r="J2781" s="1" t="s">
        <v>10972</v>
      </c>
    </row>
    <row r="2782" spans="1:10" x14ac:dyDescent="0.35">
      <c r="A2782" s="1" t="s">
        <v>10941</v>
      </c>
      <c r="B2782" s="1" t="s">
        <v>10942</v>
      </c>
      <c r="C2782" s="1" t="s">
        <v>50</v>
      </c>
      <c r="D2782" s="1" t="s">
        <v>10973</v>
      </c>
      <c r="E2782" s="1" t="s">
        <v>10974</v>
      </c>
      <c r="F2782" s="1" t="s">
        <v>10975</v>
      </c>
      <c r="G2782" s="1" t="s">
        <v>10946</v>
      </c>
      <c r="H2782" s="1" t="s">
        <v>13</v>
      </c>
      <c r="I2782" s="1" t="s">
        <v>10947</v>
      </c>
      <c r="J2782" s="1" t="s">
        <v>10976</v>
      </c>
    </row>
    <row r="2783" spans="1:10" x14ac:dyDescent="0.35">
      <c r="A2783" s="1" t="s">
        <v>10941</v>
      </c>
      <c r="B2783" s="1" t="s">
        <v>10942</v>
      </c>
      <c r="C2783" s="1" t="s">
        <v>55</v>
      </c>
      <c r="D2783" s="1" t="s">
        <v>10977</v>
      </c>
      <c r="E2783" s="1" t="s">
        <v>10978</v>
      </c>
      <c r="F2783" s="1" t="s">
        <v>10979</v>
      </c>
      <c r="G2783" s="1" t="s">
        <v>10946</v>
      </c>
      <c r="H2783" s="1" t="s">
        <v>13</v>
      </c>
      <c r="I2783" s="1" t="s">
        <v>10947</v>
      </c>
      <c r="J2783" s="1" t="s">
        <v>10980</v>
      </c>
    </row>
    <row r="2784" spans="1:10" x14ac:dyDescent="0.35">
      <c r="A2784" s="1" t="s">
        <v>10941</v>
      </c>
      <c r="B2784" s="1" t="s">
        <v>10942</v>
      </c>
      <c r="C2784" s="1" t="s">
        <v>60</v>
      </c>
      <c r="D2784" s="1" t="s">
        <v>1743</v>
      </c>
      <c r="E2784" s="1" t="s">
        <v>10981</v>
      </c>
      <c r="F2784" s="1" t="s">
        <v>10982</v>
      </c>
      <c r="G2784" s="1" t="s">
        <v>10946</v>
      </c>
      <c r="H2784" s="1" t="s">
        <v>13</v>
      </c>
      <c r="I2784" s="1" t="s">
        <v>10947</v>
      </c>
      <c r="J2784" s="1" t="s">
        <v>10983</v>
      </c>
    </row>
    <row r="2785" spans="1:10" x14ac:dyDescent="0.35">
      <c r="A2785" s="1" t="s">
        <v>10941</v>
      </c>
      <c r="B2785" s="1" t="s">
        <v>10942</v>
      </c>
      <c r="C2785" s="1" t="s">
        <v>65</v>
      </c>
      <c r="D2785" s="1" t="s">
        <v>6547</v>
      </c>
      <c r="E2785" s="1" t="s">
        <v>10984</v>
      </c>
      <c r="F2785" s="1" t="s">
        <v>10985</v>
      </c>
      <c r="G2785" s="1" t="s">
        <v>10946</v>
      </c>
      <c r="H2785" s="1" t="s">
        <v>13</v>
      </c>
      <c r="I2785" s="1" t="s">
        <v>10947</v>
      </c>
      <c r="J2785" s="1" t="s">
        <v>10986</v>
      </c>
    </row>
    <row r="2786" spans="1:10" x14ac:dyDescent="0.35">
      <c r="A2786" s="1" t="s">
        <v>10941</v>
      </c>
      <c r="B2786" s="1" t="s">
        <v>10942</v>
      </c>
      <c r="C2786" s="1" t="s">
        <v>70</v>
      </c>
      <c r="D2786" s="1" t="s">
        <v>10987</v>
      </c>
      <c r="E2786" s="1" t="s">
        <v>10988</v>
      </c>
      <c r="F2786" s="1" t="s">
        <v>10989</v>
      </c>
      <c r="G2786" s="1" t="s">
        <v>10946</v>
      </c>
      <c r="H2786" s="1" t="s">
        <v>13</v>
      </c>
      <c r="I2786" s="1" t="s">
        <v>10947</v>
      </c>
      <c r="J2786" s="1" t="s">
        <v>10990</v>
      </c>
    </row>
    <row r="2787" spans="1:10" x14ac:dyDescent="0.35">
      <c r="A2787" s="1" t="s">
        <v>10941</v>
      </c>
      <c r="B2787" s="1" t="s">
        <v>10942</v>
      </c>
      <c r="C2787" s="1" t="s">
        <v>75</v>
      </c>
      <c r="D2787" s="1" t="s">
        <v>10991</v>
      </c>
      <c r="E2787" s="1" t="s">
        <v>10992</v>
      </c>
      <c r="F2787" s="1" t="s">
        <v>10993</v>
      </c>
      <c r="G2787" s="1" t="s">
        <v>10946</v>
      </c>
      <c r="H2787" s="1" t="s">
        <v>13</v>
      </c>
      <c r="I2787" s="1" t="s">
        <v>10947</v>
      </c>
      <c r="J2787" s="1" t="s">
        <v>10994</v>
      </c>
    </row>
    <row r="2788" spans="1:10" x14ac:dyDescent="0.35">
      <c r="A2788" s="1" t="s">
        <v>10941</v>
      </c>
      <c r="B2788" s="1" t="s">
        <v>10942</v>
      </c>
      <c r="C2788" s="1" t="s">
        <v>80</v>
      </c>
      <c r="D2788" s="1" t="s">
        <v>10995</v>
      </c>
      <c r="E2788" s="1" t="s">
        <v>10996</v>
      </c>
      <c r="F2788" s="1" t="s">
        <v>10997</v>
      </c>
      <c r="G2788" s="1" t="s">
        <v>10946</v>
      </c>
      <c r="H2788" s="1" t="s">
        <v>13</v>
      </c>
      <c r="I2788" s="1" t="s">
        <v>10947</v>
      </c>
      <c r="J2788" s="1" t="s">
        <v>10998</v>
      </c>
    </row>
    <row r="2789" spans="1:10" x14ac:dyDescent="0.35">
      <c r="A2789" s="1" t="s">
        <v>10941</v>
      </c>
      <c r="B2789" s="1" t="s">
        <v>10942</v>
      </c>
      <c r="C2789" s="1" t="s">
        <v>85</v>
      </c>
      <c r="D2789" s="1" t="s">
        <v>6634</v>
      </c>
      <c r="E2789" s="1" t="s">
        <v>10999</v>
      </c>
      <c r="F2789" s="1" t="s">
        <v>11000</v>
      </c>
      <c r="G2789" s="1" t="s">
        <v>10946</v>
      </c>
      <c r="H2789" s="1" t="s">
        <v>13</v>
      </c>
      <c r="I2789" s="1" t="s">
        <v>10947</v>
      </c>
      <c r="J2789" s="1" t="s">
        <v>11001</v>
      </c>
    </row>
    <row r="2790" spans="1:10" x14ac:dyDescent="0.35">
      <c r="A2790" s="1" t="s">
        <v>10941</v>
      </c>
      <c r="B2790" s="1" t="s">
        <v>10942</v>
      </c>
      <c r="C2790" s="1" t="s">
        <v>90</v>
      </c>
      <c r="D2790" s="1" t="s">
        <v>11002</v>
      </c>
      <c r="E2790" s="1" t="s">
        <v>11003</v>
      </c>
      <c r="F2790" s="1" t="s">
        <v>11004</v>
      </c>
      <c r="G2790" s="1" t="s">
        <v>10946</v>
      </c>
      <c r="H2790" s="1" t="s">
        <v>13</v>
      </c>
      <c r="I2790" s="1" t="s">
        <v>10947</v>
      </c>
      <c r="J2790" s="1" t="s">
        <v>11005</v>
      </c>
    </row>
    <row r="2791" spans="1:10" x14ac:dyDescent="0.35">
      <c r="A2791" s="1" t="s">
        <v>10941</v>
      </c>
      <c r="B2791" s="1" t="s">
        <v>10942</v>
      </c>
      <c r="C2791" s="1" t="s">
        <v>95</v>
      </c>
      <c r="D2791" s="1" t="s">
        <v>2576</v>
      </c>
      <c r="E2791" s="1" t="s">
        <v>11006</v>
      </c>
      <c r="F2791" s="1" t="s">
        <v>11007</v>
      </c>
      <c r="G2791" s="1" t="s">
        <v>10946</v>
      </c>
      <c r="H2791" s="1" t="s">
        <v>13</v>
      </c>
      <c r="I2791" s="1" t="s">
        <v>10947</v>
      </c>
      <c r="J2791" s="1" t="s">
        <v>11008</v>
      </c>
    </row>
    <row r="2792" spans="1:10" x14ac:dyDescent="0.35">
      <c r="A2792" s="1" t="s">
        <v>10941</v>
      </c>
      <c r="B2792" s="1" t="s">
        <v>10942</v>
      </c>
      <c r="C2792" s="1" t="s">
        <v>100</v>
      </c>
      <c r="D2792" s="1" t="s">
        <v>11009</v>
      </c>
      <c r="E2792" s="1" t="s">
        <v>11010</v>
      </c>
      <c r="F2792" s="1" t="s">
        <v>11011</v>
      </c>
      <c r="G2792" s="1" t="s">
        <v>10946</v>
      </c>
      <c r="H2792" s="1" t="s">
        <v>13</v>
      </c>
      <c r="I2792" s="1" t="s">
        <v>10947</v>
      </c>
      <c r="J2792" s="1" t="s">
        <v>11012</v>
      </c>
    </row>
    <row r="2793" spans="1:10" x14ac:dyDescent="0.35">
      <c r="A2793" s="1" t="s">
        <v>10941</v>
      </c>
      <c r="B2793" s="1" t="s">
        <v>10942</v>
      </c>
      <c r="C2793" s="1" t="s">
        <v>105</v>
      </c>
      <c r="D2793" s="1" t="s">
        <v>11013</v>
      </c>
      <c r="E2793" s="1" t="s">
        <v>11014</v>
      </c>
      <c r="F2793" s="1" t="s">
        <v>11015</v>
      </c>
      <c r="G2793" s="1" t="s">
        <v>10946</v>
      </c>
      <c r="H2793" s="1" t="s">
        <v>13</v>
      </c>
      <c r="I2793" s="1" t="s">
        <v>10947</v>
      </c>
      <c r="J2793" s="1" t="s">
        <v>11016</v>
      </c>
    </row>
    <row r="2794" spans="1:10" x14ac:dyDescent="0.35">
      <c r="A2794" s="1" t="s">
        <v>10941</v>
      </c>
      <c r="B2794" s="1" t="s">
        <v>10942</v>
      </c>
      <c r="C2794" s="1" t="s">
        <v>110</v>
      </c>
      <c r="D2794" s="1" t="s">
        <v>11017</v>
      </c>
      <c r="E2794" s="1" t="s">
        <v>11018</v>
      </c>
      <c r="F2794" s="1" t="s">
        <v>11019</v>
      </c>
      <c r="G2794" s="1" t="s">
        <v>10946</v>
      </c>
      <c r="H2794" s="1" t="s">
        <v>13</v>
      </c>
      <c r="I2794" s="1" t="s">
        <v>10947</v>
      </c>
      <c r="J2794" s="1" t="s">
        <v>11020</v>
      </c>
    </row>
    <row r="2795" spans="1:10" x14ac:dyDescent="0.35">
      <c r="A2795" s="1" t="s">
        <v>10941</v>
      </c>
      <c r="B2795" s="1" t="s">
        <v>10942</v>
      </c>
      <c r="C2795" s="1" t="s">
        <v>115</v>
      </c>
      <c r="D2795" s="1" t="s">
        <v>11021</v>
      </c>
      <c r="E2795" s="1" t="s">
        <v>11022</v>
      </c>
      <c r="F2795" s="1" t="s">
        <v>11023</v>
      </c>
      <c r="G2795" s="1" t="s">
        <v>10946</v>
      </c>
      <c r="H2795" s="1" t="s">
        <v>13</v>
      </c>
      <c r="I2795" s="1" t="s">
        <v>10947</v>
      </c>
      <c r="J2795" s="1" t="s">
        <v>11024</v>
      </c>
    </row>
    <row r="2796" spans="1:10" x14ac:dyDescent="0.35">
      <c r="A2796" s="1" t="s">
        <v>10941</v>
      </c>
      <c r="B2796" s="1" t="s">
        <v>10942</v>
      </c>
      <c r="C2796" s="1" t="s">
        <v>120</v>
      </c>
      <c r="D2796" s="1" t="s">
        <v>10815</v>
      </c>
      <c r="E2796" s="1" t="s">
        <v>11025</v>
      </c>
      <c r="F2796" s="1" t="s">
        <v>11026</v>
      </c>
      <c r="G2796" s="1" t="s">
        <v>10946</v>
      </c>
      <c r="H2796" s="1" t="s">
        <v>13</v>
      </c>
      <c r="I2796" s="1" t="s">
        <v>10947</v>
      </c>
      <c r="J2796" s="1" t="s">
        <v>11027</v>
      </c>
    </row>
    <row r="2797" spans="1:10" x14ac:dyDescent="0.35">
      <c r="A2797" s="1" t="s">
        <v>10941</v>
      </c>
      <c r="B2797" s="1" t="s">
        <v>10942</v>
      </c>
      <c r="C2797" s="1" t="s">
        <v>125</v>
      </c>
      <c r="D2797" s="1" t="s">
        <v>11028</v>
      </c>
      <c r="E2797" s="1" t="s">
        <v>11029</v>
      </c>
      <c r="F2797" s="1" t="s">
        <v>11030</v>
      </c>
      <c r="G2797" s="1" t="s">
        <v>10946</v>
      </c>
      <c r="H2797" s="1" t="s">
        <v>13</v>
      </c>
      <c r="I2797" s="1" t="s">
        <v>10947</v>
      </c>
      <c r="J2797" s="1" t="s">
        <v>11031</v>
      </c>
    </row>
    <row r="2798" spans="1:10" x14ac:dyDescent="0.35">
      <c r="A2798" s="1" t="s">
        <v>10941</v>
      </c>
      <c r="B2798" s="1" t="s">
        <v>10942</v>
      </c>
      <c r="C2798" s="1" t="s">
        <v>130</v>
      </c>
      <c r="D2798" s="1" t="s">
        <v>11032</v>
      </c>
      <c r="E2798" s="1" t="s">
        <v>11033</v>
      </c>
      <c r="F2798" s="1" t="s">
        <v>11034</v>
      </c>
      <c r="G2798" s="1" t="s">
        <v>10946</v>
      </c>
      <c r="H2798" s="1" t="s">
        <v>13</v>
      </c>
      <c r="I2798" s="1" t="s">
        <v>10947</v>
      </c>
      <c r="J2798" s="1" t="s">
        <v>11035</v>
      </c>
    </row>
    <row r="2799" spans="1:10" x14ac:dyDescent="0.35">
      <c r="A2799" s="1" t="s">
        <v>10941</v>
      </c>
      <c r="B2799" s="1" t="s">
        <v>10942</v>
      </c>
      <c r="C2799" s="1" t="s">
        <v>135</v>
      </c>
      <c r="D2799" s="1" t="s">
        <v>11036</v>
      </c>
      <c r="E2799" s="1" t="s">
        <v>11037</v>
      </c>
      <c r="F2799" s="1" t="s">
        <v>11038</v>
      </c>
      <c r="G2799" s="1" t="s">
        <v>10946</v>
      </c>
      <c r="H2799" s="1" t="s">
        <v>13</v>
      </c>
      <c r="I2799" s="1" t="s">
        <v>10947</v>
      </c>
      <c r="J2799" s="1" t="s">
        <v>11039</v>
      </c>
    </row>
    <row r="2800" spans="1:10" x14ac:dyDescent="0.35">
      <c r="A2800" s="1" t="s">
        <v>10941</v>
      </c>
      <c r="B2800" s="1" t="s">
        <v>10942</v>
      </c>
      <c r="C2800" s="1" t="s">
        <v>140</v>
      </c>
      <c r="D2800" s="1" t="s">
        <v>11040</v>
      </c>
      <c r="E2800" s="1" t="s">
        <v>11041</v>
      </c>
      <c r="F2800" s="1" t="s">
        <v>11042</v>
      </c>
      <c r="G2800" s="1" t="s">
        <v>10946</v>
      </c>
      <c r="H2800" s="1" t="s">
        <v>13</v>
      </c>
      <c r="I2800" s="1" t="s">
        <v>10947</v>
      </c>
      <c r="J2800" s="1" t="s">
        <v>11043</v>
      </c>
    </row>
    <row r="2801" spans="1:10" x14ac:dyDescent="0.35">
      <c r="A2801" s="1" t="s">
        <v>10941</v>
      </c>
      <c r="B2801" s="1" t="s">
        <v>10942</v>
      </c>
      <c r="C2801" s="1" t="s">
        <v>145</v>
      </c>
      <c r="D2801" s="1" t="s">
        <v>11044</v>
      </c>
      <c r="E2801" s="1" t="s">
        <v>11045</v>
      </c>
      <c r="F2801" s="1" t="s">
        <v>11046</v>
      </c>
      <c r="G2801" s="1" t="s">
        <v>10946</v>
      </c>
      <c r="H2801" s="1" t="s">
        <v>13</v>
      </c>
      <c r="I2801" s="1" t="s">
        <v>10947</v>
      </c>
      <c r="J2801" s="1" t="s">
        <v>11047</v>
      </c>
    </row>
    <row r="2802" spans="1:10" x14ac:dyDescent="0.35">
      <c r="A2802" s="1" t="s">
        <v>10941</v>
      </c>
      <c r="B2802" s="1" t="s">
        <v>10942</v>
      </c>
      <c r="C2802" s="1" t="s">
        <v>150</v>
      </c>
      <c r="D2802" s="1" t="s">
        <v>120</v>
      </c>
      <c r="E2802" s="1" t="s">
        <v>11048</v>
      </c>
      <c r="F2802" s="1" t="s">
        <v>11049</v>
      </c>
      <c r="G2802" s="1" t="s">
        <v>10946</v>
      </c>
      <c r="H2802" s="1" t="s">
        <v>13</v>
      </c>
      <c r="I2802" s="1" t="s">
        <v>10947</v>
      </c>
      <c r="J2802" s="1" t="s">
        <v>11050</v>
      </c>
    </row>
    <row r="2803" spans="1:10" x14ac:dyDescent="0.35">
      <c r="A2803" s="1" t="s">
        <v>10941</v>
      </c>
      <c r="B2803" s="1" t="s">
        <v>10942</v>
      </c>
      <c r="C2803" s="1" t="s">
        <v>155</v>
      </c>
      <c r="D2803" s="1" t="s">
        <v>15</v>
      </c>
      <c r="E2803" s="1" t="s">
        <v>11051</v>
      </c>
      <c r="F2803" s="1" t="s">
        <v>11052</v>
      </c>
      <c r="G2803" s="1" t="s">
        <v>10946</v>
      </c>
      <c r="H2803" s="1" t="s">
        <v>13</v>
      </c>
      <c r="I2803" s="1" t="s">
        <v>10947</v>
      </c>
      <c r="J2803" s="1" t="s">
        <v>11053</v>
      </c>
    </row>
    <row r="2804" spans="1:10" x14ac:dyDescent="0.35">
      <c r="A2804" s="1" t="s">
        <v>10941</v>
      </c>
      <c r="B2804" s="1" t="s">
        <v>10942</v>
      </c>
      <c r="C2804" s="1" t="s">
        <v>160</v>
      </c>
      <c r="D2804" s="1" t="s">
        <v>11054</v>
      </c>
      <c r="E2804" s="1" t="s">
        <v>11055</v>
      </c>
      <c r="F2804" s="1" t="s">
        <v>11056</v>
      </c>
      <c r="G2804" s="1" t="s">
        <v>10946</v>
      </c>
      <c r="H2804" s="1" t="s">
        <v>13</v>
      </c>
      <c r="I2804" s="1" t="s">
        <v>10947</v>
      </c>
      <c r="J2804" s="1" t="s">
        <v>11057</v>
      </c>
    </row>
    <row r="2805" spans="1:10" x14ac:dyDescent="0.35">
      <c r="A2805" s="1" t="s">
        <v>10941</v>
      </c>
      <c r="B2805" s="1" t="s">
        <v>10942</v>
      </c>
      <c r="C2805" s="1" t="s">
        <v>165</v>
      </c>
      <c r="D2805" s="1" t="s">
        <v>9338</v>
      </c>
      <c r="E2805" s="1" t="s">
        <v>11058</v>
      </c>
      <c r="F2805" s="1" t="s">
        <v>11059</v>
      </c>
      <c r="G2805" s="1" t="s">
        <v>10946</v>
      </c>
      <c r="H2805" s="1" t="s">
        <v>13</v>
      </c>
      <c r="I2805" s="1" t="s">
        <v>10947</v>
      </c>
      <c r="J2805" s="1" t="s">
        <v>11060</v>
      </c>
    </row>
    <row r="2806" spans="1:10" x14ac:dyDescent="0.35">
      <c r="A2806" s="1" t="s">
        <v>10941</v>
      </c>
      <c r="B2806" s="1" t="s">
        <v>10942</v>
      </c>
      <c r="C2806" s="1" t="s">
        <v>170</v>
      </c>
      <c r="D2806" s="1" t="s">
        <v>11061</v>
      </c>
      <c r="E2806" s="1" t="s">
        <v>11062</v>
      </c>
      <c r="F2806" s="1" t="s">
        <v>11063</v>
      </c>
      <c r="G2806" s="1" t="s">
        <v>10946</v>
      </c>
      <c r="H2806" s="1" t="s">
        <v>13</v>
      </c>
      <c r="I2806" s="1" t="s">
        <v>10947</v>
      </c>
      <c r="J2806" s="1" t="s">
        <v>11064</v>
      </c>
    </row>
    <row r="2807" spans="1:10" x14ac:dyDescent="0.35">
      <c r="A2807" s="1" t="s">
        <v>11065</v>
      </c>
      <c r="B2807" s="1" t="s">
        <v>11066</v>
      </c>
      <c r="C2807" s="1" t="s">
        <v>8</v>
      </c>
      <c r="D2807" s="1" t="s">
        <v>11067</v>
      </c>
      <c r="E2807" s="1" t="s">
        <v>11068</v>
      </c>
      <c r="F2807" s="1" t="s">
        <v>11069</v>
      </c>
      <c r="G2807" s="1" t="s">
        <v>11070</v>
      </c>
      <c r="H2807" s="1" t="s">
        <v>13</v>
      </c>
      <c r="I2807" s="1" t="s">
        <v>11071</v>
      </c>
      <c r="J2807" s="1" t="s">
        <v>13</v>
      </c>
    </row>
    <row r="2808" spans="1:10" x14ac:dyDescent="0.35">
      <c r="A2808" s="1" t="s">
        <v>11065</v>
      </c>
      <c r="B2808" s="1" t="s">
        <v>11066</v>
      </c>
      <c r="C2808" s="1" t="s">
        <v>15</v>
      </c>
      <c r="D2808" s="1" t="s">
        <v>3758</v>
      </c>
      <c r="E2808" s="1" t="s">
        <v>11072</v>
      </c>
      <c r="F2808" s="1" t="s">
        <v>11073</v>
      </c>
      <c r="G2808" s="1" t="s">
        <v>11070</v>
      </c>
      <c r="H2808" s="1" t="s">
        <v>13</v>
      </c>
      <c r="I2808" s="1" t="s">
        <v>11071</v>
      </c>
      <c r="J2808" s="1" t="s">
        <v>11074</v>
      </c>
    </row>
    <row r="2809" spans="1:10" x14ac:dyDescent="0.35">
      <c r="A2809" s="1" t="s">
        <v>11065</v>
      </c>
      <c r="B2809" s="1" t="s">
        <v>11066</v>
      </c>
      <c r="C2809" s="1" t="s">
        <v>20</v>
      </c>
      <c r="D2809" s="1" t="s">
        <v>11075</v>
      </c>
      <c r="E2809" s="1" t="s">
        <v>11076</v>
      </c>
      <c r="F2809" s="1" t="s">
        <v>11077</v>
      </c>
      <c r="G2809" s="1" t="s">
        <v>11070</v>
      </c>
      <c r="H2809" s="1" t="s">
        <v>13</v>
      </c>
      <c r="I2809" s="1" t="s">
        <v>11071</v>
      </c>
      <c r="J2809" s="1" t="s">
        <v>11078</v>
      </c>
    </row>
    <row r="2810" spans="1:10" x14ac:dyDescent="0.35">
      <c r="A2810" s="1" t="s">
        <v>11065</v>
      </c>
      <c r="B2810" s="1" t="s">
        <v>11066</v>
      </c>
      <c r="C2810" s="1" t="s">
        <v>25</v>
      </c>
      <c r="D2810" s="1" t="s">
        <v>11079</v>
      </c>
      <c r="E2810" s="1" t="s">
        <v>11080</v>
      </c>
      <c r="F2810" s="1" t="s">
        <v>11081</v>
      </c>
      <c r="G2810" s="1" t="s">
        <v>11070</v>
      </c>
      <c r="H2810" s="1" t="s">
        <v>13</v>
      </c>
      <c r="I2810" s="1" t="s">
        <v>11071</v>
      </c>
      <c r="J2810" s="1" t="s">
        <v>11082</v>
      </c>
    </row>
    <row r="2811" spans="1:10" x14ac:dyDescent="0.35">
      <c r="A2811" s="1" t="s">
        <v>11065</v>
      </c>
      <c r="B2811" s="1" t="s">
        <v>11066</v>
      </c>
      <c r="C2811" s="1" t="s">
        <v>30</v>
      </c>
      <c r="D2811" s="1" t="s">
        <v>11083</v>
      </c>
      <c r="E2811" s="1" t="s">
        <v>11084</v>
      </c>
      <c r="F2811" s="1" t="s">
        <v>11085</v>
      </c>
      <c r="G2811" s="1" t="s">
        <v>11070</v>
      </c>
      <c r="H2811" s="1" t="s">
        <v>13</v>
      </c>
      <c r="I2811" s="1" t="s">
        <v>11071</v>
      </c>
      <c r="J2811" s="1" t="s">
        <v>11086</v>
      </c>
    </row>
    <row r="2812" spans="1:10" x14ac:dyDescent="0.35">
      <c r="A2812" s="1" t="s">
        <v>11065</v>
      </c>
      <c r="B2812" s="1" t="s">
        <v>11066</v>
      </c>
      <c r="C2812" s="1" t="s">
        <v>35</v>
      </c>
      <c r="D2812" s="1" t="s">
        <v>11087</v>
      </c>
      <c r="E2812" s="1" t="s">
        <v>11088</v>
      </c>
      <c r="F2812" s="1" t="s">
        <v>11089</v>
      </c>
      <c r="G2812" s="1" t="s">
        <v>11070</v>
      </c>
      <c r="H2812" s="1" t="s">
        <v>13</v>
      </c>
      <c r="I2812" s="1" t="s">
        <v>11071</v>
      </c>
      <c r="J2812" s="1" t="s">
        <v>11090</v>
      </c>
    </row>
    <row r="2813" spans="1:10" x14ac:dyDescent="0.35">
      <c r="A2813" s="1" t="s">
        <v>11065</v>
      </c>
      <c r="B2813" s="1" t="s">
        <v>11066</v>
      </c>
      <c r="C2813" s="1" t="s">
        <v>40</v>
      </c>
      <c r="D2813" s="1" t="s">
        <v>11091</v>
      </c>
      <c r="E2813" s="1" t="s">
        <v>11092</v>
      </c>
      <c r="F2813" s="1" t="s">
        <v>11093</v>
      </c>
      <c r="G2813" s="1" t="s">
        <v>11070</v>
      </c>
      <c r="H2813" s="1" t="s">
        <v>13</v>
      </c>
      <c r="I2813" s="1" t="s">
        <v>11071</v>
      </c>
      <c r="J2813" s="1" t="s">
        <v>11094</v>
      </c>
    </row>
    <row r="2814" spans="1:10" x14ac:dyDescent="0.35">
      <c r="A2814" s="1" t="s">
        <v>11065</v>
      </c>
      <c r="B2814" s="1" t="s">
        <v>11066</v>
      </c>
      <c r="C2814" s="1" t="s">
        <v>45</v>
      </c>
      <c r="D2814" s="1" t="s">
        <v>11095</v>
      </c>
      <c r="E2814" s="1" t="s">
        <v>11096</v>
      </c>
      <c r="F2814" s="1" t="s">
        <v>11097</v>
      </c>
      <c r="G2814" s="1" t="s">
        <v>11070</v>
      </c>
      <c r="H2814" s="1" t="s">
        <v>13</v>
      </c>
      <c r="I2814" s="1" t="s">
        <v>11071</v>
      </c>
      <c r="J2814" s="1" t="s">
        <v>11098</v>
      </c>
    </row>
    <row r="2815" spans="1:10" x14ac:dyDescent="0.35">
      <c r="A2815" s="1" t="s">
        <v>11065</v>
      </c>
      <c r="B2815" s="1" t="s">
        <v>11066</v>
      </c>
      <c r="C2815" s="1" t="s">
        <v>50</v>
      </c>
      <c r="D2815" s="1" t="s">
        <v>11099</v>
      </c>
      <c r="E2815" s="1" t="s">
        <v>11100</v>
      </c>
      <c r="F2815" s="1" t="s">
        <v>11101</v>
      </c>
      <c r="G2815" s="1" t="s">
        <v>11070</v>
      </c>
      <c r="H2815" s="1" t="s">
        <v>13</v>
      </c>
      <c r="I2815" s="1" t="s">
        <v>11071</v>
      </c>
      <c r="J2815" s="1" t="s">
        <v>11102</v>
      </c>
    </row>
    <row r="2816" spans="1:10" x14ac:dyDescent="0.35">
      <c r="A2816" s="1" t="s">
        <v>11065</v>
      </c>
      <c r="B2816" s="1" t="s">
        <v>11066</v>
      </c>
      <c r="C2816" s="1" t="s">
        <v>55</v>
      </c>
      <c r="D2816" s="1" t="s">
        <v>11103</v>
      </c>
      <c r="E2816" s="1" t="s">
        <v>11104</v>
      </c>
      <c r="F2816" s="1" t="s">
        <v>11105</v>
      </c>
      <c r="G2816" s="1" t="s">
        <v>11070</v>
      </c>
      <c r="H2816" s="1" t="s">
        <v>13</v>
      </c>
      <c r="I2816" s="1" t="s">
        <v>11071</v>
      </c>
      <c r="J2816" s="1" t="s">
        <v>11106</v>
      </c>
    </row>
    <row r="2817" spans="1:10" x14ac:dyDescent="0.35">
      <c r="A2817" s="1" t="s">
        <v>11065</v>
      </c>
      <c r="B2817" s="1" t="s">
        <v>11066</v>
      </c>
      <c r="C2817" s="1" t="s">
        <v>60</v>
      </c>
      <c r="D2817" s="1" t="s">
        <v>11107</v>
      </c>
      <c r="E2817" s="1" t="s">
        <v>11108</v>
      </c>
      <c r="F2817" s="1" t="s">
        <v>11109</v>
      </c>
      <c r="G2817" s="1" t="s">
        <v>11070</v>
      </c>
      <c r="H2817" s="1" t="s">
        <v>13</v>
      </c>
      <c r="I2817" s="1" t="s">
        <v>11071</v>
      </c>
      <c r="J2817" s="1" t="s">
        <v>11110</v>
      </c>
    </row>
    <row r="2818" spans="1:10" x14ac:dyDescent="0.35">
      <c r="A2818" s="1" t="s">
        <v>11065</v>
      </c>
      <c r="B2818" s="1" t="s">
        <v>11066</v>
      </c>
      <c r="C2818" s="1" t="s">
        <v>65</v>
      </c>
      <c r="D2818" s="1" t="s">
        <v>11111</v>
      </c>
      <c r="E2818" s="1" t="s">
        <v>11112</v>
      </c>
      <c r="F2818" s="1" t="s">
        <v>11113</v>
      </c>
      <c r="G2818" s="1" t="s">
        <v>11070</v>
      </c>
      <c r="H2818" s="1" t="s">
        <v>13</v>
      </c>
      <c r="I2818" s="1" t="s">
        <v>11071</v>
      </c>
      <c r="J2818" s="1" t="s">
        <v>11114</v>
      </c>
    </row>
    <row r="2819" spans="1:10" x14ac:dyDescent="0.35">
      <c r="A2819" s="1" t="s">
        <v>11065</v>
      </c>
      <c r="B2819" s="1" t="s">
        <v>11066</v>
      </c>
      <c r="C2819" s="1" t="s">
        <v>70</v>
      </c>
      <c r="D2819" s="1" t="s">
        <v>11115</v>
      </c>
      <c r="E2819" s="1" t="s">
        <v>11116</v>
      </c>
      <c r="F2819" s="1" t="s">
        <v>11117</v>
      </c>
      <c r="G2819" s="1" t="s">
        <v>11070</v>
      </c>
      <c r="H2819" s="1" t="s">
        <v>13</v>
      </c>
      <c r="I2819" s="1" t="s">
        <v>11071</v>
      </c>
      <c r="J2819" s="1" t="s">
        <v>11118</v>
      </c>
    </row>
    <row r="2820" spans="1:10" x14ac:dyDescent="0.35">
      <c r="A2820" s="1" t="s">
        <v>11065</v>
      </c>
      <c r="B2820" s="1" t="s">
        <v>11066</v>
      </c>
      <c r="C2820" s="1" t="s">
        <v>75</v>
      </c>
      <c r="D2820" s="1" t="s">
        <v>11119</v>
      </c>
      <c r="E2820" s="1" t="s">
        <v>11120</v>
      </c>
      <c r="F2820" s="1" t="s">
        <v>11121</v>
      </c>
      <c r="G2820" s="1" t="s">
        <v>11070</v>
      </c>
      <c r="H2820" s="1" t="s">
        <v>13</v>
      </c>
      <c r="I2820" s="1" t="s">
        <v>11071</v>
      </c>
      <c r="J2820" s="1" t="s">
        <v>11122</v>
      </c>
    </row>
    <row r="2821" spans="1:10" x14ac:dyDescent="0.35">
      <c r="A2821" s="1" t="s">
        <v>11065</v>
      </c>
      <c r="B2821" s="1" t="s">
        <v>11066</v>
      </c>
      <c r="C2821" s="1" t="s">
        <v>80</v>
      </c>
      <c r="D2821" s="1" t="s">
        <v>11123</v>
      </c>
      <c r="E2821" s="1" t="s">
        <v>11124</v>
      </c>
      <c r="F2821" s="1" t="s">
        <v>11125</v>
      </c>
      <c r="G2821" s="1" t="s">
        <v>11070</v>
      </c>
      <c r="H2821" s="1" t="s">
        <v>13</v>
      </c>
      <c r="I2821" s="1" t="s">
        <v>11071</v>
      </c>
      <c r="J2821" s="1" t="s">
        <v>11126</v>
      </c>
    </row>
    <row r="2822" spans="1:10" x14ac:dyDescent="0.35">
      <c r="A2822" s="1" t="s">
        <v>11065</v>
      </c>
      <c r="B2822" s="1" t="s">
        <v>11066</v>
      </c>
      <c r="C2822" s="1" t="s">
        <v>85</v>
      </c>
      <c r="D2822" s="1" t="s">
        <v>11127</v>
      </c>
      <c r="E2822" s="1" t="s">
        <v>11128</v>
      </c>
      <c r="F2822" s="1" t="s">
        <v>11129</v>
      </c>
      <c r="G2822" s="1" t="s">
        <v>11070</v>
      </c>
      <c r="H2822" s="1" t="s">
        <v>13</v>
      </c>
      <c r="I2822" s="1" t="s">
        <v>11071</v>
      </c>
      <c r="J2822" s="1" t="s">
        <v>11130</v>
      </c>
    </row>
    <row r="2823" spans="1:10" x14ac:dyDescent="0.35">
      <c r="A2823" s="1" t="s">
        <v>11065</v>
      </c>
      <c r="B2823" s="1" t="s">
        <v>11066</v>
      </c>
      <c r="C2823" s="1" t="s">
        <v>90</v>
      </c>
      <c r="D2823" s="1" t="s">
        <v>11131</v>
      </c>
      <c r="E2823" s="1" t="s">
        <v>11132</v>
      </c>
      <c r="F2823" s="1" t="s">
        <v>11133</v>
      </c>
      <c r="G2823" s="1" t="s">
        <v>11070</v>
      </c>
      <c r="H2823" s="1" t="s">
        <v>13</v>
      </c>
      <c r="I2823" s="1" t="s">
        <v>11071</v>
      </c>
      <c r="J2823" s="1" t="s">
        <v>11134</v>
      </c>
    </row>
    <row r="2824" spans="1:10" x14ac:dyDescent="0.35">
      <c r="A2824" s="1" t="s">
        <v>11065</v>
      </c>
      <c r="B2824" s="1" t="s">
        <v>11066</v>
      </c>
      <c r="C2824" s="1" t="s">
        <v>95</v>
      </c>
      <c r="D2824" s="1" t="s">
        <v>11135</v>
      </c>
      <c r="E2824" s="1" t="s">
        <v>11136</v>
      </c>
      <c r="F2824" s="1" t="s">
        <v>11137</v>
      </c>
      <c r="G2824" s="1" t="s">
        <v>11070</v>
      </c>
      <c r="H2824" s="1" t="s">
        <v>13</v>
      </c>
      <c r="I2824" s="1" t="s">
        <v>11071</v>
      </c>
      <c r="J2824" s="1" t="s">
        <v>11138</v>
      </c>
    </row>
    <row r="2825" spans="1:10" x14ac:dyDescent="0.35">
      <c r="A2825" s="1" t="s">
        <v>11065</v>
      </c>
      <c r="B2825" s="1" t="s">
        <v>11066</v>
      </c>
      <c r="C2825" s="1" t="s">
        <v>100</v>
      </c>
      <c r="D2825" s="1" t="s">
        <v>11139</v>
      </c>
      <c r="E2825" s="1" t="s">
        <v>11140</v>
      </c>
      <c r="F2825" s="1" t="s">
        <v>11141</v>
      </c>
      <c r="G2825" s="1" t="s">
        <v>11070</v>
      </c>
      <c r="H2825" s="1" t="s">
        <v>13</v>
      </c>
      <c r="I2825" s="1" t="s">
        <v>11071</v>
      </c>
      <c r="J2825" s="1" t="s">
        <v>11142</v>
      </c>
    </row>
    <row r="2826" spans="1:10" x14ac:dyDescent="0.35">
      <c r="A2826" s="1" t="s">
        <v>11065</v>
      </c>
      <c r="B2826" s="1" t="s">
        <v>11066</v>
      </c>
      <c r="C2826" s="1" t="s">
        <v>105</v>
      </c>
      <c r="D2826" s="1" t="s">
        <v>11143</v>
      </c>
      <c r="E2826" s="1" t="s">
        <v>11144</v>
      </c>
      <c r="F2826" s="1" t="s">
        <v>11145</v>
      </c>
      <c r="G2826" s="1" t="s">
        <v>11070</v>
      </c>
      <c r="H2826" s="1" t="s">
        <v>13</v>
      </c>
      <c r="I2826" s="1" t="s">
        <v>11071</v>
      </c>
      <c r="J2826" s="1" t="s">
        <v>11146</v>
      </c>
    </row>
    <row r="2827" spans="1:10" x14ac:dyDescent="0.35">
      <c r="A2827" s="1" t="s">
        <v>11065</v>
      </c>
      <c r="B2827" s="1" t="s">
        <v>11066</v>
      </c>
      <c r="C2827" s="1" t="s">
        <v>110</v>
      </c>
      <c r="D2827" s="1" t="s">
        <v>11147</v>
      </c>
      <c r="E2827" s="1" t="s">
        <v>11148</v>
      </c>
      <c r="F2827" s="1" t="s">
        <v>11149</v>
      </c>
      <c r="G2827" s="1" t="s">
        <v>11070</v>
      </c>
      <c r="H2827" s="1" t="s">
        <v>13</v>
      </c>
      <c r="I2827" s="1" t="s">
        <v>11071</v>
      </c>
      <c r="J2827" s="1" t="s">
        <v>11150</v>
      </c>
    </row>
    <row r="2828" spans="1:10" x14ac:dyDescent="0.35">
      <c r="A2828" s="1" t="s">
        <v>11065</v>
      </c>
      <c r="B2828" s="1" t="s">
        <v>11066</v>
      </c>
      <c r="C2828" s="1" t="s">
        <v>115</v>
      </c>
      <c r="D2828" s="1" t="s">
        <v>11151</v>
      </c>
      <c r="E2828" s="1" t="s">
        <v>11152</v>
      </c>
      <c r="F2828" s="1" t="s">
        <v>11153</v>
      </c>
      <c r="G2828" s="1" t="s">
        <v>11070</v>
      </c>
      <c r="H2828" s="1" t="s">
        <v>13</v>
      </c>
      <c r="I2828" s="1" t="s">
        <v>11071</v>
      </c>
      <c r="J2828" s="1" t="s">
        <v>11154</v>
      </c>
    </row>
    <row r="2829" spans="1:10" x14ac:dyDescent="0.35">
      <c r="A2829" s="1" t="s">
        <v>11065</v>
      </c>
      <c r="B2829" s="1" t="s">
        <v>11066</v>
      </c>
      <c r="C2829" s="1" t="s">
        <v>120</v>
      </c>
      <c r="D2829" s="1" t="s">
        <v>11155</v>
      </c>
      <c r="E2829" s="1" t="s">
        <v>11156</v>
      </c>
      <c r="F2829" s="1" t="s">
        <v>11157</v>
      </c>
      <c r="G2829" s="1" t="s">
        <v>11070</v>
      </c>
      <c r="H2829" s="1" t="s">
        <v>13</v>
      </c>
      <c r="I2829" s="1" t="s">
        <v>11071</v>
      </c>
      <c r="J2829" s="1" t="s">
        <v>11158</v>
      </c>
    </row>
    <row r="2830" spans="1:10" x14ac:dyDescent="0.35">
      <c r="A2830" s="1" t="s">
        <v>11065</v>
      </c>
      <c r="B2830" s="1" t="s">
        <v>11066</v>
      </c>
      <c r="C2830" s="1" t="s">
        <v>125</v>
      </c>
      <c r="D2830" s="1" t="s">
        <v>11159</v>
      </c>
      <c r="E2830" s="1" t="s">
        <v>11160</v>
      </c>
      <c r="F2830" s="1" t="s">
        <v>11161</v>
      </c>
      <c r="G2830" s="1" t="s">
        <v>11070</v>
      </c>
      <c r="H2830" s="1" t="s">
        <v>13</v>
      </c>
      <c r="I2830" s="1" t="s">
        <v>11071</v>
      </c>
      <c r="J2830" s="1" t="s">
        <v>11162</v>
      </c>
    </row>
    <row r="2831" spans="1:10" x14ac:dyDescent="0.35">
      <c r="A2831" s="1" t="s">
        <v>11065</v>
      </c>
      <c r="B2831" s="1" t="s">
        <v>11066</v>
      </c>
      <c r="C2831" s="1" t="s">
        <v>130</v>
      </c>
      <c r="D2831" s="1" t="s">
        <v>11163</v>
      </c>
      <c r="E2831" s="1" t="s">
        <v>11164</v>
      </c>
      <c r="F2831" s="1" t="s">
        <v>11165</v>
      </c>
      <c r="G2831" s="1" t="s">
        <v>11070</v>
      </c>
      <c r="H2831" s="1" t="s">
        <v>13</v>
      </c>
      <c r="I2831" s="1" t="s">
        <v>11071</v>
      </c>
      <c r="J2831" s="1" t="s">
        <v>11166</v>
      </c>
    </row>
    <row r="2832" spans="1:10" x14ac:dyDescent="0.35">
      <c r="A2832" s="1" t="s">
        <v>11065</v>
      </c>
      <c r="B2832" s="1" t="s">
        <v>11066</v>
      </c>
      <c r="C2832" s="1" t="s">
        <v>135</v>
      </c>
      <c r="D2832" s="1" t="s">
        <v>11167</v>
      </c>
      <c r="E2832" s="1" t="s">
        <v>11168</v>
      </c>
      <c r="F2832" s="1" t="s">
        <v>11169</v>
      </c>
      <c r="G2832" s="1" t="s">
        <v>11070</v>
      </c>
      <c r="H2832" s="1" t="s">
        <v>13</v>
      </c>
      <c r="I2832" s="1" t="s">
        <v>11071</v>
      </c>
      <c r="J2832" s="1" t="s">
        <v>11170</v>
      </c>
    </row>
    <row r="2833" spans="1:10" x14ac:dyDescent="0.35">
      <c r="A2833" s="1" t="s">
        <v>11065</v>
      </c>
      <c r="B2833" s="1" t="s">
        <v>11066</v>
      </c>
      <c r="C2833" s="1" t="s">
        <v>140</v>
      </c>
      <c r="D2833" s="1" t="s">
        <v>11171</v>
      </c>
      <c r="E2833" s="1" t="s">
        <v>11172</v>
      </c>
      <c r="F2833" s="1" t="s">
        <v>11173</v>
      </c>
      <c r="G2833" s="1" t="s">
        <v>11070</v>
      </c>
      <c r="H2833" s="1" t="s">
        <v>13</v>
      </c>
      <c r="I2833" s="1" t="s">
        <v>11071</v>
      </c>
      <c r="J2833" s="1" t="s">
        <v>11174</v>
      </c>
    </row>
    <row r="2834" spans="1:10" x14ac:dyDescent="0.35">
      <c r="A2834" s="1" t="s">
        <v>11065</v>
      </c>
      <c r="B2834" s="1" t="s">
        <v>11066</v>
      </c>
      <c r="C2834" s="1" t="s">
        <v>145</v>
      </c>
      <c r="D2834" s="1" t="s">
        <v>11175</v>
      </c>
      <c r="E2834" s="1" t="s">
        <v>11176</v>
      </c>
      <c r="F2834" s="1" t="s">
        <v>11177</v>
      </c>
      <c r="G2834" s="1" t="s">
        <v>11070</v>
      </c>
      <c r="H2834" s="1" t="s">
        <v>13</v>
      </c>
      <c r="I2834" s="1" t="s">
        <v>11071</v>
      </c>
      <c r="J2834" s="1" t="s">
        <v>11178</v>
      </c>
    </row>
    <row r="2835" spans="1:10" x14ac:dyDescent="0.35">
      <c r="A2835" s="1" t="s">
        <v>11065</v>
      </c>
      <c r="B2835" s="1" t="s">
        <v>11066</v>
      </c>
      <c r="C2835" s="1" t="s">
        <v>150</v>
      </c>
      <c r="D2835" s="1" t="s">
        <v>11179</v>
      </c>
      <c r="E2835" s="1" t="s">
        <v>11180</v>
      </c>
      <c r="F2835" s="1" t="s">
        <v>11181</v>
      </c>
      <c r="G2835" s="1" t="s">
        <v>11070</v>
      </c>
      <c r="H2835" s="1" t="s">
        <v>13</v>
      </c>
      <c r="I2835" s="1" t="s">
        <v>11071</v>
      </c>
      <c r="J2835" s="1" t="s">
        <v>11182</v>
      </c>
    </row>
    <row r="2836" spans="1:10" x14ac:dyDescent="0.35">
      <c r="A2836" s="1" t="s">
        <v>11065</v>
      </c>
      <c r="B2836" s="1" t="s">
        <v>11066</v>
      </c>
      <c r="C2836" s="1" t="s">
        <v>155</v>
      </c>
      <c r="D2836" s="1" t="s">
        <v>11183</v>
      </c>
      <c r="E2836" s="1" t="s">
        <v>11184</v>
      </c>
      <c r="F2836" s="1" t="s">
        <v>11185</v>
      </c>
      <c r="G2836" s="1" t="s">
        <v>11070</v>
      </c>
      <c r="H2836" s="1" t="s">
        <v>13</v>
      </c>
      <c r="I2836" s="1" t="s">
        <v>11071</v>
      </c>
      <c r="J2836" s="1" t="s">
        <v>11186</v>
      </c>
    </row>
    <row r="2837" spans="1:10" x14ac:dyDescent="0.35">
      <c r="A2837" s="1" t="s">
        <v>11065</v>
      </c>
      <c r="B2837" s="1" t="s">
        <v>11066</v>
      </c>
      <c r="C2837" s="1" t="s">
        <v>160</v>
      </c>
      <c r="D2837" s="1" t="s">
        <v>11187</v>
      </c>
      <c r="E2837" s="1" t="s">
        <v>11188</v>
      </c>
      <c r="F2837" s="1" t="s">
        <v>11189</v>
      </c>
      <c r="G2837" s="1" t="s">
        <v>11070</v>
      </c>
      <c r="H2837" s="1" t="s">
        <v>13</v>
      </c>
      <c r="I2837" s="1" t="s">
        <v>11071</v>
      </c>
      <c r="J2837" s="1" t="s">
        <v>11190</v>
      </c>
    </row>
    <row r="2838" spans="1:10" x14ac:dyDescent="0.35">
      <c r="A2838" s="1" t="s">
        <v>11065</v>
      </c>
      <c r="B2838" s="1" t="s">
        <v>11066</v>
      </c>
      <c r="C2838" s="1" t="s">
        <v>165</v>
      </c>
      <c r="D2838" s="1" t="s">
        <v>11191</v>
      </c>
      <c r="E2838" s="1" t="s">
        <v>11192</v>
      </c>
      <c r="F2838" s="1" t="s">
        <v>11193</v>
      </c>
      <c r="G2838" s="1" t="s">
        <v>11070</v>
      </c>
      <c r="H2838" s="1" t="s">
        <v>13</v>
      </c>
      <c r="I2838" s="1" t="s">
        <v>11071</v>
      </c>
      <c r="J2838" s="1" t="s">
        <v>11194</v>
      </c>
    </row>
    <row r="2839" spans="1:10" x14ac:dyDescent="0.35">
      <c r="A2839" s="1" t="s">
        <v>11065</v>
      </c>
      <c r="B2839" s="1" t="s">
        <v>11066</v>
      </c>
      <c r="C2839" s="1" t="s">
        <v>170</v>
      </c>
      <c r="D2839" s="1" t="s">
        <v>11195</v>
      </c>
      <c r="E2839" s="1" t="s">
        <v>11196</v>
      </c>
      <c r="F2839" s="1" t="s">
        <v>11197</v>
      </c>
      <c r="G2839" s="1" t="s">
        <v>11070</v>
      </c>
      <c r="H2839" s="1" t="s">
        <v>13</v>
      </c>
      <c r="I2839" s="1" t="s">
        <v>11071</v>
      </c>
      <c r="J2839" s="1" t="s">
        <v>11198</v>
      </c>
    </row>
    <row r="2840" spans="1:10" x14ac:dyDescent="0.35">
      <c r="A2840" s="1" t="s">
        <v>11199</v>
      </c>
      <c r="B2840" s="1" t="s">
        <v>11200</v>
      </c>
      <c r="C2840" s="1" t="s">
        <v>8</v>
      </c>
      <c r="D2840" s="1" t="s">
        <v>11201</v>
      </c>
      <c r="E2840" s="1" t="s">
        <v>11202</v>
      </c>
      <c r="F2840" s="1" t="s">
        <v>11203</v>
      </c>
      <c r="G2840" s="1" t="s">
        <v>11204</v>
      </c>
      <c r="H2840" s="1" t="s">
        <v>13</v>
      </c>
      <c r="I2840" s="1" t="s">
        <v>11205</v>
      </c>
      <c r="J2840" s="1" t="s">
        <v>13</v>
      </c>
    </row>
    <row r="2841" spans="1:10" x14ac:dyDescent="0.35">
      <c r="A2841" s="1" t="s">
        <v>11199</v>
      </c>
      <c r="B2841" s="1" t="s">
        <v>11200</v>
      </c>
      <c r="C2841" s="1" t="s">
        <v>15</v>
      </c>
      <c r="D2841" s="1" t="s">
        <v>11206</v>
      </c>
      <c r="E2841" s="1" t="s">
        <v>11207</v>
      </c>
      <c r="F2841" s="1" t="s">
        <v>11208</v>
      </c>
      <c r="G2841" s="1" t="s">
        <v>11204</v>
      </c>
      <c r="H2841" s="1" t="s">
        <v>13</v>
      </c>
      <c r="I2841" s="1" t="s">
        <v>11205</v>
      </c>
      <c r="J2841" s="1" t="s">
        <v>11209</v>
      </c>
    </row>
    <row r="2842" spans="1:10" x14ac:dyDescent="0.35">
      <c r="A2842" s="1" t="s">
        <v>11199</v>
      </c>
      <c r="B2842" s="1" t="s">
        <v>11200</v>
      </c>
      <c r="C2842" s="1" t="s">
        <v>20</v>
      </c>
      <c r="D2842" s="1" t="s">
        <v>11210</v>
      </c>
      <c r="E2842" s="1" t="s">
        <v>11211</v>
      </c>
      <c r="F2842" s="1" t="s">
        <v>11212</v>
      </c>
      <c r="G2842" s="1" t="s">
        <v>11204</v>
      </c>
      <c r="H2842" s="1" t="s">
        <v>13</v>
      </c>
      <c r="I2842" s="1" t="s">
        <v>11205</v>
      </c>
      <c r="J2842" s="1" t="s">
        <v>11213</v>
      </c>
    </row>
    <row r="2843" spans="1:10" x14ac:dyDescent="0.35">
      <c r="A2843" s="1" t="s">
        <v>11199</v>
      </c>
      <c r="B2843" s="1" t="s">
        <v>11200</v>
      </c>
      <c r="C2843" s="1" t="s">
        <v>25</v>
      </c>
      <c r="D2843" s="1" t="s">
        <v>11214</v>
      </c>
      <c r="E2843" s="1" t="s">
        <v>11215</v>
      </c>
      <c r="F2843" s="1" t="s">
        <v>11216</v>
      </c>
      <c r="G2843" s="1" t="s">
        <v>11204</v>
      </c>
      <c r="H2843" s="1" t="s">
        <v>13</v>
      </c>
      <c r="I2843" s="1" t="s">
        <v>11205</v>
      </c>
      <c r="J2843" s="1" t="s">
        <v>11217</v>
      </c>
    </row>
    <row r="2844" spans="1:10" x14ac:dyDescent="0.35">
      <c r="A2844" s="1" t="s">
        <v>11199</v>
      </c>
      <c r="B2844" s="1" t="s">
        <v>11200</v>
      </c>
      <c r="C2844" s="1" t="s">
        <v>30</v>
      </c>
      <c r="D2844" s="1" t="s">
        <v>11218</v>
      </c>
      <c r="E2844" s="1" t="s">
        <v>11219</v>
      </c>
      <c r="F2844" s="1" t="s">
        <v>11220</v>
      </c>
      <c r="G2844" s="1" t="s">
        <v>11204</v>
      </c>
      <c r="H2844" s="1" t="s">
        <v>13</v>
      </c>
      <c r="I2844" s="1" t="s">
        <v>11205</v>
      </c>
      <c r="J2844" s="1" t="s">
        <v>11221</v>
      </c>
    </row>
    <row r="2845" spans="1:10" x14ac:dyDescent="0.35">
      <c r="A2845" s="1" t="s">
        <v>11199</v>
      </c>
      <c r="B2845" s="1" t="s">
        <v>11200</v>
      </c>
      <c r="C2845" s="1" t="s">
        <v>35</v>
      </c>
      <c r="D2845" s="1" t="s">
        <v>11222</v>
      </c>
      <c r="E2845" s="1" t="s">
        <v>11223</v>
      </c>
      <c r="F2845" s="1" t="s">
        <v>11224</v>
      </c>
      <c r="G2845" s="1" t="s">
        <v>11204</v>
      </c>
      <c r="H2845" s="1" t="s">
        <v>13</v>
      </c>
      <c r="I2845" s="1" t="s">
        <v>11205</v>
      </c>
      <c r="J2845" s="1" t="s">
        <v>11225</v>
      </c>
    </row>
    <row r="2846" spans="1:10" x14ac:dyDescent="0.35">
      <c r="A2846" s="1" t="s">
        <v>11199</v>
      </c>
      <c r="B2846" s="1" t="s">
        <v>11200</v>
      </c>
      <c r="C2846" s="1" t="s">
        <v>40</v>
      </c>
      <c r="D2846" s="1" t="s">
        <v>11226</v>
      </c>
      <c r="E2846" s="1" t="s">
        <v>11227</v>
      </c>
      <c r="F2846" s="1" t="s">
        <v>11228</v>
      </c>
      <c r="G2846" s="1" t="s">
        <v>11204</v>
      </c>
      <c r="H2846" s="1" t="s">
        <v>13</v>
      </c>
      <c r="I2846" s="1" t="s">
        <v>11205</v>
      </c>
      <c r="J2846" s="1" t="s">
        <v>11229</v>
      </c>
    </row>
    <row r="2847" spans="1:10" x14ac:dyDescent="0.35">
      <c r="A2847" s="1" t="s">
        <v>11199</v>
      </c>
      <c r="B2847" s="1" t="s">
        <v>11200</v>
      </c>
      <c r="C2847" s="1" t="s">
        <v>45</v>
      </c>
      <c r="D2847" s="1" t="s">
        <v>11230</v>
      </c>
      <c r="E2847" s="1" t="s">
        <v>11231</v>
      </c>
      <c r="F2847" s="1" t="s">
        <v>11232</v>
      </c>
      <c r="G2847" s="1" t="s">
        <v>11204</v>
      </c>
      <c r="H2847" s="1" t="s">
        <v>13</v>
      </c>
      <c r="I2847" s="1" t="s">
        <v>11205</v>
      </c>
      <c r="J2847" s="1" t="s">
        <v>11233</v>
      </c>
    </row>
    <row r="2848" spans="1:10" x14ac:dyDescent="0.35">
      <c r="A2848" s="1" t="s">
        <v>11199</v>
      </c>
      <c r="B2848" s="1" t="s">
        <v>11200</v>
      </c>
      <c r="C2848" s="1" t="s">
        <v>50</v>
      </c>
      <c r="D2848" s="1" t="s">
        <v>11234</v>
      </c>
      <c r="E2848" s="1" t="s">
        <v>11235</v>
      </c>
      <c r="F2848" s="1" t="s">
        <v>11236</v>
      </c>
      <c r="G2848" s="1" t="s">
        <v>11204</v>
      </c>
      <c r="H2848" s="1" t="s">
        <v>13</v>
      </c>
      <c r="I2848" s="1" t="s">
        <v>11205</v>
      </c>
      <c r="J2848" s="1" t="s">
        <v>11237</v>
      </c>
    </row>
    <row r="2849" spans="1:10" x14ac:dyDescent="0.35">
      <c r="A2849" s="1" t="s">
        <v>11199</v>
      </c>
      <c r="B2849" s="1" t="s">
        <v>11200</v>
      </c>
      <c r="C2849" s="1" t="s">
        <v>55</v>
      </c>
      <c r="D2849" s="1" t="s">
        <v>11238</v>
      </c>
      <c r="E2849" s="1" t="s">
        <v>11239</v>
      </c>
      <c r="F2849" s="1" t="s">
        <v>11240</v>
      </c>
      <c r="G2849" s="1" t="s">
        <v>11204</v>
      </c>
      <c r="H2849" s="1" t="s">
        <v>13</v>
      </c>
      <c r="I2849" s="1" t="s">
        <v>11205</v>
      </c>
      <c r="J2849" s="1" t="s">
        <v>11241</v>
      </c>
    </row>
    <row r="2850" spans="1:10" x14ac:dyDescent="0.35">
      <c r="A2850" s="1" t="s">
        <v>11199</v>
      </c>
      <c r="B2850" s="1" t="s">
        <v>11200</v>
      </c>
      <c r="C2850" s="1" t="s">
        <v>60</v>
      </c>
      <c r="D2850" s="1" t="s">
        <v>11242</v>
      </c>
      <c r="E2850" s="1" t="s">
        <v>11243</v>
      </c>
      <c r="F2850" s="1" t="s">
        <v>11244</v>
      </c>
      <c r="G2850" s="1" t="s">
        <v>11204</v>
      </c>
      <c r="H2850" s="1" t="s">
        <v>13</v>
      </c>
      <c r="I2850" s="1" t="s">
        <v>11205</v>
      </c>
      <c r="J2850" s="1" t="s">
        <v>11245</v>
      </c>
    </row>
    <row r="2851" spans="1:10" x14ac:dyDescent="0.35">
      <c r="A2851" s="1" t="s">
        <v>11199</v>
      </c>
      <c r="B2851" s="1" t="s">
        <v>11200</v>
      </c>
      <c r="C2851" s="1" t="s">
        <v>65</v>
      </c>
      <c r="D2851" s="1" t="s">
        <v>11246</v>
      </c>
      <c r="E2851" s="1" t="s">
        <v>11247</v>
      </c>
      <c r="F2851" s="1" t="s">
        <v>11248</v>
      </c>
      <c r="G2851" s="1" t="s">
        <v>11204</v>
      </c>
      <c r="H2851" s="1" t="s">
        <v>13</v>
      </c>
      <c r="I2851" s="1" t="s">
        <v>11205</v>
      </c>
      <c r="J2851" s="1" t="s">
        <v>11249</v>
      </c>
    </row>
    <row r="2852" spans="1:10" x14ac:dyDescent="0.35">
      <c r="A2852" s="1" t="s">
        <v>11199</v>
      </c>
      <c r="B2852" s="1" t="s">
        <v>11200</v>
      </c>
      <c r="C2852" s="1" t="s">
        <v>70</v>
      </c>
      <c r="D2852" s="1" t="s">
        <v>11250</v>
      </c>
      <c r="E2852" s="1" t="s">
        <v>11251</v>
      </c>
      <c r="F2852" s="1" t="s">
        <v>11252</v>
      </c>
      <c r="G2852" s="1" t="s">
        <v>11204</v>
      </c>
      <c r="H2852" s="1" t="s">
        <v>13</v>
      </c>
      <c r="I2852" s="1" t="s">
        <v>11205</v>
      </c>
      <c r="J2852" s="1" t="s">
        <v>11253</v>
      </c>
    </row>
    <row r="2853" spans="1:10" x14ac:dyDescent="0.35">
      <c r="A2853" s="1" t="s">
        <v>11199</v>
      </c>
      <c r="B2853" s="1" t="s">
        <v>11200</v>
      </c>
      <c r="C2853" s="1" t="s">
        <v>75</v>
      </c>
      <c r="D2853" s="1" t="s">
        <v>11254</v>
      </c>
      <c r="E2853" s="1" t="s">
        <v>11255</v>
      </c>
      <c r="F2853" s="1" t="s">
        <v>11256</v>
      </c>
      <c r="G2853" s="1" t="s">
        <v>11204</v>
      </c>
      <c r="H2853" s="1" t="s">
        <v>13</v>
      </c>
      <c r="I2853" s="1" t="s">
        <v>11205</v>
      </c>
      <c r="J2853" s="1" t="s">
        <v>11257</v>
      </c>
    </row>
    <row r="2854" spans="1:10" x14ac:dyDescent="0.35">
      <c r="A2854" s="1" t="s">
        <v>11199</v>
      </c>
      <c r="B2854" s="1" t="s">
        <v>11200</v>
      </c>
      <c r="C2854" s="1" t="s">
        <v>80</v>
      </c>
      <c r="D2854" s="1" t="s">
        <v>11258</v>
      </c>
      <c r="E2854" s="1" t="s">
        <v>11259</v>
      </c>
      <c r="F2854" s="1" t="s">
        <v>11260</v>
      </c>
      <c r="G2854" s="1" t="s">
        <v>11204</v>
      </c>
      <c r="H2854" s="1" t="s">
        <v>13</v>
      </c>
      <c r="I2854" s="1" t="s">
        <v>11205</v>
      </c>
      <c r="J2854" s="1" t="s">
        <v>11261</v>
      </c>
    </row>
    <row r="2855" spans="1:10" x14ac:dyDescent="0.35">
      <c r="A2855" s="1" t="s">
        <v>11199</v>
      </c>
      <c r="B2855" s="1" t="s">
        <v>11200</v>
      </c>
      <c r="C2855" s="1" t="s">
        <v>85</v>
      </c>
      <c r="D2855" s="1" t="s">
        <v>11262</v>
      </c>
      <c r="E2855" s="1" t="s">
        <v>11263</v>
      </c>
      <c r="F2855" s="1" t="s">
        <v>11264</v>
      </c>
      <c r="G2855" s="1" t="s">
        <v>11204</v>
      </c>
      <c r="H2855" s="1" t="s">
        <v>13</v>
      </c>
      <c r="I2855" s="1" t="s">
        <v>11205</v>
      </c>
      <c r="J2855" s="1" t="s">
        <v>11265</v>
      </c>
    </row>
    <row r="2856" spans="1:10" x14ac:dyDescent="0.35">
      <c r="A2856" s="1" t="s">
        <v>11199</v>
      </c>
      <c r="B2856" s="1" t="s">
        <v>11200</v>
      </c>
      <c r="C2856" s="1" t="s">
        <v>90</v>
      </c>
      <c r="D2856" s="1" t="s">
        <v>11266</v>
      </c>
      <c r="E2856" s="1" t="s">
        <v>11267</v>
      </c>
      <c r="F2856" s="1" t="s">
        <v>11268</v>
      </c>
      <c r="G2856" s="1" t="s">
        <v>11204</v>
      </c>
      <c r="H2856" s="1" t="s">
        <v>13</v>
      </c>
      <c r="I2856" s="1" t="s">
        <v>11205</v>
      </c>
      <c r="J2856" s="1" t="s">
        <v>11269</v>
      </c>
    </row>
    <row r="2857" spans="1:10" x14ac:dyDescent="0.35">
      <c r="A2857" s="1" t="s">
        <v>11199</v>
      </c>
      <c r="B2857" s="1" t="s">
        <v>11200</v>
      </c>
      <c r="C2857" s="1" t="s">
        <v>95</v>
      </c>
      <c r="D2857" s="1" t="s">
        <v>11270</v>
      </c>
      <c r="E2857" s="1" t="s">
        <v>11271</v>
      </c>
      <c r="F2857" s="1" t="s">
        <v>11272</v>
      </c>
      <c r="G2857" s="1" t="s">
        <v>11204</v>
      </c>
      <c r="H2857" s="1" t="s">
        <v>13</v>
      </c>
      <c r="I2857" s="1" t="s">
        <v>11205</v>
      </c>
      <c r="J2857" s="1" t="s">
        <v>11273</v>
      </c>
    </row>
    <row r="2858" spans="1:10" x14ac:dyDescent="0.35">
      <c r="A2858" s="1" t="s">
        <v>11199</v>
      </c>
      <c r="B2858" s="1" t="s">
        <v>11200</v>
      </c>
      <c r="C2858" s="1" t="s">
        <v>100</v>
      </c>
      <c r="D2858" s="1" t="s">
        <v>11274</v>
      </c>
      <c r="E2858" s="1" t="s">
        <v>11275</v>
      </c>
      <c r="F2858" s="1" t="s">
        <v>11276</v>
      </c>
      <c r="G2858" s="1" t="s">
        <v>11204</v>
      </c>
      <c r="H2858" s="1" t="s">
        <v>13</v>
      </c>
      <c r="I2858" s="1" t="s">
        <v>11205</v>
      </c>
      <c r="J2858" s="1" t="s">
        <v>11277</v>
      </c>
    </row>
    <row r="2859" spans="1:10" x14ac:dyDescent="0.35">
      <c r="A2859" s="1" t="s">
        <v>11199</v>
      </c>
      <c r="B2859" s="1" t="s">
        <v>11200</v>
      </c>
      <c r="C2859" s="1" t="s">
        <v>105</v>
      </c>
      <c r="D2859" s="1" t="s">
        <v>11278</v>
      </c>
      <c r="E2859" s="1" t="s">
        <v>11279</v>
      </c>
      <c r="F2859" s="1" t="s">
        <v>11280</v>
      </c>
      <c r="G2859" s="1" t="s">
        <v>11204</v>
      </c>
      <c r="H2859" s="1" t="s">
        <v>13</v>
      </c>
      <c r="I2859" s="1" t="s">
        <v>11205</v>
      </c>
      <c r="J2859" s="1" t="s">
        <v>11281</v>
      </c>
    </row>
    <row r="2860" spans="1:10" x14ac:dyDescent="0.35">
      <c r="A2860" s="1" t="s">
        <v>11199</v>
      </c>
      <c r="B2860" s="1" t="s">
        <v>11200</v>
      </c>
      <c r="C2860" s="1" t="s">
        <v>110</v>
      </c>
      <c r="D2860" s="1" t="s">
        <v>11282</v>
      </c>
      <c r="E2860" s="1" t="s">
        <v>11283</v>
      </c>
      <c r="F2860" s="1" t="s">
        <v>11284</v>
      </c>
      <c r="G2860" s="1" t="s">
        <v>11204</v>
      </c>
      <c r="H2860" s="1" t="s">
        <v>13</v>
      </c>
      <c r="I2860" s="1" t="s">
        <v>11205</v>
      </c>
      <c r="J2860" s="1" t="s">
        <v>11285</v>
      </c>
    </row>
    <row r="2861" spans="1:10" x14ac:dyDescent="0.35">
      <c r="A2861" s="1" t="s">
        <v>11199</v>
      </c>
      <c r="B2861" s="1" t="s">
        <v>11200</v>
      </c>
      <c r="C2861" s="1" t="s">
        <v>115</v>
      </c>
      <c r="D2861" s="1" t="s">
        <v>11286</v>
      </c>
      <c r="E2861" s="1" t="s">
        <v>11287</v>
      </c>
      <c r="F2861" s="1" t="s">
        <v>11288</v>
      </c>
      <c r="G2861" s="1" t="s">
        <v>11204</v>
      </c>
      <c r="H2861" s="1" t="s">
        <v>13</v>
      </c>
      <c r="I2861" s="1" t="s">
        <v>11205</v>
      </c>
      <c r="J2861" s="1" t="s">
        <v>11289</v>
      </c>
    </row>
    <row r="2862" spans="1:10" x14ac:dyDescent="0.35">
      <c r="A2862" s="1" t="s">
        <v>11199</v>
      </c>
      <c r="B2862" s="1" t="s">
        <v>11200</v>
      </c>
      <c r="C2862" s="1" t="s">
        <v>120</v>
      </c>
      <c r="D2862" s="1" t="s">
        <v>11290</v>
      </c>
      <c r="E2862" s="1" t="s">
        <v>11291</v>
      </c>
      <c r="F2862" s="1" t="s">
        <v>11292</v>
      </c>
      <c r="G2862" s="1" t="s">
        <v>11204</v>
      </c>
      <c r="H2862" s="1" t="s">
        <v>13</v>
      </c>
      <c r="I2862" s="1" t="s">
        <v>11205</v>
      </c>
      <c r="J2862" s="1" t="s">
        <v>11293</v>
      </c>
    </row>
    <row r="2863" spans="1:10" x14ac:dyDescent="0.35">
      <c r="A2863" s="1" t="s">
        <v>11199</v>
      </c>
      <c r="B2863" s="1" t="s">
        <v>11200</v>
      </c>
      <c r="C2863" s="1" t="s">
        <v>125</v>
      </c>
      <c r="D2863" s="1" t="s">
        <v>11294</v>
      </c>
      <c r="E2863" s="1" t="s">
        <v>11295</v>
      </c>
      <c r="F2863" s="1" t="s">
        <v>11296</v>
      </c>
      <c r="G2863" s="1" t="s">
        <v>11204</v>
      </c>
      <c r="H2863" s="1" t="s">
        <v>13</v>
      </c>
      <c r="I2863" s="1" t="s">
        <v>11205</v>
      </c>
      <c r="J2863" s="1" t="s">
        <v>11297</v>
      </c>
    </row>
    <row r="2864" spans="1:10" x14ac:dyDescent="0.35">
      <c r="A2864" s="1" t="s">
        <v>11199</v>
      </c>
      <c r="B2864" s="1" t="s">
        <v>11200</v>
      </c>
      <c r="C2864" s="1" t="s">
        <v>130</v>
      </c>
      <c r="D2864" s="1" t="s">
        <v>11298</v>
      </c>
      <c r="E2864" s="1" t="s">
        <v>11299</v>
      </c>
      <c r="F2864" s="1" t="s">
        <v>11300</v>
      </c>
      <c r="G2864" s="1" t="s">
        <v>11204</v>
      </c>
      <c r="H2864" s="1" t="s">
        <v>13</v>
      </c>
      <c r="I2864" s="1" t="s">
        <v>11205</v>
      </c>
      <c r="J2864" s="1" t="s">
        <v>11301</v>
      </c>
    </row>
    <row r="2865" spans="1:10" x14ac:dyDescent="0.35">
      <c r="A2865" s="1" t="s">
        <v>11199</v>
      </c>
      <c r="B2865" s="1" t="s">
        <v>11200</v>
      </c>
      <c r="C2865" s="1" t="s">
        <v>135</v>
      </c>
      <c r="D2865" s="1" t="s">
        <v>11302</v>
      </c>
      <c r="E2865" s="1" t="s">
        <v>11303</v>
      </c>
      <c r="F2865" s="1" t="s">
        <v>11304</v>
      </c>
      <c r="G2865" s="1" t="s">
        <v>11204</v>
      </c>
      <c r="H2865" s="1" t="s">
        <v>13</v>
      </c>
      <c r="I2865" s="1" t="s">
        <v>11205</v>
      </c>
      <c r="J2865" s="1" t="s">
        <v>11305</v>
      </c>
    </row>
    <row r="2866" spans="1:10" x14ac:dyDescent="0.35">
      <c r="A2866" s="1" t="s">
        <v>11199</v>
      </c>
      <c r="B2866" s="1" t="s">
        <v>11200</v>
      </c>
      <c r="C2866" s="1" t="s">
        <v>140</v>
      </c>
      <c r="D2866" s="1" t="s">
        <v>11306</v>
      </c>
      <c r="E2866" s="1" t="s">
        <v>11307</v>
      </c>
      <c r="F2866" s="1" t="s">
        <v>11308</v>
      </c>
      <c r="G2866" s="1" t="s">
        <v>11204</v>
      </c>
      <c r="H2866" s="1" t="s">
        <v>13</v>
      </c>
      <c r="I2866" s="1" t="s">
        <v>11205</v>
      </c>
      <c r="J2866" s="1" t="s">
        <v>11309</v>
      </c>
    </row>
    <row r="2867" spans="1:10" x14ac:dyDescent="0.35">
      <c r="A2867" s="1" t="s">
        <v>11199</v>
      </c>
      <c r="B2867" s="1" t="s">
        <v>11200</v>
      </c>
      <c r="C2867" s="1" t="s">
        <v>145</v>
      </c>
      <c r="D2867" s="1" t="s">
        <v>11310</v>
      </c>
      <c r="E2867" s="1" t="s">
        <v>11311</v>
      </c>
      <c r="F2867" s="1" t="s">
        <v>11312</v>
      </c>
      <c r="G2867" s="1" t="s">
        <v>11204</v>
      </c>
      <c r="H2867" s="1" t="s">
        <v>13</v>
      </c>
      <c r="I2867" s="1" t="s">
        <v>11205</v>
      </c>
      <c r="J2867" s="1" t="s">
        <v>11313</v>
      </c>
    </row>
    <row r="2868" spans="1:10" x14ac:dyDescent="0.35">
      <c r="A2868" s="1" t="s">
        <v>11199</v>
      </c>
      <c r="B2868" s="1" t="s">
        <v>11200</v>
      </c>
      <c r="C2868" s="1" t="s">
        <v>150</v>
      </c>
      <c r="D2868" s="1" t="s">
        <v>11314</v>
      </c>
      <c r="E2868" s="1" t="s">
        <v>11315</v>
      </c>
      <c r="F2868" s="1" t="s">
        <v>11316</v>
      </c>
      <c r="G2868" s="1" t="s">
        <v>11204</v>
      </c>
      <c r="H2868" s="1" t="s">
        <v>13</v>
      </c>
      <c r="I2868" s="1" t="s">
        <v>11205</v>
      </c>
      <c r="J2868" s="1" t="s">
        <v>11317</v>
      </c>
    </row>
    <row r="2869" spans="1:10" x14ac:dyDescent="0.35">
      <c r="A2869" s="1" t="s">
        <v>11199</v>
      </c>
      <c r="B2869" s="1" t="s">
        <v>11200</v>
      </c>
      <c r="C2869" s="1" t="s">
        <v>155</v>
      </c>
      <c r="D2869" s="1" t="s">
        <v>11318</v>
      </c>
      <c r="E2869" s="1" t="s">
        <v>11319</v>
      </c>
      <c r="F2869" s="1" t="s">
        <v>11320</v>
      </c>
      <c r="G2869" s="1" t="s">
        <v>11204</v>
      </c>
      <c r="H2869" s="1" t="s">
        <v>13</v>
      </c>
      <c r="I2869" s="1" t="s">
        <v>11205</v>
      </c>
      <c r="J2869" s="1" t="s">
        <v>11321</v>
      </c>
    </row>
    <row r="2870" spans="1:10" x14ac:dyDescent="0.35">
      <c r="A2870" s="1" t="s">
        <v>11199</v>
      </c>
      <c r="B2870" s="1" t="s">
        <v>11200</v>
      </c>
      <c r="C2870" s="1" t="s">
        <v>160</v>
      </c>
      <c r="D2870" s="1" t="s">
        <v>11322</v>
      </c>
      <c r="E2870" s="1" t="s">
        <v>11323</v>
      </c>
      <c r="F2870" s="1" t="s">
        <v>11324</v>
      </c>
      <c r="G2870" s="1" t="s">
        <v>11204</v>
      </c>
      <c r="H2870" s="1" t="s">
        <v>13</v>
      </c>
      <c r="I2870" s="1" t="s">
        <v>11205</v>
      </c>
      <c r="J2870" s="1" t="s">
        <v>11325</v>
      </c>
    </row>
    <row r="2871" spans="1:10" x14ac:dyDescent="0.35">
      <c r="A2871" s="1" t="s">
        <v>11199</v>
      </c>
      <c r="B2871" s="1" t="s">
        <v>11200</v>
      </c>
      <c r="C2871" s="1" t="s">
        <v>165</v>
      </c>
      <c r="D2871" s="1" t="s">
        <v>11326</v>
      </c>
      <c r="E2871" s="1" t="s">
        <v>11327</v>
      </c>
      <c r="F2871" s="1" t="s">
        <v>11328</v>
      </c>
      <c r="G2871" s="1" t="s">
        <v>11204</v>
      </c>
      <c r="H2871" s="1" t="s">
        <v>13</v>
      </c>
      <c r="I2871" s="1" t="s">
        <v>11205</v>
      </c>
      <c r="J2871" s="1" t="s">
        <v>11329</v>
      </c>
    </row>
    <row r="2872" spans="1:10" x14ac:dyDescent="0.35">
      <c r="A2872" s="1" t="s">
        <v>11199</v>
      </c>
      <c r="B2872" s="1" t="s">
        <v>11200</v>
      </c>
      <c r="C2872" s="1" t="s">
        <v>170</v>
      </c>
      <c r="D2872" s="1" t="s">
        <v>11330</v>
      </c>
      <c r="E2872" s="1" t="s">
        <v>11331</v>
      </c>
      <c r="F2872" s="1" t="s">
        <v>11332</v>
      </c>
      <c r="G2872" s="1" t="s">
        <v>11204</v>
      </c>
      <c r="H2872" s="1" t="s">
        <v>13</v>
      </c>
      <c r="I2872" s="1" t="s">
        <v>11205</v>
      </c>
      <c r="J2872" s="1" t="s">
        <v>11333</v>
      </c>
    </row>
    <row r="2873" spans="1:10" x14ac:dyDescent="0.35">
      <c r="A2873" s="1" t="s">
        <v>11334</v>
      </c>
      <c r="B2873" s="1" t="s">
        <v>11335</v>
      </c>
      <c r="C2873" s="1" t="s">
        <v>8</v>
      </c>
      <c r="D2873" s="1" t="s">
        <v>11336</v>
      </c>
      <c r="E2873" s="1" t="s">
        <v>11337</v>
      </c>
      <c r="F2873" s="1" t="s">
        <v>11338</v>
      </c>
      <c r="G2873" s="1" t="s">
        <v>11339</v>
      </c>
      <c r="H2873" s="1" t="s">
        <v>13</v>
      </c>
      <c r="I2873" s="1" t="s">
        <v>11340</v>
      </c>
      <c r="J2873" s="1" t="s">
        <v>13</v>
      </c>
    </row>
    <row r="2874" spans="1:10" x14ac:dyDescent="0.35">
      <c r="A2874" s="1" t="s">
        <v>11334</v>
      </c>
      <c r="B2874" s="1" t="s">
        <v>11335</v>
      </c>
      <c r="C2874" s="1" t="s">
        <v>15</v>
      </c>
      <c r="D2874" s="1" t="s">
        <v>11341</v>
      </c>
      <c r="E2874" s="1" t="s">
        <v>11342</v>
      </c>
      <c r="F2874" s="1" t="s">
        <v>11343</v>
      </c>
      <c r="G2874" s="1" t="s">
        <v>11339</v>
      </c>
      <c r="H2874" s="1" t="s">
        <v>13</v>
      </c>
      <c r="I2874" s="1" t="s">
        <v>11340</v>
      </c>
      <c r="J2874" s="1" t="s">
        <v>11344</v>
      </c>
    </row>
    <row r="2875" spans="1:10" x14ac:dyDescent="0.35">
      <c r="A2875" s="1" t="s">
        <v>11334</v>
      </c>
      <c r="B2875" s="1" t="s">
        <v>11335</v>
      </c>
      <c r="C2875" s="1" t="s">
        <v>20</v>
      </c>
      <c r="D2875" s="1" t="s">
        <v>11345</v>
      </c>
      <c r="E2875" s="1" t="s">
        <v>11346</v>
      </c>
      <c r="F2875" s="1" t="s">
        <v>11347</v>
      </c>
      <c r="G2875" s="1" t="s">
        <v>11339</v>
      </c>
      <c r="H2875" s="1" t="s">
        <v>13</v>
      </c>
      <c r="I2875" s="1" t="s">
        <v>11340</v>
      </c>
      <c r="J2875" s="1" t="s">
        <v>11348</v>
      </c>
    </row>
    <row r="2876" spans="1:10" x14ac:dyDescent="0.35">
      <c r="A2876" s="1" t="s">
        <v>11334</v>
      </c>
      <c r="B2876" s="1" t="s">
        <v>11335</v>
      </c>
      <c r="C2876" s="1" t="s">
        <v>25</v>
      </c>
      <c r="D2876" s="1" t="s">
        <v>11349</v>
      </c>
      <c r="E2876" s="1" t="s">
        <v>11350</v>
      </c>
      <c r="F2876" s="1" t="s">
        <v>11351</v>
      </c>
      <c r="G2876" s="1" t="s">
        <v>11339</v>
      </c>
      <c r="H2876" s="1" t="s">
        <v>13</v>
      </c>
      <c r="I2876" s="1" t="s">
        <v>11340</v>
      </c>
      <c r="J2876" s="1" t="s">
        <v>11352</v>
      </c>
    </row>
    <row r="2877" spans="1:10" x14ac:dyDescent="0.35">
      <c r="A2877" s="1" t="s">
        <v>11334</v>
      </c>
      <c r="B2877" s="1" t="s">
        <v>11335</v>
      </c>
      <c r="C2877" s="1" t="s">
        <v>30</v>
      </c>
      <c r="D2877" s="1" t="s">
        <v>11353</v>
      </c>
      <c r="E2877" s="1" t="s">
        <v>11354</v>
      </c>
      <c r="F2877" s="1" t="s">
        <v>11355</v>
      </c>
      <c r="G2877" s="1" t="s">
        <v>11339</v>
      </c>
      <c r="H2877" s="1" t="s">
        <v>13</v>
      </c>
      <c r="I2877" s="1" t="s">
        <v>11340</v>
      </c>
      <c r="J2877" s="1" t="s">
        <v>11356</v>
      </c>
    </row>
    <row r="2878" spans="1:10" x14ac:dyDescent="0.35">
      <c r="A2878" s="1" t="s">
        <v>11334</v>
      </c>
      <c r="B2878" s="1" t="s">
        <v>11335</v>
      </c>
      <c r="C2878" s="1" t="s">
        <v>35</v>
      </c>
      <c r="D2878" s="1" t="s">
        <v>11357</v>
      </c>
      <c r="E2878" s="1" t="s">
        <v>11358</v>
      </c>
      <c r="F2878" s="1" t="s">
        <v>11359</v>
      </c>
      <c r="G2878" s="1" t="s">
        <v>11339</v>
      </c>
      <c r="H2878" s="1" t="s">
        <v>13</v>
      </c>
      <c r="I2878" s="1" t="s">
        <v>11340</v>
      </c>
      <c r="J2878" s="1" t="s">
        <v>11360</v>
      </c>
    </row>
    <row r="2879" spans="1:10" x14ac:dyDescent="0.35">
      <c r="A2879" s="1" t="s">
        <v>11334</v>
      </c>
      <c r="B2879" s="1" t="s">
        <v>11335</v>
      </c>
      <c r="C2879" s="1" t="s">
        <v>40</v>
      </c>
      <c r="D2879" s="1" t="s">
        <v>11361</v>
      </c>
      <c r="E2879" s="1" t="s">
        <v>11362</v>
      </c>
      <c r="F2879" s="1" t="s">
        <v>11363</v>
      </c>
      <c r="G2879" s="1" t="s">
        <v>11339</v>
      </c>
      <c r="H2879" s="1" t="s">
        <v>13</v>
      </c>
      <c r="I2879" s="1" t="s">
        <v>11340</v>
      </c>
      <c r="J2879" s="1" t="s">
        <v>11364</v>
      </c>
    </row>
    <row r="2880" spans="1:10" x14ac:dyDescent="0.35">
      <c r="A2880" s="1" t="s">
        <v>11334</v>
      </c>
      <c r="B2880" s="1" t="s">
        <v>11335</v>
      </c>
      <c r="C2880" s="1" t="s">
        <v>45</v>
      </c>
      <c r="D2880" s="1" t="s">
        <v>11365</v>
      </c>
      <c r="E2880" s="1" t="s">
        <v>11366</v>
      </c>
      <c r="F2880" s="1" t="s">
        <v>11367</v>
      </c>
      <c r="G2880" s="1" t="s">
        <v>11339</v>
      </c>
      <c r="H2880" s="1" t="s">
        <v>13</v>
      </c>
      <c r="I2880" s="1" t="s">
        <v>11340</v>
      </c>
      <c r="J2880" s="1" t="s">
        <v>11368</v>
      </c>
    </row>
    <row r="2881" spans="1:10" x14ac:dyDescent="0.35">
      <c r="A2881" s="1" t="s">
        <v>11334</v>
      </c>
      <c r="B2881" s="1" t="s">
        <v>11335</v>
      </c>
      <c r="C2881" s="1" t="s">
        <v>50</v>
      </c>
      <c r="D2881" s="1" t="s">
        <v>11369</v>
      </c>
      <c r="E2881" s="1" t="s">
        <v>11370</v>
      </c>
      <c r="F2881" s="1" t="s">
        <v>11371</v>
      </c>
      <c r="G2881" s="1" t="s">
        <v>11339</v>
      </c>
      <c r="H2881" s="1" t="s">
        <v>13</v>
      </c>
      <c r="I2881" s="1" t="s">
        <v>11340</v>
      </c>
      <c r="J2881" s="1" t="s">
        <v>11372</v>
      </c>
    </row>
    <row r="2882" spans="1:10" x14ac:dyDescent="0.35">
      <c r="A2882" s="1" t="s">
        <v>11334</v>
      </c>
      <c r="B2882" s="1" t="s">
        <v>11335</v>
      </c>
      <c r="C2882" s="1" t="s">
        <v>55</v>
      </c>
      <c r="D2882" s="1" t="s">
        <v>11373</v>
      </c>
      <c r="E2882" s="1" t="s">
        <v>11374</v>
      </c>
      <c r="F2882" s="1" t="s">
        <v>11375</v>
      </c>
      <c r="G2882" s="1" t="s">
        <v>11339</v>
      </c>
      <c r="H2882" s="1" t="s">
        <v>13</v>
      </c>
      <c r="I2882" s="1" t="s">
        <v>11340</v>
      </c>
      <c r="J2882" s="1" t="s">
        <v>11376</v>
      </c>
    </row>
    <row r="2883" spans="1:10" x14ac:dyDescent="0.35">
      <c r="A2883" s="1" t="s">
        <v>11334</v>
      </c>
      <c r="B2883" s="1" t="s">
        <v>11335</v>
      </c>
      <c r="C2883" s="1" t="s">
        <v>60</v>
      </c>
      <c r="D2883" s="1" t="s">
        <v>11377</v>
      </c>
      <c r="E2883" s="1" t="s">
        <v>11378</v>
      </c>
      <c r="F2883" s="1" t="s">
        <v>11379</v>
      </c>
      <c r="G2883" s="1" t="s">
        <v>11339</v>
      </c>
      <c r="H2883" s="1" t="s">
        <v>13</v>
      </c>
      <c r="I2883" s="1" t="s">
        <v>11340</v>
      </c>
      <c r="J2883" s="1" t="s">
        <v>11380</v>
      </c>
    </row>
    <row r="2884" spans="1:10" x14ac:dyDescent="0.35">
      <c r="A2884" s="1" t="s">
        <v>11334</v>
      </c>
      <c r="B2884" s="1" t="s">
        <v>11335</v>
      </c>
      <c r="C2884" s="1" t="s">
        <v>65</v>
      </c>
      <c r="D2884" s="1" t="s">
        <v>11381</v>
      </c>
      <c r="E2884" s="1" t="s">
        <v>11382</v>
      </c>
      <c r="F2884" s="1" t="s">
        <v>11383</v>
      </c>
      <c r="G2884" s="1" t="s">
        <v>11339</v>
      </c>
      <c r="H2884" s="1" t="s">
        <v>13</v>
      </c>
      <c r="I2884" s="1" t="s">
        <v>11340</v>
      </c>
      <c r="J2884" s="1" t="s">
        <v>11384</v>
      </c>
    </row>
    <row r="2885" spans="1:10" x14ac:dyDescent="0.35">
      <c r="A2885" s="1" t="s">
        <v>11334</v>
      </c>
      <c r="B2885" s="1" t="s">
        <v>11335</v>
      </c>
      <c r="C2885" s="1" t="s">
        <v>70</v>
      </c>
      <c r="D2885" s="1" t="s">
        <v>11385</v>
      </c>
      <c r="E2885" s="1" t="s">
        <v>11386</v>
      </c>
      <c r="F2885" s="1" t="s">
        <v>11387</v>
      </c>
      <c r="G2885" s="1" t="s">
        <v>11339</v>
      </c>
      <c r="H2885" s="1" t="s">
        <v>13</v>
      </c>
      <c r="I2885" s="1" t="s">
        <v>11340</v>
      </c>
      <c r="J2885" s="1" t="s">
        <v>11388</v>
      </c>
    </row>
    <row r="2886" spans="1:10" x14ac:dyDescent="0.35">
      <c r="A2886" s="1" t="s">
        <v>11334</v>
      </c>
      <c r="B2886" s="1" t="s">
        <v>11335</v>
      </c>
      <c r="C2886" s="1" t="s">
        <v>75</v>
      </c>
      <c r="D2886" s="1" t="s">
        <v>11389</v>
      </c>
      <c r="E2886" s="1" t="s">
        <v>11390</v>
      </c>
      <c r="F2886" s="1" t="s">
        <v>11391</v>
      </c>
      <c r="G2886" s="1" t="s">
        <v>11339</v>
      </c>
      <c r="H2886" s="1" t="s">
        <v>13</v>
      </c>
      <c r="I2886" s="1" t="s">
        <v>11340</v>
      </c>
      <c r="J2886" s="1" t="s">
        <v>11392</v>
      </c>
    </row>
    <row r="2887" spans="1:10" x14ac:dyDescent="0.35">
      <c r="A2887" s="1" t="s">
        <v>11334</v>
      </c>
      <c r="B2887" s="1" t="s">
        <v>11335</v>
      </c>
      <c r="C2887" s="1" t="s">
        <v>80</v>
      </c>
      <c r="D2887" s="1" t="s">
        <v>11393</v>
      </c>
      <c r="E2887" s="1" t="s">
        <v>11394</v>
      </c>
      <c r="F2887" s="1" t="s">
        <v>11395</v>
      </c>
      <c r="G2887" s="1" t="s">
        <v>11339</v>
      </c>
      <c r="H2887" s="1" t="s">
        <v>13</v>
      </c>
      <c r="I2887" s="1" t="s">
        <v>11340</v>
      </c>
      <c r="J2887" s="1" t="s">
        <v>11396</v>
      </c>
    </row>
    <row r="2888" spans="1:10" x14ac:dyDescent="0.35">
      <c r="A2888" s="1" t="s">
        <v>11334</v>
      </c>
      <c r="B2888" s="1" t="s">
        <v>11335</v>
      </c>
      <c r="C2888" s="1" t="s">
        <v>85</v>
      </c>
      <c r="D2888" s="1" t="s">
        <v>11397</v>
      </c>
      <c r="E2888" s="1" t="s">
        <v>11398</v>
      </c>
      <c r="F2888" s="1" t="s">
        <v>11399</v>
      </c>
      <c r="G2888" s="1" t="s">
        <v>11339</v>
      </c>
      <c r="H2888" s="1" t="s">
        <v>13</v>
      </c>
      <c r="I2888" s="1" t="s">
        <v>11340</v>
      </c>
      <c r="J2888" s="1" t="s">
        <v>11400</v>
      </c>
    </row>
    <row r="2889" spans="1:10" x14ac:dyDescent="0.35">
      <c r="A2889" s="1" t="s">
        <v>11334</v>
      </c>
      <c r="B2889" s="1" t="s">
        <v>11335</v>
      </c>
      <c r="C2889" s="1" t="s">
        <v>90</v>
      </c>
      <c r="D2889" s="1" t="s">
        <v>11401</v>
      </c>
      <c r="E2889" s="1" t="s">
        <v>11402</v>
      </c>
      <c r="F2889" s="1" t="s">
        <v>11403</v>
      </c>
      <c r="G2889" s="1" t="s">
        <v>11339</v>
      </c>
      <c r="H2889" s="1" t="s">
        <v>13</v>
      </c>
      <c r="I2889" s="1" t="s">
        <v>11340</v>
      </c>
      <c r="J2889" s="1" t="s">
        <v>11404</v>
      </c>
    </row>
    <row r="2890" spans="1:10" x14ac:dyDescent="0.35">
      <c r="A2890" s="1" t="s">
        <v>11334</v>
      </c>
      <c r="B2890" s="1" t="s">
        <v>11335</v>
      </c>
      <c r="C2890" s="1" t="s">
        <v>95</v>
      </c>
      <c r="D2890" s="1" t="s">
        <v>11405</v>
      </c>
      <c r="E2890" s="1" t="s">
        <v>11406</v>
      </c>
      <c r="F2890" s="1" t="s">
        <v>11407</v>
      </c>
      <c r="G2890" s="1" t="s">
        <v>11339</v>
      </c>
      <c r="H2890" s="1" t="s">
        <v>13</v>
      </c>
      <c r="I2890" s="1" t="s">
        <v>11340</v>
      </c>
      <c r="J2890" s="1" t="s">
        <v>11408</v>
      </c>
    </row>
    <row r="2891" spans="1:10" x14ac:dyDescent="0.35">
      <c r="A2891" s="1" t="s">
        <v>11334</v>
      </c>
      <c r="B2891" s="1" t="s">
        <v>11335</v>
      </c>
      <c r="C2891" s="1" t="s">
        <v>100</v>
      </c>
      <c r="D2891" s="1" t="s">
        <v>11409</v>
      </c>
      <c r="E2891" s="1" t="s">
        <v>11410</v>
      </c>
      <c r="F2891" s="1" t="s">
        <v>11411</v>
      </c>
      <c r="G2891" s="1" t="s">
        <v>11339</v>
      </c>
      <c r="H2891" s="1" t="s">
        <v>13</v>
      </c>
      <c r="I2891" s="1" t="s">
        <v>11340</v>
      </c>
      <c r="J2891" s="1" t="s">
        <v>11412</v>
      </c>
    </row>
    <row r="2892" spans="1:10" x14ac:dyDescent="0.35">
      <c r="A2892" s="1" t="s">
        <v>11334</v>
      </c>
      <c r="B2892" s="1" t="s">
        <v>11335</v>
      </c>
      <c r="C2892" s="1" t="s">
        <v>105</v>
      </c>
      <c r="D2892" s="1" t="s">
        <v>11413</v>
      </c>
      <c r="E2892" s="1" t="s">
        <v>11414</v>
      </c>
      <c r="F2892" s="1" t="s">
        <v>11415</v>
      </c>
      <c r="G2892" s="1" t="s">
        <v>11339</v>
      </c>
      <c r="H2892" s="1" t="s">
        <v>13</v>
      </c>
      <c r="I2892" s="1" t="s">
        <v>11340</v>
      </c>
      <c r="J2892" s="1" t="s">
        <v>11416</v>
      </c>
    </row>
    <row r="2893" spans="1:10" x14ac:dyDescent="0.35">
      <c r="A2893" s="1" t="s">
        <v>11334</v>
      </c>
      <c r="B2893" s="1" t="s">
        <v>11335</v>
      </c>
      <c r="C2893" s="1" t="s">
        <v>110</v>
      </c>
      <c r="D2893" s="1" t="s">
        <v>11417</v>
      </c>
      <c r="E2893" s="1" t="s">
        <v>11418</v>
      </c>
      <c r="F2893" s="1" t="s">
        <v>11419</v>
      </c>
      <c r="G2893" s="1" t="s">
        <v>11339</v>
      </c>
      <c r="H2893" s="1" t="s">
        <v>13</v>
      </c>
      <c r="I2893" s="1" t="s">
        <v>11340</v>
      </c>
      <c r="J2893" s="1" t="s">
        <v>11420</v>
      </c>
    </row>
    <row r="2894" spans="1:10" x14ac:dyDescent="0.35">
      <c r="A2894" s="1" t="s">
        <v>11334</v>
      </c>
      <c r="B2894" s="1" t="s">
        <v>11335</v>
      </c>
      <c r="C2894" s="1" t="s">
        <v>115</v>
      </c>
      <c r="D2894" s="1" t="s">
        <v>11421</v>
      </c>
      <c r="E2894" s="1" t="s">
        <v>11422</v>
      </c>
      <c r="F2894" s="1" t="s">
        <v>11423</v>
      </c>
      <c r="G2894" s="1" t="s">
        <v>11339</v>
      </c>
      <c r="H2894" s="1" t="s">
        <v>13</v>
      </c>
      <c r="I2894" s="1" t="s">
        <v>11340</v>
      </c>
      <c r="J2894" s="1" t="s">
        <v>11424</v>
      </c>
    </row>
    <row r="2895" spans="1:10" x14ac:dyDescent="0.35">
      <c r="A2895" s="1" t="s">
        <v>11334</v>
      </c>
      <c r="B2895" s="1" t="s">
        <v>11335</v>
      </c>
      <c r="C2895" s="1" t="s">
        <v>120</v>
      </c>
      <c r="D2895" s="1" t="s">
        <v>11425</v>
      </c>
      <c r="E2895" s="1" t="s">
        <v>11426</v>
      </c>
      <c r="F2895" s="1" t="s">
        <v>11427</v>
      </c>
      <c r="G2895" s="1" t="s">
        <v>11339</v>
      </c>
      <c r="H2895" s="1" t="s">
        <v>13</v>
      </c>
      <c r="I2895" s="1" t="s">
        <v>11340</v>
      </c>
      <c r="J2895" s="1" t="s">
        <v>11428</v>
      </c>
    </row>
    <row r="2896" spans="1:10" x14ac:dyDescent="0.35">
      <c r="A2896" s="1" t="s">
        <v>11334</v>
      </c>
      <c r="B2896" s="1" t="s">
        <v>11335</v>
      </c>
      <c r="C2896" s="1" t="s">
        <v>125</v>
      </c>
      <c r="D2896" s="1" t="s">
        <v>11429</v>
      </c>
      <c r="E2896" s="1" t="s">
        <v>11430</v>
      </c>
      <c r="F2896" s="1" t="s">
        <v>11431</v>
      </c>
      <c r="G2896" s="1" t="s">
        <v>11339</v>
      </c>
      <c r="H2896" s="1" t="s">
        <v>13</v>
      </c>
      <c r="I2896" s="1" t="s">
        <v>11340</v>
      </c>
      <c r="J2896" s="1" t="s">
        <v>11432</v>
      </c>
    </row>
    <row r="2897" spans="1:10" x14ac:dyDescent="0.35">
      <c r="A2897" s="1" t="s">
        <v>11334</v>
      </c>
      <c r="B2897" s="1" t="s">
        <v>11335</v>
      </c>
      <c r="C2897" s="1" t="s">
        <v>130</v>
      </c>
      <c r="D2897" s="1" t="s">
        <v>11433</v>
      </c>
      <c r="E2897" s="1" t="s">
        <v>11434</v>
      </c>
      <c r="F2897" s="1" t="s">
        <v>11435</v>
      </c>
      <c r="G2897" s="1" t="s">
        <v>11339</v>
      </c>
      <c r="H2897" s="1" t="s">
        <v>13</v>
      </c>
      <c r="I2897" s="1" t="s">
        <v>11340</v>
      </c>
      <c r="J2897" s="1" t="s">
        <v>11436</v>
      </c>
    </row>
    <row r="2898" spans="1:10" x14ac:dyDescent="0.35">
      <c r="A2898" s="1" t="s">
        <v>11334</v>
      </c>
      <c r="B2898" s="1" t="s">
        <v>11335</v>
      </c>
      <c r="C2898" s="1" t="s">
        <v>135</v>
      </c>
      <c r="D2898" s="1" t="s">
        <v>11437</v>
      </c>
      <c r="E2898" s="1" t="s">
        <v>11438</v>
      </c>
      <c r="F2898" s="1" t="s">
        <v>11439</v>
      </c>
      <c r="G2898" s="1" t="s">
        <v>11339</v>
      </c>
      <c r="H2898" s="1" t="s">
        <v>13</v>
      </c>
      <c r="I2898" s="1" t="s">
        <v>11340</v>
      </c>
      <c r="J2898" s="1" t="s">
        <v>11440</v>
      </c>
    </row>
    <row r="2899" spans="1:10" x14ac:dyDescent="0.35">
      <c r="A2899" s="1" t="s">
        <v>11334</v>
      </c>
      <c r="B2899" s="1" t="s">
        <v>11335</v>
      </c>
      <c r="C2899" s="1" t="s">
        <v>140</v>
      </c>
      <c r="D2899" s="1" t="s">
        <v>11441</v>
      </c>
      <c r="E2899" s="1" t="s">
        <v>11442</v>
      </c>
      <c r="F2899" s="1" t="s">
        <v>11443</v>
      </c>
      <c r="G2899" s="1" t="s">
        <v>11339</v>
      </c>
      <c r="H2899" s="1" t="s">
        <v>13</v>
      </c>
      <c r="I2899" s="1" t="s">
        <v>11340</v>
      </c>
      <c r="J2899" s="1" t="s">
        <v>11444</v>
      </c>
    </row>
    <row r="2900" spans="1:10" x14ac:dyDescent="0.35">
      <c r="A2900" s="1" t="s">
        <v>11334</v>
      </c>
      <c r="B2900" s="1" t="s">
        <v>11335</v>
      </c>
      <c r="C2900" s="1" t="s">
        <v>145</v>
      </c>
      <c r="D2900" s="1" t="s">
        <v>11445</v>
      </c>
      <c r="E2900" s="1" t="s">
        <v>11446</v>
      </c>
      <c r="F2900" s="1" t="s">
        <v>11447</v>
      </c>
      <c r="G2900" s="1" t="s">
        <v>11339</v>
      </c>
      <c r="H2900" s="1" t="s">
        <v>13</v>
      </c>
      <c r="I2900" s="1" t="s">
        <v>11340</v>
      </c>
      <c r="J2900" s="1" t="s">
        <v>11448</v>
      </c>
    </row>
    <row r="2901" spans="1:10" x14ac:dyDescent="0.35">
      <c r="A2901" s="1" t="s">
        <v>11334</v>
      </c>
      <c r="B2901" s="1" t="s">
        <v>11335</v>
      </c>
      <c r="C2901" s="1" t="s">
        <v>150</v>
      </c>
      <c r="D2901" s="1" t="s">
        <v>11449</v>
      </c>
      <c r="E2901" s="1" t="s">
        <v>11450</v>
      </c>
      <c r="F2901" s="1" t="s">
        <v>11451</v>
      </c>
      <c r="G2901" s="1" t="s">
        <v>11339</v>
      </c>
      <c r="H2901" s="1" t="s">
        <v>13</v>
      </c>
      <c r="I2901" s="1" t="s">
        <v>11340</v>
      </c>
      <c r="J2901" s="1" t="s">
        <v>11452</v>
      </c>
    </row>
    <row r="2902" spans="1:10" x14ac:dyDescent="0.35">
      <c r="A2902" s="1" t="s">
        <v>11334</v>
      </c>
      <c r="B2902" s="1" t="s">
        <v>11335</v>
      </c>
      <c r="C2902" s="1" t="s">
        <v>155</v>
      </c>
      <c r="D2902" s="1" t="s">
        <v>11453</v>
      </c>
      <c r="E2902" s="1" t="s">
        <v>11454</v>
      </c>
      <c r="F2902" s="1" t="s">
        <v>11455</v>
      </c>
      <c r="G2902" s="1" t="s">
        <v>11339</v>
      </c>
      <c r="H2902" s="1" t="s">
        <v>13</v>
      </c>
      <c r="I2902" s="1" t="s">
        <v>11340</v>
      </c>
      <c r="J2902" s="1" t="s">
        <v>11456</v>
      </c>
    </row>
    <row r="2903" spans="1:10" x14ac:dyDescent="0.35">
      <c r="A2903" s="1" t="s">
        <v>11334</v>
      </c>
      <c r="B2903" s="1" t="s">
        <v>11335</v>
      </c>
      <c r="C2903" s="1" t="s">
        <v>160</v>
      </c>
      <c r="D2903" s="1" t="s">
        <v>11457</v>
      </c>
      <c r="E2903" s="1" t="s">
        <v>11458</v>
      </c>
      <c r="F2903" s="1" t="s">
        <v>11459</v>
      </c>
      <c r="G2903" s="1" t="s">
        <v>11339</v>
      </c>
      <c r="H2903" s="1" t="s">
        <v>13</v>
      </c>
      <c r="I2903" s="1" t="s">
        <v>11340</v>
      </c>
      <c r="J2903" s="1" t="s">
        <v>11460</v>
      </c>
    </row>
    <row r="2904" spans="1:10" x14ac:dyDescent="0.35">
      <c r="A2904" s="1" t="s">
        <v>11334</v>
      </c>
      <c r="B2904" s="1" t="s">
        <v>11335</v>
      </c>
      <c r="C2904" s="1" t="s">
        <v>165</v>
      </c>
      <c r="D2904" s="1" t="s">
        <v>11461</v>
      </c>
      <c r="E2904" s="1" t="s">
        <v>11462</v>
      </c>
      <c r="F2904" s="1" t="s">
        <v>11463</v>
      </c>
      <c r="G2904" s="1" t="s">
        <v>11339</v>
      </c>
      <c r="H2904" s="1" t="s">
        <v>13</v>
      </c>
      <c r="I2904" s="1" t="s">
        <v>11340</v>
      </c>
      <c r="J2904" s="1" t="s">
        <v>11464</v>
      </c>
    </row>
    <row r="2905" spans="1:10" x14ac:dyDescent="0.35">
      <c r="A2905" s="1" t="s">
        <v>11334</v>
      </c>
      <c r="B2905" s="1" t="s">
        <v>11335</v>
      </c>
      <c r="C2905" s="1" t="s">
        <v>170</v>
      </c>
      <c r="D2905" s="1" t="s">
        <v>7657</v>
      </c>
      <c r="E2905" s="1" t="s">
        <v>11465</v>
      </c>
      <c r="F2905" s="1" t="s">
        <v>11466</v>
      </c>
      <c r="G2905" s="1" t="s">
        <v>11339</v>
      </c>
      <c r="H2905" s="1" t="s">
        <v>13</v>
      </c>
      <c r="I2905" s="1" t="s">
        <v>11340</v>
      </c>
      <c r="J2905" s="1" t="s">
        <v>11467</v>
      </c>
    </row>
    <row r="2906" spans="1:10" x14ac:dyDescent="0.35">
      <c r="A2906" s="1" t="s">
        <v>11468</v>
      </c>
      <c r="B2906" s="1" t="s">
        <v>11469</v>
      </c>
      <c r="C2906" s="1" t="s">
        <v>8</v>
      </c>
      <c r="D2906" s="1" t="s">
        <v>11470</v>
      </c>
      <c r="E2906" s="1" t="s">
        <v>11471</v>
      </c>
      <c r="F2906" s="1" t="s">
        <v>11472</v>
      </c>
      <c r="G2906" s="1" t="s">
        <v>11473</v>
      </c>
      <c r="H2906" s="1" t="s">
        <v>13</v>
      </c>
      <c r="I2906" s="1" t="s">
        <v>11474</v>
      </c>
      <c r="J2906" s="1" t="s">
        <v>13</v>
      </c>
    </row>
    <row r="2907" spans="1:10" x14ac:dyDescent="0.35">
      <c r="A2907" s="1" t="s">
        <v>11468</v>
      </c>
      <c r="B2907" s="1" t="s">
        <v>11469</v>
      </c>
      <c r="C2907" s="1" t="s">
        <v>15</v>
      </c>
      <c r="D2907" s="1" t="s">
        <v>11475</v>
      </c>
      <c r="E2907" s="1" t="s">
        <v>11476</v>
      </c>
      <c r="F2907" s="1" t="s">
        <v>11477</v>
      </c>
      <c r="G2907" s="1" t="s">
        <v>11473</v>
      </c>
      <c r="H2907" s="1" t="s">
        <v>13</v>
      </c>
      <c r="I2907" s="1" t="s">
        <v>11474</v>
      </c>
      <c r="J2907" s="1" t="s">
        <v>11478</v>
      </c>
    </row>
    <row r="2908" spans="1:10" x14ac:dyDescent="0.35">
      <c r="A2908" s="1" t="s">
        <v>11468</v>
      </c>
      <c r="B2908" s="1" t="s">
        <v>11469</v>
      </c>
      <c r="C2908" s="1" t="s">
        <v>20</v>
      </c>
      <c r="D2908" s="1" t="s">
        <v>11479</v>
      </c>
      <c r="E2908" s="1" t="s">
        <v>11480</v>
      </c>
      <c r="F2908" s="1" t="s">
        <v>11481</v>
      </c>
      <c r="G2908" s="1" t="s">
        <v>11473</v>
      </c>
      <c r="H2908" s="1" t="s">
        <v>13</v>
      </c>
      <c r="I2908" s="1" t="s">
        <v>11474</v>
      </c>
      <c r="J2908" s="1" t="s">
        <v>11482</v>
      </c>
    </row>
    <row r="2909" spans="1:10" x14ac:dyDescent="0.35">
      <c r="A2909" s="1" t="s">
        <v>11468</v>
      </c>
      <c r="B2909" s="1" t="s">
        <v>11469</v>
      </c>
      <c r="C2909" s="1" t="s">
        <v>25</v>
      </c>
      <c r="D2909" s="1" t="s">
        <v>11483</v>
      </c>
      <c r="E2909" s="1" t="s">
        <v>11484</v>
      </c>
      <c r="F2909" s="1" t="s">
        <v>11485</v>
      </c>
      <c r="G2909" s="1" t="s">
        <v>11473</v>
      </c>
      <c r="H2909" s="1" t="s">
        <v>13</v>
      </c>
      <c r="I2909" s="1" t="s">
        <v>11474</v>
      </c>
      <c r="J2909" s="1" t="s">
        <v>11486</v>
      </c>
    </row>
    <row r="2910" spans="1:10" x14ac:dyDescent="0.35">
      <c r="A2910" s="1" t="s">
        <v>11468</v>
      </c>
      <c r="B2910" s="1" t="s">
        <v>11469</v>
      </c>
      <c r="C2910" s="1" t="s">
        <v>30</v>
      </c>
      <c r="D2910" s="1" t="s">
        <v>11487</v>
      </c>
      <c r="E2910" s="1" t="s">
        <v>11488</v>
      </c>
      <c r="F2910" s="1" t="s">
        <v>11489</v>
      </c>
      <c r="G2910" s="1" t="s">
        <v>11473</v>
      </c>
      <c r="H2910" s="1" t="s">
        <v>13</v>
      </c>
      <c r="I2910" s="1" t="s">
        <v>11474</v>
      </c>
      <c r="J2910" s="1" t="s">
        <v>11490</v>
      </c>
    </row>
    <row r="2911" spans="1:10" x14ac:dyDescent="0.35">
      <c r="A2911" s="1" t="s">
        <v>11468</v>
      </c>
      <c r="B2911" s="1" t="s">
        <v>11469</v>
      </c>
      <c r="C2911" s="1" t="s">
        <v>35</v>
      </c>
      <c r="D2911" s="1" t="s">
        <v>11491</v>
      </c>
      <c r="E2911" s="1" t="s">
        <v>11492</v>
      </c>
      <c r="F2911" s="1" t="s">
        <v>11493</v>
      </c>
      <c r="G2911" s="1" t="s">
        <v>11473</v>
      </c>
      <c r="H2911" s="1" t="s">
        <v>13</v>
      </c>
      <c r="I2911" s="1" t="s">
        <v>11474</v>
      </c>
      <c r="J2911" s="1" t="s">
        <v>11494</v>
      </c>
    </row>
    <row r="2912" spans="1:10" x14ac:dyDescent="0.35">
      <c r="A2912" s="1" t="s">
        <v>11468</v>
      </c>
      <c r="B2912" s="1" t="s">
        <v>11469</v>
      </c>
      <c r="C2912" s="1" t="s">
        <v>40</v>
      </c>
      <c r="D2912" s="1" t="s">
        <v>11495</v>
      </c>
      <c r="E2912" s="1" t="s">
        <v>11496</v>
      </c>
      <c r="F2912" s="1" t="s">
        <v>11497</v>
      </c>
      <c r="G2912" s="1" t="s">
        <v>11473</v>
      </c>
      <c r="H2912" s="1" t="s">
        <v>13</v>
      </c>
      <c r="I2912" s="1" t="s">
        <v>11474</v>
      </c>
      <c r="J2912" s="1" t="s">
        <v>11498</v>
      </c>
    </row>
    <row r="2913" spans="1:10" x14ac:dyDescent="0.35">
      <c r="A2913" s="1" t="s">
        <v>11468</v>
      </c>
      <c r="B2913" s="1" t="s">
        <v>11469</v>
      </c>
      <c r="C2913" s="1" t="s">
        <v>45</v>
      </c>
      <c r="D2913" s="1" t="s">
        <v>11499</v>
      </c>
      <c r="E2913" s="1" t="s">
        <v>11500</v>
      </c>
      <c r="F2913" s="1" t="s">
        <v>11501</v>
      </c>
      <c r="G2913" s="1" t="s">
        <v>11473</v>
      </c>
      <c r="H2913" s="1" t="s">
        <v>13</v>
      </c>
      <c r="I2913" s="1" t="s">
        <v>11474</v>
      </c>
      <c r="J2913" s="1" t="s">
        <v>11502</v>
      </c>
    </row>
    <row r="2914" spans="1:10" x14ac:dyDescent="0.35">
      <c r="A2914" s="1" t="s">
        <v>11468</v>
      </c>
      <c r="B2914" s="1" t="s">
        <v>11469</v>
      </c>
      <c r="C2914" s="1" t="s">
        <v>50</v>
      </c>
      <c r="D2914" s="1" t="s">
        <v>11503</v>
      </c>
      <c r="E2914" s="1" t="s">
        <v>11504</v>
      </c>
      <c r="F2914" s="1" t="s">
        <v>11505</v>
      </c>
      <c r="G2914" s="1" t="s">
        <v>11473</v>
      </c>
      <c r="H2914" s="1" t="s">
        <v>13</v>
      </c>
      <c r="I2914" s="1" t="s">
        <v>11474</v>
      </c>
      <c r="J2914" s="1" t="s">
        <v>11506</v>
      </c>
    </row>
    <row r="2915" spans="1:10" x14ac:dyDescent="0.35">
      <c r="A2915" s="1" t="s">
        <v>11468</v>
      </c>
      <c r="B2915" s="1" t="s">
        <v>11469</v>
      </c>
      <c r="C2915" s="1" t="s">
        <v>55</v>
      </c>
      <c r="D2915" s="1" t="s">
        <v>11507</v>
      </c>
      <c r="E2915" s="1" t="s">
        <v>11508</v>
      </c>
      <c r="F2915" s="1" t="s">
        <v>11509</v>
      </c>
      <c r="G2915" s="1" t="s">
        <v>11473</v>
      </c>
      <c r="H2915" s="1" t="s">
        <v>13</v>
      </c>
      <c r="I2915" s="1" t="s">
        <v>11474</v>
      </c>
      <c r="J2915" s="1" t="s">
        <v>11510</v>
      </c>
    </row>
    <row r="2916" spans="1:10" x14ac:dyDescent="0.35">
      <c r="A2916" s="1" t="s">
        <v>11468</v>
      </c>
      <c r="B2916" s="1" t="s">
        <v>11469</v>
      </c>
      <c r="C2916" s="1" t="s">
        <v>60</v>
      </c>
      <c r="D2916" s="1" t="s">
        <v>11511</v>
      </c>
      <c r="E2916" s="1" t="s">
        <v>11512</v>
      </c>
      <c r="F2916" s="1" t="s">
        <v>11513</v>
      </c>
      <c r="G2916" s="1" t="s">
        <v>11473</v>
      </c>
      <c r="H2916" s="1" t="s">
        <v>13</v>
      </c>
      <c r="I2916" s="1" t="s">
        <v>11474</v>
      </c>
      <c r="J2916" s="1" t="s">
        <v>11514</v>
      </c>
    </row>
    <row r="2917" spans="1:10" x14ac:dyDescent="0.35">
      <c r="A2917" s="1" t="s">
        <v>11468</v>
      </c>
      <c r="B2917" s="1" t="s">
        <v>11469</v>
      </c>
      <c r="C2917" s="1" t="s">
        <v>65</v>
      </c>
      <c r="D2917" s="1" t="s">
        <v>11515</v>
      </c>
      <c r="E2917" s="1" t="s">
        <v>11516</v>
      </c>
      <c r="F2917" s="1" t="s">
        <v>11517</v>
      </c>
      <c r="G2917" s="1" t="s">
        <v>11473</v>
      </c>
      <c r="H2917" s="1" t="s">
        <v>13</v>
      </c>
      <c r="I2917" s="1" t="s">
        <v>11474</v>
      </c>
      <c r="J2917" s="1" t="s">
        <v>11518</v>
      </c>
    </row>
    <row r="2918" spans="1:10" x14ac:dyDescent="0.35">
      <c r="A2918" s="1" t="s">
        <v>11468</v>
      </c>
      <c r="B2918" s="1" t="s">
        <v>11469</v>
      </c>
      <c r="C2918" s="1" t="s">
        <v>70</v>
      </c>
      <c r="D2918" s="1" t="s">
        <v>11519</v>
      </c>
      <c r="E2918" s="1" t="s">
        <v>11520</v>
      </c>
      <c r="F2918" s="1" t="s">
        <v>11521</v>
      </c>
      <c r="G2918" s="1" t="s">
        <v>11473</v>
      </c>
      <c r="H2918" s="1" t="s">
        <v>13</v>
      </c>
      <c r="I2918" s="1" t="s">
        <v>11474</v>
      </c>
      <c r="J2918" s="1" t="s">
        <v>11522</v>
      </c>
    </row>
    <row r="2919" spans="1:10" x14ac:dyDescent="0.35">
      <c r="A2919" s="1" t="s">
        <v>11468</v>
      </c>
      <c r="B2919" s="1" t="s">
        <v>11469</v>
      </c>
      <c r="C2919" s="1" t="s">
        <v>75</v>
      </c>
      <c r="D2919" s="1" t="s">
        <v>11523</v>
      </c>
      <c r="E2919" s="1" t="s">
        <v>11524</v>
      </c>
      <c r="F2919" s="1" t="s">
        <v>11525</v>
      </c>
      <c r="G2919" s="1" t="s">
        <v>11473</v>
      </c>
      <c r="H2919" s="1" t="s">
        <v>13</v>
      </c>
      <c r="I2919" s="1" t="s">
        <v>11474</v>
      </c>
      <c r="J2919" s="1" t="s">
        <v>11526</v>
      </c>
    </row>
    <row r="2920" spans="1:10" x14ac:dyDescent="0.35">
      <c r="A2920" s="1" t="s">
        <v>11468</v>
      </c>
      <c r="B2920" s="1" t="s">
        <v>11469</v>
      </c>
      <c r="C2920" s="1" t="s">
        <v>80</v>
      </c>
      <c r="D2920" s="1" t="s">
        <v>11527</v>
      </c>
      <c r="E2920" s="1" t="s">
        <v>11528</v>
      </c>
      <c r="F2920" s="1" t="s">
        <v>11529</v>
      </c>
      <c r="G2920" s="1" t="s">
        <v>11473</v>
      </c>
      <c r="H2920" s="1" t="s">
        <v>13</v>
      </c>
      <c r="I2920" s="1" t="s">
        <v>11474</v>
      </c>
      <c r="J2920" s="1" t="s">
        <v>11530</v>
      </c>
    </row>
    <row r="2921" spans="1:10" x14ac:dyDescent="0.35">
      <c r="A2921" s="1" t="s">
        <v>11468</v>
      </c>
      <c r="B2921" s="1" t="s">
        <v>11469</v>
      </c>
      <c r="C2921" s="1" t="s">
        <v>85</v>
      </c>
      <c r="D2921" s="1" t="s">
        <v>11531</v>
      </c>
      <c r="E2921" s="1" t="s">
        <v>11532</v>
      </c>
      <c r="F2921" s="1" t="s">
        <v>11533</v>
      </c>
      <c r="G2921" s="1" t="s">
        <v>11473</v>
      </c>
      <c r="H2921" s="1" t="s">
        <v>13</v>
      </c>
      <c r="I2921" s="1" t="s">
        <v>11474</v>
      </c>
      <c r="J2921" s="1" t="s">
        <v>11534</v>
      </c>
    </row>
    <row r="2922" spans="1:10" x14ac:dyDescent="0.35">
      <c r="A2922" s="1" t="s">
        <v>11468</v>
      </c>
      <c r="B2922" s="1" t="s">
        <v>11469</v>
      </c>
      <c r="C2922" s="1" t="s">
        <v>90</v>
      </c>
      <c r="D2922" s="1" t="s">
        <v>11535</v>
      </c>
      <c r="E2922" s="1" t="s">
        <v>11536</v>
      </c>
      <c r="F2922" s="1" t="s">
        <v>11537</v>
      </c>
      <c r="G2922" s="1" t="s">
        <v>11473</v>
      </c>
      <c r="H2922" s="1" t="s">
        <v>13</v>
      </c>
      <c r="I2922" s="1" t="s">
        <v>11474</v>
      </c>
      <c r="J2922" s="1" t="s">
        <v>11538</v>
      </c>
    </row>
    <row r="2923" spans="1:10" x14ac:dyDescent="0.35">
      <c r="A2923" s="1" t="s">
        <v>11468</v>
      </c>
      <c r="B2923" s="1" t="s">
        <v>11469</v>
      </c>
      <c r="C2923" s="1" t="s">
        <v>95</v>
      </c>
      <c r="D2923" s="1" t="s">
        <v>11539</v>
      </c>
      <c r="E2923" s="1" t="s">
        <v>11540</v>
      </c>
      <c r="F2923" s="1" t="s">
        <v>11541</v>
      </c>
      <c r="G2923" s="1" t="s">
        <v>11473</v>
      </c>
      <c r="H2923" s="1" t="s">
        <v>13</v>
      </c>
      <c r="I2923" s="1" t="s">
        <v>11474</v>
      </c>
      <c r="J2923" s="1" t="s">
        <v>11542</v>
      </c>
    </row>
    <row r="2924" spans="1:10" x14ac:dyDescent="0.35">
      <c r="A2924" s="1" t="s">
        <v>11468</v>
      </c>
      <c r="B2924" s="1" t="s">
        <v>11469</v>
      </c>
      <c r="C2924" s="1" t="s">
        <v>100</v>
      </c>
      <c r="D2924" s="1" t="s">
        <v>11543</v>
      </c>
      <c r="E2924" s="1" t="s">
        <v>11544</v>
      </c>
      <c r="F2924" s="1" t="s">
        <v>11545</v>
      </c>
      <c r="G2924" s="1" t="s">
        <v>11473</v>
      </c>
      <c r="H2924" s="1" t="s">
        <v>13</v>
      </c>
      <c r="I2924" s="1" t="s">
        <v>11474</v>
      </c>
      <c r="J2924" s="1" t="s">
        <v>11546</v>
      </c>
    </row>
    <row r="2925" spans="1:10" x14ac:dyDescent="0.35">
      <c r="A2925" s="1" t="s">
        <v>11468</v>
      </c>
      <c r="B2925" s="1" t="s">
        <v>11469</v>
      </c>
      <c r="C2925" s="1" t="s">
        <v>105</v>
      </c>
      <c r="D2925" s="1" t="s">
        <v>11547</v>
      </c>
      <c r="E2925" s="1" t="s">
        <v>11548</v>
      </c>
      <c r="F2925" s="1" t="s">
        <v>11549</v>
      </c>
      <c r="G2925" s="1" t="s">
        <v>11473</v>
      </c>
      <c r="H2925" s="1" t="s">
        <v>13</v>
      </c>
      <c r="I2925" s="1" t="s">
        <v>11474</v>
      </c>
      <c r="J2925" s="1" t="s">
        <v>11550</v>
      </c>
    </row>
    <row r="2926" spans="1:10" x14ac:dyDescent="0.35">
      <c r="A2926" s="1" t="s">
        <v>11468</v>
      </c>
      <c r="B2926" s="1" t="s">
        <v>11469</v>
      </c>
      <c r="C2926" s="1" t="s">
        <v>110</v>
      </c>
      <c r="D2926" s="1" t="s">
        <v>11551</v>
      </c>
      <c r="E2926" s="1" t="s">
        <v>11552</v>
      </c>
      <c r="F2926" s="1" t="s">
        <v>11553</v>
      </c>
      <c r="G2926" s="1" t="s">
        <v>11473</v>
      </c>
      <c r="H2926" s="1" t="s">
        <v>13</v>
      </c>
      <c r="I2926" s="1" t="s">
        <v>11474</v>
      </c>
      <c r="J2926" s="1" t="s">
        <v>11554</v>
      </c>
    </row>
    <row r="2927" spans="1:10" x14ac:dyDescent="0.35">
      <c r="A2927" s="1" t="s">
        <v>11468</v>
      </c>
      <c r="B2927" s="1" t="s">
        <v>11469</v>
      </c>
      <c r="C2927" s="1" t="s">
        <v>115</v>
      </c>
      <c r="D2927" s="1" t="s">
        <v>11555</v>
      </c>
      <c r="E2927" s="1" t="s">
        <v>11556</v>
      </c>
      <c r="F2927" s="1" t="s">
        <v>11557</v>
      </c>
      <c r="G2927" s="1" t="s">
        <v>11473</v>
      </c>
      <c r="H2927" s="1" t="s">
        <v>13</v>
      </c>
      <c r="I2927" s="1" t="s">
        <v>11474</v>
      </c>
      <c r="J2927" s="1" t="s">
        <v>11558</v>
      </c>
    </row>
    <row r="2928" spans="1:10" x14ac:dyDescent="0.35">
      <c r="A2928" s="1" t="s">
        <v>11468</v>
      </c>
      <c r="B2928" s="1" t="s">
        <v>11469</v>
      </c>
      <c r="C2928" s="1" t="s">
        <v>120</v>
      </c>
      <c r="D2928" s="1" t="s">
        <v>11559</v>
      </c>
      <c r="E2928" s="1" t="s">
        <v>11560</v>
      </c>
      <c r="F2928" s="1" t="s">
        <v>11561</v>
      </c>
      <c r="G2928" s="1" t="s">
        <v>11473</v>
      </c>
      <c r="H2928" s="1" t="s">
        <v>13</v>
      </c>
      <c r="I2928" s="1" t="s">
        <v>11474</v>
      </c>
      <c r="J2928" s="1" t="s">
        <v>11562</v>
      </c>
    </row>
    <row r="2929" spans="1:10" x14ac:dyDescent="0.35">
      <c r="A2929" s="1" t="s">
        <v>11468</v>
      </c>
      <c r="B2929" s="1" t="s">
        <v>11469</v>
      </c>
      <c r="C2929" s="1" t="s">
        <v>125</v>
      </c>
      <c r="D2929" s="1" t="s">
        <v>11563</v>
      </c>
      <c r="E2929" s="1" t="s">
        <v>11564</v>
      </c>
      <c r="F2929" s="1" t="s">
        <v>11565</v>
      </c>
      <c r="G2929" s="1" t="s">
        <v>11473</v>
      </c>
      <c r="H2929" s="1" t="s">
        <v>13</v>
      </c>
      <c r="I2929" s="1" t="s">
        <v>11474</v>
      </c>
      <c r="J2929" s="1" t="s">
        <v>11566</v>
      </c>
    </row>
    <row r="2930" spans="1:10" x14ac:dyDescent="0.35">
      <c r="A2930" s="1" t="s">
        <v>11468</v>
      </c>
      <c r="B2930" s="1" t="s">
        <v>11469</v>
      </c>
      <c r="C2930" s="1" t="s">
        <v>130</v>
      </c>
      <c r="D2930" s="1" t="s">
        <v>11567</v>
      </c>
      <c r="E2930" s="1" t="s">
        <v>11568</v>
      </c>
      <c r="F2930" s="1" t="s">
        <v>11569</v>
      </c>
      <c r="G2930" s="1" t="s">
        <v>11473</v>
      </c>
      <c r="H2930" s="1" t="s">
        <v>13</v>
      </c>
      <c r="I2930" s="1" t="s">
        <v>11474</v>
      </c>
      <c r="J2930" s="1" t="s">
        <v>11570</v>
      </c>
    </row>
    <row r="2931" spans="1:10" x14ac:dyDescent="0.35">
      <c r="A2931" s="1" t="s">
        <v>11468</v>
      </c>
      <c r="B2931" s="1" t="s">
        <v>11469</v>
      </c>
      <c r="C2931" s="1" t="s">
        <v>135</v>
      </c>
      <c r="D2931" s="1" t="s">
        <v>11571</v>
      </c>
      <c r="E2931" s="1" t="s">
        <v>11568</v>
      </c>
      <c r="F2931" s="1" t="s">
        <v>11572</v>
      </c>
      <c r="G2931" s="1" t="s">
        <v>11473</v>
      </c>
      <c r="H2931" s="1" t="s">
        <v>13</v>
      </c>
      <c r="I2931" s="1" t="s">
        <v>11474</v>
      </c>
      <c r="J2931" s="1" t="s">
        <v>11573</v>
      </c>
    </row>
    <row r="2932" spans="1:10" x14ac:dyDescent="0.35">
      <c r="A2932" s="1" t="s">
        <v>11468</v>
      </c>
      <c r="B2932" s="1" t="s">
        <v>11469</v>
      </c>
      <c r="C2932" s="1" t="s">
        <v>140</v>
      </c>
      <c r="D2932" s="1" t="s">
        <v>11574</v>
      </c>
      <c r="E2932" s="1" t="s">
        <v>11575</v>
      </c>
      <c r="F2932" s="1" t="s">
        <v>11576</v>
      </c>
      <c r="G2932" s="1" t="s">
        <v>11473</v>
      </c>
      <c r="H2932" s="1" t="s">
        <v>13</v>
      </c>
      <c r="I2932" s="1" t="s">
        <v>11474</v>
      </c>
      <c r="J2932" s="1" t="s">
        <v>11577</v>
      </c>
    </row>
    <row r="2933" spans="1:10" x14ac:dyDescent="0.35">
      <c r="A2933" s="1" t="s">
        <v>11468</v>
      </c>
      <c r="B2933" s="1" t="s">
        <v>11469</v>
      </c>
      <c r="C2933" s="1" t="s">
        <v>145</v>
      </c>
      <c r="D2933" s="1" t="s">
        <v>11578</v>
      </c>
      <c r="E2933" s="1" t="s">
        <v>11579</v>
      </c>
      <c r="F2933" s="1" t="s">
        <v>11580</v>
      </c>
      <c r="G2933" s="1" t="s">
        <v>11473</v>
      </c>
      <c r="H2933" s="1" t="s">
        <v>13</v>
      </c>
      <c r="I2933" s="1" t="s">
        <v>11474</v>
      </c>
      <c r="J2933" s="1" t="s">
        <v>11581</v>
      </c>
    </row>
    <row r="2934" spans="1:10" x14ac:dyDescent="0.35">
      <c r="A2934" s="1" t="s">
        <v>11468</v>
      </c>
      <c r="B2934" s="1" t="s">
        <v>11469</v>
      </c>
      <c r="C2934" s="1" t="s">
        <v>150</v>
      </c>
      <c r="D2934" s="1" t="s">
        <v>11582</v>
      </c>
      <c r="E2934" s="1" t="s">
        <v>11583</v>
      </c>
      <c r="F2934" s="1" t="s">
        <v>11584</v>
      </c>
      <c r="G2934" s="1" t="s">
        <v>11473</v>
      </c>
      <c r="H2934" s="1" t="s">
        <v>13</v>
      </c>
      <c r="I2934" s="1" t="s">
        <v>11474</v>
      </c>
      <c r="J2934" s="1" t="s">
        <v>11585</v>
      </c>
    </row>
    <row r="2935" spans="1:10" x14ac:dyDescent="0.35">
      <c r="A2935" s="1" t="s">
        <v>11468</v>
      </c>
      <c r="B2935" s="1" t="s">
        <v>11469</v>
      </c>
      <c r="C2935" s="1" t="s">
        <v>155</v>
      </c>
      <c r="D2935" s="1" t="s">
        <v>11586</v>
      </c>
      <c r="E2935" s="1" t="s">
        <v>11587</v>
      </c>
      <c r="F2935" s="1" t="s">
        <v>11588</v>
      </c>
      <c r="G2935" s="1" t="s">
        <v>11473</v>
      </c>
      <c r="H2935" s="1" t="s">
        <v>13</v>
      </c>
      <c r="I2935" s="1" t="s">
        <v>11474</v>
      </c>
      <c r="J2935" s="1" t="s">
        <v>11589</v>
      </c>
    </row>
    <row r="2936" spans="1:10" x14ac:dyDescent="0.35">
      <c r="A2936" s="1" t="s">
        <v>11468</v>
      </c>
      <c r="B2936" s="1" t="s">
        <v>11469</v>
      </c>
      <c r="C2936" s="1" t="s">
        <v>160</v>
      </c>
      <c r="D2936" s="1" t="s">
        <v>11590</v>
      </c>
      <c r="E2936" s="1" t="s">
        <v>11591</v>
      </c>
      <c r="F2936" s="1" t="s">
        <v>11592</v>
      </c>
      <c r="G2936" s="1" t="s">
        <v>11473</v>
      </c>
      <c r="H2936" s="1" t="s">
        <v>13</v>
      </c>
      <c r="I2936" s="1" t="s">
        <v>11474</v>
      </c>
      <c r="J2936" s="1" t="s">
        <v>11593</v>
      </c>
    </row>
    <row r="2937" spans="1:10" x14ac:dyDescent="0.35">
      <c r="A2937" s="1" t="s">
        <v>11468</v>
      </c>
      <c r="B2937" s="1" t="s">
        <v>11469</v>
      </c>
      <c r="C2937" s="1" t="s">
        <v>165</v>
      </c>
      <c r="D2937" s="1" t="s">
        <v>11594</v>
      </c>
      <c r="E2937" s="1" t="s">
        <v>11595</v>
      </c>
      <c r="F2937" s="1" t="s">
        <v>11596</v>
      </c>
      <c r="G2937" s="1" t="s">
        <v>11473</v>
      </c>
      <c r="H2937" s="1" t="s">
        <v>13</v>
      </c>
      <c r="I2937" s="1" t="s">
        <v>11474</v>
      </c>
      <c r="J2937" s="1" t="s">
        <v>11597</v>
      </c>
    </row>
    <row r="2938" spans="1:10" x14ac:dyDescent="0.35">
      <c r="A2938" s="1" t="s">
        <v>11468</v>
      </c>
      <c r="B2938" s="1" t="s">
        <v>11469</v>
      </c>
      <c r="C2938" s="1" t="s">
        <v>170</v>
      </c>
      <c r="D2938" s="1" t="s">
        <v>11598</v>
      </c>
      <c r="E2938" s="1" t="s">
        <v>11599</v>
      </c>
      <c r="F2938" s="1" t="s">
        <v>11600</v>
      </c>
      <c r="G2938" s="1" t="s">
        <v>11473</v>
      </c>
      <c r="H2938" s="1" t="s">
        <v>13</v>
      </c>
      <c r="I2938" s="1" t="s">
        <v>11474</v>
      </c>
      <c r="J2938" s="1" t="s">
        <v>11601</v>
      </c>
    </row>
    <row r="2939" spans="1:10" x14ac:dyDescent="0.35">
      <c r="A2939" s="1" t="s">
        <v>11602</v>
      </c>
      <c r="B2939" s="1" t="s">
        <v>11603</v>
      </c>
      <c r="C2939" s="1" t="s">
        <v>8</v>
      </c>
      <c r="D2939" s="1" t="s">
        <v>11604</v>
      </c>
      <c r="E2939" s="1" t="s">
        <v>11605</v>
      </c>
      <c r="F2939" s="1" t="s">
        <v>11606</v>
      </c>
      <c r="G2939" s="1" t="s">
        <v>11607</v>
      </c>
      <c r="H2939" s="1" t="s">
        <v>13</v>
      </c>
      <c r="I2939" s="1" t="s">
        <v>11608</v>
      </c>
      <c r="J2939" s="1" t="s">
        <v>13</v>
      </c>
    </row>
    <row r="2940" spans="1:10" x14ac:dyDescent="0.35">
      <c r="A2940" s="1" t="s">
        <v>11602</v>
      </c>
      <c r="B2940" s="1" t="s">
        <v>11603</v>
      </c>
      <c r="C2940" s="1" t="s">
        <v>15</v>
      </c>
      <c r="D2940" s="1" t="s">
        <v>904</v>
      </c>
      <c r="E2940" s="1" t="s">
        <v>11609</v>
      </c>
      <c r="F2940" s="1" t="s">
        <v>11610</v>
      </c>
      <c r="G2940" s="1" t="s">
        <v>11607</v>
      </c>
      <c r="H2940" s="1" t="s">
        <v>13</v>
      </c>
      <c r="I2940" s="1" t="s">
        <v>11608</v>
      </c>
      <c r="J2940" s="1" t="s">
        <v>11611</v>
      </c>
    </row>
    <row r="2941" spans="1:10" x14ac:dyDescent="0.35">
      <c r="A2941" s="1" t="s">
        <v>11602</v>
      </c>
      <c r="B2941" s="1" t="s">
        <v>11603</v>
      </c>
      <c r="C2941" s="1" t="s">
        <v>20</v>
      </c>
      <c r="D2941" s="1" t="s">
        <v>11612</v>
      </c>
      <c r="E2941" s="1" t="s">
        <v>11613</v>
      </c>
      <c r="F2941" s="1" t="s">
        <v>11614</v>
      </c>
      <c r="G2941" s="1" t="s">
        <v>11607</v>
      </c>
      <c r="H2941" s="1" t="s">
        <v>13</v>
      </c>
      <c r="I2941" s="1" t="s">
        <v>11608</v>
      </c>
      <c r="J2941" s="1" t="s">
        <v>11615</v>
      </c>
    </row>
    <row r="2942" spans="1:10" x14ac:dyDescent="0.35">
      <c r="A2942" s="1" t="s">
        <v>11602</v>
      </c>
      <c r="B2942" s="1" t="s">
        <v>11603</v>
      </c>
      <c r="C2942" s="1" t="s">
        <v>25</v>
      </c>
      <c r="D2942" s="1" t="s">
        <v>11616</v>
      </c>
      <c r="E2942" s="1" t="s">
        <v>11617</v>
      </c>
      <c r="F2942" s="1" t="s">
        <v>11618</v>
      </c>
      <c r="G2942" s="1" t="s">
        <v>11607</v>
      </c>
      <c r="H2942" s="1" t="s">
        <v>13</v>
      </c>
      <c r="I2942" s="1" t="s">
        <v>11608</v>
      </c>
      <c r="J2942" s="1" t="s">
        <v>11619</v>
      </c>
    </row>
    <row r="2943" spans="1:10" x14ac:dyDescent="0.35">
      <c r="A2943" s="1" t="s">
        <v>11602</v>
      </c>
      <c r="B2943" s="1" t="s">
        <v>11603</v>
      </c>
      <c r="C2943" s="1" t="s">
        <v>30</v>
      </c>
      <c r="D2943" s="1" t="s">
        <v>11620</v>
      </c>
      <c r="E2943" s="1" t="s">
        <v>11621</v>
      </c>
      <c r="F2943" s="1" t="s">
        <v>11622</v>
      </c>
      <c r="G2943" s="1" t="s">
        <v>11607</v>
      </c>
      <c r="H2943" s="1" t="s">
        <v>13</v>
      </c>
      <c r="I2943" s="1" t="s">
        <v>11608</v>
      </c>
      <c r="J2943" s="1" t="s">
        <v>11623</v>
      </c>
    </row>
    <row r="2944" spans="1:10" x14ac:dyDescent="0.35">
      <c r="A2944" s="1" t="s">
        <v>11602</v>
      </c>
      <c r="B2944" s="1" t="s">
        <v>11603</v>
      </c>
      <c r="C2944" s="1" t="s">
        <v>35</v>
      </c>
      <c r="D2944" s="1" t="s">
        <v>11624</v>
      </c>
      <c r="E2944" s="1" t="s">
        <v>11625</v>
      </c>
      <c r="F2944" s="1" t="s">
        <v>11626</v>
      </c>
      <c r="G2944" s="1" t="s">
        <v>11607</v>
      </c>
      <c r="H2944" s="1" t="s">
        <v>13</v>
      </c>
      <c r="I2944" s="1" t="s">
        <v>11608</v>
      </c>
      <c r="J2944" s="1" t="s">
        <v>11627</v>
      </c>
    </row>
    <row r="2945" spans="1:10" x14ac:dyDescent="0.35">
      <c r="A2945" s="1" t="s">
        <v>11602</v>
      </c>
      <c r="B2945" s="1" t="s">
        <v>11603</v>
      </c>
      <c r="C2945" s="1" t="s">
        <v>40</v>
      </c>
      <c r="D2945" s="1" t="s">
        <v>11628</v>
      </c>
      <c r="E2945" s="1" t="s">
        <v>11629</v>
      </c>
      <c r="F2945" s="1" t="s">
        <v>11630</v>
      </c>
      <c r="G2945" s="1" t="s">
        <v>11607</v>
      </c>
      <c r="H2945" s="1" t="s">
        <v>13</v>
      </c>
      <c r="I2945" s="1" t="s">
        <v>11608</v>
      </c>
      <c r="J2945" s="1" t="s">
        <v>11631</v>
      </c>
    </row>
    <row r="2946" spans="1:10" x14ac:dyDescent="0.35">
      <c r="A2946" s="1" t="s">
        <v>11602</v>
      </c>
      <c r="B2946" s="1" t="s">
        <v>11603</v>
      </c>
      <c r="C2946" s="1" t="s">
        <v>45</v>
      </c>
      <c r="D2946" s="1" t="s">
        <v>11632</v>
      </c>
      <c r="E2946" s="1" t="s">
        <v>11633</v>
      </c>
      <c r="F2946" s="1" t="s">
        <v>11634</v>
      </c>
      <c r="G2946" s="1" t="s">
        <v>11607</v>
      </c>
      <c r="H2946" s="1" t="s">
        <v>13</v>
      </c>
      <c r="I2946" s="1" t="s">
        <v>11608</v>
      </c>
      <c r="J2946" s="1" t="s">
        <v>11635</v>
      </c>
    </row>
    <row r="2947" spans="1:10" x14ac:dyDescent="0.35">
      <c r="A2947" s="1" t="s">
        <v>11602</v>
      </c>
      <c r="B2947" s="1" t="s">
        <v>11603</v>
      </c>
      <c r="C2947" s="1" t="s">
        <v>50</v>
      </c>
      <c r="D2947" s="1" t="s">
        <v>11636</v>
      </c>
      <c r="E2947" s="1" t="s">
        <v>11637</v>
      </c>
      <c r="F2947" s="1" t="s">
        <v>11638</v>
      </c>
      <c r="G2947" s="1" t="s">
        <v>11607</v>
      </c>
      <c r="H2947" s="1" t="s">
        <v>13</v>
      </c>
      <c r="I2947" s="1" t="s">
        <v>11608</v>
      </c>
      <c r="J2947" s="1" t="s">
        <v>11639</v>
      </c>
    </row>
    <row r="2948" spans="1:10" x14ac:dyDescent="0.35">
      <c r="A2948" s="1" t="s">
        <v>11602</v>
      </c>
      <c r="B2948" s="1" t="s">
        <v>11603</v>
      </c>
      <c r="C2948" s="1" t="s">
        <v>55</v>
      </c>
      <c r="D2948" s="1" t="s">
        <v>11640</v>
      </c>
      <c r="E2948" s="1" t="s">
        <v>11641</v>
      </c>
      <c r="F2948" s="1" t="s">
        <v>11642</v>
      </c>
      <c r="G2948" s="1" t="s">
        <v>11607</v>
      </c>
      <c r="H2948" s="1" t="s">
        <v>13</v>
      </c>
      <c r="I2948" s="1" t="s">
        <v>11608</v>
      </c>
      <c r="J2948" s="1" t="s">
        <v>11643</v>
      </c>
    </row>
    <row r="2949" spans="1:10" x14ac:dyDescent="0.35">
      <c r="A2949" s="1" t="s">
        <v>11602</v>
      </c>
      <c r="B2949" s="1" t="s">
        <v>11603</v>
      </c>
      <c r="C2949" s="1" t="s">
        <v>60</v>
      </c>
      <c r="D2949" s="1" t="s">
        <v>11644</v>
      </c>
      <c r="E2949" s="1" t="s">
        <v>11645</v>
      </c>
      <c r="F2949" s="1" t="s">
        <v>11646</v>
      </c>
      <c r="G2949" s="1" t="s">
        <v>11607</v>
      </c>
      <c r="H2949" s="1" t="s">
        <v>13</v>
      </c>
      <c r="I2949" s="1" t="s">
        <v>11608</v>
      </c>
      <c r="J2949" s="1" t="s">
        <v>11647</v>
      </c>
    </row>
    <row r="2950" spans="1:10" x14ac:dyDescent="0.35">
      <c r="A2950" s="1" t="s">
        <v>11602</v>
      </c>
      <c r="B2950" s="1" t="s">
        <v>11603</v>
      </c>
      <c r="C2950" s="1" t="s">
        <v>65</v>
      </c>
      <c r="D2950" s="1" t="s">
        <v>11648</v>
      </c>
      <c r="E2950" s="1" t="s">
        <v>11649</v>
      </c>
      <c r="F2950" s="1" t="s">
        <v>11650</v>
      </c>
      <c r="G2950" s="1" t="s">
        <v>11607</v>
      </c>
      <c r="H2950" s="1" t="s">
        <v>13</v>
      </c>
      <c r="I2950" s="1" t="s">
        <v>11608</v>
      </c>
      <c r="J2950" s="1" t="s">
        <v>11651</v>
      </c>
    </row>
    <row r="2951" spans="1:10" x14ac:dyDescent="0.35">
      <c r="A2951" s="1" t="s">
        <v>11602</v>
      </c>
      <c r="B2951" s="1" t="s">
        <v>11603</v>
      </c>
      <c r="C2951" s="1" t="s">
        <v>70</v>
      </c>
      <c r="D2951" s="1" t="s">
        <v>11652</v>
      </c>
      <c r="E2951" s="1" t="s">
        <v>11653</v>
      </c>
      <c r="F2951" s="1" t="s">
        <v>11654</v>
      </c>
      <c r="G2951" s="1" t="s">
        <v>11607</v>
      </c>
      <c r="H2951" s="1" t="s">
        <v>13</v>
      </c>
      <c r="I2951" s="1" t="s">
        <v>11608</v>
      </c>
      <c r="J2951" s="1" t="s">
        <v>11655</v>
      </c>
    </row>
    <row r="2952" spans="1:10" x14ac:dyDescent="0.35">
      <c r="A2952" s="1" t="s">
        <v>11602</v>
      </c>
      <c r="B2952" s="1" t="s">
        <v>11603</v>
      </c>
      <c r="C2952" s="1" t="s">
        <v>75</v>
      </c>
      <c r="D2952" s="1" t="s">
        <v>11656</v>
      </c>
      <c r="E2952" s="1" t="s">
        <v>11657</v>
      </c>
      <c r="F2952" s="1" t="s">
        <v>11658</v>
      </c>
      <c r="G2952" s="1" t="s">
        <v>11607</v>
      </c>
      <c r="H2952" s="1" t="s">
        <v>13</v>
      </c>
      <c r="I2952" s="1" t="s">
        <v>11608</v>
      </c>
      <c r="J2952" s="1" t="s">
        <v>11659</v>
      </c>
    </row>
    <row r="2953" spans="1:10" x14ac:dyDescent="0.35">
      <c r="A2953" s="1" t="s">
        <v>11602</v>
      </c>
      <c r="B2953" s="1" t="s">
        <v>11603</v>
      </c>
      <c r="C2953" s="1" t="s">
        <v>80</v>
      </c>
      <c r="D2953" s="1" t="s">
        <v>11660</v>
      </c>
      <c r="E2953" s="1" t="s">
        <v>11661</v>
      </c>
      <c r="F2953" s="1" t="s">
        <v>11662</v>
      </c>
      <c r="G2953" s="1" t="s">
        <v>11607</v>
      </c>
      <c r="H2953" s="1" t="s">
        <v>13</v>
      </c>
      <c r="I2953" s="1" t="s">
        <v>11608</v>
      </c>
      <c r="J2953" s="1" t="s">
        <v>11663</v>
      </c>
    </row>
    <row r="2954" spans="1:10" x14ac:dyDescent="0.35">
      <c r="A2954" s="1" t="s">
        <v>11602</v>
      </c>
      <c r="B2954" s="1" t="s">
        <v>11603</v>
      </c>
      <c r="C2954" s="1" t="s">
        <v>85</v>
      </c>
      <c r="D2954" s="1" t="s">
        <v>11664</v>
      </c>
      <c r="E2954" s="1" t="s">
        <v>11665</v>
      </c>
      <c r="F2954" s="1" t="s">
        <v>11666</v>
      </c>
      <c r="G2954" s="1" t="s">
        <v>11607</v>
      </c>
      <c r="H2954" s="1" t="s">
        <v>13</v>
      </c>
      <c r="I2954" s="1" t="s">
        <v>11608</v>
      </c>
      <c r="J2954" s="1" t="s">
        <v>11667</v>
      </c>
    </row>
    <row r="2955" spans="1:10" x14ac:dyDescent="0.35">
      <c r="A2955" s="1" t="s">
        <v>11602</v>
      </c>
      <c r="B2955" s="1" t="s">
        <v>11603</v>
      </c>
      <c r="C2955" s="1" t="s">
        <v>90</v>
      </c>
      <c r="D2955" s="1" t="s">
        <v>11668</v>
      </c>
      <c r="E2955" s="1" t="s">
        <v>9122</v>
      </c>
      <c r="F2955" s="1" t="s">
        <v>11669</v>
      </c>
      <c r="G2955" s="1" t="s">
        <v>11607</v>
      </c>
      <c r="H2955" s="1" t="s">
        <v>13</v>
      </c>
      <c r="I2955" s="1" t="s">
        <v>11608</v>
      </c>
      <c r="J2955" s="1" t="s">
        <v>11670</v>
      </c>
    </row>
    <row r="2956" spans="1:10" x14ac:dyDescent="0.35">
      <c r="A2956" s="1" t="s">
        <v>11602</v>
      </c>
      <c r="B2956" s="1" t="s">
        <v>11603</v>
      </c>
      <c r="C2956" s="1" t="s">
        <v>95</v>
      </c>
      <c r="D2956" s="1" t="s">
        <v>11671</v>
      </c>
      <c r="E2956" s="1" t="s">
        <v>11672</v>
      </c>
      <c r="F2956" s="1" t="s">
        <v>11673</v>
      </c>
      <c r="G2956" s="1" t="s">
        <v>11607</v>
      </c>
      <c r="H2956" s="1" t="s">
        <v>13</v>
      </c>
      <c r="I2956" s="1" t="s">
        <v>11608</v>
      </c>
      <c r="J2956" s="1" t="s">
        <v>11674</v>
      </c>
    </row>
    <row r="2957" spans="1:10" x14ac:dyDescent="0.35">
      <c r="A2957" s="1" t="s">
        <v>11602</v>
      </c>
      <c r="B2957" s="1" t="s">
        <v>11603</v>
      </c>
      <c r="C2957" s="1" t="s">
        <v>100</v>
      </c>
      <c r="D2957" s="1" t="s">
        <v>11675</v>
      </c>
      <c r="E2957" s="1" t="s">
        <v>11676</v>
      </c>
      <c r="F2957" s="1" t="s">
        <v>11677</v>
      </c>
      <c r="G2957" s="1" t="s">
        <v>11607</v>
      </c>
      <c r="H2957" s="1" t="s">
        <v>13</v>
      </c>
      <c r="I2957" s="1" t="s">
        <v>11608</v>
      </c>
      <c r="J2957" s="1" t="s">
        <v>11678</v>
      </c>
    </row>
    <row r="2958" spans="1:10" x14ac:dyDescent="0.35">
      <c r="A2958" s="1" t="s">
        <v>11602</v>
      </c>
      <c r="B2958" s="1" t="s">
        <v>11603</v>
      </c>
      <c r="C2958" s="1" t="s">
        <v>105</v>
      </c>
      <c r="D2958" s="1" t="s">
        <v>11679</v>
      </c>
      <c r="E2958" s="1" t="s">
        <v>11680</v>
      </c>
      <c r="F2958" s="1" t="s">
        <v>11681</v>
      </c>
      <c r="G2958" s="1" t="s">
        <v>11607</v>
      </c>
      <c r="H2958" s="1" t="s">
        <v>13</v>
      </c>
      <c r="I2958" s="1" t="s">
        <v>11608</v>
      </c>
      <c r="J2958" s="1" t="s">
        <v>11682</v>
      </c>
    </row>
    <row r="2959" spans="1:10" x14ac:dyDescent="0.35">
      <c r="A2959" s="1" t="s">
        <v>11602</v>
      </c>
      <c r="B2959" s="1" t="s">
        <v>11603</v>
      </c>
      <c r="C2959" s="1" t="s">
        <v>110</v>
      </c>
      <c r="D2959" s="1" t="s">
        <v>11683</v>
      </c>
      <c r="E2959" s="1" t="s">
        <v>11684</v>
      </c>
      <c r="F2959" s="1" t="s">
        <v>11685</v>
      </c>
      <c r="G2959" s="1" t="s">
        <v>11607</v>
      </c>
      <c r="H2959" s="1" t="s">
        <v>13</v>
      </c>
      <c r="I2959" s="1" t="s">
        <v>11608</v>
      </c>
      <c r="J2959" s="1" t="s">
        <v>11686</v>
      </c>
    </row>
    <row r="2960" spans="1:10" x14ac:dyDescent="0.35">
      <c r="A2960" s="1" t="s">
        <v>11602</v>
      </c>
      <c r="B2960" s="1" t="s">
        <v>11603</v>
      </c>
      <c r="C2960" s="1" t="s">
        <v>115</v>
      </c>
      <c r="D2960" s="1" t="s">
        <v>11687</v>
      </c>
      <c r="E2960" s="1" t="s">
        <v>11688</v>
      </c>
      <c r="F2960" s="1" t="s">
        <v>11689</v>
      </c>
      <c r="G2960" s="1" t="s">
        <v>11607</v>
      </c>
      <c r="H2960" s="1" t="s">
        <v>13</v>
      </c>
      <c r="I2960" s="1" t="s">
        <v>11608</v>
      </c>
      <c r="J2960" s="1" t="s">
        <v>11690</v>
      </c>
    </row>
    <row r="2961" spans="1:10" x14ac:dyDescent="0.35">
      <c r="A2961" s="1" t="s">
        <v>11602</v>
      </c>
      <c r="B2961" s="1" t="s">
        <v>11603</v>
      </c>
      <c r="C2961" s="1" t="s">
        <v>120</v>
      </c>
      <c r="D2961" s="1" t="s">
        <v>11691</v>
      </c>
      <c r="E2961" s="1" t="s">
        <v>11692</v>
      </c>
      <c r="F2961" s="1" t="s">
        <v>11693</v>
      </c>
      <c r="G2961" s="1" t="s">
        <v>11607</v>
      </c>
      <c r="H2961" s="1" t="s">
        <v>13</v>
      </c>
      <c r="I2961" s="1" t="s">
        <v>11608</v>
      </c>
      <c r="J2961" s="1" t="s">
        <v>11694</v>
      </c>
    </row>
    <row r="2962" spans="1:10" x14ac:dyDescent="0.35">
      <c r="A2962" s="1" t="s">
        <v>11602</v>
      </c>
      <c r="B2962" s="1" t="s">
        <v>11603</v>
      </c>
      <c r="C2962" s="1" t="s">
        <v>125</v>
      </c>
      <c r="D2962" s="1" t="s">
        <v>11695</v>
      </c>
      <c r="E2962" s="1" t="s">
        <v>11696</v>
      </c>
      <c r="F2962" s="1" t="s">
        <v>11697</v>
      </c>
      <c r="G2962" s="1" t="s">
        <v>11607</v>
      </c>
      <c r="H2962" s="1" t="s">
        <v>13</v>
      </c>
      <c r="I2962" s="1" t="s">
        <v>11608</v>
      </c>
      <c r="J2962" s="1" t="s">
        <v>11698</v>
      </c>
    </row>
    <row r="2963" spans="1:10" x14ac:dyDescent="0.35">
      <c r="A2963" s="1" t="s">
        <v>11602</v>
      </c>
      <c r="B2963" s="1" t="s">
        <v>11603</v>
      </c>
      <c r="C2963" s="1" t="s">
        <v>130</v>
      </c>
      <c r="D2963" s="1" t="s">
        <v>11699</v>
      </c>
      <c r="E2963" s="1" t="s">
        <v>11700</v>
      </c>
      <c r="F2963" s="1" t="s">
        <v>11701</v>
      </c>
      <c r="G2963" s="1" t="s">
        <v>11607</v>
      </c>
      <c r="H2963" s="1" t="s">
        <v>13</v>
      </c>
      <c r="I2963" s="1" t="s">
        <v>11608</v>
      </c>
      <c r="J2963" s="1" t="s">
        <v>11702</v>
      </c>
    </row>
    <row r="2964" spans="1:10" x14ac:dyDescent="0.35">
      <c r="A2964" s="1" t="s">
        <v>11602</v>
      </c>
      <c r="B2964" s="1" t="s">
        <v>11603</v>
      </c>
      <c r="C2964" s="1" t="s">
        <v>135</v>
      </c>
      <c r="D2964" s="1" t="s">
        <v>11703</v>
      </c>
      <c r="E2964" s="1" t="s">
        <v>11704</v>
      </c>
      <c r="F2964" s="1" t="s">
        <v>11705</v>
      </c>
      <c r="G2964" s="1" t="s">
        <v>11607</v>
      </c>
      <c r="H2964" s="1" t="s">
        <v>13</v>
      </c>
      <c r="I2964" s="1" t="s">
        <v>11608</v>
      </c>
      <c r="J2964" s="1" t="s">
        <v>11706</v>
      </c>
    </row>
    <row r="2965" spans="1:10" x14ac:dyDescent="0.35">
      <c r="A2965" s="1" t="s">
        <v>11602</v>
      </c>
      <c r="B2965" s="1" t="s">
        <v>11603</v>
      </c>
      <c r="C2965" s="1" t="s">
        <v>140</v>
      </c>
      <c r="D2965" s="1" t="s">
        <v>11707</v>
      </c>
      <c r="E2965" s="1" t="s">
        <v>11708</v>
      </c>
      <c r="F2965" s="1" t="s">
        <v>11709</v>
      </c>
      <c r="G2965" s="1" t="s">
        <v>11607</v>
      </c>
      <c r="H2965" s="1" t="s">
        <v>13</v>
      </c>
      <c r="I2965" s="1" t="s">
        <v>11608</v>
      </c>
      <c r="J2965" s="1" t="s">
        <v>11710</v>
      </c>
    </row>
    <row r="2966" spans="1:10" x14ac:dyDescent="0.35">
      <c r="A2966" s="1" t="s">
        <v>11602</v>
      </c>
      <c r="B2966" s="1" t="s">
        <v>11603</v>
      </c>
      <c r="C2966" s="1" t="s">
        <v>145</v>
      </c>
      <c r="D2966" s="1" t="s">
        <v>11711</v>
      </c>
      <c r="E2966" s="1" t="s">
        <v>11712</v>
      </c>
      <c r="F2966" s="1" t="s">
        <v>11713</v>
      </c>
      <c r="G2966" s="1" t="s">
        <v>11607</v>
      </c>
      <c r="H2966" s="1" t="s">
        <v>13</v>
      </c>
      <c r="I2966" s="1" t="s">
        <v>11608</v>
      </c>
      <c r="J2966" s="1" t="s">
        <v>11714</v>
      </c>
    </row>
    <row r="2967" spans="1:10" x14ac:dyDescent="0.35">
      <c r="A2967" s="1" t="s">
        <v>11602</v>
      </c>
      <c r="B2967" s="1" t="s">
        <v>11603</v>
      </c>
      <c r="C2967" s="1" t="s">
        <v>150</v>
      </c>
      <c r="D2967" s="1" t="s">
        <v>11715</v>
      </c>
      <c r="E2967" s="1" t="s">
        <v>11716</v>
      </c>
      <c r="F2967" s="1" t="s">
        <v>11717</v>
      </c>
      <c r="G2967" s="1" t="s">
        <v>11607</v>
      </c>
      <c r="H2967" s="1" t="s">
        <v>13</v>
      </c>
      <c r="I2967" s="1" t="s">
        <v>11608</v>
      </c>
      <c r="J2967" s="1" t="s">
        <v>11718</v>
      </c>
    </row>
    <row r="2968" spans="1:10" x14ac:dyDescent="0.35">
      <c r="A2968" s="1" t="s">
        <v>11602</v>
      </c>
      <c r="B2968" s="1" t="s">
        <v>11603</v>
      </c>
      <c r="C2968" s="1" t="s">
        <v>155</v>
      </c>
      <c r="D2968" s="1" t="s">
        <v>11719</v>
      </c>
      <c r="E2968" s="1" t="s">
        <v>11720</v>
      </c>
      <c r="F2968" s="1" t="s">
        <v>11721</v>
      </c>
      <c r="G2968" s="1" t="s">
        <v>11607</v>
      </c>
      <c r="H2968" s="1" t="s">
        <v>13</v>
      </c>
      <c r="I2968" s="1" t="s">
        <v>11608</v>
      </c>
      <c r="J2968" s="1" t="s">
        <v>11722</v>
      </c>
    </row>
    <row r="2969" spans="1:10" x14ac:dyDescent="0.35">
      <c r="A2969" s="1" t="s">
        <v>11602</v>
      </c>
      <c r="B2969" s="1" t="s">
        <v>11603</v>
      </c>
      <c r="C2969" s="1" t="s">
        <v>160</v>
      </c>
      <c r="D2969" s="1" t="s">
        <v>11723</v>
      </c>
      <c r="E2969" s="1" t="s">
        <v>11724</v>
      </c>
      <c r="F2969" s="1" t="s">
        <v>11725</v>
      </c>
      <c r="G2969" s="1" t="s">
        <v>11607</v>
      </c>
      <c r="H2969" s="1" t="s">
        <v>13</v>
      </c>
      <c r="I2969" s="1" t="s">
        <v>11608</v>
      </c>
      <c r="J2969" s="1" t="s">
        <v>11726</v>
      </c>
    </row>
    <row r="2970" spans="1:10" x14ac:dyDescent="0.35">
      <c r="A2970" s="1" t="s">
        <v>11602</v>
      </c>
      <c r="B2970" s="1" t="s">
        <v>11603</v>
      </c>
      <c r="C2970" s="1" t="s">
        <v>165</v>
      </c>
      <c r="D2970" s="1" t="s">
        <v>11727</v>
      </c>
      <c r="E2970" s="1" t="s">
        <v>11728</v>
      </c>
      <c r="F2970" s="1" t="s">
        <v>11729</v>
      </c>
      <c r="G2970" s="1" t="s">
        <v>11607</v>
      </c>
      <c r="H2970" s="1" t="s">
        <v>13</v>
      </c>
      <c r="I2970" s="1" t="s">
        <v>11608</v>
      </c>
      <c r="J2970" s="1" t="s">
        <v>11730</v>
      </c>
    </row>
    <row r="2971" spans="1:10" x14ac:dyDescent="0.35">
      <c r="A2971" s="1" t="s">
        <v>11602</v>
      </c>
      <c r="B2971" s="1" t="s">
        <v>11603</v>
      </c>
      <c r="C2971" s="1" t="s">
        <v>170</v>
      </c>
      <c r="D2971" s="1" t="s">
        <v>11731</v>
      </c>
      <c r="E2971" s="1" t="s">
        <v>11732</v>
      </c>
      <c r="F2971" s="1" t="s">
        <v>11733</v>
      </c>
      <c r="G2971" s="1" t="s">
        <v>11607</v>
      </c>
      <c r="H2971" s="1" t="s">
        <v>13</v>
      </c>
      <c r="I2971" s="1" t="s">
        <v>11608</v>
      </c>
      <c r="J2971" s="1" t="s">
        <v>11734</v>
      </c>
    </row>
    <row r="2972" spans="1:10" x14ac:dyDescent="0.35">
      <c r="A2972" s="1" t="s">
        <v>11735</v>
      </c>
      <c r="B2972" s="1" t="s">
        <v>11736</v>
      </c>
      <c r="C2972" s="1" t="s">
        <v>8</v>
      </c>
      <c r="D2972" s="1" t="s">
        <v>11737</v>
      </c>
      <c r="E2972" s="1" t="s">
        <v>11738</v>
      </c>
      <c r="F2972" s="1" t="s">
        <v>11739</v>
      </c>
      <c r="G2972" s="1" t="s">
        <v>11740</v>
      </c>
      <c r="H2972" s="1" t="s">
        <v>13</v>
      </c>
      <c r="I2972" s="1" t="s">
        <v>11741</v>
      </c>
      <c r="J2972" s="1" t="s">
        <v>13</v>
      </c>
    </row>
    <row r="2973" spans="1:10" x14ac:dyDescent="0.35">
      <c r="A2973" s="1" t="s">
        <v>11735</v>
      </c>
      <c r="B2973" s="1" t="s">
        <v>11736</v>
      </c>
      <c r="C2973" s="1" t="s">
        <v>15</v>
      </c>
      <c r="D2973" s="1" t="s">
        <v>11742</v>
      </c>
      <c r="E2973" s="1" t="s">
        <v>11743</v>
      </c>
      <c r="F2973" s="1" t="s">
        <v>11744</v>
      </c>
      <c r="G2973" s="1" t="s">
        <v>11740</v>
      </c>
      <c r="H2973" s="1" t="s">
        <v>13</v>
      </c>
      <c r="I2973" s="1" t="s">
        <v>11741</v>
      </c>
      <c r="J2973" s="1" t="s">
        <v>11745</v>
      </c>
    </row>
    <row r="2974" spans="1:10" x14ac:dyDescent="0.35">
      <c r="A2974" s="1" t="s">
        <v>11735</v>
      </c>
      <c r="B2974" s="1" t="s">
        <v>11736</v>
      </c>
      <c r="C2974" s="1" t="s">
        <v>20</v>
      </c>
      <c r="D2974" s="1" t="s">
        <v>11746</v>
      </c>
      <c r="E2974" s="1" t="s">
        <v>8096</v>
      </c>
      <c r="F2974" s="1" t="s">
        <v>11747</v>
      </c>
      <c r="G2974" s="1" t="s">
        <v>11740</v>
      </c>
      <c r="H2974" s="1" t="s">
        <v>13</v>
      </c>
      <c r="I2974" s="1" t="s">
        <v>11741</v>
      </c>
      <c r="J2974" s="1" t="s">
        <v>11748</v>
      </c>
    </row>
    <row r="2975" spans="1:10" x14ac:dyDescent="0.35">
      <c r="A2975" s="1" t="s">
        <v>11735</v>
      </c>
      <c r="B2975" s="1" t="s">
        <v>11736</v>
      </c>
      <c r="C2975" s="1" t="s">
        <v>25</v>
      </c>
      <c r="D2975" s="1" t="s">
        <v>11749</v>
      </c>
      <c r="E2975" s="1" t="s">
        <v>8092</v>
      </c>
      <c r="F2975" s="1" t="s">
        <v>11750</v>
      </c>
      <c r="G2975" s="1" t="s">
        <v>11740</v>
      </c>
      <c r="H2975" s="1" t="s">
        <v>13</v>
      </c>
      <c r="I2975" s="1" t="s">
        <v>11741</v>
      </c>
      <c r="J2975" s="1" t="s">
        <v>11751</v>
      </c>
    </row>
    <row r="2976" spans="1:10" x14ac:dyDescent="0.35">
      <c r="A2976" s="1" t="s">
        <v>11735</v>
      </c>
      <c r="B2976" s="1" t="s">
        <v>11736</v>
      </c>
      <c r="C2976" s="1" t="s">
        <v>30</v>
      </c>
      <c r="D2976" s="1" t="s">
        <v>8738</v>
      </c>
      <c r="E2976" s="1" t="s">
        <v>11752</v>
      </c>
      <c r="F2976" s="1" t="s">
        <v>11753</v>
      </c>
      <c r="G2976" s="1" t="s">
        <v>11740</v>
      </c>
      <c r="H2976" s="1" t="s">
        <v>13</v>
      </c>
      <c r="I2976" s="1" t="s">
        <v>11741</v>
      </c>
      <c r="J2976" s="1" t="s">
        <v>11754</v>
      </c>
    </row>
    <row r="2977" spans="1:10" x14ac:dyDescent="0.35">
      <c r="A2977" s="1" t="s">
        <v>11735</v>
      </c>
      <c r="B2977" s="1" t="s">
        <v>11736</v>
      </c>
      <c r="C2977" s="1" t="s">
        <v>35</v>
      </c>
      <c r="D2977" s="1" t="s">
        <v>11755</v>
      </c>
      <c r="E2977" s="1" t="s">
        <v>11756</v>
      </c>
      <c r="F2977" s="1" t="s">
        <v>11757</v>
      </c>
      <c r="G2977" s="1" t="s">
        <v>11740</v>
      </c>
      <c r="H2977" s="1" t="s">
        <v>13</v>
      </c>
      <c r="I2977" s="1" t="s">
        <v>11741</v>
      </c>
      <c r="J2977" s="1" t="s">
        <v>11758</v>
      </c>
    </row>
    <row r="2978" spans="1:10" x14ac:dyDescent="0.35">
      <c r="A2978" s="1" t="s">
        <v>11735</v>
      </c>
      <c r="B2978" s="1" t="s">
        <v>11736</v>
      </c>
      <c r="C2978" s="1" t="s">
        <v>40</v>
      </c>
      <c r="D2978" s="1" t="s">
        <v>11759</v>
      </c>
      <c r="E2978" s="1" t="s">
        <v>11760</v>
      </c>
      <c r="F2978" s="1" t="s">
        <v>11761</v>
      </c>
      <c r="G2978" s="1" t="s">
        <v>11740</v>
      </c>
      <c r="H2978" s="1" t="s">
        <v>13</v>
      </c>
      <c r="I2978" s="1" t="s">
        <v>11741</v>
      </c>
      <c r="J2978" s="1" t="s">
        <v>11762</v>
      </c>
    </row>
    <row r="2979" spans="1:10" x14ac:dyDescent="0.35">
      <c r="A2979" s="1" t="s">
        <v>11735</v>
      </c>
      <c r="B2979" s="1" t="s">
        <v>11736</v>
      </c>
      <c r="C2979" s="1" t="s">
        <v>45</v>
      </c>
      <c r="D2979" s="1" t="s">
        <v>11763</v>
      </c>
      <c r="E2979" s="1" t="s">
        <v>11764</v>
      </c>
      <c r="F2979" s="1" t="s">
        <v>11765</v>
      </c>
      <c r="G2979" s="1" t="s">
        <v>11740</v>
      </c>
      <c r="H2979" s="1" t="s">
        <v>13</v>
      </c>
      <c r="I2979" s="1" t="s">
        <v>11741</v>
      </c>
      <c r="J2979" s="1" t="s">
        <v>11766</v>
      </c>
    </row>
    <row r="2980" spans="1:10" x14ac:dyDescent="0.35">
      <c r="A2980" s="1" t="s">
        <v>11735</v>
      </c>
      <c r="B2980" s="1" t="s">
        <v>11736</v>
      </c>
      <c r="C2980" s="1" t="s">
        <v>50</v>
      </c>
      <c r="D2980" s="1" t="s">
        <v>11767</v>
      </c>
      <c r="E2980" s="1" t="s">
        <v>11768</v>
      </c>
      <c r="F2980" s="1" t="s">
        <v>11769</v>
      </c>
      <c r="G2980" s="1" t="s">
        <v>11740</v>
      </c>
      <c r="H2980" s="1" t="s">
        <v>13</v>
      </c>
      <c r="I2980" s="1" t="s">
        <v>11741</v>
      </c>
      <c r="J2980" s="1" t="s">
        <v>11770</v>
      </c>
    </row>
    <row r="2981" spans="1:10" x14ac:dyDescent="0.35">
      <c r="A2981" s="1" t="s">
        <v>11735</v>
      </c>
      <c r="B2981" s="1" t="s">
        <v>11736</v>
      </c>
      <c r="C2981" s="1" t="s">
        <v>55</v>
      </c>
      <c r="D2981" s="1" t="s">
        <v>11771</v>
      </c>
      <c r="E2981" s="1" t="s">
        <v>11772</v>
      </c>
      <c r="F2981" s="1" t="s">
        <v>11773</v>
      </c>
      <c r="G2981" s="1" t="s">
        <v>11740</v>
      </c>
      <c r="H2981" s="1" t="s">
        <v>13</v>
      </c>
      <c r="I2981" s="1" t="s">
        <v>11741</v>
      </c>
      <c r="J2981" s="1" t="s">
        <v>11774</v>
      </c>
    </row>
    <row r="2982" spans="1:10" x14ac:dyDescent="0.35">
      <c r="A2982" s="1" t="s">
        <v>11735</v>
      </c>
      <c r="B2982" s="1" t="s">
        <v>11736</v>
      </c>
      <c r="C2982" s="1" t="s">
        <v>60</v>
      </c>
      <c r="D2982" s="1" t="s">
        <v>11775</v>
      </c>
      <c r="E2982" s="1" t="s">
        <v>11776</v>
      </c>
      <c r="F2982" s="1" t="s">
        <v>11777</v>
      </c>
      <c r="G2982" s="1" t="s">
        <v>11740</v>
      </c>
      <c r="H2982" s="1" t="s">
        <v>13</v>
      </c>
      <c r="I2982" s="1" t="s">
        <v>11741</v>
      </c>
      <c r="J2982" s="1" t="s">
        <v>11778</v>
      </c>
    </row>
    <row r="2983" spans="1:10" x14ac:dyDescent="0.35">
      <c r="A2983" s="1" t="s">
        <v>11735</v>
      </c>
      <c r="B2983" s="1" t="s">
        <v>11736</v>
      </c>
      <c r="C2983" s="1" t="s">
        <v>65</v>
      </c>
      <c r="D2983" s="1" t="s">
        <v>11779</v>
      </c>
      <c r="E2983" s="1" t="s">
        <v>11780</v>
      </c>
      <c r="F2983" s="1" t="s">
        <v>11781</v>
      </c>
      <c r="G2983" s="1" t="s">
        <v>11740</v>
      </c>
      <c r="H2983" s="1" t="s">
        <v>13</v>
      </c>
      <c r="I2983" s="1" t="s">
        <v>11741</v>
      </c>
      <c r="J2983" s="1" t="s">
        <v>11782</v>
      </c>
    </row>
    <row r="2984" spans="1:10" x14ac:dyDescent="0.35">
      <c r="A2984" s="1" t="s">
        <v>11735</v>
      </c>
      <c r="B2984" s="1" t="s">
        <v>11736</v>
      </c>
      <c r="C2984" s="1" t="s">
        <v>70</v>
      </c>
      <c r="D2984" s="1" t="s">
        <v>11783</v>
      </c>
      <c r="E2984" s="1" t="s">
        <v>11784</v>
      </c>
      <c r="F2984" s="1" t="s">
        <v>11785</v>
      </c>
      <c r="G2984" s="1" t="s">
        <v>11740</v>
      </c>
      <c r="H2984" s="1" t="s">
        <v>13</v>
      </c>
      <c r="I2984" s="1" t="s">
        <v>11741</v>
      </c>
      <c r="J2984" s="1" t="s">
        <v>11786</v>
      </c>
    </row>
    <row r="2985" spans="1:10" x14ac:dyDescent="0.35">
      <c r="A2985" s="1" t="s">
        <v>11735</v>
      </c>
      <c r="B2985" s="1" t="s">
        <v>11736</v>
      </c>
      <c r="C2985" s="1" t="s">
        <v>75</v>
      </c>
      <c r="D2985" s="1" t="s">
        <v>11787</v>
      </c>
      <c r="E2985" s="1" t="s">
        <v>11788</v>
      </c>
      <c r="F2985" s="1" t="s">
        <v>11789</v>
      </c>
      <c r="G2985" s="1" t="s">
        <v>11740</v>
      </c>
      <c r="H2985" s="1" t="s">
        <v>13</v>
      </c>
      <c r="I2985" s="1" t="s">
        <v>11741</v>
      </c>
      <c r="J2985" s="1" t="s">
        <v>11790</v>
      </c>
    </row>
    <row r="2986" spans="1:10" x14ac:dyDescent="0.35">
      <c r="A2986" s="1" t="s">
        <v>11735</v>
      </c>
      <c r="B2986" s="1" t="s">
        <v>11736</v>
      </c>
      <c r="C2986" s="1" t="s">
        <v>80</v>
      </c>
      <c r="D2986" s="1" t="s">
        <v>11791</v>
      </c>
      <c r="E2986" s="1" t="s">
        <v>11792</v>
      </c>
      <c r="F2986" s="1" t="s">
        <v>11793</v>
      </c>
      <c r="G2986" s="1" t="s">
        <v>11740</v>
      </c>
      <c r="H2986" s="1" t="s">
        <v>13</v>
      </c>
      <c r="I2986" s="1" t="s">
        <v>11741</v>
      </c>
      <c r="J2986" s="1" t="s">
        <v>11794</v>
      </c>
    </row>
    <row r="2987" spans="1:10" x14ac:dyDescent="0.35">
      <c r="A2987" s="1" t="s">
        <v>11735</v>
      </c>
      <c r="B2987" s="1" t="s">
        <v>11736</v>
      </c>
      <c r="C2987" s="1" t="s">
        <v>85</v>
      </c>
      <c r="D2987" s="1" t="s">
        <v>11795</v>
      </c>
      <c r="E2987" s="1" t="s">
        <v>11796</v>
      </c>
      <c r="F2987" s="1" t="s">
        <v>11797</v>
      </c>
      <c r="G2987" s="1" t="s">
        <v>11740</v>
      </c>
      <c r="H2987" s="1" t="s">
        <v>13</v>
      </c>
      <c r="I2987" s="1" t="s">
        <v>11741</v>
      </c>
      <c r="J2987" s="1" t="s">
        <v>11798</v>
      </c>
    </row>
    <row r="2988" spans="1:10" x14ac:dyDescent="0.35">
      <c r="A2988" s="1" t="s">
        <v>11735</v>
      </c>
      <c r="B2988" s="1" t="s">
        <v>11736</v>
      </c>
      <c r="C2988" s="1" t="s">
        <v>90</v>
      </c>
      <c r="D2988" s="1" t="s">
        <v>11799</v>
      </c>
      <c r="E2988" s="1" t="s">
        <v>11800</v>
      </c>
      <c r="F2988" s="1" t="s">
        <v>11801</v>
      </c>
      <c r="G2988" s="1" t="s">
        <v>11740</v>
      </c>
      <c r="H2988" s="1" t="s">
        <v>13</v>
      </c>
      <c r="I2988" s="1" t="s">
        <v>11741</v>
      </c>
      <c r="J2988" s="1" t="s">
        <v>11802</v>
      </c>
    </row>
    <row r="2989" spans="1:10" x14ac:dyDescent="0.35">
      <c r="A2989" s="1" t="s">
        <v>11735</v>
      </c>
      <c r="B2989" s="1" t="s">
        <v>11736</v>
      </c>
      <c r="C2989" s="1" t="s">
        <v>95</v>
      </c>
      <c r="D2989" s="1" t="s">
        <v>11803</v>
      </c>
      <c r="E2989" s="1" t="s">
        <v>11804</v>
      </c>
      <c r="F2989" s="1" t="s">
        <v>11805</v>
      </c>
      <c r="G2989" s="1" t="s">
        <v>11740</v>
      </c>
      <c r="H2989" s="1" t="s">
        <v>13</v>
      </c>
      <c r="I2989" s="1" t="s">
        <v>11741</v>
      </c>
      <c r="J2989" s="1" t="s">
        <v>11806</v>
      </c>
    </row>
    <row r="2990" spans="1:10" x14ac:dyDescent="0.35">
      <c r="A2990" s="1" t="s">
        <v>11735</v>
      </c>
      <c r="B2990" s="1" t="s">
        <v>11736</v>
      </c>
      <c r="C2990" s="1" t="s">
        <v>100</v>
      </c>
      <c r="D2990" s="1" t="s">
        <v>11807</v>
      </c>
      <c r="E2990" s="1" t="s">
        <v>11808</v>
      </c>
      <c r="F2990" s="1" t="s">
        <v>11809</v>
      </c>
      <c r="G2990" s="1" t="s">
        <v>11740</v>
      </c>
      <c r="H2990" s="1" t="s">
        <v>13</v>
      </c>
      <c r="I2990" s="1" t="s">
        <v>11741</v>
      </c>
      <c r="J2990" s="1" t="s">
        <v>11810</v>
      </c>
    </row>
    <row r="2991" spans="1:10" x14ac:dyDescent="0.35">
      <c r="A2991" s="1" t="s">
        <v>11735</v>
      </c>
      <c r="B2991" s="1" t="s">
        <v>11736</v>
      </c>
      <c r="C2991" s="1" t="s">
        <v>105</v>
      </c>
      <c r="D2991" s="1" t="s">
        <v>11811</v>
      </c>
      <c r="E2991" s="1" t="s">
        <v>11812</v>
      </c>
      <c r="F2991" s="1" t="s">
        <v>11813</v>
      </c>
      <c r="G2991" s="1" t="s">
        <v>11740</v>
      </c>
      <c r="H2991" s="1" t="s">
        <v>13</v>
      </c>
      <c r="I2991" s="1" t="s">
        <v>11741</v>
      </c>
      <c r="J2991" s="1" t="s">
        <v>11814</v>
      </c>
    </row>
    <row r="2992" spans="1:10" x14ac:dyDescent="0.35">
      <c r="A2992" s="1" t="s">
        <v>11735</v>
      </c>
      <c r="B2992" s="1" t="s">
        <v>11736</v>
      </c>
      <c r="C2992" s="1" t="s">
        <v>110</v>
      </c>
      <c r="D2992" s="1" t="s">
        <v>11815</v>
      </c>
      <c r="E2992" s="1" t="s">
        <v>11816</v>
      </c>
      <c r="F2992" s="1" t="s">
        <v>11817</v>
      </c>
      <c r="G2992" s="1" t="s">
        <v>11740</v>
      </c>
      <c r="H2992" s="1" t="s">
        <v>13</v>
      </c>
      <c r="I2992" s="1" t="s">
        <v>11741</v>
      </c>
      <c r="J2992" s="1" t="s">
        <v>11818</v>
      </c>
    </row>
    <row r="2993" spans="1:10" x14ac:dyDescent="0.35">
      <c r="A2993" s="1" t="s">
        <v>11735</v>
      </c>
      <c r="B2993" s="1" t="s">
        <v>11736</v>
      </c>
      <c r="C2993" s="1" t="s">
        <v>115</v>
      </c>
      <c r="D2993" s="1" t="s">
        <v>11819</v>
      </c>
      <c r="E2993" s="1" t="s">
        <v>11820</v>
      </c>
      <c r="F2993" s="1" t="s">
        <v>11821</v>
      </c>
      <c r="G2993" s="1" t="s">
        <v>11740</v>
      </c>
      <c r="H2993" s="1" t="s">
        <v>13</v>
      </c>
      <c r="I2993" s="1" t="s">
        <v>11741</v>
      </c>
      <c r="J2993" s="1" t="s">
        <v>11822</v>
      </c>
    </row>
    <row r="2994" spans="1:10" x14ac:dyDescent="0.35">
      <c r="A2994" s="1" t="s">
        <v>11735</v>
      </c>
      <c r="B2994" s="1" t="s">
        <v>11736</v>
      </c>
      <c r="C2994" s="1" t="s">
        <v>120</v>
      </c>
      <c r="D2994" s="1" t="s">
        <v>11823</v>
      </c>
      <c r="E2994" s="1" t="s">
        <v>11824</v>
      </c>
      <c r="F2994" s="1" t="s">
        <v>11825</v>
      </c>
      <c r="G2994" s="1" t="s">
        <v>11740</v>
      </c>
      <c r="H2994" s="1" t="s">
        <v>13</v>
      </c>
      <c r="I2994" s="1" t="s">
        <v>11741</v>
      </c>
      <c r="J2994" s="1" t="s">
        <v>11826</v>
      </c>
    </row>
    <row r="2995" spans="1:10" x14ac:dyDescent="0.35">
      <c r="A2995" s="1" t="s">
        <v>11735</v>
      </c>
      <c r="B2995" s="1" t="s">
        <v>11736</v>
      </c>
      <c r="C2995" s="1" t="s">
        <v>125</v>
      </c>
      <c r="D2995" s="1" t="s">
        <v>11827</v>
      </c>
      <c r="E2995" s="1" t="s">
        <v>11828</v>
      </c>
      <c r="F2995" s="1" t="s">
        <v>11829</v>
      </c>
      <c r="G2995" s="1" t="s">
        <v>11740</v>
      </c>
      <c r="H2995" s="1" t="s">
        <v>13</v>
      </c>
      <c r="I2995" s="1" t="s">
        <v>11741</v>
      </c>
      <c r="J2995" s="1" t="s">
        <v>11830</v>
      </c>
    </row>
    <row r="2996" spans="1:10" x14ac:dyDescent="0.35">
      <c r="A2996" s="1" t="s">
        <v>11735</v>
      </c>
      <c r="B2996" s="1" t="s">
        <v>11736</v>
      </c>
      <c r="C2996" s="1" t="s">
        <v>130</v>
      </c>
      <c r="D2996" s="1" t="s">
        <v>11831</v>
      </c>
      <c r="E2996" s="1" t="s">
        <v>11820</v>
      </c>
      <c r="F2996" s="1" t="s">
        <v>11832</v>
      </c>
      <c r="G2996" s="1" t="s">
        <v>11740</v>
      </c>
      <c r="H2996" s="1" t="s">
        <v>13</v>
      </c>
      <c r="I2996" s="1" t="s">
        <v>11741</v>
      </c>
      <c r="J2996" s="1" t="s">
        <v>11833</v>
      </c>
    </row>
    <row r="2997" spans="1:10" x14ac:dyDescent="0.35">
      <c r="A2997" s="1" t="s">
        <v>11735</v>
      </c>
      <c r="B2997" s="1" t="s">
        <v>11736</v>
      </c>
      <c r="C2997" s="1" t="s">
        <v>135</v>
      </c>
      <c r="D2997" s="1" t="s">
        <v>11834</v>
      </c>
      <c r="E2997" s="1" t="s">
        <v>11835</v>
      </c>
      <c r="F2997" s="1" t="s">
        <v>11836</v>
      </c>
      <c r="G2997" s="1" t="s">
        <v>11740</v>
      </c>
      <c r="H2997" s="1" t="s">
        <v>13</v>
      </c>
      <c r="I2997" s="1" t="s">
        <v>11741</v>
      </c>
      <c r="J2997" s="1" t="s">
        <v>11837</v>
      </c>
    </row>
    <row r="2998" spans="1:10" x14ac:dyDescent="0.35">
      <c r="A2998" s="1" t="s">
        <v>11735</v>
      </c>
      <c r="B2998" s="1" t="s">
        <v>11736</v>
      </c>
      <c r="C2998" s="1" t="s">
        <v>140</v>
      </c>
      <c r="D2998" s="1" t="s">
        <v>11838</v>
      </c>
      <c r="E2998" s="1" t="s">
        <v>11839</v>
      </c>
      <c r="F2998" s="1" t="s">
        <v>11840</v>
      </c>
      <c r="G2998" s="1" t="s">
        <v>11740</v>
      </c>
      <c r="H2998" s="1" t="s">
        <v>13</v>
      </c>
      <c r="I2998" s="1" t="s">
        <v>11741</v>
      </c>
      <c r="J2998" s="1" t="s">
        <v>11841</v>
      </c>
    </row>
    <row r="2999" spans="1:10" x14ac:dyDescent="0.35">
      <c r="A2999" s="1" t="s">
        <v>11735</v>
      </c>
      <c r="B2999" s="1" t="s">
        <v>11736</v>
      </c>
      <c r="C2999" s="1" t="s">
        <v>145</v>
      </c>
      <c r="D2999" s="1" t="s">
        <v>10401</v>
      </c>
      <c r="E2999" s="1" t="s">
        <v>11835</v>
      </c>
      <c r="F2999" s="1" t="s">
        <v>11842</v>
      </c>
      <c r="G2999" s="1" t="s">
        <v>11740</v>
      </c>
      <c r="H2999" s="1" t="s">
        <v>13</v>
      </c>
      <c r="I2999" s="1" t="s">
        <v>11741</v>
      </c>
      <c r="J2999" s="1" t="s">
        <v>11843</v>
      </c>
    </row>
    <row r="3000" spans="1:10" x14ac:dyDescent="0.35">
      <c r="A3000" s="1" t="s">
        <v>11735</v>
      </c>
      <c r="B3000" s="1" t="s">
        <v>11736</v>
      </c>
      <c r="C3000" s="1" t="s">
        <v>150</v>
      </c>
      <c r="D3000" s="1" t="s">
        <v>11844</v>
      </c>
      <c r="E3000" s="1" t="s">
        <v>11845</v>
      </c>
      <c r="F3000" s="1" t="s">
        <v>11846</v>
      </c>
      <c r="G3000" s="1" t="s">
        <v>11740</v>
      </c>
      <c r="H3000" s="1" t="s">
        <v>13</v>
      </c>
      <c r="I3000" s="1" t="s">
        <v>11741</v>
      </c>
      <c r="J3000" s="1" t="s">
        <v>11847</v>
      </c>
    </row>
    <row r="3001" spans="1:10" x14ac:dyDescent="0.35">
      <c r="A3001" s="1" t="s">
        <v>11735</v>
      </c>
      <c r="B3001" s="1" t="s">
        <v>11736</v>
      </c>
      <c r="C3001" s="1" t="s">
        <v>155</v>
      </c>
      <c r="D3001" s="1" t="s">
        <v>11848</v>
      </c>
      <c r="E3001" s="1" t="s">
        <v>11849</v>
      </c>
      <c r="F3001" s="1" t="s">
        <v>11850</v>
      </c>
      <c r="G3001" s="1" t="s">
        <v>11740</v>
      </c>
      <c r="H3001" s="1" t="s">
        <v>13</v>
      </c>
      <c r="I3001" s="1" t="s">
        <v>11741</v>
      </c>
      <c r="J3001" s="1" t="s">
        <v>11851</v>
      </c>
    </row>
    <row r="3002" spans="1:10" x14ac:dyDescent="0.35">
      <c r="A3002" s="1" t="s">
        <v>11735</v>
      </c>
      <c r="B3002" s="1" t="s">
        <v>11736</v>
      </c>
      <c r="C3002" s="1" t="s">
        <v>160</v>
      </c>
      <c r="D3002" s="1" t="s">
        <v>11852</v>
      </c>
      <c r="E3002" s="1" t="s">
        <v>11853</v>
      </c>
      <c r="F3002" s="1" t="s">
        <v>11854</v>
      </c>
      <c r="G3002" s="1" t="s">
        <v>11740</v>
      </c>
      <c r="H3002" s="1" t="s">
        <v>13</v>
      </c>
      <c r="I3002" s="1" t="s">
        <v>11741</v>
      </c>
      <c r="J3002" s="1" t="s">
        <v>11855</v>
      </c>
    </row>
    <row r="3003" spans="1:10" x14ac:dyDescent="0.35">
      <c r="A3003" s="1" t="s">
        <v>11735</v>
      </c>
      <c r="B3003" s="1" t="s">
        <v>11736</v>
      </c>
      <c r="C3003" s="1" t="s">
        <v>165</v>
      </c>
      <c r="D3003" s="1" t="s">
        <v>11856</v>
      </c>
      <c r="E3003" s="1" t="s">
        <v>11857</v>
      </c>
      <c r="F3003" s="1" t="s">
        <v>11858</v>
      </c>
      <c r="G3003" s="1" t="s">
        <v>11740</v>
      </c>
      <c r="H3003" s="1" t="s">
        <v>13</v>
      </c>
      <c r="I3003" s="1" t="s">
        <v>11741</v>
      </c>
      <c r="J3003" s="1" t="s">
        <v>11859</v>
      </c>
    </row>
    <row r="3004" spans="1:10" x14ac:dyDescent="0.35">
      <c r="A3004" s="1" t="s">
        <v>11735</v>
      </c>
      <c r="B3004" s="1" t="s">
        <v>11736</v>
      </c>
      <c r="C3004" s="1" t="s">
        <v>170</v>
      </c>
      <c r="D3004" s="1" t="s">
        <v>872</v>
      </c>
      <c r="E3004" s="1" t="s">
        <v>11860</v>
      </c>
      <c r="F3004" s="1" t="s">
        <v>11861</v>
      </c>
      <c r="G3004" s="1" t="s">
        <v>11740</v>
      </c>
      <c r="H3004" s="1" t="s">
        <v>13</v>
      </c>
      <c r="I3004" s="1" t="s">
        <v>11741</v>
      </c>
      <c r="J3004" s="1" t="s">
        <v>11862</v>
      </c>
    </row>
    <row r="3005" spans="1:10" x14ac:dyDescent="0.35">
      <c r="A3005" s="1" t="s">
        <v>11863</v>
      </c>
      <c r="B3005" s="1" t="s">
        <v>11864</v>
      </c>
      <c r="C3005" s="1" t="s">
        <v>8</v>
      </c>
      <c r="D3005" s="1" t="s">
        <v>11865</v>
      </c>
      <c r="E3005" s="1" t="s">
        <v>11866</v>
      </c>
      <c r="F3005" s="1" t="s">
        <v>11867</v>
      </c>
      <c r="G3005" s="1" t="s">
        <v>11868</v>
      </c>
      <c r="H3005" s="1" t="s">
        <v>13</v>
      </c>
      <c r="I3005" s="1" t="s">
        <v>11869</v>
      </c>
      <c r="J3005" s="1" t="s">
        <v>13</v>
      </c>
    </row>
    <row r="3006" spans="1:10" x14ac:dyDescent="0.35">
      <c r="A3006" s="1" t="s">
        <v>11863</v>
      </c>
      <c r="B3006" s="1" t="s">
        <v>11864</v>
      </c>
      <c r="C3006" s="1" t="s">
        <v>15</v>
      </c>
      <c r="D3006" s="1" t="s">
        <v>11870</v>
      </c>
      <c r="E3006" s="1" t="s">
        <v>11871</v>
      </c>
      <c r="F3006" s="1" t="s">
        <v>11872</v>
      </c>
      <c r="G3006" s="1" t="s">
        <v>11868</v>
      </c>
      <c r="H3006" s="1" t="s">
        <v>13</v>
      </c>
      <c r="I3006" s="1" t="s">
        <v>11869</v>
      </c>
      <c r="J3006" s="1" t="s">
        <v>11873</v>
      </c>
    </row>
    <row r="3007" spans="1:10" x14ac:dyDescent="0.35">
      <c r="A3007" s="1" t="s">
        <v>11863</v>
      </c>
      <c r="B3007" s="1" t="s">
        <v>11864</v>
      </c>
      <c r="C3007" s="1" t="s">
        <v>20</v>
      </c>
      <c r="D3007" s="1" t="s">
        <v>11874</v>
      </c>
      <c r="E3007" s="1" t="s">
        <v>11875</v>
      </c>
      <c r="F3007" s="1" t="s">
        <v>11876</v>
      </c>
      <c r="G3007" s="1" t="s">
        <v>11868</v>
      </c>
      <c r="H3007" s="1" t="s">
        <v>13</v>
      </c>
      <c r="I3007" s="1" t="s">
        <v>11869</v>
      </c>
      <c r="J3007" s="1" t="s">
        <v>11877</v>
      </c>
    </row>
    <row r="3008" spans="1:10" x14ac:dyDescent="0.35">
      <c r="A3008" s="1" t="s">
        <v>11863</v>
      </c>
      <c r="B3008" s="1" t="s">
        <v>11864</v>
      </c>
      <c r="C3008" s="1" t="s">
        <v>25</v>
      </c>
      <c r="D3008" s="1" t="s">
        <v>11878</v>
      </c>
      <c r="E3008" s="1" t="s">
        <v>11879</v>
      </c>
      <c r="F3008" s="1" t="s">
        <v>11880</v>
      </c>
      <c r="G3008" s="1" t="s">
        <v>11868</v>
      </c>
      <c r="H3008" s="1" t="s">
        <v>13</v>
      </c>
      <c r="I3008" s="1" t="s">
        <v>11869</v>
      </c>
      <c r="J3008" s="1" t="s">
        <v>11881</v>
      </c>
    </row>
    <row r="3009" spans="1:10" x14ac:dyDescent="0.35">
      <c r="A3009" s="1" t="s">
        <v>11863</v>
      </c>
      <c r="B3009" s="1" t="s">
        <v>11864</v>
      </c>
      <c r="C3009" s="1" t="s">
        <v>30</v>
      </c>
      <c r="D3009" s="1" t="s">
        <v>11882</v>
      </c>
      <c r="E3009" s="1" t="s">
        <v>11883</v>
      </c>
      <c r="F3009" s="1" t="s">
        <v>11884</v>
      </c>
      <c r="G3009" s="1" t="s">
        <v>11868</v>
      </c>
      <c r="H3009" s="1" t="s">
        <v>13</v>
      </c>
      <c r="I3009" s="1" t="s">
        <v>11869</v>
      </c>
      <c r="J3009" s="1" t="s">
        <v>11885</v>
      </c>
    </row>
    <row r="3010" spans="1:10" x14ac:dyDescent="0.35">
      <c r="A3010" s="1" t="s">
        <v>11863</v>
      </c>
      <c r="B3010" s="1" t="s">
        <v>11864</v>
      </c>
      <c r="C3010" s="1" t="s">
        <v>35</v>
      </c>
      <c r="D3010" s="1" t="s">
        <v>11886</v>
      </c>
      <c r="E3010" s="1" t="s">
        <v>11887</v>
      </c>
      <c r="F3010" s="1" t="s">
        <v>11888</v>
      </c>
      <c r="G3010" s="1" t="s">
        <v>11868</v>
      </c>
      <c r="H3010" s="1" t="s">
        <v>13</v>
      </c>
      <c r="I3010" s="1" t="s">
        <v>11869</v>
      </c>
      <c r="J3010" s="1" t="s">
        <v>11889</v>
      </c>
    </row>
    <row r="3011" spans="1:10" x14ac:dyDescent="0.35">
      <c r="A3011" s="1" t="s">
        <v>11863</v>
      </c>
      <c r="B3011" s="1" t="s">
        <v>11864</v>
      </c>
      <c r="C3011" s="1" t="s">
        <v>40</v>
      </c>
      <c r="D3011" s="1" t="s">
        <v>11890</v>
      </c>
      <c r="E3011" s="1" t="s">
        <v>11891</v>
      </c>
      <c r="F3011" s="1" t="s">
        <v>11892</v>
      </c>
      <c r="G3011" s="1" t="s">
        <v>11868</v>
      </c>
      <c r="H3011" s="1" t="s">
        <v>13</v>
      </c>
      <c r="I3011" s="1" t="s">
        <v>11869</v>
      </c>
      <c r="J3011" s="1" t="s">
        <v>11893</v>
      </c>
    </row>
    <row r="3012" spans="1:10" x14ac:dyDescent="0.35">
      <c r="A3012" s="1" t="s">
        <v>11863</v>
      </c>
      <c r="B3012" s="1" t="s">
        <v>11864</v>
      </c>
      <c r="C3012" s="1" t="s">
        <v>45</v>
      </c>
      <c r="D3012" s="1" t="s">
        <v>11894</v>
      </c>
      <c r="E3012" s="1" t="s">
        <v>11895</v>
      </c>
      <c r="F3012" s="1" t="s">
        <v>11896</v>
      </c>
      <c r="G3012" s="1" t="s">
        <v>11868</v>
      </c>
      <c r="H3012" s="1" t="s">
        <v>13</v>
      </c>
      <c r="I3012" s="1" t="s">
        <v>11869</v>
      </c>
      <c r="J3012" s="1" t="s">
        <v>11897</v>
      </c>
    </row>
    <row r="3013" spans="1:10" x14ac:dyDescent="0.35">
      <c r="A3013" s="1" t="s">
        <v>11863</v>
      </c>
      <c r="B3013" s="1" t="s">
        <v>11864</v>
      </c>
      <c r="C3013" s="1" t="s">
        <v>50</v>
      </c>
      <c r="D3013" s="1" t="s">
        <v>11898</v>
      </c>
      <c r="E3013" s="1" t="s">
        <v>11899</v>
      </c>
      <c r="F3013" s="1" t="s">
        <v>11900</v>
      </c>
      <c r="G3013" s="1" t="s">
        <v>11868</v>
      </c>
      <c r="H3013" s="1" t="s">
        <v>13</v>
      </c>
      <c r="I3013" s="1" t="s">
        <v>11869</v>
      </c>
      <c r="J3013" s="1" t="s">
        <v>11901</v>
      </c>
    </row>
    <row r="3014" spans="1:10" x14ac:dyDescent="0.35">
      <c r="A3014" s="1" t="s">
        <v>11863</v>
      </c>
      <c r="B3014" s="1" t="s">
        <v>11864</v>
      </c>
      <c r="C3014" s="1" t="s">
        <v>55</v>
      </c>
      <c r="D3014" s="1" t="s">
        <v>11902</v>
      </c>
      <c r="E3014" s="1" t="s">
        <v>11903</v>
      </c>
      <c r="F3014" s="1" t="s">
        <v>11904</v>
      </c>
      <c r="G3014" s="1" t="s">
        <v>11868</v>
      </c>
      <c r="H3014" s="1" t="s">
        <v>13</v>
      </c>
      <c r="I3014" s="1" t="s">
        <v>11869</v>
      </c>
      <c r="J3014" s="1" t="s">
        <v>11905</v>
      </c>
    </row>
    <row r="3015" spans="1:10" x14ac:dyDescent="0.35">
      <c r="A3015" s="1" t="s">
        <v>11863</v>
      </c>
      <c r="B3015" s="1" t="s">
        <v>11864</v>
      </c>
      <c r="C3015" s="1" t="s">
        <v>60</v>
      </c>
      <c r="D3015" s="1" t="s">
        <v>11906</v>
      </c>
      <c r="E3015" s="1" t="s">
        <v>11907</v>
      </c>
      <c r="F3015" s="1" t="s">
        <v>11908</v>
      </c>
      <c r="G3015" s="1" t="s">
        <v>11868</v>
      </c>
      <c r="H3015" s="1" t="s">
        <v>13</v>
      </c>
      <c r="I3015" s="1" t="s">
        <v>11869</v>
      </c>
      <c r="J3015" s="1" t="s">
        <v>11909</v>
      </c>
    </row>
    <row r="3016" spans="1:10" x14ac:dyDescent="0.35">
      <c r="A3016" s="1" t="s">
        <v>11863</v>
      </c>
      <c r="B3016" s="1" t="s">
        <v>11864</v>
      </c>
      <c r="C3016" s="1" t="s">
        <v>65</v>
      </c>
      <c r="D3016" s="1" t="s">
        <v>11910</v>
      </c>
      <c r="E3016" s="1" t="s">
        <v>11911</v>
      </c>
      <c r="F3016" s="1" t="s">
        <v>11912</v>
      </c>
      <c r="G3016" s="1" t="s">
        <v>11868</v>
      </c>
      <c r="H3016" s="1" t="s">
        <v>13</v>
      </c>
      <c r="I3016" s="1" t="s">
        <v>11869</v>
      </c>
      <c r="J3016" s="1" t="s">
        <v>11913</v>
      </c>
    </row>
    <row r="3017" spans="1:10" x14ac:dyDescent="0.35">
      <c r="A3017" s="1" t="s">
        <v>11863</v>
      </c>
      <c r="B3017" s="1" t="s">
        <v>11864</v>
      </c>
      <c r="C3017" s="1" t="s">
        <v>70</v>
      </c>
      <c r="D3017" s="1" t="s">
        <v>11914</v>
      </c>
      <c r="E3017" s="1" t="s">
        <v>11915</v>
      </c>
      <c r="F3017" s="1" t="s">
        <v>11916</v>
      </c>
      <c r="G3017" s="1" t="s">
        <v>11868</v>
      </c>
      <c r="H3017" s="1" t="s">
        <v>13</v>
      </c>
      <c r="I3017" s="1" t="s">
        <v>11869</v>
      </c>
      <c r="J3017" s="1" t="s">
        <v>11917</v>
      </c>
    </row>
    <row r="3018" spans="1:10" x14ac:dyDescent="0.35">
      <c r="A3018" s="1" t="s">
        <v>11863</v>
      </c>
      <c r="B3018" s="1" t="s">
        <v>11864</v>
      </c>
      <c r="C3018" s="1" t="s">
        <v>75</v>
      </c>
      <c r="D3018" s="1" t="s">
        <v>11918</v>
      </c>
      <c r="E3018" s="1" t="s">
        <v>11919</v>
      </c>
      <c r="F3018" s="1" t="s">
        <v>11920</v>
      </c>
      <c r="G3018" s="1" t="s">
        <v>11868</v>
      </c>
      <c r="H3018" s="1" t="s">
        <v>13</v>
      </c>
      <c r="I3018" s="1" t="s">
        <v>11869</v>
      </c>
      <c r="J3018" s="1" t="s">
        <v>11921</v>
      </c>
    </row>
    <row r="3019" spans="1:10" x14ac:dyDescent="0.35">
      <c r="A3019" s="1" t="s">
        <v>11863</v>
      </c>
      <c r="B3019" s="1" t="s">
        <v>11864</v>
      </c>
      <c r="C3019" s="1" t="s">
        <v>80</v>
      </c>
      <c r="D3019" s="1" t="s">
        <v>11922</v>
      </c>
      <c r="E3019" s="1" t="s">
        <v>11923</v>
      </c>
      <c r="F3019" s="1" t="s">
        <v>11924</v>
      </c>
      <c r="G3019" s="1" t="s">
        <v>11868</v>
      </c>
      <c r="H3019" s="1" t="s">
        <v>13</v>
      </c>
      <c r="I3019" s="1" t="s">
        <v>11869</v>
      </c>
      <c r="J3019" s="1" t="s">
        <v>11925</v>
      </c>
    </row>
    <row r="3020" spans="1:10" x14ac:dyDescent="0.35">
      <c r="A3020" s="1" t="s">
        <v>11863</v>
      </c>
      <c r="B3020" s="1" t="s">
        <v>11864</v>
      </c>
      <c r="C3020" s="1" t="s">
        <v>85</v>
      </c>
      <c r="D3020" s="1" t="s">
        <v>11926</v>
      </c>
      <c r="E3020" s="1" t="s">
        <v>11927</v>
      </c>
      <c r="F3020" s="1" t="s">
        <v>11928</v>
      </c>
      <c r="G3020" s="1" t="s">
        <v>11868</v>
      </c>
      <c r="H3020" s="1" t="s">
        <v>13</v>
      </c>
      <c r="I3020" s="1" t="s">
        <v>11869</v>
      </c>
      <c r="J3020" s="1" t="s">
        <v>11929</v>
      </c>
    </row>
    <row r="3021" spans="1:10" x14ac:dyDescent="0.35">
      <c r="A3021" s="1" t="s">
        <v>11863</v>
      </c>
      <c r="B3021" s="1" t="s">
        <v>11864</v>
      </c>
      <c r="C3021" s="1" t="s">
        <v>90</v>
      </c>
      <c r="D3021" s="1" t="s">
        <v>11930</v>
      </c>
      <c r="E3021" s="1" t="s">
        <v>11931</v>
      </c>
      <c r="F3021" s="1" t="s">
        <v>11932</v>
      </c>
      <c r="G3021" s="1" t="s">
        <v>11868</v>
      </c>
      <c r="H3021" s="1" t="s">
        <v>13</v>
      </c>
      <c r="I3021" s="1" t="s">
        <v>11869</v>
      </c>
      <c r="J3021" s="1" t="s">
        <v>11933</v>
      </c>
    </row>
    <row r="3022" spans="1:10" x14ac:dyDescent="0.35">
      <c r="A3022" s="1" t="s">
        <v>11863</v>
      </c>
      <c r="B3022" s="1" t="s">
        <v>11864</v>
      </c>
      <c r="C3022" s="1" t="s">
        <v>95</v>
      </c>
      <c r="D3022" s="1" t="s">
        <v>11934</v>
      </c>
      <c r="E3022" s="1" t="s">
        <v>11935</v>
      </c>
      <c r="F3022" s="1" t="s">
        <v>11936</v>
      </c>
      <c r="G3022" s="1" t="s">
        <v>11868</v>
      </c>
      <c r="H3022" s="1" t="s">
        <v>13</v>
      </c>
      <c r="I3022" s="1" t="s">
        <v>11869</v>
      </c>
      <c r="J3022" s="1" t="s">
        <v>11937</v>
      </c>
    </row>
    <row r="3023" spans="1:10" x14ac:dyDescent="0.35">
      <c r="A3023" s="1" t="s">
        <v>11863</v>
      </c>
      <c r="B3023" s="1" t="s">
        <v>11864</v>
      </c>
      <c r="C3023" s="1" t="s">
        <v>100</v>
      </c>
      <c r="D3023" s="1" t="s">
        <v>11938</v>
      </c>
      <c r="E3023" s="1" t="s">
        <v>11939</v>
      </c>
      <c r="F3023" s="1" t="s">
        <v>11940</v>
      </c>
      <c r="G3023" s="1" t="s">
        <v>11868</v>
      </c>
      <c r="H3023" s="1" t="s">
        <v>13</v>
      </c>
      <c r="I3023" s="1" t="s">
        <v>11869</v>
      </c>
      <c r="J3023" s="1" t="s">
        <v>11941</v>
      </c>
    </row>
    <row r="3024" spans="1:10" x14ac:dyDescent="0.35">
      <c r="A3024" s="1" t="s">
        <v>11863</v>
      </c>
      <c r="B3024" s="1" t="s">
        <v>11864</v>
      </c>
      <c r="C3024" s="1" t="s">
        <v>105</v>
      </c>
      <c r="D3024" s="1" t="s">
        <v>11942</v>
      </c>
      <c r="E3024" s="1" t="s">
        <v>11943</v>
      </c>
      <c r="F3024" s="1" t="s">
        <v>11944</v>
      </c>
      <c r="G3024" s="1" t="s">
        <v>11868</v>
      </c>
      <c r="H3024" s="1" t="s">
        <v>13</v>
      </c>
      <c r="I3024" s="1" t="s">
        <v>11869</v>
      </c>
      <c r="J3024" s="1" t="s">
        <v>11945</v>
      </c>
    </row>
    <row r="3025" spans="1:10" x14ac:dyDescent="0.35">
      <c r="A3025" s="1" t="s">
        <v>11863</v>
      </c>
      <c r="B3025" s="1" t="s">
        <v>11864</v>
      </c>
      <c r="C3025" s="1" t="s">
        <v>110</v>
      </c>
      <c r="D3025" s="1" t="s">
        <v>11946</v>
      </c>
      <c r="E3025" s="1" t="s">
        <v>11947</v>
      </c>
      <c r="F3025" s="1" t="s">
        <v>11948</v>
      </c>
      <c r="G3025" s="1" t="s">
        <v>11868</v>
      </c>
      <c r="H3025" s="1" t="s">
        <v>13</v>
      </c>
      <c r="I3025" s="1" t="s">
        <v>11869</v>
      </c>
      <c r="J3025" s="1" t="s">
        <v>11949</v>
      </c>
    </row>
    <row r="3026" spans="1:10" x14ac:dyDescent="0.35">
      <c r="A3026" s="1" t="s">
        <v>11863</v>
      </c>
      <c r="B3026" s="1" t="s">
        <v>11864</v>
      </c>
      <c r="C3026" s="1" t="s">
        <v>115</v>
      </c>
      <c r="D3026" s="1" t="s">
        <v>11950</v>
      </c>
      <c r="E3026" s="1" t="s">
        <v>11951</v>
      </c>
      <c r="F3026" s="1" t="s">
        <v>11952</v>
      </c>
      <c r="G3026" s="1" t="s">
        <v>11868</v>
      </c>
      <c r="H3026" s="1" t="s">
        <v>13</v>
      </c>
      <c r="I3026" s="1" t="s">
        <v>11869</v>
      </c>
      <c r="J3026" s="1" t="s">
        <v>11953</v>
      </c>
    </row>
    <row r="3027" spans="1:10" x14ac:dyDescent="0.35">
      <c r="A3027" s="1" t="s">
        <v>11863</v>
      </c>
      <c r="B3027" s="1" t="s">
        <v>11864</v>
      </c>
      <c r="C3027" s="1" t="s">
        <v>120</v>
      </c>
      <c r="D3027" s="1" t="s">
        <v>11954</v>
      </c>
      <c r="E3027" s="1" t="s">
        <v>11955</v>
      </c>
      <c r="F3027" s="1" t="s">
        <v>11956</v>
      </c>
      <c r="G3027" s="1" t="s">
        <v>11868</v>
      </c>
      <c r="H3027" s="1" t="s">
        <v>13</v>
      </c>
      <c r="I3027" s="1" t="s">
        <v>11869</v>
      </c>
      <c r="J3027" s="1" t="s">
        <v>11957</v>
      </c>
    </row>
    <row r="3028" spans="1:10" x14ac:dyDescent="0.35">
      <c r="A3028" s="1" t="s">
        <v>11863</v>
      </c>
      <c r="B3028" s="1" t="s">
        <v>11864</v>
      </c>
      <c r="C3028" s="1" t="s">
        <v>125</v>
      </c>
      <c r="D3028" s="1" t="s">
        <v>11958</v>
      </c>
      <c r="E3028" s="1" t="s">
        <v>11959</v>
      </c>
      <c r="F3028" s="1" t="s">
        <v>11960</v>
      </c>
      <c r="G3028" s="1" t="s">
        <v>11868</v>
      </c>
      <c r="H3028" s="1" t="s">
        <v>13</v>
      </c>
      <c r="I3028" s="1" t="s">
        <v>11869</v>
      </c>
      <c r="J3028" s="1" t="s">
        <v>11961</v>
      </c>
    </row>
    <row r="3029" spans="1:10" x14ac:dyDescent="0.35">
      <c r="A3029" s="1" t="s">
        <v>11863</v>
      </c>
      <c r="B3029" s="1" t="s">
        <v>11864</v>
      </c>
      <c r="C3029" s="1" t="s">
        <v>130</v>
      </c>
      <c r="D3029" s="1" t="s">
        <v>11962</v>
      </c>
      <c r="E3029" s="1" t="s">
        <v>11963</v>
      </c>
      <c r="F3029" s="1" t="s">
        <v>11964</v>
      </c>
      <c r="G3029" s="1" t="s">
        <v>11868</v>
      </c>
      <c r="H3029" s="1" t="s">
        <v>13</v>
      </c>
      <c r="I3029" s="1" t="s">
        <v>11869</v>
      </c>
      <c r="J3029" s="1" t="s">
        <v>11965</v>
      </c>
    </row>
    <row r="3030" spans="1:10" x14ac:dyDescent="0.35">
      <c r="A3030" s="1" t="s">
        <v>11863</v>
      </c>
      <c r="B3030" s="1" t="s">
        <v>11864</v>
      </c>
      <c r="C3030" s="1" t="s">
        <v>135</v>
      </c>
      <c r="D3030" s="1" t="s">
        <v>11966</v>
      </c>
      <c r="E3030" s="1" t="s">
        <v>11967</v>
      </c>
      <c r="F3030" s="1" t="s">
        <v>11968</v>
      </c>
      <c r="G3030" s="1" t="s">
        <v>11868</v>
      </c>
      <c r="H3030" s="1" t="s">
        <v>13</v>
      </c>
      <c r="I3030" s="1" t="s">
        <v>11869</v>
      </c>
      <c r="J3030" s="1" t="s">
        <v>11969</v>
      </c>
    </row>
    <row r="3031" spans="1:10" x14ac:dyDescent="0.35">
      <c r="A3031" s="1" t="s">
        <v>11863</v>
      </c>
      <c r="B3031" s="1" t="s">
        <v>11864</v>
      </c>
      <c r="C3031" s="1" t="s">
        <v>140</v>
      </c>
      <c r="D3031" s="1" t="s">
        <v>11970</v>
      </c>
      <c r="E3031" s="1" t="s">
        <v>11971</v>
      </c>
      <c r="F3031" s="1" t="s">
        <v>11972</v>
      </c>
      <c r="G3031" s="1" t="s">
        <v>11868</v>
      </c>
      <c r="H3031" s="1" t="s">
        <v>13</v>
      </c>
      <c r="I3031" s="1" t="s">
        <v>11869</v>
      </c>
      <c r="J3031" s="1" t="s">
        <v>11973</v>
      </c>
    </row>
    <row r="3032" spans="1:10" x14ac:dyDescent="0.35">
      <c r="A3032" s="1" t="s">
        <v>11863</v>
      </c>
      <c r="B3032" s="1" t="s">
        <v>11864</v>
      </c>
      <c r="C3032" s="1" t="s">
        <v>145</v>
      </c>
      <c r="D3032" s="1" t="s">
        <v>11974</v>
      </c>
      <c r="E3032" s="1" t="s">
        <v>11975</v>
      </c>
      <c r="F3032" s="1" t="s">
        <v>11976</v>
      </c>
      <c r="G3032" s="1" t="s">
        <v>11868</v>
      </c>
      <c r="H3032" s="1" t="s">
        <v>13</v>
      </c>
      <c r="I3032" s="1" t="s">
        <v>11869</v>
      </c>
      <c r="J3032" s="1" t="s">
        <v>11977</v>
      </c>
    </row>
    <row r="3033" spans="1:10" x14ac:dyDescent="0.35">
      <c r="A3033" s="1" t="s">
        <v>11863</v>
      </c>
      <c r="B3033" s="1" t="s">
        <v>11864</v>
      </c>
      <c r="C3033" s="1" t="s">
        <v>150</v>
      </c>
      <c r="D3033" s="1" t="s">
        <v>11978</v>
      </c>
      <c r="E3033" s="1" t="s">
        <v>11979</v>
      </c>
      <c r="F3033" s="1" t="s">
        <v>11980</v>
      </c>
      <c r="G3033" s="1" t="s">
        <v>11868</v>
      </c>
      <c r="H3033" s="1" t="s">
        <v>13</v>
      </c>
      <c r="I3033" s="1" t="s">
        <v>11869</v>
      </c>
      <c r="J3033" s="1" t="s">
        <v>11981</v>
      </c>
    </row>
    <row r="3034" spans="1:10" x14ac:dyDescent="0.35">
      <c r="A3034" s="1" t="s">
        <v>11863</v>
      </c>
      <c r="B3034" s="1" t="s">
        <v>11864</v>
      </c>
      <c r="C3034" s="1" t="s">
        <v>155</v>
      </c>
      <c r="D3034" s="1" t="s">
        <v>11982</v>
      </c>
      <c r="E3034" s="1" t="s">
        <v>11983</v>
      </c>
      <c r="F3034" s="1" t="s">
        <v>11984</v>
      </c>
      <c r="G3034" s="1" t="s">
        <v>11868</v>
      </c>
      <c r="H3034" s="1" t="s">
        <v>13</v>
      </c>
      <c r="I3034" s="1" t="s">
        <v>11869</v>
      </c>
      <c r="J3034" s="1" t="s">
        <v>11985</v>
      </c>
    </row>
    <row r="3035" spans="1:10" x14ac:dyDescent="0.35">
      <c r="A3035" s="1" t="s">
        <v>11863</v>
      </c>
      <c r="B3035" s="1" t="s">
        <v>11864</v>
      </c>
      <c r="C3035" s="1" t="s">
        <v>160</v>
      </c>
      <c r="D3035" s="1" t="s">
        <v>11986</v>
      </c>
      <c r="E3035" s="1" t="s">
        <v>11987</v>
      </c>
      <c r="F3035" s="1" t="s">
        <v>11988</v>
      </c>
      <c r="G3035" s="1" t="s">
        <v>11868</v>
      </c>
      <c r="H3035" s="1" t="s">
        <v>13</v>
      </c>
      <c r="I3035" s="1" t="s">
        <v>11869</v>
      </c>
      <c r="J3035" s="1" t="s">
        <v>11989</v>
      </c>
    </row>
    <row r="3036" spans="1:10" x14ac:dyDescent="0.35">
      <c r="A3036" s="1" t="s">
        <v>11863</v>
      </c>
      <c r="B3036" s="1" t="s">
        <v>11864</v>
      </c>
      <c r="C3036" s="1" t="s">
        <v>165</v>
      </c>
      <c r="D3036" s="1" t="s">
        <v>11990</v>
      </c>
      <c r="E3036" s="1" t="s">
        <v>11991</v>
      </c>
      <c r="F3036" s="1" t="s">
        <v>11992</v>
      </c>
      <c r="G3036" s="1" t="s">
        <v>11868</v>
      </c>
      <c r="H3036" s="1" t="s">
        <v>13</v>
      </c>
      <c r="I3036" s="1" t="s">
        <v>11869</v>
      </c>
      <c r="J3036" s="1" t="s">
        <v>11993</v>
      </c>
    </row>
    <row r="3037" spans="1:10" x14ac:dyDescent="0.35">
      <c r="A3037" s="1" t="s">
        <v>11863</v>
      </c>
      <c r="B3037" s="1" t="s">
        <v>11864</v>
      </c>
      <c r="C3037" s="1" t="s">
        <v>170</v>
      </c>
      <c r="D3037" s="1" t="s">
        <v>11994</v>
      </c>
      <c r="E3037" s="1" t="s">
        <v>11995</v>
      </c>
      <c r="F3037" s="1" t="s">
        <v>11996</v>
      </c>
      <c r="G3037" s="1" t="s">
        <v>11868</v>
      </c>
      <c r="H3037" s="1" t="s">
        <v>13</v>
      </c>
      <c r="I3037" s="1" t="s">
        <v>11869</v>
      </c>
      <c r="J3037" s="1" t="s">
        <v>11997</v>
      </c>
    </row>
    <row r="3038" spans="1:10" x14ac:dyDescent="0.35">
      <c r="A3038" s="1" t="s">
        <v>11998</v>
      </c>
      <c r="B3038" s="1" t="s">
        <v>11999</v>
      </c>
      <c r="C3038" s="1" t="s">
        <v>8</v>
      </c>
      <c r="D3038" s="1" t="s">
        <v>1126</v>
      </c>
      <c r="E3038" s="1" t="s">
        <v>12000</v>
      </c>
      <c r="F3038" s="1" t="s">
        <v>12001</v>
      </c>
      <c r="G3038" s="1" t="s">
        <v>12002</v>
      </c>
      <c r="H3038" s="1" t="s">
        <v>13</v>
      </c>
      <c r="I3038" s="1" t="s">
        <v>12003</v>
      </c>
      <c r="J3038" s="1" t="s">
        <v>13</v>
      </c>
    </row>
    <row r="3039" spans="1:10" x14ac:dyDescent="0.35">
      <c r="A3039" s="1" t="s">
        <v>11998</v>
      </c>
      <c r="B3039" s="1" t="s">
        <v>11999</v>
      </c>
      <c r="C3039" s="1" t="s">
        <v>15</v>
      </c>
      <c r="D3039" s="1" t="s">
        <v>12004</v>
      </c>
      <c r="E3039" s="1" t="s">
        <v>12005</v>
      </c>
      <c r="F3039" s="1" t="s">
        <v>12006</v>
      </c>
      <c r="G3039" s="1" t="s">
        <v>12002</v>
      </c>
      <c r="H3039" s="1" t="s">
        <v>13</v>
      </c>
      <c r="I3039" s="1" t="s">
        <v>12003</v>
      </c>
      <c r="J3039" s="1" t="s">
        <v>12007</v>
      </c>
    </row>
    <row r="3040" spans="1:10" x14ac:dyDescent="0.35">
      <c r="A3040" s="1" t="s">
        <v>11998</v>
      </c>
      <c r="B3040" s="1" t="s">
        <v>11999</v>
      </c>
      <c r="C3040" s="1" t="s">
        <v>20</v>
      </c>
      <c r="D3040" s="1" t="s">
        <v>8426</v>
      </c>
      <c r="E3040" s="1" t="s">
        <v>12008</v>
      </c>
      <c r="F3040" s="1" t="s">
        <v>12009</v>
      </c>
      <c r="G3040" s="1" t="s">
        <v>12002</v>
      </c>
      <c r="H3040" s="1" t="s">
        <v>13</v>
      </c>
      <c r="I3040" s="1" t="s">
        <v>12003</v>
      </c>
      <c r="J3040" s="1" t="s">
        <v>12010</v>
      </c>
    </row>
    <row r="3041" spans="1:10" x14ac:dyDescent="0.35">
      <c r="A3041" s="1" t="s">
        <v>11998</v>
      </c>
      <c r="B3041" s="1" t="s">
        <v>11999</v>
      </c>
      <c r="C3041" s="1" t="s">
        <v>25</v>
      </c>
      <c r="D3041" s="1" t="s">
        <v>8426</v>
      </c>
      <c r="E3041" s="1" t="s">
        <v>12011</v>
      </c>
      <c r="F3041" s="1" t="s">
        <v>12012</v>
      </c>
      <c r="G3041" s="1" t="s">
        <v>12002</v>
      </c>
      <c r="H3041" s="1" t="s">
        <v>13</v>
      </c>
      <c r="I3041" s="1" t="s">
        <v>12003</v>
      </c>
      <c r="J3041" s="1" t="s">
        <v>1180</v>
      </c>
    </row>
    <row r="3042" spans="1:10" x14ac:dyDescent="0.35">
      <c r="A3042" s="1" t="s">
        <v>11998</v>
      </c>
      <c r="B3042" s="1" t="s">
        <v>11999</v>
      </c>
      <c r="C3042" s="1" t="s">
        <v>30</v>
      </c>
      <c r="D3042" s="1" t="s">
        <v>9841</v>
      </c>
      <c r="E3042" s="1" t="s">
        <v>12013</v>
      </c>
      <c r="F3042" s="1" t="s">
        <v>12014</v>
      </c>
      <c r="G3042" s="1" t="s">
        <v>12002</v>
      </c>
      <c r="H3042" s="1" t="s">
        <v>13</v>
      </c>
      <c r="I3042" s="1" t="s">
        <v>12003</v>
      </c>
      <c r="J3042" s="1" t="s">
        <v>12015</v>
      </c>
    </row>
    <row r="3043" spans="1:10" x14ac:dyDescent="0.35">
      <c r="A3043" s="1" t="s">
        <v>11998</v>
      </c>
      <c r="B3043" s="1" t="s">
        <v>11999</v>
      </c>
      <c r="C3043" s="1" t="s">
        <v>35</v>
      </c>
      <c r="D3043" s="1" t="s">
        <v>12016</v>
      </c>
      <c r="E3043" s="1" t="s">
        <v>12017</v>
      </c>
      <c r="F3043" s="1" t="s">
        <v>12018</v>
      </c>
      <c r="G3043" s="1" t="s">
        <v>12002</v>
      </c>
      <c r="H3043" s="1" t="s">
        <v>13</v>
      </c>
      <c r="I3043" s="1" t="s">
        <v>12003</v>
      </c>
      <c r="J3043" s="1" t="s">
        <v>12019</v>
      </c>
    </row>
    <row r="3044" spans="1:10" x14ac:dyDescent="0.35">
      <c r="A3044" s="1" t="s">
        <v>11998</v>
      </c>
      <c r="B3044" s="1" t="s">
        <v>11999</v>
      </c>
      <c r="C3044" s="1" t="s">
        <v>40</v>
      </c>
      <c r="D3044" s="1" t="s">
        <v>12020</v>
      </c>
      <c r="E3044" s="1" t="s">
        <v>12021</v>
      </c>
      <c r="F3044" s="1" t="s">
        <v>12022</v>
      </c>
      <c r="G3044" s="1" t="s">
        <v>12002</v>
      </c>
      <c r="H3044" s="1" t="s">
        <v>13</v>
      </c>
      <c r="I3044" s="1" t="s">
        <v>12003</v>
      </c>
      <c r="J3044" s="1" t="s">
        <v>12023</v>
      </c>
    </row>
    <row r="3045" spans="1:10" x14ac:dyDescent="0.35">
      <c r="A3045" s="1" t="s">
        <v>11998</v>
      </c>
      <c r="B3045" s="1" t="s">
        <v>11999</v>
      </c>
      <c r="C3045" s="1" t="s">
        <v>45</v>
      </c>
      <c r="D3045" s="1" t="s">
        <v>12024</v>
      </c>
      <c r="E3045" s="1" t="s">
        <v>12025</v>
      </c>
      <c r="F3045" s="1" t="s">
        <v>12026</v>
      </c>
      <c r="G3045" s="1" t="s">
        <v>12002</v>
      </c>
      <c r="H3045" s="1" t="s">
        <v>13</v>
      </c>
      <c r="I3045" s="1" t="s">
        <v>12003</v>
      </c>
      <c r="J3045" s="1" t="s">
        <v>12027</v>
      </c>
    </row>
    <row r="3046" spans="1:10" x14ac:dyDescent="0.35">
      <c r="A3046" s="1" t="s">
        <v>11998</v>
      </c>
      <c r="B3046" s="1" t="s">
        <v>11999</v>
      </c>
      <c r="C3046" s="1" t="s">
        <v>50</v>
      </c>
      <c r="D3046" s="1" t="s">
        <v>12028</v>
      </c>
      <c r="E3046" s="1" t="s">
        <v>12029</v>
      </c>
      <c r="F3046" s="1" t="s">
        <v>12030</v>
      </c>
      <c r="G3046" s="1" t="s">
        <v>12002</v>
      </c>
      <c r="H3046" s="1" t="s">
        <v>13</v>
      </c>
      <c r="I3046" s="1" t="s">
        <v>12003</v>
      </c>
      <c r="J3046" s="1" t="s">
        <v>12031</v>
      </c>
    </row>
    <row r="3047" spans="1:10" x14ac:dyDescent="0.35">
      <c r="A3047" s="1" t="s">
        <v>11998</v>
      </c>
      <c r="B3047" s="1" t="s">
        <v>11999</v>
      </c>
      <c r="C3047" s="1" t="s">
        <v>55</v>
      </c>
      <c r="D3047" s="1" t="s">
        <v>12032</v>
      </c>
      <c r="E3047" s="1" t="s">
        <v>12033</v>
      </c>
      <c r="F3047" s="1" t="s">
        <v>12034</v>
      </c>
      <c r="G3047" s="1" t="s">
        <v>12002</v>
      </c>
      <c r="H3047" s="1" t="s">
        <v>13</v>
      </c>
      <c r="I3047" s="1" t="s">
        <v>12003</v>
      </c>
      <c r="J3047" s="1" t="s">
        <v>12035</v>
      </c>
    </row>
    <row r="3048" spans="1:10" x14ac:dyDescent="0.35">
      <c r="A3048" s="1" t="s">
        <v>11998</v>
      </c>
      <c r="B3048" s="1" t="s">
        <v>11999</v>
      </c>
      <c r="C3048" s="1" t="s">
        <v>60</v>
      </c>
      <c r="D3048" s="1" t="s">
        <v>12036</v>
      </c>
      <c r="E3048" s="1" t="s">
        <v>12037</v>
      </c>
      <c r="F3048" s="1" t="s">
        <v>12038</v>
      </c>
      <c r="G3048" s="1" t="s">
        <v>12002</v>
      </c>
      <c r="H3048" s="1" t="s">
        <v>13</v>
      </c>
      <c r="I3048" s="1" t="s">
        <v>12003</v>
      </c>
      <c r="J3048" s="1" t="s">
        <v>12039</v>
      </c>
    </row>
    <row r="3049" spans="1:10" x14ac:dyDescent="0.35">
      <c r="A3049" s="1" t="s">
        <v>11998</v>
      </c>
      <c r="B3049" s="1" t="s">
        <v>11999</v>
      </c>
      <c r="C3049" s="1" t="s">
        <v>65</v>
      </c>
      <c r="D3049" s="1" t="s">
        <v>12040</v>
      </c>
      <c r="E3049" s="1" t="s">
        <v>12041</v>
      </c>
      <c r="F3049" s="1" t="s">
        <v>12042</v>
      </c>
      <c r="G3049" s="1" t="s">
        <v>12002</v>
      </c>
      <c r="H3049" s="1" t="s">
        <v>13</v>
      </c>
      <c r="I3049" s="1" t="s">
        <v>12003</v>
      </c>
      <c r="J3049" s="1" t="s">
        <v>12043</v>
      </c>
    </row>
    <row r="3050" spans="1:10" x14ac:dyDescent="0.35">
      <c r="A3050" s="1" t="s">
        <v>11998</v>
      </c>
      <c r="B3050" s="1" t="s">
        <v>11999</v>
      </c>
      <c r="C3050" s="1" t="s">
        <v>70</v>
      </c>
      <c r="D3050" s="1" t="s">
        <v>12044</v>
      </c>
      <c r="E3050" s="1" t="s">
        <v>12045</v>
      </c>
      <c r="F3050" s="1" t="s">
        <v>12046</v>
      </c>
      <c r="G3050" s="1" t="s">
        <v>12002</v>
      </c>
      <c r="H3050" s="1" t="s">
        <v>13</v>
      </c>
      <c r="I3050" s="1" t="s">
        <v>12003</v>
      </c>
      <c r="J3050" s="1" t="s">
        <v>12047</v>
      </c>
    </row>
    <row r="3051" spans="1:10" x14ac:dyDescent="0.35">
      <c r="A3051" s="1" t="s">
        <v>11998</v>
      </c>
      <c r="B3051" s="1" t="s">
        <v>11999</v>
      </c>
      <c r="C3051" s="1" t="s">
        <v>75</v>
      </c>
      <c r="D3051" s="1" t="s">
        <v>12048</v>
      </c>
      <c r="E3051" s="1" t="s">
        <v>12049</v>
      </c>
      <c r="F3051" s="1" t="s">
        <v>12050</v>
      </c>
      <c r="G3051" s="1" t="s">
        <v>12002</v>
      </c>
      <c r="H3051" s="1" t="s">
        <v>13</v>
      </c>
      <c r="I3051" s="1" t="s">
        <v>12003</v>
      </c>
      <c r="J3051" s="1" t="s">
        <v>12051</v>
      </c>
    </row>
    <row r="3052" spans="1:10" x14ac:dyDescent="0.35">
      <c r="A3052" s="1" t="s">
        <v>11998</v>
      </c>
      <c r="B3052" s="1" t="s">
        <v>11999</v>
      </c>
      <c r="C3052" s="1" t="s">
        <v>80</v>
      </c>
      <c r="D3052" s="1" t="s">
        <v>12052</v>
      </c>
      <c r="E3052" s="1" t="s">
        <v>12053</v>
      </c>
      <c r="F3052" s="1" t="s">
        <v>12054</v>
      </c>
      <c r="G3052" s="1" t="s">
        <v>12002</v>
      </c>
      <c r="H3052" s="1" t="s">
        <v>13</v>
      </c>
      <c r="I3052" s="1" t="s">
        <v>12003</v>
      </c>
      <c r="J3052" s="1" t="s">
        <v>12055</v>
      </c>
    </row>
    <row r="3053" spans="1:10" x14ac:dyDescent="0.35">
      <c r="A3053" s="1" t="s">
        <v>11998</v>
      </c>
      <c r="B3053" s="1" t="s">
        <v>11999</v>
      </c>
      <c r="C3053" s="1" t="s">
        <v>85</v>
      </c>
      <c r="D3053" s="1" t="s">
        <v>12056</v>
      </c>
      <c r="E3053" s="1" t="s">
        <v>12057</v>
      </c>
      <c r="F3053" s="1" t="s">
        <v>12058</v>
      </c>
      <c r="G3053" s="1" t="s">
        <v>12002</v>
      </c>
      <c r="H3053" s="1" t="s">
        <v>13</v>
      </c>
      <c r="I3053" s="1" t="s">
        <v>12003</v>
      </c>
      <c r="J3053" s="1" t="s">
        <v>12059</v>
      </c>
    </row>
    <row r="3054" spans="1:10" x14ac:dyDescent="0.35">
      <c r="A3054" s="1" t="s">
        <v>11998</v>
      </c>
      <c r="B3054" s="1" t="s">
        <v>11999</v>
      </c>
      <c r="C3054" s="1" t="s">
        <v>90</v>
      </c>
      <c r="D3054" s="1" t="s">
        <v>12060</v>
      </c>
      <c r="E3054" s="1" t="s">
        <v>12061</v>
      </c>
      <c r="F3054" s="1" t="s">
        <v>12062</v>
      </c>
      <c r="G3054" s="1" t="s">
        <v>12002</v>
      </c>
      <c r="H3054" s="1" t="s">
        <v>13</v>
      </c>
      <c r="I3054" s="1" t="s">
        <v>12003</v>
      </c>
      <c r="J3054" s="1" t="s">
        <v>12063</v>
      </c>
    </row>
    <row r="3055" spans="1:10" x14ac:dyDescent="0.35">
      <c r="A3055" s="1" t="s">
        <v>11998</v>
      </c>
      <c r="B3055" s="1" t="s">
        <v>11999</v>
      </c>
      <c r="C3055" s="1" t="s">
        <v>95</v>
      </c>
      <c r="D3055" s="1" t="s">
        <v>9208</v>
      </c>
      <c r="E3055" s="1" t="s">
        <v>12064</v>
      </c>
      <c r="F3055" s="1" t="s">
        <v>12065</v>
      </c>
      <c r="G3055" s="1" t="s">
        <v>12002</v>
      </c>
      <c r="H3055" s="1" t="s">
        <v>13</v>
      </c>
      <c r="I3055" s="1" t="s">
        <v>12003</v>
      </c>
      <c r="J3055" s="1" t="s">
        <v>12066</v>
      </c>
    </row>
    <row r="3056" spans="1:10" x14ac:dyDescent="0.35">
      <c r="A3056" s="1" t="s">
        <v>11998</v>
      </c>
      <c r="B3056" s="1" t="s">
        <v>11999</v>
      </c>
      <c r="C3056" s="1" t="s">
        <v>100</v>
      </c>
      <c r="D3056" s="1" t="s">
        <v>6190</v>
      </c>
      <c r="E3056" s="1" t="s">
        <v>12067</v>
      </c>
      <c r="F3056" s="1" t="s">
        <v>12068</v>
      </c>
      <c r="G3056" s="1" t="s">
        <v>12002</v>
      </c>
      <c r="H3056" s="1" t="s">
        <v>13</v>
      </c>
      <c r="I3056" s="1" t="s">
        <v>12003</v>
      </c>
      <c r="J3056" s="1" t="s">
        <v>12069</v>
      </c>
    </row>
    <row r="3057" spans="1:10" x14ac:dyDescent="0.35">
      <c r="A3057" s="1" t="s">
        <v>11998</v>
      </c>
      <c r="B3057" s="1" t="s">
        <v>11999</v>
      </c>
      <c r="C3057" s="1" t="s">
        <v>105</v>
      </c>
      <c r="D3057" s="1" t="s">
        <v>1193</v>
      </c>
      <c r="E3057" s="1" t="s">
        <v>12070</v>
      </c>
      <c r="F3057" s="1" t="s">
        <v>12071</v>
      </c>
      <c r="G3057" s="1" t="s">
        <v>12002</v>
      </c>
      <c r="H3057" s="1" t="s">
        <v>13</v>
      </c>
      <c r="I3057" s="1" t="s">
        <v>12003</v>
      </c>
      <c r="J3057" s="1" t="s">
        <v>12072</v>
      </c>
    </row>
    <row r="3058" spans="1:10" x14ac:dyDescent="0.35">
      <c r="A3058" s="1" t="s">
        <v>11998</v>
      </c>
      <c r="B3058" s="1" t="s">
        <v>11999</v>
      </c>
      <c r="C3058" s="1" t="s">
        <v>110</v>
      </c>
      <c r="D3058" s="1" t="s">
        <v>12073</v>
      </c>
      <c r="E3058" s="1" t="s">
        <v>12074</v>
      </c>
      <c r="F3058" s="1" t="s">
        <v>12075</v>
      </c>
      <c r="G3058" s="1" t="s">
        <v>12002</v>
      </c>
      <c r="H3058" s="1" t="s">
        <v>13</v>
      </c>
      <c r="I3058" s="1" t="s">
        <v>12003</v>
      </c>
      <c r="J3058" s="1" t="s">
        <v>12076</v>
      </c>
    </row>
    <row r="3059" spans="1:10" x14ac:dyDescent="0.35">
      <c r="A3059" s="1" t="s">
        <v>11998</v>
      </c>
      <c r="B3059" s="1" t="s">
        <v>11999</v>
      </c>
      <c r="C3059" s="1" t="s">
        <v>115</v>
      </c>
      <c r="D3059" s="1" t="s">
        <v>12077</v>
      </c>
      <c r="E3059" s="1" t="s">
        <v>12078</v>
      </c>
      <c r="F3059" s="1" t="s">
        <v>12079</v>
      </c>
      <c r="G3059" s="1" t="s">
        <v>12002</v>
      </c>
      <c r="H3059" s="1" t="s">
        <v>13</v>
      </c>
      <c r="I3059" s="1" t="s">
        <v>12003</v>
      </c>
      <c r="J3059" s="1" t="s">
        <v>12080</v>
      </c>
    </row>
    <row r="3060" spans="1:10" x14ac:dyDescent="0.35">
      <c r="A3060" s="1" t="s">
        <v>11998</v>
      </c>
      <c r="B3060" s="1" t="s">
        <v>11999</v>
      </c>
      <c r="C3060" s="1" t="s">
        <v>120</v>
      </c>
      <c r="D3060" s="1" t="s">
        <v>7033</v>
      </c>
      <c r="E3060" s="1" t="s">
        <v>12081</v>
      </c>
      <c r="F3060" s="1" t="s">
        <v>12082</v>
      </c>
      <c r="G3060" s="1" t="s">
        <v>12002</v>
      </c>
      <c r="H3060" s="1" t="s">
        <v>13</v>
      </c>
      <c r="I3060" s="1" t="s">
        <v>12003</v>
      </c>
      <c r="J3060" s="1" t="s">
        <v>12083</v>
      </c>
    </row>
    <row r="3061" spans="1:10" x14ac:dyDescent="0.35">
      <c r="A3061" s="1" t="s">
        <v>11998</v>
      </c>
      <c r="B3061" s="1" t="s">
        <v>11999</v>
      </c>
      <c r="C3061" s="1" t="s">
        <v>125</v>
      </c>
      <c r="D3061" s="1" t="s">
        <v>12084</v>
      </c>
      <c r="E3061" s="1" t="s">
        <v>12085</v>
      </c>
      <c r="F3061" s="1" t="s">
        <v>12086</v>
      </c>
      <c r="G3061" s="1" t="s">
        <v>12002</v>
      </c>
      <c r="H3061" s="1" t="s">
        <v>13</v>
      </c>
      <c r="I3061" s="1" t="s">
        <v>12003</v>
      </c>
      <c r="J3061" s="1" t="s">
        <v>12087</v>
      </c>
    </row>
    <row r="3062" spans="1:10" x14ac:dyDescent="0.35">
      <c r="A3062" s="1" t="s">
        <v>11998</v>
      </c>
      <c r="B3062" s="1" t="s">
        <v>11999</v>
      </c>
      <c r="C3062" s="1" t="s">
        <v>130</v>
      </c>
      <c r="D3062" s="1" t="s">
        <v>12088</v>
      </c>
      <c r="E3062" s="1" t="s">
        <v>12089</v>
      </c>
      <c r="F3062" s="1" t="s">
        <v>12090</v>
      </c>
      <c r="G3062" s="1" t="s">
        <v>12002</v>
      </c>
      <c r="H3062" s="1" t="s">
        <v>13</v>
      </c>
      <c r="I3062" s="1" t="s">
        <v>12003</v>
      </c>
      <c r="J3062" s="1" t="s">
        <v>12091</v>
      </c>
    </row>
    <row r="3063" spans="1:10" x14ac:dyDescent="0.35">
      <c r="A3063" s="1" t="s">
        <v>11998</v>
      </c>
      <c r="B3063" s="1" t="s">
        <v>11999</v>
      </c>
      <c r="C3063" s="1" t="s">
        <v>135</v>
      </c>
      <c r="D3063" s="1" t="s">
        <v>9897</v>
      </c>
      <c r="E3063" s="1" t="s">
        <v>12092</v>
      </c>
      <c r="F3063" s="1" t="s">
        <v>12093</v>
      </c>
      <c r="G3063" s="1" t="s">
        <v>12002</v>
      </c>
      <c r="H3063" s="1" t="s">
        <v>13</v>
      </c>
      <c r="I3063" s="1" t="s">
        <v>12003</v>
      </c>
      <c r="J3063" s="1" t="s">
        <v>12094</v>
      </c>
    </row>
    <row r="3064" spans="1:10" x14ac:dyDescent="0.35">
      <c r="A3064" s="1" t="s">
        <v>11998</v>
      </c>
      <c r="B3064" s="1" t="s">
        <v>11999</v>
      </c>
      <c r="C3064" s="1" t="s">
        <v>140</v>
      </c>
      <c r="D3064" s="1" t="s">
        <v>12095</v>
      </c>
      <c r="E3064" s="1" t="s">
        <v>12096</v>
      </c>
      <c r="F3064" s="1" t="s">
        <v>12097</v>
      </c>
      <c r="G3064" s="1" t="s">
        <v>12002</v>
      </c>
      <c r="H3064" s="1" t="s">
        <v>13</v>
      </c>
      <c r="I3064" s="1" t="s">
        <v>12003</v>
      </c>
      <c r="J3064" s="1" t="s">
        <v>12098</v>
      </c>
    </row>
    <row r="3065" spans="1:10" x14ac:dyDescent="0.35">
      <c r="A3065" s="1" t="s">
        <v>11998</v>
      </c>
      <c r="B3065" s="1" t="s">
        <v>11999</v>
      </c>
      <c r="C3065" s="1" t="s">
        <v>145</v>
      </c>
      <c r="D3065" s="1" t="s">
        <v>9226</v>
      </c>
      <c r="E3065" s="1" t="s">
        <v>12099</v>
      </c>
      <c r="F3065" s="1" t="s">
        <v>12100</v>
      </c>
      <c r="G3065" s="1" t="s">
        <v>12002</v>
      </c>
      <c r="H3065" s="1" t="s">
        <v>13</v>
      </c>
      <c r="I3065" s="1" t="s">
        <v>12003</v>
      </c>
      <c r="J3065" s="1" t="s">
        <v>12101</v>
      </c>
    </row>
    <row r="3066" spans="1:10" x14ac:dyDescent="0.35">
      <c r="A3066" s="1" t="s">
        <v>11998</v>
      </c>
      <c r="B3066" s="1" t="s">
        <v>11999</v>
      </c>
      <c r="C3066" s="1" t="s">
        <v>150</v>
      </c>
      <c r="D3066" s="1" t="s">
        <v>3942</v>
      </c>
      <c r="E3066" s="1" t="s">
        <v>12102</v>
      </c>
      <c r="F3066" s="1" t="s">
        <v>12103</v>
      </c>
      <c r="G3066" s="1" t="s">
        <v>12002</v>
      </c>
      <c r="H3066" s="1" t="s">
        <v>13</v>
      </c>
      <c r="I3066" s="1" t="s">
        <v>12003</v>
      </c>
      <c r="J3066" s="1" t="s">
        <v>12104</v>
      </c>
    </row>
    <row r="3067" spans="1:10" x14ac:dyDescent="0.35">
      <c r="A3067" s="1" t="s">
        <v>11998</v>
      </c>
      <c r="B3067" s="1" t="s">
        <v>11999</v>
      </c>
      <c r="C3067" s="1" t="s">
        <v>155</v>
      </c>
      <c r="D3067" s="1" t="s">
        <v>3883</v>
      </c>
      <c r="E3067" s="1" t="s">
        <v>12105</v>
      </c>
      <c r="F3067" s="1" t="s">
        <v>12106</v>
      </c>
      <c r="G3067" s="1" t="s">
        <v>12002</v>
      </c>
      <c r="H3067" s="1" t="s">
        <v>13</v>
      </c>
      <c r="I3067" s="1" t="s">
        <v>12003</v>
      </c>
      <c r="J3067" s="1" t="s">
        <v>12107</v>
      </c>
    </row>
    <row r="3068" spans="1:10" x14ac:dyDescent="0.35">
      <c r="A3068" s="1" t="s">
        <v>11998</v>
      </c>
      <c r="B3068" s="1" t="s">
        <v>11999</v>
      </c>
      <c r="C3068" s="1" t="s">
        <v>160</v>
      </c>
      <c r="D3068" s="1" t="s">
        <v>12108</v>
      </c>
      <c r="E3068" s="1" t="s">
        <v>12109</v>
      </c>
      <c r="F3068" s="1" t="s">
        <v>12110</v>
      </c>
      <c r="G3068" s="1" t="s">
        <v>12002</v>
      </c>
      <c r="H3068" s="1" t="s">
        <v>13</v>
      </c>
      <c r="I3068" s="1" t="s">
        <v>12003</v>
      </c>
      <c r="J3068" s="1" t="s">
        <v>12111</v>
      </c>
    </row>
    <row r="3069" spans="1:10" x14ac:dyDescent="0.35">
      <c r="A3069" s="1" t="s">
        <v>11998</v>
      </c>
      <c r="B3069" s="1" t="s">
        <v>11999</v>
      </c>
      <c r="C3069" s="1" t="s">
        <v>165</v>
      </c>
      <c r="D3069" s="1" t="s">
        <v>8506</v>
      </c>
      <c r="E3069" s="1" t="s">
        <v>12112</v>
      </c>
      <c r="F3069" s="1" t="s">
        <v>12113</v>
      </c>
      <c r="G3069" s="1" t="s">
        <v>12002</v>
      </c>
      <c r="H3069" s="1" t="s">
        <v>13</v>
      </c>
      <c r="I3069" s="1" t="s">
        <v>12003</v>
      </c>
      <c r="J3069" s="1" t="s">
        <v>12114</v>
      </c>
    </row>
    <row r="3070" spans="1:10" x14ac:dyDescent="0.35">
      <c r="A3070" s="1" t="s">
        <v>11998</v>
      </c>
      <c r="B3070" s="1" t="s">
        <v>11999</v>
      </c>
      <c r="C3070" s="1" t="s">
        <v>170</v>
      </c>
      <c r="D3070" s="1" t="s">
        <v>12115</v>
      </c>
      <c r="E3070" s="1" t="s">
        <v>12116</v>
      </c>
      <c r="F3070" s="1" t="s">
        <v>12117</v>
      </c>
      <c r="G3070" s="1" t="s">
        <v>12002</v>
      </c>
      <c r="H3070" s="1" t="s">
        <v>13</v>
      </c>
      <c r="I3070" s="1" t="s">
        <v>12003</v>
      </c>
      <c r="J3070" s="1" t="s">
        <v>12118</v>
      </c>
    </row>
    <row r="3071" spans="1:10" x14ac:dyDescent="0.35">
      <c r="A3071" s="1" t="s">
        <v>12119</v>
      </c>
      <c r="B3071" s="1" t="s">
        <v>12120</v>
      </c>
      <c r="C3071" s="1" t="s">
        <v>8</v>
      </c>
      <c r="D3071" s="1" t="s">
        <v>12121</v>
      </c>
      <c r="E3071" s="1" t="s">
        <v>12122</v>
      </c>
      <c r="F3071" s="1" t="s">
        <v>12123</v>
      </c>
      <c r="G3071" s="1" t="s">
        <v>12124</v>
      </c>
      <c r="H3071" s="1" t="s">
        <v>13</v>
      </c>
      <c r="I3071" s="1" t="s">
        <v>12125</v>
      </c>
      <c r="J3071" s="1" t="s">
        <v>13</v>
      </c>
    </row>
    <row r="3072" spans="1:10" x14ac:dyDescent="0.35">
      <c r="A3072" s="1" t="s">
        <v>12119</v>
      </c>
      <c r="B3072" s="1" t="s">
        <v>12120</v>
      </c>
      <c r="C3072" s="1" t="s">
        <v>15</v>
      </c>
      <c r="D3072" s="1" t="s">
        <v>12126</v>
      </c>
      <c r="E3072" s="1" t="s">
        <v>12127</v>
      </c>
      <c r="F3072" s="1" t="s">
        <v>12128</v>
      </c>
      <c r="G3072" s="1" t="s">
        <v>12124</v>
      </c>
      <c r="H3072" s="1" t="s">
        <v>13</v>
      </c>
      <c r="I3072" s="1" t="s">
        <v>12125</v>
      </c>
      <c r="J3072" s="1" t="s">
        <v>12129</v>
      </c>
    </row>
    <row r="3073" spans="1:10" x14ac:dyDescent="0.35">
      <c r="A3073" s="1" t="s">
        <v>12119</v>
      </c>
      <c r="B3073" s="1" t="s">
        <v>12120</v>
      </c>
      <c r="C3073" s="1" t="s">
        <v>20</v>
      </c>
      <c r="D3073" s="1" t="s">
        <v>12130</v>
      </c>
      <c r="E3073" s="1" t="s">
        <v>7943</v>
      </c>
      <c r="F3073" s="1" t="s">
        <v>12131</v>
      </c>
      <c r="G3073" s="1" t="s">
        <v>12124</v>
      </c>
      <c r="H3073" s="1" t="s">
        <v>13</v>
      </c>
      <c r="I3073" s="1" t="s">
        <v>12125</v>
      </c>
      <c r="J3073" s="1" t="s">
        <v>12132</v>
      </c>
    </row>
    <row r="3074" spans="1:10" x14ac:dyDescent="0.35">
      <c r="A3074" s="1" t="s">
        <v>12119</v>
      </c>
      <c r="B3074" s="1" t="s">
        <v>12120</v>
      </c>
      <c r="C3074" s="1" t="s">
        <v>25</v>
      </c>
      <c r="D3074" s="1" t="s">
        <v>12133</v>
      </c>
      <c r="E3074" s="1" t="s">
        <v>12134</v>
      </c>
      <c r="F3074" s="1" t="s">
        <v>12135</v>
      </c>
      <c r="G3074" s="1" t="s">
        <v>12124</v>
      </c>
      <c r="H3074" s="1" t="s">
        <v>13</v>
      </c>
      <c r="I3074" s="1" t="s">
        <v>12125</v>
      </c>
      <c r="J3074" s="1" t="s">
        <v>12136</v>
      </c>
    </row>
    <row r="3075" spans="1:10" x14ac:dyDescent="0.35">
      <c r="A3075" s="1" t="s">
        <v>12119</v>
      </c>
      <c r="B3075" s="1" t="s">
        <v>12120</v>
      </c>
      <c r="C3075" s="1" t="s">
        <v>30</v>
      </c>
      <c r="D3075" s="1" t="s">
        <v>12137</v>
      </c>
      <c r="E3075" s="1" t="s">
        <v>12138</v>
      </c>
      <c r="F3075" s="1" t="s">
        <v>12139</v>
      </c>
      <c r="G3075" s="1" t="s">
        <v>12124</v>
      </c>
      <c r="H3075" s="1" t="s">
        <v>13</v>
      </c>
      <c r="I3075" s="1" t="s">
        <v>12125</v>
      </c>
      <c r="J3075" s="1" t="s">
        <v>12140</v>
      </c>
    </row>
    <row r="3076" spans="1:10" x14ac:dyDescent="0.35">
      <c r="A3076" s="1" t="s">
        <v>12119</v>
      </c>
      <c r="B3076" s="1" t="s">
        <v>12120</v>
      </c>
      <c r="C3076" s="1" t="s">
        <v>35</v>
      </c>
      <c r="D3076" s="1" t="s">
        <v>12141</v>
      </c>
      <c r="E3076" s="1" t="s">
        <v>12142</v>
      </c>
      <c r="F3076" s="1" t="s">
        <v>12143</v>
      </c>
      <c r="G3076" s="1" t="s">
        <v>12124</v>
      </c>
      <c r="H3076" s="1" t="s">
        <v>13</v>
      </c>
      <c r="I3076" s="1" t="s">
        <v>12125</v>
      </c>
      <c r="J3076" s="1" t="s">
        <v>12144</v>
      </c>
    </row>
    <row r="3077" spans="1:10" x14ac:dyDescent="0.35">
      <c r="A3077" s="1" t="s">
        <v>12119</v>
      </c>
      <c r="B3077" s="1" t="s">
        <v>12120</v>
      </c>
      <c r="C3077" s="1" t="s">
        <v>40</v>
      </c>
      <c r="D3077" s="1" t="s">
        <v>12145</v>
      </c>
      <c r="E3077" s="1" t="s">
        <v>12146</v>
      </c>
      <c r="F3077" s="1" t="s">
        <v>12147</v>
      </c>
      <c r="G3077" s="1" t="s">
        <v>12124</v>
      </c>
      <c r="H3077" s="1" t="s">
        <v>13</v>
      </c>
      <c r="I3077" s="1" t="s">
        <v>12125</v>
      </c>
      <c r="J3077" s="1" t="s">
        <v>12148</v>
      </c>
    </row>
    <row r="3078" spans="1:10" x14ac:dyDescent="0.35">
      <c r="A3078" s="1" t="s">
        <v>12119</v>
      </c>
      <c r="B3078" s="1" t="s">
        <v>12120</v>
      </c>
      <c r="C3078" s="1" t="s">
        <v>45</v>
      </c>
      <c r="D3078" s="1" t="s">
        <v>12149</v>
      </c>
      <c r="E3078" s="1" t="s">
        <v>12150</v>
      </c>
      <c r="F3078" s="1" t="s">
        <v>12151</v>
      </c>
      <c r="G3078" s="1" t="s">
        <v>12124</v>
      </c>
      <c r="H3078" s="1" t="s">
        <v>13</v>
      </c>
      <c r="I3078" s="1" t="s">
        <v>12125</v>
      </c>
      <c r="J3078" s="1" t="s">
        <v>12152</v>
      </c>
    </row>
    <row r="3079" spans="1:10" x14ac:dyDescent="0.35">
      <c r="A3079" s="1" t="s">
        <v>12119</v>
      </c>
      <c r="B3079" s="1" t="s">
        <v>12120</v>
      </c>
      <c r="C3079" s="1" t="s">
        <v>50</v>
      </c>
      <c r="D3079" s="1" t="s">
        <v>12153</v>
      </c>
      <c r="E3079" s="1" t="s">
        <v>7958</v>
      </c>
      <c r="F3079" s="1" t="s">
        <v>12154</v>
      </c>
      <c r="G3079" s="1" t="s">
        <v>12124</v>
      </c>
      <c r="H3079" s="1" t="s">
        <v>13</v>
      </c>
      <c r="I3079" s="1" t="s">
        <v>12125</v>
      </c>
      <c r="J3079" s="1" t="s">
        <v>12155</v>
      </c>
    </row>
    <row r="3080" spans="1:10" x14ac:dyDescent="0.35">
      <c r="A3080" s="1" t="s">
        <v>12119</v>
      </c>
      <c r="B3080" s="1" t="s">
        <v>12120</v>
      </c>
      <c r="C3080" s="1" t="s">
        <v>55</v>
      </c>
      <c r="D3080" s="1" t="s">
        <v>12156</v>
      </c>
      <c r="E3080" s="1" t="s">
        <v>495</v>
      </c>
      <c r="F3080" s="1" t="s">
        <v>12157</v>
      </c>
      <c r="G3080" s="1" t="s">
        <v>12124</v>
      </c>
      <c r="H3080" s="1" t="s">
        <v>13</v>
      </c>
      <c r="I3080" s="1" t="s">
        <v>12125</v>
      </c>
      <c r="J3080" s="1" t="s">
        <v>12158</v>
      </c>
    </row>
    <row r="3081" spans="1:10" x14ac:dyDescent="0.35">
      <c r="A3081" s="1" t="s">
        <v>12119</v>
      </c>
      <c r="B3081" s="1" t="s">
        <v>12120</v>
      </c>
      <c r="C3081" s="1" t="s">
        <v>60</v>
      </c>
      <c r="D3081" s="1" t="s">
        <v>12159</v>
      </c>
      <c r="E3081" s="1" t="s">
        <v>12160</v>
      </c>
      <c r="F3081" s="1" t="s">
        <v>12161</v>
      </c>
      <c r="G3081" s="1" t="s">
        <v>12124</v>
      </c>
      <c r="H3081" s="1" t="s">
        <v>13</v>
      </c>
      <c r="I3081" s="1" t="s">
        <v>12125</v>
      </c>
      <c r="J3081" s="1" t="s">
        <v>12162</v>
      </c>
    </row>
    <row r="3082" spans="1:10" x14ac:dyDescent="0.35">
      <c r="A3082" s="1" t="s">
        <v>12119</v>
      </c>
      <c r="B3082" s="1" t="s">
        <v>12120</v>
      </c>
      <c r="C3082" s="1" t="s">
        <v>65</v>
      </c>
      <c r="D3082" s="1" t="s">
        <v>12163</v>
      </c>
      <c r="E3082" s="1" t="s">
        <v>12164</v>
      </c>
      <c r="F3082" s="1" t="s">
        <v>12165</v>
      </c>
      <c r="G3082" s="1" t="s">
        <v>12124</v>
      </c>
      <c r="H3082" s="1" t="s">
        <v>13</v>
      </c>
      <c r="I3082" s="1" t="s">
        <v>12125</v>
      </c>
      <c r="J3082" s="1" t="s">
        <v>12166</v>
      </c>
    </row>
    <row r="3083" spans="1:10" x14ac:dyDescent="0.35">
      <c r="A3083" s="1" t="s">
        <v>12119</v>
      </c>
      <c r="B3083" s="1" t="s">
        <v>12120</v>
      </c>
      <c r="C3083" s="1" t="s">
        <v>70</v>
      </c>
      <c r="D3083" s="1" t="s">
        <v>794</v>
      </c>
      <c r="E3083" s="1" t="s">
        <v>8007</v>
      </c>
      <c r="F3083" s="1" t="s">
        <v>12167</v>
      </c>
      <c r="G3083" s="1" t="s">
        <v>12124</v>
      </c>
      <c r="H3083" s="1" t="s">
        <v>13</v>
      </c>
      <c r="I3083" s="1" t="s">
        <v>12125</v>
      </c>
      <c r="J3083" s="1" t="s">
        <v>12168</v>
      </c>
    </row>
    <row r="3084" spans="1:10" x14ac:dyDescent="0.35">
      <c r="A3084" s="1" t="s">
        <v>12119</v>
      </c>
      <c r="B3084" s="1" t="s">
        <v>12120</v>
      </c>
      <c r="C3084" s="1" t="s">
        <v>75</v>
      </c>
      <c r="D3084" s="1" t="s">
        <v>12169</v>
      </c>
      <c r="E3084" s="1" t="s">
        <v>8630</v>
      </c>
      <c r="F3084" s="1" t="s">
        <v>12170</v>
      </c>
      <c r="G3084" s="1" t="s">
        <v>12124</v>
      </c>
      <c r="H3084" s="1" t="s">
        <v>13</v>
      </c>
      <c r="I3084" s="1" t="s">
        <v>12125</v>
      </c>
      <c r="J3084" s="1" t="s">
        <v>12171</v>
      </c>
    </row>
    <row r="3085" spans="1:10" x14ac:dyDescent="0.35">
      <c r="A3085" s="1" t="s">
        <v>12119</v>
      </c>
      <c r="B3085" s="1" t="s">
        <v>12120</v>
      </c>
      <c r="C3085" s="1" t="s">
        <v>80</v>
      </c>
      <c r="D3085" s="1" t="s">
        <v>12172</v>
      </c>
      <c r="E3085" s="1" t="s">
        <v>12173</v>
      </c>
      <c r="F3085" s="1" t="s">
        <v>12174</v>
      </c>
      <c r="G3085" s="1" t="s">
        <v>12124</v>
      </c>
      <c r="H3085" s="1" t="s">
        <v>13</v>
      </c>
      <c r="I3085" s="1" t="s">
        <v>12125</v>
      </c>
      <c r="J3085" s="1" t="s">
        <v>12175</v>
      </c>
    </row>
    <row r="3086" spans="1:10" x14ac:dyDescent="0.35">
      <c r="A3086" s="1" t="s">
        <v>12119</v>
      </c>
      <c r="B3086" s="1" t="s">
        <v>12120</v>
      </c>
      <c r="C3086" s="1" t="s">
        <v>85</v>
      </c>
      <c r="D3086" s="1" t="s">
        <v>12176</v>
      </c>
      <c r="E3086" s="1" t="s">
        <v>12177</v>
      </c>
      <c r="F3086" s="1" t="s">
        <v>12178</v>
      </c>
      <c r="G3086" s="1" t="s">
        <v>12124</v>
      </c>
      <c r="H3086" s="1" t="s">
        <v>13</v>
      </c>
      <c r="I3086" s="1" t="s">
        <v>12125</v>
      </c>
      <c r="J3086" s="1" t="s">
        <v>12179</v>
      </c>
    </row>
    <row r="3087" spans="1:10" x14ac:dyDescent="0.35">
      <c r="A3087" s="1" t="s">
        <v>12119</v>
      </c>
      <c r="B3087" s="1" t="s">
        <v>12120</v>
      </c>
      <c r="C3087" s="1" t="s">
        <v>90</v>
      </c>
      <c r="D3087" s="1" t="s">
        <v>12180</v>
      </c>
      <c r="E3087" s="1" t="s">
        <v>12181</v>
      </c>
      <c r="F3087" s="1" t="s">
        <v>12182</v>
      </c>
      <c r="G3087" s="1" t="s">
        <v>12124</v>
      </c>
      <c r="H3087" s="1" t="s">
        <v>13</v>
      </c>
      <c r="I3087" s="1" t="s">
        <v>12125</v>
      </c>
      <c r="J3087" s="1" t="s">
        <v>12183</v>
      </c>
    </row>
    <row r="3088" spans="1:10" x14ac:dyDescent="0.35">
      <c r="A3088" s="1" t="s">
        <v>12119</v>
      </c>
      <c r="B3088" s="1" t="s">
        <v>12120</v>
      </c>
      <c r="C3088" s="1" t="s">
        <v>95</v>
      </c>
      <c r="D3088" s="1" t="s">
        <v>12184</v>
      </c>
      <c r="E3088" s="1" t="s">
        <v>12185</v>
      </c>
      <c r="F3088" s="1" t="s">
        <v>12186</v>
      </c>
      <c r="G3088" s="1" t="s">
        <v>12124</v>
      </c>
      <c r="H3088" s="1" t="s">
        <v>13</v>
      </c>
      <c r="I3088" s="1" t="s">
        <v>12125</v>
      </c>
      <c r="J3088" s="1" t="s">
        <v>12187</v>
      </c>
    </row>
    <row r="3089" spans="1:10" x14ac:dyDescent="0.35">
      <c r="A3089" s="1" t="s">
        <v>12119</v>
      </c>
      <c r="B3089" s="1" t="s">
        <v>12120</v>
      </c>
      <c r="C3089" s="1" t="s">
        <v>100</v>
      </c>
      <c r="D3089" s="1" t="s">
        <v>12188</v>
      </c>
      <c r="E3089" s="1" t="s">
        <v>12127</v>
      </c>
      <c r="F3089" s="1" t="s">
        <v>12189</v>
      </c>
      <c r="G3089" s="1" t="s">
        <v>12124</v>
      </c>
      <c r="H3089" s="1" t="s">
        <v>13</v>
      </c>
      <c r="I3089" s="1" t="s">
        <v>12125</v>
      </c>
      <c r="J3089" s="1" t="s">
        <v>12190</v>
      </c>
    </row>
    <row r="3090" spans="1:10" x14ac:dyDescent="0.35">
      <c r="A3090" s="1" t="s">
        <v>12119</v>
      </c>
      <c r="B3090" s="1" t="s">
        <v>12120</v>
      </c>
      <c r="C3090" s="1" t="s">
        <v>105</v>
      </c>
      <c r="D3090" s="1" t="s">
        <v>12191</v>
      </c>
      <c r="E3090" s="1" t="s">
        <v>12192</v>
      </c>
      <c r="F3090" s="1" t="s">
        <v>12193</v>
      </c>
      <c r="G3090" s="1" t="s">
        <v>12124</v>
      </c>
      <c r="H3090" s="1" t="s">
        <v>13</v>
      </c>
      <c r="I3090" s="1" t="s">
        <v>12125</v>
      </c>
      <c r="J3090" s="1" t="s">
        <v>12194</v>
      </c>
    </row>
    <row r="3091" spans="1:10" x14ac:dyDescent="0.35">
      <c r="A3091" s="1" t="s">
        <v>12119</v>
      </c>
      <c r="B3091" s="1" t="s">
        <v>12120</v>
      </c>
      <c r="C3091" s="1" t="s">
        <v>110</v>
      </c>
      <c r="D3091" s="1" t="s">
        <v>12195</v>
      </c>
      <c r="E3091" s="1" t="s">
        <v>12196</v>
      </c>
      <c r="F3091" s="1" t="s">
        <v>12197</v>
      </c>
      <c r="G3091" s="1" t="s">
        <v>12124</v>
      </c>
      <c r="H3091" s="1" t="s">
        <v>13</v>
      </c>
      <c r="I3091" s="1" t="s">
        <v>12125</v>
      </c>
      <c r="J3091" s="1" t="s">
        <v>12198</v>
      </c>
    </row>
    <row r="3092" spans="1:10" x14ac:dyDescent="0.35">
      <c r="A3092" s="1" t="s">
        <v>12119</v>
      </c>
      <c r="B3092" s="1" t="s">
        <v>12120</v>
      </c>
      <c r="C3092" s="1" t="s">
        <v>115</v>
      </c>
      <c r="D3092" s="1" t="s">
        <v>12199</v>
      </c>
      <c r="E3092" s="1" t="s">
        <v>12200</v>
      </c>
      <c r="F3092" s="1" t="s">
        <v>12201</v>
      </c>
      <c r="G3092" s="1" t="s">
        <v>12124</v>
      </c>
      <c r="H3092" s="1" t="s">
        <v>13</v>
      </c>
      <c r="I3092" s="1" t="s">
        <v>12125</v>
      </c>
      <c r="J3092" s="1" t="s">
        <v>12202</v>
      </c>
    </row>
    <row r="3093" spans="1:10" x14ac:dyDescent="0.35">
      <c r="A3093" s="1" t="s">
        <v>12119</v>
      </c>
      <c r="B3093" s="1" t="s">
        <v>12120</v>
      </c>
      <c r="C3093" s="1" t="s">
        <v>120</v>
      </c>
      <c r="D3093" s="1" t="s">
        <v>12203</v>
      </c>
      <c r="E3093" s="1" t="s">
        <v>12204</v>
      </c>
      <c r="F3093" s="1" t="s">
        <v>12205</v>
      </c>
      <c r="G3093" s="1" t="s">
        <v>12124</v>
      </c>
      <c r="H3093" s="1" t="s">
        <v>13</v>
      </c>
      <c r="I3093" s="1" t="s">
        <v>12125</v>
      </c>
      <c r="J3093" s="1" t="s">
        <v>12206</v>
      </c>
    </row>
    <row r="3094" spans="1:10" x14ac:dyDescent="0.35">
      <c r="A3094" s="1" t="s">
        <v>12119</v>
      </c>
      <c r="B3094" s="1" t="s">
        <v>12120</v>
      </c>
      <c r="C3094" s="1" t="s">
        <v>125</v>
      </c>
      <c r="D3094" s="1" t="s">
        <v>12207</v>
      </c>
      <c r="E3094" s="1" t="s">
        <v>12208</v>
      </c>
      <c r="F3094" s="1" t="s">
        <v>12209</v>
      </c>
      <c r="G3094" s="1" t="s">
        <v>12124</v>
      </c>
      <c r="H3094" s="1" t="s">
        <v>13</v>
      </c>
      <c r="I3094" s="1" t="s">
        <v>12125</v>
      </c>
      <c r="J3094" s="1" t="s">
        <v>12210</v>
      </c>
    </row>
    <row r="3095" spans="1:10" x14ac:dyDescent="0.35">
      <c r="A3095" s="1" t="s">
        <v>12119</v>
      </c>
      <c r="B3095" s="1" t="s">
        <v>12120</v>
      </c>
      <c r="C3095" s="1" t="s">
        <v>130</v>
      </c>
      <c r="D3095" s="1" t="s">
        <v>12211</v>
      </c>
      <c r="E3095" s="1" t="s">
        <v>480</v>
      </c>
      <c r="F3095" s="1" t="s">
        <v>12212</v>
      </c>
      <c r="G3095" s="1" t="s">
        <v>12124</v>
      </c>
      <c r="H3095" s="1" t="s">
        <v>13</v>
      </c>
      <c r="I3095" s="1" t="s">
        <v>12125</v>
      </c>
      <c r="J3095" s="1" t="s">
        <v>12213</v>
      </c>
    </row>
    <row r="3096" spans="1:10" x14ac:dyDescent="0.35">
      <c r="A3096" s="1" t="s">
        <v>12119</v>
      </c>
      <c r="B3096" s="1" t="s">
        <v>12120</v>
      </c>
      <c r="C3096" s="1" t="s">
        <v>135</v>
      </c>
      <c r="D3096" s="1" t="s">
        <v>12214</v>
      </c>
      <c r="E3096" s="1" t="s">
        <v>12215</v>
      </c>
      <c r="F3096" s="1" t="s">
        <v>12216</v>
      </c>
      <c r="G3096" s="1" t="s">
        <v>12124</v>
      </c>
      <c r="H3096" s="1" t="s">
        <v>13</v>
      </c>
      <c r="I3096" s="1" t="s">
        <v>12125</v>
      </c>
      <c r="J3096" s="1" t="s">
        <v>12217</v>
      </c>
    </row>
    <row r="3097" spans="1:10" x14ac:dyDescent="0.35">
      <c r="A3097" s="1" t="s">
        <v>12119</v>
      </c>
      <c r="B3097" s="1" t="s">
        <v>12120</v>
      </c>
      <c r="C3097" s="1" t="s">
        <v>140</v>
      </c>
      <c r="D3097" s="1" t="s">
        <v>12218</v>
      </c>
      <c r="E3097" s="1" t="s">
        <v>12219</v>
      </c>
      <c r="F3097" s="1" t="s">
        <v>12220</v>
      </c>
      <c r="G3097" s="1" t="s">
        <v>12124</v>
      </c>
      <c r="H3097" s="1" t="s">
        <v>13</v>
      </c>
      <c r="I3097" s="1" t="s">
        <v>12125</v>
      </c>
      <c r="J3097" s="1" t="s">
        <v>12221</v>
      </c>
    </row>
    <row r="3098" spans="1:10" x14ac:dyDescent="0.35">
      <c r="A3098" s="1" t="s">
        <v>12119</v>
      </c>
      <c r="B3098" s="1" t="s">
        <v>12120</v>
      </c>
      <c r="C3098" s="1" t="s">
        <v>145</v>
      </c>
      <c r="D3098" s="1" t="s">
        <v>12222</v>
      </c>
      <c r="E3098" s="1" t="s">
        <v>12200</v>
      </c>
      <c r="F3098" s="1" t="s">
        <v>12223</v>
      </c>
      <c r="G3098" s="1" t="s">
        <v>12124</v>
      </c>
      <c r="H3098" s="1" t="s">
        <v>13</v>
      </c>
      <c r="I3098" s="1" t="s">
        <v>12125</v>
      </c>
      <c r="J3098" s="1" t="s">
        <v>12224</v>
      </c>
    </row>
    <row r="3099" spans="1:10" x14ac:dyDescent="0.35">
      <c r="A3099" s="1" t="s">
        <v>12119</v>
      </c>
      <c r="B3099" s="1" t="s">
        <v>12120</v>
      </c>
      <c r="C3099" s="1" t="s">
        <v>150</v>
      </c>
      <c r="D3099" s="1" t="s">
        <v>12225</v>
      </c>
      <c r="E3099" s="1" t="s">
        <v>12226</v>
      </c>
      <c r="F3099" s="1" t="s">
        <v>12227</v>
      </c>
      <c r="G3099" s="1" t="s">
        <v>12124</v>
      </c>
      <c r="H3099" s="1" t="s">
        <v>13</v>
      </c>
      <c r="I3099" s="1" t="s">
        <v>12125</v>
      </c>
      <c r="J3099" s="1" t="s">
        <v>12228</v>
      </c>
    </row>
    <row r="3100" spans="1:10" x14ac:dyDescent="0.35">
      <c r="A3100" s="1" t="s">
        <v>12119</v>
      </c>
      <c r="B3100" s="1" t="s">
        <v>12120</v>
      </c>
      <c r="C3100" s="1" t="s">
        <v>155</v>
      </c>
      <c r="D3100" s="1" t="s">
        <v>12229</v>
      </c>
      <c r="E3100" s="1" t="s">
        <v>12230</v>
      </c>
      <c r="F3100" s="1" t="s">
        <v>12231</v>
      </c>
      <c r="G3100" s="1" t="s">
        <v>12124</v>
      </c>
      <c r="H3100" s="1" t="s">
        <v>13</v>
      </c>
      <c r="I3100" s="1" t="s">
        <v>12125</v>
      </c>
      <c r="J3100" s="1" t="s">
        <v>12232</v>
      </c>
    </row>
    <row r="3101" spans="1:10" x14ac:dyDescent="0.35">
      <c r="A3101" s="1" t="s">
        <v>12119</v>
      </c>
      <c r="B3101" s="1" t="s">
        <v>12120</v>
      </c>
      <c r="C3101" s="1" t="s">
        <v>160</v>
      </c>
      <c r="D3101" s="1" t="s">
        <v>12233</v>
      </c>
      <c r="E3101" s="1" t="s">
        <v>12234</v>
      </c>
      <c r="F3101" s="1" t="s">
        <v>12235</v>
      </c>
      <c r="G3101" s="1" t="s">
        <v>12124</v>
      </c>
      <c r="H3101" s="1" t="s">
        <v>13</v>
      </c>
      <c r="I3101" s="1" t="s">
        <v>12125</v>
      </c>
      <c r="J3101" s="1" t="s">
        <v>12236</v>
      </c>
    </row>
    <row r="3102" spans="1:10" x14ac:dyDescent="0.35">
      <c r="A3102" s="1" t="s">
        <v>12119</v>
      </c>
      <c r="B3102" s="1" t="s">
        <v>12120</v>
      </c>
      <c r="C3102" s="1" t="s">
        <v>165</v>
      </c>
      <c r="D3102" s="1" t="s">
        <v>12237</v>
      </c>
      <c r="E3102" s="1" t="s">
        <v>555</v>
      </c>
      <c r="F3102" s="1" t="s">
        <v>12238</v>
      </c>
      <c r="G3102" s="1" t="s">
        <v>12124</v>
      </c>
      <c r="H3102" s="1" t="s">
        <v>13</v>
      </c>
      <c r="I3102" s="1" t="s">
        <v>12125</v>
      </c>
      <c r="J3102" s="1" t="s">
        <v>12239</v>
      </c>
    </row>
    <row r="3103" spans="1:10" x14ac:dyDescent="0.35">
      <c r="A3103" s="1" t="s">
        <v>12119</v>
      </c>
      <c r="B3103" s="1" t="s">
        <v>12120</v>
      </c>
      <c r="C3103" s="1" t="s">
        <v>170</v>
      </c>
      <c r="D3103" s="1" t="s">
        <v>12240</v>
      </c>
      <c r="E3103" s="1" t="s">
        <v>12241</v>
      </c>
      <c r="F3103" s="1" t="s">
        <v>12242</v>
      </c>
      <c r="G3103" s="1" t="s">
        <v>12124</v>
      </c>
      <c r="H3103" s="1" t="s">
        <v>13</v>
      </c>
      <c r="I3103" s="1" t="s">
        <v>12125</v>
      </c>
      <c r="J3103" s="1" t="s">
        <v>12243</v>
      </c>
    </row>
    <row r="3104" spans="1:10" x14ac:dyDescent="0.35">
      <c r="A3104" s="1" t="s">
        <v>12244</v>
      </c>
      <c r="B3104" s="1" t="s">
        <v>12245</v>
      </c>
      <c r="C3104" s="1" t="s">
        <v>8</v>
      </c>
      <c r="D3104" s="1" t="s">
        <v>12246</v>
      </c>
      <c r="E3104" s="1" t="s">
        <v>12247</v>
      </c>
      <c r="F3104" s="1" t="s">
        <v>12248</v>
      </c>
      <c r="G3104" s="1" t="s">
        <v>12249</v>
      </c>
      <c r="H3104" s="1" t="s">
        <v>13</v>
      </c>
      <c r="I3104" s="1" t="s">
        <v>12250</v>
      </c>
      <c r="J3104" s="1" t="s">
        <v>13</v>
      </c>
    </row>
    <row r="3105" spans="1:10" x14ac:dyDescent="0.35">
      <c r="A3105" s="1" t="s">
        <v>12244</v>
      </c>
      <c r="B3105" s="1" t="s">
        <v>12245</v>
      </c>
      <c r="C3105" s="1" t="s">
        <v>15</v>
      </c>
      <c r="D3105" s="1" t="s">
        <v>12251</v>
      </c>
      <c r="E3105" s="1" t="s">
        <v>12252</v>
      </c>
      <c r="F3105" s="1" t="s">
        <v>12253</v>
      </c>
      <c r="G3105" s="1" t="s">
        <v>12249</v>
      </c>
      <c r="H3105" s="1" t="s">
        <v>13</v>
      </c>
      <c r="I3105" s="1" t="s">
        <v>12250</v>
      </c>
      <c r="J3105" s="1" t="s">
        <v>12254</v>
      </c>
    </row>
    <row r="3106" spans="1:10" x14ac:dyDescent="0.35">
      <c r="A3106" s="1" t="s">
        <v>12244</v>
      </c>
      <c r="B3106" s="1" t="s">
        <v>12245</v>
      </c>
      <c r="C3106" s="1" t="s">
        <v>20</v>
      </c>
      <c r="D3106" s="1" t="s">
        <v>12255</v>
      </c>
      <c r="E3106" s="1" t="s">
        <v>12256</v>
      </c>
      <c r="F3106" s="1" t="s">
        <v>12257</v>
      </c>
      <c r="G3106" s="1" t="s">
        <v>12249</v>
      </c>
      <c r="H3106" s="1" t="s">
        <v>13</v>
      </c>
      <c r="I3106" s="1" t="s">
        <v>12250</v>
      </c>
      <c r="J3106" s="1" t="s">
        <v>12258</v>
      </c>
    </row>
    <row r="3107" spans="1:10" x14ac:dyDescent="0.35">
      <c r="A3107" s="1" t="s">
        <v>12244</v>
      </c>
      <c r="B3107" s="1" t="s">
        <v>12245</v>
      </c>
      <c r="C3107" s="1" t="s">
        <v>25</v>
      </c>
      <c r="D3107" s="1" t="s">
        <v>12259</v>
      </c>
      <c r="E3107" s="1" t="s">
        <v>12260</v>
      </c>
      <c r="F3107" s="1" t="s">
        <v>12261</v>
      </c>
      <c r="G3107" s="1" t="s">
        <v>12249</v>
      </c>
      <c r="H3107" s="1" t="s">
        <v>13</v>
      </c>
      <c r="I3107" s="1" t="s">
        <v>12250</v>
      </c>
      <c r="J3107" s="1" t="s">
        <v>12262</v>
      </c>
    </row>
    <row r="3108" spans="1:10" x14ac:dyDescent="0.35">
      <c r="A3108" s="1" t="s">
        <v>12244</v>
      </c>
      <c r="B3108" s="1" t="s">
        <v>12245</v>
      </c>
      <c r="C3108" s="1" t="s">
        <v>30</v>
      </c>
      <c r="D3108" s="1" t="s">
        <v>12263</v>
      </c>
      <c r="E3108" s="1" t="s">
        <v>12264</v>
      </c>
      <c r="F3108" s="1" t="s">
        <v>12265</v>
      </c>
      <c r="G3108" s="1" t="s">
        <v>12249</v>
      </c>
      <c r="H3108" s="1" t="s">
        <v>13</v>
      </c>
      <c r="I3108" s="1" t="s">
        <v>12250</v>
      </c>
      <c r="J3108" s="1" t="s">
        <v>12266</v>
      </c>
    </row>
    <row r="3109" spans="1:10" x14ac:dyDescent="0.35">
      <c r="A3109" s="1" t="s">
        <v>12244</v>
      </c>
      <c r="B3109" s="1" t="s">
        <v>12245</v>
      </c>
      <c r="C3109" s="1" t="s">
        <v>35</v>
      </c>
      <c r="D3109" s="1" t="s">
        <v>12267</v>
      </c>
      <c r="E3109" s="1" t="s">
        <v>12268</v>
      </c>
      <c r="F3109" s="1" t="s">
        <v>12269</v>
      </c>
      <c r="G3109" s="1" t="s">
        <v>12249</v>
      </c>
      <c r="H3109" s="1" t="s">
        <v>13</v>
      </c>
      <c r="I3109" s="1" t="s">
        <v>12250</v>
      </c>
      <c r="J3109" s="1" t="s">
        <v>12270</v>
      </c>
    </row>
    <row r="3110" spans="1:10" x14ac:dyDescent="0.35">
      <c r="A3110" s="1" t="s">
        <v>12244</v>
      </c>
      <c r="B3110" s="1" t="s">
        <v>12245</v>
      </c>
      <c r="C3110" s="1" t="s">
        <v>40</v>
      </c>
      <c r="D3110" s="1" t="s">
        <v>12271</v>
      </c>
      <c r="E3110" s="1" t="s">
        <v>12272</v>
      </c>
      <c r="F3110" s="1" t="s">
        <v>12273</v>
      </c>
      <c r="G3110" s="1" t="s">
        <v>12249</v>
      </c>
      <c r="H3110" s="1" t="s">
        <v>13</v>
      </c>
      <c r="I3110" s="1" t="s">
        <v>12250</v>
      </c>
      <c r="J3110" s="1" t="s">
        <v>12274</v>
      </c>
    </row>
    <row r="3111" spans="1:10" x14ac:dyDescent="0.35">
      <c r="A3111" s="1" t="s">
        <v>12244</v>
      </c>
      <c r="B3111" s="1" t="s">
        <v>12245</v>
      </c>
      <c r="C3111" s="1" t="s">
        <v>45</v>
      </c>
      <c r="D3111" s="1" t="s">
        <v>12275</v>
      </c>
      <c r="E3111" s="1" t="s">
        <v>12276</v>
      </c>
      <c r="F3111" s="1" t="s">
        <v>12277</v>
      </c>
      <c r="G3111" s="1" t="s">
        <v>12249</v>
      </c>
      <c r="H3111" s="1" t="s">
        <v>13</v>
      </c>
      <c r="I3111" s="1" t="s">
        <v>12250</v>
      </c>
      <c r="J3111" s="1" t="s">
        <v>12278</v>
      </c>
    </row>
    <row r="3112" spans="1:10" x14ac:dyDescent="0.35">
      <c r="A3112" s="1" t="s">
        <v>12244</v>
      </c>
      <c r="B3112" s="1" t="s">
        <v>12245</v>
      </c>
      <c r="C3112" s="1" t="s">
        <v>50</v>
      </c>
      <c r="D3112" s="1" t="s">
        <v>12279</v>
      </c>
      <c r="E3112" s="1" t="s">
        <v>12280</v>
      </c>
      <c r="F3112" s="1" t="s">
        <v>12281</v>
      </c>
      <c r="G3112" s="1" t="s">
        <v>12249</v>
      </c>
      <c r="H3112" s="1" t="s">
        <v>13</v>
      </c>
      <c r="I3112" s="1" t="s">
        <v>12250</v>
      </c>
      <c r="J3112" s="1" t="s">
        <v>12282</v>
      </c>
    </row>
    <row r="3113" spans="1:10" x14ac:dyDescent="0.35">
      <c r="A3113" s="1" t="s">
        <v>12244</v>
      </c>
      <c r="B3113" s="1" t="s">
        <v>12245</v>
      </c>
      <c r="C3113" s="1" t="s">
        <v>55</v>
      </c>
      <c r="D3113" s="1" t="s">
        <v>12283</v>
      </c>
      <c r="E3113" s="1" t="s">
        <v>12284</v>
      </c>
      <c r="F3113" s="1" t="s">
        <v>12285</v>
      </c>
      <c r="G3113" s="1" t="s">
        <v>12249</v>
      </c>
      <c r="H3113" s="1" t="s">
        <v>13</v>
      </c>
      <c r="I3113" s="1" t="s">
        <v>12250</v>
      </c>
      <c r="J3113" s="1" t="s">
        <v>12286</v>
      </c>
    </row>
    <row r="3114" spans="1:10" x14ac:dyDescent="0.35">
      <c r="A3114" s="1" t="s">
        <v>12244</v>
      </c>
      <c r="B3114" s="1" t="s">
        <v>12245</v>
      </c>
      <c r="C3114" s="1" t="s">
        <v>60</v>
      </c>
      <c r="D3114" s="1" t="s">
        <v>12287</v>
      </c>
      <c r="E3114" s="1" t="s">
        <v>12288</v>
      </c>
      <c r="F3114" s="1" t="s">
        <v>12289</v>
      </c>
      <c r="G3114" s="1" t="s">
        <v>12249</v>
      </c>
      <c r="H3114" s="1" t="s">
        <v>13</v>
      </c>
      <c r="I3114" s="1" t="s">
        <v>12250</v>
      </c>
      <c r="J3114" s="1" t="s">
        <v>12290</v>
      </c>
    </row>
    <row r="3115" spans="1:10" x14ac:dyDescent="0.35">
      <c r="A3115" s="1" t="s">
        <v>12244</v>
      </c>
      <c r="B3115" s="1" t="s">
        <v>12245</v>
      </c>
      <c r="C3115" s="1" t="s">
        <v>65</v>
      </c>
      <c r="D3115" s="1" t="s">
        <v>12291</v>
      </c>
      <c r="E3115" s="1" t="s">
        <v>12292</v>
      </c>
      <c r="F3115" s="1" t="s">
        <v>12293</v>
      </c>
      <c r="G3115" s="1" t="s">
        <v>12249</v>
      </c>
      <c r="H3115" s="1" t="s">
        <v>13</v>
      </c>
      <c r="I3115" s="1" t="s">
        <v>12250</v>
      </c>
      <c r="J3115" s="1" t="s">
        <v>12294</v>
      </c>
    </row>
    <row r="3116" spans="1:10" x14ac:dyDescent="0.35">
      <c r="A3116" s="1" t="s">
        <v>12244</v>
      </c>
      <c r="B3116" s="1" t="s">
        <v>12245</v>
      </c>
      <c r="C3116" s="1" t="s">
        <v>70</v>
      </c>
      <c r="D3116" s="1" t="s">
        <v>12295</v>
      </c>
      <c r="E3116" s="1" t="s">
        <v>12296</v>
      </c>
      <c r="F3116" s="1" t="s">
        <v>12297</v>
      </c>
      <c r="G3116" s="1" t="s">
        <v>12249</v>
      </c>
      <c r="H3116" s="1" t="s">
        <v>13</v>
      </c>
      <c r="I3116" s="1" t="s">
        <v>12250</v>
      </c>
      <c r="J3116" s="1" t="s">
        <v>12298</v>
      </c>
    </row>
    <row r="3117" spans="1:10" x14ac:dyDescent="0.35">
      <c r="A3117" s="1" t="s">
        <v>12244</v>
      </c>
      <c r="B3117" s="1" t="s">
        <v>12245</v>
      </c>
      <c r="C3117" s="1" t="s">
        <v>75</v>
      </c>
      <c r="D3117" s="1" t="s">
        <v>12299</v>
      </c>
      <c r="E3117" s="1" t="s">
        <v>12300</v>
      </c>
      <c r="F3117" s="1" t="s">
        <v>12301</v>
      </c>
      <c r="G3117" s="1" t="s">
        <v>12249</v>
      </c>
      <c r="H3117" s="1" t="s">
        <v>13</v>
      </c>
      <c r="I3117" s="1" t="s">
        <v>12250</v>
      </c>
      <c r="J3117" s="1" t="s">
        <v>12302</v>
      </c>
    </row>
    <row r="3118" spans="1:10" x14ac:dyDescent="0.35">
      <c r="A3118" s="1" t="s">
        <v>12244</v>
      </c>
      <c r="B3118" s="1" t="s">
        <v>12245</v>
      </c>
      <c r="C3118" s="1" t="s">
        <v>80</v>
      </c>
      <c r="D3118" s="1" t="s">
        <v>12303</v>
      </c>
      <c r="E3118" s="1" t="s">
        <v>12304</v>
      </c>
      <c r="F3118" s="1" t="s">
        <v>12305</v>
      </c>
      <c r="G3118" s="1" t="s">
        <v>12249</v>
      </c>
      <c r="H3118" s="1" t="s">
        <v>13</v>
      </c>
      <c r="I3118" s="1" t="s">
        <v>12250</v>
      </c>
      <c r="J3118" s="1" t="s">
        <v>12306</v>
      </c>
    </row>
    <row r="3119" spans="1:10" x14ac:dyDescent="0.35">
      <c r="A3119" s="1" t="s">
        <v>12244</v>
      </c>
      <c r="B3119" s="1" t="s">
        <v>12245</v>
      </c>
      <c r="C3119" s="1" t="s">
        <v>85</v>
      </c>
      <c r="D3119" s="1" t="s">
        <v>12307</v>
      </c>
      <c r="E3119" s="1" t="s">
        <v>12308</v>
      </c>
      <c r="F3119" s="1" t="s">
        <v>12309</v>
      </c>
      <c r="G3119" s="1" t="s">
        <v>12249</v>
      </c>
      <c r="H3119" s="1" t="s">
        <v>13</v>
      </c>
      <c r="I3119" s="1" t="s">
        <v>12250</v>
      </c>
      <c r="J3119" s="1" t="s">
        <v>12310</v>
      </c>
    </row>
    <row r="3120" spans="1:10" x14ac:dyDescent="0.35">
      <c r="A3120" s="1" t="s">
        <v>12244</v>
      </c>
      <c r="B3120" s="1" t="s">
        <v>12245</v>
      </c>
      <c r="C3120" s="1" t="s">
        <v>90</v>
      </c>
      <c r="D3120" s="1" t="s">
        <v>12311</v>
      </c>
      <c r="E3120" s="1" t="s">
        <v>12312</v>
      </c>
      <c r="F3120" s="1" t="s">
        <v>12313</v>
      </c>
      <c r="G3120" s="1" t="s">
        <v>12249</v>
      </c>
      <c r="H3120" s="1" t="s">
        <v>13</v>
      </c>
      <c r="I3120" s="1" t="s">
        <v>12250</v>
      </c>
      <c r="J3120" s="1" t="s">
        <v>12314</v>
      </c>
    </row>
    <row r="3121" spans="1:10" x14ac:dyDescent="0.35">
      <c r="A3121" s="1" t="s">
        <v>12244</v>
      </c>
      <c r="B3121" s="1" t="s">
        <v>12245</v>
      </c>
      <c r="C3121" s="1" t="s">
        <v>95</v>
      </c>
      <c r="D3121" s="1" t="s">
        <v>12315</v>
      </c>
      <c r="E3121" s="1" t="s">
        <v>12316</v>
      </c>
      <c r="F3121" s="1" t="s">
        <v>12317</v>
      </c>
      <c r="G3121" s="1" t="s">
        <v>12249</v>
      </c>
      <c r="H3121" s="1" t="s">
        <v>13</v>
      </c>
      <c r="I3121" s="1" t="s">
        <v>12250</v>
      </c>
      <c r="J3121" s="1" t="s">
        <v>12318</v>
      </c>
    </row>
    <row r="3122" spans="1:10" x14ac:dyDescent="0.35">
      <c r="A3122" s="1" t="s">
        <v>12244</v>
      </c>
      <c r="B3122" s="1" t="s">
        <v>12245</v>
      </c>
      <c r="C3122" s="1" t="s">
        <v>100</v>
      </c>
      <c r="D3122" s="1" t="s">
        <v>12319</v>
      </c>
      <c r="E3122" s="1" t="s">
        <v>12320</v>
      </c>
      <c r="F3122" s="1" t="s">
        <v>12321</v>
      </c>
      <c r="G3122" s="1" t="s">
        <v>12249</v>
      </c>
      <c r="H3122" s="1" t="s">
        <v>13</v>
      </c>
      <c r="I3122" s="1" t="s">
        <v>12250</v>
      </c>
      <c r="J3122" s="1" t="s">
        <v>12322</v>
      </c>
    </row>
    <row r="3123" spans="1:10" x14ac:dyDescent="0.35">
      <c r="A3123" s="1" t="s">
        <v>12244</v>
      </c>
      <c r="B3123" s="1" t="s">
        <v>12245</v>
      </c>
      <c r="C3123" s="1" t="s">
        <v>105</v>
      </c>
      <c r="D3123" s="1" t="s">
        <v>12323</v>
      </c>
      <c r="E3123" s="1" t="s">
        <v>12324</v>
      </c>
      <c r="F3123" s="1" t="s">
        <v>12325</v>
      </c>
      <c r="G3123" s="1" t="s">
        <v>12249</v>
      </c>
      <c r="H3123" s="1" t="s">
        <v>13</v>
      </c>
      <c r="I3123" s="1" t="s">
        <v>12250</v>
      </c>
      <c r="J3123" s="1" t="s">
        <v>12326</v>
      </c>
    </row>
    <row r="3124" spans="1:10" x14ac:dyDescent="0.35">
      <c r="A3124" s="1" t="s">
        <v>12244</v>
      </c>
      <c r="B3124" s="1" t="s">
        <v>12245</v>
      </c>
      <c r="C3124" s="1" t="s">
        <v>110</v>
      </c>
      <c r="D3124" s="1" t="s">
        <v>12327</v>
      </c>
      <c r="E3124" s="1" t="s">
        <v>12328</v>
      </c>
      <c r="F3124" s="1" t="s">
        <v>12329</v>
      </c>
      <c r="G3124" s="1" t="s">
        <v>12249</v>
      </c>
      <c r="H3124" s="1" t="s">
        <v>13</v>
      </c>
      <c r="I3124" s="1" t="s">
        <v>12250</v>
      </c>
      <c r="J3124" s="1" t="s">
        <v>12330</v>
      </c>
    </row>
    <row r="3125" spans="1:10" x14ac:dyDescent="0.35">
      <c r="A3125" s="1" t="s">
        <v>12244</v>
      </c>
      <c r="B3125" s="1" t="s">
        <v>12245</v>
      </c>
      <c r="C3125" s="1" t="s">
        <v>115</v>
      </c>
      <c r="D3125" s="1" t="s">
        <v>12331</v>
      </c>
      <c r="E3125" s="1" t="s">
        <v>12332</v>
      </c>
      <c r="F3125" s="1" t="s">
        <v>12333</v>
      </c>
      <c r="G3125" s="1" t="s">
        <v>12249</v>
      </c>
      <c r="H3125" s="1" t="s">
        <v>13</v>
      </c>
      <c r="I3125" s="1" t="s">
        <v>12250</v>
      </c>
      <c r="J3125" s="1" t="s">
        <v>12334</v>
      </c>
    </row>
    <row r="3126" spans="1:10" x14ac:dyDescent="0.35">
      <c r="A3126" s="1" t="s">
        <v>12244</v>
      </c>
      <c r="B3126" s="1" t="s">
        <v>12245</v>
      </c>
      <c r="C3126" s="1" t="s">
        <v>120</v>
      </c>
      <c r="D3126" s="1" t="s">
        <v>12335</v>
      </c>
      <c r="E3126" s="1" t="s">
        <v>12336</v>
      </c>
      <c r="F3126" s="1" t="s">
        <v>12337</v>
      </c>
      <c r="G3126" s="1" t="s">
        <v>12249</v>
      </c>
      <c r="H3126" s="1" t="s">
        <v>13</v>
      </c>
      <c r="I3126" s="1" t="s">
        <v>12250</v>
      </c>
      <c r="J3126" s="1" t="s">
        <v>12338</v>
      </c>
    </row>
    <row r="3127" spans="1:10" x14ac:dyDescent="0.35">
      <c r="A3127" s="1" t="s">
        <v>12244</v>
      </c>
      <c r="B3127" s="1" t="s">
        <v>12245</v>
      </c>
      <c r="C3127" s="1" t="s">
        <v>125</v>
      </c>
      <c r="D3127" s="1" t="s">
        <v>12339</v>
      </c>
      <c r="E3127" s="1" t="s">
        <v>12340</v>
      </c>
      <c r="F3127" s="1" t="s">
        <v>12341</v>
      </c>
      <c r="G3127" s="1" t="s">
        <v>12249</v>
      </c>
      <c r="H3127" s="1" t="s">
        <v>13</v>
      </c>
      <c r="I3127" s="1" t="s">
        <v>12250</v>
      </c>
      <c r="J3127" s="1" t="s">
        <v>12342</v>
      </c>
    </row>
    <row r="3128" spans="1:10" x14ac:dyDescent="0.35">
      <c r="A3128" s="1" t="s">
        <v>12244</v>
      </c>
      <c r="B3128" s="1" t="s">
        <v>12245</v>
      </c>
      <c r="C3128" s="1" t="s">
        <v>130</v>
      </c>
      <c r="D3128" s="1" t="s">
        <v>12343</v>
      </c>
      <c r="E3128" s="1" t="s">
        <v>12344</v>
      </c>
      <c r="F3128" s="1" t="s">
        <v>12345</v>
      </c>
      <c r="G3128" s="1" t="s">
        <v>12249</v>
      </c>
      <c r="H3128" s="1" t="s">
        <v>13</v>
      </c>
      <c r="I3128" s="1" t="s">
        <v>12250</v>
      </c>
      <c r="J3128" s="1" t="s">
        <v>12346</v>
      </c>
    </row>
    <row r="3129" spans="1:10" x14ac:dyDescent="0.35">
      <c r="A3129" s="1" t="s">
        <v>12244</v>
      </c>
      <c r="B3129" s="1" t="s">
        <v>12245</v>
      </c>
      <c r="C3129" s="1" t="s">
        <v>135</v>
      </c>
      <c r="D3129" s="1" t="s">
        <v>12347</v>
      </c>
      <c r="E3129" s="1" t="s">
        <v>12348</v>
      </c>
      <c r="F3129" s="1" t="s">
        <v>12349</v>
      </c>
      <c r="G3129" s="1" t="s">
        <v>12249</v>
      </c>
      <c r="H3129" s="1" t="s">
        <v>13</v>
      </c>
      <c r="I3129" s="1" t="s">
        <v>12250</v>
      </c>
      <c r="J3129" s="1" t="s">
        <v>12350</v>
      </c>
    </row>
    <row r="3130" spans="1:10" x14ac:dyDescent="0.35">
      <c r="A3130" s="1" t="s">
        <v>12244</v>
      </c>
      <c r="B3130" s="1" t="s">
        <v>12245</v>
      </c>
      <c r="C3130" s="1" t="s">
        <v>140</v>
      </c>
      <c r="D3130" s="1" t="s">
        <v>12351</v>
      </c>
      <c r="E3130" s="1" t="s">
        <v>12352</v>
      </c>
      <c r="F3130" s="1" t="s">
        <v>12353</v>
      </c>
      <c r="G3130" s="1" t="s">
        <v>12249</v>
      </c>
      <c r="H3130" s="1" t="s">
        <v>13</v>
      </c>
      <c r="I3130" s="1" t="s">
        <v>12250</v>
      </c>
      <c r="J3130" s="1" t="s">
        <v>12354</v>
      </c>
    </row>
    <row r="3131" spans="1:10" x14ac:dyDescent="0.35">
      <c r="A3131" s="1" t="s">
        <v>12244</v>
      </c>
      <c r="B3131" s="1" t="s">
        <v>12245</v>
      </c>
      <c r="C3131" s="1" t="s">
        <v>145</v>
      </c>
      <c r="D3131" s="1" t="s">
        <v>12355</v>
      </c>
      <c r="E3131" s="1" t="s">
        <v>12356</v>
      </c>
      <c r="F3131" s="1" t="s">
        <v>12357</v>
      </c>
      <c r="G3131" s="1" t="s">
        <v>12249</v>
      </c>
      <c r="H3131" s="1" t="s">
        <v>13</v>
      </c>
      <c r="I3131" s="1" t="s">
        <v>12250</v>
      </c>
      <c r="J3131" s="1" t="s">
        <v>12358</v>
      </c>
    </row>
    <row r="3132" spans="1:10" x14ac:dyDescent="0.35">
      <c r="A3132" s="1" t="s">
        <v>12244</v>
      </c>
      <c r="B3132" s="1" t="s">
        <v>12245</v>
      </c>
      <c r="C3132" s="1" t="s">
        <v>150</v>
      </c>
      <c r="D3132" s="1" t="s">
        <v>8241</v>
      </c>
      <c r="E3132" s="1" t="s">
        <v>12359</v>
      </c>
      <c r="F3132" s="1" t="s">
        <v>12360</v>
      </c>
      <c r="G3132" s="1" t="s">
        <v>12249</v>
      </c>
      <c r="H3132" s="1" t="s">
        <v>13</v>
      </c>
      <c r="I3132" s="1" t="s">
        <v>12250</v>
      </c>
      <c r="J3132" s="1" t="s">
        <v>12361</v>
      </c>
    </row>
    <row r="3133" spans="1:10" x14ac:dyDescent="0.35">
      <c r="A3133" s="1" t="s">
        <v>12244</v>
      </c>
      <c r="B3133" s="1" t="s">
        <v>12245</v>
      </c>
      <c r="C3133" s="1" t="s">
        <v>155</v>
      </c>
      <c r="D3133" s="1" t="s">
        <v>12362</v>
      </c>
      <c r="E3133" s="1" t="s">
        <v>12363</v>
      </c>
      <c r="F3133" s="1" t="s">
        <v>12364</v>
      </c>
      <c r="G3133" s="1" t="s">
        <v>12249</v>
      </c>
      <c r="H3133" s="1" t="s">
        <v>13</v>
      </c>
      <c r="I3133" s="1" t="s">
        <v>12250</v>
      </c>
      <c r="J3133" s="1" t="s">
        <v>12365</v>
      </c>
    </row>
    <row r="3134" spans="1:10" x14ac:dyDescent="0.35">
      <c r="A3134" s="1" t="s">
        <v>12244</v>
      </c>
      <c r="B3134" s="1" t="s">
        <v>12245</v>
      </c>
      <c r="C3134" s="1" t="s">
        <v>160</v>
      </c>
      <c r="D3134" s="1" t="s">
        <v>12366</v>
      </c>
      <c r="E3134" s="1" t="s">
        <v>12367</v>
      </c>
      <c r="F3134" s="1" t="s">
        <v>12368</v>
      </c>
      <c r="G3134" s="1" t="s">
        <v>12249</v>
      </c>
      <c r="H3134" s="1" t="s">
        <v>13</v>
      </c>
      <c r="I3134" s="1" t="s">
        <v>12250</v>
      </c>
      <c r="J3134" s="1" t="s">
        <v>12369</v>
      </c>
    </row>
    <row r="3135" spans="1:10" x14ac:dyDescent="0.35">
      <c r="A3135" s="1" t="s">
        <v>12244</v>
      </c>
      <c r="B3135" s="1" t="s">
        <v>12245</v>
      </c>
      <c r="C3135" s="1" t="s">
        <v>165</v>
      </c>
      <c r="D3135" s="1" t="s">
        <v>12370</v>
      </c>
      <c r="E3135" s="1" t="s">
        <v>12371</v>
      </c>
      <c r="F3135" s="1" t="s">
        <v>12372</v>
      </c>
      <c r="G3135" s="1" t="s">
        <v>12249</v>
      </c>
      <c r="H3135" s="1" t="s">
        <v>13</v>
      </c>
      <c r="I3135" s="1" t="s">
        <v>12250</v>
      </c>
      <c r="J3135" s="1" t="s">
        <v>12373</v>
      </c>
    </row>
    <row r="3136" spans="1:10" x14ac:dyDescent="0.35">
      <c r="A3136" s="1" t="s">
        <v>12244</v>
      </c>
      <c r="B3136" s="1" t="s">
        <v>12245</v>
      </c>
      <c r="C3136" s="1" t="s">
        <v>170</v>
      </c>
      <c r="D3136" s="1" t="s">
        <v>12374</v>
      </c>
      <c r="E3136" s="1" t="s">
        <v>12375</v>
      </c>
      <c r="F3136" s="1" t="s">
        <v>12376</v>
      </c>
      <c r="G3136" s="1" t="s">
        <v>12249</v>
      </c>
      <c r="H3136" s="1" t="s">
        <v>13</v>
      </c>
      <c r="I3136" s="1" t="s">
        <v>12250</v>
      </c>
      <c r="J3136" s="1" t="s">
        <v>12377</v>
      </c>
    </row>
    <row r="3137" spans="1:10" x14ac:dyDescent="0.35">
      <c r="A3137" s="1" t="s">
        <v>12378</v>
      </c>
      <c r="B3137" s="1" t="s">
        <v>12379</v>
      </c>
      <c r="C3137" s="1" t="s">
        <v>8</v>
      </c>
      <c r="D3137" s="1" t="s">
        <v>12380</v>
      </c>
      <c r="E3137" s="1" t="s">
        <v>12381</v>
      </c>
      <c r="F3137" s="1" t="s">
        <v>12382</v>
      </c>
      <c r="G3137" s="1" t="s">
        <v>12383</v>
      </c>
      <c r="H3137" s="1" t="s">
        <v>13</v>
      </c>
      <c r="I3137" s="1" t="s">
        <v>12384</v>
      </c>
      <c r="J3137" s="1" t="s">
        <v>13</v>
      </c>
    </row>
    <row r="3138" spans="1:10" x14ac:dyDescent="0.35">
      <c r="A3138" s="1" t="s">
        <v>12378</v>
      </c>
      <c r="B3138" s="1" t="s">
        <v>12379</v>
      </c>
      <c r="C3138" s="1" t="s">
        <v>15</v>
      </c>
      <c r="D3138" s="1" t="s">
        <v>12385</v>
      </c>
      <c r="E3138" s="1" t="s">
        <v>12386</v>
      </c>
      <c r="F3138" s="1" t="s">
        <v>12387</v>
      </c>
      <c r="G3138" s="1" t="s">
        <v>12383</v>
      </c>
      <c r="H3138" s="1" t="s">
        <v>13</v>
      </c>
      <c r="I3138" s="1" t="s">
        <v>12384</v>
      </c>
      <c r="J3138" s="1" t="s">
        <v>12388</v>
      </c>
    </row>
    <row r="3139" spans="1:10" x14ac:dyDescent="0.35">
      <c r="A3139" s="1" t="s">
        <v>12378</v>
      </c>
      <c r="B3139" s="1" t="s">
        <v>12379</v>
      </c>
      <c r="C3139" s="1" t="s">
        <v>20</v>
      </c>
      <c r="D3139" s="1" t="s">
        <v>12389</v>
      </c>
      <c r="E3139" s="1" t="s">
        <v>12390</v>
      </c>
      <c r="F3139" s="1" t="s">
        <v>12391</v>
      </c>
      <c r="G3139" s="1" t="s">
        <v>12383</v>
      </c>
      <c r="H3139" s="1" t="s">
        <v>13</v>
      </c>
      <c r="I3139" s="1" t="s">
        <v>12384</v>
      </c>
      <c r="J3139" s="1" t="s">
        <v>12392</v>
      </c>
    </row>
    <row r="3140" spans="1:10" x14ac:dyDescent="0.35">
      <c r="A3140" s="1" t="s">
        <v>12378</v>
      </c>
      <c r="B3140" s="1" t="s">
        <v>12379</v>
      </c>
      <c r="C3140" s="1" t="s">
        <v>25</v>
      </c>
      <c r="D3140" s="1" t="s">
        <v>12393</v>
      </c>
      <c r="E3140" s="1" t="s">
        <v>12394</v>
      </c>
      <c r="F3140" s="1" t="s">
        <v>12395</v>
      </c>
      <c r="G3140" s="1" t="s">
        <v>12383</v>
      </c>
      <c r="H3140" s="1" t="s">
        <v>13</v>
      </c>
      <c r="I3140" s="1" t="s">
        <v>12384</v>
      </c>
      <c r="J3140" s="1" t="s">
        <v>12396</v>
      </c>
    </row>
    <row r="3141" spans="1:10" x14ac:dyDescent="0.35">
      <c r="A3141" s="1" t="s">
        <v>12378</v>
      </c>
      <c r="B3141" s="1" t="s">
        <v>12379</v>
      </c>
      <c r="C3141" s="1" t="s">
        <v>30</v>
      </c>
      <c r="D3141" s="1" t="s">
        <v>12397</v>
      </c>
      <c r="E3141" s="1" t="s">
        <v>12398</v>
      </c>
      <c r="F3141" s="1" t="s">
        <v>12399</v>
      </c>
      <c r="G3141" s="1" t="s">
        <v>12383</v>
      </c>
      <c r="H3141" s="1" t="s">
        <v>13</v>
      </c>
      <c r="I3141" s="1" t="s">
        <v>12384</v>
      </c>
      <c r="J3141" s="1" t="s">
        <v>12400</v>
      </c>
    </row>
    <row r="3142" spans="1:10" x14ac:dyDescent="0.35">
      <c r="A3142" s="1" t="s">
        <v>12378</v>
      </c>
      <c r="B3142" s="1" t="s">
        <v>12379</v>
      </c>
      <c r="C3142" s="1" t="s">
        <v>35</v>
      </c>
      <c r="D3142" s="1" t="s">
        <v>12401</v>
      </c>
      <c r="E3142" s="1" t="s">
        <v>12402</v>
      </c>
      <c r="F3142" s="1" t="s">
        <v>12403</v>
      </c>
      <c r="G3142" s="1" t="s">
        <v>12383</v>
      </c>
      <c r="H3142" s="1" t="s">
        <v>13</v>
      </c>
      <c r="I3142" s="1" t="s">
        <v>12384</v>
      </c>
      <c r="J3142" s="1" t="s">
        <v>12404</v>
      </c>
    </row>
    <row r="3143" spans="1:10" x14ac:dyDescent="0.35">
      <c r="A3143" s="1" t="s">
        <v>12378</v>
      </c>
      <c r="B3143" s="1" t="s">
        <v>12379</v>
      </c>
      <c r="C3143" s="1" t="s">
        <v>40</v>
      </c>
      <c r="D3143" s="1" t="s">
        <v>12405</v>
      </c>
      <c r="E3143" s="1" t="s">
        <v>12406</v>
      </c>
      <c r="F3143" s="1" t="s">
        <v>12407</v>
      </c>
      <c r="G3143" s="1" t="s">
        <v>12383</v>
      </c>
      <c r="H3143" s="1" t="s">
        <v>13</v>
      </c>
      <c r="I3143" s="1" t="s">
        <v>12384</v>
      </c>
      <c r="J3143" s="1" t="s">
        <v>12408</v>
      </c>
    </row>
    <row r="3144" spans="1:10" x14ac:dyDescent="0.35">
      <c r="A3144" s="1" t="s">
        <v>12378</v>
      </c>
      <c r="B3144" s="1" t="s">
        <v>12379</v>
      </c>
      <c r="C3144" s="1" t="s">
        <v>45</v>
      </c>
      <c r="D3144" s="1" t="s">
        <v>12409</v>
      </c>
      <c r="E3144" s="1" t="s">
        <v>12410</v>
      </c>
      <c r="F3144" s="1" t="s">
        <v>12411</v>
      </c>
      <c r="G3144" s="1" t="s">
        <v>12383</v>
      </c>
      <c r="H3144" s="1" t="s">
        <v>13</v>
      </c>
      <c r="I3144" s="1" t="s">
        <v>12384</v>
      </c>
      <c r="J3144" s="1" t="s">
        <v>12412</v>
      </c>
    </row>
    <row r="3145" spans="1:10" x14ac:dyDescent="0.35">
      <c r="A3145" s="1" t="s">
        <v>12378</v>
      </c>
      <c r="B3145" s="1" t="s">
        <v>12379</v>
      </c>
      <c r="C3145" s="1" t="s">
        <v>50</v>
      </c>
      <c r="D3145" s="1" t="s">
        <v>12413</v>
      </c>
      <c r="E3145" s="1" t="s">
        <v>12414</v>
      </c>
      <c r="F3145" s="1" t="s">
        <v>12415</v>
      </c>
      <c r="G3145" s="1" t="s">
        <v>12383</v>
      </c>
      <c r="H3145" s="1" t="s">
        <v>13</v>
      </c>
      <c r="I3145" s="1" t="s">
        <v>12384</v>
      </c>
      <c r="J3145" s="1" t="s">
        <v>12416</v>
      </c>
    </row>
    <row r="3146" spans="1:10" x14ac:dyDescent="0.35">
      <c r="A3146" s="1" t="s">
        <v>12378</v>
      </c>
      <c r="B3146" s="1" t="s">
        <v>12379</v>
      </c>
      <c r="C3146" s="1" t="s">
        <v>55</v>
      </c>
      <c r="D3146" s="1" t="s">
        <v>12417</v>
      </c>
      <c r="E3146" s="1" t="s">
        <v>12418</v>
      </c>
      <c r="F3146" s="1" t="s">
        <v>12419</v>
      </c>
      <c r="G3146" s="1" t="s">
        <v>12383</v>
      </c>
      <c r="H3146" s="1" t="s">
        <v>13</v>
      </c>
      <c r="I3146" s="1" t="s">
        <v>12384</v>
      </c>
      <c r="J3146" s="1" t="s">
        <v>12420</v>
      </c>
    </row>
    <row r="3147" spans="1:10" x14ac:dyDescent="0.35">
      <c r="A3147" s="1" t="s">
        <v>12378</v>
      </c>
      <c r="B3147" s="1" t="s">
        <v>12379</v>
      </c>
      <c r="C3147" s="1" t="s">
        <v>60</v>
      </c>
      <c r="D3147" s="1" t="s">
        <v>12421</v>
      </c>
      <c r="E3147" s="1" t="s">
        <v>12414</v>
      </c>
      <c r="F3147" s="1" t="s">
        <v>12422</v>
      </c>
      <c r="G3147" s="1" t="s">
        <v>12383</v>
      </c>
      <c r="H3147" s="1" t="s">
        <v>13</v>
      </c>
      <c r="I3147" s="1" t="s">
        <v>12384</v>
      </c>
      <c r="J3147" s="1" t="s">
        <v>12423</v>
      </c>
    </row>
    <row r="3148" spans="1:10" x14ac:dyDescent="0.35">
      <c r="A3148" s="1" t="s">
        <v>12378</v>
      </c>
      <c r="B3148" s="1" t="s">
        <v>12379</v>
      </c>
      <c r="C3148" s="1" t="s">
        <v>65</v>
      </c>
      <c r="D3148" s="1" t="s">
        <v>12424</v>
      </c>
      <c r="E3148" s="1" t="s">
        <v>12425</v>
      </c>
      <c r="F3148" s="1" t="s">
        <v>12426</v>
      </c>
      <c r="G3148" s="1" t="s">
        <v>12383</v>
      </c>
      <c r="H3148" s="1" t="s">
        <v>13</v>
      </c>
      <c r="I3148" s="1" t="s">
        <v>12384</v>
      </c>
      <c r="J3148" s="1" t="s">
        <v>12427</v>
      </c>
    </row>
    <row r="3149" spans="1:10" x14ac:dyDescent="0.35">
      <c r="A3149" s="1" t="s">
        <v>12378</v>
      </c>
      <c r="B3149" s="1" t="s">
        <v>12379</v>
      </c>
      <c r="C3149" s="1" t="s">
        <v>70</v>
      </c>
      <c r="D3149" s="1" t="s">
        <v>12424</v>
      </c>
      <c r="E3149" s="1" t="s">
        <v>12428</v>
      </c>
      <c r="F3149" s="1" t="s">
        <v>12429</v>
      </c>
      <c r="G3149" s="1" t="s">
        <v>12383</v>
      </c>
      <c r="H3149" s="1" t="s">
        <v>13</v>
      </c>
      <c r="I3149" s="1" t="s">
        <v>12384</v>
      </c>
      <c r="J3149" s="1" t="s">
        <v>1180</v>
      </c>
    </row>
    <row r="3150" spans="1:10" x14ac:dyDescent="0.35">
      <c r="A3150" s="1" t="s">
        <v>12378</v>
      </c>
      <c r="B3150" s="1" t="s">
        <v>12379</v>
      </c>
      <c r="C3150" s="1" t="s">
        <v>75</v>
      </c>
      <c r="D3150" s="1" t="s">
        <v>12424</v>
      </c>
      <c r="E3150" s="1" t="s">
        <v>12430</v>
      </c>
      <c r="F3150" s="1" t="s">
        <v>12431</v>
      </c>
      <c r="G3150" s="1" t="s">
        <v>12383</v>
      </c>
      <c r="H3150" s="1" t="s">
        <v>13</v>
      </c>
      <c r="I3150" s="1" t="s">
        <v>12384</v>
      </c>
      <c r="J3150" s="1" t="s">
        <v>1180</v>
      </c>
    </row>
    <row r="3151" spans="1:10" x14ac:dyDescent="0.35">
      <c r="A3151" s="1" t="s">
        <v>12378</v>
      </c>
      <c r="B3151" s="1" t="s">
        <v>12379</v>
      </c>
      <c r="C3151" s="1" t="s">
        <v>80</v>
      </c>
      <c r="D3151" s="1" t="s">
        <v>12279</v>
      </c>
      <c r="E3151" s="1" t="s">
        <v>12432</v>
      </c>
      <c r="F3151" s="1" t="s">
        <v>12433</v>
      </c>
      <c r="G3151" s="1" t="s">
        <v>12383</v>
      </c>
      <c r="H3151" s="1" t="s">
        <v>13</v>
      </c>
      <c r="I3151" s="1" t="s">
        <v>12384</v>
      </c>
      <c r="J3151" s="1" t="s">
        <v>8525</v>
      </c>
    </row>
    <row r="3152" spans="1:10" x14ac:dyDescent="0.35">
      <c r="A3152" s="1" t="s">
        <v>12378</v>
      </c>
      <c r="B3152" s="1" t="s">
        <v>12379</v>
      </c>
      <c r="C3152" s="1" t="s">
        <v>85</v>
      </c>
      <c r="D3152" s="1" t="s">
        <v>12287</v>
      </c>
      <c r="E3152" s="1" t="s">
        <v>12398</v>
      </c>
      <c r="F3152" s="1" t="s">
        <v>12434</v>
      </c>
      <c r="G3152" s="1" t="s">
        <v>12383</v>
      </c>
      <c r="H3152" s="1" t="s">
        <v>13</v>
      </c>
      <c r="I3152" s="1" t="s">
        <v>12384</v>
      </c>
      <c r="J3152" s="1" t="s">
        <v>12435</v>
      </c>
    </row>
    <row r="3153" spans="1:10" x14ac:dyDescent="0.35">
      <c r="A3153" s="1" t="s">
        <v>12378</v>
      </c>
      <c r="B3153" s="1" t="s">
        <v>12379</v>
      </c>
      <c r="C3153" s="1" t="s">
        <v>90</v>
      </c>
      <c r="D3153" s="1" t="s">
        <v>12436</v>
      </c>
      <c r="E3153" s="1" t="s">
        <v>12437</v>
      </c>
      <c r="F3153" s="1" t="s">
        <v>12438</v>
      </c>
      <c r="G3153" s="1" t="s">
        <v>12383</v>
      </c>
      <c r="H3153" s="1" t="s">
        <v>13</v>
      </c>
      <c r="I3153" s="1" t="s">
        <v>12384</v>
      </c>
      <c r="J3153" s="1" t="s">
        <v>12439</v>
      </c>
    </row>
    <row r="3154" spans="1:10" x14ac:dyDescent="0.35">
      <c r="A3154" s="1" t="s">
        <v>12378</v>
      </c>
      <c r="B3154" s="1" t="s">
        <v>12379</v>
      </c>
      <c r="C3154" s="1" t="s">
        <v>95</v>
      </c>
      <c r="D3154" s="1" t="s">
        <v>12440</v>
      </c>
      <c r="E3154" s="1" t="s">
        <v>12441</v>
      </c>
      <c r="F3154" s="1" t="s">
        <v>12442</v>
      </c>
      <c r="G3154" s="1" t="s">
        <v>12383</v>
      </c>
      <c r="H3154" s="1" t="s">
        <v>13</v>
      </c>
      <c r="I3154" s="1" t="s">
        <v>12384</v>
      </c>
      <c r="J3154" s="1" t="s">
        <v>12443</v>
      </c>
    </row>
    <row r="3155" spans="1:10" x14ac:dyDescent="0.35">
      <c r="A3155" s="1" t="s">
        <v>12378</v>
      </c>
      <c r="B3155" s="1" t="s">
        <v>12379</v>
      </c>
      <c r="C3155" s="1" t="s">
        <v>100</v>
      </c>
      <c r="D3155" s="1" t="s">
        <v>12444</v>
      </c>
      <c r="E3155" s="1" t="s">
        <v>12425</v>
      </c>
      <c r="F3155" s="1" t="s">
        <v>12445</v>
      </c>
      <c r="G3155" s="1" t="s">
        <v>12383</v>
      </c>
      <c r="H3155" s="1" t="s">
        <v>13</v>
      </c>
      <c r="I3155" s="1" t="s">
        <v>12384</v>
      </c>
      <c r="J3155" s="1" t="s">
        <v>12446</v>
      </c>
    </row>
    <row r="3156" spans="1:10" x14ac:dyDescent="0.35">
      <c r="A3156" s="1" t="s">
        <v>12378</v>
      </c>
      <c r="B3156" s="1" t="s">
        <v>12379</v>
      </c>
      <c r="C3156" s="1" t="s">
        <v>105</v>
      </c>
      <c r="D3156" s="1" t="s">
        <v>12447</v>
      </c>
      <c r="E3156" s="1" t="s">
        <v>12448</v>
      </c>
      <c r="F3156" s="1" t="s">
        <v>12449</v>
      </c>
      <c r="G3156" s="1" t="s">
        <v>12383</v>
      </c>
      <c r="H3156" s="1" t="s">
        <v>13</v>
      </c>
      <c r="I3156" s="1" t="s">
        <v>12384</v>
      </c>
      <c r="J3156" s="1" t="s">
        <v>12450</v>
      </c>
    </row>
    <row r="3157" spans="1:10" x14ac:dyDescent="0.35">
      <c r="A3157" s="1" t="s">
        <v>12378</v>
      </c>
      <c r="B3157" s="1" t="s">
        <v>12379</v>
      </c>
      <c r="C3157" s="1" t="s">
        <v>110</v>
      </c>
      <c r="D3157" s="1" t="s">
        <v>12451</v>
      </c>
      <c r="E3157" s="1" t="s">
        <v>12452</v>
      </c>
      <c r="F3157" s="1" t="s">
        <v>12453</v>
      </c>
      <c r="G3157" s="1" t="s">
        <v>12383</v>
      </c>
      <c r="H3157" s="1" t="s">
        <v>13</v>
      </c>
      <c r="I3157" s="1" t="s">
        <v>12384</v>
      </c>
      <c r="J3157" s="1" t="s">
        <v>12454</v>
      </c>
    </row>
    <row r="3158" spans="1:10" x14ac:dyDescent="0.35">
      <c r="A3158" s="1" t="s">
        <v>12378</v>
      </c>
      <c r="B3158" s="1" t="s">
        <v>12379</v>
      </c>
      <c r="C3158" s="1" t="s">
        <v>115</v>
      </c>
      <c r="D3158" s="1" t="s">
        <v>12455</v>
      </c>
      <c r="E3158" s="1" t="s">
        <v>12456</v>
      </c>
      <c r="F3158" s="1" t="s">
        <v>12457</v>
      </c>
      <c r="G3158" s="1" t="s">
        <v>12383</v>
      </c>
      <c r="H3158" s="1" t="s">
        <v>13</v>
      </c>
      <c r="I3158" s="1" t="s">
        <v>12384</v>
      </c>
      <c r="J3158" s="1" t="s">
        <v>12458</v>
      </c>
    </row>
    <row r="3159" spans="1:10" x14ac:dyDescent="0.35">
      <c r="A3159" s="1" t="s">
        <v>12378</v>
      </c>
      <c r="B3159" s="1" t="s">
        <v>12379</v>
      </c>
      <c r="C3159" s="1" t="s">
        <v>120</v>
      </c>
      <c r="D3159" s="1" t="s">
        <v>12459</v>
      </c>
      <c r="E3159" s="1" t="s">
        <v>12460</v>
      </c>
      <c r="F3159" s="1" t="s">
        <v>12461</v>
      </c>
      <c r="G3159" s="1" t="s">
        <v>12383</v>
      </c>
      <c r="H3159" s="1" t="s">
        <v>13</v>
      </c>
      <c r="I3159" s="1" t="s">
        <v>12384</v>
      </c>
      <c r="J3159" s="1" t="s">
        <v>12462</v>
      </c>
    </row>
    <row r="3160" spans="1:10" x14ac:dyDescent="0.35">
      <c r="A3160" s="1" t="s">
        <v>12378</v>
      </c>
      <c r="B3160" s="1" t="s">
        <v>12379</v>
      </c>
      <c r="C3160" s="1" t="s">
        <v>125</v>
      </c>
      <c r="D3160" s="1" t="s">
        <v>12463</v>
      </c>
      <c r="E3160" s="1" t="s">
        <v>12464</v>
      </c>
      <c r="F3160" s="1" t="s">
        <v>12465</v>
      </c>
      <c r="G3160" s="1" t="s">
        <v>12383</v>
      </c>
      <c r="H3160" s="1" t="s">
        <v>13</v>
      </c>
      <c r="I3160" s="1" t="s">
        <v>12384</v>
      </c>
      <c r="J3160" s="1" t="s">
        <v>12466</v>
      </c>
    </row>
    <row r="3161" spans="1:10" x14ac:dyDescent="0.35">
      <c r="A3161" s="1" t="s">
        <v>12378</v>
      </c>
      <c r="B3161" s="1" t="s">
        <v>12379</v>
      </c>
      <c r="C3161" s="1" t="s">
        <v>130</v>
      </c>
      <c r="D3161" s="1" t="s">
        <v>12467</v>
      </c>
      <c r="E3161" s="1" t="s">
        <v>12468</v>
      </c>
      <c r="F3161" s="1" t="s">
        <v>12469</v>
      </c>
      <c r="G3161" s="1" t="s">
        <v>12383</v>
      </c>
      <c r="H3161" s="1" t="s">
        <v>13</v>
      </c>
      <c r="I3161" s="1" t="s">
        <v>12384</v>
      </c>
      <c r="J3161" s="1" t="s">
        <v>12470</v>
      </c>
    </row>
    <row r="3162" spans="1:10" x14ac:dyDescent="0.35">
      <c r="A3162" s="1" t="s">
        <v>12378</v>
      </c>
      <c r="B3162" s="1" t="s">
        <v>12379</v>
      </c>
      <c r="C3162" s="1" t="s">
        <v>135</v>
      </c>
      <c r="D3162" s="1" t="s">
        <v>12471</v>
      </c>
      <c r="E3162" s="1" t="s">
        <v>12472</v>
      </c>
      <c r="F3162" s="1" t="s">
        <v>12473</v>
      </c>
      <c r="G3162" s="1" t="s">
        <v>12383</v>
      </c>
      <c r="H3162" s="1" t="s">
        <v>13</v>
      </c>
      <c r="I3162" s="1" t="s">
        <v>12384</v>
      </c>
      <c r="J3162" s="1" t="s">
        <v>12474</v>
      </c>
    </row>
    <row r="3163" spans="1:10" x14ac:dyDescent="0.35">
      <c r="A3163" s="1" t="s">
        <v>12378</v>
      </c>
      <c r="B3163" s="1" t="s">
        <v>12379</v>
      </c>
      <c r="C3163" s="1" t="s">
        <v>140</v>
      </c>
      <c r="D3163" s="1" t="s">
        <v>12475</v>
      </c>
      <c r="E3163" s="1" t="s">
        <v>12476</v>
      </c>
      <c r="F3163" s="1" t="s">
        <v>12477</v>
      </c>
      <c r="G3163" s="1" t="s">
        <v>12383</v>
      </c>
      <c r="H3163" s="1" t="s">
        <v>13</v>
      </c>
      <c r="I3163" s="1" t="s">
        <v>12384</v>
      </c>
      <c r="J3163" s="1" t="s">
        <v>12478</v>
      </c>
    </row>
    <row r="3164" spans="1:10" x14ac:dyDescent="0.35">
      <c r="A3164" s="1" t="s">
        <v>12378</v>
      </c>
      <c r="B3164" s="1" t="s">
        <v>12379</v>
      </c>
      <c r="C3164" s="1" t="s">
        <v>145</v>
      </c>
      <c r="D3164" s="1" t="s">
        <v>12479</v>
      </c>
      <c r="E3164" s="1" t="s">
        <v>12480</v>
      </c>
      <c r="F3164" s="1" t="s">
        <v>12481</v>
      </c>
      <c r="G3164" s="1" t="s">
        <v>12383</v>
      </c>
      <c r="H3164" s="1" t="s">
        <v>13</v>
      </c>
      <c r="I3164" s="1" t="s">
        <v>12384</v>
      </c>
      <c r="J3164" s="1" t="s">
        <v>12482</v>
      </c>
    </row>
    <row r="3165" spans="1:10" x14ac:dyDescent="0.35">
      <c r="A3165" s="1" t="s">
        <v>12378</v>
      </c>
      <c r="B3165" s="1" t="s">
        <v>12379</v>
      </c>
      <c r="C3165" s="1" t="s">
        <v>150</v>
      </c>
      <c r="D3165" s="1" t="s">
        <v>12483</v>
      </c>
      <c r="E3165" s="1" t="s">
        <v>12484</v>
      </c>
      <c r="F3165" s="1" t="s">
        <v>12485</v>
      </c>
      <c r="G3165" s="1" t="s">
        <v>12383</v>
      </c>
      <c r="H3165" s="1" t="s">
        <v>13</v>
      </c>
      <c r="I3165" s="1" t="s">
        <v>12384</v>
      </c>
      <c r="J3165" s="1" t="s">
        <v>12486</v>
      </c>
    </row>
    <row r="3166" spans="1:10" x14ac:dyDescent="0.35">
      <c r="A3166" s="1" t="s">
        <v>12378</v>
      </c>
      <c r="B3166" s="1" t="s">
        <v>12379</v>
      </c>
      <c r="C3166" s="1" t="s">
        <v>155</v>
      </c>
      <c r="D3166" s="1" t="s">
        <v>12487</v>
      </c>
      <c r="E3166" s="1" t="s">
        <v>12488</v>
      </c>
      <c r="F3166" s="1" t="s">
        <v>12489</v>
      </c>
      <c r="G3166" s="1" t="s">
        <v>12383</v>
      </c>
      <c r="H3166" s="1" t="s">
        <v>13</v>
      </c>
      <c r="I3166" s="1" t="s">
        <v>12384</v>
      </c>
      <c r="J3166" s="1" t="s">
        <v>12490</v>
      </c>
    </row>
    <row r="3167" spans="1:10" x14ac:dyDescent="0.35">
      <c r="A3167" s="1" t="s">
        <v>12378</v>
      </c>
      <c r="B3167" s="1" t="s">
        <v>12379</v>
      </c>
      <c r="C3167" s="1" t="s">
        <v>160</v>
      </c>
      <c r="D3167" s="1" t="s">
        <v>12491</v>
      </c>
      <c r="E3167" s="1" t="s">
        <v>12480</v>
      </c>
      <c r="F3167" s="1" t="s">
        <v>12492</v>
      </c>
      <c r="G3167" s="1" t="s">
        <v>12383</v>
      </c>
      <c r="H3167" s="1" t="s">
        <v>13</v>
      </c>
      <c r="I3167" s="1" t="s">
        <v>12384</v>
      </c>
      <c r="J3167" s="1" t="s">
        <v>12493</v>
      </c>
    </row>
    <row r="3168" spans="1:10" x14ac:dyDescent="0.35">
      <c r="A3168" s="1" t="s">
        <v>12378</v>
      </c>
      <c r="B3168" s="1" t="s">
        <v>12379</v>
      </c>
      <c r="C3168" s="1" t="s">
        <v>165</v>
      </c>
      <c r="D3168" s="1" t="s">
        <v>12494</v>
      </c>
      <c r="E3168" s="1" t="s">
        <v>12495</v>
      </c>
      <c r="F3168" s="1" t="s">
        <v>12496</v>
      </c>
      <c r="G3168" s="1" t="s">
        <v>12383</v>
      </c>
      <c r="H3168" s="1" t="s">
        <v>13</v>
      </c>
      <c r="I3168" s="1" t="s">
        <v>12384</v>
      </c>
      <c r="J3168" s="1" t="s">
        <v>12497</v>
      </c>
    </row>
    <row r="3169" spans="1:10" x14ac:dyDescent="0.35">
      <c r="A3169" s="1" t="s">
        <v>12378</v>
      </c>
      <c r="B3169" s="1" t="s">
        <v>12379</v>
      </c>
      <c r="C3169" s="1" t="s">
        <v>170</v>
      </c>
      <c r="D3169" s="1" t="s">
        <v>12498</v>
      </c>
      <c r="E3169" s="1" t="s">
        <v>12406</v>
      </c>
      <c r="F3169" s="1" t="s">
        <v>12499</v>
      </c>
      <c r="G3169" s="1" t="s">
        <v>12383</v>
      </c>
      <c r="H3169" s="1" t="s">
        <v>13</v>
      </c>
      <c r="I3169" s="1" t="s">
        <v>12384</v>
      </c>
      <c r="J3169" s="1" t="s">
        <v>12500</v>
      </c>
    </row>
    <row r="3170" spans="1:10" x14ac:dyDescent="0.35">
      <c r="A3170" s="1" t="s">
        <v>12501</v>
      </c>
      <c r="B3170" s="1" t="s">
        <v>12502</v>
      </c>
      <c r="C3170" s="1" t="s">
        <v>8</v>
      </c>
      <c r="D3170" s="1" t="s">
        <v>12503</v>
      </c>
      <c r="E3170" s="1" t="s">
        <v>12504</v>
      </c>
      <c r="F3170" s="1" t="s">
        <v>12505</v>
      </c>
      <c r="G3170" s="1" t="s">
        <v>12506</v>
      </c>
      <c r="H3170" s="1" t="s">
        <v>13</v>
      </c>
      <c r="I3170" s="1" t="s">
        <v>12507</v>
      </c>
      <c r="J3170" s="1" t="s">
        <v>13</v>
      </c>
    </row>
    <row r="3171" spans="1:10" x14ac:dyDescent="0.35">
      <c r="A3171" s="1" t="s">
        <v>12501</v>
      </c>
      <c r="B3171" s="1" t="s">
        <v>12502</v>
      </c>
      <c r="C3171" s="1" t="s">
        <v>15</v>
      </c>
      <c r="D3171" s="1" t="s">
        <v>12508</v>
      </c>
      <c r="E3171" s="1" t="s">
        <v>12509</v>
      </c>
      <c r="F3171" s="1" t="s">
        <v>12510</v>
      </c>
      <c r="G3171" s="1" t="s">
        <v>12506</v>
      </c>
      <c r="H3171" s="1" t="s">
        <v>13</v>
      </c>
      <c r="I3171" s="1" t="s">
        <v>12507</v>
      </c>
      <c r="J3171" s="1" t="s">
        <v>12511</v>
      </c>
    </row>
    <row r="3172" spans="1:10" x14ac:dyDescent="0.35">
      <c r="A3172" s="1" t="s">
        <v>12501</v>
      </c>
      <c r="B3172" s="1" t="s">
        <v>12502</v>
      </c>
      <c r="C3172" s="1" t="s">
        <v>20</v>
      </c>
      <c r="D3172" s="1" t="s">
        <v>12512</v>
      </c>
      <c r="E3172" s="1" t="s">
        <v>12513</v>
      </c>
      <c r="F3172" s="1" t="s">
        <v>12514</v>
      </c>
      <c r="G3172" s="1" t="s">
        <v>12506</v>
      </c>
      <c r="H3172" s="1" t="s">
        <v>13</v>
      </c>
      <c r="I3172" s="1" t="s">
        <v>12507</v>
      </c>
      <c r="J3172" s="1" t="s">
        <v>12515</v>
      </c>
    </row>
    <row r="3173" spans="1:10" x14ac:dyDescent="0.35">
      <c r="A3173" s="1" t="s">
        <v>12501</v>
      </c>
      <c r="B3173" s="1" t="s">
        <v>12502</v>
      </c>
      <c r="C3173" s="1" t="s">
        <v>25</v>
      </c>
      <c r="D3173" s="1" t="s">
        <v>12516</v>
      </c>
      <c r="E3173" s="1" t="s">
        <v>12517</v>
      </c>
      <c r="F3173" s="1" t="s">
        <v>12518</v>
      </c>
      <c r="G3173" s="1" t="s">
        <v>12506</v>
      </c>
      <c r="H3173" s="1" t="s">
        <v>13</v>
      </c>
      <c r="I3173" s="1" t="s">
        <v>12507</v>
      </c>
      <c r="J3173" s="1" t="s">
        <v>12519</v>
      </c>
    </row>
    <row r="3174" spans="1:10" x14ac:dyDescent="0.35">
      <c r="A3174" s="1" t="s">
        <v>12501</v>
      </c>
      <c r="B3174" s="1" t="s">
        <v>12502</v>
      </c>
      <c r="C3174" s="1" t="s">
        <v>30</v>
      </c>
      <c r="D3174" s="1" t="s">
        <v>12520</v>
      </c>
      <c r="E3174" s="1" t="s">
        <v>12521</v>
      </c>
      <c r="F3174" s="1" t="s">
        <v>12522</v>
      </c>
      <c r="G3174" s="1" t="s">
        <v>12506</v>
      </c>
      <c r="H3174" s="1" t="s">
        <v>13</v>
      </c>
      <c r="I3174" s="1" t="s">
        <v>12507</v>
      </c>
      <c r="J3174" s="1" t="s">
        <v>12523</v>
      </c>
    </row>
    <row r="3175" spans="1:10" x14ac:dyDescent="0.35">
      <c r="A3175" s="1" t="s">
        <v>12501</v>
      </c>
      <c r="B3175" s="1" t="s">
        <v>12502</v>
      </c>
      <c r="C3175" s="1" t="s">
        <v>35</v>
      </c>
      <c r="D3175" s="1" t="s">
        <v>12524</v>
      </c>
      <c r="E3175" s="1" t="s">
        <v>12525</v>
      </c>
      <c r="F3175" s="1" t="s">
        <v>12526</v>
      </c>
      <c r="G3175" s="1" t="s">
        <v>12506</v>
      </c>
      <c r="H3175" s="1" t="s">
        <v>13</v>
      </c>
      <c r="I3175" s="1" t="s">
        <v>12507</v>
      </c>
      <c r="J3175" s="1" t="s">
        <v>12527</v>
      </c>
    </row>
    <row r="3176" spans="1:10" x14ac:dyDescent="0.35">
      <c r="A3176" s="1" t="s">
        <v>12501</v>
      </c>
      <c r="B3176" s="1" t="s">
        <v>12502</v>
      </c>
      <c r="C3176" s="1" t="s">
        <v>40</v>
      </c>
      <c r="D3176" s="1" t="s">
        <v>12528</v>
      </c>
      <c r="E3176" s="1" t="s">
        <v>12529</v>
      </c>
      <c r="F3176" s="1" t="s">
        <v>12530</v>
      </c>
      <c r="G3176" s="1" t="s">
        <v>12506</v>
      </c>
      <c r="H3176" s="1" t="s">
        <v>13</v>
      </c>
      <c r="I3176" s="1" t="s">
        <v>12507</v>
      </c>
      <c r="J3176" s="1" t="s">
        <v>12531</v>
      </c>
    </row>
    <row r="3177" spans="1:10" x14ac:dyDescent="0.35">
      <c r="A3177" s="1" t="s">
        <v>12501</v>
      </c>
      <c r="B3177" s="1" t="s">
        <v>12502</v>
      </c>
      <c r="C3177" s="1" t="s">
        <v>45</v>
      </c>
      <c r="D3177" s="1" t="s">
        <v>12532</v>
      </c>
      <c r="E3177" s="1" t="s">
        <v>12533</v>
      </c>
      <c r="F3177" s="1" t="s">
        <v>12534</v>
      </c>
      <c r="G3177" s="1" t="s">
        <v>12506</v>
      </c>
      <c r="H3177" s="1" t="s">
        <v>13</v>
      </c>
      <c r="I3177" s="1" t="s">
        <v>12507</v>
      </c>
      <c r="J3177" s="1" t="s">
        <v>12535</v>
      </c>
    </row>
    <row r="3178" spans="1:10" x14ac:dyDescent="0.35">
      <c r="A3178" s="1" t="s">
        <v>12501</v>
      </c>
      <c r="B3178" s="1" t="s">
        <v>12502</v>
      </c>
      <c r="C3178" s="1" t="s">
        <v>50</v>
      </c>
      <c r="D3178" s="1" t="s">
        <v>12536</v>
      </c>
      <c r="E3178" s="1" t="s">
        <v>12537</v>
      </c>
      <c r="F3178" s="1" t="s">
        <v>12538</v>
      </c>
      <c r="G3178" s="1" t="s">
        <v>12506</v>
      </c>
      <c r="H3178" s="1" t="s">
        <v>13</v>
      </c>
      <c r="I3178" s="1" t="s">
        <v>12507</v>
      </c>
      <c r="J3178" s="1" t="s">
        <v>12539</v>
      </c>
    </row>
    <row r="3179" spans="1:10" x14ac:dyDescent="0.35">
      <c r="A3179" s="1" t="s">
        <v>12501</v>
      </c>
      <c r="B3179" s="1" t="s">
        <v>12502</v>
      </c>
      <c r="C3179" s="1" t="s">
        <v>55</v>
      </c>
      <c r="D3179" s="1" t="s">
        <v>12540</v>
      </c>
      <c r="E3179" s="1" t="s">
        <v>12541</v>
      </c>
      <c r="F3179" s="1" t="s">
        <v>12542</v>
      </c>
      <c r="G3179" s="1" t="s">
        <v>12506</v>
      </c>
      <c r="H3179" s="1" t="s">
        <v>13</v>
      </c>
      <c r="I3179" s="1" t="s">
        <v>12507</v>
      </c>
      <c r="J3179" s="1" t="s">
        <v>12543</v>
      </c>
    </row>
    <row r="3180" spans="1:10" x14ac:dyDescent="0.35">
      <c r="A3180" s="1" t="s">
        <v>12501</v>
      </c>
      <c r="B3180" s="1" t="s">
        <v>12502</v>
      </c>
      <c r="C3180" s="1" t="s">
        <v>60</v>
      </c>
      <c r="D3180" s="1" t="s">
        <v>12287</v>
      </c>
      <c r="E3180" s="1" t="s">
        <v>12544</v>
      </c>
      <c r="F3180" s="1" t="s">
        <v>12545</v>
      </c>
      <c r="G3180" s="1" t="s">
        <v>12506</v>
      </c>
      <c r="H3180" s="1" t="s">
        <v>13</v>
      </c>
      <c r="I3180" s="1" t="s">
        <v>12507</v>
      </c>
      <c r="J3180" s="1" t="s">
        <v>12546</v>
      </c>
    </row>
    <row r="3181" spans="1:10" x14ac:dyDescent="0.35">
      <c r="A3181" s="1" t="s">
        <v>12501</v>
      </c>
      <c r="B3181" s="1" t="s">
        <v>12502</v>
      </c>
      <c r="C3181" s="1" t="s">
        <v>65</v>
      </c>
      <c r="D3181" s="1" t="s">
        <v>12287</v>
      </c>
      <c r="E3181" s="1" t="s">
        <v>12547</v>
      </c>
      <c r="F3181" s="1" t="s">
        <v>12548</v>
      </c>
      <c r="G3181" s="1" t="s">
        <v>12506</v>
      </c>
      <c r="H3181" s="1" t="s">
        <v>13</v>
      </c>
      <c r="I3181" s="1" t="s">
        <v>12507</v>
      </c>
      <c r="J3181" s="1" t="s">
        <v>1180</v>
      </c>
    </row>
    <row r="3182" spans="1:10" x14ac:dyDescent="0.35">
      <c r="A3182" s="1" t="s">
        <v>12501</v>
      </c>
      <c r="B3182" s="1" t="s">
        <v>12502</v>
      </c>
      <c r="C3182" s="1" t="s">
        <v>70</v>
      </c>
      <c r="D3182" s="1" t="s">
        <v>12549</v>
      </c>
      <c r="E3182" s="1" t="s">
        <v>12550</v>
      </c>
      <c r="F3182" s="1" t="s">
        <v>12551</v>
      </c>
      <c r="G3182" s="1" t="s">
        <v>12506</v>
      </c>
      <c r="H3182" s="1" t="s">
        <v>13</v>
      </c>
      <c r="I3182" s="1" t="s">
        <v>12507</v>
      </c>
      <c r="J3182" s="1" t="s">
        <v>12552</v>
      </c>
    </row>
    <row r="3183" spans="1:10" x14ac:dyDescent="0.35">
      <c r="A3183" s="1" t="s">
        <v>12501</v>
      </c>
      <c r="B3183" s="1" t="s">
        <v>12502</v>
      </c>
      <c r="C3183" s="1" t="s">
        <v>75</v>
      </c>
      <c r="D3183" s="1" t="s">
        <v>12553</v>
      </c>
      <c r="E3183" s="1" t="s">
        <v>12554</v>
      </c>
      <c r="F3183" s="1" t="s">
        <v>12555</v>
      </c>
      <c r="G3183" s="1" t="s">
        <v>12506</v>
      </c>
      <c r="H3183" s="1" t="s">
        <v>13</v>
      </c>
      <c r="I3183" s="1" t="s">
        <v>12507</v>
      </c>
      <c r="J3183" s="1" t="s">
        <v>12556</v>
      </c>
    </row>
    <row r="3184" spans="1:10" x14ac:dyDescent="0.35">
      <c r="A3184" s="1" t="s">
        <v>12501</v>
      </c>
      <c r="B3184" s="1" t="s">
        <v>12502</v>
      </c>
      <c r="C3184" s="1" t="s">
        <v>80</v>
      </c>
      <c r="D3184" s="1" t="s">
        <v>12557</v>
      </c>
      <c r="E3184" s="1" t="s">
        <v>12558</v>
      </c>
      <c r="F3184" s="1" t="s">
        <v>12559</v>
      </c>
      <c r="G3184" s="1" t="s">
        <v>12506</v>
      </c>
      <c r="H3184" s="1" t="s">
        <v>13</v>
      </c>
      <c r="I3184" s="1" t="s">
        <v>12507</v>
      </c>
      <c r="J3184" s="1" t="s">
        <v>12560</v>
      </c>
    </row>
    <row r="3185" spans="1:10" x14ac:dyDescent="0.35">
      <c r="A3185" s="1" t="s">
        <v>12501</v>
      </c>
      <c r="B3185" s="1" t="s">
        <v>12502</v>
      </c>
      <c r="C3185" s="1" t="s">
        <v>85</v>
      </c>
      <c r="D3185" s="1" t="s">
        <v>12561</v>
      </c>
      <c r="E3185" s="1" t="s">
        <v>12562</v>
      </c>
      <c r="F3185" s="1" t="s">
        <v>12563</v>
      </c>
      <c r="G3185" s="1" t="s">
        <v>12506</v>
      </c>
      <c r="H3185" s="1" t="s">
        <v>13</v>
      </c>
      <c r="I3185" s="1" t="s">
        <v>12507</v>
      </c>
      <c r="J3185" s="1" t="s">
        <v>12564</v>
      </c>
    </row>
    <row r="3186" spans="1:10" x14ac:dyDescent="0.35">
      <c r="A3186" s="1" t="s">
        <v>12501</v>
      </c>
      <c r="B3186" s="1" t="s">
        <v>12502</v>
      </c>
      <c r="C3186" s="1" t="s">
        <v>90</v>
      </c>
      <c r="D3186" s="1" t="s">
        <v>12565</v>
      </c>
      <c r="E3186" s="1" t="s">
        <v>12566</v>
      </c>
      <c r="F3186" s="1" t="s">
        <v>12567</v>
      </c>
      <c r="G3186" s="1" t="s">
        <v>12506</v>
      </c>
      <c r="H3186" s="1" t="s">
        <v>13</v>
      </c>
      <c r="I3186" s="1" t="s">
        <v>12507</v>
      </c>
      <c r="J3186" s="1" t="s">
        <v>12568</v>
      </c>
    </row>
    <row r="3187" spans="1:10" x14ac:dyDescent="0.35">
      <c r="A3187" s="1" t="s">
        <v>12501</v>
      </c>
      <c r="B3187" s="1" t="s">
        <v>12502</v>
      </c>
      <c r="C3187" s="1" t="s">
        <v>95</v>
      </c>
      <c r="D3187" s="1" t="s">
        <v>12569</v>
      </c>
      <c r="E3187" s="1" t="s">
        <v>12570</v>
      </c>
      <c r="F3187" s="1" t="s">
        <v>12571</v>
      </c>
      <c r="G3187" s="1" t="s">
        <v>12506</v>
      </c>
      <c r="H3187" s="1" t="s">
        <v>13</v>
      </c>
      <c r="I3187" s="1" t="s">
        <v>12507</v>
      </c>
      <c r="J3187" s="1" t="s">
        <v>12572</v>
      </c>
    </row>
    <row r="3188" spans="1:10" x14ac:dyDescent="0.35">
      <c r="A3188" s="1" t="s">
        <v>12501</v>
      </c>
      <c r="B3188" s="1" t="s">
        <v>12502</v>
      </c>
      <c r="C3188" s="1" t="s">
        <v>100</v>
      </c>
      <c r="D3188" s="1" t="s">
        <v>12573</v>
      </c>
      <c r="E3188" s="1" t="s">
        <v>12574</v>
      </c>
      <c r="F3188" s="1" t="s">
        <v>12575</v>
      </c>
      <c r="G3188" s="1" t="s">
        <v>12506</v>
      </c>
      <c r="H3188" s="1" t="s">
        <v>13</v>
      </c>
      <c r="I3188" s="1" t="s">
        <v>12507</v>
      </c>
      <c r="J3188" s="1" t="s">
        <v>12576</v>
      </c>
    </row>
    <row r="3189" spans="1:10" x14ac:dyDescent="0.35">
      <c r="A3189" s="1" t="s">
        <v>12501</v>
      </c>
      <c r="B3189" s="1" t="s">
        <v>12502</v>
      </c>
      <c r="C3189" s="1" t="s">
        <v>105</v>
      </c>
      <c r="D3189" s="1" t="s">
        <v>12577</v>
      </c>
      <c r="E3189" s="1" t="s">
        <v>12578</v>
      </c>
      <c r="F3189" s="1" t="s">
        <v>12579</v>
      </c>
      <c r="G3189" s="1" t="s">
        <v>12506</v>
      </c>
      <c r="H3189" s="1" t="s">
        <v>13</v>
      </c>
      <c r="I3189" s="1" t="s">
        <v>12507</v>
      </c>
      <c r="J3189" s="1" t="s">
        <v>12580</v>
      </c>
    </row>
    <row r="3190" spans="1:10" x14ac:dyDescent="0.35">
      <c r="A3190" s="1" t="s">
        <v>12501</v>
      </c>
      <c r="B3190" s="1" t="s">
        <v>12502</v>
      </c>
      <c r="C3190" s="1" t="s">
        <v>110</v>
      </c>
      <c r="D3190" s="1" t="s">
        <v>12581</v>
      </c>
      <c r="E3190" s="1" t="s">
        <v>12582</v>
      </c>
      <c r="F3190" s="1" t="s">
        <v>12583</v>
      </c>
      <c r="G3190" s="1" t="s">
        <v>12506</v>
      </c>
      <c r="H3190" s="1" t="s">
        <v>13</v>
      </c>
      <c r="I3190" s="1" t="s">
        <v>12507</v>
      </c>
      <c r="J3190" s="1" t="s">
        <v>12584</v>
      </c>
    </row>
    <row r="3191" spans="1:10" x14ac:dyDescent="0.35">
      <c r="A3191" s="1" t="s">
        <v>12501</v>
      </c>
      <c r="B3191" s="1" t="s">
        <v>12502</v>
      </c>
      <c r="C3191" s="1" t="s">
        <v>115</v>
      </c>
      <c r="D3191" s="1" t="s">
        <v>12585</v>
      </c>
      <c r="E3191" s="1" t="s">
        <v>12586</v>
      </c>
      <c r="F3191" s="1" t="s">
        <v>12587</v>
      </c>
      <c r="G3191" s="1" t="s">
        <v>12506</v>
      </c>
      <c r="H3191" s="1" t="s">
        <v>13</v>
      </c>
      <c r="I3191" s="1" t="s">
        <v>12507</v>
      </c>
      <c r="J3191" s="1" t="s">
        <v>12588</v>
      </c>
    </row>
    <row r="3192" spans="1:10" x14ac:dyDescent="0.35">
      <c r="A3192" s="1" t="s">
        <v>12501</v>
      </c>
      <c r="B3192" s="1" t="s">
        <v>12502</v>
      </c>
      <c r="C3192" s="1" t="s">
        <v>120</v>
      </c>
      <c r="D3192" s="1" t="s">
        <v>12589</v>
      </c>
      <c r="E3192" s="1" t="s">
        <v>12590</v>
      </c>
      <c r="F3192" s="1" t="s">
        <v>12591</v>
      </c>
      <c r="G3192" s="1" t="s">
        <v>12506</v>
      </c>
      <c r="H3192" s="1" t="s">
        <v>13</v>
      </c>
      <c r="I3192" s="1" t="s">
        <v>12507</v>
      </c>
      <c r="J3192" s="1" t="s">
        <v>12592</v>
      </c>
    </row>
    <row r="3193" spans="1:10" x14ac:dyDescent="0.35">
      <c r="A3193" s="1" t="s">
        <v>12501</v>
      </c>
      <c r="B3193" s="1" t="s">
        <v>12502</v>
      </c>
      <c r="C3193" s="1" t="s">
        <v>125</v>
      </c>
      <c r="D3193" s="1" t="s">
        <v>12593</v>
      </c>
      <c r="E3193" s="1" t="s">
        <v>12594</v>
      </c>
      <c r="F3193" s="1" t="s">
        <v>12595</v>
      </c>
      <c r="G3193" s="1" t="s">
        <v>12506</v>
      </c>
      <c r="H3193" s="1" t="s">
        <v>13</v>
      </c>
      <c r="I3193" s="1" t="s">
        <v>12507</v>
      </c>
      <c r="J3193" s="1" t="s">
        <v>12596</v>
      </c>
    </row>
    <row r="3194" spans="1:10" x14ac:dyDescent="0.35">
      <c r="A3194" s="1" t="s">
        <v>12501</v>
      </c>
      <c r="B3194" s="1" t="s">
        <v>12502</v>
      </c>
      <c r="C3194" s="1" t="s">
        <v>130</v>
      </c>
      <c r="D3194" s="1" t="s">
        <v>12597</v>
      </c>
      <c r="E3194" s="1" t="s">
        <v>12598</v>
      </c>
      <c r="F3194" s="1" t="s">
        <v>12599</v>
      </c>
      <c r="G3194" s="1" t="s">
        <v>12506</v>
      </c>
      <c r="H3194" s="1" t="s">
        <v>13</v>
      </c>
      <c r="I3194" s="1" t="s">
        <v>12507</v>
      </c>
      <c r="J3194" s="1" t="s">
        <v>12600</v>
      </c>
    </row>
    <row r="3195" spans="1:10" x14ac:dyDescent="0.35">
      <c r="A3195" s="1" t="s">
        <v>12501</v>
      </c>
      <c r="B3195" s="1" t="s">
        <v>12502</v>
      </c>
      <c r="C3195" s="1" t="s">
        <v>135</v>
      </c>
      <c r="D3195" s="1" t="s">
        <v>12601</v>
      </c>
      <c r="E3195" s="1" t="s">
        <v>12602</v>
      </c>
      <c r="F3195" s="1" t="s">
        <v>12603</v>
      </c>
      <c r="G3195" s="1" t="s">
        <v>12506</v>
      </c>
      <c r="H3195" s="1" t="s">
        <v>13</v>
      </c>
      <c r="I3195" s="1" t="s">
        <v>12507</v>
      </c>
      <c r="J3195" s="1" t="s">
        <v>12604</v>
      </c>
    </row>
    <row r="3196" spans="1:10" x14ac:dyDescent="0.35">
      <c r="A3196" s="1" t="s">
        <v>12501</v>
      </c>
      <c r="B3196" s="1" t="s">
        <v>12502</v>
      </c>
      <c r="C3196" s="1" t="s">
        <v>140</v>
      </c>
      <c r="D3196" s="1" t="s">
        <v>12605</v>
      </c>
      <c r="E3196" s="1" t="s">
        <v>12606</v>
      </c>
      <c r="F3196" s="1" t="s">
        <v>12607</v>
      </c>
      <c r="G3196" s="1" t="s">
        <v>12506</v>
      </c>
      <c r="H3196" s="1" t="s">
        <v>13</v>
      </c>
      <c r="I3196" s="1" t="s">
        <v>12507</v>
      </c>
      <c r="J3196" s="1" t="s">
        <v>12608</v>
      </c>
    </row>
    <row r="3197" spans="1:10" x14ac:dyDescent="0.35">
      <c r="A3197" s="1" t="s">
        <v>12501</v>
      </c>
      <c r="B3197" s="1" t="s">
        <v>12502</v>
      </c>
      <c r="C3197" s="1" t="s">
        <v>145</v>
      </c>
      <c r="D3197" s="1" t="s">
        <v>12609</v>
      </c>
      <c r="E3197" s="1" t="s">
        <v>12610</v>
      </c>
      <c r="F3197" s="1" t="s">
        <v>12611</v>
      </c>
      <c r="G3197" s="1" t="s">
        <v>12506</v>
      </c>
      <c r="H3197" s="1" t="s">
        <v>13</v>
      </c>
      <c r="I3197" s="1" t="s">
        <v>12507</v>
      </c>
      <c r="J3197" s="1" t="s">
        <v>12612</v>
      </c>
    </row>
    <row r="3198" spans="1:10" x14ac:dyDescent="0.35">
      <c r="A3198" s="1" t="s">
        <v>12501</v>
      </c>
      <c r="B3198" s="1" t="s">
        <v>12502</v>
      </c>
      <c r="C3198" s="1" t="s">
        <v>150</v>
      </c>
      <c r="D3198" s="1" t="s">
        <v>12613</v>
      </c>
      <c r="E3198" s="1" t="s">
        <v>12614</v>
      </c>
      <c r="F3198" s="1" t="s">
        <v>12615</v>
      </c>
      <c r="G3198" s="1" t="s">
        <v>12506</v>
      </c>
      <c r="H3198" s="1" t="s">
        <v>13</v>
      </c>
      <c r="I3198" s="1" t="s">
        <v>12507</v>
      </c>
      <c r="J3198" s="1" t="s">
        <v>12616</v>
      </c>
    </row>
    <row r="3199" spans="1:10" x14ac:dyDescent="0.35">
      <c r="A3199" s="1" t="s">
        <v>12501</v>
      </c>
      <c r="B3199" s="1" t="s">
        <v>12502</v>
      </c>
      <c r="C3199" s="1" t="s">
        <v>155</v>
      </c>
      <c r="D3199" s="1" t="s">
        <v>12617</v>
      </c>
      <c r="E3199" s="1" t="s">
        <v>12618</v>
      </c>
      <c r="F3199" s="1" t="s">
        <v>12619</v>
      </c>
      <c r="G3199" s="1" t="s">
        <v>12506</v>
      </c>
      <c r="H3199" s="1" t="s">
        <v>13</v>
      </c>
      <c r="I3199" s="1" t="s">
        <v>12507</v>
      </c>
      <c r="J3199" s="1" t="s">
        <v>12620</v>
      </c>
    </row>
    <row r="3200" spans="1:10" x14ac:dyDescent="0.35">
      <c r="A3200" s="1" t="s">
        <v>12501</v>
      </c>
      <c r="B3200" s="1" t="s">
        <v>12502</v>
      </c>
      <c r="C3200" s="1" t="s">
        <v>160</v>
      </c>
      <c r="D3200" s="1" t="s">
        <v>12621</v>
      </c>
      <c r="E3200" s="1" t="s">
        <v>12622</v>
      </c>
      <c r="F3200" s="1" t="s">
        <v>12623</v>
      </c>
      <c r="G3200" s="1" t="s">
        <v>12506</v>
      </c>
      <c r="H3200" s="1" t="s">
        <v>13</v>
      </c>
      <c r="I3200" s="1" t="s">
        <v>12507</v>
      </c>
      <c r="J3200" s="1" t="s">
        <v>12624</v>
      </c>
    </row>
    <row r="3201" spans="1:10" x14ac:dyDescent="0.35">
      <c r="A3201" s="1" t="s">
        <v>12501</v>
      </c>
      <c r="B3201" s="1" t="s">
        <v>12502</v>
      </c>
      <c r="C3201" s="1" t="s">
        <v>165</v>
      </c>
      <c r="D3201" s="1" t="s">
        <v>12625</v>
      </c>
      <c r="E3201" s="1" t="s">
        <v>12626</v>
      </c>
      <c r="F3201" s="1" t="s">
        <v>12627</v>
      </c>
      <c r="G3201" s="1" t="s">
        <v>12506</v>
      </c>
      <c r="H3201" s="1" t="s">
        <v>13</v>
      </c>
      <c r="I3201" s="1" t="s">
        <v>12507</v>
      </c>
      <c r="J3201" s="1" t="s">
        <v>12628</v>
      </c>
    </row>
    <row r="3202" spans="1:10" x14ac:dyDescent="0.35">
      <c r="A3202" s="1" t="s">
        <v>12501</v>
      </c>
      <c r="B3202" s="1" t="s">
        <v>12502</v>
      </c>
      <c r="C3202" s="1" t="s">
        <v>170</v>
      </c>
      <c r="D3202" s="1" t="s">
        <v>12629</v>
      </c>
      <c r="E3202" s="1" t="s">
        <v>12630</v>
      </c>
      <c r="F3202" s="1" t="s">
        <v>12631</v>
      </c>
      <c r="G3202" s="1" t="s">
        <v>12506</v>
      </c>
      <c r="H3202" s="1" t="s">
        <v>13</v>
      </c>
      <c r="I3202" s="1" t="s">
        <v>12507</v>
      </c>
      <c r="J3202" s="1" t="s">
        <v>12632</v>
      </c>
    </row>
    <row r="3203" spans="1:10" x14ac:dyDescent="0.35">
      <c r="A3203" s="1" t="s">
        <v>12633</v>
      </c>
      <c r="B3203" s="1" t="s">
        <v>12634</v>
      </c>
      <c r="C3203" s="1" t="s">
        <v>8</v>
      </c>
      <c r="D3203" s="1" t="s">
        <v>12635</v>
      </c>
      <c r="E3203" s="1" t="s">
        <v>515</v>
      </c>
      <c r="F3203" s="1" t="s">
        <v>12636</v>
      </c>
      <c r="G3203" s="1" t="s">
        <v>12637</v>
      </c>
      <c r="H3203" s="1" t="s">
        <v>13</v>
      </c>
      <c r="I3203" s="1" t="s">
        <v>12638</v>
      </c>
      <c r="J3203" s="1" t="s">
        <v>13</v>
      </c>
    </row>
    <row r="3204" spans="1:10" x14ac:dyDescent="0.35">
      <c r="A3204" s="1" t="s">
        <v>12633</v>
      </c>
      <c r="B3204" s="1" t="s">
        <v>12634</v>
      </c>
      <c r="C3204" s="1" t="s">
        <v>15</v>
      </c>
      <c r="D3204" s="1" t="s">
        <v>12639</v>
      </c>
      <c r="E3204" s="1" t="s">
        <v>12640</v>
      </c>
      <c r="F3204" s="1" t="s">
        <v>12641</v>
      </c>
      <c r="G3204" s="1" t="s">
        <v>12637</v>
      </c>
      <c r="H3204" s="1" t="s">
        <v>13</v>
      </c>
      <c r="I3204" s="1" t="s">
        <v>12638</v>
      </c>
      <c r="J3204" s="1" t="s">
        <v>12642</v>
      </c>
    </row>
    <row r="3205" spans="1:10" x14ac:dyDescent="0.35">
      <c r="A3205" s="1" t="s">
        <v>12633</v>
      </c>
      <c r="B3205" s="1" t="s">
        <v>12634</v>
      </c>
      <c r="C3205" s="1" t="s">
        <v>20</v>
      </c>
      <c r="D3205" s="1" t="s">
        <v>12643</v>
      </c>
      <c r="E3205" s="1" t="s">
        <v>12644</v>
      </c>
      <c r="F3205" s="1" t="s">
        <v>12645</v>
      </c>
      <c r="G3205" s="1" t="s">
        <v>12637</v>
      </c>
      <c r="H3205" s="1" t="s">
        <v>13</v>
      </c>
      <c r="I3205" s="1" t="s">
        <v>12638</v>
      </c>
      <c r="J3205" s="1" t="s">
        <v>12646</v>
      </c>
    </row>
    <row r="3206" spans="1:10" x14ac:dyDescent="0.35">
      <c r="A3206" s="1" t="s">
        <v>12633</v>
      </c>
      <c r="B3206" s="1" t="s">
        <v>12634</v>
      </c>
      <c r="C3206" s="1" t="s">
        <v>25</v>
      </c>
      <c r="D3206" s="1" t="s">
        <v>12647</v>
      </c>
      <c r="E3206" s="1" t="s">
        <v>12648</v>
      </c>
      <c r="F3206" s="1" t="s">
        <v>12649</v>
      </c>
      <c r="G3206" s="1" t="s">
        <v>12637</v>
      </c>
      <c r="H3206" s="1" t="s">
        <v>13</v>
      </c>
      <c r="I3206" s="1" t="s">
        <v>12638</v>
      </c>
      <c r="J3206" s="1" t="s">
        <v>12650</v>
      </c>
    </row>
    <row r="3207" spans="1:10" x14ac:dyDescent="0.35">
      <c r="A3207" s="1" t="s">
        <v>12633</v>
      </c>
      <c r="B3207" s="1" t="s">
        <v>12634</v>
      </c>
      <c r="C3207" s="1" t="s">
        <v>30</v>
      </c>
      <c r="D3207" s="1" t="s">
        <v>12651</v>
      </c>
      <c r="E3207" s="1" t="s">
        <v>12644</v>
      </c>
      <c r="F3207" s="1" t="s">
        <v>12652</v>
      </c>
      <c r="G3207" s="1" t="s">
        <v>12637</v>
      </c>
      <c r="H3207" s="1" t="s">
        <v>13</v>
      </c>
      <c r="I3207" s="1" t="s">
        <v>12638</v>
      </c>
      <c r="J3207" s="1" t="s">
        <v>12653</v>
      </c>
    </row>
    <row r="3208" spans="1:10" x14ac:dyDescent="0.35">
      <c r="A3208" s="1" t="s">
        <v>12633</v>
      </c>
      <c r="B3208" s="1" t="s">
        <v>12634</v>
      </c>
      <c r="C3208" s="1" t="s">
        <v>35</v>
      </c>
      <c r="D3208" s="1" t="s">
        <v>12654</v>
      </c>
      <c r="E3208" s="1" t="s">
        <v>12655</v>
      </c>
      <c r="F3208" s="1" t="s">
        <v>12656</v>
      </c>
      <c r="G3208" s="1" t="s">
        <v>12637</v>
      </c>
      <c r="H3208" s="1" t="s">
        <v>13</v>
      </c>
      <c r="I3208" s="1" t="s">
        <v>12638</v>
      </c>
      <c r="J3208" s="1" t="s">
        <v>12657</v>
      </c>
    </row>
    <row r="3209" spans="1:10" x14ac:dyDescent="0.35">
      <c r="A3209" s="1" t="s">
        <v>12633</v>
      </c>
      <c r="B3209" s="1" t="s">
        <v>12634</v>
      </c>
      <c r="C3209" s="1" t="s">
        <v>40</v>
      </c>
      <c r="D3209" s="1" t="s">
        <v>12283</v>
      </c>
      <c r="E3209" s="1" t="s">
        <v>12658</v>
      </c>
      <c r="F3209" s="1" t="s">
        <v>12659</v>
      </c>
      <c r="G3209" s="1" t="s">
        <v>12637</v>
      </c>
      <c r="H3209" s="1" t="s">
        <v>13</v>
      </c>
      <c r="I3209" s="1" t="s">
        <v>12638</v>
      </c>
      <c r="J3209" s="1" t="s">
        <v>12660</v>
      </c>
    </row>
    <row r="3210" spans="1:10" x14ac:dyDescent="0.35">
      <c r="A3210" s="1" t="s">
        <v>12633</v>
      </c>
      <c r="B3210" s="1" t="s">
        <v>12634</v>
      </c>
      <c r="C3210" s="1" t="s">
        <v>45</v>
      </c>
      <c r="D3210" s="1" t="s">
        <v>12661</v>
      </c>
      <c r="E3210" s="1" t="s">
        <v>12662</v>
      </c>
      <c r="F3210" s="1" t="s">
        <v>12663</v>
      </c>
      <c r="G3210" s="1" t="s">
        <v>12637</v>
      </c>
      <c r="H3210" s="1" t="s">
        <v>13</v>
      </c>
      <c r="I3210" s="1" t="s">
        <v>12638</v>
      </c>
      <c r="J3210" s="1" t="s">
        <v>12664</v>
      </c>
    </row>
    <row r="3211" spans="1:10" x14ac:dyDescent="0.35">
      <c r="A3211" s="1" t="s">
        <v>12633</v>
      </c>
      <c r="B3211" s="1" t="s">
        <v>12634</v>
      </c>
      <c r="C3211" s="1" t="s">
        <v>50</v>
      </c>
      <c r="D3211" s="1" t="s">
        <v>12287</v>
      </c>
      <c r="E3211" s="1" t="s">
        <v>7970</v>
      </c>
      <c r="F3211" s="1" t="s">
        <v>12665</v>
      </c>
      <c r="G3211" s="1" t="s">
        <v>12637</v>
      </c>
      <c r="H3211" s="1" t="s">
        <v>13</v>
      </c>
      <c r="I3211" s="1" t="s">
        <v>12638</v>
      </c>
      <c r="J3211" s="1" t="s">
        <v>12666</v>
      </c>
    </row>
    <row r="3212" spans="1:10" x14ac:dyDescent="0.35">
      <c r="A3212" s="1" t="s">
        <v>12633</v>
      </c>
      <c r="B3212" s="1" t="s">
        <v>12634</v>
      </c>
      <c r="C3212" s="1" t="s">
        <v>55</v>
      </c>
      <c r="D3212" s="1" t="s">
        <v>12667</v>
      </c>
      <c r="E3212" s="1" t="s">
        <v>519</v>
      </c>
      <c r="F3212" s="1" t="s">
        <v>12668</v>
      </c>
      <c r="G3212" s="1" t="s">
        <v>12637</v>
      </c>
      <c r="H3212" s="1" t="s">
        <v>13</v>
      </c>
      <c r="I3212" s="1" t="s">
        <v>12638</v>
      </c>
      <c r="J3212" s="1" t="s">
        <v>12669</v>
      </c>
    </row>
    <row r="3213" spans="1:10" x14ac:dyDescent="0.35">
      <c r="A3213" s="1" t="s">
        <v>12633</v>
      </c>
      <c r="B3213" s="1" t="s">
        <v>12634</v>
      </c>
      <c r="C3213" s="1" t="s">
        <v>60</v>
      </c>
      <c r="D3213" s="1" t="s">
        <v>12670</v>
      </c>
      <c r="E3213" s="1" t="s">
        <v>12671</v>
      </c>
      <c r="F3213" s="1" t="s">
        <v>12672</v>
      </c>
      <c r="G3213" s="1" t="s">
        <v>12637</v>
      </c>
      <c r="H3213" s="1" t="s">
        <v>13</v>
      </c>
      <c r="I3213" s="1" t="s">
        <v>12638</v>
      </c>
      <c r="J3213" s="1" t="s">
        <v>12673</v>
      </c>
    </row>
    <row r="3214" spans="1:10" x14ac:dyDescent="0.35">
      <c r="A3214" s="1" t="s">
        <v>12633</v>
      </c>
      <c r="B3214" s="1" t="s">
        <v>12634</v>
      </c>
      <c r="C3214" s="1" t="s">
        <v>65</v>
      </c>
      <c r="D3214" s="1" t="s">
        <v>12674</v>
      </c>
      <c r="E3214" s="1" t="s">
        <v>12150</v>
      </c>
      <c r="F3214" s="1" t="s">
        <v>12675</v>
      </c>
      <c r="G3214" s="1" t="s">
        <v>12637</v>
      </c>
      <c r="H3214" s="1" t="s">
        <v>13</v>
      </c>
      <c r="I3214" s="1" t="s">
        <v>12638</v>
      </c>
      <c r="J3214" s="1" t="s">
        <v>12676</v>
      </c>
    </row>
    <row r="3215" spans="1:10" x14ac:dyDescent="0.35">
      <c r="A3215" s="1" t="s">
        <v>12633</v>
      </c>
      <c r="B3215" s="1" t="s">
        <v>12634</v>
      </c>
      <c r="C3215" s="1" t="s">
        <v>70</v>
      </c>
      <c r="D3215" s="1" t="s">
        <v>12677</v>
      </c>
      <c r="E3215" s="1" t="s">
        <v>7947</v>
      </c>
      <c r="F3215" s="1" t="s">
        <v>12678</v>
      </c>
      <c r="G3215" s="1" t="s">
        <v>12637</v>
      </c>
      <c r="H3215" s="1" t="s">
        <v>13</v>
      </c>
      <c r="I3215" s="1" t="s">
        <v>12638</v>
      </c>
      <c r="J3215" s="1" t="s">
        <v>12679</v>
      </c>
    </row>
    <row r="3216" spans="1:10" x14ac:dyDescent="0.35">
      <c r="A3216" s="1" t="s">
        <v>12633</v>
      </c>
      <c r="B3216" s="1" t="s">
        <v>12634</v>
      </c>
      <c r="C3216" s="1" t="s">
        <v>75</v>
      </c>
      <c r="D3216" s="1" t="s">
        <v>12536</v>
      </c>
      <c r="E3216" s="1" t="s">
        <v>12680</v>
      </c>
      <c r="F3216" s="1" t="s">
        <v>12681</v>
      </c>
      <c r="G3216" s="1" t="s">
        <v>12637</v>
      </c>
      <c r="H3216" s="1" t="s">
        <v>13</v>
      </c>
      <c r="I3216" s="1" t="s">
        <v>12638</v>
      </c>
      <c r="J3216" s="1" t="s">
        <v>12682</v>
      </c>
    </row>
    <row r="3217" spans="1:10" x14ac:dyDescent="0.35">
      <c r="A3217" s="1" t="s">
        <v>12633</v>
      </c>
      <c r="B3217" s="1" t="s">
        <v>12634</v>
      </c>
      <c r="C3217" s="1" t="s">
        <v>80</v>
      </c>
      <c r="D3217" s="1" t="s">
        <v>12683</v>
      </c>
      <c r="E3217" s="1" t="s">
        <v>12684</v>
      </c>
      <c r="F3217" s="1" t="s">
        <v>12685</v>
      </c>
      <c r="G3217" s="1" t="s">
        <v>12637</v>
      </c>
      <c r="H3217" s="1" t="s">
        <v>13</v>
      </c>
      <c r="I3217" s="1" t="s">
        <v>12638</v>
      </c>
      <c r="J3217" s="1" t="s">
        <v>12686</v>
      </c>
    </row>
    <row r="3218" spans="1:10" x14ac:dyDescent="0.35">
      <c r="A3218" s="1" t="s">
        <v>12633</v>
      </c>
      <c r="B3218" s="1" t="s">
        <v>12634</v>
      </c>
      <c r="C3218" s="1" t="s">
        <v>85</v>
      </c>
      <c r="D3218" s="1" t="s">
        <v>12687</v>
      </c>
      <c r="E3218" s="1" t="s">
        <v>12173</v>
      </c>
      <c r="F3218" s="1" t="s">
        <v>12688</v>
      </c>
      <c r="G3218" s="1" t="s">
        <v>12637</v>
      </c>
      <c r="H3218" s="1" t="s">
        <v>13</v>
      </c>
      <c r="I3218" s="1" t="s">
        <v>12638</v>
      </c>
      <c r="J3218" s="1" t="s">
        <v>12689</v>
      </c>
    </row>
    <row r="3219" spans="1:10" x14ac:dyDescent="0.35">
      <c r="A3219" s="1" t="s">
        <v>12633</v>
      </c>
      <c r="B3219" s="1" t="s">
        <v>12634</v>
      </c>
      <c r="C3219" s="1" t="s">
        <v>90</v>
      </c>
      <c r="D3219" s="1" t="s">
        <v>12690</v>
      </c>
      <c r="E3219" s="1" t="s">
        <v>12691</v>
      </c>
      <c r="F3219" s="1" t="s">
        <v>12692</v>
      </c>
      <c r="G3219" s="1" t="s">
        <v>12637</v>
      </c>
      <c r="H3219" s="1" t="s">
        <v>13</v>
      </c>
      <c r="I3219" s="1" t="s">
        <v>12638</v>
      </c>
      <c r="J3219" s="1" t="s">
        <v>12693</v>
      </c>
    </row>
    <row r="3220" spans="1:10" x14ac:dyDescent="0.35">
      <c r="A3220" s="1" t="s">
        <v>12633</v>
      </c>
      <c r="B3220" s="1" t="s">
        <v>12634</v>
      </c>
      <c r="C3220" s="1" t="s">
        <v>95</v>
      </c>
      <c r="D3220" s="1" t="s">
        <v>12694</v>
      </c>
      <c r="E3220" s="1" t="s">
        <v>12695</v>
      </c>
      <c r="F3220" s="1" t="s">
        <v>12696</v>
      </c>
      <c r="G3220" s="1" t="s">
        <v>12637</v>
      </c>
      <c r="H3220" s="1" t="s">
        <v>13</v>
      </c>
      <c r="I3220" s="1" t="s">
        <v>12638</v>
      </c>
      <c r="J3220" s="1" t="s">
        <v>12697</v>
      </c>
    </row>
    <row r="3221" spans="1:10" x14ac:dyDescent="0.35">
      <c r="A3221" s="1" t="s">
        <v>12633</v>
      </c>
      <c r="B3221" s="1" t="s">
        <v>12634</v>
      </c>
      <c r="C3221" s="1" t="s">
        <v>100</v>
      </c>
      <c r="D3221" s="1" t="s">
        <v>12698</v>
      </c>
      <c r="E3221" s="1" t="s">
        <v>12699</v>
      </c>
      <c r="F3221" s="1" t="s">
        <v>12700</v>
      </c>
      <c r="G3221" s="1" t="s">
        <v>12637</v>
      </c>
      <c r="H3221" s="1" t="s">
        <v>13</v>
      </c>
      <c r="I3221" s="1" t="s">
        <v>12638</v>
      </c>
      <c r="J3221" s="1" t="s">
        <v>12701</v>
      </c>
    </row>
    <row r="3222" spans="1:10" x14ac:dyDescent="0.35">
      <c r="A3222" s="1" t="s">
        <v>12633</v>
      </c>
      <c r="B3222" s="1" t="s">
        <v>12634</v>
      </c>
      <c r="C3222" s="1" t="s">
        <v>105</v>
      </c>
      <c r="D3222" s="1" t="s">
        <v>12702</v>
      </c>
      <c r="E3222" s="1" t="s">
        <v>12703</v>
      </c>
      <c r="F3222" s="1" t="s">
        <v>12704</v>
      </c>
      <c r="G3222" s="1" t="s">
        <v>12637</v>
      </c>
      <c r="H3222" s="1" t="s">
        <v>13</v>
      </c>
      <c r="I3222" s="1" t="s">
        <v>12638</v>
      </c>
      <c r="J3222" s="1" t="s">
        <v>12705</v>
      </c>
    </row>
    <row r="3223" spans="1:10" x14ac:dyDescent="0.35">
      <c r="A3223" s="1" t="s">
        <v>12633</v>
      </c>
      <c r="B3223" s="1" t="s">
        <v>12634</v>
      </c>
      <c r="C3223" s="1" t="s">
        <v>110</v>
      </c>
      <c r="D3223" s="1" t="s">
        <v>12706</v>
      </c>
      <c r="E3223" s="1" t="s">
        <v>12707</v>
      </c>
      <c r="F3223" s="1" t="s">
        <v>12708</v>
      </c>
      <c r="G3223" s="1" t="s">
        <v>12637</v>
      </c>
      <c r="H3223" s="1" t="s">
        <v>13</v>
      </c>
      <c r="I3223" s="1" t="s">
        <v>12638</v>
      </c>
      <c r="J3223" s="1" t="s">
        <v>12709</v>
      </c>
    </row>
    <row r="3224" spans="1:10" x14ac:dyDescent="0.35">
      <c r="A3224" s="1" t="s">
        <v>12633</v>
      </c>
      <c r="B3224" s="1" t="s">
        <v>12634</v>
      </c>
      <c r="C3224" s="1" t="s">
        <v>115</v>
      </c>
      <c r="D3224" s="1" t="s">
        <v>12710</v>
      </c>
      <c r="E3224" s="1" t="s">
        <v>8003</v>
      </c>
      <c r="F3224" s="1" t="s">
        <v>12711</v>
      </c>
      <c r="G3224" s="1" t="s">
        <v>12637</v>
      </c>
      <c r="H3224" s="1" t="s">
        <v>13</v>
      </c>
      <c r="I3224" s="1" t="s">
        <v>12638</v>
      </c>
      <c r="J3224" s="1" t="s">
        <v>12712</v>
      </c>
    </row>
    <row r="3225" spans="1:10" x14ac:dyDescent="0.35">
      <c r="A3225" s="1" t="s">
        <v>12633</v>
      </c>
      <c r="B3225" s="1" t="s">
        <v>12634</v>
      </c>
      <c r="C3225" s="1" t="s">
        <v>120</v>
      </c>
      <c r="D3225" s="1" t="s">
        <v>12713</v>
      </c>
      <c r="E3225" s="1" t="s">
        <v>12714</v>
      </c>
      <c r="F3225" s="1" t="s">
        <v>12715</v>
      </c>
      <c r="G3225" s="1" t="s">
        <v>12637</v>
      </c>
      <c r="H3225" s="1" t="s">
        <v>13</v>
      </c>
      <c r="I3225" s="1" t="s">
        <v>12638</v>
      </c>
      <c r="J3225" s="1" t="s">
        <v>12716</v>
      </c>
    </row>
    <row r="3226" spans="1:10" x14ac:dyDescent="0.35">
      <c r="A3226" s="1" t="s">
        <v>12633</v>
      </c>
      <c r="B3226" s="1" t="s">
        <v>12634</v>
      </c>
      <c r="C3226" s="1" t="s">
        <v>125</v>
      </c>
      <c r="D3226" s="1" t="s">
        <v>12319</v>
      </c>
      <c r="E3226" s="1" t="s">
        <v>12717</v>
      </c>
      <c r="F3226" s="1" t="s">
        <v>12718</v>
      </c>
      <c r="G3226" s="1" t="s">
        <v>12637</v>
      </c>
      <c r="H3226" s="1" t="s">
        <v>13</v>
      </c>
      <c r="I3226" s="1" t="s">
        <v>12638</v>
      </c>
      <c r="J3226" s="1" t="s">
        <v>12719</v>
      </c>
    </row>
    <row r="3227" spans="1:10" x14ac:dyDescent="0.35">
      <c r="A3227" s="1" t="s">
        <v>12633</v>
      </c>
      <c r="B3227" s="1" t="s">
        <v>12634</v>
      </c>
      <c r="C3227" s="1" t="s">
        <v>130</v>
      </c>
      <c r="D3227" s="1" t="s">
        <v>12720</v>
      </c>
      <c r="E3227" s="1" t="s">
        <v>12721</v>
      </c>
      <c r="F3227" s="1" t="s">
        <v>12722</v>
      </c>
      <c r="G3227" s="1" t="s">
        <v>12637</v>
      </c>
      <c r="H3227" s="1" t="s">
        <v>13</v>
      </c>
      <c r="I3227" s="1" t="s">
        <v>12638</v>
      </c>
      <c r="J3227" s="1" t="s">
        <v>12723</v>
      </c>
    </row>
    <row r="3228" spans="1:10" x14ac:dyDescent="0.35">
      <c r="A3228" s="1" t="s">
        <v>12633</v>
      </c>
      <c r="B3228" s="1" t="s">
        <v>12634</v>
      </c>
      <c r="C3228" s="1" t="s">
        <v>135</v>
      </c>
      <c r="D3228" s="1" t="s">
        <v>12724</v>
      </c>
      <c r="E3228" s="1" t="s">
        <v>8615</v>
      </c>
      <c r="F3228" s="1" t="s">
        <v>12725</v>
      </c>
      <c r="G3228" s="1" t="s">
        <v>12637</v>
      </c>
      <c r="H3228" s="1" t="s">
        <v>13</v>
      </c>
      <c r="I3228" s="1" t="s">
        <v>12638</v>
      </c>
      <c r="J3228" s="1" t="s">
        <v>12726</v>
      </c>
    </row>
    <row r="3229" spans="1:10" x14ac:dyDescent="0.35">
      <c r="A3229" s="1" t="s">
        <v>12633</v>
      </c>
      <c r="B3229" s="1" t="s">
        <v>12634</v>
      </c>
      <c r="C3229" s="1" t="s">
        <v>140</v>
      </c>
      <c r="D3229" s="1" t="s">
        <v>12727</v>
      </c>
      <c r="E3229" s="1" t="s">
        <v>12728</v>
      </c>
      <c r="F3229" s="1" t="s">
        <v>12729</v>
      </c>
      <c r="G3229" s="1" t="s">
        <v>12637</v>
      </c>
      <c r="H3229" s="1" t="s">
        <v>13</v>
      </c>
      <c r="I3229" s="1" t="s">
        <v>12638</v>
      </c>
      <c r="J3229" s="1" t="s">
        <v>12730</v>
      </c>
    </row>
    <row r="3230" spans="1:10" x14ac:dyDescent="0.35">
      <c r="A3230" s="1" t="s">
        <v>12633</v>
      </c>
      <c r="B3230" s="1" t="s">
        <v>12634</v>
      </c>
      <c r="C3230" s="1" t="s">
        <v>145</v>
      </c>
      <c r="D3230" s="1" t="s">
        <v>12731</v>
      </c>
      <c r="E3230" s="1" t="s">
        <v>12732</v>
      </c>
      <c r="F3230" s="1" t="s">
        <v>12733</v>
      </c>
      <c r="G3230" s="1" t="s">
        <v>12637</v>
      </c>
      <c r="H3230" s="1" t="s">
        <v>13</v>
      </c>
      <c r="I3230" s="1" t="s">
        <v>12638</v>
      </c>
      <c r="J3230" s="1" t="s">
        <v>12734</v>
      </c>
    </row>
    <row r="3231" spans="1:10" x14ac:dyDescent="0.35">
      <c r="A3231" s="1" t="s">
        <v>12633</v>
      </c>
      <c r="B3231" s="1" t="s">
        <v>12634</v>
      </c>
      <c r="C3231" s="1" t="s">
        <v>150</v>
      </c>
      <c r="D3231" s="1" t="s">
        <v>12735</v>
      </c>
      <c r="E3231" s="1" t="s">
        <v>12234</v>
      </c>
      <c r="F3231" s="1" t="s">
        <v>12736</v>
      </c>
      <c r="G3231" s="1" t="s">
        <v>12637</v>
      </c>
      <c r="H3231" s="1" t="s">
        <v>13</v>
      </c>
      <c r="I3231" s="1" t="s">
        <v>12638</v>
      </c>
      <c r="J3231" s="1" t="s">
        <v>12737</v>
      </c>
    </row>
    <row r="3232" spans="1:10" x14ac:dyDescent="0.35">
      <c r="A3232" s="1" t="s">
        <v>12633</v>
      </c>
      <c r="B3232" s="1" t="s">
        <v>12634</v>
      </c>
      <c r="C3232" s="1" t="s">
        <v>155</v>
      </c>
      <c r="D3232" s="1" t="s">
        <v>12738</v>
      </c>
      <c r="E3232" s="1" t="s">
        <v>12739</v>
      </c>
      <c r="F3232" s="1" t="s">
        <v>12740</v>
      </c>
      <c r="G3232" s="1" t="s">
        <v>12637</v>
      </c>
      <c r="H3232" s="1" t="s">
        <v>13</v>
      </c>
      <c r="I3232" s="1" t="s">
        <v>12638</v>
      </c>
      <c r="J3232" s="1" t="s">
        <v>12741</v>
      </c>
    </row>
    <row r="3233" spans="1:10" x14ac:dyDescent="0.35">
      <c r="A3233" s="1" t="s">
        <v>12633</v>
      </c>
      <c r="B3233" s="1" t="s">
        <v>12634</v>
      </c>
      <c r="C3233" s="1" t="s">
        <v>160</v>
      </c>
      <c r="D3233" s="1" t="s">
        <v>12742</v>
      </c>
      <c r="E3233" s="1" t="s">
        <v>12743</v>
      </c>
      <c r="F3233" s="1" t="s">
        <v>12744</v>
      </c>
      <c r="G3233" s="1" t="s">
        <v>12637</v>
      </c>
      <c r="H3233" s="1" t="s">
        <v>13</v>
      </c>
      <c r="I3233" s="1" t="s">
        <v>12638</v>
      </c>
      <c r="J3233" s="1" t="s">
        <v>12745</v>
      </c>
    </row>
    <row r="3234" spans="1:10" x14ac:dyDescent="0.35">
      <c r="A3234" s="1" t="s">
        <v>12633</v>
      </c>
      <c r="B3234" s="1" t="s">
        <v>12634</v>
      </c>
      <c r="C3234" s="1" t="s">
        <v>165</v>
      </c>
      <c r="D3234" s="1" t="s">
        <v>12746</v>
      </c>
      <c r="E3234" s="1" t="s">
        <v>12747</v>
      </c>
      <c r="F3234" s="1" t="s">
        <v>12748</v>
      </c>
      <c r="G3234" s="1" t="s">
        <v>12637</v>
      </c>
      <c r="H3234" s="1" t="s">
        <v>13</v>
      </c>
      <c r="I3234" s="1" t="s">
        <v>12638</v>
      </c>
      <c r="J3234" s="1" t="s">
        <v>12749</v>
      </c>
    </row>
    <row r="3235" spans="1:10" x14ac:dyDescent="0.35">
      <c r="A3235" s="1" t="s">
        <v>12633</v>
      </c>
      <c r="B3235" s="1" t="s">
        <v>12634</v>
      </c>
      <c r="C3235" s="1" t="s">
        <v>170</v>
      </c>
      <c r="D3235" s="1" t="s">
        <v>12750</v>
      </c>
      <c r="E3235" s="1" t="s">
        <v>12751</v>
      </c>
      <c r="F3235" s="1" t="s">
        <v>12752</v>
      </c>
      <c r="G3235" s="1" t="s">
        <v>12637</v>
      </c>
      <c r="H3235" s="1" t="s">
        <v>13</v>
      </c>
      <c r="I3235" s="1" t="s">
        <v>12638</v>
      </c>
      <c r="J3235" s="1" t="s">
        <v>12753</v>
      </c>
    </row>
    <row r="3236" spans="1:10" x14ac:dyDescent="0.35">
      <c r="A3236" s="1" t="s">
        <v>12754</v>
      </c>
      <c r="B3236" s="1" t="s">
        <v>12755</v>
      </c>
      <c r="C3236" s="1" t="s">
        <v>8</v>
      </c>
      <c r="D3236" s="1" t="s">
        <v>12756</v>
      </c>
      <c r="E3236" s="1" t="s">
        <v>12757</v>
      </c>
      <c r="F3236" s="1" t="s">
        <v>12758</v>
      </c>
      <c r="G3236" s="1" t="s">
        <v>12759</v>
      </c>
      <c r="H3236" s="1" t="s">
        <v>13</v>
      </c>
      <c r="I3236" s="1" t="s">
        <v>12760</v>
      </c>
      <c r="J3236" s="1" t="s">
        <v>13</v>
      </c>
    </row>
    <row r="3237" spans="1:10" x14ac:dyDescent="0.35">
      <c r="A3237" s="1" t="s">
        <v>12754</v>
      </c>
      <c r="B3237" s="1" t="s">
        <v>12755</v>
      </c>
      <c r="C3237" s="1" t="s">
        <v>15</v>
      </c>
      <c r="D3237" s="1" t="s">
        <v>12761</v>
      </c>
      <c r="E3237" s="1" t="s">
        <v>12762</v>
      </c>
      <c r="F3237" s="1" t="s">
        <v>12763</v>
      </c>
      <c r="G3237" s="1" t="s">
        <v>12759</v>
      </c>
      <c r="H3237" s="1" t="s">
        <v>13</v>
      </c>
      <c r="I3237" s="1" t="s">
        <v>12760</v>
      </c>
      <c r="J3237" s="1" t="s">
        <v>12764</v>
      </c>
    </row>
    <row r="3238" spans="1:10" x14ac:dyDescent="0.35">
      <c r="A3238" s="1" t="s">
        <v>12754</v>
      </c>
      <c r="B3238" s="1" t="s">
        <v>12755</v>
      </c>
      <c r="C3238" s="1" t="s">
        <v>20</v>
      </c>
      <c r="D3238" s="1" t="s">
        <v>12765</v>
      </c>
      <c r="E3238" s="1" t="s">
        <v>12766</v>
      </c>
      <c r="F3238" s="1" t="s">
        <v>12767</v>
      </c>
      <c r="G3238" s="1" t="s">
        <v>12759</v>
      </c>
      <c r="H3238" s="1" t="s">
        <v>13</v>
      </c>
      <c r="I3238" s="1" t="s">
        <v>12760</v>
      </c>
      <c r="J3238" s="1" t="s">
        <v>12768</v>
      </c>
    </row>
    <row r="3239" spans="1:10" x14ac:dyDescent="0.35">
      <c r="A3239" s="1" t="s">
        <v>12754</v>
      </c>
      <c r="B3239" s="1" t="s">
        <v>12755</v>
      </c>
      <c r="C3239" s="1" t="s">
        <v>25</v>
      </c>
      <c r="D3239" s="1" t="s">
        <v>12769</v>
      </c>
      <c r="E3239" s="1" t="s">
        <v>12770</v>
      </c>
      <c r="F3239" s="1" t="s">
        <v>12771</v>
      </c>
      <c r="G3239" s="1" t="s">
        <v>12759</v>
      </c>
      <c r="H3239" s="1" t="s">
        <v>13</v>
      </c>
      <c r="I3239" s="1" t="s">
        <v>12760</v>
      </c>
      <c r="J3239" s="1" t="s">
        <v>12772</v>
      </c>
    </row>
    <row r="3240" spans="1:10" x14ac:dyDescent="0.35">
      <c r="A3240" s="1" t="s">
        <v>12754</v>
      </c>
      <c r="B3240" s="1" t="s">
        <v>12755</v>
      </c>
      <c r="C3240" s="1" t="s">
        <v>30</v>
      </c>
      <c r="D3240" s="1" t="s">
        <v>12773</v>
      </c>
      <c r="E3240" s="1" t="s">
        <v>12774</v>
      </c>
      <c r="F3240" s="1" t="s">
        <v>12775</v>
      </c>
      <c r="G3240" s="1" t="s">
        <v>12759</v>
      </c>
      <c r="H3240" s="1" t="s">
        <v>13</v>
      </c>
      <c r="I3240" s="1" t="s">
        <v>12760</v>
      </c>
      <c r="J3240" s="1" t="s">
        <v>12776</v>
      </c>
    </row>
    <row r="3241" spans="1:10" x14ac:dyDescent="0.35">
      <c r="A3241" s="1" t="s">
        <v>12754</v>
      </c>
      <c r="B3241" s="1" t="s">
        <v>12755</v>
      </c>
      <c r="C3241" s="1" t="s">
        <v>35</v>
      </c>
      <c r="D3241" s="1" t="s">
        <v>12777</v>
      </c>
      <c r="E3241" s="1" t="s">
        <v>12778</v>
      </c>
      <c r="F3241" s="1" t="s">
        <v>12779</v>
      </c>
      <c r="G3241" s="1" t="s">
        <v>12759</v>
      </c>
      <c r="H3241" s="1" t="s">
        <v>13</v>
      </c>
      <c r="I3241" s="1" t="s">
        <v>12760</v>
      </c>
      <c r="J3241" s="1" t="s">
        <v>12780</v>
      </c>
    </row>
    <row r="3242" spans="1:10" x14ac:dyDescent="0.35">
      <c r="A3242" s="1" t="s">
        <v>12754</v>
      </c>
      <c r="B3242" s="1" t="s">
        <v>12755</v>
      </c>
      <c r="C3242" s="1" t="s">
        <v>40</v>
      </c>
      <c r="D3242" s="1" t="s">
        <v>12781</v>
      </c>
      <c r="E3242" s="1" t="s">
        <v>12782</v>
      </c>
      <c r="F3242" s="1" t="s">
        <v>12783</v>
      </c>
      <c r="G3242" s="1" t="s">
        <v>12759</v>
      </c>
      <c r="H3242" s="1" t="s">
        <v>13</v>
      </c>
      <c r="I3242" s="1" t="s">
        <v>12760</v>
      </c>
      <c r="J3242" s="1" t="s">
        <v>12784</v>
      </c>
    </row>
    <row r="3243" spans="1:10" x14ac:dyDescent="0.35">
      <c r="A3243" s="1" t="s">
        <v>12754</v>
      </c>
      <c r="B3243" s="1" t="s">
        <v>12755</v>
      </c>
      <c r="C3243" s="1" t="s">
        <v>45</v>
      </c>
      <c r="D3243" s="1" t="s">
        <v>12785</v>
      </c>
      <c r="E3243" s="1" t="s">
        <v>12786</v>
      </c>
      <c r="F3243" s="1" t="s">
        <v>12787</v>
      </c>
      <c r="G3243" s="1" t="s">
        <v>12759</v>
      </c>
      <c r="H3243" s="1" t="s">
        <v>13</v>
      </c>
      <c r="I3243" s="1" t="s">
        <v>12760</v>
      </c>
      <c r="J3243" s="1" t="s">
        <v>12788</v>
      </c>
    </row>
    <row r="3244" spans="1:10" x14ac:dyDescent="0.35">
      <c r="A3244" s="1" t="s">
        <v>12754</v>
      </c>
      <c r="B3244" s="1" t="s">
        <v>12755</v>
      </c>
      <c r="C3244" s="1" t="s">
        <v>50</v>
      </c>
      <c r="D3244" s="1" t="s">
        <v>12789</v>
      </c>
      <c r="E3244" s="1" t="s">
        <v>12790</v>
      </c>
      <c r="F3244" s="1" t="s">
        <v>12791</v>
      </c>
      <c r="G3244" s="1" t="s">
        <v>12759</v>
      </c>
      <c r="H3244" s="1" t="s">
        <v>13</v>
      </c>
      <c r="I3244" s="1" t="s">
        <v>12760</v>
      </c>
      <c r="J3244" s="1" t="s">
        <v>12792</v>
      </c>
    </row>
    <row r="3245" spans="1:10" x14ac:dyDescent="0.35">
      <c r="A3245" s="1" t="s">
        <v>12754</v>
      </c>
      <c r="B3245" s="1" t="s">
        <v>12755</v>
      </c>
      <c r="C3245" s="1" t="s">
        <v>55</v>
      </c>
      <c r="D3245" s="1" t="s">
        <v>12793</v>
      </c>
      <c r="E3245" s="1" t="s">
        <v>12794</v>
      </c>
      <c r="F3245" s="1" t="s">
        <v>12795</v>
      </c>
      <c r="G3245" s="1" t="s">
        <v>12759</v>
      </c>
      <c r="H3245" s="1" t="s">
        <v>13</v>
      </c>
      <c r="I3245" s="1" t="s">
        <v>12760</v>
      </c>
      <c r="J3245" s="1" t="s">
        <v>12796</v>
      </c>
    </row>
    <row r="3246" spans="1:10" x14ac:dyDescent="0.35">
      <c r="A3246" s="1" t="s">
        <v>12754</v>
      </c>
      <c r="B3246" s="1" t="s">
        <v>12755</v>
      </c>
      <c r="C3246" s="1" t="s">
        <v>60</v>
      </c>
      <c r="D3246" s="1" t="s">
        <v>12797</v>
      </c>
      <c r="E3246" s="1" t="s">
        <v>12798</v>
      </c>
      <c r="F3246" s="1" t="s">
        <v>12799</v>
      </c>
      <c r="G3246" s="1" t="s">
        <v>12759</v>
      </c>
      <c r="H3246" s="1" t="s">
        <v>13</v>
      </c>
      <c r="I3246" s="1" t="s">
        <v>12760</v>
      </c>
      <c r="J3246" s="1" t="s">
        <v>12800</v>
      </c>
    </row>
    <row r="3247" spans="1:10" x14ac:dyDescent="0.35">
      <c r="A3247" s="1" t="s">
        <v>12754</v>
      </c>
      <c r="B3247" s="1" t="s">
        <v>12755</v>
      </c>
      <c r="C3247" s="1" t="s">
        <v>65</v>
      </c>
      <c r="D3247" s="1" t="s">
        <v>12670</v>
      </c>
      <c r="E3247" s="1" t="s">
        <v>12801</v>
      </c>
      <c r="F3247" s="1" t="s">
        <v>12802</v>
      </c>
      <c r="G3247" s="1" t="s">
        <v>12759</v>
      </c>
      <c r="H3247" s="1" t="s">
        <v>13</v>
      </c>
      <c r="I3247" s="1" t="s">
        <v>12760</v>
      </c>
      <c r="J3247" s="1" t="s">
        <v>12803</v>
      </c>
    </row>
    <row r="3248" spans="1:10" x14ac:dyDescent="0.35">
      <c r="A3248" s="1" t="s">
        <v>12754</v>
      </c>
      <c r="B3248" s="1" t="s">
        <v>12755</v>
      </c>
      <c r="C3248" s="1" t="s">
        <v>70</v>
      </c>
      <c r="D3248" s="1" t="s">
        <v>12804</v>
      </c>
      <c r="E3248" s="1" t="s">
        <v>12805</v>
      </c>
      <c r="F3248" s="1" t="s">
        <v>12806</v>
      </c>
      <c r="G3248" s="1" t="s">
        <v>12759</v>
      </c>
      <c r="H3248" s="1" t="s">
        <v>13</v>
      </c>
      <c r="I3248" s="1" t="s">
        <v>12760</v>
      </c>
      <c r="J3248" s="1" t="s">
        <v>12807</v>
      </c>
    </row>
    <row r="3249" spans="1:10" x14ac:dyDescent="0.35">
      <c r="A3249" s="1" t="s">
        <v>12754</v>
      </c>
      <c r="B3249" s="1" t="s">
        <v>12755</v>
      </c>
      <c r="C3249" s="1" t="s">
        <v>75</v>
      </c>
      <c r="D3249" s="1" t="s">
        <v>12808</v>
      </c>
      <c r="E3249" s="1" t="s">
        <v>12809</v>
      </c>
      <c r="F3249" s="1" t="s">
        <v>12810</v>
      </c>
      <c r="G3249" s="1" t="s">
        <v>12759</v>
      </c>
      <c r="H3249" s="1" t="s">
        <v>13</v>
      </c>
      <c r="I3249" s="1" t="s">
        <v>12760</v>
      </c>
      <c r="J3249" s="1" t="s">
        <v>12811</v>
      </c>
    </row>
    <row r="3250" spans="1:10" x14ac:dyDescent="0.35">
      <c r="A3250" s="1" t="s">
        <v>12754</v>
      </c>
      <c r="B3250" s="1" t="s">
        <v>12755</v>
      </c>
      <c r="C3250" s="1" t="s">
        <v>80</v>
      </c>
      <c r="D3250" s="1" t="s">
        <v>12812</v>
      </c>
      <c r="E3250" s="1" t="s">
        <v>12813</v>
      </c>
      <c r="F3250" s="1" t="s">
        <v>12814</v>
      </c>
      <c r="G3250" s="1" t="s">
        <v>12759</v>
      </c>
      <c r="H3250" s="1" t="s">
        <v>13</v>
      </c>
      <c r="I3250" s="1" t="s">
        <v>12760</v>
      </c>
      <c r="J3250" s="1" t="s">
        <v>12815</v>
      </c>
    </row>
    <row r="3251" spans="1:10" x14ac:dyDescent="0.35">
      <c r="A3251" s="1" t="s">
        <v>12754</v>
      </c>
      <c r="B3251" s="1" t="s">
        <v>12755</v>
      </c>
      <c r="C3251" s="1" t="s">
        <v>85</v>
      </c>
      <c r="D3251" s="1" t="s">
        <v>12816</v>
      </c>
      <c r="E3251" s="1" t="s">
        <v>12817</v>
      </c>
      <c r="F3251" s="1" t="s">
        <v>12818</v>
      </c>
      <c r="G3251" s="1" t="s">
        <v>12759</v>
      </c>
      <c r="H3251" s="1" t="s">
        <v>13</v>
      </c>
      <c r="I3251" s="1" t="s">
        <v>12760</v>
      </c>
      <c r="J3251" s="1" t="s">
        <v>12819</v>
      </c>
    </row>
    <row r="3252" spans="1:10" x14ac:dyDescent="0.35">
      <c r="A3252" s="1" t="s">
        <v>12754</v>
      </c>
      <c r="B3252" s="1" t="s">
        <v>12755</v>
      </c>
      <c r="C3252" s="1" t="s">
        <v>90</v>
      </c>
      <c r="D3252" s="1" t="s">
        <v>12820</v>
      </c>
      <c r="E3252" s="1" t="s">
        <v>12821</v>
      </c>
      <c r="F3252" s="1" t="s">
        <v>12822</v>
      </c>
      <c r="G3252" s="1" t="s">
        <v>12759</v>
      </c>
      <c r="H3252" s="1" t="s">
        <v>13</v>
      </c>
      <c r="I3252" s="1" t="s">
        <v>12760</v>
      </c>
      <c r="J3252" s="1" t="s">
        <v>12823</v>
      </c>
    </row>
    <row r="3253" spans="1:10" x14ac:dyDescent="0.35">
      <c r="A3253" s="1" t="s">
        <v>12754</v>
      </c>
      <c r="B3253" s="1" t="s">
        <v>12755</v>
      </c>
      <c r="C3253" s="1" t="s">
        <v>95</v>
      </c>
      <c r="D3253" s="1" t="s">
        <v>12824</v>
      </c>
      <c r="E3253" s="1" t="s">
        <v>12825</v>
      </c>
      <c r="F3253" s="1" t="s">
        <v>12826</v>
      </c>
      <c r="G3253" s="1" t="s">
        <v>12759</v>
      </c>
      <c r="H3253" s="1" t="s">
        <v>13</v>
      </c>
      <c r="I3253" s="1" t="s">
        <v>12760</v>
      </c>
      <c r="J3253" s="1" t="s">
        <v>12827</v>
      </c>
    </row>
    <row r="3254" spans="1:10" x14ac:dyDescent="0.35">
      <c r="A3254" s="1" t="s">
        <v>12754</v>
      </c>
      <c r="B3254" s="1" t="s">
        <v>12755</v>
      </c>
      <c r="C3254" s="1" t="s">
        <v>100</v>
      </c>
      <c r="D3254" s="1" t="s">
        <v>12828</v>
      </c>
      <c r="E3254" s="1" t="s">
        <v>12829</v>
      </c>
      <c r="F3254" s="1" t="s">
        <v>12830</v>
      </c>
      <c r="G3254" s="1" t="s">
        <v>12759</v>
      </c>
      <c r="H3254" s="1" t="s">
        <v>13</v>
      </c>
      <c r="I3254" s="1" t="s">
        <v>12760</v>
      </c>
      <c r="J3254" s="1" t="s">
        <v>12831</v>
      </c>
    </row>
    <row r="3255" spans="1:10" x14ac:dyDescent="0.35">
      <c r="A3255" s="1" t="s">
        <v>12754</v>
      </c>
      <c r="B3255" s="1" t="s">
        <v>12755</v>
      </c>
      <c r="C3255" s="1" t="s">
        <v>105</v>
      </c>
      <c r="D3255" s="1" t="s">
        <v>12832</v>
      </c>
      <c r="E3255" s="1" t="s">
        <v>12833</v>
      </c>
      <c r="F3255" s="1" t="s">
        <v>12834</v>
      </c>
      <c r="G3255" s="1" t="s">
        <v>12759</v>
      </c>
      <c r="H3255" s="1" t="s">
        <v>13</v>
      </c>
      <c r="I3255" s="1" t="s">
        <v>12760</v>
      </c>
      <c r="J3255" s="1" t="s">
        <v>12835</v>
      </c>
    </row>
    <row r="3256" spans="1:10" x14ac:dyDescent="0.35">
      <c r="A3256" s="1" t="s">
        <v>12754</v>
      </c>
      <c r="B3256" s="1" t="s">
        <v>12755</v>
      </c>
      <c r="C3256" s="1" t="s">
        <v>110</v>
      </c>
      <c r="D3256" s="1" t="s">
        <v>12836</v>
      </c>
      <c r="E3256" s="1" t="s">
        <v>12837</v>
      </c>
      <c r="F3256" s="1" t="s">
        <v>12838</v>
      </c>
      <c r="G3256" s="1" t="s">
        <v>12759</v>
      </c>
      <c r="H3256" s="1" t="s">
        <v>13</v>
      </c>
      <c r="I3256" s="1" t="s">
        <v>12760</v>
      </c>
      <c r="J3256" s="1" t="s">
        <v>12839</v>
      </c>
    </row>
    <row r="3257" spans="1:10" x14ac:dyDescent="0.35">
      <c r="A3257" s="1" t="s">
        <v>12754</v>
      </c>
      <c r="B3257" s="1" t="s">
        <v>12755</v>
      </c>
      <c r="C3257" s="1" t="s">
        <v>115</v>
      </c>
      <c r="D3257" s="1" t="s">
        <v>12840</v>
      </c>
      <c r="E3257" s="1" t="s">
        <v>12841</v>
      </c>
      <c r="F3257" s="1" t="s">
        <v>12842</v>
      </c>
      <c r="G3257" s="1" t="s">
        <v>12759</v>
      </c>
      <c r="H3257" s="1" t="s">
        <v>13</v>
      </c>
      <c r="I3257" s="1" t="s">
        <v>12760</v>
      </c>
      <c r="J3257" s="1" t="s">
        <v>12843</v>
      </c>
    </row>
    <row r="3258" spans="1:10" x14ac:dyDescent="0.35">
      <c r="A3258" s="1" t="s">
        <v>12754</v>
      </c>
      <c r="B3258" s="1" t="s">
        <v>12755</v>
      </c>
      <c r="C3258" s="1" t="s">
        <v>120</v>
      </c>
      <c r="D3258" s="1" t="s">
        <v>12844</v>
      </c>
      <c r="E3258" s="1" t="s">
        <v>12845</v>
      </c>
      <c r="F3258" s="1" t="s">
        <v>12846</v>
      </c>
      <c r="G3258" s="1" t="s">
        <v>12759</v>
      </c>
      <c r="H3258" s="1" t="s">
        <v>13</v>
      </c>
      <c r="I3258" s="1" t="s">
        <v>12760</v>
      </c>
      <c r="J3258" s="1" t="s">
        <v>12847</v>
      </c>
    </row>
    <row r="3259" spans="1:10" x14ac:dyDescent="0.35">
      <c r="A3259" s="1" t="s">
        <v>12754</v>
      </c>
      <c r="B3259" s="1" t="s">
        <v>12755</v>
      </c>
      <c r="C3259" s="1" t="s">
        <v>125</v>
      </c>
      <c r="D3259" s="1" t="s">
        <v>12848</v>
      </c>
      <c r="E3259" s="1" t="s">
        <v>12849</v>
      </c>
      <c r="F3259" s="1" t="s">
        <v>12850</v>
      </c>
      <c r="G3259" s="1" t="s">
        <v>12759</v>
      </c>
      <c r="H3259" s="1" t="s">
        <v>13</v>
      </c>
      <c r="I3259" s="1" t="s">
        <v>12760</v>
      </c>
      <c r="J3259" s="1" t="s">
        <v>12851</v>
      </c>
    </row>
    <row r="3260" spans="1:10" x14ac:dyDescent="0.35">
      <c r="A3260" s="1" t="s">
        <v>12754</v>
      </c>
      <c r="B3260" s="1" t="s">
        <v>12755</v>
      </c>
      <c r="C3260" s="1" t="s">
        <v>130</v>
      </c>
      <c r="D3260" s="1" t="s">
        <v>12852</v>
      </c>
      <c r="E3260" s="1" t="s">
        <v>12853</v>
      </c>
      <c r="F3260" s="1" t="s">
        <v>12854</v>
      </c>
      <c r="G3260" s="1" t="s">
        <v>12759</v>
      </c>
      <c r="H3260" s="1" t="s">
        <v>13</v>
      </c>
      <c r="I3260" s="1" t="s">
        <v>12760</v>
      </c>
      <c r="J3260" s="1" t="s">
        <v>12855</v>
      </c>
    </row>
    <row r="3261" spans="1:10" x14ac:dyDescent="0.35">
      <c r="A3261" s="1" t="s">
        <v>12754</v>
      </c>
      <c r="B3261" s="1" t="s">
        <v>12755</v>
      </c>
      <c r="C3261" s="1" t="s">
        <v>135</v>
      </c>
      <c r="D3261" s="1" t="s">
        <v>12856</v>
      </c>
      <c r="E3261" s="1" t="s">
        <v>12857</v>
      </c>
      <c r="F3261" s="1" t="s">
        <v>12858</v>
      </c>
      <c r="G3261" s="1" t="s">
        <v>12759</v>
      </c>
      <c r="H3261" s="1" t="s">
        <v>13</v>
      </c>
      <c r="I3261" s="1" t="s">
        <v>12760</v>
      </c>
      <c r="J3261" s="1" t="s">
        <v>12859</v>
      </c>
    </row>
    <row r="3262" spans="1:10" x14ac:dyDescent="0.35">
      <c r="A3262" s="1" t="s">
        <v>12754</v>
      </c>
      <c r="B3262" s="1" t="s">
        <v>12755</v>
      </c>
      <c r="C3262" s="1" t="s">
        <v>140</v>
      </c>
      <c r="D3262" s="1" t="s">
        <v>12860</v>
      </c>
      <c r="E3262" s="1" t="s">
        <v>12757</v>
      </c>
      <c r="F3262" s="1" t="s">
        <v>12861</v>
      </c>
      <c r="G3262" s="1" t="s">
        <v>12759</v>
      </c>
      <c r="H3262" s="1" t="s">
        <v>13</v>
      </c>
      <c r="I3262" s="1" t="s">
        <v>12760</v>
      </c>
      <c r="J3262" s="1" t="s">
        <v>12862</v>
      </c>
    </row>
    <row r="3263" spans="1:10" x14ac:dyDescent="0.35">
      <c r="A3263" s="1" t="s">
        <v>12754</v>
      </c>
      <c r="B3263" s="1" t="s">
        <v>12755</v>
      </c>
      <c r="C3263" s="1" t="s">
        <v>145</v>
      </c>
      <c r="D3263" s="1" t="s">
        <v>12863</v>
      </c>
      <c r="E3263" s="1" t="s">
        <v>12864</v>
      </c>
      <c r="F3263" s="1" t="s">
        <v>12865</v>
      </c>
      <c r="G3263" s="1" t="s">
        <v>12759</v>
      </c>
      <c r="H3263" s="1" t="s">
        <v>13</v>
      </c>
      <c r="I3263" s="1" t="s">
        <v>12760</v>
      </c>
      <c r="J3263" s="1" t="s">
        <v>12866</v>
      </c>
    </row>
    <row r="3264" spans="1:10" x14ac:dyDescent="0.35">
      <c r="A3264" s="1" t="s">
        <v>12754</v>
      </c>
      <c r="B3264" s="1" t="s">
        <v>12755</v>
      </c>
      <c r="C3264" s="1" t="s">
        <v>150</v>
      </c>
      <c r="D3264" s="1" t="s">
        <v>12867</v>
      </c>
      <c r="E3264" s="1" t="s">
        <v>12868</v>
      </c>
      <c r="F3264" s="1" t="s">
        <v>12869</v>
      </c>
      <c r="G3264" s="1" t="s">
        <v>12759</v>
      </c>
      <c r="H3264" s="1" t="s">
        <v>13</v>
      </c>
      <c r="I3264" s="1" t="s">
        <v>12760</v>
      </c>
      <c r="J3264" s="1" t="s">
        <v>12870</v>
      </c>
    </row>
    <row r="3265" spans="1:10" x14ac:dyDescent="0.35">
      <c r="A3265" s="1" t="s">
        <v>12754</v>
      </c>
      <c r="B3265" s="1" t="s">
        <v>12755</v>
      </c>
      <c r="C3265" s="1" t="s">
        <v>155</v>
      </c>
      <c r="D3265" s="1" t="s">
        <v>12871</v>
      </c>
      <c r="E3265" s="1" t="s">
        <v>12813</v>
      </c>
      <c r="F3265" s="1" t="s">
        <v>12872</v>
      </c>
      <c r="G3265" s="1" t="s">
        <v>12759</v>
      </c>
      <c r="H3265" s="1" t="s">
        <v>13</v>
      </c>
      <c r="I3265" s="1" t="s">
        <v>12760</v>
      </c>
      <c r="J3265" s="1" t="s">
        <v>12873</v>
      </c>
    </row>
    <row r="3266" spans="1:10" x14ac:dyDescent="0.35">
      <c r="A3266" s="1" t="s">
        <v>12754</v>
      </c>
      <c r="B3266" s="1" t="s">
        <v>12755</v>
      </c>
      <c r="C3266" s="1" t="s">
        <v>160</v>
      </c>
      <c r="D3266" s="1" t="s">
        <v>12874</v>
      </c>
      <c r="E3266" s="1" t="s">
        <v>12875</v>
      </c>
      <c r="F3266" s="1" t="s">
        <v>12876</v>
      </c>
      <c r="G3266" s="1" t="s">
        <v>12759</v>
      </c>
      <c r="H3266" s="1" t="s">
        <v>13</v>
      </c>
      <c r="I3266" s="1" t="s">
        <v>12760</v>
      </c>
      <c r="J3266" s="1" t="s">
        <v>12877</v>
      </c>
    </row>
    <row r="3267" spans="1:10" x14ac:dyDescent="0.35">
      <c r="A3267" s="1" t="s">
        <v>12754</v>
      </c>
      <c r="B3267" s="1" t="s">
        <v>12755</v>
      </c>
      <c r="C3267" s="1" t="s">
        <v>165</v>
      </c>
      <c r="D3267" s="1" t="s">
        <v>12878</v>
      </c>
      <c r="E3267" s="1" t="s">
        <v>12879</v>
      </c>
      <c r="F3267" s="1" t="s">
        <v>12880</v>
      </c>
      <c r="G3267" s="1" t="s">
        <v>12759</v>
      </c>
      <c r="H3267" s="1" t="s">
        <v>13</v>
      </c>
      <c r="I3267" s="1" t="s">
        <v>12760</v>
      </c>
      <c r="J3267" s="1" t="s">
        <v>12881</v>
      </c>
    </row>
    <row r="3268" spans="1:10" x14ac:dyDescent="0.35">
      <c r="A3268" s="1" t="s">
        <v>12754</v>
      </c>
      <c r="B3268" s="1" t="s">
        <v>12755</v>
      </c>
      <c r="C3268" s="1" t="s">
        <v>170</v>
      </c>
      <c r="D3268" s="1" t="s">
        <v>12882</v>
      </c>
      <c r="E3268" s="1" t="s">
        <v>12883</v>
      </c>
      <c r="F3268" s="1" t="s">
        <v>12884</v>
      </c>
      <c r="G3268" s="1" t="s">
        <v>12759</v>
      </c>
      <c r="H3268" s="1" t="s">
        <v>13</v>
      </c>
      <c r="I3268" s="1" t="s">
        <v>12760</v>
      </c>
      <c r="J3268" s="1" t="s">
        <v>12885</v>
      </c>
    </row>
    <row r="3269" spans="1:10" x14ac:dyDescent="0.35">
      <c r="A3269" s="1" t="s">
        <v>12886</v>
      </c>
      <c r="B3269" s="1" t="s">
        <v>12887</v>
      </c>
      <c r="C3269" s="1" t="s">
        <v>8</v>
      </c>
      <c r="D3269" s="1" t="s">
        <v>1560</v>
      </c>
      <c r="E3269" s="1" t="s">
        <v>12888</v>
      </c>
      <c r="F3269" s="1" t="s">
        <v>12889</v>
      </c>
      <c r="G3269" s="1" t="s">
        <v>12890</v>
      </c>
      <c r="H3269" s="1" t="s">
        <v>13</v>
      </c>
      <c r="I3269" s="1" t="s">
        <v>12891</v>
      </c>
      <c r="J3269" s="1" t="s">
        <v>13</v>
      </c>
    </row>
    <row r="3270" spans="1:10" x14ac:dyDescent="0.35">
      <c r="A3270" s="1" t="s">
        <v>12886</v>
      </c>
      <c r="B3270" s="1" t="s">
        <v>12887</v>
      </c>
      <c r="C3270" s="1" t="s">
        <v>15</v>
      </c>
      <c r="D3270" s="1" t="s">
        <v>12892</v>
      </c>
      <c r="E3270" s="1" t="s">
        <v>12893</v>
      </c>
      <c r="F3270" s="1" t="s">
        <v>12894</v>
      </c>
      <c r="G3270" s="1" t="s">
        <v>12890</v>
      </c>
      <c r="H3270" s="1" t="s">
        <v>13</v>
      </c>
      <c r="I3270" s="1" t="s">
        <v>12891</v>
      </c>
      <c r="J3270" s="1" t="s">
        <v>12895</v>
      </c>
    </row>
    <row r="3271" spans="1:10" x14ac:dyDescent="0.35">
      <c r="A3271" s="1" t="s">
        <v>12886</v>
      </c>
      <c r="B3271" s="1" t="s">
        <v>12887</v>
      </c>
      <c r="C3271" s="1" t="s">
        <v>20</v>
      </c>
      <c r="D3271" s="1" t="s">
        <v>4372</v>
      </c>
      <c r="E3271" s="1" t="s">
        <v>12896</v>
      </c>
      <c r="F3271" s="1" t="s">
        <v>12897</v>
      </c>
      <c r="G3271" s="1" t="s">
        <v>12890</v>
      </c>
      <c r="H3271" s="1" t="s">
        <v>13</v>
      </c>
      <c r="I3271" s="1" t="s">
        <v>12891</v>
      </c>
      <c r="J3271" s="1" t="s">
        <v>12898</v>
      </c>
    </row>
    <row r="3272" spans="1:10" x14ac:dyDescent="0.35">
      <c r="A3272" s="1" t="s">
        <v>12886</v>
      </c>
      <c r="B3272" s="1" t="s">
        <v>12887</v>
      </c>
      <c r="C3272" s="1" t="s">
        <v>25</v>
      </c>
      <c r="D3272" s="1" t="s">
        <v>12899</v>
      </c>
      <c r="E3272" s="1" t="s">
        <v>12900</v>
      </c>
      <c r="F3272" s="1" t="s">
        <v>12901</v>
      </c>
      <c r="G3272" s="1" t="s">
        <v>12890</v>
      </c>
      <c r="H3272" s="1" t="s">
        <v>13</v>
      </c>
      <c r="I3272" s="1" t="s">
        <v>12891</v>
      </c>
      <c r="J3272" s="1" t="s">
        <v>12902</v>
      </c>
    </row>
    <row r="3273" spans="1:10" x14ac:dyDescent="0.35">
      <c r="A3273" s="1" t="s">
        <v>12886</v>
      </c>
      <c r="B3273" s="1" t="s">
        <v>12887</v>
      </c>
      <c r="C3273" s="1" t="s">
        <v>30</v>
      </c>
      <c r="D3273" s="1" t="s">
        <v>12903</v>
      </c>
      <c r="E3273" s="1" t="s">
        <v>12904</v>
      </c>
      <c r="F3273" s="1" t="s">
        <v>12905</v>
      </c>
      <c r="G3273" s="1" t="s">
        <v>12890</v>
      </c>
      <c r="H3273" s="1" t="s">
        <v>13</v>
      </c>
      <c r="I3273" s="1" t="s">
        <v>12891</v>
      </c>
      <c r="J3273" s="1" t="s">
        <v>12906</v>
      </c>
    </row>
    <row r="3274" spans="1:10" x14ac:dyDescent="0.35">
      <c r="A3274" s="1" t="s">
        <v>12886</v>
      </c>
      <c r="B3274" s="1" t="s">
        <v>12887</v>
      </c>
      <c r="C3274" s="1" t="s">
        <v>35</v>
      </c>
      <c r="D3274" s="1" t="s">
        <v>7331</v>
      </c>
      <c r="E3274" s="1" t="s">
        <v>12907</v>
      </c>
      <c r="F3274" s="1" t="s">
        <v>12908</v>
      </c>
      <c r="G3274" s="1" t="s">
        <v>12890</v>
      </c>
      <c r="H3274" s="1" t="s">
        <v>13</v>
      </c>
      <c r="I3274" s="1" t="s">
        <v>12891</v>
      </c>
      <c r="J3274" s="1" t="s">
        <v>12909</v>
      </c>
    </row>
    <row r="3275" spans="1:10" x14ac:dyDescent="0.35">
      <c r="A3275" s="1" t="s">
        <v>12886</v>
      </c>
      <c r="B3275" s="1" t="s">
        <v>12887</v>
      </c>
      <c r="C3275" s="1" t="s">
        <v>40</v>
      </c>
      <c r="D3275" s="1" t="s">
        <v>1891</v>
      </c>
      <c r="E3275" s="1" t="s">
        <v>12910</v>
      </c>
      <c r="F3275" s="1" t="s">
        <v>12911</v>
      </c>
      <c r="G3275" s="1" t="s">
        <v>12890</v>
      </c>
      <c r="H3275" s="1" t="s">
        <v>13</v>
      </c>
      <c r="I3275" s="1" t="s">
        <v>12891</v>
      </c>
      <c r="J3275" s="1" t="s">
        <v>12912</v>
      </c>
    </row>
    <row r="3276" spans="1:10" x14ac:dyDescent="0.35">
      <c r="A3276" s="1" t="s">
        <v>12886</v>
      </c>
      <c r="B3276" s="1" t="s">
        <v>12887</v>
      </c>
      <c r="C3276" s="1" t="s">
        <v>45</v>
      </c>
      <c r="D3276" s="1" t="s">
        <v>8445</v>
      </c>
      <c r="E3276" s="1" t="s">
        <v>12913</v>
      </c>
      <c r="F3276" s="1" t="s">
        <v>12914</v>
      </c>
      <c r="G3276" s="1" t="s">
        <v>12890</v>
      </c>
      <c r="H3276" s="1" t="s">
        <v>13</v>
      </c>
      <c r="I3276" s="1" t="s">
        <v>12891</v>
      </c>
      <c r="J3276" s="1" t="s">
        <v>12915</v>
      </c>
    </row>
    <row r="3277" spans="1:10" x14ac:dyDescent="0.35">
      <c r="A3277" s="1" t="s">
        <v>12886</v>
      </c>
      <c r="B3277" s="1" t="s">
        <v>12887</v>
      </c>
      <c r="C3277" s="1" t="s">
        <v>50</v>
      </c>
      <c r="D3277" s="1" t="s">
        <v>3549</v>
      </c>
      <c r="E3277" s="1" t="s">
        <v>12916</v>
      </c>
      <c r="F3277" s="1" t="s">
        <v>12917</v>
      </c>
      <c r="G3277" s="1" t="s">
        <v>12890</v>
      </c>
      <c r="H3277" s="1" t="s">
        <v>13</v>
      </c>
      <c r="I3277" s="1" t="s">
        <v>12891</v>
      </c>
      <c r="J3277" s="1" t="s">
        <v>12918</v>
      </c>
    </row>
    <row r="3278" spans="1:10" x14ac:dyDescent="0.35">
      <c r="A3278" s="1" t="s">
        <v>12886</v>
      </c>
      <c r="B3278" s="1" t="s">
        <v>12887</v>
      </c>
      <c r="C3278" s="1" t="s">
        <v>55</v>
      </c>
      <c r="D3278" s="1" t="s">
        <v>7244</v>
      </c>
      <c r="E3278" s="1" t="s">
        <v>12919</v>
      </c>
      <c r="F3278" s="1" t="s">
        <v>12920</v>
      </c>
      <c r="G3278" s="1" t="s">
        <v>12890</v>
      </c>
      <c r="H3278" s="1" t="s">
        <v>13</v>
      </c>
      <c r="I3278" s="1" t="s">
        <v>12891</v>
      </c>
      <c r="J3278" s="1" t="s">
        <v>6250</v>
      </c>
    </row>
    <row r="3279" spans="1:10" x14ac:dyDescent="0.35">
      <c r="A3279" s="1" t="s">
        <v>12886</v>
      </c>
      <c r="B3279" s="1" t="s">
        <v>12887</v>
      </c>
      <c r="C3279" s="1" t="s">
        <v>60</v>
      </c>
      <c r="D3279" s="1" t="s">
        <v>7244</v>
      </c>
      <c r="E3279" s="1" t="s">
        <v>12921</v>
      </c>
      <c r="F3279" s="1" t="s">
        <v>12922</v>
      </c>
      <c r="G3279" s="1" t="s">
        <v>12890</v>
      </c>
      <c r="H3279" s="1" t="s">
        <v>13</v>
      </c>
      <c r="I3279" s="1" t="s">
        <v>12891</v>
      </c>
      <c r="J3279" s="1" t="s">
        <v>1180</v>
      </c>
    </row>
    <row r="3280" spans="1:10" x14ac:dyDescent="0.35">
      <c r="A3280" s="1" t="s">
        <v>12886</v>
      </c>
      <c r="B3280" s="1" t="s">
        <v>12887</v>
      </c>
      <c r="C3280" s="1" t="s">
        <v>65</v>
      </c>
      <c r="D3280" s="1" t="s">
        <v>7244</v>
      </c>
      <c r="E3280" s="1" t="s">
        <v>12923</v>
      </c>
      <c r="F3280" s="1" t="s">
        <v>12924</v>
      </c>
      <c r="G3280" s="1" t="s">
        <v>12890</v>
      </c>
      <c r="H3280" s="1" t="s">
        <v>13</v>
      </c>
      <c r="I3280" s="1" t="s">
        <v>12891</v>
      </c>
      <c r="J3280" s="1" t="s">
        <v>1180</v>
      </c>
    </row>
    <row r="3281" spans="1:10" x14ac:dyDescent="0.35">
      <c r="A3281" s="1" t="s">
        <v>12886</v>
      </c>
      <c r="B3281" s="1" t="s">
        <v>12887</v>
      </c>
      <c r="C3281" s="1" t="s">
        <v>70</v>
      </c>
      <c r="D3281" s="1" t="s">
        <v>7244</v>
      </c>
      <c r="E3281" s="1" t="s">
        <v>12925</v>
      </c>
      <c r="F3281" s="1" t="s">
        <v>12926</v>
      </c>
      <c r="G3281" s="1" t="s">
        <v>12890</v>
      </c>
      <c r="H3281" s="1" t="s">
        <v>13</v>
      </c>
      <c r="I3281" s="1" t="s">
        <v>12891</v>
      </c>
      <c r="J3281" s="1" t="s">
        <v>1180</v>
      </c>
    </row>
    <row r="3282" spans="1:10" x14ac:dyDescent="0.35">
      <c r="A3282" s="1" t="s">
        <v>12886</v>
      </c>
      <c r="B3282" s="1" t="s">
        <v>12887</v>
      </c>
      <c r="C3282" s="1" t="s">
        <v>75</v>
      </c>
      <c r="D3282" s="1" t="s">
        <v>12927</v>
      </c>
      <c r="E3282" s="1" t="s">
        <v>12928</v>
      </c>
      <c r="F3282" s="1" t="s">
        <v>12929</v>
      </c>
      <c r="G3282" s="1" t="s">
        <v>12890</v>
      </c>
      <c r="H3282" s="1" t="s">
        <v>13</v>
      </c>
      <c r="I3282" s="1" t="s">
        <v>12891</v>
      </c>
      <c r="J3282" s="1" t="s">
        <v>12930</v>
      </c>
    </row>
    <row r="3283" spans="1:10" x14ac:dyDescent="0.35">
      <c r="A3283" s="1" t="s">
        <v>12886</v>
      </c>
      <c r="B3283" s="1" t="s">
        <v>12887</v>
      </c>
      <c r="C3283" s="1" t="s">
        <v>80</v>
      </c>
      <c r="D3283" s="1" t="s">
        <v>12931</v>
      </c>
      <c r="E3283" s="1" t="s">
        <v>12932</v>
      </c>
      <c r="F3283" s="1" t="s">
        <v>12933</v>
      </c>
      <c r="G3283" s="1" t="s">
        <v>12890</v>
      </c>
      <c r="H3283" s="1" t="s">
        <v>13</v>
      </c>
      <c r="I3283" s="1" t="s">
        <v>12891</v>
      </c>
      <c r="J3283" s="1" t="s">
        <v>12934</v>
      </c>
    </row>
    <row r="3284" spans="1:10" x14ac:dyDescent="0.35">
      <c r="A3284" s="1" t="s">
        <v>12886</v>
      </c>
      <c r="B3284" s="1" t="s">
        <v>12887</v>
      </c>
      <c r="C3284" s="1" t="s">
        <v>85</v>
      </c>
      <c r="D3284" s="1" t="s">
        <v>12931</v>
      </c>
      <c r="E3284" s="1" t="s">
        <v>12935</v>
      </c>
      <c r="F3284" s="1" t="s">
        <v>12936</v>
      </c>
      <c r="G3284" s="1" t="s">
        <v>12890</v>
      </c>
      <c r="H3284" s="1" t="s">
        <v>13</v>
      </c>
      <c r="I3284" s="1" t="s">
        <v>12891</v>
      </c>
      <c r="J3284" s="1" t="s">
        <v>1180</v>
      </c>
    </row>
    <row r="3285" spans="1:10" x14ac:dyDescent="0.35">
      <c r="A3285" s="1" t="s">
        <v>12886</v>
      </c>
      <c r="B3285" s="1" t="s">
        <v>12887</v>
      </c>
      <c r="C3285" s="1" t="s">
        <v>90</v>
      </c>
      <c r="D3285" s="1" t="s">
        <v>9216</v>
      </c>
      <c r="E3285" s="1" t="s">
        <v>12937</v>
      </c>
      <c r="F3285" s="1" t="s">
        <v>12938</v>
      </c>
      <c r="G3285" s="1" t="s">
        <v>12890</v>
      </c>
      <c r="H3285" s="1" t="s">
        <v>13</v>
      </c>
      <c r="I3285" s="1" t="s">
        <v>12891</v>
      </c>
      <c r="J3285" s="1" t="s">
        <v>12939</v>
      </c>
    </row>
    <row r="3286" spans="1:10" x14ac:dyDescent="0.35">
      <c r="A3286" s="1" t="s">
        <v>12886</v>
      </c>
      <c r="B3286" s="1" t="s">
        <v>12887</v>
      </c>
      <c r="C3286" s="1" t="s">
        <v>95</v>
      </c>
      <c r="D3286" s="1" t="s">
        <v>12931</v>
      </c>
      <c r="E3286" s="1" t="s">
        <v>12940</v>
      </c>
      <c r="F3286" s="1" t="s">
        <v>12941</v>
      </c>
      <c r="G3286" s="1" t="s">
        <v>12890</v>
      </c>
      <c r="H3286" s="1" t="s">
        <v>13</v>
      </c>
      <c r="I3286" s="1" t="s">
        <v>12891</v>
      </c>
      <c r="J3286" s="1" t="s">
        <v>12942</v>
      </c>
    </row>
    <row r="3287" spans="1:10" x14ac:dyDescent="0.35">
      <c r="A3287" s="1" t="s">
        <v>12886</v>
      </c>
      <c r="B3287" s="1" t="s">
        <v>12887</v>
      </c>
      <c r="C3287" s="1" t="s">
        <v>100</v>
      </c>
      <c r="D3287" s="1" t="s">
        <v>9216</v>
      </c>
      <c r="E3287" s="1" t="s">
        <v>12943</v>
      </c>
      <c r="F3287" s="1" t="s">
        <v>12944</v>
      </c>
      <c r="G3287" s="1" t="s">
        <v>12890</v>
      </c>
      <c r="H3287" s="1" t="s">
        <v>13</v>
      </c>
      <c r="I3287" s="1" t="s">
        <v>12891</v>
      </c>
      <c r="J3287" s="1" t="s">
        <v>12939</v>
      </c>
    </row>
    <row r="3288" spans="1:10" x14ac:dyDescent="0.35">
      <c r="A3288" s="1" t="s">
        <v>12886</v>
      </c>
      <c r="B3288" s="1" t="s">
        <v>12887</v>
      </c>
      <c r="C3288" s="1" t="s">
        <v>105</v>
      </c>
      <c r="D3288" s="1" t="s">
        <v>9216</v>
      </c>
      <c r="E3288" s="1" t="s">
        <v>12945</v>
      </c>
      <c r="F3288" s="1" t="s">
        <v>12946</v>
      </c>
      <c r="G3288" s="1" t="s">
        <v>12890</v>
      </c>
      <c r="H3288" s="1" t="s">
        <v>13</v>
      </c>
      <c r="I3288" s="1" t="s">
        <v>12891</v>
      </c>
      <c r="J3288" s="1" t="s">
        <v>1180</v>
      </c>
    </row>
    <row r="3289" spans="1:10" x14ac:dyDescent="0.35">
      <c r="A3289" s="1" t="s">
        <v>12886</v>
      </c>
      <c r="B3289" s="1" t="s">
        <v>12887</v>
      </c>
      <c r="C3289" s="1" t="s">
        <v>110</v>
      </c>
      <c r="D3289" s="1" t="s">
        <v>9216</v>
      </c>
      <c r="E3289" s="1" t="s">
        <v>12947</v>
      </c>
      <c r="F3289" s="1" t="s">
        <v>12948</v>
      </c>
      <c r="G3289" s="1" t="s">
        <v>12890</v>
      </c>
      <c r="H3289" s="1" t="s">
        <v>13</v>
      </c>
      <c r="I3289" s="1" t="s">
        <v>12891</v>
      </c>
      <c r="J3289" s="1" t="s">
        <v>1180</v>
      </c>
    </row>
    <row r="3290" spans="1:10" x14ac:dyDescent="0.35">
      <c r="A3290" s="1" t="s">
        <v>12886</v>
      </c>
      <c r="B3290" s="1" t="s">
        <v>12887</v>
      </c>
      <c r="C3290" s="1" t="s">
        <v>115</v>
      </c>
      <c r="D3290" s="1" t="s">
        <v>9216</v>
      </c>
      <c r="E3290" s="1" t="s">
        <v>12949</v>
      </c>
      <c r="F3290" s="1" t="s">
        <v>12950</v>
      </c>
      <c r="G3290" s="1" t="s">
        <v>12890</v>
      </c>
      <c r="H3290" s="1" t="s">
        <v>13</v>
      </c>
      <c r="I3290" s="1" t="s">
        <v>12891</v>
      </c>
      <c r="J3290" s="1" t="s">
        <v>1180</v>
      </c>
    </row>
    <row r="3291" spans="1:10" x14ac:dyDescent="0.35">
      <c r="A3291" s="1" t="s">
        <v>12886</v>
      </c>
      <c r="B3291" s="1" t="s">
        <v>12887</v>
      </c>
      <c r="C3291" s="1" t="s">
        <v>120</v>
      </c>
      <c r="D3291" s="1" t="s">
        <v>9216</v>
      </c>
      <c r="E3291" s="1" t="s">
        <v>12951</v>
      </c>
      <c r="F3291" s="1" t="s">
        <v>12952</v>
      </c>
      <c r="G3291" s="1" t="s">
        <v>12890</v>
      </c>
      <c r="H3291" s="1" t="s">
        <v>13</v>
      </c>
      <c r="I3291" s="1" t="s">
        <v>12891</v>
      </c>
      <c r="J3291" s="1" t="s">
        <v>1180</v>
      </c>
    </row>
    <row r="3292" spans="1:10" x14ac:dyDescent="0.35">
      <c r="A3292" s="1" t="s">
        <v>12886</v>
      </c>
      <c r="B3292" s="1" t="s">
        <v>12887</v>
      </c>
      <c r="C3292" s="1" t="s">
        <v>125</v>
      </c>
      <c r="D3292" s="1" t="s">
        <v>9216</v>
      </c>
      <c r="E3292" s="1" t="s">
        <v>12953</v>
      </c>
      <c r="F3292" s="1" t="s">
        <v>12954</v>
      </c>
      <c r="G3292" s="1" t="s">
        <v>12890</v>
      </c>
      <c r="H3292" s="1" t="s">
        <v>13</v>
      </c>
      <c r="I3292" s="1" t="s">
        <v>12891</v>
      </c>
      <c r="J3292" s="1" t="s">
        <v>1180</v>
      </c>
    </row>
    <row r="3293" spans="1:10" x14ac:dyDescent="0.35">
      <c r="A3293" s="1" t="s">
        <v>12886</v>
      </c>
      <c r="B3293" s="1" t="s">
        <v>12887</v>
      </c>
      <c r="C3293" s="1" t="s">
        <v>130</v>
      </c>
      <c r="D3293" s="1" t="s">
        <v>9216</v>
      </c>
      <c r="E3293" s="1" t="s">
        <v>12955</v>
      </c>
      <c r="F3293" s="1" t="s">
        <v>12956</v>
      </c>
      <c r="G3293" s="1" t="s">
        <v>12890</v>
      </c>
      <c r="H3293" s="1" t="s">
        <v>13</v>
      </c>
      <c r="I3293" s="1" t="s">
        <v>12891</v>
      </c>
      <c r="J3293" s="1" t="s">
        <v>1180</v>
      </c>
    </row>
    <row r="3294" spans="1:10" x14ac:dyDescent="0.35">
      <c r="A3294" s="1" t="s">
        <v>12886</v>
      </c>
      <c r="B3294" s="1" t="s">
        <v>12887</v>
      </c>
      <c r="C3294" s="1" t="s">
        <v>135</v>
      </c>
      <c r="D3294" s="1" t="s">
        <v>12931</v>
      </c>
      <c r="E3294" s="1" t="s">
        <v>12957</v>
      </c>
      <c r="F3294" s="1" t="s">
        <v>12958</v>
      </c>
      <c r="G3294" s="1" t="s">
        <v>12890</v>
      </c>
      <c r="H3294" s="1" t="s">
        <v>13</v>
      </c>
      <c r="I3294" s="1" t="s">
        <v>12891</v>
      </c>
      <c r="J3294" s="1" t="s">
        <v>12942</v>
      </c>
    </row>
    <row r="3295" spans="1:10" x14ac:dyDescent="0.35">
      <c r="A3295" s="1" t="s">
        <v>12886</v>
      </c>
      <c r="B3295" s="1" t="s">
        <v>12887</v>
      </c>
      <c r="C3295" s="1" t="s">
        <v>140</v>
      </c>
      <c r="D3295" s="1" t="s">
        <v>12959</v>
      </c>
      <c r="E3295" s="1" t="s">
        <v>12960</v>
      </c>
      <c r="F3295" s="1" t="s">
        <v>12961</v>
      </c>
      <c r="G3295" s="1" t="s">
        <v>12890</v>
      </c>
      <c r="H3295" s="1" t="s">
        <v>13</v>
      </c>
      <c r="I3295" s="1" t="s">
        <v>12891</v>
      </c>
      <c r="J3295" s="1" t="s">
        <v>12962</v>
      </c>
    </row>
    <row r="3296" spans="1:10" x14ac:dyDescent="0.35">
      <c r="A3296" s="1" t="s">
        <v>12886</v>
      </c>
      <c r="B3296" s="1" t="s">
        <v>12887</v>
      </c>
      <c r="C3296" s="1" t="s">
        <v>145</v>
      </c>
      <c r="D3296" s="1" t="s">
        <v>1981</v>
      </c>
      <c r="E3296" s="1" t="s">
        <v>12963</v>
      </c>
      <c r="F3296" s="1" t="s">
        <v>12964</v>
      </c>
      <c r="G3296" s="1" t="s">
        <v>12890</v>
      </c>
      <c r="H3296" s="1" t="s">
        <v>13</v>
      </c>
      <c r="I3296" s="1" t="s">
        <v>12891</v>
      </c>
      <c r="J3296" s="1" t="s">
        <v>12965</v>
      </c>
    </row>
    <row r="3297" spans="1:10" x14ac:dyDescent="0.35">
      <c r="A3297" s="1" t="s">
        <v>12886</v>
      </c>
      <c r="B3297" s="1" t="s">
        <v>12887</v>
      </c>
      <c r="C3297" s="1" t="s">
        <v>150</v>
      </c>
      <c r="D3297" s="1" t="s">
        <v>12966</v>
      </c>
      <c r="E3297" s="1" t="s">
        <v>12967</v>
      </c>
      <c r="F3297" s="1" t="s">
        <v>12968</v>
      </c>
      <c r="G3297" s="1" t="s">
        <v>12890</v>
      </c>
      <c r="H3297" s="1" t="s">
        <v>13</v>
      </c>
      <c r="I3297" s="1" t="s">
        <v>12891</v>
      </c>
      <c r="J3297" s="1" t="s">
        <v>12969</v>
      </c>
    </row>
    <row r="3298" spans="1:10" x14ac:dyDescent="0.35">
      <c r="A3298" s="1" t="s">
        <v>12886</v>
      </c>
      <c r="B3298" s="1" t="s">
        <v>12887</v>
      </c>
      <c r="C3298" s="1" t="s">
        <v>155</v>
      </c>
      <c r="D3298" s="1" t="s">
        <v>12970</v>
      </c>
      <c r="E3298" s="1" t="s">
        <v>12971</v>
      </c>
      <c r="F3298" s="1" t="s">
        <v>12972</v>
      </c>
      <c r="G3298" s="1" t="s">
        <v>12890</v>
      </c>
      <c r="H3298" s="1" t="s">
        <v>13</v>
      </c>
      <c r="I3298" s="1" t="s">
        <v>12891</v>
      </c>
      <c r="J3298" s="1" t="s">
        <v>12973</v>
      </c>
    </row>
    <row r="3299" spans="1:10" x14ac:dyDescent="0.35">
      <c r="A3299" s="1" t="s">
        <v>12886</v>
      </c>
      <c r="B3299" s="1" t="s">
        <v>12887</v>
      </c>
      <c r="C3299" s="1" t="s">
        <v>160</v>
      </c>
      <c r="D3299" s="1" t="s">
        <v>12974</v>
      </c>
      <c r="E3299" s="1" t="s">
        <v>12975</v>
      </c>
      <c r="F3299" s="1" t="s">
        <v>12976</v>
      </c>
      <c r="G3299" s="1" t="s">
        <v>12890</v>
      </c>
      <c r="H3299" s="1" t="s">
        <v>13</v>
      </c>
      <c r="I3299" s="1" t="s">
        <v>12891</v>
      </c>
      <c r="J3299" s="1" t="s">
        <v>12977</v>
      </c>
    </row>
    <row r="3300" spans="1:10" x14ac:dyDescent="0.35">
      <c r="A3300" s="1" t="s">
        <v>12886</v>
      </c>
      <c r="B3300" s="1" t="s">
        <v>12887</v>
      </c>
      <c r="C3300" s="1" t="s">
        <v>165</v>
      </c>
      <c r="D3300" s="1" t="s">
        <v>12978</v>
      </c>
      <c r="E3300" s="1" t="s">
        <v>12979</v>
      </c>
      <c r="F3300" s="1" t="s">
        <v>12980</v>
      </c>
      <c r="G3300" s="1" t="s">
        <v>12890</v>
      </c>
      <c r="H3300" s="1" t="s">
        <v>13</v>
      </c>
      <c r="I3300" s="1" t="s">
        <v>12891</v>
      </c>
      <c r="J3300" s="1" t="s">
        <v>12981</v>
      </c>
    </row>
    <row r="3301" spans="1:10" x14ac:dyDescent="0.35">
      <c r="A3301" s="1" t="s">
        <v>12886</v>
      </c>
      <c r="B3301" s="1" t="s">
        <v>12887</v>
      </c>
      <c r="C3301" s="1" t="s">
        <v>170</v>
      </c>
      <c r="D3301" s="1" t="s">
        <v>12982</v>
      </c>
      <c r="E3301" s="1" t="s">
        <v>12983</v>
      </c>
      <c r="F3301" s="1" t="s">
        <v>12984</v>
      </c>
      <c r="G3301" s="1" t="s">
        <v>12890</v>
      </c>
      <c r="H3301" s="1" t="s">
        <v>13</v>
      </c>
      <c r="I3301" s="1" t="s">
        <v>12891</v>
      </c>
      <c r="J3301" s="1" t="s">
        <v>12985</v>
      </c>
    </row>
    <row r="3302" spans="1:10" x14ac:dyDescent="0.35">
      <c r="A3302" s="1" t="s">
        <v>12986</v>
      </c>
      <c r="B3302" s="1" t="s">
        <v>12987</v>
      </c>
      <c r="C3302" s="1" t="s">
        <v>8</v>
      </c>
      <c r="D3302" s="1" t="s">
        <v>12988</v>
      </c>
      <c r="E3302" s="1" t="s">
        <v>12989</v>
      </c>
      <c r="F3302" s="1" t="s">
        <v>12990</v>
      </c>
      <c r="G3302" s="1" t="s">
        <v>12991</v>
      </c>
      <c r="H3302" s="1" t="s">
        <v>13</v>
      </c>
      <c r="I3302" s="1" t="s">
        <v>12992</v>
      </c>
      <c r="J3302" s="1" t="s">
        <v>13</v>
      </c>
    </row>
    <row r="3303" spans="1:10" x14ac:dyDescent="0.35">
      <c r="A3303" s="1" t="s">
        <v>12986</v>
      </c>
      <c r="B3303" s="1" t="s">
        <v>12987</v>
      </c>
      <c r="C3303" s="1" t="s">
        <v>15</v>
      </c>
      <c r="D3303" s="1" t="s">
        <v>225</v>
      </c>
      <c r="E3303" s="1" t="s">
        <v>12993</v>
      </c>
      <c r="F3303" s="1" t="s">
        <v>12994</v>
      </c>
      <c r="G3303" s="1" t="s">
        <v>12991</v>
      </c>
      <c r="H3303" s="1" t="s">
        <v>13</v>
      </c>
      <c r="I3303" s="1" t="s">
        <v>12992</v>
      </c>
      <c r="J3303" s="1" t="s">
        <v>12995</v>
      </c>
    </row>
    <row r="3304" spans="1:10" x14ac:dyDescent="0.35">
      <c r="A3304" s="1" t="s">
        <v>12986</v>
      </c>
      <c r="B3304" s="1" t="s">
        <v>12987</v>
      </c>
      <c r="C3304" s="1" t="s">
        <v>20</v>
      </c>
      <c r="D3304" s="1" t="s">
        <v>12996</v>
      </c>
      <c r="E3304" s="1" t="s">
        <v>12997</v>
      </c>
      <c r="F3304" s="1" t="s">
        <v>12998</v>
      </c>
      <c r="G3304" s="1" t="s">
        <v>12991</v>
      </c>
      <c r="H3304" s="1" t="s">
        <v>13</v>
      </c>
      <c r="I3304" s="1" t="s">
        <v>12992</v>
      </c>
      <c r="J3304" s="1" t="s">
        <v>12999</v>
      </c>
    </row>
    <row r="3305" spans="1:10" x14ac:dyDescent="0.35">
      <c r="A3305" s="1" t="s">
        <v>12986</v>
      </c>
      <c r="B3305" s="1" t="s">
        <v>12987</v>
      </c>
      <c r="C3305" s="1" t="s">
        <v>25</v>
      </c>
      <c r="D3305" s="1" t="s">
        <v>13000</v>
      </c>
      <c r="E3305" s="1" t="s">
        <v>13001</v>
      </c>
      <c r="F3305" s="1" t="s">
        <v>13002</v>
      </c>
      <c r="G3305" s="1" t="s">
        <v>12991</v>
      </c>
      <c r="H3305" s="1" t="s">
        <v>13</v>
      </c>
      <c r="I3305" s="1" t="s">
        <v>12992</v>
      </c>
      <c r="J3305" s="1" t="s">
        <v>13003</v>
      </c>
    </row>
    <row r="3306" spans="1:10" x14ac:dyDescent="0.35">
      <c r="A3306" s="1" t="s">
        <v>12986</v>
      </c>
      <c r="B3306" s="1" t="s">
        <v>12987</v>
      </c>
      <c r="C3306" s="1" t="s">
        <v>30</v>
      </c>
      <c r="D3306" s="1" t="s">
        <v>10354</v>
      </c>
      <c r="E3306" s="1" t="s">
        <v>13004</v>
      </c>
      <c r="F3306" s="1" t="s">
        <v>13005</v>
      </c>
      <c r="G3306" s="1" t="s">
        <v>12991</v>
      </c>
      <c r="H3306" s="1" t="s">
        <v>13</v>
      </c>
      <c r="I3306" s="1" t="s">
        <v>12992</v>
      </c>
      <c r="J3306" s="1" t="s">
        <v>13006</v>
      </c>
    </row>
    <row r="3307" spans="1:10" x14ac:dyDescent="0.35">
      <c r="A3307" s="1" t="s">
        <v>12986</v>
      </c>
      <c r="B3307" s="1" t="s">
        <v>12987</v>
      </c>
      <c r="C3307" s="1" t="s">
        <v>35</v>
      </c>
      <c r="D3307" s="1" t="s">
        <v>13007</v>
      </c>
      <c r="E3307" s="1" t="s">
        <v>13008</v>
      </c>
      <c r="F3307" s="1" t="s">
        <v>13009</v>
      </c>
      <c r="G3307" s="1" t="s">
        <v>12991</v>
      </c>
      <c r="H3307" s="1" t="s">
        <v>13</v>
      </c>
      <c r="I3307" s="1" t="s">
        <v>12992</v>
      </c>
      <c r="J3307" s="1" t="s">
        <v>13010</v>
      </c>
    </row>
    <row r="3308" spans="1:10" x14ac:dyDescent="0.35">
      <c r="A3308" s="1" t="s">
        <v>12986</v>
      </c>
      <c r="B3308" s="1" t="s">
        <v>12987</v>
      </c>
      <c r="C3308" s="1" t="s">
        <v>40</v>
      </c>
      <c r="D3308" s="1" t="s">
        <v>13011</v>
      </c>
      <c r="E3308" s="1" t="s">
        <v>13012</v>
      </c>
      <c r="F3308" s="1" t="s">
        <v>13013</v>
      </c>
      <c r="G3308" s="1" t="s">
        <v>12991</v>
      </c>
      <c r="H3308" s="1" t="s">
        <v>13</v>
      </c>
      <c r="I3308" s="1" t="s">
        <v>12992</v>
      </c>
      <c r="J3308" s="1" t="s">
        <v>13014</v>
      </c>
    </row>
    <row r="3309" spans="1:10" x14ac:dyDescent="0.35">
      <c r="A3309" s="1" t="s">
        <v>12986</v>
      </c>
      <c r="B3309" s="1" t="s">
        <v>12987</v>
      </c>
      <c r="C3309" s="1" t="s">
        <v>45</v>
      </c>
      <c r="D3309" s="1" t="s">
        <v>13015</v>
      </c>
      <c r="E3309" s="1" t="s">
        <v>13016</v>
      </c>
      <c r="F3309" s="1" t="s">
        <v>13017</v>
      </c>
      <c r="G3309" s="1" t="s">
        <v>12991</v>
      </c>
      <c r="H3309" s="1" t="s">
        <v>13</v>
      </c>
      <c r="I3309" s="1" t="s">
        <v>12992</v>
      </c>
      <c r="J3309" s="1" t="s">
        <v>13018</v>
      </c>
    </row>
    <row r="3310" spans="1:10" x14ac:dyDescent="0.35">
      <c r="A3310" s="1" t="s">
        <v>12986</v>
      </c>
      <c r="B3310" s="1" t="s">
        <v>12987</v>
      </c>
      <c r="C3310" s="1" t="s">
        <v>50</v>
      </c>
      <c r="D3310" s="1" t="s">
        <v>13019</v>
      </c>
      <c r="E3310" s="1" t="s">
        <v>13020</v>
      </c>
      <c r="F3310" s="1" t="s">
        <v>13021</v>
      </c>
      <c r="G3310" s="1" t="s">
        <v>12991</v>
      </c>
      <c r="H3310" s="1" t="s">
        <v>13</v>
      </c>
      <c r="I3310" s="1" t="s">
        <v>12992</v>
      </c>
      <c r="J3310" s="1" t="s">
        <v>13022</v>
      </c>
    </row>
    <row r="3311" spans="1:10" x14ac:dyDescent="0.35">
      <c r="A3311" s="1" t="s">
        <v>12986</v>
      </c>
      <c r="B3311" s="1" t="s">
        <v>12987</v>
      </c>
      <c r="C3311" s="1" t="s">
        <v>55</v>
      </c>
      <c r="D3311" s="1" t="s">
        <v>13023</v>
      </c>
      <c r="E3311" s="1" t="s">
        <v>13024</v>
      </c>
      <c r="F3311" s="1" t="s">
        <v>13025</v>
      </c>
      <c r="G3311" s="1" t="s">
        <v>12991</v>
      </c>
      <c r="H3311" s="1" t="s">
        <v>13</v>
      </c>
      <c r="I3311" s="1" t="s">
        <v>12992</v>
      </c>
      <c r="J3311" s="1" t="s">
        <v>13026</v>
      </c>
    </row>
    <row r="3312" spans="1:10" x14ac:dyDescent="0.35">
      <c r="A3312" s="1" t="s">
        <v>12986</v>
      </c>
      <c r="B3312" s="1" t="s">
        <v>12987</v>
      </c>
      <c r="C3312" s="1" t="s">
        <v>60</v>
      </c>
      <c r="D3312" s="1" t="s">
        <v>13027</v>
      </c>
      <c r="E3312" s="1" t="s">
        <v>13028</v>
      </c>
      <c r="F3312" s="1" t="s">
        <v>13029</v>
      </c>
      <c r="G3312" s="1" t="s">
        <v>12991</v>
      </c>
      <c r="H3312" s="1" t="s">
        <v>13</v>
      </c>
      <c r="I3312" s="1" t="s">
        <v>12992</v>
      </c>
      <c r="J3312" s="1" t="s">
        <v>13030</v>
      </c>
    </row>
    <row r="3313" spans="1:10" x14ac:dyDescent="0.35">
      <c r="A3313" s="1" t="s">
        <v>12986</v>
      </c>
      <c r="B3313" s="1" t="s">
        <v>12987</v>
      </c>
      <c r="C3313" s="1" t="s">
        <v>65</v>
      </c>
      <c r="D3313" s="1" t="s">
        <v>13031</v>
      </c>
      <c r="E3313" s="1" t="s">
        <v>13032</v>
      </c>
      <c r="F3313" s="1" t="s">
        <v>13033</v>
      </c>
      <c r="G3313" s="1" t="s">
        <v>12991</v>
      </c>
      <c r="H3313" s="1" t="s">
        <v>13</v>
      </c>
      <c r="I3313" s="1" t="s">
        <v>12992</v>
      </c>
      <c r="J3313" s="1" t="s">
        <v>13034</v>
      </c>
    </row>
    <row r="3314" spans="1:10" x14ac:dyDescent="0.35">
      <c r="A3314" s="1" t="s">
        <v>12986</v>
      </c>
      <c r="B3314" s="1" t="s">
        <v>12987</v>
      </c>
      <c r="C3314" s="1" t="s">
        <v>70</v>
      </c>
      <c r="D3314" s="1" t="s">
        <v>13035</v>
      </c>
      <c r="E3314" s="1" t="s">
        <v>13036</v>
      </c>
      <c r="F3314" s="1" t="s">
        <v>13037</v>
      </c>
      <c r="G3314" s="1" t="s">
        <v>12991</v>
      </c>
      <c r="H3314" s="1" t="s">
        <v>13</v>
      </c>
      <c r="I3314" s="1" t="s">
        <v>12992</v>
      </c>
      <c r="J3314" s="1" t="s">
        <v>13038</v>
      </c>
    </row>
    <row r="3315" spans="1:10" x14ac:dyDescent="0.35">
      <c r="A3315" s="1" t="s">
        <v>12986</v>
      </c>
      <c r="B3315" s="1" t="s">
        <v>12987</v>
      </c>
      <c r="C3315" s="1" t="s">
        <v>75</v>
      </c>
      <c r="D3315" s="1" t="s">
        <v>13039</v>
      </c>
      <c r="E3315" s="1" t="s">
        <v>13040</v>
      </c>
      <c r="F3315" s="1" t="s">
        <v>13041</v>
      </c>
      <c r="G3315" s="1" t="s">
        <v>12991</v>
      </c>
      <c r="H3315" s="1" t="s">
        <v>13</v>
      </c>
      <c r="I3315" s="1" t="s">
        <v>12992</v>
      </c>
      <c r="J3315" s="1" t="s">
        <v>13042</v>
      </c>
    </row>
    <row r="3316" spans="1:10" x14ac:dyDescent="0.35">
      <c r="A3316" s="1" t="s">
        <v>12986</v>
      </c>
      <c r="B3316" s="1" t="s">
        <v>12987</v>
      </c>
      <c r="C3316" s="1" t="s">
        <v>80</v>
      </c>
      <c r="D3316" s="1" t="s">
        <v>13043</v>
      </c>
      <c r="E3316" s="1" t="s">
        <v>13044</v>
      </c>
      <c r="F3316" s="1" t="s">
        <v>13045</v>
      </c>
      <c r="G3316" s="1" t="s">
        <v>12991</v>
      </c>
      <c r="H3316" s="1" t="s">
        <v>13</v>
      </c>
      <c r="I3316" s="1" t="s">
        <v>12992</v>
      </c>
      <c r="J3316" s="1" t="s">
        <v>13046</v>
      </c>
    </row>
    <row r="3317" spans="1:10" x14ac:dyDescent="0.35">
      <c r="A3317" s="1" t="s">
        <v>12986</v>
      </c>
      <c r="B3317" s="1" t="s">
        <v>12987</v>
      </c>
      <c r="C3317" s="1" t="s">
        <v>85</v>
      </c>
      <c r="D3317" s="1" t="s">
        <v>13047</v>
      </c>
      <c r="E3317" s="1" t="s">
        <v>13048</v>
      </c>
      <c r="F3317" s="1" t="s">
        <v>13049</v>
      </c>
      <c r="G3317" s="1" t="s">
        <v>12991</v>
      </c>
      <c r="H3317" s="1" t="s">
        <v>13</v>
      </c>
      <c r="I3317" s="1" t="s">
        <v>12992</v>
      </c>
      <c r="J3317" s="1" t="s">
        <v>13050</v>
      </c>
    </row>
    <row r="3318" spans="1:10" x14ac:dyDescent="0.35">
      <c r="A3318" s="1" t="s">
        <v>12986</v>
      </c>
      <c r="B3318" s="1" t="s">
        <v>12987</v>
      </c>
      <c r="C3318" s="1" t="s">
        <v>90</v>
      </c>
      <c r="D3318" s="1" t="s">
        <v>13051</v>
      </c>
      <c r="E3318" s="1" t="s">
        <v>13052</v>
      </c>
      <c r="F3318" s="1" t="s">
        <v>13053</v>
      </c>
      <c r="G3318" s="1" t="s">
        <v>12991</v>
      </c>
      <c r="H3318" s="1" t="s">
        <v>13</v>
      </c>
      <c r="I3318" s="1" t="s">
        <v>12992</v>
      </c>
      <c r="J3318" s="1" t="s">
        <v>13054</v>
      </c>
    </row>
    <row r="3319" spans="1:10" x14ac:dyDescent="0.35">
      <c r="A3319" s="1" t="s">
        <v>12986</v>
      </c>
      <c r="B3319" s="1" t="s">
        <v>12987</v>
      </c>
      <c r="C3319" s="1" t="s">
        <v>95</v>
      </c>
      <c r="D3319" s="1" t="s">
        <v>13055</v>
      </c>
      <c r="E3319" s="1" t="s">
        <v>13056</v>
      </c>
      <c r="F3319" s="1" t="s">
        <v>13057</v>
      </c>
      <c r="G3319" s="1" t="s">
        <v>12991</v>
      </c>
      <c r="H3319" s="1" t="s">
        <v>13</v>
      </c>
      <c r="I3319" s="1" t="s">
        <v>12992</v>
      </c>
      <c r="J3319" s="1" t="s">
        <v>13058</v>
      </c>
    </row>
    <row r="3320" spans="1:10" x14ac:dyDescent="0.35">
      <c r="A3320" s="1" t="s">
        <v>12986</v>
      </c>
      <c r="B3320" s="1" t="s">
        <v>12987</v>
      </c>
      <c r="C3320" s="1" t="s">
        <v>100</v>
      </c>
      <c r="D3320" s="1" t="s">
        <v>13059</v>
      </c>
      <c r="E3320" s="1" t="s">
        <v>13060</v>
      </c>
      <c r="F3320" s="1" t="s">
        <v>13061</v>
      </c>
      <c r="G3320" s="1" t="s">
        <v>12991</v>
      </c>
      <c r="H3320" s="1" t="s">
        <v>13</v>
      </c>
      <c r="I3320" s="1" t="s">
        <v>12992</v>
      </c>
      <c r="J3320" s="1" t="s">
        <v>13062</v>
      </c>
    </row>
    <row r="3321" spans="1:10" x14ac:dyDescent="0.35">
      <c r="A3321" s="1" t="s">
        <v>12986</v>
      </c>
      <c r="B3321" s="1" t="s">
        <v>12987</v>
      </c>
      <c r="C3321" s="1" t="s">
        <v>105</v>
      </c>
      <c r="D3321" s="1" t="s">
        <v>13063</v>
      </c>
      <c r="E3321" s="1" t="s">
        <v>13064</v>
      </c>
      <c r="F3321" s="1" t="s">
        <v>13065</v>
      </c>
      <c r="G3321" s="1" t="s">
        <v>12991</v>
      </c>
      <c r="H3321" s="1" t="s">
        <v>13</v>
      </c>
      <c r="I3321" s="1" t="s">
        <v>12992</v>
      </c>
      <c r="J3321" s="1" t="s">
        <v>13066</v>
      </c>
    </row>
    <row r="3322" spans="1:10" x14ac:dyDescent="0.35">
      <c r="A3322" s="1" t="s">
        <v>12986</v>
      </c>
      <c r="B3322" s="1" t="s">
        <v>12987</v>
      </c>
      <c r="C3322" s="1" t="s">
        <v>110</v>
      </c>
      <c r="D3322" s="1" t="s">
        <v>13067</v>
      </c>
      <c r="E3322" s="1" t="s">
        <v>13068</v>
      </c>
      <c r="F3322" s="1" t="s">
        <v>13069</v>
      </c>
      <c r="G3322" s="1" t="s">
        <v>12991</v>
      </c>
      <c r="H3322" s="1" t="s">
        <v>13</v>
      </c>
      <c r="I3322" s="1" t="s">
        <v>12992</v>
      </c>
      <c r="J3322" s="1" t="s">
        <v>13070</v>
      </c>
    </row>
    <row r="3323" spans="1:10" x14ac:dyDescent="0.35">
      <c r="A3323" s="1" t="s">
        <v>12986</v>
      </c>
      <c r="B3323" s="1" t="s">
        <v>12987</v>
      </c>
      <c r="C3323" s="1" t="s">
        <v>115</v>
      </c>
      <c r="D3323" s="1" t="s">
        <v>13071</v>
      </c>
      <c r="E3323" s="1" t="s">
        <v>13072</v>
      </c>
      <c r="F3323" s="1" t="s">
        <v>13073</v>
      </c>
      <c r="G3323" s="1" t="s">
        <v>12991</v>
      </c>
      <c r="H3323" s="1" t="s">
        <v>13</v>
      </c>
      <c r="I3323" s="1" t="s">
        <v>12992</v>
      </c>
      <c r="J3323" s="1" t="s">
        <v>13074</v>
      </c>
    </row>
    <row r="3324" spans="1:10" x14ac:dyDescent="0.35">
      <c r="A3324" s="1" t="s">
        <v>12986</v>
      </c>
      <c r="B3324" s="1" t="s">
        <v>12987</v>
      </c>
      <c r="C3324" s="1" t="s">
        <v>120</v>
      </c>
      <c r="D3324" s="1" t="s">
        <v>13075</v>
      </c>
      <c r="E3324" s="1" t="s">
        <v>13076</v>
      </c>
      <c r="F3324" s="1" t="s">
        <v>13077</v>
      </c>
      <c r="G3324" s="1" t="s">
        <v>12991</v>
      </c>
      <c r="H3324" s="1" t="s">
        <v>13</v>
      </c>
      <c r="I3324" s="1" t="s">
        <v>12992</v>
      </c>
      <c r="J3324" s="1" t="s">
        <v>13078</v>
      </c>
    </row>
    <row r="3325" spans="1:10" x14ac:dyDescent="0.35">
      <c r="A3325" s="1" t="s">
        <v>12986</v>
      </c>
      <c r="B3325" s="1" t="s">
        <v>12987</v>
      </c>
      <c r="C3325" s="1" t="s">
        <v>125</v>
      </c>
      <c r="D3325" s="1" t="s">
        <v>13079</v>
      </c>
      <c r="E3325" s="1" t="s">
        <v>13080</v>
      </c>
      <c r="F3325" s="1" t="s">
        <v>13081</v>
      </c>
      <c r="G3325" s="1" t="s">
        <v>12991</v>
      </c>
      <c r="H3325" s="1" t="s">
        <v>13</v>
      </c>
      <c r="I3325" s="1" t="s">
        <v>12992</v>
      </c>
      <c r="J3325" s="1" t="s">
        <v>13082</v>
      </c>
    </row>
    <row r="3326" spans="1:10" x14ac:dyDescent="0.35">
      <c r="A3326" s="1" t="s">
        <v>12986</v>
      </c>
      <c r="B3326" s="1" t="s">
        <v>12987</v>
      </c>
      <c r="C3326" s="1" t="s">
        <v>130</v>
      </c>
      <c r="D3326" s="1" t="s">
        <v>13083</v>
      </c>
      <c r="E3326" s="1" t="s">
        <v>13084</v>
      </c>
      <c r="F3326" s="1" t="s">
        <v>13085</v>
      </c>
      <c r="G3326" s="1" t="s">
        <v>12991</v>
      </c>
      <c r="H3326" s="1" t="s">
        <v>13</v>
      </c>
      <c r="I3326" s="1" t="s">
        <v>12992</v>
      </c>
      <c r="J3326" s="1" t="s">
        <v>13086</v>
      </c>
    </row>
    <row r="3327" spans="1:10" x14ac:dyDescent="0.35">
      <c r="A3327" s="1" t="s">
        <v>12986</v>
      </c>
      <c r="B3327" s="1" t="s">
        <v>12987</v>
      </c>
      <c r="C3327" s="1" t="s">
        <v>135</v>
      </c>
      <c r="D3327" s="1" t="s">
        <v>5377</v>
      </c>
      <c r="E3327" s="1" t="s">
        <v>13087</v>
      </c>
      <c r="F3327" s="1" t="s">
        <v>13088</v>
      </c>
      <c r="G3327" s="1" t="s">
        <v>12991</v>
      </c>
      <c r="H3327" s="1" t="s">
        <v>13</v>
      </c>
      <c r="I3327" s="1" t="s">
        <v>12992</v>
      </c>
      <c r="J3327" s="1" t="s">
        <v>13089</v>
      </c>
    </row>
    <row r="3328" spans="1:10" x14ac:dyDescent="0.35">
      <c r="A3328" s="1" t="s">
        <v>12986</v>
      </c>
      <c r="B3328" s="1" t="s">
        <v>12987</v>
      </c>
      <c r="C3328" s="1" t="s">
        <v>140</v>
      </c>
      <c r="D3328" s="1" t="s">
        <v>13090</v>
      </c>
      <c r="E3328" s="1" t="s">
        <v>13091</v>
      </c>
      <c r="F3328" s="1" t="s">
        <v>13092</v>
      </c>
      <c r="G3328" s="1" t="s">
        <v>12991</v>
      </c>
      <c r="H3328" s="1" t="s">
        <v>13</v>
      </c>
      <c r="I3328" s="1" t="s">
        <v>12992</v>
      </c>
      <c r="J3328" s="1" t="s">
        <v>13093</v>
      </c>
    </row>
    <row r="3329" spans="1:10" x14ac:dyDescent="0.35">
      <c r="A3329" s="1" t="s">
        <v>12986</v>
      </c>
      <c r="B3329" s="1" t="s">
        <v>12987</v>
      </c>
      <c r="C3329" s="1" t="s">
        <v>145</v>
      </c>
      <c r="D3329" s="1" t="s">
        <v>13094</v>
      </c>
      <c r="E3329" s="1" t="s">
        <v>13095</v>
      </c>
      <c r="F3329" s="1" t="s">
        <v>13096</v>
      </c>
      <c r="G3329" s="1" t="s">
        <v>12991</v>
      </c>
      <c r="H3329" s="1" t="s">
        <v>13</v>
      </c>
      <c r="I3329" s="1" t="s">
        <v>12992</v>
      </c>
      <c r="J3329" s="1" t="s">
        <v>13097</v>
      </c>
    </row>
    <row r="3330" spans="1:10" x14ac:dyDescent="0.35">
      <c r="A3330" s="1" t="s">
        <v>12986</v>
      </c>
      <c r="B3330" s="1" t="s">
        <v>12987</v>
      </c>
      <c r="C3330" s="1" t="s">
        <v>150</v>
      </c>
      <c r="D3330" s="1" t="s">
        <v>6751</v>
      </c>
      <c r="E3330" s="1" t="s">
        <v>13098</v>
      </c>
      <c r="F3330" s="1" t="s">
        <v>13099</v>
      </c>
      <c r="G3330" s="1" t="s">
        <v>12991</v>
      </c>
      <c r="H3330" s="1" t="s">
        <v>13</v>
      </c>
      <c r="I3330" s="1" t="s">
        <v>12992</v>
      </c>
      <c r="J3330" s="1" t="s">
        <v>13100</v>
      </c>
    </row>
    <row r="3331" spans="1:10" x14ac:dyDescent="0.35">
      <c r="A3331" s="1" t="s">
        <v>12986</v>
      </c>
      <c r="B3331" s="1" t="s">
        <v>12987</v>
      </c>
      <c r="C3331" s="1" t="s">
        <v>155</v>
      </c>
      <c r="D3331" s="1" t="s">
        <v>13101</v>
      </c>
      <c r="E3331" s="1" t="s">
        <v>13102</v>
      </c>
      <c r="F3331" s="1" t="s">
        <v>13103</v>
      </c>
      <c r="G3331" s="1" t="s">
        <v>12991</v>
      </c>
      <c r="H3331" s="1" t="s">
        <v>13</v>
      </c>
      <c r="I3331" s="1" t="s">
        <v>12992</v>
      </c>
      <c r="J3331" s="1" t="s">
        <v>13104</v>
      </c>
    </row>
    <row r="3332" spans="1:10" x14ac:dyDescent="0.35">
      <c r="A3332" s="1" t="s">
        <v>12986</v>
      </c>
      <c r="B3332" s="1" t="s">
        <v>12987</v>
      </c>
      <c r="C3332" s="1" t="s">
        <v>160</v>
      </c>
      <c r="D3332" s="1" t="s">
        <v>13105</v>
      </c>
      <c r="E3332" s="1" t="s">
        <v>13106</v>
      </c>
      <c r="F3332" s="1" t="s">
        <v>13107</v>
      </c>
      <c r="G3332" s="1" t="s">
        <v>12991</v>
      </c>
      <c r="H3332" s="1" t="s">
        <v>13</v>
      </c>
      <c r="I3332" s="1" t="s">
        <v>12992</v>
      </c>
      <c r="J3332" s="1" t="s">
        <v>13108</v>
      </c>
    </row>
    <row r="3333" spans="1:10" x14ac:dyDescent="0.35">
      <c r="A3333" s="1" t="s">
        <v>12986</v>
      </c>
      <c r="B3333" s="1" t="s">
        <v>12987</v>
      </c>
      <c r="C3333" s="1" t="s">
        <v>165</v>
      </c>
      <c r="D3333" s="1" t="s">
        <v>13109</v>
      </c>
      <c r="E3333" s="1" t="s">
        <v>13110</v>
      </c>
      <c r="F3333" s="1" t="s">
        <v>13111</v>
      </c>
      <c r="G3333" s="1" t="s">
        <v>12991</v>
      </c>
      <c r="H3333" s="1" t="s">
        <v>13</v>
      </c>
      <c r="I3333" s="1" t="s">
        <v>12992</v>
      </c>
      <c r="J3333" s="1" t="s">
        <v>13112</v>
      </c>
    </row>
    <row r="3334" spans="1:10" x14ac:dyDescent="0.35">
      <c r="A3334" s="1" t="s">
        <v>12986</v>
      </c>
      <c r="B3334" s="1" t="s">
        <v>12987</v>
      </c>
      <c r="C3334" s="1" t="s">
        <v>170</v>
      </c>
      <c r="D3334" s="1" t="s">
        <v>13113</v>
      </c>
      <c r="E3334" s="1" t="s">
        <v>13114</v>
      </c>
      <c r="F3334" s="1" t="s">
        <v>13115</v>
      </c>
      <c r="G3334" s="1" t="s">
        <v>12991</v>
      </c>
      <c r="H3334" s="1" t="s">
        <v>13</v>
      </c>
      <c r="I3334" s="1" t="s">
        <v>12992</v>
      </c>
      <c r="J3334" s="1" t="s">
        <v>13116</v>
      </c>
    </row>
    <row r="3335" spans="1:10" x14ac:dyDescent="0.35">
      <c r="A3335" s="1" t="s">
        <v>13117</v>
      </c>
      <c r="B3335" s="1" t="s">
        <v>13118</v>
      </c>
      <c r="C3335" s="1" t="s">
        <v>8</v>
      </c>
      <c r="D3335" s="1" t="s">
        <v>13119</v>
      </c>
      <c r="E3335" s="1" t="s">
        <v>13120</v>
      </c>
      <c r="F3335" s="1" t="s">
        <v>13121</v>
      </c>
      <c r="G3335" s="1" t="s">
        <v>13122</v>
      </c>
      <c r="H3335" s="1" t="s">
        <v>13</v>
      </c>
      <c r="I3335" s="1" t="s">
        <v>13123</v>
      </c>
      <c r="J3335" s="1" t="s">
        <v>13</v>
      </c>
    </row>
    <row r="3336" spans="1:10" x14ac:dyDescent="0.35">
      <c r="A3336" s="1" t="s">
        <v>13117</v>
      </c>
      <c r="B3336" s="1" t="s">
        <v>13118</v>
      </c>
      <c r="C3336" s="1" t="s">
        <v>15</v>
      </c>
      <c r="D3336" s="1" t="s">
        <v>10231</v>
      </c>
      <c r="E3336" s="1" t="s">
        <v>13124</v>
      </c>
      <c r="F3336" s="1" t="s">
        <v>13125</v>
      </c>
      <c r="G3336" s="1" t="s">
        <v>13122</v>
      </c>
      <c r="H3336" s="1" t="s">
        <v>13</v>
      </c>
      <c r="I3336" s="1" t="s">
        <v>13123</v>
      </c>
      <c r="J3336" s="1" t="s">
        <v>6354</v>
      </c>
    </row>
    <row r="3337" spans="1:10" x14ac:dyDescent="0.35">
      <c r="A3337" s="1" t="s">
        <v>13117</v>
      </c>
      <c r="B3337" s="1" t="s">
        <v>13118</v>
      </c>
      <c r="C3337" s="1" t="s">
        <v>20</v>
      </c>
      <c r="D3337" s="1" t="s">
        <v>13126</v>
      </c>
      <c r="E3337" s="1" t="s">
        <v>13127</v>
      </c>
      <c r="F3337" s="1" t="s">
        <v>13128</v>
      </c>
      <c r="G3337" s="1" t="s">
        <v>13122</v>
      </c>
      <c r="H3337" s="1" t="s">
        <v>13</v>
      </c>
      <c r="I3337" s="1" t="s">
        <v>13123</v>
      </c>
      <c r="J3337" s="1" t="s">
        <v>13129</v>
      </c>
    </row>
    <row r="3338" spans="1:10" x14ac:dyDescent="0.35">
      <c r="A3338" s="1" t="s">
        <v>13117</v>
      </c>
      <c r="B3338" s="1" t="s">
        <v>13118</v>
      </c>
      <c r="C3338" s="1" t="s">
        <v>25</v>
      </c>
      <c r="D3338" s="1" t="s">
        <v>13130</v>
      </c>
      <c r="E3338" s="1" t="s">
        <v>13131</v>
      </c>
      <c r="F3338" s="1" t="s">
        <v>13132</v>
      </c>
      <c r="G3338" s="1" t="s">
        <v>13122</v>
      </c>
      <c r="H3338" s="1" t="s">
        <v>13</v>
      </c>
      <c r="I3338" s="1" t="s">
        <v>13123</v>
      </c>
      <c r="J3338" s="1" t="s">
        <v>13133</v>
      </c>
    </row>
    <row r="3339" spans="1:10" x14ac:dyDescent="0.35">
      <c r="A3339" s="1" t="s">
        <v>13117</v>
      </c>
      <c r="B3339" s="1" t="s">
        <v>13118</v>
      </c>
      <c r="C3339" s="1" t="s">
        <v>30</v>
      </c>
      <c r="D3339" s="1" t="s">
        <v>13134</v>
      </c>
      <c r="E3339" s="1" t="s">
        <v>13135</v>
      </c>
      <c r="F3339" s="1" t="s">
        <v>13136</v>
      </c>
      <c r="G3339" s="1" t="s">
        <v>13122</v>
      </c>
      <c r="H3339" s="1" t="s">
        <v>13</v>
      </c>
      <c r="I3339" s="1" t="s">
        <v>13123</v>
      </c>
      <c r="J3339" s="1" t="s">
        <v>13137</v>
      </c>
    </row>
    <row r="3340" spans="1:10" x14ac:dyDescent="0.35">
      <c r="A3340" s="1" t="s">
        <v>13117</v>
      </c>
      <c r="B3340" s="1" t="s">
        <v>13118</v>
      </c>
      <c r="C3340" s="1" t="s">
        <v>35</v>
      </c>
      <c r="D3340" s="1" t="s">
        <v>4317</v>
      </c>
      <c r="E3340" s="1" t="s">
        <v>13138</v>
      </c>
      <c r="F3340" s="1" t="s">
        <v>13139</v>
      </c>
      <c r="G3340" s="1" t="s">
        <v>13122</v>
      </c>
      <c r="H3340" s="1" t="s">
        <v>13</v>
      </c>
      <c r="I3340" s="1" t="s">
        <v>13123</v>
      </c>
      <c r="J3340" s="1" t="s">
        <v>13140</v>
      </c>
    </row>
    <row r="3341" spans="1:10" x14ac:dyDescent="0.35">
      <c r="A3341" s="1" t="s">
        <v>13117</v>
      </c>
      <c r="B3341" s="1" t="s">
        <v>13118</v>
      </c>
      <c r="C3341" s="1" t="s">
        <v>40</v>
      </c>
      <c r="D3341" s="1" t="s">
        <v>13141</v>
      </c>
      <c r="E3341" s="1" t="s">
        <v>13142</v>
      </c>
      <c r="F3341" s="1" t="s">
        <v>13143</v>
      </c>
      <c r="G3341" s="1" t="s">
        <v>13122</v>
      </c>
      <c r="H3341" s="1" t="s">
        <v>13</v>
      </c>
      <c r="I3341" s="1" t="s">
        <v>13123</v>
      </c>
      <c r="J3341" s="1" t="s">
        <v>13144</v>
      </c>
    </row>
    <row r="3342" spans="1:10" x14ac:dyDescent="0.35">
      <c r="A3342" s="1" t="s">
        <v>13117</v>
      </c>
      <c r="B3342" s="1" t="s">
        <v>13118</v>
      </c>
      <c r="C3342" s="1" t="s">
        <v>45</v>
      </c>
      <c r="D3342" s="1" t="s">
        <v>11054</v>
      </c>
      <c r="E3342" s="1" t="s">
        <v>13145</v>
      </c>
      <c r="F3342" s="1" t="s">
        <v>13146</v>
      </c>
      <c r="G3342" s="1" t="s">
        <v>13122</v>
      </c>
      <c r="H3342" s="1" t="s">
        <v>13</v>
      </c>
      <c r="I3342" s="1" t="s">
        <v>13123</v>
      </c>
      <c r="J3342" s="1" t="s">
        <v>13147</v>
      </c>
    </row>
    <row r="3343" spans="1:10" x14ac:dyDescent="0.35">
      <c r="A3343" s="1" t="s">
        <v>13117</v>
      </c>
      <c r="B3343" s="1" t="s">
        <v>13118</v>
      </c>
      <c r="C3343" s="1" t="s">
        <v>50</v>
      </c>
      <c r="D3343" s="1" t="s">
        <v>13148</v>
      </c>
      <c r="E3343" s="1" t="s">
        <v>13149</v>
      </c>
      <c r="F3343" s="1" t="s">
        <v>13150</v>
      </c>
      <c r="G3343" s="1" t="s">
        <v>13122</v>
      </c>
      <c r="H3343" s="1" t="s">
        <v>13</v>
      </c>
      <c r="I3343" s="1" t="s">
        <v>13123</v>
      </c>
      <c r="J3343" s="1" t="s">
        <v>13151</v>
      </c>
    </row>
    <row r="3344" spans="1:10" x14ac:dyDescent="0.35">
      <c r="A3344" s="1" t="s">
        <v>13117</v>
      </c>
      <c r="B3344" s="1" t="s">
        <v>13118</v>
      </c>
      <c r="C3344" s="1" t="s">
        <v>55</v>
      </c>
      <c r="D3344" s="1" t="s">
        <v>13141</v>
      </c>
      <c r="E3344" s="1" t="s">
        <v>13152</v>
      </c>
      <c r="F3344" s="1" t="s">
        <v>13153</v>
      </c>
      <c r="G3344" s="1" t="s">
        <v>13122</v>
      </c>
      <c r="H3344" s="1" t="s">
        <v>13</v>
      </c>
      <c r="I3344" s="1" t="s">
        <v>13123</v>
      </c>
      <c r="J3344" s="1" t="s">
        <v>13154</v>
      </c>
    </row>
    <row r="3345" spans="1:10" x14ac:dyDescent="0.35">
      <c r="A3345" s="1" t="s">
        <v>13117</v>
      </c>
      <c r="B3345" s="1" t="s">
        <v>13118</v>
      </c>
      <c r="C3345" s="1" t="s">
        <v>60</v>
      </c>
      <c r="D3345" s="1" t="s">
        <v>13155</v>
      </c>
      <c r="E3345" s="1" t="s">
        <v>13156</v>
      </c>
      <c r="F3345" s="1" t="s">
        <v>13157</v>
      </c>
      <c r="G3345" s="1" t="s">
        <v>13122</v>
      </c>
      <c r="H3345" s="1" t="s">
        <v>13</v>
      </c>
      <c r="I3345" s="1" t="s">
        <v>13123</v>
      </c>
      <c r="J3345" s="1" t="s">
        <v>13158</v>
      </c>
    </row>
    <row r="3346" spans="1:10" x14ac:dyDescent="0.35">
      <c r="A3346" s="1" t="s">
        <v>13117</v>
      </c>
      <c r="B3346" s="1" t="s">
        <v>13118</v>
      </c>
      <c r="C3346" s="1" t="s">
        <v>65</v>
      </c>
      <c r="D3346" s="1" t="s">
        <v>4321</v>
      </c>
      <c r="E3346" s="1" t="s">
        <v>13159</v>
      </c>
      <c r="F3346" s="1" t="s">
        <v>13160</v>
      </c>
      <c r="G3346" s="1" t="s">
        <v>13122</v>
      </c>
      <c r="H3346" s="1" t="s">
        <v>13</v>
      </c>
      <c r="I3346" s="1" t="s">
        <v>13123</v>
      </c>
      <c r="J3346" s="1" t="s">
        <v>13161</v>
      </c>
    </row>
    <row r="3347" spans="1:10" x14ac:dyDescent="0.35">
      <c r="A3347" s="1" t="s">
        <v>13117</v>
      </c>
      <c r="B3347" s="1" t="s">
        <v>13118</v>
      </c>
      <c r="C3347" s="1" t="s">
        <v>70</v>
      </c>
      <c r="D3347" s="1" t="s">
        <v>13162</v>
      </c>
      <c r="E3347" s="1" t="s">
        <v>13163</v>
      </c>
      <c r="F3347" s="1" t="s">
        <v>13164</v>
      </c>
      <c r="G3347" s="1" t="s">
        <v>13122</v>
      </c>
      <c r="H3347" s="1" t="s">
        <v>13</v>
      </c>
      <c r="I3347" s="1" t="s">
        <v>13123</v>
      </c>
      <c r="J3347" s="1" t="s">
        <v>13165</v>
      </c>
    </row>
    <row r="3348" spans="1:10" x14ac:dyDescent="0.35">
      <c r="A3348" s="1" t="s">
        <v>13117</v>
      </c>
      <c r="B3348" s="1" t="s">
        <v>13118</v>
      </c>
      <c r="C3348" s="1" t="s">
        <v>75</v>
      </c>
      <c r="D3348" s="1" t="s">
        <v>13166</v>
      </c>
      <c r="E3348" s="1" t="s">
        <v>13167</v>
      </c>
      <c r="F3348" s="1" t="s">
        <v>13168</v>
      </c>
      <c r="G3348" s="1" t="s">
        <v>13122</v>
      </c>
      <c r="H3348" s="1" t="s">
        <v>13</v>
      </c>
      <c r="I3348" s="1" t="s">
        <v>13123</v>
      </c>
      <c r="J3348" s="1" t="s">
        <v>13169</v>
      </c>
    </row>
    <row r="3349" spans="1:10" x14ac:dyDescent="0.35">
      <c r="A3349" s="1" t="s">
        <v>13117</v>
      </c>
      <c r="B3349" s="1" t="s">
        <v>13118</v>
      </c>
      <c r="C3349" s="1" t="s">
        <v>80</v>
      </c>
      <c r="D3349" s="1" t="s">
        <v>13170</v>
      </c>
      <c r="E3349" s="1" t="s">
        <v>13171</v>
      </c>
      <c r="F3349" s="1" t="s">
        <v>13172</v>
      </c>
      <c r="G3349" s="1" t="s">
        <v>13122</v>
      </c>
      <c r="H3349" s="1" t="s">
        <v>13</v>
      </c>
      <c r="I3349" s="1" t="s">
        <v>13123</v>
      </c>
      <c r="J3349" s="1" t="s">
        <v>13173</v>
      </c>
    </row>
    <row r="3350" spans="1:10" x14ac:dyDescent="0.35">
      <c r="A3350" s="1" t="s">
        <v>13117</v>
      </c>
      <c r="B3350" s="1" t="s">
        <v>13118</v>
      </c>
      <c r="C3350" s="1" t="s">
        <v>85</v>
      </c>
      <c r="D3350" s="1" t="s">
        <v>13174</v>
      </c>
      <c r="E3350" s="1" t="s">
        <v>13175</v>
      </c>
      <c r="F3350" s="1" t="s">
        <v>13176</v>
      </c>
      <c r="G3350" s="1" t="s">
        <v>13122</v>
      </c>
      <c r="H3350" s="1" t="s">
        <v>13</v>
      </c>
      <c r="I3350" s="1" t="s">
        <v>13123</v>
      </c>
      <c r="J3350" s="1" t="s">
        <v>13177</v>
      </c>
    </row>
    <row r="3351" spans="1:10" x14ac:dyDescent="0.35">
      <c r="A3351" s="1" t="s">
        <v>13117</v>
      </c>
      <c r="B3351" s="1" t="s">
        <v>13118</v>
      </c>
      <c r="C3351" s="1" t="s">
        <v>90</v>
      </c>
      <c r="D3351" s="1" t="s">
        <v>13178</v>
      </c>
      <c r="E3351" s="1" t="s">
        <v>13179</v>
      </c>
      <c r="F3351" s="1" t="s">
        <v>13180</v>
      </c>
      <c r="G3351" s="1" t="s">
        <v>13122</v>
      </c>
      <c r="H3351" s="1" t="s">
        <v>13</v>
      </c>
      <c r="I3351" s="1" t="s">
        <v>13123</v>
      </c>
      <c r="J3351" s="1" t="s">
        <v>13181</v>
      </c>
    </row>
    <row r="3352" spans="1:10" x14ac:dyDescent="0.35">
      <c r="A3352" s="1" t="s">
        <v>13117</v>
      </c>
      <c r="B3352" s="1" t="s">
        <v>13118</v>
      </c>
      <c r="C3352" s="1" t="s">
        <v>95</v>
      </c>
      <c r="D3352" s="1" t="s">
        <v>13182</v>
      </c>
      <c r="E3352" s="1" t="s">
        <v>13183</v>
      </c>
      <c r="F3352" s="1" t="s">
        <v>13184</v>
      </c>
      <c r="G3352" s="1" t="s">
        <v>13122</v>
      </c>
      <c r="H3352" s="1" t="s">
        <v>13</v>
      </c>
      <c r="I3352" s="1" t="s">
        <v>13123</v>
      </c>
      <c r="J3352" s="1" t="s">
        <v>13185</v>
      </c>
    </row>
    <row r="3353" spans="1:10" x14ac:dyDescent="0.35">
      <c r="A3353" s="1" t="s">
        <v>13117</v>
      </c>
      <c r="B3353" s="1" t="s">
        <v>13118</v>
      </c>
      <c r="C3353" s="1" t="s">
        <v>100</v>
      </c>
      <c r="D3353" s="1" t="s">
        <v>13186</v>
      </c>
      <c r="E3353" s="1" t="s">
        <v>13187</v>
      </c>
      <c r="F3353" s="1" t="s">
        <v>13188</v>
      </c>
      <c r="G3353" s="1" t="s">
        <v>13122</v>
      </c>
      <c r="H3353" s="1" t="s">
        <v>13</v>
      </c>
      <c r="I3353" s="1" t="s">
        <v>13123</v>
      </c>
      <c r="J3353" s="1" t="s">
        <v>1208</v>
      </c>
    </row>
    <row r="3354" spans="1:10" x14ac:dyDescent="0.35">
      <c r="A3354" s="1" t="s">
        <v>13117</v>
      </c>
      <c r="B3354" s="1" t="s">
        <v>13118</v>
      </c>
      <c r="C3354" s="1" t="s">
        <v>105</v>
      </c>
      <c r="D3354" s="1" t="s">
        <v>1528</v>
      </c>
      <c r="E3354" s="1" t="s">
        <v>13189</v>
      </c>
      <c r="F3354" s="1" t="s">
        <v>13190</v>
      </c>
      <c r="G3354" s="1" t="s">
        <v>13122</v>
      </c>
      <c r="H3354" s="1" t="s">
        <v>13</v>
      </c>
      <c r="I3354" s="1" t="s">
        <v>13123</v>
      </c>
      <c r="J3354" s="1" t="s">
        <v>13191</v>
      </c>
    </row>
    <row r="3355" spans="1:10" x14ac:dyDescent="0.35">
      <c r="A3355" s="1" t="s">
        <v>13117</v>
      </c>
      <c r="B3355" s="1" t="s">
        <v>13118</v>
      </c>
      <c r="C3355" s="1" t="s">
        <v>110</v>
      </c>
      <c r="D3355" s="1" t="s">
        <v>13192</v>
      </c>
      <c r="E3355" s="1" t="s">
        <v>13193</v>
      </c>
      <c r="F3355" s="1" t="s">
        <v>13194</v>
      </c>
      <c r="G3355" s="1" t="s">
        <v>13122</v>
      </c>
      <c r="H3355" s="1" t="s">
        <v>13</v>
      </c>
      <c r="I3355" s="1" t="s">
        <v>13123</v>
      </c>
      <c r="J3355" s="1" t="s">
        <v>13195</v>
      </c>
    </row>
    <row r="3356" spans="1:10" x14ac:dyDescent="0.35">
      <c r="A3356" s="1" t="s">
        <v>13117</v>
      </c>
      <c r="B3356" s="1" t="s">
        <v>13118</v>
      </c>
      <c r="C3356" s="1" t="s">
        <v>115</v>
      </c>
      <c r="D3356" s="1" t="s">
        <v>6359</v>
      </c>
      <c r="E3356" s="1" t="s">
        <v>13196</v>
      </c>
      <c r="F3356" s="1" t="s">
        <v>13197</v>
      </c>
      <c r="G3356" s="1" t="s">
        <v>13122</v>
      </c>
      <c r="H3356" s="1" t="s">
        <v>13</v>
      </c>
      <c r="I3356" s="1" t="s">
        <v>13123</v>
      </c>
      <c r="J3356" s="1" t="s">
        <v>13198</v>
      </c>
    </row>
    <row r="3357" spans="1:10" x14ac:dyDescent="0.35">
      <c r="A3357" s="1" t="s">
        <v>13117</v>
      </c>
      <c r="B3357" s="1" t="s">
        <v>13118</v>
      </c>
      <c r="C3357" s="1" t="s">
        <v>120</v>
      </c>
      <c r="D3357" s="1" t="s">
        <v>13199</v>
      </c>
      <c r="E3357" s="1" t="s">
        <v>13200</v>
      </c>
      <c r="F3357" s="1" t="s">
        <v>13201</v>
      </c>
      <c r="G3357" s="1" t="s">
        <v>13122</v>
      </c>
      <c r="H3357" s="1" t="s">
        <v>13</v>
      </c>
      <c r="I3357" s="1" t="s">
        <v>13123</v>
      </c>
      <c r="J3357" s="1" t="s">
        <v>13202</v>
      </c>
    </row>
    <row r="3358" spans="1:10" x14ac:dyDescent="0.35">
      <c r="A3358" s="1" t="s">
        <v>13117</v>
      </c>
      <c r="B3358" s="1" t="s">
        <v>13118</v>
      </c>
      <c r="C3358" s="1" t="s">
        <v>125</v>
      </c>
      <c r="D3358" s="1" t="s">
        <v>13203</v>
      </c>
      <c r="E3358" s="1" t="s">
        <v>13204</v>
      </c>
      <c r="F3358" s="1" t="s">
        <v>13205</v>
      </c>
      <c r="G3358" s="1" t="s">
        <v>13122</v>
      </c>
      <c r="H3358" s="1" t="s">
        <v>13</v>
      </c>
      <c r="I3358" s="1" t="s">
        <v>13123</v>
      </c>
      <c r="J3358" s="1" t="s">
        <v>13206</v>
      </c>
    </row>
    <row r="3359" spans="1:10" x14ac:dyDescent="0.35">
      <c r="A3359" s="1" t="s">
        <v>13117</v>
      </c>
      <c r="B3359" s="1" t="s">
        <v>13118</v>
      </c>
      <c r="C3359" s="1" t="s">
        <v>130</v>
      </c>
      <c r="D3359" s="1" t="s">
        <v>6089</v>
      </c>
      <c r="E3359" s="1" t="s">
        <v>13207</v>
      </c>
      <c r="F3359" s="1" t="s">
        <v>13208</v>
      </c>
      <c r="G3359" s="1" t="s">
        <v>13122</v>
      </c>
      <c r="H3359" s="1" t="s">
        <v>13</v>
      </c>
      <c r="I3359" s="1" t="s">
        <v>13123</v>
      </c>
      <c r="J3359" s="1" t="s">
        <v>13209</v>
      </c>
    </row>
    <row r="3360" spans="1:10" x14ac:dyDescent="0.35">
      <c r="A3360" s="1" t="s">
        <v>13117</v>
      </c>
      <c r="B3360" s="1" t="s">
        <v>13118</v>
      </c>
      <c r="C3360" s="1" t="s">
        <v>135</v>
      </c>
      <c r="D3360" s="1" t="s">
        <v>13210</v>
      </c>
      <c r="E3360" s="1" t="s">
        <v>13211</v>
      </c>
      <c r="F3360" s="1" t="s">
        <v>13212</v>
      </c>
      <c r="G3360" s="1" t="s">
        <v>13122</v>
      </c>
      <c r="H3360" s="1" t="s">
        <v>13</v>
      </c>
      <c r="I3360" s="1" t="s">
        <v>13123</v>
      </c>
      <c r="J3360" s="1" t="s">
        <v>13213</v>
      </c>
    </row>
    <row r="3361" spans="1:10" x14ac:dyDescent="0.35">
      <c r="A3361" s="1" t="s">
        <v>13117</v>
      </c>
      <c r="B3361" s="1" t="s">
        <v>13118</v>
      </c>
      <c r="C3361" s="1" t="s">
        <v>140</v>
      </c>
      <c r="D3361" s="1" t="s">
        <v>13214</v>
      </c>
      <c r="E3361" s="1" t="s">
        <v>13215</v>
      </c>
      <c r="F3361" s="1" t="s">
        <v>13216</v>
      </c>
      <c r="G3361" s="1" t="s">
        <v>13122</v>
      </c>
      <c r="H3361" s="1" t="s">
        <v>13</v>
      </c>
      <c r="I3361" s="1" t="s">
        <v>13123</v>
      </c>
      <c r="J3361" s="1" t="s">
        <v>13217</v>
      </c>
    </row>
    <row r="3362" spans="1:10" x14ac:dyDescent="0.35">
      <c r="A3362" s="1" t="s">
        <v>13117</v>
      </c>
      <c r="B3362" s="1" t="s">
        <v>13118</v>
      </c>
      <c r="C3362" s="1" t="s">
        <v>145</v>
      </c>
      <c r="D3362" s="1" t="s">
        <v>13218</v>
      </c>
      <c r="E3362" s="1" t="s">
        <v>13219</v>
      </c>
      <c r="F3362" s="1" t="s">
        <v>13220</v>
      </c>
      <c r="G3362" s="1" t="s">
        <v>13122</v>
      </c>
      <c r="H3362" s="1" t="s">
        <v>13</v>
      </c>
      <c r="I3362" s="1" t="s">
        <v>13123</v>
      </c>
      <c r="J3362" s="1" t="s">
        <v>13221</v>
      </c>
    </row>
    <row r="3363" spans="1:10" x14ac:dyDescent="0.35">
      <c r="A3363" s="1" t="s">
        <v>13117</v>
      </c>
      <c r="B3363" s="1" t="s">
        <v>13118</v>
      </c>
      <c r="C3363" s="1" t="s">
        <v>150</v>
      </c>
      <c r="D3363" s="1" t="s">
        <v>6139</v>
      </c>
      <c r="E3363" s="1" t="s">
        <v>13222</v>
      </c>
      <c r="F3363" s="1" t="s">
        <v>13223</v>
      </c>
      <c r="G3363" s="1" t="s">
        <v>13122</v>
      </c>
      <c r="H3363" s="1" t="s">
        <v>13</v>
      </c>
      <c r="I3363" s="1" t="s">
        <v>13123</v>
      </c>
      <c r="J3363" s="1" t="s">
        <v>13224</v>
      </c>
    </row>
    <row r="3364" spans="1:10" x14ac:dyDescent="0.35">
      <c r="A3364" s="1" t="s">
        <v>13117</v>
      </c>
      <c r="B3364" s="1" t="s">
        <v>13118</v>
      </c>
      <c r="C3364" s="1" t="s">
        <v>155</v>
      </c>
      <c r="D3364" s="1" t="s">
        <v>13225</v>
      </c>
      <c r="E3364" s="1" t="s">
        <v>13226</v>
      </c>
      <c r="F3364" s="1" t="s">
        <v>13227</v>
      </c>
      <c r="G3364" s="1" t="s">
        <v>13122</v>
      </c>
      <c r="H3364" s="1" t="s">
        <v>13</v>
      </c>
      <c r="I3364" s="1" t="s">
        <v>13123</v>
      </c>
      <c r="J3364" s="1" t="s">
        <v>13228</v>
      </c>
    </row>
    <row r="3365" spans="1:10" x14ac:dyDescent="0.35">
      <c r="A3365" s="1" t="s">
        <v>13117</v>
      </c>
      <c r="B3365" s="1" t="s">
        <v>13118</v>
      </c>
      <c r="C3365" s="1" t="s">
        <v>160</v>
      </c>
      <c r="D3365" s="1" t="s">
        <v>13229</v>
      </c>
      <c r="E3365" s="1" t="s">
        <v>13230</v>
      </c>
      <c r="F3365" s="1" t="s">
        <v>13231</v>
      </c>
      <c r="G3365" s="1" t="s">
        <v>13122</v>
      </c>
      <c r="H3365" s="1" t="s">
        <v>13</v>
      </c>
      <c r="I3365" s="1" t="s">
        <v>13123</v>
      </c>
      <c r="J3365" s="1" t="s">
        <v>2202</v>
      </c>
    </row>
    <row r="3366" spans="1:10" x14ac:dyDescent="0.35">
      <c r="A3366" s="1" t="s">
        <v>13117</v>
      </c>
      <c r="B3366" s="1" t="s">
        <v>13118</v>
      </c>
      <c r="C3366" s="1" t="s">
        <v>165</v>
      </c>
      <c r="D3366" s="1" t="s">
        <v>13232</v>
      </c>
      <c r="E3366" s="1" t="s">
        <v>13233</v>
      </c>
      <c r="F3366" s="1" t="s">
        <v>13234</v>
      </c>
      <c r="G3366" s="1" t="s">
        <v>13122</v>
      </c>
      <c r="H3366" s="1" t="s">
        <v>13</v>
      </c>
      <c r="I3366" s="1" t="s">
        <v>13123</v>
      </c>
      <c r="J3366" s="1" t="s">
        <v>13235</v>
      </c>
    </row>
    <row r="3367" spans="1:10" x14ac:dyDescent="0.35">
      <c r="A3367" s="1" t="s">
        <v>13117</v>
      </c>
      <c r="B3367" s="1" t="s">
        <v>13118</v>
      </c>
      <c r="C3367" s="1" t="s">
        <v>170</v>
      </c>
      <c r="D3367" s="1" t="s">
        <v>13236</v>
      </c>
      <c r="E3367" s="1" t="s">
        <v>13237</v>
      </c>
      <c r="F3367" s="1" t="s">
        <v>13238</v>
      </c>
      <c r="G3367" s="1" t="s">
        <v>13122</v>
      </c>
      <c r="H3367" s="1" t="s">
        <v>13</v>
      </c>
      <c r="I3367" s="1" t="s">
        <v>13123</v>
      </c>
      <c r="J3367" s="1" t="s">
        <v>13239</v>
      </c>
    </row>
    <row r="3368" spans="1:10" x14ac:dyDescent="0.35">
      <c r="A3368" s="1" t="s">
        <v>13240</v>
      </c>
      <c r="B3368" s="1" t="s">
        <v>13241</v>
      </c>
      <c r="C3368" s="1" t="s">
        <v>8</v>
      </c>
      <c r="D3368" s="1" t="s">
        <v>13242</v>
      </c>
      <c r="E3368" s="1" t="s">
        <v>13243</v>
      </c>
      <c r="F3368" s="1" t="s">
        <v>13244</v>
      </c>
      <c r="G3368" s="1" t="s">
        <v>13245</v>
      </c>
      <c r="H3368" s="1" t="s">
        <v>13</v>
      </c>
      <c r="I3368" s="1" t="s">
        <v>13246</v>
      </c>
      <c r="J3368" s="1" t="s">
        <v>13</v>
      </c>
    </row>
    <row r="3369" spans="1:10" x14ac:dyDescent="0.35">
      <c r="A3369" s="1" t="s">
        <v>13240</v>
      </c>
      <c r="B3369" s="1" t="s">
        <v>13241</v>
      </c>
      <c r="C3369" s="1" t="s">
        <v>15</v>
      </c>
      <c r="D3369" s="1" t="s">
        <v>13247</v>
      </c>
      <c r="E3369" s="1" t="s">
        <v>13248</v>
      </c>
      <c r="F3369" s="1" t="s">
        <v>13249</v>
      </c>
      <c r="G3369" s="1" t="s">
        <v>13245</v>
      </c>
      <c r="H3369" s="1" t="s">
        <v>13</v>
      </c>
      <c r="I3369" s="1" t="s">
        <v>13246</v>
      </c>
      <c r="J3369" s="1" t="s">
        <v>13250</v>
      </c>
    </row>
    <row r="3370" spans="1:10" x14ac:dyDescent="0.35">
      <c r="A3370" s="1" t="s">
        <v>13240</v>
      </c>
      <c r="B3370" s="1" t="s">
        <v>13241</v>
      </c>
      <c r="C3370" s="1" t="s">
        <v>20</v>
      </c>
      <c r="D3370" s="1" t="s">
        <v>13251</v>
      </c>
      <c r="E3370" s="1" t="s">
        <v>13252</v>
      </c>
      <c r="F3370" s="1" t="s">
        <v>13253</v>
      </c>
      <c r="G3370" s="1" t="s">
        <v>13245</v>
      </c>
      <c r="H3370" s="1" t="s">
        <v>13</v>
      </c>
      <c r="I3370" s="1" t="s">
        <v>13246</v>
      </c>
      <c r="J3370" s="1" t="s">
        <v>13254</v>
      </c>
    </row>
    <row r="3371" spans="1:10" x14ac:dyDescent="0.35">
      <c r="A3371" s="1" t="s">
        <v>13240</v>
      </c>
      <c r="B3371" s="1" t="s">
        <v>13241</v>
      </c>
      <c r="C3371" s="1" t="s">
        <v>25</v>
      </c>
      <c r="D3371" s="1" t="s">
        <v>13255</v>
      </c>
      <c r="E3371" s="1" t="s">
        <v>13256</v>
      </c>
      <c r="F3371" s="1" t="s">
        <v>13257</v>
      </c>
      <c r="G3371" s="1" t="s">
        <v>13245</v>
      </c>
      <c r="H3371" s="1" t="s">
        <v>13</v>
      </c>
      <c r="I3371" s="1" t="s">
        <v>13246</v>
      </c>
      <c r="J3371" s="1" t="s">
        <v>13258</v>
      </c>
    </row>
    <row r="3372" spans="1:10" x14ac:dyDescent="0.35">
      <c r="A3372" s="1" t="s">
        <v>13240</v>
      </c>
      <c r="B3372" s="1" t="s">
        <v>13241</v>
      </c>
      <c r="C3372" s="1" t="s">
        <v>30</v>
      </c>
      <c r="D3372" s="1" t="s">
        <v>13259</v>
      </c>
      <c r="E3372" s="1" t="s">
        <v>13260</v>
      </c>
      <c r="F3372" s="1" t="s">
        <v>13261</v>
      </c>
      <c r="G3372" s="1" t="s">
        <v>13245</v>
      </c>
      <c r="H3372" s="1" t="s">
        <v>13</v>
      </c>
      <c r="I3372" s="1" t="s">
        <v>13246</v>
      </c>
      <c r="J3372" s="1" t="s">
        <v>13262</v>
      </c>
    </row>
    <row r="3373" spans="1:10" x14ac:dyDescent="0.35">
      <c r="A3373" s="1" t="s">
        <v>13240</v>
      </c>
      <c r="B3373" s="1" t="s">
        <v>13241</v>
      </c>
      <c r="C3373" s="1" t="s">
        <v>35</v>
      </c>
      <c r="D3373" s="1" t="s">
        <v>13263</v>
      </c>
      <c r="E3373" s="1" t="s">
        <v>13264</v>
      </c>
      <c r="F3373" s="1" t="s">
        <v>13265</v>
      </c>
      <c r="G3373" s="1" t="s">
        <v>13245</v>
      </c>
      <c r="H3373" s="1" t="s">
        <v>13</v>
      </c>
      <c r="I3373" s="1" t="s">
        <v>13246</v>
      </c>
      <c r="J3373" s="1" t="s">
        <v>13266</v>
      </c>
    </row>
    <row r="3374" spans="1:10" x14ac:dyDescent="0.35">
      <c r="A3374" s="1" t="s">
        <v>13240</v>
      </c>
      <c r="B3374" s="1" t="s">
        <v>13241</v>
      </c>
      <c r="C3374" s="1" t="s">
        <v>40</v>
      </c>
      <c r="D3374" s="1" t="s">
        <v>13267</v>
      </c>
      <c r="E3374" s="1" t="s">
        <v>13268</v>
      </c>
      <c r="F3374" s="1" t="s">
        <v>13269</v>
      </c>
      <c r="G3374" s="1" t="s">
        <v>13245</v>
      </c>
      <c r="H3374" s="1" t="s">
        <v>13</v>
      </c>
      <c r="I3374" s="1" t="s">
        <v>13246</v>
      </c>
      <c r="J3374" s="1" t="s">
        <v>13270</v>
      </c>
    </row>
    <row r="3375" spans="1:10" x14ac:dyDescent="0.35">
      <c r="A3375" s="1" t="s">
        <v>13240</v>
      </c>
      <c r="B3375" s="1" t="s">
        <v>13241</v>
      </c>
      <c r="C3375" s="1" t="s">
        <v>45</v>
      </c>
      <c r="D3375" s="1" t="s">
        <v>13271</v>
      </c>
      <c r="E3375" s="1" t="s">
        <v>13272</v>
      </c>
      <c r="F3375" s="1" t="s">
        <v>13273</v>
      </c>
      <c r="G3375" s="1" t="s">
        <v>13245</v>
      </c>
      <c r="H3375" s="1" t="s">
        <v>13</v>
      </c>
      <c r="I3375" s="1" t="s">
        <v>13246</v>
      </c>
      <c r="J3375" s="1" t="s">
        <v>13274</v>
      </c>
    </row>
    <row r="3376" spans="1:10" x14ac:dyDescent="0.35">
      <c r="A3376" s="1" t="s">
        <v>13240</v>
      </c>
      <c r="B3376" s="1" t="s">
        <v>13241</v>
      </c>
      <c r="C3376" s="1" t="s">
        <v>50</v>
      </c>
      <c r="D3376" s="1" t="s">
        <v>13275</v>
      </c>
      <c r="E3376" s="1" t="s">
        <v>13276</v>
      </c>
      <c r="F3376" s="1" t="s">
        <v>13277</v>
      </c>
      <c r="G3376" s="1" t="s">
        <v>13245</v>
      </c>
      <c r="H3376" s="1" t="s">
        <v>13</v>
      </c>
      <c r="I3376" s="1" t="s">
        <v>13246</v>
      </c>
      <c r="J3376" s="1" t="s">
        <v>13278</v>
      </c>
    </row>
    <row r="3377" spans="1:10" x14ac:dyDescent="0.35">
      <c r="A3377" s="1" t="s">
        <v>13240</v>
      </c>
      <c r="B3377" s="1" t="s">
        <v>13241</v>
      </c>
      <c r="C3377" s="1" t="s">
        <v>55</v>
      </c>
      <c r="D3377" s="1" t="s">
        <v>13279</v>
      </c>
      <c r="E3377" s="1" t="s">
        <v>13280</v>
      </c>
      <c r="F3377" s="1" t="s">
        <v>13281</v>
      </c>
      <c r="G3377" s="1" t="s">
        <v>13245</v>
      </c>
      <c r="H3377" s="1" t="s">
        <v>13</v>
      </c>
      <c r="I3377" s="1" t="s">
        <v>13246</v>
      </c>
      <c r="J3377" s="1" t="s">
        <v>13282</v>
      </c>
    </row>
    <row r="3378" spans="1:10" x14ac:dyDescent="0.35">
      <c r="A3378" s="1" t="s">
        <v>13240</v>
      </c>
      <c r="B3378" s="1" t="s">
        <v>13241</v>
      </c>
      <c r="C3378" s="1" t="s">
        <v>60</v>
      </c>
      <c r="D3378" s="1" t="s">
        <v>13283</v>
      </c>
      <c r="E3378" s="1" t="s">
        <v>13284</v>
      </c>
      <c r="F3378" s="1" t="s">
        <v>13285</v>
      </c>
      <c r="G3378" s="1" t="s">
        <v>13245</v>
      </c>
      <c r="H3378" s="1" t="s">
        <v>13</v>
      </c>
      <c r="I3378" s="1" t="s">
        <v>13246</v>
      </c>
      <c r="J3378" s="1" t="s">
        <v>13286</v>
      </c>
    </row>
    <row r="3379" spans="1:10" x14ac:dyDescent="0.35">
      <c r="A3379" s="1" t="s">
        <v>13240</v>
      </c>
      <c r="B3379" s="1" t="s">
        <v>13241</v>
      </c>
      <c r="C3379" s="1" t="s">
        <v>65</v>
      </c>
      <c r="D3379" s="1" t="s">
        <v>13287</v>
      </c>
      <c r="E3379" s="1" t="s">
        <v>13288</v>
      </c>
      <c r="F3379" s="1" t="s">
        <v>13289</v>
      </c>
      <c r="G3379" s="1" t="s">
        <v>13245</v>
      </c>
      <c r="H3379" s="1" t="s">
        <v>13</v>
      </c>
      <c r="I3379" s="1" t="s">
        <v>13246</v>
      </c>
      <c r="J3379" s="1" t="s">
        <v>13290</v>
      </c>
    </row>
    <row r="3380" spans="1:10" x14ac:dyDescent="0.35">
      <c r="A3380" s="1" t="s">
        <v>13240</v>
      </c>
      <c r="B3380" s="1" t="s">
        <v>13241</v>
      </c>
      <c r="C3380" s="1" t="s">
        <v>70</v>
      </c>
      <c r="D3380" s="1" t="s">
        <v>13291</v>
      </c>
      <c r="E3380" s="1" t="s">
        <v>13292</v>
      </c>
      <c r="F3380" s="1" t="s">
        <v>13293</v>
      </c>
      <c r="G3380" s="1" t="s">
        <v>13245</v>
      </c>
      <c r="H3380" s="1" t="s">
        <v>13</v>
      </c>
      <c r="I3380" s="1" t="s">
        <v>13246</v>
      </c>
      <c r="J3380" s="1" t="s">
        <v>13294</v>
      </c>
    </row>
    <row r="3381" spans="1:10" x14ac:dyDescent="0.35">
      <c r="A3381" s="1" t="s">
        <v>13240</v>
      </c>
      <c r="B3381" s="1" t="s">
        <v>13241</v>
      </c>
      <c r="C3381" s="1" t="s">
        <v>75</v>
      </c>
      <c r="D3381" s="1" t="s">
        <v>13295</v>
      </c>
      <c r="E3381" s="1" t="s">
        <v>13296</v>
      </c>
      <c r="F3381" s="1" t="s">
        <v>13297</v>
      </c>
      <c r="G3381" s="1" t="s">
        <v>13245</v>
      </c>
      <c r="H3381" s="1" t="s">
        <v>13</v>
      </c>
      <c r="I3381" s="1" t="s">
        <v>13246</v>
      </c>
      <c r="J3381" s="1" t="s">
        <v>13298</v>
      </c>
    </row>
    <row r="3382" spans="1:10" x14ac:dyDescent="0.35">
      <c r="A3382" s="1" t="s">
        <v>13240</v>
      </c>
      <c r="B3382" s="1" t="s">
        <v>13241</v>
      </c>
      <c r="C3382" s="1" t="s">
        <v>80</v>
      </c>
      <c r="D3382" s="1" t="s">
        <v>13299</v>
      </c>
      <c r="E3382" s="1" t="s">
        <v>13300</v>
      </c>
      <c r="F3382" s="1" t="s">
        <v>13301</v>
      </c>
      <c r="G3382" s="1" t="s">
        <v>13245</v>
      </c>
      <c r="H3382" s="1" t="s">
        <v>13</v>
      </c>
      <c r="I3382" s="1" t="s">
        <v>13246</v>
      </c>
      <c r="J3382" s="1" t="s">
        <v>13302</v>
      </c>
    </row>
    <row r="3383" spans="1:10" x14ac:dyDescent="0.35">
      <c r="A3383" s="1" t="s">
        <v>13240</v>
      </c>
      <c r="B3383" s="1" t="s">
        <v>13241</v>
      </c>
      <c r="C3383" s="1" t="s">
        <v>85</v>
      </c>
      <c r="D3383" s="1" t="s">
        <v>13303</v>
      </c>
      <c r="E3383" s="1" t="s">
        <v>13304</v>
      </c>
      <c r="F3383" s="1" t="s">
        <v>13305</v>
      </c>
      <c r="G3383" s="1" t="s">
        <v>13245</v>
      </c>
      <c r="H3383" s="1" t="s">
        <v>13</v>
      </c>
      <c r="I3383" s="1" t="s">
        <v>13246</v>
      </c>
      <c r="J3383" s="1" t="s">
        <v>13306</v>
      </c>
    </row>
    <row r="3384" spans="1:10" x14ac:dyDescent="0.35">
      <c r="A3384" s="1" t="s">
        <v>13240</v>
      </c>
      <c r="B3384" s="1" t="s">
        <v>13241</v>
      </c>
      <c r="C3384" s="1" t="s">
        <v>90</v>
      </c>
      <c r="D3384" s="1" t="s">
        <v>13307</v>
      </c>
      <c r="E3384" s="1" t="s">
        <v>13308</v>
      </c>
      <c r="F3384" s="1" t="s">
        <v>13309</v>
      </c>
      <c r="G3384" s="1" t="s">
        <v>13245</v>
      </c>
      <c r="H3384" s="1" t="s">
        <v>13</v>
      </c>
      <c r="I3384" s="1" t="s">
        <v>13246</v>
      </c>
      <c r="J3384" s="1" t="s">
        <v>13310</v>
      </c>
    </row>
    <row r="3385" spans="1:10" x14ac:dyDescent="0.35">
      <c r="A3385" s="1" t="s">
        <v>13240</v>
      </c>
      <c r="B3385" s="1" t="s">
        <v>13241</v>
      </c>
      <c r="C3385" s="1" t="s">
        <v>95</v>
      </c>
      <c r="D3385" s="1" t="s">
        <v>13311</v>
      </c>
      <c r="E3385" s="1" t="s">
        <v>13312</v>
      </c>
      <c r="F3385" s="1" t="s">
        <v>13313</v>
      </c>
      <c r="G3385" s="1" t="s">
        <v>13245</v>
      </c>
      <c r="H3385" s="1" t="s">
        <v>13</v>
      </c>
      <c r="I3385" s="1" t="s">
        <v>13246</v>
      </c>
      <c r="J3385" s="1" t="s">
        <v>13314</v>
      </c>
    </row>
    <row r="3386" spans="1:10" x14ac:dyDescent="0.35">
      <c r="A3386" s="1" t="s">
        <v>13240</v>
      </c>
      <c r="B3386" s="1" t="s">
        <v>13241</v>
      </c>
      <c r="C3386" s="1" t="s">
        <v>100</v>
      </c>
      <c r="D3386" s="1" t="s">
        <v>13315</v>
      </c>
      <c r="E3386" s="1" t="s">
        <v>13316</v>
      </c>
      <c r="F3386" s="1" t="s">
        <v>13317</v>
      </c>
      <c r="G3386" s="1" t="s">
        <v>13245</v>
      </c>
      <c r="H3386" s="1" t="s">
        <v>13</v>
      </c>
      <c r="I3386" s="1" t="s">
        <v>13246</v>
      </c>
      <c r="J3386" s="1" t="s">
        <v>13318</v>
      </c>
    </row>
    <row r="3387" spans="1:10" x14ac:dyDescent="0.35">
      <c r="A3387" s="1" t="s">
        <v>13240</v>
      </c>
      <c r="B3387" s="1" t="s">
        <v>13241</v>
      </c>
      <c r="C3387" s="1" t="s">
        <v>105</v>
      </c>
      <c r="D3387" s="1" t="s">
        <v>9448</v>
      </c>
      <c r="E3387" s="1" t="s">
        <v>13319</v>
      </c>
      <c r="F3387" s="1" t="s">
        <v>13320</v>
      </c>
      <c r="G3387" s="1" t="s">
        <v>13245</v>
      </c>
      <c r="H3387" s="1" t="s">
        <v>13</v>
      </c>
      <c r="I3387" s="1" t="s">
        <v>13246</v>
      </c>
      <c r="J3387" s="1" t="s">
        <v>13321</v>
      </c>
    </row>
    <row r="3388" spans="1:10" x14ac:dyDescent="0.35">
      <c r="A3388" s="1" t="s">
        <v>13240</v>
      </c>
      <c r="B3388" s="1" t="s">
        <v>13241</v>
      </c>
      <c r="C3388" s="1" t="s">
        <v>110</v>
      </c>
      <c r="D3388" s="1" t="s">
        <v>13322</v>
      </c>
      <c r="E3388" s="1" t="s">
        <v>13323</v>
      </c>
      <c r="F3388" s="1" t="s">
        <v>13324</v>
      </c>
      <c r="G3388" s="1" t="s">
        <v>13245</v>
      </c>
      <c r="H3388" s="1" t="s">
        <v>13</v>
      </c>
      <c r="I3388" s="1" t="s">
        <v>13246</v>
      </c>
      <c r="J3388" s="1" t="s">
        <v>13325</v>
      </c>
    </row>
    <row r="3389" spans="1:10" x14ac:dyDescent="0.35">
      <c r="A3389" s="1" t="s">
        <v>13240</v>
      </c>
      <c r="B3389" s="1" t="s">
        <v>13241</v>
      </c>
      <c r="C3389" s="1" t="s">
        <v>115</v>
      </c>
      <c r="D3389" s="1" t="s">
        <v>13326</v>
      </c>
      <c r="E3389" s="1" t="s">
        <v>13327</v>
      </c>
      <c r="F3389" s="1" t="s">
        <v>13328</v>
      </c>
      <c r="G3389" s="1" t="s">
        <v>13245</v>
      </c>
      <c r="H3389" s="1" t="s">
        <v>13</v>
      </c>
      <c r="I3389" s="1" t="s">
        <v>13246</v>
      </c>
      <c r="J3389" s="1" t="s">
        <v>13329</v>
      </c>
    </row>
    <row r="3390" spans="1:10" x14ac:dyDescent="0.35">
      <c r="A3390" s="1" t="s">
        <v>13240</v>
      </c>
      <c r="B3390" s="1" t="s">
        <v>13241</v>
      </c>
      <c r="C3390" s="1" t="s">
        <v>120</v>
      </c>
      <c r="D3390" s="1" t="s">
        <v>13330</v>
      </c>
      <c r="E3390" s="1" t="s">
        <v>13331</v>
      </c>
      <c r="F3390" s="1" t="s">
        <v>13332</v>
      </c>
      <c r="G3390" s="1" t="s">
        <v>13245</v>
      </c>
      <c r="H3390" s="1" t="s">
        <v>13</v>
      </c>
      <c r="I3390" s="1" t="s">
        <v>13246</v>
      </c>
      <c r="J3390" s="1" t="s">
        <v>13333</v>
      </c>
    </row>
    <row r="3391" spans="1:10" x14ac:dyDescent="0.35">
      <c r="A3391" s="1" t="s">
        <v>13240</v>
      </c>
      <c r="B3391" s="1" t="s">
        <v>13241</v>
      </c>
      <c r="C3391" s="1" t="s">
        <v>125</v>
      </c>
      <c r="D3391" s="1" t="s">
        <v>13334</v>
      </c>
      <c r="E3391" s="1" t="s">
        <v>13335</v>
      </c>
      <c r="F3391" s="1" t="s">
        <v>13336</v>
      </c>
      <c r="G3391" s="1" t="s">
        <v>13245</v>
      </c>
      <c r="H3391" s="1" t="s">
        <v>13</v>
      </c>
      <c r="I3391" s="1" t="s">
        <v>13246</v>
      </c>
      <c r="J3391" s="1" t="s">
        <v>13337</v>
      </c>
    </row>
    <row r="3392" spans="1:10" x14ac:dyDescent="0.35">
      <c r="A3392" s="1" t="s">
        <v>13240</v>
      </c>
      <c r="B3392" s="1" t="s">
        <v>13241</v>
      </c>
      <c r="C3392" s="1" t="s">
        <v>130</v>
      </c>
      <c r="D3392" s="1" t="s">
        <v>13338</v>
      </c>
      <c r="E3392" s="1" t="s">
        <v>13339</v>
      </c>
      <c r="F3392" s="1" t="s">
        <v>13340</v>
      </c>
      <c r="G3392" s="1" t="s">
        <v>13245</v>
      </c>
      <c r="H3392" s="1" t="s">
        <v>13</v>
      </c>
      <c r="I3392" s="1" t="s">
        <v>13246</v>
      </c>
      <c r="J3392" s="1" t="s">
        <v>13341</v>
      </c>
    </row>
    <row r="3393" spans="1:10" x14ac:dyDescent="0.35">
      <c r="A3393" s="1" t="s">
        <v>13240</v>
      </c>
      <c r="B3393" s="1" t="s">
        <v>13241</v>
      </c>
      <c r="C3393" s="1" t="s">
        <v>135</v>
      </c>
      <c r="D3393" s="1" t="s">
        <v>13342</v>
      </c>
      <c r="E3393" s="1" t="s">
        <v>13343</v>
      </c>
      <c r="F3393" s="1" t="s">
        <v>13344</v>
      </c>
      <c r="G3393" s="1" t="s">
        <v>13245</v>
      </c>
      <c r="H3393" s="1" t="s">
        <v>13</v>
      </c>
      <c r="I3393" s="1" t="s">
        <v>13246</v>
      </c>
      <c r="J3393" s="1" t="s">
        <v>13345</v>
      </c>
    </row>
    <row r="3394" spans="1:10" x14ac:dyDescent="0.35">
      <c r="A3394" s="1" t="s">
        <v>13240</v>
      </c>
      <c r="B3394" s="1" t="s">
        <v>13241</v>
      </c>
      <c r="C3394" s="1" t="s">
        <v>140</v>
      </c>
      <c r="D3394" s="1" t="s">
        <v>13346</v>
      </c>
      <c r="E3394" s="1" t="s">
        <v>13347</v>
      </c>
      <c r="F3394" s="1" t="s">
        <v>13348</v>
      </c>
      <c r="G3394" s="1" t="s">
        <v>13245</v>
      </c>
      <c r="H3394" s="1" t="s">
        <v>13</v>
      </c>
      <c r="I3394" s="1" t="s">
        <v>13246</v>
      </c>
      <c r="J3394" s="1" t="s">
        <v>13349</v>
      </c>
    </row>
    <row r="3395" spans="1:10" x14ac:dyDescent="0.35">
      <c r="A3395" s="1" t="s">
        <v>13240</v>
      </c>
      <c r="B3395" s="1" t="s">
        <v>13241</v>
      </c>
      <c r="C3395" s="1" t="s">
        <v>145</v>
      </c>
      <c r="D3395" s="1" t="s">
        <v>13350</v>
      </c>
      <c r="E3395" s="1" t="s">
        <v>13351</v>
      </c>
      <c r="F3395" s="1" t="s">
        <v>13352</v>
      </c>
      <c r="G3395" s="1" t="s">
        <v>13245</v>
      </c>
      <c r="H3395" s="1" t="s">
        <v>13</v>
      </c>
      <c r="I3395" s="1" t="s">
        <v>13246</v>
      </c>
      <c r="J3395" s="1" t="s">
        <v>13353</v>
      </c>
    </row>
    <row r="3396" spans="1:10" x14ac:dyDescent="0.35">
      <c r="A3396" s="1" t="s">
        <v>13240</v>
      </c>
      <c r="B3396" s="1" t="s">
        <v>13241</v>
      </c>
      <c r="C3396" s="1" t="s">
        <v>150</v>
      </c>
      <c r="D3396" s="1" t="s">
        <v>13354</v>
      </c>
      <c r="E3396" s="1" t="s">
        <v>13355</v>
      </c>
      <c r="F3396" s="1" t="s">
        <v>13356</v>
      </c>
      <c r="G3396" s="1" t="s">
        <v>13245</v>
      </c>
      <c r="H3396" s="1" t="s">
        <v>13</v>
      </c>
      <c r="I3396" s="1" t="s">
        <v>13246</v>
      </c>
      <c r="J3396" s="1" t="s">
        <v>13357</v>
      </c>
    </row>
    <row r="3397" spans="1:10" x14ac:dyDescent="0.35">
      <c r="A3397" s="1" t="s">
        <v>13240</v>
      </c>
      <c r="B3397" s="1" t="s">
        <v>13241</v>
      </c>
      <c r="C3397" s="1" t="s">
        <v>155</v>
      </c>
      <c r="D3397" s="1" t="s">
        <v>13358</v>
      </c>
      <c r="E3397" s="1" t="s">
        <v>13359</v>
      </c>
      <c r="F3397" s="1" t="s">
        <v>13360</v>
      </c>
      <c r="G3397" s="1" t="s">
        <v>13245</v>
      </c>
      <c r="H3397" s="1" t="s">
        <v>13</v>
      </c>
      <c r="I3397" s="1" t="s">
        <v>13246</v>
      </c>
      <c r="J3397" s="1" t="s">
        <v>13361</v>
      </c>
    </row>
    <row r="3398" spans="1:10" x14ac:dyDescent="0.35">
      <c r="A3398" s="1" t="s">
        <v>13240</v>
      </c>
      <c r="B3398" s="1" t="s">
        <v>13241</v>
      </c>
      <c r="C3398" s="1" t="s">
        <v>160</v>
      </c>
      <c r="D3398" s="1" t="s">
        <v>13362</v>
      </c>
      <c r="E3398" s="1" t="s">
        <v>13363</v>
      </c>
      <c r="F3398" s="1" t="s">
        <v>13364</v>
      </c>
      <c r="G3398" s="1" t="s">
        <v>13245</v>
      </c>
      <c r="H3398" s="1" t="s">
        <v>13</v>
      </c>
      <c r="I3398" s="1" t="s">
        <v>13246</v>
      </c>
      <c r="J3398" s="1" t="s">
        <v>13365</v>
      </c>
    </row>
    <row r="3399" spans="1:10" x14ac:dyDescent="0.35">
      <c r="A3399" s="1" t="s">
        <v>13240</v>
      </c>
      <c r="B3399" s="1" t="s">
        <v>13241</v>
      </c>
      <c r="C3399" s="1" t="s">
        <v>165</v>
      </c>
      <c r="D3399" s="1" t="s">
        <v>13366</v>
      </c>
      <c r="E3399" s="1" t="s">
        <v>13367</v>
      </c>
      <c r="F3399" s="1" t="s">
        <v>13368</v>
      </c>
      <c r="G3399" s="1" t="s">
        <v>13245</v>
      </c>
      <c r="H3399" s="1" t="s">
        <v>13</v>
      </c>
      <c r="I3399" s="1" t="s">
        <v>13246</v>
      </c>
      <c r="J3399" s="1" t="s">
        <v>13369</v>
      </c>
    </row>
    <row r="3400" spans="1:10" x14ac:dyDescent="0.35">
      <c r="A3400" s="1" t="s">
        <v>13240</v>
      </c>
      <c r="B3400" s="1" t="s">
        <v>13241</v>
      </c>
      <c r="C3400" s="1" t="s">
        <v>170</v>
      </c>
      <c r="D3400" s="1" t="s">
        <v>13370</v>
      </c>
      <c r="E3400" s="1" t="s">
        <v>13371</v>
      </c>
      <c r="F3400" s="1" t="s">
        <v>13372</v>
      </c>
      <c r="G3400" s="1" t="s">
        <v>13245</v>
      </c>
      <c r="H3400" s="1" t="s">
        <v>13</v>
      </c>
      <c r="I3400" s="1" t="s">
        <v>13246</v>
      </c>
      <c r="J3400" s="1" t="s">
        <v>13373</v>
      </c>
    </row>
    <row r="3401" spans="1:10" x14ac:dyDescent="0.35">
      <c r="A3401" s="1" t="s">
        <v>13374</v>
      </c>
      <c r="B3401" s="1" t="s">
        <v>13375</v>
      </c>
      <c r="C3401" s="1" t="s">
        <v>8</v>
      </c>
      <c r="D3401" s="1" t="s">
        <v>13376</v>
      </c>
      <c r="E3401" s="1" t="s">
        <v>13377</v>
      </c>
      <c r="F3401" s="1" t="s">
        <v>13378</v>
      </c>
      <c r="G3401" s="1" t="s">
        <v>13379</v>
      </c>
      <c r="H3401" s="1" t="s">
        <v>13</v>
      </c>
      <c r="I3401" s="1" t="s">
        <v>13380</v>
      </c>
      <c r="J3401" s="1" t="s">
        <v>13</v>
      </c>
    </row>
    <row r="3402" spans="1:10" x14ac:dyDescent="0.35">
      <c r="A3402" s="1" t="s">
        <v>13374</v>
      </c>
      <c r="B3402" s="1" t="s">
        <v>13375</v>
      </c>
      <c r="C3402" s="1" t="s">
        <v>15</v>
      </c>
      <c r="D3402" s="1" t="s">
        <v>13381</v>
      </c>
      <c r="E3402" s="1" t="s">
        <v>13382</v>
      </c>
      <c r="F3402" s="1" t="s">
        <v>13383</v>
      </c>
      <c r="G3402" s="1" t="s">
        <v>13379</v>
      </c>
      <c r="H3402" s="1" t="s">
        <v>13</v>
      </c>
      <c r="I3402" s="1" t="s">
        <v>13380</v>
      </c>
      <c r="J3402" s="1" t="s">
        <v>13384</v>
      </c>
    </row>
    <row r="3403" spans="1:10" x14ac:dyDescent="0.35">
      <c r="A3403" s="1" t="s">
        <v>13374</v>
      </c>
      <c r="B3403" s="1" t="s">
        <v>13375</v>
      </c>
      <c r="C3403" s="1" t="s">
        <v>20</v>
      </c>
      <c r="D3403" s="1" t="s">
        <v>13385</v>
      </c>
      <c r="E3403" s="1" t="s">
        <v>13386</v>
      </c>
      <c r="F3403" s="1" t="s">
        <v>13387</v>
      </c>
      <c r="G3403" s="1" t="s">
        <v>13379</v>
      </c>
      <c r="H3403" s="1" t="s">
        <v>13</v>
      </c>
      <c r="I3403" s="1" t="s">
        <v>13380</v>
      </c>
      <c r="J3403" s="1" t="s">
        <v>13388</v>
      </c>
    </row>
    <row r="3404" spans="1:10" x14ac:dyDescent="0.35">
      <c r="A3404" s="1" t="s">
        <v>13374</v>
      </c>
      <c r="B3404" s="1" t="s">
        <v>13375</v>
      </c>
      <c r="C3404" s="1" t="s">
        <v>25</v>
      </c>
      <c r="D3404" s="1" t="s">
        <v>13389</v>
      </c>
      <c r="E3404" s="1" t="s">
        <v>13390</v>
      </c>
      <c r="F3404" s="1" t="s">
        <v>13391</v>
      </c>
      <c r="G3404" s="1" t="s">
        <v>13379</v>
      </c>
      <c r="H3404" s="1" t="s">
        <v>13</v>
      </c>
      <c r="I3404" s="1" t="s">
        <v>13380</v>
      </c>
      <c r="J3404" s="1" t="s">
        <v>13392</v>
      </c>
    </row>
    <row r="3405" spans="1:10" x14ac:dyDescent="0.35">
      <c r="A3405" s="1" t="s">
        <v>13374</v>
      </c>
      <c r="B3405" s="1" t="s">
        <v>13375</v>
      </c>
      <c r="C3405" s="1" t="s">
        <v>30</v>
      </c>
      <c r="D3405" s="1" t="s">
        <v>13393</v>
      </c>
      <c r="E3405" s="1" t="s">
        <v>13394</v>
      </c>
      <c r="F3405" s="1" t="s">
        <v>13395</v>
      </c>
      <c r="G3405" s="1" t="s">
        <v>13379</v>
      </c>
      <c r="H3405" s="1" t="s">
        <v>13</v>
      </c>
      <c r="I3405" s="1" t="s">
        <v>13380</v>
      </c>
      <c r="J3405" s="1" t="s">
        <v>13396</v>
      </c>
    </row>
    <row r="3406" spans="1:10" x14ac:dyDescent="0.35">
      <c r="A3406" s="1" t="s">
        <v>13374</v>
      </c>
      <c r="B3406" s="1" t="s">
        <v>13375</v>
      </c>
      <c r="C3406" s="1" t="s">
        <v>35</v>
      </c>
      <c r="D3406" s="1" t="s">
        <v>13397</v>
      </c>
      <c r="E3406" s="1" t="s">
        <v>13398</v>
      </c>
      <c r="F3406" s="1" t="s">
        <v>13399</v>
      </c>
      <c r="G3406" s="1" t="s">
        <v>13379</v>
      </c>
      <c r="H3406" s="1" t="s">
        <v>13</v>
      </c>
      <c r="I3406" s="1" t="s">
        <v>13380</v>
      </c>
      <c r="J3406" s="1" t="s">
        <v>13400</v>
      </c>
    </row>
    <row r="3407" spans="1:10" x14ac:dyDescent="0.35">
      <c r="A3407" s="1" t="s">
        <v>13374</v>
      </c>
      <c r="B3407" s="1" t="s">
        <v>13375</v>
      </c>
      <c r="C3407" s="1" t="s">
        <v>40</v>
      </c>
      <c r="D3407" s="1" t="s">
        <v>13401</v>
      </c>
      <c r="E3407" s="1" t="s">
        <v>13402</v>
      </c>
      <c r="F3407" s="1" t="s">
        <v>13403</v>
      </c>
      <c r="G3407" s="1" t="s">
        <v>13379</v>
      </c>
      <c r="H3407" s="1" t="s">
        <v>13</v>
      </c>
      <c r="I3407" s="1" t="s">
        <v>13380</v>
      </c>
      <c r="J3407" s="1" t="s">
        <v>13404</v>
      </c>
    </row>
    <row r="3408" spans="1:10" x14ac:dyDescent="0.35">
      <c r="A3408" s="1" t="s">
        <v>13374</v>
      </c>
      <c r="B3408" s="1" t="s">
        <v>13375</v>
      </c>
      <c r="C3408" s="1" t="s">
        <v>45</v>
      </c>
      <c r="D3408" s="1" t="s">
        <v>13405</v>
      </c>
      <c r="E3408" s="1" t="s">
        <v>13406</v>
      </c>
      <c r="F3408" s="1" t="s">
        <v>13407</v>
      </c>
      <c r="G3408" s="1" t="s">
        <v>13379</v>
      </c>
      <c r="H3408" s="1" t="s">
        <v>13</v>
      </c>
      <c r="I3408" s="1" t="s">
        <v>13380</v>
      </c>
      <c r="J3408" s="1" t="s">
        <v>13408</v>
      </c>
    </row>
    <row r="3409" spans="1:10" x14ac:dyDescent="0.35">
      <c r="A3409" s="1" t="s">
        <v>13374</v>
      </c>
      <c r="B3409" s="1" t="s">
        <v>13375</v>
      </c>
      <c r="C3409" s="1" t="s">
        <v>50</v>
      </c>
      <c r="D3409" s="1" t="s">
        <v>12687</v>
      </c>
      <c r="E3409" s="1" t="s">
        <v>13409</v>
      </c>
      <c r="F3409" s="1" t="s">
        <v>13410</v>
      </c>
      <c r="G3409" s="1" t="s">
        <v>13379</v>
      </c>
      <c r="H3409" s="1" t="s">
        <v>13</v>
      </c>
      <c r="I3409" s="1" t="s">
        <v>13380</v>
      </c>
      <c r="J3409" s="1" t="s">
        <v>13411</v>
      </c>
    </row>
    <row r="3410" spans="1:10" x14ac:dyDescent="0.35">
      <c r="A3410" s="1" t="s">
        <v>13374</v>
      </c>
      <c r="B3410" s="1" t="s">
        <v>13375</v>
      </c>
      <c r="C3410" s="1" t="s">
        <v>55</v>
      </c>
      <c r="D3410" s="1" t="s">
        <v>12687</v>
      </c>
      <c r="E3410" s="1" t="s">
        <v>13412</v>
      </c>
      <c r="F3410" s="1" t="s">
        <v>13413</v>
      </c>
      <c r="G3410" s="1" t="s">
        <v>13379</v>
      </c>
      <c r="H3410" s="1" t="s">
        <v>13</v>
      </c>
      <c r="I3410" s="1" t="s">
        <v>13380</v>
      </c>
      <c r="J3410" s="1" t="s">
        <v>1180</v>
      </c>
    </row>
    <row r="3411" spans="1:10" x14ac:dyDescent="0.35">
      <c r="A3411" s="1" t="s">
        <v>13374</v>
      </c>
      <c r="B3411" s="1" t="s">
        <v>13375</v>
      </c>
      <c r="C3411" s="1" t="s">
        <v>60</v>
      </c>
      <c r="D3411" s="1" t="s">
        <v>12687</v>
      </c>
      <c r="E3411" s="1" t="s">
        <v>13414</v>
      </c>
      <c r="F3411" s="1" t="s">
        <v>13415</v>
      </c>
      <c r="G3411" s="1" t="s">
        <v>13379</v>
      </c>
      <c r="H3411" s="1" t="s">
        <v>13</v>
      </c>
      <c r="I3411" s="1" t="s">
        <v>13380</v>
      </c>
      <c r="J3411" s="1" t="s">
        <v>1180</v>
      </c>
    </row>
    <row r="3412" spans="1:10" x14ac:dyDescent="0.35">
      <c r="A3412" s="1" t="s">
        <v>13374</v>
      </c>
      <c r="B3412" s="1" t="s">
        <v>13375</v>
      </c>
      <c r="C3412" s="1" t="s">
        <v>65</v>
      </c>
      <c r="D3412" s="1" t="s">
        <v>12687</v>
      </c>
      <c r="E3412" s="1" t="s">
        <v>13416</v>
      </c>
      <c r="F3412" s="1" t="s">
        <v>13417</v>
      </c>
      <c r="G3412" s="1" t="s">
        <v>13379</v>
      </c>
      <c r="H3412" s="1" t="s">
        <v>13</v>
      </c>
      <c r="I3412" s="1" t="s">
        <v>13380</v>
      </c>
      <c r="J3412" s="1" t="s">
        <v>1180</v>
      </c>
    </row>
    <row r="3413" spans="1:10" x14ac:dyDescent="0.35">
      <c r="A3413" s="1" t="s">
        <v>13374</v>
      </c>
      <c r="B3413" s="1" t="s">
        <v>13375</v>
      </c>
      <c r="C3413" s="1" t="s">
        <v>70</v>
      </c>
      <c r="D3413" s="1" t="s">
        <v>13418</v>
      </c>
      <c r="E3413" s="1" t="s">
        <v>13419</v>
      </c>
      <c r="F3413" s="1" t="s">
        <v>13420</v>
      </c>
      <c r="G3413" s="1" t="s">
        <v>13379</v>
      </c>
      <c r="H3413" s="1" t="s">
        <v>13</v>
      </c>
      <c r="I3413" s="1" t="s">
        <v>13380</v>
      </c>
      <c r="J3413" s="1" t="s">
        <v>4841</v>
      </c>
    </row>
    <row r="3414" spans="1:10" x14ac:dyDescent="0.35">
      <c r="A3414" s="1" t="s">
        <v>13374</v>
      </c>
      <c r="B3414" s="1" t="s">
        <v>13375</v>
      </c>
      <c r="C3414" s="1" t="s">
        <v>75</v>
      </c>
      <c r="D3414" s="1" t="s">
        <v>12687</v>
      </c>
      <c r="E3414" s="1" t="s">
        <v>13421</v>
      </c>
      <c r="F3414" s="1" t="s">
        <v>13422</v>
      </c>
      <c r="G3414" s="1" t="s">
        <v>13379</v>
      </c>
      <c r="H3414" s="1" t="s">
        <v>13</v>
      </c>
      <c r="I3414" s="1" t="s">
        <v>13380</v>
      </c>
      <c r="J3414" s="1" t="s">
        <v>13423</v>
      </c>
    </row>
    <row r="3415" spans="1:10" x14ac:dyDescent="0.35">
      <c r="A3415" s="1" t="s">
        <v>13374</v>
      </c>
      <c r="B3415" s="1" t="s">
        <v>13375</v>
      </c>
      <c r="C3415" s="1" t="s">
        <v>80</v>
      </c>
      <c r="D3415" s="1" t="s">
        <v>11695</v>
      </c>
      <c r="E3415" s="1" t="s">
        <v>13424</v>
      </c>
      <c r="F3415" s="1" t="s">
        <v>13425</v>
      </c>
      <c r="G3415" s="1" t="s">
        <v>13379</v>
      </c>
      <c r="H3415" s="1" t="s">
        <v>13</v>
      </c>
      <c r="I3415" s="1" t="s">
        <v>13380</v>
      </c>
      <c r="J3415" s="1" t="s">
        <v>13426</v>
      </c>
    </row>
    <row r="3416" spans="1:10" x14ac:dyDescent="0.35">
      <c r="A3416" s="1" t="s">
        <v>13374</v>
      </c>
      <c r="B3416" s="1" t="s">
        <v>13375</v>
      </c>
      <c r="C3416" s="1" t="s">
        <v>85</v>
      </c>
      <c r="D3416" s="1" t="s">
        <v>13427</v>
      </c>
      <c r="E3416" s="1" t="s">
        <v>13428</v>
      </c>
      <c r="F3416" s="1" t="s">
        <v>13429</v>
      </c>
      <c r="G3416" s="1" t="s">
        <v>13379</v>
      </c>
      <c r="H3416" s="1" t="s">
        <v>13</v>
      </c>
      <c r="I3416" s="1" t="s">
        <v>13380</v>
      </c>
      <c r="J3416" s="1" t="s">
        <v>13430</v>
      </c>
    </row>
    <row r="3417" spans="1:10" x14ac:dyDescent="0.35">
      <c r="A3417" s="1" t="s">
        <v>13374</v>
      </c>
      <c r="B3417" s="1" t="s">
        <v>13375</v>
      </c>
      <c r="C3417" s="1" t="s">
        <v>90</v>
      </c>
      <c r="D3417" s="1" t="s">
        <v>13431</v>
      </c>
      <c r="E3417" s="1" t="s">
        <v>13432</v>
      </c>
      <c r="F3417" s="1" t="s">
        <v>13433</v>
      </c>
      <c r="G3417" s="1" t="s">
        <v>13379</v>
      </c>
      <c r="H3417" s="1" t="s">
        <v>13</v>
      </c>
      <c r="I3417" s="1" t="s">
        <v>13380</v>
      </c>
      <c r="J3417" s="1" t="s">
        <v>13434</v>
      </c>
    </row>
    <row r="3418" spans="1:10" x14ac:dyDescent="0.35">
      <c r="A3418" s="1" t="s">
        <v>13374</v>
      </c>
      <c r="B3418" s="1" t="s">
        <v>13375</v>
      </c>
      <c r="C3418" s="1" t="s">
        <v>95</v>
      </c>
      <c r="D3418" s="1" t="s">
        <v>13435</v>
      </c>
      <c r="E3418" s="1" t="s">
        <v>13436</v>
      </c>
      <c r="F3418" s="1" t="s">
        <v>13437</v>
      </c>
      <c r="G3418" s="1" t="s">
        <v>13379</v>
      </c>
      <c r="H3418" s="1" t="s">
        <v>13</v>
      </c>
      <c r="I3418" s="1" t="s">
        <v>13380</v>
      </c>
      <c r="J3418" s="1" t="s">
        <v>13438</v>
      </c>
    </row>
    <row r="3419" spans="1:10" x14ac:dyDescent="0.35">
      <c r="A3419" s="1" t="s">
        <v>13374</v>
      </c>
      <c r="B3419" s="1" t="s">
        <v>13375</v>
      </c>
      <c r="C3419" s="1" t="s">
        <v>100</v>
      </c>
      <c r="D3419" s="1" t="s">
        <v>13439</v>
      </c>
      <c r="E3419" s="1" t="s">
        <v>13440</v>
      </c>
      <c r="F3419" s="1" t="s">
        <v>13441</v>
      </c>
      <c r="G3419" s="1" t="s">
        <v>13379</v>
      </c>
      <c r="H3419" s="1" t="s">
        <v>13</v>
      </c>
      <c r="I3419" s="1" t="s">
        <v>13380</v>
      </c>
      <c r="J3419" s="1" t="s">
        <v>13442</v>
      </c>
    </row>
    <row r="3420" spans="1:10" x14ac:dyDescent="0.35">
      <c r="A3420" s="1" t="s">
        <v>13374</v>
      </c>
      <c r="B3420" s="1" t="s">
        <v>13375</v>
      </c>
      <c r="C3420" s="1" t="s">
        <v>105</v>
      </c>
      <c r="D3420" s="1" t="s">
        <v>13443</v>
      </c>
      <c r="E3420" s="1" t="s">
        <v>13444</v>
      </c>
      <c r="F3420" s="1" t="s">
        <v>13445</v>
      </c>
      <c r="G3420" s="1" t="s">
        <v>13379</v>
      </c>
      <c r="H3420" s="1" t="s">
        <v>13</v>
      </c>
      <c r="I3420" s="1" t="s">
        <v>13380</v>
      </c>
      <c r="J3420" s="1" t="s">
        <v>13446</v>
      </c>
    </row>
    <row r="3421" spans="1:10" x14ac:dyDescent="0.35">
      <c r="A3421" s="1" t="s">
        <v>13374</v>
      </c>
      <c r="B3421" s="1" t="s">
        <v>13375</v>
      </c>
      <c r="C3421" s="1" t="s">
        <v>110</v>
      </c>
      <c r="D3421" s="1" t="s">
        <v>13447</v>
      </c>
      <c r="E3421" s="1" t="s">
        <v>13448</v>
      </c>
      <c r="F3421" s="1" t="s">
        <v>13449</v>
      </c>
      <c r="G3421" s="1" t="s">
        <v>13379</v>
      </c>
      <c r="H3421" s="1" t="s">
        <v>13</v>
      </c>
      <c r="I3421" s="1" t="s">
        <v>13380</v>
      </c>
      <c r="J3421" s="1" t="s">
        <v>13450</v>
      </c>
    </row>
    <row r="3422" spans="1:10" x14ac:dyDescent="0.35">
      <c r="A3422" s="1" t="s">
        <v>13374</v>
      </c>
      <c r="B3422" s="1" t="s">
        <v>13375</v>
      </c>
      <c r="C3422" s="1" t="s">
        <v>115</v>
      </c>
      <c r="D3422" s="1" t="s">
        <v>13451</v>
      </c>
      <c r="E3422" s="1" t="s">
        <v>13452</v>
      </c>
      <c r="F3422" s="1" t="s">
        <v>13453</v>
      </c>
      <c r="G3422" s="1" t="s">
        <v>13379</v>
      </c>
      <c r="H3422" s="1" t="s">
        <v>13</v>
      </c>
      <c r="I3422" s="1" t="s">
        <v>13380</v>
      </c>
      <c r="J3422" s="1" t="s">
        <v>13454</v>
      </c>
    </row>
    <row r="3423" spans="1:10" x14ac:dyDescent="0.35">
      <c r="A3423" s="1" t="s">
        <v>13374</v>
      </c>
      <c r="B3423" s="1" t="s">
        <v>13375</v>
      </c>
      <c r="C3423" s="1" t="s">
        <v>120</v>
      </c>
      <c r="D3423" s="1" t="s">
        <v>13455</v>
      </c>
      <c r="E3423" s="1" t="s">
        <v>13456</v>
      </c>
      <c r="F3423" s="1" t="s">
        <v>13457</v>
      </c>
      <c r="G3423" s="1" t="s">
        <v>13379</v>
      </c>
      <c r="H3423" s="1" t="s">
        <v>13</v>
      </c>
      <c r="I3423" s="1" t="s">
        <v>13380</v>
      </c>
      <c r="J3423" s="1" t="s">
        <v>13458</v>
      </c>
    </row>
    <row r="3424" spans="1:10" x14ac:dyDescent="0.35">
      <c r="A3424" s="1" t="s">
        <v>13374</v>
      </c>
      <c r="B3424" s="1" t="s">
        <v>13375</v>
      </c>
      <c r="C3424" s="1" t="s">
        <v>125</v>
      </c>
      <c r="D3424" s="1" t="s">
        <v>13459</v>
      </c>
      <c r="E3424" s="1" t="s">
        <v>13460</v>
      </c>
      <c r="F3424" s="1" t="s">
        <v>13461</v>
      </c>
      <c r="G3424" s="1" t="s">
        <v>13379</v>
      </c>
      <c r="H3424" s="1" t="s">
        <v>13</v>
      </c>
      <c r="I3424" s="1" t="s">
        <v>13380</v>
      </c>
      <c r="J3424" s="1" t="s">
        <v>13462</v>
      </c>
    </row>
    <row r="3425" spans="1:10" x14ac:dyDescent="0.35">
      <c r="A3425" s="1" t="s">
        <v>13374</v>
      </c>
      <c r="B3425" s="1" t="s">
        <v>13375</v>
      </c>
      <c r="C3425" s="1" t="s">
        <v>130</v>
      </c>
      <c r="D3425" s="1" t="s">
        <v>12327</v>
      </c>
      <c r="E3425" s="1" t="s">
        <v>13463</v>
      </c>
      <c r="F3425" s="1" t="s">
        <v>13464</v>
      </c>
      <c r="G3425" s="1" t="s">
        <v>13379</v>
      </c>
      <c r="H3425" s="1" t="s">
        <v>13</v>
      </c>
      <c r="I3425" s="1" t="s">
        <v>13380</v>
      </c>
      <c r="J3425" s="1" t="s">
        <v>13465</v>
      </c>
    </row>
    <row r="3426" spans="1:10" x14ac:dyDescent="0.35">
      <c r="A3426" s="1" t="s">
        <v>13374</v>
      </c>
      <c r="B3426" s="1" t="s">
        <v>13375</v>
      </c>
      <c r="C3426" s="1" t="s">
        <v>135</v>
      </c>
      <c r="D3426" s="1" t="s">
        <v>13466</v>
      </c>
      <c r="E3426" s="1" t="s">
        <v>13467</v>
      </c>
      <c r="F3426" s="1" t="s">
        <v>13468</v>
      </c>
      <c r="G3426" s="1" t="s">
        <v>13379</v>
      </c>
      <c r="H3426" s="1" t="s">
        <v>13</v>
      </c>
      <c r="I3426" s="1" t="s">
        <v>13380</v>
      </c>
      <c r="J3426" s="1" t="s">
        <v>13469</v>
      </c>
    </row>
    <row r="3427" spans="1:10" x14ac:dyDescent="0.35">
      <c r="A3427" s="1" t="s">
        <v>13374</v>
      </c>
      <c r="B3427" s="1" t="s">
        <v>13375</v>
      </c>
      <c r="C3427" s="1" t="s">
        <v>140</v>
      </c>
      <c r="D3427" s="1" t="s">
        <v>13470</v>
      </c>
      <c r="E3427" s="1" t="s">
        <v>13471</v>
      </c>
      <c r="F3427" s="1" t="s">
        <v>13472</v>
      </c>
      <c r="G3427" s="1" t="s">
        <v>13379</v>
      </c>
      <c r="H3427" s="1" t="s">
        <v>13</v>
      </c>
      <c r="I3427" s="1" t="s">
        <v>13380</v>
      </c>
      <c r="J3427" s="1" t="s">
        <v>13473</v>
      </c>
    </row>
    <row r="3428" spans="1:10" x14ac:dyDescent="0.35">
      <c r="A3428" s="1" t="s">
        <v>13374</v>
      </c>
      <c r="B3428" s="1" t="s">
        <v>13375</v>
      </c>
      <c r="C3428" s="1" t="s">
        <v>145</v>
      </c>
      <c r="D3428" s="1" t="s">
        <v>13474</v>
      </c>
      <c r="E3428" s="1" t="s">
        <v>13475</v>
      </c>
      <c r="F3428" s="1" t="s">
        <v>13476</v>
      </c>
      <c r="G3428" s="1" t="s">
        <v>13379</v>
      </c>
      <c r="H3428" s="1" t="s">
        <v>13</v>
      </c>
      <c r="I3428" s="1" t="s">
        <v>13380</v>
      </c>
      <c r="J3428" s="1" t="s">
        <v>13477</v>
      </c>
    </row>
    <row r="3429" spans="1:10" x14ac:dyDescent="0.35">
      <c r="A3429" s="1" t="s">
        <v>13374</v>
      </c>
      <c r="B3429" s="1" t="s">
        <v>13375</v>
      </c>
      <c r="C3429" s="1" t="s">
        <v>150</v>
      </c>
      <c r="D3429" s="1" t="s">
        <v>13478</v>
      </c>
      <c r="E3429" s="1" t="s">
        <v>13479</v>
      </c>
      <c r="F3429" s="1" t="s">
        <v>13480</v>
      </c>
      <c r="G3429" s="1" t="s">
        <v>13379</v>
      </c>
      <c r="H3429" s="1" t="s">
        <v>13</v>
      </c>
      <c r="I3429" s="1" t="s">
        <v>13380</v>
      </c>
      <c r="J3429" s="1" t="s">
        <v>13481</v>
      </c>
    </row>
    <row r="3430" spans="1:10" x14ac:dyDescent="0.35">
      <c r="A3430" s="1" t="s">
        <v>13374</v>
      </c>
      <c r="B3430" s="1" t="s">
        <v>13375</v>
      </c>
      <c r="C3430" s="1" t="s">
        <v>155</v>
      </c>
      <c r="D3430" s="1" t="s">
        <v>13482</v>
      </c>
      <c r="E3430" s="1" t="s">
        <v>13483</v>
      </c>
      <c r="F3430" s="1" t="s">
        <v>13484</v>
      </c>
      <c r="G3430" s="1" t="s">
        <v>13379</v>
      </c>
      <c r="H3430" s="1" t="s">
        <v>13</v>
      </c>
      <c r="I3430" s="1" t="s">
        <v>13380</v>
      </c>
      <c r="J3430" s="1" t="s">
        <v>13485</v>
      </c>
    </row>
    <row r="3431" spans="1:10" x14ac:dyDescent="0.35">
      <c r="A3431" s="1" t="s">
        <v>13374</v>
      </c>
      <c r="B3431" s="1" t="s">
        <v>13375</v>
      </c>
      <c r="C3431" s="1" t="s">
        <v>160</v>
      </c>
      <c r="D3431" s="1" t="s">
        <v>13486</v>
      </c>
      <c r="E3431" s="1" t="s">
        <v>13487</v>
      </c>
      <c r="F3431" s="1" t="s">
        <v>13488</v>
      </c>
      <c r="G3431" s="1" t="s">
        <v>13379</v>
      </c>
      <c r="H3431" s="1" t="s">
        <v>13</v>
      </c>
      <c r="I3431" s="1" t="s">
        <v>13380</v>
      </c>
      <c r="J3431" s="1" t="s">
        <v>13489</v>
      </c>
    </row>
    <row r="3432" spans="1:10" x14ac:dyDescent="0.35">
      <c r="A3432" s="1" t="s">
        <v>13374</v>
      </c>
      <c r="B3432" s="1" t="s">
        <v>13375</v>
      </c>
      <c r="C3432" s="1" t="s">
        <v>165</v>
      </c>
      <c r="D3432" s="1" t="s">
        <v>13490</v>
      </c>
      <c r="E3432" s="1" t="s">
        <v>13491</v>
      </c>
      <c r="F3432" s="1" t="s">
        <v>13492</v>
      </c>
      <c r="G3432" s="1" t="s">
        <v>13379</v>
      </c>
      <c r="H3432" s="1" t="s">
        <v>13</v>
      </c>
      <c r="I3432" s="1" t="s">
        <v>13380</v>
      </c>
      <c r="J3432" s="1" t="s">
        <v>13493</v>
      </c>
    </row>
    <row r="3433" spans="1:10" x14ac:dyDescent="0.35">
      <c r="A3433" s="1" t="s">
        <v>13374</v>
      </c>
      <c r="B3433" s="1" t="s">
        <v>13375</v>
      </c>
      <c r="C3433" s="1" t="s">
        <v>170</v>
      </c>
      <c r="D3433" s="1" t="s">
        <v>13494</v>
      </c>
      <c r="E3433" s="1" t="s">
        <v>13495</v>
      </c>
      <c r="F3433" s="1" t="s">
        <v>13496</v>
      </c>
      <c r="G3433" s="1" t="s">
        <v>13379</v>
      </c>
      <c r="H3433" s="1" t="s">
        <v>13</v>
      </c>
      <c r="I3433" s="1" t="s">
        <v>13380</v>
      </c>
      <c r="J3433" s="1" t="s">
        <v>13497</v>
      </c>
    </row>
    <row r="3434" spans="1:10" x14ac:dyDescent="0.35">
      <c r="A3434" s="1" t="s">
        <v>13498</v>
      </c>
      <c r="B3434" s="1" t="s">
        <v>13499</v>
      </c>
      <c r="C3434" s="1" t="s">
        <v>8</v>
      </c>
      <c r="D3434" s="1" t="s">
        <v>13500</v>
      </c>
      <c r="E3434" s="1" t="s">
        <v>13501</v>
      </c>
      <c r="F3434" s="1" t="s">
        <v>13502</v>
      </c>
      <c r="G3434" s="1" t="s">
        <v>13503</v>
      </c>
      <c r="H3434" s="1" t="s">
        <v>13</v>
      </c>
      <c r="I3434" s="1" t="s">
        <v>13504</v>
      </c>
      <c r="J3434" s="1" t="s">
        <v>13</v>
      </c>
    </row>
    <row r="3435" spans="1:10" x14ac:dyDescent="0.35">
      <c r="A3435" s="1" t="s">
        <v>13498</v>
      </c>
      <c r="B3435" s="1" t="s">
        <v>13499</v>
      </c>
      <c r="C3435" s="1" t="s">
        <v>15</v>
      </c>
      <c r="D3435" s="1" t="s">
        <v>13505</v>
      </c>
      <c r="E3435" s="1" t="s">
        <v>13506</v>
      </c>
      <c r="F3435" s="1" t="s">
        <v>13507</v>
      </c>
      <c r="G3435" s="1" t="s">
        <v>13503</v>
      </c>
      <c r="H3435" s="1" t="s">
        <v>13</v>
      </c>
      <c r="I3435" s="1" t="s">
        <v>13504</v>
      </c>
      <c r="J3435" s="1" t="s">
        <v>13508</v>
      </c>
    </row>
    <row r="3436" spans="1:10" x14ac:dyDescent="0.35">
      <c r="A3436" s="1" t="s">
        <v>13498</v>
      </c>
      <c r="B3436" s="1" t="s">
        <v>13499</v>
      </c>
      <c r="C3436" s="1" t="s">
        <v>20</v>
      </c>
      <c r="D3436" s="1" t="s">
        <v>13509</v>
      </c>
      <c r="E3436" s="1" t="s">
        <v>13510</v>
      </c>
      <c r="F3436" s="1" t="s">
        <v>13511</v>
      </c>
      <c r="G3436" s="1" t="s">
        <v>13503</v>
      </c>
      <c r="H3436" s="1" t="s">
        <v>13</v>
      </c>
      <c r="I3436" s="1" t="s">
        <v>13504</v>
      </c>
      <c r="J3436" s="1" t="s">
        <v>13512</v>
      </c>
    </row>
    <row r="3437" spans="1:10" x14ac:dyDescent="0.35">
      <c r="A3437" s="1" t="s">
        <v>13498</v>
      </c>
      <c r="B3437" s="1" t="s">
        <v>13499</v>
      </c>
      <c r="C3437" s="1" t="s">
        <v>25</v>
      </c>
      <c r="D3437" s="1" t="s">
        <v>10385</v>
      </c>
      <c r="E3437" s="1" t="s">
        <v>13513</v>
      </c>
      <c r="F3437" s="1" t="s">
        <v>13514</v>
      </c>
      <c r="G3437" s="1" t="s">
        <v>13503</v>
      </c>
      <c r="H3437" s="1" t="s">
        <v>13</v>
      </c>
      <c r="I3437" s="1" t="s">
        <v>13504</v>
      </c>
      <c r="J3437" s="1" t="s">
        <v>13515</v>
      </c>
    </row>
    <row r="3438" spans="1:10" x14ac:dyDescent="0.35">
      <c r="A3438" s="1" t="s">
        <v>13498</v>
      </c>
      <c r="B3438" s="1" t="s">
        <v>13499</v>
      </c>
      <c r="C3438" s="1" t="s">
        <v>30</v>
      </c>
      <c r="D3438" s="1" t="s">
        <v>13516</v>
      </c>
      <c r="E3438" s="1" t="s">
        <v>13517</v>
      </c>
      <c r="F3438" s="1" t="s">
        <v>13518</v>
      </c>
      <c r="G3438" s="1" t="s">
        <v>13503</v>
      </c>
      <c r="H3438" s="1" t="s">
        <v>13</v>
      </c>
      <c r="I3438" s="1" t="s">
        <v>13504</v>
      </c>
      <c r="J3438" s="1" t="s">
        <v>13519</v>
      </c>
    </row>
    <row r="3439" spans="1:10" x14ac:dyDescent="0.35">
      <c r="A3439" s="1" t="s">
        <v>13498</v>
      </c>
      <c r="B3439" s="1" t="s">
        <v>13499</v>
      </c>
      <c r="C3439" s="1" t="s">
        <v>35</v>
      </c>
      <c r="D3439" s="1" t="s">
        <v>13520</v>
      </c>
      <c r="E3439" s="1" t="s">
        <v>13521</v>
      </c>
      <c r="F3439" s="1" t="s">
        <v>13522</v>
      </c>
      <c r="G3439" s="1" t="s">
        <v>13503</v>
      </c>
      <c r="H3439" s="1" t="s">
        <v>13</v>
      </c>
      <c r="I3439" s="1" t="s">
        <v>13504</v>
      </c>
      <c r="J3439" s="1" t="s">
        <v>13523</v>
      </c>
    </row>
    <row r="3440" spans="1:10" x14ac:dyDescent="0.35">
      <c r="A3440" s="1" t="s">
        <v>13498</v>
      </c>
      <c r="B3440" s="1" t="s">
        <v>13499</v>
      </c>
      <c r="C3440" s="1" t="s">
        <v>40</v>
      </c>
      <c r="D3440" s="1" t="s">
        <v>71</v>
      </c>
      <c r="E3440" s="1" t="s">
        <v>13524</v>
      </c>
      <c r="F3440" s="1" t="s">
        <v>13525</v>
      </c>
      <c r="G3440" s="1" t="s">
        <v>13503</v>
      </c>
      <c r="H3440" s="1" t="s">
        <v>13</v>
      </c>
      <c r="I3440" s="1" t="s">
        <v>13504</v>
      </c>
      <c r="J3440" s="1" t="s">
        <v>13526</v>
      </c>
    </row>
    <row r="3441" spans="1:10" x14ac:dyDescent="0.35">
      <c r="A3441" s="1" t="s">
        <v>13498</v>
      </c>
      <c r="B3441" s="1" t="s">
        <v>13499</v>
      </c>
      <c r="C3441" s="1" t="s">
        <v>45</v>
      </c>
      <c r="D3441" s="1" t="s">
        <v>13527</v>
      </c>
      <c r="E3441" s="1" t="s">
        <v>13521</v>
      </c>
      <c r="F3441" s="1" t="s">
        <v>13528</v>
      </c>
      <c r="G3441" s="1" t="s">
        <v>13503</v>
      </c>
      <c r="H3441" s="1" t="s">
        <v>13</v>
      </c>
      <c r="I3441" s="1" t="s">
        <v>13504</v>
      </c>
      <c r="J3441" s="1" t="s">
        <v>13529</v>
      </c>
    </row>
    <row r="3442" spans="1:10" x14ac:dyDescent="0.35">
      <c r="A3442" s="1" t="s">
        <v>13498</v>
      </c>
      <c r="B3442" s="1" t="s">
        <v>13499</v>
      </c>
      <c r="C3442" s="1" t="s">
        <v>50</v>
      </c>
      <c r="D3442" s="1" t="s">
        <v>13530</v>
      </c>
      <c r="E3442" s="1" t="s">
        <v>13521</v>
      </c>
      <c r="F3442" s="1" t="s">
        <v>13531</v>
      </c>
      <c r="G3442" s="1" t="s">
        <v>13503</v>
      </c>
      <c r="H3442" s="1" t="s">
        <v>13</v>
      </c>
      <c r="I3442" s="1" t="s">
        <v>13504</v>
      </c>
      <c r="J3442" s="1" t="s">
        <v>13532</v>
      </c>
    </row>
    <row r="3443" spans="1:10" x14ac:dyDescent="0.35">
      <c r="A3443" s="1" t="s">
        <v>13498</v>
      </c>
      <c r="B3443" s="1" t="s">
        <v>13499</v>
      </c>
      <c r="C3443" s="1" t="s">
        <v>55</v>
      </c>
      <c r="D3443" s="1" t="s">
        <v>13533</v>
      </c>
      <c r="E3443" s="1" t="s">
        <v>13534</v>
      </c>
      <c r="F3443" s="1" t="s">
        <v>13535</v>
      </c>
      <c r="G3443" s="1" t="s">
        <v>13503</v>
      </c>
      <c r="H3443" s="1" t="s">
        <v>13</v>
      </c>
      <c r="I3443" s="1" t="s">
        <v>13504</v>
      </c>
      <c r="J3443" s="1" t="s">
        <v>13536</v>
      </c>
    </row>
    <row r="3444" spans="1:10" x14ac:dyDescent="0.35">
      <c r="A3444" s="1" t="s">
        <v>13498</v>
      </c>
      <c r="B3444" s="1" t="s">
        <v>13499</v>
      </c>
      <c r="C3444" s="1" t="s">
        <v>60</v>
      </c>
      <c r="D3444" s="1" t="s">
        <v>13537</v>
      </c>
      <c r="E3444" s="1" t="s">
        <v>13538</v>
      </c>
      <c r="F3444" s="1" t="s">
        <v>13539</v>
      </c>
      <c r="G3444" s="1" t="s">
        <v>13503</v>
      </c>
      <c r="H3444" s="1" t="s">
        <v>13</v>
      </c>
      <c r="I3444" s="1" t="s">
        <v>13504</v>
      </c>
      <c r="J3444" s="1" t="s">
        <v>13540</v>
      </c>
    </row>
    <row r="3445" spans="1:10" x14ac:dyDescent="0.35">
      <c r="A3445" s="1" t="s">
        <v>13498</v>
      </c>
      <c r="B3445" s="1" t="s">
        <v>13499</v>
      </c>
      <c r="C3445" s="1" t="s">
        <v>65</v>
      </c>
      <c r="D3445" s="1" t="s">
        <v>13541</v>
      </c>
      <c r="E3445" s="1" t="s">
        <v>13542</v>
      </c>
      <c r="F3445" s="1" t="s">
        <v>13543</v>
      </c>
      <c r="G3445" s="1" t="s">
        <v>13503</v>
      </c>
      <c r="H3445" s="1" t="s">
        <v>13</v>
      </c>
      <c r="I3445" s="1" t="s">
        <v>13504</v>
      </c>
      <c r="J3445" s="1" t="s">
        <v>13544</v>
      </c>
    </row>
    <row r="3446" spans="1:10" x14ac:dyDescent="0.35">
      <c r="A3446" s="1" t="s">
        <v>13498</v>
      </c>
      <c r="B3446" s="1" t="s">
        <v>13499</v>
      </c>
      <c r="C3446" s="1" t="s">
        <v>70</v>
      </c>
      <c r="D3446" s="1" t="s">
        <v>13545</v>
      </c>
      <c r="E3446" s="1" t="s">
        <v>13546</v>
      </c>
      <c r="F3446" s="1" t="s">
        <v>13547</v>
      </c>
      <c r="G3446" s="1" t="s">
        <v>13503</v>
      </c>
      <c r="H3446" s="1" t="s">
        <v>13</v>
      </c>
      <c r="I3446" s="1" t="s">
        <v>13504</v>
      </c>
      <c r="J3446" s="1" t="s">
        <v>13548</v>
      </c>
    </row>
    <row r="3447" spans="1:10" x14ac:dyDescent="0.35">
      <c r="A3447" s="1" t="s">
        <v>13498</v>
      </c>
      <c r="B3447" s="1" t="s">
        <v>13499</v>
      </c>
      <c r="C3447" s="1" t="s">
        <v>75</v>
      </c>
      <c r="D3447" s="1" t="s">
        <v>13549</v>
      </c>
      <c r="E3447" s="1" t="s">
        <v>13550</v>
      </c>
      <c r="F3447" s="1" t="s">
        <v>13551</v>
      </c>
      <c r="G3447" s="1" t="s">
        <v>13503</v>
      </c>
      <c r="H3447" s="1" t="s">
        <v>13</v>
      </c>
      <c r="I3447" s="1" t="s">
        <v>13504</v>
      </c>
      <c r="J3447" s="1" t="s">
        <v>13552</v>
      </c>
    </row>
    <row r="3448" spans="1:10" x14ac:dyDescent="0.35">
      <c r="A3448" s="1" t="s">
        <v>13498</v>
      </c>
      <c r="B3448" s="1" t="s">
        <v>13499</v>
      </c>
      <c r="C3448" s="1" t="s">
        <v>80</v>
      </c>
      <c r="D3448" s="1" t="s">
        <v>13553</v>
      </c>
      <c r="E3448" s="1" t="s">
        <v>13554</v>
      </c>
      <c r="F3448" s="1" t="s">
        <v>13555</v>
      </c>
      <c r="G3448" s="1" t="s">
        <v>13503</v>
      </c>
      <c r="H3448" s="1" t="s">
        <v>13</v>
      </c>
      <c r="I3448" s="1" t="s">
        <v>13504</v>
      </c>
      <c r="J3448" s="1" t="s">
        <v>13556</v>
      </c>
    </row>
    <row r="3449" spans="1:10" x14ac:dyDescent="0.35">
      <c r="A3449" s="1" t="s">
        <v>13498</v>
      </c>
      <c r="B3449" s="1" t="s">
        <v>13499</v>
      </c>
      <c r="C3449" s="1" t="s">
        <v>85</v>
      </c>
      <c r="D3449" s="1" t="s">
        <v>13557</v>
      </c>
      <c r="E3449" s="1" t="s">
        <v>13558</v>
      </c>
      <c r="F3449" s="1" t="s">
        <v>13559</v>
      </c>
      <c r="G3449" s="1" t="s">
        <v>13503</v>
      </c>
      <c r="H3449" s="1" t="s">
        <v>13</v>
      </c>
      <c r="I3449" s="1" t="s">
        <v>13504</v>
      </c>
      <c r="J3449" s="1" t="s">
        <v>13560</v>
      </c>
    </row>
    <row r="3450" spans="1:10" x14ac:dyDescent="0.35">
      <c r="A3450" s="1" t="s">
        <v>13498</v>
      </c>
      <c r="B3450" s="1" t="s">
        <v>13499</v>
      </c>
      <c r="C3450" s="1" t="s">
        <v>90</v>
      </c>
      <c r="D3450" s="1" t="s">
        <v>13561</v>
      </c>
      <c r="E3450" s="1" t="s">
        <v>13554</v>
      </c>
      <c r="F3450" s="1" t="s">
        <v>13562</v>
      </c>
      <c r="G3450" s="1" t="s">
        <v>13503</v>
      </c>
      <c r="H3450" s="1" t="s">
        <v>13</v>
      </c>
      <c r="I3450" s="1" t="s">
        <v>13504</v>
      </c>
      <c r="J3450" s="1" t="s">
        <v>13563</v>
      </c>
    </row>
    <row r="3451" spans="1:10" x14ac:dyDescent="0.35">
      <c r="A3451" s="1" t="s">
        <v>13498</v>
      </c>
      <c r="B3451" s="1" t="s">
        <v>13499</v>
      </c>
      <c r="C3451" s="1" t="s">
        <v>95</v>
      </c>
      <c r="D3451" s="1" t="s">
        <v>13564</v>
      </c>
      <c r="E3451" s="1" t="s">
        <v>13554</v>
      </c>
      <c r="F3451" s="1" t="s">
        <v>13565</v>
      </c>
      <c r="G3451" s="1" t="s">
        <v>13503</v>
      </c>
      <c r="H3451" s="1" t="s">
        <v>13</v>
      </c>
      <c r="I3451" s="1" t="s">
        <v>13504</v>
      </c>
      <c r="J3451" s="1" t="s">
        <v>13566</v>
      </c>
    </row>
    <row r="3452" spans="1:10" x14ac:dyDescent="0.35">
      <c r="A3452" s="1" t="s">
        <v>13498</v>
      </c>
      <c r="B3452" s="1" t="s">
        <v>13499</v>
      </c>
      <c r="C3452" s="1" t="s">
        <v>100</v>
      </c>
      <c r="D3452" s="1" t="s">
        <v>13567</v>
      </c>
      <c r="E3452" s="1" t="s">
        <v>13554</v>
      </c>
      <c r="F3452" s="1" t="s">
        <v>13568</v>
      </c>
      <c r="G3452" s="1" t="s">
        <v>13503</v>
      </c>
      <c r="H3452" s="1" t="s">
        <v>13</v>
      </c>
      <c r="I3452" s="1" t="s">
        <v>13504</v>
      </c>
      <c r="J3452" s="1" t="s">
        <v>13569</v>
      </c>
    </row>
    <row r="3453" spans="1:10" x14ac:dyDescent="0.35">
      <c r="A3453" s="1" t="s">
        <v>13498</v>
      </c>
      <c r="B3453" s="1" t="s">
        <v>13499</v>
      </c>
      <c r="C3453" s="1" t="s">
        <v>105</v>
      </c>
      <c r="D3453" s="1" t="s">
        <v>13570</v>
      </c>
      <c r="E3453" s="1" t="s">
        <v>13554</v>
      </c>
      <c r="F3453" s="1" t="s">
        <v>13571</v>
      </c>
      <c r="G3453" s="1" t="s">
        <v>13503</v>
      </c>
      <c r="H3453" s="1" t="s">
        <v>13</v>
      </c>
      <c r="I3453" s="1" t="s">
        <v>13504</v>
      </c>
      <c r="J3453" s="1" t="s">
        <v>13572</v>
      </c>
    </row>
    <row r="3454" spans="1:10" x14ac:dyDescent="0.35">
      <c r="A3454" s="1" t="s">
        <v>13498</v>
      </c>
      <c r="B3454" s="1" t="s">
        <v>13499</v>
      </c>
      <c r="C3454" s="1" t="s">
        <v>110</v>
      </c>
      <c r="D3454" s="1" t="s">
        <v>13573</v>
      </c>
      <c r="E3454" s="1" t="s">
        <v>13538</v>
      </c>
      <c r="F3454" s="1" t="s">
        <v>13574</v>
      </c>
      <c r="G3454" s="1" t="s">
        <v>13503</v>
      </c>
      <c r="H3454" s="1" t="s">
        <v>13</v>
      </c>
      <c r="I3454" s="1" t="s">
        <v>13504</v>
      </c>
      <c r="J3454" s="1" t="s">
        <v>13575</v>
      </c>
    </row>
    <row r="3455" spans="1:10" x14ac:dyDescent="0.35">
      <c r="A3455" s="1" t="s">
        <v>13498</v>
      </c>
      <c r="B3455" s="1" t="s">
        <v>13499</v>
      </c>
      <c r="C3455" s="1" t="s">
        <v>115</v>
      </c>
      <c r="D3455" s="1" t="s">
        <v>10602</v>
      </c>
      <c r="E3455" s="1" t="s">
        <v>13554</v>
      </c>
      <c r="F3455" s="1" t="s">
        <v>13576</v>
      </c>
      <c r="G3455" s="1" t="s">
        <v>13503</v>
      </c>
      <c r="H3455" s="1" t="s">
        <v>13</v>
      </c>
      <c r="I3455" s="1" t="s">
        <v>13504</v>
      </c>
      <c r="J3455" s="1" t="s">
        <v>13577</v>
      </c>
    </row>
    <row r="3456" spans="1:10" x14ac:dyDescent="0.35">
      <c r="A3456" s="1" t="s">
        <v>13498</v>
      </c>
      <c r="B3456" s="1" t="s">
        <v>13499</v>
      </c>
      <c r="C3456" s="1" t="s">
        <v>120</v>
      </c>
      <c r="D3456" s="1" t="s">
        <v>13578</v>
      </c>
      <c r="E3456" s="1" t="s">
        <v>13579</v>
      </c>
      <c r="F3456" s="1" t="s">
        <v>13580</v>
      </c>
      <c r="G3456" s="1" t="s">
        <v>13503</v>
      </c>
      <c r="H3456" s="1" t="s">
        <v>13</v>
      </c>
      <c r="I3456" s="1" t="s">
        <v>13504</v>
      </c>
      <c r="J3456" s="1" t="s">
        <v>13581</v>
      </c>
    </row>
    <row r="3457" spans="1:10" x14ac:dyDescent="0.35">
      <c r="A3457" s="1" t="s">
        <v>13498</v>
      </c>
      <c r="B3457" s="1" t="s">
        <v>13499</v>
      </c>
      <c r="C3457" s="1" t="s">
        <v>125</v>
      </c>
      <c r="D3457" s="1" t="s">
        <v>9079</v>
      </c>
      <c r="E3457" s="1" t="s">
        <v>13582</v>
      </c>
      <c r="F3457" s="1" t="s">
        <v>13583</v>
      </c>
      <c r="G3457" s="1" t="s">
        <v>13503</v>
      </c>
      <c r="H3457" s="1" t="s">
        <v>13</v>
      </c>
      <c r="I3457" s="1" t="s">
        <v>13504</v>
      </c>
      <c r="J3457" s="1" t="s">
        <v>13584</v>
      </c>
    </row>
    <row r="3458" spans="1:10" x14ac:dyDescent="0.35">
      <c r="A3458" s="1" t="s">
        <v>13498</v>
      </c>
      <c r="B3458" s="1" t="s">
        <v>13499</v>
      </c>
      <c r="C3458" s="1" t="s">
        <v>130</v>
      </c>
      <c r="D3458" s="1" t="s">
        <v>13585</v>
      </c>
      <c r="E3458" s="1" t="s">
        <v>13586</v>
      </c>
      <c r="F3458" s="1" t="s">
        <v>13587</v>
      </c>
      <c r="G3458" s="1" t="s">
        <v>13503</v>
      </c>
      <c r="H3458" s="1" t="s">
        <v>13</v>
      </c>
      <c r="I3458" s="1" t="s">
        <v>13504</v>
      </c>
      <c r="J3458" s="1" t="s">
        <v>13588</v>
      </c>
    </row>
    <row r="3459" spans="1:10" x14ac:dyDescent="0.35">
      <c r="A3459" s="1" t="s">
        <v>13498</v>
      </c>
      <c r="B3459" s="1" t="s">
        <v>13499</v>
      </c>
      <c r="C3459" s="1" t="s">
        <v>135</v>
      </c>
      <c r="D3459" s="1" t="s">
        <v>13589</v>
      </c>
      <c r="E3459" s="1" t="s">
        <v>13554</v>
      </c>
      <c r="F3459" s="1" t="s">
        <v>13590</v>
      </c>
      <c r="G3459" s="1" t="s">
        <v>13503</v>
      </c>
      <c r="H3459" s="1" t="s">
        <v>13</v>
      </c>
      <c r="I3459" s="1" t="s">
        <v>13504</v>
      </c>
      <c r="J3459" s="1" t="s">
        <v>13591</v>
      </c>
    </row>
    <row r="3460" spans="1:10" x14ac:dyDescent="0.35">
      <c r="A3460" s="1" t="s">
        <v>13498</v>
      </c>
      <c r="B3460" s="1" t="s">
        <v>13499</v>
      </c>
      <c r="C3460" s="1" t="s">
        <v>140</v>
      </c>
      <c r="D3460" s="1" t="s">
        <v>13592</v>
      </c>
      <c r="E3460" s="1" t="s">
        <v>13593</v>
      </c>
      <c r="F3460" s="1" t="s">
        <v>13594</v>
      </c>
      <c r="G3460" s="1" t="s">
        <v>13503</v>
      </c>
      <c r="H3460" s="1" t="s">
        <v>13</v>
      </c>
      <c r="I3460" s="1" t="s">
        <v>13504</v>
      </c>
      <c r="J3460" s="1" t="s">
        <v>13595</v>
      </c>
    </row>
    <row r="3461" spans="1:10" x14ac:dyDescent="0.35">
      <c r="A3461" s="1" t="s">
        <v>13498</v>
      </c>
      <c r="B3461" s="1" t="s">
        <v>13499</v>
      </c>
      <c r="C3461" s="1" t="s">
        <v>145</v>
      </c>
      <c r="D3461" s="1" t="s">
        <v>13596</v>
      </c>
      <c r="E3461" s="1" t="s">
        <v>13582</v>
      </c>
      <c r="F3461" s="1" t="s">
        <v>13597</v>
      </c>
      <c r="G3461" s="1" t="s">
        <v>13503</v>
      </c>
      <c r="H3461" s="1" t="s">
        <v>13</v>
      </c>
      <c r="I3461" s="1" t="s">
        <v>13504</v>
      </c>
      <c r="J3461" s="1" t="s">
        <v>13598</v>
      </c>
    </row>
    <row r="3462" spans="1:10" x14ac:dyDescent="0.35">
      <c r="A3462" s="1" t="s">
        <v>13498</v>
      </c>
      <c r="B3462" s="1" t="s">
        <v>13499</v>
      </c>
      <c r="C3462" s="1" t="s">
        <v>150</v>
      </c>
      <c r="D3462" s="1" t="s">
        <v>13599</v>
      </c>
      <c r="E3462" s="1" t="s">
        <v>13600</v>
      </c>
      <c r="F3462" s="1" t="s">
        <v>13601</v>
      </c>
      <c r="G3462" s="1" t="s">
        <v>13503</v>
      </c>
      <c r="H3462" s="1" t="s">
        <v>13</v>
      </c>
      <c r="I3462" s="1" t="s">
        <v>13504</v>
      </c>
      <c r="J3462" s="1" t="s">
        <v>13602</v>
      </c>
    </row>
    <row r="3463" spans="1:10" x14ac:dyDescent="0.35">
      <c r="A3463" s="1" t="s">
        <v>13498</v>
      </c>
      <c r="B3463" s="1" t="s">
        <v>13499</v>
      </c>
      <c r="C3463" s="1" t="s">
        <v>155</v>
      </c>
      <c r="D3463" s="1" t="s">
        <v>13603</v>
      </c>
      <c r="E3463" s="1" t="s">
        <v>13579</v>
      </c>
      <c r="F3463" s="1" t="s">
        <v>13604</v>
      </c>
      <c r="G3463" s="1" t="s">
        <v>13503</v>
      </c>
      <c r="H3463" s="1" t="s">
        <v>13</v>
      </c>
      <c r="I3463" s="1" t="s">
        <v>13504</v>
      </c>
      <c r="J3463" s="1" t="s">
        <v>13605</v>
      </c>
    </row>
    <row r="3464" spans="1:10" x14ac:dyDescent="0.35">
      <c r="A3464" s="1" t="s">
        <v>13498</v>
      </c>
      <c r="B3464" s="1" t="s">
        <v>13499</v>
      </c>
      <c r="C3464" s="1" t="s">
        <v>160</v>
      </c>
      <c r="D3464" s="1" t="s">
        <v>13606</v>
      </c>
      <c r="E3464" s="1" t="s">
        <v>13607</v>
      </c>
      <c r="F3464" s="1" t="s">
        <v>13608</v>
      </c>
      <c r="G3464" s="1" t="s">
        <v>13503</v>
      </c>
      <c r="H3464" s="1" t="s">
        <v>13</v>
      </c>
      <c r="I3464" s="1" t="s">
        <v>13504</v>
      </c>
      <c r="J3464" s="1" t="s">
        <v>13609</v>
      </c>
    </row>
    <row r="3465" spans="1:10" x14ac:dyDescent="0.35">
      <c r="A3465" s="1" t="s">
        <v>13498</v>
      </c>
      <c r="B3465" s="1" t="s">
        <v>13499</v>
      </c>
      <c r="C3465" s="1" t="s">
        <v>165</v>
      </c>
      <c r="D3465" s="1" t="s">
        <v>13610</v>
      </c>
      <c r="E3465" s="1" t="s">
        <v>13554</v>
      </c>
      <c r="F3465" s="1" t="s">
        <v>13611</v>
      </c>
      <c r="G3465" s="1" t="s">
        <v>13503</v>
      </c>
      <c r="H3465" s="1" t="s">
        <v>13</v>
      </c>
      <c r="I3465" s="1" t="s">
        <v>13504</v>
      </c>
      <c r="J3465" s="1" t="s">
        <v>13612</v>
      </c>
    </row>
    <row r="3466" spans="1:10" x14ac:dyDescent="0.35">
      <c r="A3466" s="1" t="s">
        <v>13498</v>
      </c>
      <c r="B3466" s="1" t="s">
        <v>13499</v>
      </c>
      <c r="C3466" s="1" t="s">
        <v>170</v>
      </c>
      <c r="D3466" s="1" t="s">
        <v>7696</v>
      </c>
      <c r="E3466" s="1" t="s">
        <v>13613</v>
      </c>
      <c r="F3466" s="1" t="s">
        <v>13614</v>
      </c>
      <c r="G3466" s="1" t="s">
        <v>13503</v>
      </c>
      <c r="H3466" s="1" t="s">
        <v>13</v>
      </c>
      <c r="I3466" s="1" t="s">
        <v>13504</v>
      </c>
      <c r="J3466" s="1" t="s">
        <v>13615</v>
      </c>
    </row>
    <row r="3467" spans="1:10" x14ac:dyDescent="0.35">
      <c r="A3467" s="1" t="s">
        <v>13616</v>
      </c>
      <c r="B3467" s="1" t="s">
        <v>13617</v>
      </c>
      <c r="C3467" s="1" t="s">
        <v>8</v>
      </c>
      <c r="D3467" s="1" t="s">
        <v>13618</v>
      </c>
      <c r="E3467" s="1" t="s">
        <v>7925</v>
      </c>
      <c r="F3467" s="1" t="s">
        <v>13619</v>
      </c>
      <c r="G3467" s="1" t="s">
        <v>13620</v>
      </c>
      <c r="H3467" s="1" t="s">
        <v>13</v>
      </c>
      <c r="I3467" s="1" t="s">
        <v>13621</v>
      </c>
      <c r="J3467" s="1" t="s">
        <v>13</v>
      </c>
    </row>
    <row r="3468" spans="1:10" x14ac:dyDescent="0.35">
      <c r="A3468" s="1" t="s">
        <v>13616</v>
      </c>
      <c r="B3468" s="1" t="s">
        <v>13617</v>
      </c>
      <c r="C3468" s="1" t="s">
        <v>15</v>
      </c>
      <c r="D3468" s="1" t="s">
        <v>13622</v>
      </c>
      <c r="E3468" s="1" t="s">
        <v>13623</v>
      </c>
      <c r="F3468" s="1" t="s">
        <v>13624</v>
      </c>
      <c r="G3468" s="1" t="s">
        <v>13620</v>
      </c>
      <c r="H3468" s="1" t="s">
        <v>13</v>
      </c>
      <c r="I3468" s="1" t="s">
        <v>13621</v>
      </c>
      <c r="J3468" s="1" t="s">
        <v>13625</v>
      </c>
    </row>
    <row r="3469" spans="1:10" x14ac:dyDescent="0.35">
      <c r="A3469" s="1" t="s">
        <v>13616</v>
      </c>
      <c r="B3469" s="1" t="s">
        <v>13617</v>
      </c>
      <c r="C3469" s="1" t="s">
        <v>20</v>
      </c>
      <c r="D3469" s="1" t="s">
        <v>13626</v>
      </c>
      <c r="E3469" s="1" t="s">
        <v>539</v>
      </c>
      <c r="F3469" s="1" t="s">
        <v>13627</v>
      </c>
      <c r="G3469" s="1" t="s">
        <v>13620</v>
      </c>
      <c r="H3469" s="1" t="s">
        <v>13</v>
      </c>
      <c r="I3469" s="1" t="s">
        <v>13621</v>
      </c>
      <c r="J3469" s="1" t="s">
        <v>13628</v>
      </c>
    </row>
    <row r="3470" spans="1:10" x14ac:dyDescent="0.35">
      <c r="A3470" s="1" t="s">
        <v>13616</v>
      </c>
      <c r="B3470" s="1" t="s">
        <v>13617</v>
      </c>
      <c r="C3470" s="1" t="s">
        <v>25</v>
      </c>
      <c r="D3470" s="1" t="s">
        <v>13629</v>
      </c>
      <c r="E3470" s="1" t="s">
        <v>12160</v>
      </c>
      <c r="F3470" s="1" t="s">
        <v>13630</v>
      </c>
      <c r="G3470" s="1" t="s">
        <v>13620</v>
      </c>
      <c r="H3470" s="1" t="s">
        <v>13</v>
      </c>
      <c r="I3470" s="1" t="s">
        <v>13621</v>
      </c>
      <c r="J3470" s="1" t="s">
        <v>13631</v>
      </c>
    </row>
    <row r="3471" spans="1:10" x14ac:dyDescent="0.35">
      <c r="A3471" s="1" t="s">
        <v>13616</v>
      </c>
      <c r="B3471" s="1" t="s">
        <v>13617</v>
      </c>
      <c r="C3471" s="1" t="s">
        <v>30</v>
      </c>
      <c r="D3471" s="1" t="s">
        <v>13632</v>
      </c>
      <c r="E3471" s="1" t="s">
        <v>7966</v>
      </c>
      <c r="F3471" s="1" t="s">
        <v>13633</v>
      </c>
      <c r="G3471" s="1" t="s">
        <v>13620</v>
      </c>
      <c r="H3471" s="1" t="s">
        <v>13</v>
      </c>
      <c r="I3471" s="1" t="s">
        <v>13621</v>
      </c>
      <c r="J3471" s="1" t="s">
        <v>13634</v>
      </c>
    </row>
    <row r="3472" spans="1:10" x14ac:dyDescent="0.35">
      <c r="A3472" s="1" t="s">
        <v>13616</v>
      </c>
      <c r="B3472" s="1" t="s">
        <v>13617</v>
      </c>
      <c r="C3472" s="1" t="s">
        <v>35</v>
      </c>
      <c r="D3472" s="1" t="s">
        <v>13635</v>
      </c>
      <c r="E3472" s="1" t="s">
        <v>515</v>
      </c>
      <c r="F3472" s="1" t="s">
        <v>13636</v>
      </c>
      <c r="G3472" s="1" t="s">
        <v>13620</v>
      </c>
      <c r="H3472" s="1" t="s">
        <v>13</v>
      </c>
      <c r="I3472" s="1" t="s">
        <v>13621</v>
      </c>
      <c r="J3472" s="1" t="s">
        <v>13637</v>
      </c>
    </row>
    <row r="3473" spans="1:10" x14ac:dyDescent="0.35">
      <c r="A3473" s="1" t="s">
        <v>13616</v>
      </c>
      <c r="B3473" s="1" t="s">
        <v>13617</v>
      </c>
      <c r="C3473" s="1" t="s">
        <v>40</v>
      </c>
      <c r="D3473" s="1" t="s">
        <v>13638</v>
      </c>
      <c r="E3473" s="1" t="s">
        <v>7933</v>
      </c>
      <c r="F3473" s="1" t="s">
        <v>13639</v>
      </c>
      <c r="G3473" s="1" t="s">
        <v>13620</v>
      </c>
      <c r="H3473" s="1" t="s">
        <v>13</v>
      </c>
      <c r="I3473" s="1" t="s">
        <v>13621</v>
      </c>
      <c r="J3473" s="1" t="s">
        <v>13640</v>
      </c>
    </row>
    <row r="3474" spans="1:10" x14ac:dyDescent="0.35">
      <c r="A3474" s="1" t="s">
        <v>13616</v>
      </c>
      <c r="B3474" s="1" t="s">
        <v>13617</v>
      </c>
      <c r="C3474" s="1" t="s">
        <v>45</v>
      </c>
      <c r="D3474" s="1" t="s">
        <v>13641</v>
      </c>
      <c r="E3474" s="1" t="s">
        <v>12671</v>
      </c>
      <c r="F3474" s="1" t="s">
        <v>13642</v>
      </c>
      <c r="G3474" s="1" t="s">
        <v>13620</v>
      </c>
      <c r="H3474" s="1" t="s">
        <v>13</v>
      </c>
      <c r="I3474" s="1" t="s">
        <v>13621</v>
      </c>
      <c r="J3474" s="1" t="s">
        <v>13643</v>
      </c>
    </row>
    <row r="3475" spans="1:10" x14ac:dyDescent="0.35">
      <c r="A3475" s="1" t="s">
        <v>13616</v>
      </c>
      <c r="B3475" s="1" t="s">
        <v>13617</v>
      </c>
      <c r="C3475" s="1" t="s">
        <v>50</v>
      </c>
      <c r="D3475" s="1" t="s">
        <v>13644</v>
      </c>
      <c r="E3475" s="1" t="s">
        <v>8658</v>
      </c>
      <c r="F3475" s="1" t="s">
        <v>13645</v>
      </c>
      <c r="G3475" s="1" t="s">
        <v>13620</v>
      </c>
      <c r="H3475" s="1" t="s">
        <v>13</v>
      </c>
      <c r="I3475" s="1" t="s">
        <v>13621</v>
      </c>
      <c r="J3475" s="1" t="s">
        <v>13646</v>
      </c>
    </row>
    <row r="3476" spans="1:10" x14ac:dyDescent="0.35">
      <c r="A3476" s="1" t="s">
        <v>13616</v>
      </c>
      <c r="B3476" s="1" t="s">
        <v>13617</v>
      </c>
      <c r="C3476" s="1" t="s">
        <v>55</v>
      </c>
      <c r="D3476" s="1" t="s">
        <v>13647</v>
      </c>
      <c r="E3476" s="1" t="s">
        <v>13648</v>
      </c>
      <c r="F3476" s="1" t="s">
        <v>13649</v>
      </c>
      <c r="G3476" s="1" t="s">
        <v>13620</v>
      </c>
      <c r="H3476" s="1" t="s">
        <v>13</v>
      </c>
      <c r="I3476" s="1" t="s">
        <v>13621</v>
      </c>
      <c r="J3476" s="1" t="s">
        <v>13650</v>
      </c>
    </row>
    <row r="3477" spans="1:10" x14ac:dyDescent="0.35">
      <c r="A3477" s="1" t="s">
        <v>13616</v>
      </c>
      <c r="B3477" s="1" t="s">
        <v>13617</v>
      </c>
      <c r="C3477" s="1" t="s">
        <v>60</v>
      </c>
      <c r="D3477" s="1" t="s">
        <v>13651</v>
      </c>
      <c r="E3477" s="1" t="s">
        <v>13652</v>
      </c>
      <c r="F3477" s="1" t="s">
        <v>13653</v>
      </c>
      <c r="G3477" s="1" t="s">
        <v>13620</v>
      </c>
      <c r="H3477" s="1" t="s">
        <v>13</v>
      </c>
      <c r="I3477" s="1" t="s">
        <v>13621</v>
      </c>
      <c r="J3477" s="1" t="s">
        <v>13654</v>
      </c>
    </row>
    <row r="3478" spans="1:10" x14ac:dyDescent="0.35">
      <c r="A3478" s="1" t="s">
        <v>13616</v>
      </c>
      <c r="B3478" s="1" t="s">
        <v>13617</v>
      </c>
      <c r="C3478" s="1" t="s">
        <v>65</v>
      </c>
      <c r="D3478" s="1" t="s">
        <v>13655</v>
      </c>
      <c r="E3478" s="1" t="s">
        <v>567</v>
      </c>
      <c r="F3478" s="1" t="s">
        <v>13656</v>
      </c>
      <c r="G3478" s="1" t="s">
        <v>13620</v>
      </c>
      <c r="H3478" s="1" t="s">
        <v>13</v>
      </c>
      <c r="I3478" s="1" t="s">
        <v>13621</v>
      </c>
      <c r="J3478" s="1" t="s">
        <v>13657</v>
      </c>
    </row>
    <row r="3479" spans="1:10" x14ac:dyDescent="0.35">
      <c r="A3479" s="1" t="s">
        <v>13616</v>
      </c>
      <c r="B3479" s="1" t="s">
        <v>13617</v>
      </c>
      <c r="C3479" s="1" t="s">
        <v>70</v>
      </c>
      <c r="D3479" s="1" t="s">
        <v>13658</v>
      </c>
      <c r="E3479" s="1" t="s">
        <v>13659</v>
      </c>
      <c r="F3479" s="1" t="s">
        <v>13660</v>
      </c>
      <c r="G3479" s="1" t="s">
        <v>13620</v>
      </c>
      <c r="H3479" s="1" t="s">
        <v>13</v>
      </c>
      <c r="I3479" s="1" t="s">
        <v>13621</v>
      </c>
      <c r="J3479" s="1" t="s">
        <v>13661</v>
      </c>
    </row>
    <row r="3480" spans="1:10" x14ac:dyDescent="0.35">
      <c r="A3480" s="1" t="s">
        <v>13616</v>
      </c>
      <c r="B3480" s="1" t="s">
        <v>13617</v>
      </c>
      <c r="C3480" s="1" t="s">
        <v>75</v>
      </c>
      <c r="D3480" s="1" t="s">
        <v>13662</v>
      </c>
      <c r="E3480" s="1" t="s">
        <v>8566</v>
      </c>
      <c r="F3480" s="1" t="s">
        <v>13663</v>
      </c>
      <c r="G3480" s="1" t="s">
        <v>13620</v>
      </c>
      <c r="H3480" s="1" t="s">
        <v>13</v>
      </c>
      <c r="I3480" s="1" t="s">
        <v>13621</v>
      </c>
      <c r="J3480" s="1" t="s">
        <v>13664</v>
      </c>
    </row>
    <row r="3481" spans="1:10" x14ac:dyDescent="0.35">
      <c r="A3481" s="1" t="s">
        <v>13616</v>
      </c>
      <c r="B3481" s="1" t="s">
        <v>13617</v>
      </c>
      <c r="C3481" s="1" t="s">
        <v>80</v>
      </c>
      <c r="D3481" s="1" t="s">
        <v>9802</v>
      </c>
      <c r="E3481" s="1" t="s">
        <v>13665</v>
      </c>
      <c r="F3481" s="1" t="s">
        <v>13666</v>
      </c>
      <c r="G3481" s="1" t="s">
        <v>13620</v>
      </c>
      <c r="H3481" s="1" t="s">
        <v>13</v>
      </c>
      <c r="I3481" s="1" t="s">
        <v>13621</v>
      </c>
      <c r="J3481" s="1" t="s">
        <v>13667</v>
      </c>
    </row>
    <row r="3482" spans="1:10" x14ac:dyDescent="0.35">
      <c r="A3482" s="1" t="s">
        <v>13616</v>
      </c>
      <c r="B3482" s="1" t="s">
        <v>13617</v>
      </c>
      <c r="C3482" s="1" t="s">
        <v>85</v>
      </c>
      <c r="D3482" s="1" t="s">
        <v>13668</v>
      </c>
      <c r="E3482" s="1" t="s">
        <v>13669</v>
      </c>
      <c r="F3482" s="1" t="s">
        <v>13670</v>
      </c>
      <c r="G3482" s="1" t="s">
        <v>13620</v>
      </c>
      <c r="H3482" s="1" t="s">
        <v>13</v>
      </c>
      <c r="I3482" s="1" t="s">
        <v>13621</v>
      </c>
      <c r="J3482" s="1" t="s">
        <v>13671</v>
      </c>
    </row>
    <row r="3483" spans="1:10" x14ac:dyDescent="0.35">
      <c r="A3483" s="1" t="s">
        <v>13616</v>
      </c>
      <c r="B3483" s="1" t="s">
        <v>13617</v>
      </c>
      <c r="C3483" s="1" t="s">
        <v>90</v>
      </c>
      <c r="D3483" s="1" t="s">
        <v>13672</v>
      </c>
      <c r="E3483" s="1" t="s">
        <v>13673</v>
      </c>
      <c r="F3483" s="1" t="s">
        <v>13674</v>
      </c>
      <c r="G3483" s="1" t="s">
        <v>13620</v>
      </c>
      <c r="H3483" s="1" t="s">
        <v>13</v>
      </c>
      <c r="I3483" s="1" t="s">
        <v>13621</v>
      </c>
      <c r="J3483" s="1" t="s">
        <v>13675</v>
      </c>
    </row>
    <row r="3484" spans="1:10" x14ac:dyDescent="0.35">
      <c r="A3484" s="1" t="s">
        <v>13616</v>
      </c>
      <c r="B3484" s="1" t="s">
        <v>13617</v>
      </c>
      <c r="C3484" s="1" t="s">
        <v>95</v>
      </c>
      <c r="D3484" s="1" t="s">
        <v>13676</v>
      </c>
      <c r="E3484" s="1" t="s">
        <v>543</v>
      </c>
      <c r="F3484" s="1" t="s">
        <v>13677</v>
      </c>
      <c r="G3484" s="1" t="s">
        <v>13620</v>
      </c>
      <c r="H3484" s="1" t="s">
        <v>13</v>
      </c>
      <c r="I3484" s="1" t="s">
        <v>13621</v>
      </c>
      <c r="J3484" s="1" t="s">
        <v>13678</v>
      </c>
    </row>
    <row r="3485" spans="1:10" x14ac:dyDescent="0.35">
      <c r="A3485" s="1" t="s">
        <v>13616</v>
      </c>
      <c r="B3485" s="1" t="s">
        <v>13617</v>
      </c>
      <c r="C3485" s="1" t="s">
        <v>100</v>
      </c>
      <c r="D3485" s="1" t="s">
        <v>13679</v>
      </c>
      <c r="E3485" s="1" t="s">
        <v>13680</v>
      </c>
      <c r="F3485" s="1" t="s">
        <v>13681</v>
      </c>
      <c r="G3485" s="1" t="s">
        <v>13620</v>
      </c>
      <c r="H3485" s="1" t="s">
        <v>13</v>
      </c>
      <c r="I3485" s="1" t="s">
        <v>13621</v>
      </c>
      <c r="J3485" s="1" t="s">
        <v>13682</v>
      </c>
    </row>
    <row r="3486" spans="1:10" x14ac:dyDescent="0.35">
      <c r="A3486" s="1" t="s">
        <v>13616</v>
      </c>
      <c r="B3486" s="1" t="s">
        <v>13617</v>
      </c>
      <c r="C3486" s="1" t="s">
        <v>105</v>
      </c>
      <c r="D3486" s="1" t="s">
        <v>13683</v>
      </c>
      <c r="E3486" s="1" t="s">
        <v>8588</v>
      </c>
      <c r="F3486" s="1" t="s">
        <v>13684</v>
      </c>
      <c r="G3486" s="1" t="s">
        <v>13620</v>
      </c>
      <c r="H3486" s="1" t="s">
        <v>13</v>
      </c>
      <c r="I3486" s="1" t="s">
        <v>13621</v>
      </c>
      <c r="J3486" s="1" t="s">
        <v>13685</v>
      </c>
    </row>
    <row r="3487" spans="1:10" x14ac:dyDescent="0.35">
      <c r="A3487" s="1" t="s">
        <v>13616</v>
      </c>
      <c r="B3487" s="1" t="s">
        <v>13617</v>
      </c>
      <c r="C3487" s="1" t="s">
        <v>110</v>
      </c>
      <c r="D3487" s="1" t="s">
        <v>13686</v>
      </c>
      <c r="E3487" s="1" t="s">
        <v>7917</v>
      </c>
      <c r="F3487" s="1" t="s">
        <v>13687</v>
      </c>
      <c r="G3487" s="1" t="s">
        <v>13620</v>
      </c>
      <c r="H3487" s="1" t="s">
        <v>13</v>
      </c>
      <c r="I3487" s="1" t="s">
        <v>13621</v>
      </c>
      <c r="J3487" s="1" t="s">
        <v>13688</v>
      </c>
    </row>
    <row r="3488" spans="1:10" x14ac:dyDescent="0.35">
      <c r="A3488" s="1" t="s">
        <v>13616</v>
      </c>
      <c r="B3488" s="1" t="s">
        <v>13617</v>
      </c>
      <c r="C3488" s="1" t="s">
        <v>115</v>
      </c>
      <c r="D3488" s="1" t="s">
        <v>13689</v>
      </c>
      <c r="E3488" s="1" t="s">
        <v>8642</v>
      </c>
      <c r="F3488" s="1" t="s">
        <v>13690</v>
      </c>
      <c r="G3488" s="1" t="s">
        <v>13620</v>
      </c>
      <c r="H3488" s="1" t="s">
        <v>13</v>
      </c>
      <c r="I3488" s="1" t="s">
        <v>13621</v>
      </c>
      <c r="J3488" s="1" t="s">
        <v>13691</v>
      </c>
    </row>
    <row r="3489" spans="1:10" x14ac:dyDescent="0.35">
      <c r="A3489" s="1" t="s">
        <v>13616</v>
      </c>
      <c r="B3489" s="1" t="s">
        <v>13617</v>
      </c>
      <c r="C3489" s="1" t="s">
        <v>120</v>
      </c>
      <c r="D3489" s="1" t="s">
        <v>13692</v>
      </c>
      <c r="E3489" s="1" t="s">
        <v>13693</v>
      </c>
      <c r="F3489" s="1" t="s">
        <v>13694</v>
      </c>
      <c r="G3489" s="1" t="s">
        <v>13620</v>
      </c>
      <c r="H3489" s="1" t="s">
        <v>13</v>
      </c>
      <c r="I3489" s="1" t="s">
        <v>13621</v>
      </c>
      <c r="J3489" s="1" t="s">
        <v>13695</v>
      </c>
    </row>
    <row r="3490" spans="1:10" x14ac:dyDescent="0.35">
      <c r="A3490" s="1" t="s">
        <v>13616</v>
      </c>
      <c r="B3490" s="1" t="s">
        <v>13617</v>
      </c>
      <c r="C3490" s="1" t="s">
        <v>125</v>
      </c>
      <c r="D3490" s="1" t="s">
        <v>13696</v>
      </c>
      <c r="E3490" s="1" t="s">
        <v>12200</v>
      </c>
      <c r="F3490" s="1" t="s">
        <v>13697</v>
      </c>
      <c r="G3490" s="1" t="s">
        <v>13620</v>
      </c>
      <c r="H3490" s="1" t="s">
        <v>13</v>
      </c>
      <c r="I3490" s="1" t="s">
        <v>13621</v>
      </c>
      <c r="J3490" s="1" t="s">
        <v>13698</v>
      </c>
    </row>
    <row r="3491" spans="1:10" x14ac:dyDescent="0.35">
      <c r="A3491" s="1" t="s">
        <v>13616</v>
      </c>
      <c r="B3491" s="1" t="s">
        <v>13617</v>
      </c>
      <c r="C3491" s="1" t="s">
        <v>130</v>
      </c>
      <c r="D3491" s="1" t="s">
        <v>13699</v>
      </c>
      <c r="E3491" s="1" t="s">
        <v>13700</v>
      </c>
      <c r="F3491" s="1" t="s">
        <v>13701</v>
      </c>
      <c r="G3491" s="1" t="s">
        <v>13620</v>
      </c>
      <c r="H3491" s="1" t="s">
        <v>13</v>
      </c>
      <c r="I3491" s="1" t="s">
        <v>13621</v>
      </c>
      <c r="J3491" s="1" t="s">
        <v>13702</v>
      </c>
    </row>
    <row r="3492" spans="1:10" x14ac:dyDescent="0.35">
      <c r="A3492" s="1" t="s">
        <v>13616</v>
      </c>
      <c r="B3492" s="1" t="s">
        <v>13617</v>
      </c>
      <c r="C3492" s="1" t="s">
        <v>135</v>
      </c>
      <c r="D3492" s="1" t="s">
        <v>13703</v>
      </c>
      <c r="E3492" s="1" t="s">
        <v>13704</v>
      </c>
      <c r="F3492" s="1" t="s">
        <v>13705</v>
      </c>
      <c r="G3492" s="1" t="s">
        <v>13620</v>
      </c>
      <c r="H3492" s="1" t="s">
        <v>13</v>
      </c>
      <c r="I3492" s="1" t="s">
        <v>13621</v>
      </c>
      <c r="J3492" s="1" t="s">
        <v>13706</v>
      </c>
    </row>
    <row r="3493" spans="1:10" x14ac:dyDescent="0.35">
      <c r="A3493" s="1" t="s">
        <v>13616</v>
      </c>
      <c r="B3493" s="1" t="s">
        <v>13617</v>
      </c>
      <c r="C3493" s="1" t="s">
        <v>140</v>
      </c>
      <c r="D3493" s="1" t="s">
        <v>13707</v>
      </c>
      <c r="E3493" s="1" t="s">
        <v>13708</v>
      </c>
      <c r="F3493" s="1" t="s">
        <v>13709</v>
      </c>
      <c r="G3493" s="1" t="s">
        <v>13620</v>
      </c>
      <c r="H3493" s="1" t="s">
        <v>13</v>
      </c>
      <c r="I3493" s="1" t="s">
        <v>13621</v>
      </c>
      <c r="J3493" s="1" t="s">
        <v>13710</v>
      </c>
    </row>
    <row r="3494" spans="1:10" x14ac:dyDescent="0.35">
      <c r="A3494" s="1" t="s">
        <v>13616</v>
      </c>
      <c r="B3494" s="1" t="s">
        <v>13617</v>
      </c>
      <c r="C3494" s="1" t="s">
        <v>145</v>
      </c>
      <c r="D3494" s="1" t="s">
        <v>13711</v>
      </c>
      <c r="E3494" s="1" t="s">
        <v>13712</v>
      </c>
      <c r="F3494" s="1" t="s">
        <v>13713</v>
      </c>
      <c r="G3494" s="1" t="s">
        <v>13620</v>
      </c>
      <c r="H3494" s="1" t="s">
        <v>13</v>
      </c>
      <c r="I3494" s="1" t="s">
        <v>13621</v>
      </c>
      <c r="J3494" s="1" t="s">
        <v>13714</v>
      </c>
    </row>
    <row r="3495" spans="1:10" x14ac:dyDescent="0.35">
      <c r="A3495" s="1" t="s">
        <v>13616</v>
      </c>
      <c r="B3495" s="1" t="s">
        <v>13617</v>
      </c>
      <c r="C3495" s="1" t="s">
        <v>150</v>
      </c>
      <c r="D3495" s="1" t="s">
        <v>13715</v>
      </c>
      <c r="E3495" s="1" t="s">
        <v>13716</v>
      </c>
      <c r="F3495" s="1" t="s">
        <v>13717</v>
      </c>
      <c r="G3495" s="1" t="s">
        <v>13620</v>
      </c>
      <c r="H3495" s="1" t="s">
        <v>13</v>
      </c>
      <c r="I3495" s="1" t="s">
        <v>13621</v>
      </c>
      <c r="J3495" s="1" t="s">
        <v>13718</v>
      </c>
    </row>
    <row r="3496" spans="1:10" x14ac:dyDescent="0.35">
      <c r="A3496" s="1" t="s">
        <v>13616</v>
      </c>
      <c r="B3496" s="1" t="s">
        <v>13617</v>
      </c>
      <c r="C3496" s="1" t="s">
        <v>155</v>
      </c>
      <c r="D3496" s="1" t="s">
        <v>13719</v>
      </c>
      <c r="E3496" s="1" t="s">
        <v>13720</v>
      </c>
      <c r="F3496" s="1" t="s">
        <v>13721</v>
      </c>
      <c r="G3496" s="1" t="s">
        <v>13620</v>
      </c>
      <c r="H3496" s="1" t="s">
        <v>13</v>
      </c>
      <c r="I3496" s="1" t="s">
        <v>13621</v>
      </c>
      <c r="J3496" s="1" t="s">
        <v>13722</v>
      </c>
    </row>
    <row r="3497" spans="1:10" x14ac:dyDescent="0.35">
      <c r="A3497" s="1" t="s">
        <v>13616</v>
      </c>
      <c r="B3497" s="1" t="s">
        <v>13617</v>
      </c>
      <c r="C3497" s="1" t="s">
        <v>160</v>
      </c>
      <c r="D3497" s="1" t="s">
        <v>13723</v>
      </c>
      <c r="E3497" s="1" t="s">
        <v>8007</v>
      </c>
      <c r="F3497" s="1" t="s">
        <v>13724</v>
      </c>
      <c r="G3497" s="1" t="s">
        <v>13620</v>
      </c>
      <c r="H3497" s="1" t="s">
        <v>13</v>
      </c>
      <c r="I3497" s="1" t="s">
        <v>13621</v>
      </c>
      <c r="J3497" s="1" t="s">
        <v>13725</v>
      </c>
    </row>
    <row r="3498" spans="1:10" x14ac:dyDescent="0.35">
      <c r="A3498" s="1" t="s">
        <v>13616</v>
      </c>
      <c r="B3498" s="1" t="s">
        <v>13617</v>
      </c>
      <c r="C3498" s="1" t="s">
        <v>165</v>
      </c>
      <c r="D3498" s="1" t="s">
        <v>13726</v>
      </c>
      <c r="E3498" s="1" t="s">
        <v>12640</v>
      </c>
      <c r="F3498" s="1" t="s">
        <v>13727</v>
      </c>
      <c r="G3498" s="1" t="s">
        <v>13620</v>
      </c>
      <c r="H3498" s="1" t="s">
        <v>13</v>
      </c>
      <c r="I3498" s="1" t="s">
        <v>13621</v>
      </c>
      <c r="J3498" s="1" t="s">
        <v>13728</v>
      </c>
    </row>
    <row r="3499" spans="1:10" x14ac:dyDescent="0.35">
      <c r="A3499" s="1" t="s">
        <v>13616</v>
      </c>
      <c r="B3499" s="1" t="s">
        <v>13617</v>
      </c>
      <c r="C3499" s="1" t="s">
        <v>170</v>
      </c>
      <c r="D3499" s="1" t="s">
        <v>13729</v>
      </c>
      <c r="E3499" s="1" t="s">
        <v>13730</v>
      </c>
      <c r="F3499" s="1" t="s">
        <v>13731</v>
      </c>
      <c r="G3499" s="1" t="s">
        <v>13620</v>
      </c>
      <c r="H3499" s="1" t="s">
        <v>13</v>
      </c>
      <c r="I3499" s="1" t="s">
        <v>13621</v>
      </c>
      <c r="J3499" s="1" t="s">
        <v>13732</v>
      </c>
    </row>
    <row r="3500" spans="1:10" x14ac:dyDescent="0.35">
      <c r="A3500" s="1" t="s">
        <v>13733</v>
      </c>
      <c r="B3500" s="1" t="s">
        <v>13734</v>
      </c>
      <c r="C3500" s="1" t="s">
        <v>8</v>
      </c>
      <c r="D3500" s="1" t="s">
        <v>13735</v>
      </c>
      <c r="E3500" s="1" t="s">
        <v>13736</v>
      </c>
      <c r="F3500" s="1" t="s">
        <v>13737</v>
      </c>
      <c r="G3500" s="1" t="s">
        <v>13738</v>
      </c>
      <c r="H3500" s="1" t="s">
        <v>13</v>
      </c>
      <c r="I3500" s="1" t="s">
        <v>13739</v>
      </c>
      <c r="J3500" s="1" t="s">
        <v>13</v>
      </c>
    </row>
    <row r="3501" spans="1:10" x14ac:dyDescent="0.35">
      <c r="A3501" s="1" t="s">
        <v>13733</v>
      </c>
      <c r="B3501" s="1" t="s">
        <v>13734</v>
      </c>
      <c r="C3501" s="1" t="s">
        <v>15</v>
      </c>
      <c r="D3501" s="1" t="s">
        <v>13740</v>
      </c>
      <c r="E3501" s="1" t="s">
        <v>13741</v>
      </c>
      <c r="F3501" s="1" t="s">
        <v>13742</v>
      </c>
      <c r="G3501" s="1" t="s">
        <v>13738</v>
      </c>
      <c r="H3501" s="1" t="s">
        <v>13</v>
      </c>
      <c r="I3501" s="1" t="s">
        <v>13739</v>
      </c>
      <c r="J3501" s="1" t="s">
        <v>13743</v>
      </c>
    </row>
    <row r="3502" spans="1:10" x14ac:dyDescent="0.35">
      <c r="A3502" s="1" t="s">
        <v>13733</v>
      </c>
      <c r="B3502" s="1" t="s">
        <v>13734</v>
      </c>
      <c r="C3502" s="1" t="s">
        <v>20</v>
      </c>
      <c r="D3502" s="1" t="s">
        <v>1312</v>
      </c>
      <c r="E3502" s="1" t="s">
        <v>13744</v>
      </c>
      <c r="F3502" s="1" t="s">
        <v>13745</v>
      </c>
      <c r="G3502" s="1" t="s">
        <v>13738</v>
      </c>
      <c r="H3502" s="1" t="s">
        <v>13</v>
      </c>
      <c r="I3502" s="1" t="s">
        <v>13739</v>
      </c>
      <c r="J3502" s="1" t="s">
        <v>13746</v>
      </c>
    </row>
    <row r="3503" spans="1:10" x14ac:dyDescent="0.35">
      <c r="A3503" s="1" t="s">
        <v>13733</v>
      </c>
      <c r="B3503" s="1" t="s">
        <v>13734</v>
      </c>
      <c r="C3503" s="1" t="s">
        <v>25</v>
      </c>
      <c r="D3503" s="1" t="s">
        <v>13747</v>
      </c>
      <c r="E3503" s="1" t="s">
        <v>13748</v>
      </c>
      <c r="F3503" s="1" t="s">
        <v>13749</v>
      </c>
      <c r="G3503" s="1" t="s">
        <v>13738</v>
      </c>
      <c r="H3503" s="1" t="s">
        <v>13</v>
      </c>
      <c r="I3503" s="1" t="s">
        <v>13739</v>
      </c>
      <c r="J3503" s="1" t="s">
        <v>13750</v>
      </c>
    </row>
    <row r="3504" spans="1:10" x14ac:dyDescent="0.35">
      <c r="A3504" s="1" t="s">
        <v>13733</v>
      </c>
      <c r="B3504" s="1" t="s">
        <v>13734</v>
      </c>
      <c r="C3504" s="1" t="s">
        <v>30</v>
      </c>
      <c r="D3504" s="1" t="s">
        <v>13751</v>
      </c>
      <c r="E3504" s="1" t="s">
        <v>13752</v>
      </c>
      <c r="F3504" s="1" t="s">
        <v>13753</v>
      </c>
      <c r="G3504" s="1" t="s">
        <v>13738</v>
      </c>
      <c r="H3504" s="1" t="s">
        <v>13</v>
      </c>
      <c r="I3504" s="1" t="s">
        <v>13739</v>
      </c>
      <c r="J3504" s="1" t="s">
        <v>13754</v>
      </c>
    </row>
    <row r="3505" spans="1:10" x14ac:dyDescent="0.35">
      <c r="A3505" s="1" t="s">
        <v>13733</v>
      </c>
      <c r="B3505" s="1" t="s">
        <v>13734</v>
      </c>
      <c r="C3505" s="1" t="s">
        <v>35</v>
      </c>
      <c r="D3505" s="1" t="s">
        <v>13755</v>
      </c>
      <c r="E3505" s="1" t="s">
        <v>13756</v>
      </c>
      <c r="F3505" s="1" t="s">
        <v>13757</v>
      </c>
      <c r="G3505" s="1" t="s">
        <v>13738</v>
      </c>
      <c r="H3505" s="1" t="s">
        <v>13</v>
      </c>
      <c r="I3505" s="1" t="s">
        <v>13739</v>
      </c>
      <c r="J3505" s="1" t="s">
        <v>1363</v>
      </c>
    </row>
    <row r="3506" spans="1:10" x14ac:dyDescent="0.35">
      <c r="A3506" s="1" t="s">
        <v>13733</v>
      </c>
      <c r="B3506" s="1" t="s">
        <v>13734</v>
      </c>
      <c r="C3506" s="1" t="s">
        <v>40</v>
      </c>
      <c r="D3506" s="1" t="s">
        <v>13758</v>
      </c>
      <c r="E3506" s="1" t="s">
        <v>13759</v>
      </c>
      <c r="F3506" s="1" t="s">
        <v>13760</v>
      </c>
      <c r="G3506" s="1" t="s">
        <v>13738</v>
      </c>
      <c r="H3506" s="1" t="s">
        <v>13</v>
      </c>
      <c r="I3506" s="1" t="s">
        <v>13739</v>
      </c>
      <c r="J3506" s="1" t="s">
        <v>13761</v>
      </c>
    </row>
    <row r="3507" spans="1:10" x14ac:dyDescent="0.35">
      <c r="A3507" s="1" t="s">
        <v>13733</v>
      </c>
      <c r="B3507" s="1" t="s">
        <v>13734</v>
      </c>
      <c r="C3507" s="1" t="s">
        <v>45</v>
      </c>
      <c r="D3507" s="1" t="s">
        <v>13762</v>
      </c>
      <c r="E3507" s="1" t="s">
        <v>13763</v>
      </c>
      <c r="F3507" s="1" t="s">
        <v>13764</v>
      </c>
      <c r="G3507" s="1" t="s">
        <v>13738</v>
      </c>
      <c r="H3507" s="1" t="s">
        <v>13</v>
      </c>
      <c r="I3507" s="1" t="s">
        <v>13739</v>
      </c>
      <c r="J3507" s="1" t="s">
        <v>13765</v>
      </c>
    </row>
    <row r="3508" spans="1:10" x14ac:dyDescent="0.35">
      <c r="A3508" s="1" t="s">
        <v>13733</v>
      </c>
      <c r="B3508" s="1" t="s">
        <v>13734</v>
      </c>
      <c r="C3508" s="1" t="s">
        <v>50</v>
      </c>
      <c r="D3508" s="1" t="s">
        <v>13766</v>
      </c>
      <c r="E3508" s="1" t="s">
        <v>13767</v>
      </c>
      <c r="F3508" s="1" t="s">
        <v>13768</v>
      </c>
      <c r="G3508" s="1" t="s">
        <v>13738</v>
      </c>
      <c r="H3508" s="1" t="s">
        <v>13</v>
      </c>
      <c r="I3508" s="1" t="s">
        <v>13739</v>
      </c>
      <c r="J3508" s="1" t="s">
        <v>13769</v>
      </c>
    </row>
    <row r="3509" spans="1:10" x14ac:dyDescent="0.35">
      <c r="A3509" s="1" t="s">
        <v>13733</v>
      </c>
      <c r="B3509" s="1" t="s">
        <v>13734</v>
      </c>
      <c r="C3509" s="1" t="s">
        <v>55</v>
      </c>
      <c r="D3509" s="1" t="s">
        <v>13770</v>
      </c>
      <c r="E3509" s="1" t="s">
        <v>13771</v>
      </c>
      <c r="F3509" s="1" t="s">
        <v>13772</v>
      </c>
      <c r="G3509" s="1" t="s">
        <v>13738</v>
      </c>
      <c r="H3509" s="1" t="s">
        <v>13</v>
      </c>
      <c r="I3509" s="1" t="s">
        <v>13739</v>
      </c>
      <c r="J3509" s="1" t="s">
        <v>13773</v>
      </c>
    </row>
    <row r="3510" spans="1:10" x14ac:dyDescent="0.35">
      <c r="A3510" s="1" t="s">
        <v>13733</v>
      </c>
      <c r="B3510" s="1" t="s">
        <v>13734</v>
      </c>
      <c r="C3510" s="1" t="s">
        <v>60</v>
      </c>
      <c r="D3510" s="1" t="s">
        <v>13774</v>
      </c>
      <c r="E3510" s="1" t="s">
        <v>13775</v>
      </c>
      <c r="F3510" s="1" t="s">
        <v>13776</v>
      </c>
      <c r="G3510" s="1" t="s">
        <v>13738</v>
      </c>
      <c r="H3510" s="1" t="s">
        <v>13</v>
      </c>
      <c r="I3510" s="1" t="s">
        <v>13739</v>
      </c>
      <c r="J3510" s="1" t="s">
        <v>13777</v>
      </c>
    </row>
    <row r="3511" spans="1:10" x14ac:dyDescent="0.35">
      <c r="A3511" s="1" t="s">
        <v>13733</v>
      </c>
      <c r="B3511" s="1" t="s">
        <v>13734</v>
      </c>
      <c r="C3511" s="1" t="s">
        <v>65</v>
      </c>
      <c r="D3511" s="1" t="s">
        <v>13778</v>
      </c>
      <c r="E3511" s="1" t="s">
        <v>13779</v>
      </c>
      <c r="F3511" s="1" t="s">
        <v>13780</v>
      </c>
      <c r="G3511" s="1" t="s">
        <v>13738</v>
      </c>
      <c r="H3511" s="1" t="s">
        <v>13</v>
      </c>
      <c r="I3511" s="1" t="s">
        <v>13739</v>
      </c>
      <c r="J3511" s="1" t="s">
        <v>13781</v>
      </c>
    </row>
    <row r="3512" spans="1:10" x14ac:dyDescent="0.35">
      <c r="A3512" s="1" t="s">
        <v>13733</v>
      </c>
      <c r="B3512" s="1" t="s">
        <v>13734</v>
      </c>
      <c r="C3512" s="1" t="s">
        <v>70</v>
      </c>
      <c r="D3512" s="1" t="s">
        <v>13782</v>
      </c>
      <c r="E3512" s="1" t="s">
        <v>13783</v>
      </c>
      <c r="F3512" s="1" t="s">
        <v>13784</v>
      </c>
      <c r="G3512" s="1" t="s">
        <v>13738</v>
      </c>
      <c r="H3512" s="1" t="s">
        <v>13</v>
      </c>
      <c r="I3512" s="1" t="s">
        <v>13739</v>
      </c>
      <c r="J3512" s="1" t="s">
        <v>13785</v>
      </c>
    </row>
    <row r="3513" spans="1:10" x14ac:dyDescent="0.35">
      <c r="A3513" s="1" t="s">
        <v>13733</v>
      </c>
      <c r="B3513" s="1" t="s">
        <v>13734</v>
      </c>
      <c r="C3513" s="1" t="s">
        <v>75</v>
      </c>
      <c r="D3513" s="1" t="s">
        <v>13786</v>
      </c>
      <c r="E3513" s="1" t="s">
        <v>13787</v>
      </c>
      <c r="F3513" s="1" t="s">
        <v>13788</v>
      </c>
      <c r="G3513" s="1" t="s">
        <v>13738</v>
      </c>
      <c r="H3513" s="1" t="s">
        <v>13</v>
      </c>
      <c r="I3513" s="1" t="s">
        <v>13739</v>
      </c>
      <c r="J3513" s="1" t="s">
        <v>13789</v>
      </c>
    </row>
    <row r="3514" spans="1:10" x14ac:dyDescent="0.35">
      <c r="A3514" s="1" t="s">
        <v>13733</v>
      </c>
      <c r="B3514" s="1" t="s">
        <v>13734</v>
      </c>
      <c r="C3514" s="1" t="s">
        <v>80</v>
      </c>
      <c r="D3514" s="1" t="s">
        <v>13790</v>
      </c>
      <c r="E3514" s="1" t="s">
        <v>13791</v>
      </c>
      <c r="F3514" s="1" t="s">
        <v>13792</v>
      </c>
      <c r="G3514" s="1" t="s">
        <v>13738</v>
      </c>
      <c r="H3514" s="1" t="s">
        <v>13</v>
      </c>
      <c r="I3514" s="1" t="s">
        <v>13739</v>
      </c>
      <c r="J3514" s="1" t="s">
        <v>13793</v>
      </c>
    </row>
    <row r="3515" spans="1:10" x14ac:dyDescent="0.35">
      <c r="A3515" s="1" t="s">
        <v>13733</v>
      </c>
      <c r="B3515" s="1" t="s">
        <v>13734</v>
      </c>
      <c r="C3515" s="1" t="s">
        <v>85</v>
      </c>
      <c r="D3515" s="1" t="s">
        <v>13794</v>
      </c>
      <c r="E3515" s="1" t="s">
        <v>13795</v>
      </c>
      <c r="F3515" s="1" t="s">
        <v>13796</v>
      </c>
      <c r="G3515" s="1" t="s">
        <v>13738</v>
      </c>
      <c r="H3515" s="1" t="s">
        <v>13</v>
      </c>
      <c r="I3515" s="1" t="s">
        <v>13739</v>
      </c>
      <c r="J3515" s="1" t="s">
        <v>13797</v>
      </c>
    </row>
    <row r="3516" spans="1:10" x14ac:dyDescent="0.35">
      <c r="A3516" s="1" t="s">
        <v>13733</v>
      </c>
      <c r="B3516" s="1" t="s">
        <v>13734</v>
      </c>
      <c r="C3516" s="1" t="s">
        <v>90</v>
      </c>
      <c r="D3516" s="1" t="s">
        <v>13798</v>
      </c>
      <c r="E3516" s="1" t="s">
        <v>13799</v>
      </c>
      <c r="F3516" s="1" t="s">
        <v>13800</v>
      </c>
      <c r="G3516" s="1" t="s">
        <v>13738</v>
      </c>
      <c r="H3516" s="1" t="s">
        <v>13</v>
      </c>
      <c r="I3516" s="1" t="s">
        <v>13739</v>
      </c>
      <c r="J3516" s="1" t="s">
        <v>13801</v>
      </c>
    </row>
    <row r="3517" spans="1:10" x14ac:dyDescent="0.35">
      <c r="A3517" s="1" t="s">
        <v>13733</v>
      </c>
      <c r="B3517" s="1" t="s">
        <v>13734</v>
      </c>
      <c r="C3517" s="1" t="s">
        <v>95</v>
      </c>
      <c r="D3517" s="1" t="s">
        <v>1789</v>
      </c>
      <c r="E3517" s="1" t="s">
        <v>13802</v>
      </c>
      <c r="F3517" s="1" t="s">
        <v>13803</v>
      </c>
      <c r="G3517" s="1" t="s">
        <v>13738</v>
      </c>
      <c r="H3517" s="1" t="s">
        <v>13</v>
      </c>
      <c r="I3517" s="1" t="s">
        <v>13739</v>
      </c>
      <c r="J3517" s="1" t="s">
        <v>13804</v>
      </c>
    </row>
    <row r="3518" spans="1:10" x14ac:dyDescent="0.35">
      <c r="A3518" s="1" t="s">
        <v>13733</v>
      </c>
      <c r="B3518" s="1" t="s">
        <v>13734</v>
      </c>
      <c r="C3518" s="1" t="s">
        <v>100</v>
      </c>
      <c r="D3518" s="1" t="s">
        <v>2172</v>
      </c>
      <c r="E3518" s="1" t="s">
        <v>13805</v>
      </c>
      <c r="F3518" s="1" t="s">
        <v>13806</v>
      </c>
      <c r="G3518" s="1" t="s">
        <v>13738</v>
      </c>
      <c r="H3518" s="1" t="s">
        <v>13</v>
      </c>
      <c r="I3518" s="1" t="s">
        <v>13739</v>
      </c>
      <c r="J3518" s="1" t="s">
        <v>13807</v>
      </c>
    </row>
    <row r="3519" spans="1:10" x14ac:dyDescent="0.35">
      <c r="A3519" s="1" t="s">
        <v>13733</v>
      </c>
      <c r="B3519" s="1" t="s">
        <v>13734</v>
      </c>
      <c r="C3519" s="1" t="s">
        <v>105</v>
      </c>
      <c r="D3519" s="1" t="s">
        <v>7308</v>
      </c>
      <c r="E3519" s="1" t="s">
        <v>13808</v>
      </c>
      <c r="F3519" s="1" t="s">
        <v>13809</v>
      </c>
      <c r="G3519" s="1" t="s">
        <v>13738</v>
      </c>
      <c r="H3519" s="1" t="s">
        <v>13</v>
      </c>
      <c r="I3519" s="1" t="s">
        <v>13739</v>
      </c>
      <c r="J3519" s="1" t="s">
        <v>13810</v>
      </c>
    </row>
    <row r="3520" spans="1:10" x14ac:dyDescent="0.35">
      <c r="A3520" s="1" t="s">
        <v>13733</v>
      </c>
      <c r="B3520" s="1" t="s">
        <v>13734</v>
      </c>
      <c r="C3520" s="1" t="s">
        <v>110</v>
      </c>
      <c r="D3520" s="1" t="s">
        <v>7308</v>
      </c>
      <c r="E3520" s="1" t="s">
        <v>13811</v>
      </c>
      <c r="F3520" s="1" t="s">
        <v>13812</v>
      </c>
      <c r="G3520" s="1" t="s">
        <v>13738</v>
      </c>
      <c r="H3520" s="1" t="s">
        <v>13</v>
      </c>
      <c r="I3520" s="1" t="s">
        <v>13739</v>
      </c>
      <c r="J3520" s="1" t="s">
        <v>1180</v>
      </c>
    </row>
    <row r="3521" spans="1:10" x14ac:dyDescent="0.35">
      <c r="A3521" s="1" t="s">
        <v>13733</v>
      </c>
      <c r="B3521" s="1" t="s">
        <v>13734</v>
      </c>
      <c r="C3521" s="1" t="s">
        <v>115</v>
      </c>
      <c r="D3521" s="1" t="s">
        <v>7237</v>
      </c>
      <c r="E3521" s="1" t="s">
        <v>13813</v>
      </c>
      <c r="F3521" s="1" t="s">
        <v>13814</v>
      </c>
      <c r="G3521" s="1" t="s">
        <v>13738</v>
      </c>
      <c r="H3521" s="1" t="s">
        <v>13</v>
      </c>
      <c r="I3521" s="1" t="s">
        <v>13739</v>
      </c>
      <c r="J3521" s="1" t="s">
        <v>13815</v>
      </c>
    </row>
    <row r="3522" spans="1:10" x14ac:dyDescent="0.35">
      <c r="A3522" s="1" t="s">
        <v>13733</v>
      </c>
      <c r="B3522" s="1" t="s">
        <v>13734</v>
      </c>
      <c r="C3522" s="1" t="s">
        <v>120</v>
      </c>
      <c r="D3522" s="1" t="s">
        <v>1501</v>
      </c>
      <c r="E3522" s="1" t="s">
        <v>13816</v>
      </c>
      <c r="F3522" s="1" t="s">
        <v>13817</v>
      </c>
      <c r="G3522" s="1" t="s">
        <v>13738</v>
      </c>
      <c r="H3522" s="1" t="s">
        <v>13</v>
      </c>
      <c r="I3522" s="1" t="s">
        <v>13739</v>
      </c>
      <c r="J3522" s="1" t="s">
        <v>13818</v>
      </c>
    </row>
    <row r="3523" spans="1:10" x14ac:dyDescent="0.35">
      <c r="A3523" s="1" t="s">
        <v>13733</v>
      </c>
      <c r="B3523" s="1" t="s">
        <v>13734</v>
      </c>
      <c r="C3523" s="1" t="s">
        <v>125</v>
      </c>
      <c r="D3523" s="1" t="s">
        <v>12903</v>
      </c>
      <c r="E3523" s="1" t="s">
        <v>13819</v>
      </c>
      <c r="F3523" s="1" t="s">
        <v>13820</v>
      </c>
      <c r="G3523" s="1" t="s">
        <v>13738</v>
      </c>
      <c r="H3523" s="1" t="s">
        <v>13</v>
      </c>
      <c r="I3523" s="1" t="s">
        <v>13739</v>
      </c>
      <c r="J3523" s="1" t="s">
        <v>13821</v>
      </c>
    </row>
    <row r="3524" spans="1:10" x14ac:dyDescent="0.35">
      <c r="A3524" s="1" t="s">
        <v>13733</v>
      </c>
      <c r="B3524" s="1" t="s">
        <v>13734</v>
      </c>
      <c r="C3524" s="1" t="s">
        <v>130</v>
      </c>
      <c r="D3524" s="1" t="s">
        <v>13822</v>
      </c>
      <c r="E3524" s="1" t="s">
        <v>13823</v>
      </c>
      <c r="F3524" s="1" t="s">
        <v>13824</v>
      </c>
      <c r="G3524" s="1" t="s">
        <v>13738</v>
      </c>
      <c r="H3524" s="1" t="s">
        <v>13</v>
      </c>
      <c r="I3524" s="1" t="s">
        <v>13739</v>
      </c>
      <c r="J3524" s="1" t="s">
        <v>13825</v>
      </c>
    </row>
    <row r="3525" spans="1:10" x14ac:dyDescent="0.35">
      <c r="A3525" s="1" t="s">
        <v>13733</v>
      </c>
      <c r="B3525" s="1" t="s">
        <v>13734</v>
      </c>
      <c r="C3525" s="1" t="s">
        <v>135</v>
      </c>
      <c r="D3525" s="1" t="s">
        <v>13826</v>
      </c>
      <c r="E3525" s="1" t="s">
        <v>13827</v>
      </c>
      <c r="F3525" s="1" t="s">
        <v>13828</v>
      </c>
      <c r="G3525" s="1" t="s">
        <v>13738</v>
      </c>
      <c r="H3525" s="1" t="s">
        <v>13</v>
      </c>
      <c r="I3525" s="1" t="s">
        <v>13739</v>
      </c>
      <c r="J3525" s="1" t="s">
        <v>13829</v>
      </c>
    </row>
    <row r="3526" spans="1:10" x14ac:dyDescent="0.35">
      <c r="A3526" s="1" t="s">
        <v>13733</v>
      </c>
      <c r="B3526" s="1" t="s">
        <v>13734</v>
      </c>
      <c r="C3526" s="1" t="s">
        <v>140</v>
      </c>
      <c r="D3526" s="1" t="s">
        <v>13830</v>
      </c>
      <c r="E3526" s="1" t="s">
        <v>13831</v>
      </c>
      <c r="F3526" s="1" t="s">
        <v>13832</v>
      </c>
      <c r="G3526" s="1" t="s">
        <v>13738</v>
      </c>
      <c r="H3526" s="1" t="s">
        <v>13</v>
      </c>
      <c r="I3526" s="1" t="s">
        <v>13739</v>
      </c>
      <c r="J3526" s="1" t="s">
        <v>13833</v>
      </c>
    </row>
    <row r="3527" spans="1:10" x14ac:dyDescent="0.35">
      <c r="A3527" s="1" t="s">
        <v>13733</v>
      </c>
      <c r="B3527" s="1" t="s">
        <v>13734</v>
      </c>
      <c r="C3527" s="1" t="s">
        <v>145</v>
      </c>
      <c r="D3527" s="1" t="s">
        <v>6143</v>
      </c>
      <c r="E3527" s="1" t="s">
        <v>13834</v>
      </c>
      <c r="F3527" s="1" t="s">
        <v>13835</v>
      </c>
      <c r="G3527" s="1" t="s">
        <v>13738</v>
      </c>
      <c r="H3527" s="1" t="s">
        <v>13</v>
      </c>
      <c r="I3527" s="1" t="s">
        <v>13739</v>
      </c>
      <c r="J3527" s="1" t="s">
        <v>13836</v>
      </c>
    </row>
    <row r="3528" spans="1:10" x14ac:dyDescent="0.35">
      <c r="A3528" s="1" t="s">
        <v>13733</v>
      </c>
      <c r="B3528" s="1" t="s">
        <v>13734</v>
      </c>
      <c r="C3528" s="1" t="s">
        <v>150</v>
      </c>
      <c r="D3528" s="1" t="s">
        <v>6097</v>
      </c>
      <c r="E3528" s="1" t="s">
        <v>13837</v>
      </c>
      <c r="F3528" s="1" t="s">
        <v>13838</v>
      </c>
      <c r="G3528" s="1" t="s">
        <v>13738</v>
      </c>
      <c r="H3528" s="1" t="s">
        <v>13</v>
      </c>
      <c r="I3528" s="1" t="s">
        <v>13739</v>
      </c>
      <c r="J3528" s="1" t="s">
        <v>13839</v>
      </c>
    </row>
    <row r="3529" spans="1:10" x14ac:dyDescent="0.35">
      <c r="A3529" s="1" t="s">
        <v>13733</v>
      </c>
      <c r="B3529" s="1" t="s">
        <v>13734</v>
      </c>
      <c r="C3529" s="1" t="s">
        <v>155</v>
      </c>
      <c r="D3529" s="1" t="s">
        <v>13840</v>
      </c>
      <c r="E3529" s="1" t="s">
        <v>13841</v>
      </c>
      <c r="F3529" s="1" t="s">
        <v>13842</v>
      </c>
      <c r="G3529" s="1" t="s">
        <v>13738</v>
      </c>
      <c r="H3529" s="1" t="s">
        <v>13</v>
      </c>
      <c r="I3529" s="1" t="s">
        <v>13739</v>
      </c>
      <c r="J3529" s="1" t="s">
        <v>13843</v>
      </c>
    </row>
    <row r="3530" spans="1:10" x14ac:dyDescent="0.35">
      <c r="A3530" s="1" t="s">
        <v>13733</v>
      </c>
      <c r="B3530" s="1" t="s">
        <v>13734</v>
      </c>
      <c r="C3530" s="1" t="s">
        <v>160</v>
      </c>
      <c r="D3530" s="1" t="s">
        <v>13844</v>
      </c>
      <c r="E3530" s="1" t="s">
        <v>13845</v>
      </c>
      <c r="F3530" s="1" t="s">
        <v>13846</v>
      </c>
      <c r="G3530" s="1" t="s">
        <v>13738</v>
      </c>
      <c r="H3530" s="1" t="s">
        <v>13</v>
      </c>
      <c r="I3530" s="1" t="s">
        <v>13739</v>
      </c>
      <c r="J3530" s="1" t="s">
        <v>13847</v>
      </c>
    </row>
    <row r="3531" spans="1:10" x14ac:dyDescent="0.35">
      <c r="A3531" s="1" t="s">
        <v>13733</v>
      </c>
      <c r="B3531" s="1" t="s">
        <v>13734</v>
      </c>
      <c r="C3531" s="1" t="s">
        <v>165</v>
      </c>
      <c r="D3531" s="1" t="s">
        <v>13848</v>
      </c>
      <c r="E3531" s="1" t="s">
        <v>13849</v>
      </c>
      <c r="F3531" s="1" t="s">
        <v>13850</v>
      </c>
      <c r="G3531" s="1" t="s">
        <v>13738</v>
      </c>
      <c r="H3531" s="1" t="s">
        <v>13</v>
      </c>
      <c r="I3531" s="1" t="s">
        <v>13739</v>
      </c>
      <c r="J3531" s="1" t="s">
        <v>13851</v>
      </c>
    </row>
    <row r="3532" spans="1:10" x14ac:dyDescent="0.35">
      <c r="A3532" s="1" t="s">
        <v>13733</v>
      </c>
      <c r="B3532" s="1" t="s">
        <v>13734</v>
      </c>
      <c r="C3532" s="1" t="s">
        <v>170</v>
      </c>
      <c r="D3532" s="1" t="s">
        <v>8414</v>
      </c>
      <c r="E3532" s="1" t="s">
        <v>13852</v>
      </c>
      <c r="F3532" s="1" t="s">
        <v>13853</v>
      </c>
      <c r="G3532" s="1" t="s">
        <v>13738</v>
      </c>
      <c r="H3532" s="1" t="s">
        <v>13</v>
      </c>
      <c r="I3532" s="1" t="s">
        <v>13739</v>
      </c>
      <c r="J3532" s="1" t="s">
        <v>13854</v>
      </c>
    </row>
    <row r="3533" spans="1:10" x14ac:dyDescent="0.35">
      <c r="A3533" s="1" t="s">
        <v>13855</v>
      </c>
      <c r="B3533" s="1" t="s">
        <v>13856</v>
      </c>
      <c r="C3533" s="1" t="s">
        <v>8</v>
      </c>
      <c r="D3533" s="1" t="s">
        <v>13857</v>
      </c>
      <c r="E3533" s="1" t="s">
        <v>13858</v>
      </c>
      <c r="F3533" s="1" t="s">
        <v>13859</v>
      </c>
      <c r="G3533" s="1" t="s">
        <v>13860</v>
      </c>
      <c r="H3533" s="1" t="s">
        <v>13</v>
      </c>
      <c r="I3533" s="1" t="s">
        <v>13861</v>
      </c>
      <c r="J3533" s="1" t="s">
        <v>13</v>
      </c>
    </row>
    <row r="3534" spans="1:10" x14ac:dyDescent="0.35">
      <c r="A3534" s="1" t="s">
        <v>13855</v>
      </c>
      <c r="B3534" s="1" t="s">
        <v>13856</v>
      </c>
      <c r="C3534" s="1" t="s">
        <v>15</v>
      </c>
      <c r="D3534" s="1" t="s">
        <v>13862</v>
      </c>
      <c r="E3534" s="1" t="s">
        <v>13863</v>
      </c>
      <c r="F3534" s="1" t="s">
        <v>13864</v>
      </c>
      <c r="G3534" s="1" t="s">
        <v>13860</v>
      </c>
      <c r="H3534" s="1" t="s">
        <v>13</v>
      </c>
      <c r="I3534" s="1" t="s">
        <v>13861</v>
      </c>
      <c r="J3534" s="1" t="s">
        <v>13865</v>
      </c>
    </row>
    <row r="3535" spans="1:10" x14ac:dyDescent="0.35">
      <c r="A3535" s="1" t="s">
        <v>13855</v>
      </c>
      <c r="B3535" s="1" t="s">
        <v>13856</v>
      </c>
      <c r="C3535" s="1" t="s">
        <v>20</v>
      </c>
      <c r="D3535" s="1" t="s">
        <v>13866</v>
      </c>
      <c r="E3535" s="1" t="s">
        <v>13867</v>
      </c>
      <c r="F3535" s="1" t="s">
        <v>13868</v>
      </c>
      <c r="G3535" s="1" t="s">
        <v>13860</v>
      </c>
      <c r="H3535" s="1" t="s">
        <v>13</v>
      </c>
      <c r="I3535" s="1" t="s">
        <v>13861</v>
      </c>
      <c r="J3535" s="1" t="s">
        <v>13869</v>
      </c>
    </row>
    <row r="3536" spans="1:10" x14ac:dyDescent="0.35">
      <c r="A3536" s="1" t="s">
        <v>13855</v>
      </c>
      <c r="B3536" s="1" t="s">
        <v>13856</v>
      </c>
      <c r="C3536" s="1" t="s">
        <v>25</v>
      </c>
      <c r="D3536" s="1" t="s">
        <v>13870</v>
      </c>
      <c r="E3536" s="1" t="s">
        <v>13871</v>
      </c>
      <c r="F3536" s="1" t="s">
        <v>13872</v>
      </c>
      <c r="G3536" s="1" t="s">
        <v>13860</v>
      </c>
      <c r="H3536" s="1" t="s">
        <v>13</v>
      </c>
      <c r="I3536" s="1" t="s">
        <v>13861</v>
      </c>
      <c r="J3536" s="1" t="s">
        <v>13873</v>
      </c>
    </row>
    <row r="3537" spans="1:10" x14ac:dyDescent="0.35">
      <c r="A3537" s="1" t="s">
        <v>13855</v>
      </c>
      <c r="B3537" s="1" t="s">
        <v>13856</v>
      </c>
      <c r="C3537" s="1" t="s">
        <v>30</v>
      </c>
      <c r="D3537" s="1" t="s">
        <v>4532</v>
      </c>
      <c r="E3537" s="1" t="s">
        <v>13874</v>
      </c>
      <c r="F3537" s="1" t="s">
        <v>13875</v>
      </c>
      <c r="G3537" s="1" t="s">
        <v>13860</v>
      </c>
      <c r="H3537" s="1" t="s">
        <v>13</v>
      </c>
      <c r="I3537" s="1" t="s">
        <v>13861</v>
      </c>
      <c r="J3537" s="1" t="s">
        <v>13876</v>
      </c>
    </row>
    <row r="3538" spans="1:10" x14ac:dyDescent="0.35">
      <c r="A3538" s="1" t="s">
        <v>13855</v>
      </c>
      <c r="B3538" s="1" t="s">
        <v>13856</v>
      </c>
      <c r="C3538" s="1" t="s">
        <v>35</v>
      </c>
      <c r="D3538" s="1" t="s">
        <v>13877</v>
      </c>
      <c r="E3538" s="1" t="s">
        <v>13878</v>
      </c>
      <c r="F3538" s="1" t="s">
        <v>13879</v>
      </c>
      <c r="G3538" s="1" t="s">
        <v>13860</v>
      </c>
      <c r="H3538" s="1" t="s">
        <v>13</v>
      </c>
      <c r="I3538" s="1" t="s">
        <v>13861</v>
      </c>
      <c r="J3538" s="1" t="s">
        <v>13880</v>
      </c>
    </row>
    <row r="3539" spans="1:10" x14ac:dyDescent="0.35">
      <c r="A3539" s="1" t="s">
        <v>13855</v>
      </c>
      <c r="B3539" s="1" t="s">
        <v>13856</v>
      </c>
      <c r="C3539" s="1" t="s">
        <v>40</v>
      </c>
      <c r="D3539" s="1" t="s">
        <v>13881</v>
      </c>
      <c r="E3539" s="1" t="s">
        <v>13882</v>
      </c>
      <c r="F3539" s="1" t="s">
        <v>13883</v>
      </c>
      <c r="G3539" s="1" t="s">
        <v>13860</v>
      </c>
      <c r="H3539" s="1" t="s">
        <v>13</v>
      </c>
      <c r="I3539" s="1" t="s">
        <v>13861</v>
      </c>
      <c r="J3539" s="1" t="s">
        <v>13884</v>
      </c>
    </row>
    <row r="3540" spans="1:10" x14ac:dyDescent="0.35">
      <c r="A3540" s="1" t="s">
        <v>13855</v>
      </c>
      <c r="B3540" s="1" t="s">
        <v>13856</v>
      </c>
      <c r="C3540" s="1" t="s">
        <v>45</v>
      </c>
      <c r="D3540" s="1" t="s">
        <v>4325</v>
      </c>
      <c r="E3540" s="1" t="s">
        <v>13885</v>
      </c>
      <c r="F3540" s="1" t="s">
        <v>13886</v>
      </c>
      <c r="G3540" s="1" t="s">
        <v>13860</v>
      </c>
      <c r="H3540" s="1" t="s">
        <v>13</v>
      </c>
      <c r="I3540" s="1" t="s">
        <v>13861</v>
      </c>
      <c r="J3540" s="1" t="s">
        <v>13887</v>
      </c>
    </row>
    <row r="3541" spans="1:10" x14ac:dyDescent="0.35">
      <c r="A3541" s="1" t="s">
        <v>13855</v>
      </c>
      <c r="B3541" s="1" t="s">
        <v>13856</v>
      </c>
      <c r="C3541" s="1" t="s">
        <v>50</v>
      </c>
      <c r="D3541" s="1" t="s">
        <v>13888</v>
      </c>
      <c r="E3541" s="1" t="s">
        <v>13889</v>
      </c>
      <c r="F3541" s="1" t="s">
        <v>13890</v>
      </c>
      <c r="G3541" s="1" t="s">
        <v>13860</v>
      </c>
      <c r="H3541" s="1" t="s">
        <v>13</v>
      </c>
      <c r="I3541" s="1" t="s">
        <v>13861</v>
      </c>
      <c r="J3541" s="1" t="s">
        <v>13891</v>
      </c>
    </row>
    <row r="3542" spans="1:10" x14ac:dyDescent="0.35">
      <c r="A3542" s="1" t="s">
        <v>13855</v>
      </c>
      <c r="B3542" s="1" t="s">
        <v>13856</v>
      </c>
      <c r="C3542" s="1" t="s">
        <v>55</v>
      </c>
      <c r="D3542" s="1" t="s">
        <v>13892</v>
      </c>
      <c r="E3542" s="1" t="s">
        <v>13893</v>
      </c>
      <c r="F3542" s="1" t="s">
        <v>13894</v>
      </c>
      <c r="G3542" s="1" t="s">
        <v>13860</v>
      </c>
      <c r="H3542" s="1" t="s">
        <v>13</v>
      </c>
      <c r="I3542" s="1" t="s">
        <v>13861</v>
      </c>
      <c r="J3542" s="1" t="s">
        <v>13895</v>
      </c>
    </row>
    <row r="3543" spans="1:10" x14ac:dyDescent="0.35">
      <c r="A3543" s="1" t="s">
        <v>13855</v>
      </c>
      <c r="B3543" s="1" t="s">
        <v>13856</v>
      </c>
      <c r="C3543" s="1" t="s">
        <v>60</v>
      </c>
      <c r="D3543" s="1" t="s">
        <v>4496</v>
      </c>
      <c r="E3543" s="1" t="s">
        <v>13896</v>
      </c>
      <c r="F3543" s="1" t="s">
        <v>13897</v>
      </c>
      <c r="G3543" s="1" t="s">
        <v>13860</v>
      </c>
      <c r="H3543" s="1" t="s">
        <v>13</v>
      </c>
      <c r="I3543" s="1" t="s">
        <v>13861</v>
      </c>
      <c r="J3543" s="1" t="s">
        <v>13898</v>
      </c>
    </row>
    <row r="3544" spans="1:10" x14ac:dyDescent="0.35">
      <c r="A3544" s="1" t="s">
        <v>13855</v>
      </c>
      <c r="B3544" s="1" t="s">
        <v>13856</v>
      </c>
      <c r="C3544" s="1" t="s">
        <v>65</v>
      </c>
      <c r="D3544" s="1" t="s">
        <v>13899</v>
      </c>
      <c r="E3544" s="1" t="s">
        <v>13900</v>
      </c>
      <c r="F3544" s="1" t="s">
        <v>13901</v>
      </c>
      <c r="G3544" s="1" t="s">
        <v>13860</v>
      </c>
      <c r="H3544" s="1" t="s">
        <v>13</v>
      </c>
      <c r="I3544" s="1" t="s">
        <v>13861</v>
      </c>
      <c r="J3544" s="1" t="s">
        <v>13902</v>
      </c>
    </row>
    <row r="3545" spans="1:10" x14ac:dyDescent="0.35">
      <c r="A3545" s="1" t="s">
        <v>13855</v>
      </c>
      <c r="B3545" s="1" t="s">
        <v>13856</v>
      </c>
      <c r="C3545" s="1" t="s">
        <v>70</v>
      </c>
      <c r="D3545" s="1" t="s">
        <v>7025</v>
      </c>
      <c r="E3545" s="1" t="s">
        <v>13903</v>
      </c>
      <c r="F3545" s="1" t="s">
        <v>13904</v>
      </c>
      <c r="G3545" s="1" t="s">
        <v>13860</v>
      </c>
      <c r="H3545" s="1" t="s">
        <v>13</v>
      </c>
      <c r="I3545" s="1" t="s">
        <v>13861</v>
      </c>
      <c r="J3545" s="1" t="s">
        <v>13905</v>
      </c>
    </row>
    <row r="3546" spans="1:10" x14ac:dyDescent="0.35">
      <c r="A3546" s="1" t="s">
        <v>13855</v>
      </c>
      <c r="B3546" s="1" t="s">
        <v>13856</v>
      </c>
      <c r="C3546" s="1" t="s">
        <v>75</v>
      </c>
      <c r="D3546" s="1" t="s">
        <v>13906</v>
      </c>
      <c r="E3546" s="1" t="s">
        <v>13907</v>
      </c>
      <c r="F3546" s="1" t="s">
        <v>13908</v>
      </c>
      <c r="G3546" s="1" t="s">
        <v>13860</v>
      </c>
      <c r="H3546" s="1" t="s">
        <v>13</v>
      </c>
      <c r="I3546" s="1" t="s">
        <v>13861</v>
      </c>
      <c r="J3546" s="1" t="s">
        <v>13909</v>
      </c>
    </row>
    <row r="3547" spans="1:10" x14ac:dyDescent="0.35">
      <c r="A3547" s="1" t="s">
        <v>13855</v>
      </c>
      <c r="B3547" s="1" t="s">
        <v>13856</v>
      </c>
      <c r="C3547" s="1" t="s">
        <v>80</v>
      </c>
      <c r="D3547" s="1" t="s">
        <v>13910</v>
      </c>
      <c r="E3547" s="1" t="s">
        <v>13911</v>
      </c>
      <c r="F3547" s="1" t="s">
        <v>13912</v>
      </c>
      <c r="G3547" s="1" t="s">
        <v>13860</v>
      </c>
      <c r="H3547" s="1" t="s">
        <v>13</v>
      </c>
      <c r="I3547" s="1" t="s">
        <v>13861</v>
      </c>
      <c r="J3547" s="1" t="s">
        <v>13913</v>
      </c>
    </row>
    <row r="3548" spans="1:10" x14ac:dyDescent="0.35">
      <c r="A3548" s="1" t="s">
        <v>13855</v>
      </c>
      <c r="B3548" s="1" t="s">
        <v>13856</v>
      </c>
      <c r="C3548" s="1" t="s">
        <v>85</v>
      </c>
      <c r="D3548" s="1" t="s">
        <v>12115</v>
      </c>
      <c r="E3548" s="1" t="s">
        <v>13914</v>
      </c>
      <c r="F3548" s="1" t="s">
        <v>13915</v>
      </c>
      <c r="G3548" s="1" t="s">
        <v>13860</v>
      </c>
      <c r="H3548" s="1" t="s">
        <v>13</v>
      </c>
      <c r="I3548" s="1" t="s">
        <v>13861</v>
      </c>
      <c r="J3548" s="1" t="s">
        <v>13916</v>
      </c>
    </row>
    <row r="3549" spans="1:10" x14ac:dyDescent="0.35">
      <c r="A3549" s="1" t="s">
        <v>13855</v>
      </c>
      <c r="B3549" s="1" t="s">
        <v>13856</v>
      </c>
      <c r="C3549" s="1" t="s">
        <v>90</v>
      </c>
      <c r="D3549" s="1" t="s">
        <v>6105</v>
      </c>
      <c r="E3549" s="1" t="s">
        <v>13917</v>
      </c>
      <c r="F3549" s="1" t="s">
        <v>13918</v>
      </c>
      <c r="G3549" s="1" t="s">
        <v>13860</v>
      </c>
      <c r="H3549" s="1" t="s">
        <v>13</v>
      </c>
      <c r="I3549" s="1" t="s">
        <v>13861</v>
      </c>
      <c r="J3549" s="1" t="s">
        <v>13919</v>
      </c>
    </row>
    <row r="3550" spans="1:10" x14ac:dyDescent="0.35">
      <c r="A3550" s="1" t="s">
        <v>13855</v>
      </c>
      <c r="B3550" s="1" t="s">
        <v>13856</v>
      </c>
      <c r="C3550" s="1" t="s">
        <v>95</v>
      </c>
      <c r="D3550" s="1" t="s">
        <v>13920</v>
      </c>
      <c r="E3550" s="1" t="s">
        <v>13921</v>
      </c>
      <c r="F3550" s="1" t="s">
        <v>13922</v>
      </c>
      <c r="G3550" s="1" t="s">
        <v>13860</v>
      </c>
      <c r="H3550" s="1" t="s">
        <v>13</v>
      </c>
      <c r="I3550" s="1" t="s">
        <v>13861</v>
      </c>
      <c r="J3550" s="1" t="s">
        <v>13923</v>
      </c>
    </row>
    <row r="3551" spans="1:10" x14ac:dyDescent="0.35">
      <c r="A3551" s="1" t="s">
        <v>13855</v>
      </c>
      <c r="B3551" s="1" t="s">
        <v>13856</v>
      </c>
      <c r="C3551" s="1" t="s">
        <v>100</v>
      </c>
      <c r="D3551" s="1" t="s">
        <v>13229</v>
      </c>
      <c r="E3551" s="1" t="s">
        <v>13924</v>
      </c>
      <c r="F3551" s="1" t="s">
        <v>13925</v>
      </c>
      <c r="G3551" s="1" t="s">
        <v>13860</v>
      </c>
      <c r="H3551" s="1" t="s">
        <v>13</v>
      </c>
      <c r="I3551" s="1" t="s">
        <v>13861</v>
      </c>
      <c r="J3551" s="1" t="s">
        <v>13926</v>
      </c>
    </row>
    <row r="3552" spans="1:10" x14ac:dyDescent="0.35">
      <c r="A3552" s="1" t="s">
        <v>13855</v>
      </c>
      <c r="B3552" s="1" t="s">
        <v>13856</v>
      </c>
      <c r="C3552" s="1" t="s">
        <v>105</v>
      </c>
      <c r="D3552" s="1" t="s">
        <v>2164</v>
      </c>
      <c r="E3552" s="1" t="s">
        <v>13927</v>
      </c>
      <c r="F3552" s="1" t="s">
        <v>13928</v>
      </c>
      <c r="G3552" s="1" t="s">
        <v>13860</v>
      </c>
      <c r="H3552" s="1" t="s">
        <v>13</v>
      </c>
      <c r="I3552" s="1" t="s">
        <v>13861</v>
      </c>
      <c r="J3552" s="1" t="s">
        <v>13929</v>
      </c>
    </row>
    <row r="3553" spans="1:10" x14ac:dyDescent="0.35">
      <c r="A3553" s="1" t="s">
        <v>13855</v>
      </c>
      <c r="B3553" s="1" t="s">
        <v>13856</v>
      </c>
      <c r="C3553" s="1" t="s">
        <v>110</v>
      </c>
      <c r="D3553" s="1" t="s">
        <v>13930</v>
      </c>
      <c r="E3553" s="1" t="s">
        <v>13931</v>
      </c>
      <c r="F3553" s="1" t="s">
        <v>13932</v>
      </c>
      <c r="G3553" s="1" t="s">
        <v>13860</v>
      </c>
      <c r="H3553" s="1" t="s">
        <v>13</v>
      </c>
      <c r="I3553" s="1" t="s">
        <v>13861</v>
      </c>
      <c r="J3553" s="1" t="s">
        <v>13933</v>
      </c>
    </row>
    <row r="3554" spans="1:10" x14ac:dyDescent="0.35">
      <c r="A3554" s="1" t="s">
        <v>13855</v>
      </c>
      <c r="B3554" s="1" t="s">
        <v>13856</v>
      </c>
      <c r="C3554" s="1" t="s">
        <v>115</v>
      </c>
      <c r="D3554" s="1" t="s">
        <v>13934</v>
      </c>
      <c r="E3554" s="1" t="s">
        <v>13935</v>
      </c>
      <c r="F3554" s="1" t="s">
        <v>13936</v>
      </c>
      <c r="G3554" s="1" t="s">
        <v>13860</v>
      </c>
      <c r="H3554" s="1" t="s">
        <v>13</v>
      </c>
      <c r="I3554" s="1" t="s">
        <v>13861</v>
      </c>
      <c r="J3554" s="1" t="s">
        <v>13937</v>
      </c>
    </row>
    <row r="3555" spans="1:10" x14ac:dyDescent="0.35">
      <c r="A3555" s="1" t="s">
        <v>13855</v>
      </c>
      <c r="B3555" s="1" t="s">
        <v>13856</v>
      </c>
      <c r="C3555" s="1" t="s">
        <v>120</v>
      </c>
      <c r="D3555" s="1" t="s">
        <v>13938</v>
      </c>
      <c r="E3555" s="1" t="s">
        <v>13939</v>
      </c>
      <c r="F3555" s="1" t="s">
        <v>13940</v>
      </c>
      <c r="G3555" s="1" t="s">
        <v>13860</v>
      </c>
      <c r="H3555" s="1" t="s">
        <v>13</v>
      </c>
      <c r="I3555" s="1" t="s">
        <v>13861</v>
      </c>
      <c r="J3555" s="1" t="s">
        <v>13941</v>
      </c>
    </row>
    <row r="3556" spans="1:10" x14ac:dyDescent="0.35">
      <c r="A3556" s="1" t="s">
        <v>13855</v>
      </c>
      <c r="B3556" s="1" t="s">
        <v>13856</v>
      </c>
      <c r="C3556" s="1" t="s">
        <v>125</v>
      </c>
      <c r="D3556" s="1" t="s">
        <v>13942</v>
      </c>
      <c r="E3556" s="1" t="s">
        <v>13943</v>
      </c>
      <c r="F3556" s="1" t="s">
        <v>13944</v>
      </c>
      <c r="G3556" s="1" t="s">
        <v>13860</v>
      </c>
      <c r="H3556" s="1" t="s">
        <v>13</v>
      </c>
      <c r="I3556" s="1" t="s">
        <v>13861</v>
      </c>
      <c r="J3556" s="1" t="s">
        <v>13945</v>
      </c>
    </row>
    <row r="3557" spans="1:10" x14ac:dyDescent="0.35">
      <c r="A3557" s="1" t="s">
        <v>13855</v>
      </c>
      <c r="B3557" s="1" t="s">
        <v>13856</v>
      </c>
      <c r="C3557" s="1" t="s">
        <v>130</v>
      </c>
      <c r="D3557" s="1" t="s">
        <v>13946</v>
      </c>
      <c r="E3557" s="1" t="s">
        <v>13947</v>
      </c>
      <c r="F3557" s="1" t="s">
        <v>13948</v>
      </c>
      <c r="G3557" s="1" t="s">
        <v>13860</v>
      </c>
      <c r="H3557" s="1" t="s">
        <v>13</v>
      </c>
      <c r="I3557" s="1" t="s">
        <v>13861</v>
      </c>
      <c r="J3557" s="1" t="s">
        <v>13949</v>
      </c>
    </row>
    <row r="3558" spans="1:10" x14ac:dyDescent="0.35">
      <c r="A3558" s="1" t="s">
        <v>13855</v>
      </c>
      <c r="B3558" s="1" t="s">
        <v>13856</v>
      </c>
      <c r="C3558" s="1" t="s">
        <v>135</v>
      </c>
      <c r="D3558" s="1" t="s">
        <v>13950</v>
      </c>
      <c r="E3558" s="1" t="s">
        <v>13951</v>
      </c>
      <c r="F3558" s="1" t="s">
        <v>13952</v>
      </c>
      <c r="G3558" s="1" t="s">
        <v>13860</v>
      </c>
      <c r="H3558" s="1" t="s">
        <v>13</v>
      </c>
      <c r="I3558" s="1" t="s">
        <v>13861</v>
      </c>
      <c r="J3558" s="1" t="s">
        <v>13953</v>
      </c>
    </row>
    <row r="3559" spans="1:10" x14ac:dyDescent="0.35">
      <c r="A3559" s="1" t="s">
        <v>13855</v>
      </c>
      <c r="B3559" s="1" t="s">
        <v>13856</v>
      </c>
      <c r="C3559" s="1" t="s">
        <v>140</v>
      </c>
      <c r="D3559" s="1" t="s">
        <v>13954</v>
      </c>
      <c r="E3559" s="1" t="s">
        <v>13955</v>
      </c>
      <c r="F3559" s="1" t="s">
        <v>13956</v>
      </c>
      <c r="G3559" s="1" t="s">
        <v>13860</v>
      </c>
      <c r="H3559" s="1" t="s">
        <v>13</v>
      </c>
      <c r="I3559" s="1" t="s">
        <v>13861</v>
      </c>
      <c r="J3559" s="1" t="s">
        <v>13957</v>
      </c>
    </row>
    <row r="3560" spans="1:10" x14ac:dyDescent="0.35">
      <c r="A3560" s="1" t="s">
        <v>13855</v>
      </c>
      <c r="B3560" s="1" t="s">
        <v>13856</v>
      </c>
      <c r="C3560" s="1" t="s">
        <v>145</v>
      </c>
      <c r="D3560" s="1" t="s">
        <v>13958</v>
      </c>
      <c r="E3560" s="1" t="s">
        <v>13959</v>
      </c>
      <c r="F3560" s="1" t="s">
        <v>13960</v>
      </c>
      <c r="G3560" s="1" t="s">
        <v>13860</v>
      </c>
      <c r="H3560" s="1" t="s">
        <v>13</v>
      </c>
      <c r="I3560" s="1" t="s">
        <v>13861</v>
      </c>
      <c r="J3560" s="1" t="s">
        <v>13961</v>
      </c>
    </row>
    <row r="3561" spans="1:10" x14ac:dyDescent="0.35">
      <c r="A3561" s="1" t="s">
        <v>13855</v>
      </c>
      <c r="B3561" s="1" t="s">
        <v>13856</v>
      </c>
      <c r="C3561" s="1" t="s">
        <v>150</v>
      </c>
      <c r="D3561" s="1" t="s">
        <v>13962</v>
      </c>
      <c r="E3561" s="1" t="s">
        <v>13963</v>
      </c>
      <c r="F3561" s="1" t="s">
        <v>13964</v>
      </c>
      <c r="G3561" s="1" t="s">
        <v>13860</v>
      </c>
      <c r="H3561" s="1" t="s">
        <v>13</v>
      </c>
      <c r="I3561" s="1" t="s">
        <v>13861</v>
      </c>
      <c r="J3561" s="1" t="s">
        <v>13965</v>
      </c>
    </row>
    <row r="3562" spans="1:10" x14ac:dyDescent="0.35">
      <c r="A3562" s="1" t="s">
        <v>13855</v>
      </c>
      <c r="B3562" s="1" t="s">
        <v>13856</v>
      </c>
      <c r="C3562" s="1" t="s">
        <v>155</v>
      </c>
      <c r="D3562" s="1" t="s">
        <v>13966</v>
      </c>
      <c r="E3562" s="1" t="s">
        <v>13967</v>
      </c>
      <c r="F3562" s="1" t="s">
        <v>13968</v>
      </c>
      <c r="G3562" s="1" t="s">
        <v>13860</v>
      </c>
      <c r="H3562" s="1" t="s">
        <v>13</v>
      </c>
      <c r="I3562" s="1" t="s">
        <v>13861</v>
      </c>
      <c r="J3562" s="1" t="s">
        <v>13969</v>
      </c>
    </row>
    <row r="3563" spans="1:10" x14ac:dyDescent="0.35">
      <c r="A3563" s="1" t="s">
        <v>13855</v>
      </c>
      <c r="B3563" s="1" t="s">
        <v>13856</v>
      </c>
      <c r="C3563" s="1" t="s">
        <v>160</v>
      </c>
      <c r="D3563" s="1" t="s">
        <v>13970</v>
      </c>
      <c r="E3563" s="1" t="s">
        <v>13971</v>
      </c>
      <c r="F3563" s="1" t="s">
        <v>13972</v>
      </c>
      <c r="G3563" s="1" t="s">
        <v>13860</v>
      </c>
      <c r="H3563" s="1" t="s">
        <v>13</v>
      </c>
      <c r="I3563" s="1" t="s">
        <v>13861</v>
      </c>
      <c r="J3563" s="1" t="s">
        <v>13973</v>
      </c>
    </row>
    <row r="3564" spans="1:10" x14ac:dyDescent="0.35">
      <c r="A3564" s="1" t="s">
        <v>13855</v>
      </c>
      <c r="B3564" s="1" t="s">
        <v>13856</v>
      </c>
      <c r="C3564" s="1" t="s">
        <v>165</v>
      </c>
      <c r="D3564" s="1" t="s">
        <v>13974</v>
      </c>
      <c r="E3564" s="1" t="s">
        <v>13975</v>
      </c>
      <c r="F3564" s="1" t="s">
        <v>13976</v>
      </c>
      <c r="G3564" s="1" t="s">
        <v>13860</v>
      </c>
      <c r="H3564" s="1" t="s">
        <v>13</v>
      </c>
      <c r="I3564" s="1" t="s">
        <v>13861</v>
      </c>
      <c r="J3564" s="1" t="s">
        <v>13977</v>
      </c>
    </row>
    <row r="3565" spans="1:10" x14ac:dyDescent="0.35">
      <c r="A3565" s="1" t="s">
        <v>13855</v>
      </c>
      <c r="B3565" s="1" t="s">
        <v>13856</v>
      </c>
      <c r="C3565" s="1" t="s">
        <v>170</v>
      </c>
      <c r="D3565" s="1" t="s">
        <v>13978</v>
      </c>
      <c r="E3565" s="1" t="s">
        <v>13979</v>
      </c>
      <c r="F3565" s="1" t="s">
        <v>13980</v>
      </c>
      <c r="G3565" s="1" t="s">
        <v>13860</v>
      </c>
      <c r="H3565" s="1" t="s">
        <v>13</v>
      </c>
      <c r="I3565" s="1" t="s">
        <v>13861</v>
      </c>
      <c r="J3565" s="1" t="s">
        <v>13981</v>
      </c>
    </row>
    <row r="3566" spans="1:10" x14ac:dyDescent="0.35">
      <c r="A3566" s="1" t="s">
        <v>13982</v>
      </c>
      <c r="B3566" s="1" t="s">
        <v>13983</v>
      </c>
      <c r="C3566" s="1" t="s">
        <v>8</v>
      </c>
      <c r="D3566" s="1" t="s">
        <v>8409</v>
      </c>
      <c r="E3566" s="1" t="s">
        <v>13984</v>
      </c>
      <c r="F3566" s="1" t="s">
        <v>13985</v>
      </c>
      <c r="G3566" s="1" t="s">
        <v>13986</v>
      </c>
      <c r="H3566" s="1" t="s">
        <v>13</v>
      </c>
      <c r="I3566" s="1" t="s">
        <v>13987</v>
      </c>
      <c r="J3566" s="1" t="s">
        <v>13</v>
      </c>
    </row>
    <row r="3567" spans="1:10" x14ac:dyDescent="0.35">
      <c r="A3567" s="1" t="s">
        <v>13982</v>
      </c>
      <c r="B3567" s="1" t="s">
        <v>13983</v>
      </c>
      <c r="C3567" s="1" t="s">
        <v>15</v>
      </c>
      <c r="D3567" s="1" t="s">
        <v>2179</v>
      </c>
      <c r="E3567" s="1" t="s">
        <v>13988</v>
      </c>
      <c r="F3567" s="1" t="s">
        <v>13989</v>
      </c>
      <c r="G3567" s="1" t="s">
        <v>13986</v>
      </c>
      <c r="H3567" s="1" t="s">
        <v>13</v>
      </c>
      <c r="I3567" s="1" t="s">
        <v>13987</v>
      </c>
      <c r="J3567" s="1" t="s">
        <v>13990</v>
      </c>
    </row>
    <row r="3568" spans="1:10" x14ac:dyDescent="0.35">
      <c r="A3568" s="1" t="s">
        <v>13982</v>
      </c>
      <c r="B3568" s="1" t="s">
        <v>13983</v>
      </c>
      <c r="C3568" s="1" t="s">
        <v>20</v>
      </c>
      <c r="D3568" s="1" t="s">
        <v>13991</v>
      </c>
      <c r="E3568" s="1" t="s">
        <v>13992</v>
      </c>
      <c r="F3568" s="1" t="s">
        <v>13993</v>
      </c>
      <c r="G3568" s="1" t="s">
        <v>13986</v>
      </c>
      <c r="H3568" s="1" t="s">
        <v>13</v>
      </c>
      <c r="I3568" s="1" t="s">
        <v>13987</v>
      </c>
      <c r="J3568" s="1" t="s">
        <v>13994</v>
      </c>
    </row>
    <row r="3569" spans="1:10" x14ac:dyDescent="0.35">
      <c r="A3569" s="1" t="s">
        <v>13982</v>
      </c>
      <c r="B3569" s="1" t="s">
        <v>13983</v>
      </c>
      <c r="C3569" s="1" t="s">
        <v>25</v>
      </c>
      <c r="D3569" s="1" t="s">
        <v>13995</v>
      </c>
      <c r="E3569" s="1" t="s">
        <v>13996</v>
      </c>
      <c r="F3569" s="1" t="s">
        <v>13997</v>
      </c>
      <c r="G3569" s="1" t="s">
        <v>13986</v>
      </c>
      <c r="H3569" s="1" t="s">
        <v>13</v>
      </c>
      <c r="I3569" s="1" t="s">
        <v>13987</v>
      </c>
      <c r="J3569" s="1" t="s">
        <v>13998</v>
      </c>
    </row>
    <row r="3570" spans="1:10" x14ac:dyDescent="0.35">
      <c r="A3570" s="1" t="s">
        <v>13982</v>
      </c>
      <c r="B3570" s="1" t="s">
        <v>13983</v>
      </c>
      <c r="C3570" s="1" t="s">
        <v>30</v>
      </c>
      <c r="D3570" s="1" t="s">
        <v>13999</v>
      </c>
      <c r="E3570" s="1" t="s">
        <v>14000</v>
      </c>
      <c r="F3570" s="1" t="s">
        <v>14001</v>
      </c>
      <c r="G3570" s="1" t="s">
        <v>13986</v>
      </c>
      <c r="H3570" s="1" t="s">
        <v>13</v>
      </c>
      <c r="I3570" s="1" t="s">
        <v>13987</v>
      </c>
      <c r="J3570" s="1" t="s">
        <v>14002</v>
      </c>
    </row>
    <row r="3571" spans="1:10" x14ac:dyDescent="0.35">
      <c r="A3571" s="1" t="s">
        <v>13982</v>
      </c>
      <c r="B3571" s="1" t="s">
        <v>13983</v>
      </c>
      <c r="C3571" s="1" t="s">
        <v>35</v>
      </c>
      <c r="D3571" s="1" t="s">
        <v>14003</v>
      </c>
      <c r="E3571" s="1" t="s">
        <v>14004</v>
      </c>
      <c r="F3571" s="1" t="s">
        <v>14005</v>
      </c>
      <c r="G3571" s="1" t="s">
        <v>13986</v>
      </c>
      <c r="H3571" s="1" t="s">
        <v>13</v>
      </c>
      <c r="I3571" s="1" t="s">
        <v>13987</v>
      </c>
      <c r="J3571" s="1" t="s">
        <v>14006</v>
      </c>
    </row>
    <row r="3572" spans="1:10" x14ac:dyDescent="0.35">
      <c r="A3572" s="1" t="s">
        <v>13982</v>
      </c>
      <c r="B3572" s="1" t="s">
        <v>13983</v>
      </c>
      <c r="C3572" s="1" t="s">
        <v>40</v>
      </c>
      <c r="D3572" s="1" t="s">
        <v>2164</v>
      </c>
      <c r="E3572" s="1" t="s">
        <v>14007</v>
      </c>
      <c r="F3572" s="1" t="s">
        <v>14008</v>
      </c>
      <c r="G3572" s="1" t="s">
        <v>13986</v>
      </c>
      <c r="H3572" s="1" t="s">
        <v>13</v>
      </c>
      <c r="I3572" s="1" t="s">
        <v>13987</v>
      </c>
      <c r="J3572" s="1" t="s">
        <v>14009</v>
      </c>
    </row>
    <row r="3573" spans="1:10" x14ac:dyDescent="0.35">
      <c r="A3573" s="1" t="s">
        <v>13982</v>
      </c>
      <c r="B3573" s="1" t="s">
        <v>13983</v>
      </c>
      <c r="C3573" s="1" t="s">
        <v>45</v>
      </c>
      <c r="D3573" s="1" t="s">
        <v>11054</v>
      </c>
      <c r="E3573" s="1" t="s">
        <v>14010</v>
      </c>
      <c r="F3573" s="1" t="s">
        <v>14011</v>
      </c>
      <c r="G3573" s="1" t="s">
        <v>13986</v>
      </c>
      <c r="H3573" s="1" t="s">
        <v>13</v>
      </c>
      <c r="I3573" s="1" t="s">
        <v>13987</v>
      </c>
      <c r="J3573" s="1" t="s">
        <v>14012</v>
      </c>
    </row>
    <row r="3574" spans="1:10" x14ac:dyDescent="0.35">
      <c r="A3574" s="1" t="s">
        <v>13982</v>
      </c>
      <c r="B3574" s="1" t="s">
        <v>13983</v>
      </c>
      <c r="C3574" s="1" t="s">
        <v>50</v>
      </c>
      <c r="D3574" s="1" t="s">
        <v>14013</v>
      </c>
      <c r="E3574" s="1" t="s">
        <v>14014</v>
      </c>
      <c r="F3574" s="1" t="s">
        <v>14015</v>
      </c>
      <c r="G3574" s="1" t="s">
        <v>13986</v>
      </c>
      <c r="H3574" s="1" t="s">
        <v>13</v>
      </c>
      <c r="I3574" s="1" t="s">
        <v>13987</v>
      </c>
      <c r="J3574" s="1" t="s">
        <v>14016</v>
      </c>
    </row>
    <row r="3575" spans="1:10" x14ac:dyDescent="0.35">
      <c r="A3575" s="1" t="s">
        <v>13982</v>
      </c>
      <c r="B3575" s="1" t="s">
        <v>13983</v>
      </c>
      <c r="C3575" s="1" t="s">
        <v>55</v>
      </c>
      <c r="D3575" s="1" t="s">
        <v>14017</v>
      </c>
      <c r="E3575" s="1" t="s">
        <v>14018</v>
      </c>
      <c r="F3575" s="1" t="s">
        <v>14019</v>
      </c>
      <c r="G3575" s="1" t="s">
        <v>13986</v>
      </c>
      <c r="H3575" s="1" t="s">
        <v>13</v>
      </c>
      <c r="I3575" s="1" t="s">
        <v>13987</v>
      </c>
      <c r="J3575" s="1" t="s">
        <v>14020</v>
      </c>
    </row>
    <row r="3576" spans="1:10" x14ac:dyDescent="0.35">
      <c r="A3576" s="1" t="s">
        <v>13982</v>
      </c>
      <c r="B3576" s="1" t="s">
        <v>13983</v>
      </c>
      <c r="C3576" s="1" t="s">
        <v>60</v>
      </c>
      <c r="D3576" s="1" t="s">
        <v>14021</v>
      </c>
      <c r="E3576" s="1" t="s">
        <v>14022</v>
      </c>
      <c r="F3576" s="1" t="s">
        <v>14023</v>
      </c>
      <c r="G3576" s="1" t="s">
        <v>13986</v>
      </c>
      <c r="H3576" s="1" t="s">
        <v>13</v>
      </c>
      <c r="I3576" s="1" t="s">
        <v>13987</v>
      </c>
      <c r="J3576" s="1" t="s">
        <v>14024</v>
      </c>
    </row>
    <row r="3577" spans="1:10" x14ac:dyDescent="0.35">
      <c r="A3577" s="1" t="s">
        <v>13982</v>
      </c>
      <c r="B3577" s="1" t="s">
        <v>13983</v>
      </c>
      <c r="C3577" s="1" t="s">
        <v>65</v>
      </c>
      <c r="D3577" s="1" t="s">
        <v>4781</v>
      </c>
      <c r="E3577" s="1" t="s">
        <v>14025</v>
      </c>
      <c r="F3577" s="1" t="s">
        <v>14026</v>
      </c>
      <c r="G3577" s="1" t="s">
        <v>13986</v>
      </c>
      <c r="H3577" s="1" t="s">
        <v>13</v>
      </c>
      <c r="I3577" s="1" t="s">
        <v>13987</v>
      </c>
      <c r="J3577" s="1" t="s">
        <v>14027</v>
      </c>
    </row>
    <row r="3578" spans="1:10" x14ac:dyDescent="0.35">
      <c r="A3578" s="1" t="s">
        <v>13982</v>
      </c>
      <c r="B3578" s="1" t="s">
        <v>13983</v>
      </c>
      <c r="C3578" s="1" t="s">
        <v>70</v>
      </c>
      <c r="D3578" s="1" t="s">
        <v>6925</v>
      </c>
      <c r="E3578" s="1" t="s">
        <v>14028</v>
      </c>
      <c r="F3578" s="1" t="s">
        <v>14029</v>
      </c>
      <c r="G3578" s="1" t="s">
        <v>13986</v>
      </c>
      <c r="H3578" s="1" t="s">
        <v>13</v>
      </c>
      <c r="I3578" s="1" t="s">
        <v>13987</v>
      </c>
      <c r="J3578" s="1" t="s">
        <v>14030</v>
      </c>
    </row>
    <row r="3579" spans="1:10" x14ac:dyDescent="0.35">
      <c r="A3579" s="1" t="s">
        <v>13982</v>
      </c>
      <c r="B3579" s="1" t="s">
        <v>13983</v>
      </c>
      <c r="C3579" s="1" t="s">
        <v>75</v>
      </c>
      <c r="D3579" s="1" t="s">
        <v>14031</v>
      </c>
      <c r="E3579" s="1" t="s">
        <v>14032</v>
      </c>
      <c r="F3579" s="1" t="s">
        <v>14033</v>
      </c>
      <c r="G3579" s="1" t="s">
        <v>13986</v>
      </c>
      <c r="H3579" s="1" t="s">
        <v>13</v>
      </c>
      <c r="I3579" s="1" t="s">
        <v>13987</v>
      </c>
      <c r="J3579" s="1" t="s">
        <v>12676</v>
      </c>
    </row>
    <row r="3580" spans="1:10" x14ac:dyDescent="0.35">
      <c r="A3580" s="1" t="s">
        <v>13982</v>
      </c>
      <c r="B3580" s="1" t="s">
        <v>13983</v>
      </c>
      <c r="C3580" s="1" t="s">
        <v>80</v>
      </c>
      <c r="D3580" s="1" t="s">
        <v>14034</v>
      </c>
      <c r="E3580" s="1" t="s">
        <v>14035</v>
      </c>
      <c r="F3580" s="1" t="s">
        <v>14036</v>
      </c>
      <c r="G3580" s="1" t="s">
        <v>13986</v>
      </c>
      <c r="H3580" s="1" t="s">
        <v>13</v>
      </c>
      <c r="I3580" s="1" t="s">
        <v>13987</v>
      </c>
      <c r="J3580" s="1" t="s">
        <v>8332</v>
      </c>
    </row>
    <row r="3581" spans="1:10" x14ac:dyDescent="0.35">
      <c r="A3581" s="1" t="s">
        <v>13982</v>
      </c>
      <c r="B3581" s="1" t="s">
        <v>13983</v>
      </c>
      <c r="C3581" s="1" t="s">
        <v>85</v>
      </c>
      <c r="D3581" s="1" t="s">
        <v>14037</v>
      </c>
      <c r="E3581" s="1" t="s">
        <v>14038</v>
      </c>
      <c r="F3581" s="1" t="s">
        <v>14039</v>
      </c>
      <c r="G3581" s="1" t="s">
        <v>13986</v>
      </c>
      <c r="H3581" s="1" t="s">
        <v>13</v>
      </c>
      <c r="I3581" s="1" t="s">
        <v>13987</v>
      </c>
      <c r="J3581" s="1" t="s">
        <v>14040</v>
      </c>
    </row>
    <row r="3582" spans="1:10" x14ac:dyDescent="0.35">
      <c r="A3582" s="1" t="s">
        <v>13982</v>
      </c>
      <c r="B3582" s="1" t="s">
        <v>13983</v>
      </c>
      <c r="C3582" s="1" t="s">
        <v>90</v>
      </c>
      <c r="D3582" s="1" t="s">
        <v>14041</v>
      </c>
      <c r="E3582" s="1" t="s">
        <v>14042</v>
      </c>
      <c r="F3582" s="1" t="s">
        <v>14043</v>
      </c>
      <c r="G3582" s="1" t="s">
        <v>13986</v>
      </c>
      <c r="H3582" s="1" t="s">
        <v>13</v>
      </c>
      <c r="I3582" s="1" t="s">
        <v>13987</v>
      </c>
      <c r="J3582" s="1" t="s">
        <v>14044</v>
      </c>
    </row>
    <row r="3583" spans="1:10" x14ac:dyDescent="0.35">
      <c r="A3583" s="1" t="s">
        <v>13982</v>
      </c>
      <c r="B3583" s="1" t="s">
        <v>13983</v>
      </c>
      <c r="C3583" s="1" t="s">
        <v>95</v>
      </c>
      <c r="D3583" s="1" t="s">
        <v>14045</v>
      </c>
      <c r="E3583" s="1" t="s">
        <v>14046</v>
      </c>
      <c r="F3583" s="1" t="s">
        <v>14047</v>
      </c>
      <c r="G3583" s="1" t="s">
        <v>13986</v>
      </c>
      <c r="H3583" s="1" t="s">
        <v>13</v>
      </c>
      <c r="I3583" s="1" t="s">
        <v>13987</v>
      </c>
      <c r="J3583" s="1" t="s">
        <v>14048</v>
      </c>
    </row>
    <row r="3584" spans="1:10" x14ac:dyDescent="0.35">
      <c r="A3584" s="1" t="s">
        <v>13982</v>
      </c>
      <c r="B3584" s="1" t="s">
        <v>13983</v>
      </c>
      <c r="C3584" s="1" t="s">
        <v>100</v>
      </c>
      <c r="D3584" s="1" t="s">
        <v>14049</v>
      </c>
      <c r="E3584" s="1" t="s">
        <v>14050</v>
      </c>
      <c r="F3584" s="1" t="s">
        <v>14051</v>
      </c>
      <c r="G3584" s="1" t="s">
        <v>13986</v>
      </c>
      <c r="H3584" s="1" t="s">
        <v>13</v>
      </c>
      <c r="I3584" s="1" t="s">
        <v>13987</v>
      </c>
      <c r="J3584" s="1" t="s">
        <v>14052</v>
      </c>
    </row>
    <row r="3585" spans="1:10" x14ac:dyDescent="0.35">
      <c r="A3585" s="1" t="s">
        <v>13982</v>
      </c>
      <c r="B3585" s="1" t="s">
        <v>13983</v>
      </c>
      <c r="C3585" s="1" t="s">
        <v>105</v>
      </c>
      <c r="D3585" s="1" t="s">
        <v>14053</v>
      </c>
      <c r="E3585" s="1" t="s">
        <v>14054</v>
      </c>
      <c r="F3585" s="1" t="s">
        <v>14055</v>
      </c>
      <c r="G3585" s="1" t="s">
        <v>13986</v>
      </c>
      <c r="H3585" s="1" t="s">
        <v>13</v>
      </c>
      <c r="I3585" s="1" t="s">
        <v>13987</v>
      </c>
      <c r="J3585" s="1" t="s">
        <v>14056</v>
      </c>
    </row>
    <row r="3586" spans="1:10" x14ac:dyDescent="0.35">
      <c r="A3586" s="1" t="s">
        <v>13982</v>
      </c>
      <c r="B3586" s="1" t="s">
        <v>13983</v>
      </c>
      <c r="C3586" s="1" t="s">
        <v>110</v>
      </c>
      <c r="D3586" s="1" t="s">
        <v>14057</v>
      </c>
      <c r="E3586" s="1" t="s">
        <v>14058</v>
      </c>
      <c r="F3586" s="1" t="s">
        <v>14059</v>
      </c>
      <c r="G3586" s="1" t="s">
        <v>13986</v>
      </c>
      <c r="H3586" s="1" t="s">
        <v>13</v>
      </c>
      <c r="I3586" s="1" t="s">
        <v>13987</v>
      </c>
      <c r="J3586" s="1" t="s">
        <v>14060</v>
      </c>
    </row>
    <row r="3587" spans="1:10" x14ac:dyDescent="0.35">
      <c r="A3587" s="1" t="s">
        <v>13982</v>
      </c>
      <c r="B3587" s="1" t="s">
        <v>13983</v>
      </c>
      <c r="C3587" s="1" t="s">
        <v>115</v>
      </c>
      <c r="D3587" s="1" t="s">
        <v>14061</v>
      </c>
      <c r="E3587" s="1" t="s">
        <v>14062</v>
      </c>
      <c r="F3587" s="1" t="s">
        <v>14063</v>
      </c>
      <c r="G3587" s="1" t="s">
        <v>13986</v>
      </c>
      <c r="H3587" s="1" t="s">
        <v>13</v>
      </c>
      <c r="I3587" s="1" t="s">
        <v>13987</v>
      </c>
      <c r="J3587" s="1" t="s">
        <v>12278</v>
      </c>
    </row>
    <row r="3588" spans="1:10" x14ac:dyDescent="0.35">
      <c r="A3588" s="1" t="s">
        <v>13982</v>
      </c>
      <c r="B3588" s="1" t="s">
        <v>13983</v>
      </c>
      <c r="C3588" s="1" t="s">
        <v>120</v>
      </c>
      <c r="D3588" s="1" t="s">
        <v>14064</v>
      </c>
      <c r="E3588" s="1" t="s">
        <v>14065</v>
      </c>
      <c r="F3588" s="1" t="s">
        <v>14066</v>
      </c>
      <c r="G3588" s="1" t="s">
        <v>13986</v>
      </c>
      <c r="H3588" s="1" t="s">
        <v>13</v>
      </c>
      <c r="I3588" s="1" t="s">
        <v>13987</v>
      </c>
      <c r="J3588" s="1" t="s">
        <v>14067</v>
      </c>
    </row>
    <row r="3589" spans="1:10" x14ac:dyDescent="0.35">
      <c r="A3589" s="1" t="s">
        <v>13982</v>
      </c>
      <c r="B3589" s="1" t="s">
        <v>13983</v>
      </c>
      <c r="C3589" s="1" t="s">
        <v>125</v>
      </c>
      <c r="D3589" s="1" t="s">
        <v>14068</v>
      </c>
      <c r="E3589" s="1" t="s">
        <v>14069</v>
      </c>
      <c r="F3589" s="1" t="s">
        <v>14070</v>
      </c>
      <c r="G3589" s="1" t="s">
        <v>13986</v>
      </c>
      <c r="H3589" s="1" t="s">
        <v>13</v>
      </c>
      <c r="I3589" s="1" t="s">
        <v>13987</v>
      </c>
      <c r="J3589" s="1" t="s">
        <v>14071</v>
      </c>
    </row>
    <row r="3590" spans="1:10" x14ac:dyDescent="0.35">
      <c r="A3590" s="1" t="s">
        <v>13982</v>
      </c>
      <c r="B3590" s="1" t="s">
        <v>13983</v>
      </c>
      <c r="C3590" s="1" t="s">
        <v>130</v>
      </c>
      <c r="D3590" s="1" t="s">
        <v>14072</v>
      </c>
      <c r="E3590" s="1" t="s">
        <v>14073</v>
      </c>
      <c r="F3590" s="1" t="s">
        <v>14074</v>
      </c>
      <c r="G3590" s="1" t="s">
        <v>13986</v>
      </c>
      <c r="H3590" s="1" t="s">
        <v>13</v>
      </c>
      <c r="I3590" s="1" t="s">
        <v>13987</v>
      </c>
      <c r="J3590" s="1" t="s">
        <v>14075</v>
      </c>
    </row>
    <row r="3591" spans="1:10" x14ac:dyDescent="0.35">
      <c r="A3591" s="1" t="s">
        <v>13982</v>
      </c>
      <c r="B3591" s="1" t="s">
        <v>13983</v>
      </c>
      <c r="C3591" s="1" t="s">
        <v>135</v>
      </c>
      <c r="D3591" s="1" t="s">
        <v>9995</v>
      </c>
      <c r="E3591" s="1" t="s">
        <v>14076</v>
      </c>
      <c r="F3591" s="1" t="s">
        <v>14077</v>
      </c>
      <c r="G3591" s="1" t="s">
        <v>13986</v>
      </c>
      <c r="H3591" s="1" t="s">
        <v>13</v>
      </c>
      <c r="I3591" s="1" t="s">
        <v>13987</v>
      </c>
      <c r="J3591" s="1" t="s">
        <v>14078</v>
      </c>
    </row>
    <row r="3592" spans="1:10" x14ac:dyDescent="0.35">
      <c r="A3592" s="1" t="s">
        <v>13982</v>
      </c>
      <c r="B3592" s="1" t="s">
        <v>13983</v>
      </c>
      <c r="C3592" s="1" t="s">
        <v>140</v>
      </c>
      <c r="D3592" s="1" t="s">
        <v>4074</v>
      </c>
      <c r="E3592" s="1" t="s">
        <v>14079</v>
      </c>
      <c r="F3592" s="1" t="s">
        <v>14080</v>
      </c>
      <c r="G3592" s="1" t="s">
        <v>13986</v>
      </c>
      <c r="H3592" s="1" t="s">
        <v>13</v>
      </c>
      <c r="I3592" s="1" t="s">
        <v>13987</v>
      </c>
      <c r="J3592" s="1" t="s">
        <v>14081</v>
      </c>
    </row>
    <row r="3593" spans="1:10" x14ac:dyDescent="0.35">
      <c r="A3593" s="1" t="s">
        <v>13982</v>
      </c>
      <c r="B3593" s="1" t="s">
        <v>13983</v>
      </c>
      <c r="C3593" s="1" t="s">
        <v>145</v>
      </c>
      <c r="D3593" s="1" t="s">
        <v>14082</v>
      </c>
      <c r="E3593" s="1" t="s">
        <v>14083</v>
      </c>
      <c r="F3593" s="1" t="s">
        <v>14084</v>
      </c>
      <c r="G3593" s="1" t="s">
        <v>13986</v>
      </c>
      <c r="H3593" s="1" t="s">
        <v>13</v>
      </c>
      <c r="I3593" s="1" t="s">
        <v>13987</v>
      </c>
      <c r="J3593" s="1" t="s">
        <v>14085</v>
      </c>
    </row>
    <row r="3594" spans="1:10" x14ac:dyDescent="0.35">
      <c r="A3594" s="1" t="s">
        <v>13982</v>
      </c>
      <c r="B3594" s="1" t="s">
        <v>13983</v>
      </c>
      <c r="C3594" s="1" t="s">
        <v>150</v>
      </c>
      <c r="D3594" s="1" t="s">
        <v>6873</v>
      </c>
      <c r="E3594" s="1" t="s">
        <v>14086</v>
      </c>
      <c r="F3594" s="1" t="s">
        <v>14087</v>
      </c>
      <c r="G3594" s="1" t="s">
        <v>13986</v>
      </c>
      <c r="H3594" s="1" t="s">
        <v>13</v>
      </c>
      <c r="I3594" s="1" t="s">
        <v>13987</v>
      </c>
      <c r="J3594" s="1" t="s">
        <v>14088</v>
      </c>
    </row>
    <row r="3595" spans="1:10" x14ac:dyDescent="0.35">
      <c r="A3595" s="1" t="s">
        <v>13982</v>
      </c>
      <c r="B3595" s="1" t="s">
        <v>13983</v>
      </c>
      <c r="C3595" s="1" t="s">
        <v>155</v>
      </c>
      <c r="D3595" s="1" t="s">
        <v>6946</v>
      </c>
      <c r="E3595" s="1" t="s">
        <v>14089</v>
      </c>
      <c r="F3595" s="1" t="s">
        <v>14090</v>
      </c>
      <c r="G3595" s="1" t="s">
        <v>13986</v>
      </c>
      <c r="H3595" s="1" t="s">
        <v>13</v>
      </c>
      <c r="I3595" s="1" t="s">
        <v>13987</v>
      </c>
      <c r="J3595" s="1" t="s">
        <v>14091</v>
      </c>
    </row>
    <row r="3596" spans="1:10" x14ac:dyDescent="0.35">
      <c r="A3596" s="1" t="s">
        <v>13982</v>
      </c>
      <c r="B3596" s="1" t="s">
        <v>13983</v>
      </c>
      <c r="C3596" s="1" t="s">
        <v>160</v>
      </c>
      <c r="D3596" s="1" t="s">
        <v>14092</v>
      </c>
      <c r="E3596" s="1" t="s">
        <v>14093</v>
      </c>
      <c r="F3596" s="1" t="s">
        <v>14094</v>
      </c>
      <c r="G3596" s="1" t="s">
        <v>13986</v>
      </c>
      <c r="H3596" s="1" t="s">
        <v>13</v>
      </c>
      <c r="I3596" s="1" t="s">
        <v>13987</v>
      </c>
      <c r="J3596" s="1" t="s">
        <v>14095</v>
      </c>
    </row>
    <row r="3597" spans="1:10" x14ac:dyDescent="0.35">
      <c r="A3597" s="1" t="s">
        <v>13982</v>
      </c>
      <c r="B3597" s="1" t="s">
        <v>13983</v>
      </c>
      <c r="C3597" s="1" t="s">
        <v>165</v>
      </c>
      <c r="D3597" s="1" t="s">
        <v>2611</v>
      </c>
      <c r="E3597" s="1" t="s">
        <v>14096</v>
      </c>
      <c r="F3597" s="1" t="s">
        <v>14097</v>
      </c>
      <c r="G3597" s="1" t="s">
        <v>13986</v>
      </c>
      <c r="H3597" s="1" t="s">
        <v>13</v>
      </c>
      <c r="I3597" s="1" t="s">
        <v>13987</v>
      </c>
      <c r="J3597" s="1" t="s">
        <v>14098</v>
      </c>
    </row>
    <row r="3598" spans="1:10" x14ac:dyDescent="0.35">
      <c r="A3598" s="1" t="s">
        <v>13982</v>
      </c>
      <c r="B3598" s="1" t="s">
        <v>13983</v>
      </c>
      <c r="C3598" s="1" t="s">
        <v>170</v>
      </c>
      <c r="D3598" s="1" t="s">
        <v>14099</v>
      </c>
      <c r="E3598" s="1" t="s">
        <v>14100</v>
      </c>
      <c r="F3598" s="1" t="s">
        <v>14101</v>
      </c>
      <c r="G3598" s="1" t="s">
        <v>13986</v>
      </c>
      <c r="H3598" s="1" t="s">
        <v>13</v>
      </c>
      <c r="I3598" s="1" t="s">
        <v>13987</v>
      </c>
      <c r="J3598" s="1" t="s">
        <v>14102</v>
      </c>
    </row>
    <row r="3599" spans="1:10" x14ac:dyDescent="0.35">
      <c r="A3599" s="1" t="s">
        <v>14103</v>
      </c>
      <c r="B3599" s="1" t="s">
        <v>14104</v>
      </c>
      <c r="C3599" s="1" t="s">
        <v>8</v>
      </c>
      <c r="D3599" s="1" t="s">
        <v>8745</v>
      </c>
      <c r="E3599" s="1" t="s">
        <v>14105</v>
      </c>
      <c r="F3599" s="1" t="s">
        <v>14106</v>
      </c>
      <c r="G3599" s="1" t="s">
        <v>14107</v>
      </c>
      <c r="H3599" s="1" t="s">
        <v>13</v>
      </c>
      <c r="I3599" s="1" t="s">
        <v>14108</v>
      </c>
      <c r="J3599" s="1" t="s">
        <v>13</v>
      </c>
    </row>
    <row r="3600" spans="1:10" x14ac:dyDescent="0.35">
      <c r="A3600" s="1" t="s">
        <v>14103</v>
      </c>
      <c r="B3600" s="1" t="s">
        <v>14104</v>
      </c>
      <c r="C3600" s="1" t="s">
        <v>15</v>
      </c>
      <c r="D3600" s="1" t="s">
        <v>14109</v>
      </c>
      <c r="E3600" s="1" t="s">
        <v>14110</v>
      </c>
      <c r="F3600" s="1" t="s">
        <v>14111</v>
      </c>
      <c r="G3600" s="1" t="s">
        <v>14107</v>
      </c>
      <c r="H3600" s="1" t="s">
        <v>13</v>
      </c>
      <c r="I3600" s="1" t="s">
        <v>14108</v>
      </c>
      <c r="J3600" s="1" t="s">
        <v>14112</v>
      </c>
    </row>
    <row r="3601" spans="1:10" x14ac:dyDescent="0.35">
      <c r="A3601" s="1" t="s">
        <v>14103</v>
      </c>
      <c r="B3601" s="1" t="s">
        <v>14104</v>
      </c>
      <c r="C3601" s="1" t="s">
        <v>20</v>
      </c>
      <c r="D3601" s="1" t="s">
        <v>8046</v>
      </c>
      <c r="E3601" s="1" t="s">
        <v>14113</v>
      </c>
      <c r="F3601" s="1" t="s">
        <v>14114</v>
      </c>
      <c r="G3601" s="1" t="s">
        <v>14107</v>
      </c>
      <c r="H3601" s="1" t="s">
        <v>13</v>
      </c>
      <c r="I3601" s="1" t="s">
        <v>14108</v>
      </c>
      <c r="J3601" s="1" t="s">
        <v>14115</v>
      </c>
    </row>
    <row r="3602" spans="1:10" x14ac:dyDescent="0.35">
      <c r="A3602" s="1" t="s">
        <v>14103</v>
      </c>
      <c r="B3602" s="1" t="s">
        <v>14104</v>
      </c>
      <c r="C3602" s="1" t="s">
        <v>25</v>
      </c>
      <c r="D3602" s="1" t="s">
        <v>14116</v>
      </c>
      <c r="E3602" s="1" t="s">
        <v>14117</v>
      </c>
      <c r="F3602" s="1" t="s">
        <v>14118</v>
      </c>
      <c r="G3602" s="1" t="s">
        <v>14107</v>
      </c>
      <c r="H3602" s="1" t="s">
        <v>13</v>
      </c>
      <c r="I3602" s="1" t="s">
        <v>14108</v>
      </c>
      <c r="J3602" s="1" t="s">
        <v>14119</v>
      </c>
    </row>
    <row r="3603" spans="1:10" x14ac:dyDescent="0.35">
      <c r="A3603" s="1" t="s">
        <v>14103</v>
      </c>
      <c r="B3603" s="1" t="s">
        <v>14104</v>
      </c>
      <c r="C3603" s="1" t="s">
        <v>30</v>
      </c>
      <c r="D3603" s="1" t="s">
        <v>8365</v>
      </c>
      <c r="E3603" s="1" t="s">
        <v>14120</v>
      </c>
      <c r="F3603" s="1" t="s">
        <v>14121</v>
      </c>
      <c r="G3603" s="1" t="s">
        <v>14107</v>
      </c>
      <c r="H3603" s="1" t="s">
        <v>13</v>
      </c>
      <c r="I3603" s="1" t="s">
        <v>14108</v>
      </c>
      <c r="J3603" s="1" t="s">
        <v>14122</v>
      </c>
    </row>
    <row r="3604" spans="1:10" x14ac:dyDescent="0.35">
      <c r="A3604" s="1" t="s">
        <v>14103</v>
      </c>
      <c r="B3604" s="1" t="s">
        <v>14104</v>
      </c>
      <c r="C3604" s="1" t="s">
        <v>35</v>
      </c>
      <c r="D3604" s="1" t="s">
        <v>8377</v>
      </c>
      <c r="E3604" s="1" t="s">
        <v>14123</v>
      </c>
      <c r="F3604" s="1" t="s">
        <v>14124</v>
      </c>
      <c r="G3604" s="1" t="s">
        <v>14107</v>
      </c>
      <c r="H3604" s="1" t="s">
        <v>13</v>
      </c>
      <c r="I3604" s="1" t="s">
        <v>14108</v>
      </c>
      <c r="J3604" s="1" t="s">
        <v>14125</v>
      </c>
    </row>
    <row r="3605" spans="1:10" x14ac:dyDescent="0.35">
      <c r="A3605" s="1" t="s">
        <v>14103</v>
      </c>
      <c r="B3605" s="1" t="s">
        <v>14104</v>
      </c>
      <c r="C3605" s="1" t="s">
        <v>40</v>
      </c>
      <c r="D3605" s="1" t="s">
        <v>14126</v>
      </c>
      <c r="E3605" s="1" t="s">
        <v>14127</v>
      </c>
      <c r="F3605" s="1" t="s">
        <v>14128</v>
      </c>
      <c r="G3605" s="1" t="s">
        <v>14107</v>
      </c>
      <c r="H3605" s="1" t="s">
        <v>13</v>
      </c>
      <c r="I3605" s="1" t="s">
        <v>14108</v>
      </c>
      <c r="J3605" s="1" t="s">
        <v>14129</v>
      </c>
    </row>
    <row r="3606" spans="1:10" x14ac:dyDescent="0.35">
      <c r="A3606" s="1" t="s">
        <v>14103</v>
      </c>
      <c r="B3606" s="1" t="s">
        <v>14104</v>
      </c>
      <c r="C3606" s="1" t="s">
        <v>45</v>
      </c>
      <c r="D3606" s="1" t="s">
        <v>14130</v>
      </c>
      <c r="E3606" s="1" t="s">
        <v>14131</v>
      </c>
      <c r="F3606" s="1" t="s">
        <v>14132</v>
      </c>
      <c r="G3606" s="1" t="s">
        <v>14107</v>
      </c>
      <c r="H3606" s="1" t="s">
        <v>13</v>
      </c>
      <c r="I3606" s="1" t="s">
        <v>14108</v>
      </c>
      <c r="J3606" s="1" t="s">
        <v>14133</v>
      </c>
    </row>
    <row r="3607" spans="1:10" x14ac:dyDescent="0.35">
      <c r="A3607" s="1" t="s">
        <v>14103</v>
      </c>
      <c r="B3607" s="1" t="s">
        <v>14104</v>
      </c>
      <c r="C3607" s="1" t="s">
        <v>50</v>
      </c>
      <c r="D3607" s="1" t="s">
        <v>14134</v>
      </c>
      <c r="E3607" s="1" t="s">
        <v>14135</v>
      </c>
      <c r="F3607" s="1" t="s">
        <v>14136</v>
      </c>
      <c r="G3607" s="1" t="s">
        <v>14107</v>
      </c>
      <c r="H3607" s="1" t="s">
        <v>13</v>
      </c>
      <c r="I3607" s="1" t="s">
        <v>14108</v>
      </c>
      <c r="J3607" s="1" t="s">
        <v>14137</v>
      </c>
    </row>
    <row r="3608" spans="1:10" x14ac:dyDescent="0.35">
      <c r="A3608" s="1" t="s">
        <v>14103</v>
      </c>
      <c r="B3608" s="1" t="s">
        <v>14104</v>
      </c>
      <c r="C3608" s="1" t="s">
        <v>55</v>
      </c>
      <c r="D3608" s="1" t="s">
        <v>14138</v>
      </c>
      <c r="E3608" s="1" t="s">
        <v>14139</v>
      </c>
      <c r="F3608" s="1" t="s">
        <v>14140</v>
      </c>
      <c r="G3608" s="1" t="s">
        <v>14107</v>
      </c>
      <c r="H3608" s="1" t="s">
        <v>13</v>
      </c>
      <c r="I3608" s="1" t="s">
        <v>14108</v>
      </c>
      <c r="J3608" s="1" t="s">
        <v>14141</v>
      </c>
    </row>
    <row r="3609" spans="1:10" x14ac:dyDescent="0.35">
      <c r="A3609" s="1" t="s">
        <v>14103</v>
      </c>
      <c r="B3609" s="1" t="s">
        <v>14104</v>
      </c>
      <c r="C3609" s="1" t="s">
        <v>60</v>
      </c>
      <c r="D3609" s="1" t="s">
        <v>14142</v>
      </c>
      <c r="E3609" s="1" t="s">
        <v>14143</v>
      </c>
      <c r="F3609" s="1" t="s">
        <v>14144</v>
      </c>
      <c r="G3609" s="1" t="s">
        <v>14107</v>
      </c>
      <c r="H3609" s="1" t="s">
        <v>13</v>
      </c>
      <c r="I3609" s="1" t="s">
        <v>14108</v>
      </c>
      <c r="J3609" s="1" t="s">
        <v>14145</v>
      </c>
    </row>
    <row r="3610" spans="1:10" x14ac:dyDescent="0.35">
      <c r="A3610" s="1" t="s">
        <v>14103</v>
      </c>
      <c r="B3610" s="1" t="s">
        <v>14104</v>
      </c>
      <c r="C3610" s="1" t="s">
        <v>65</v>
      </c>
      <c r="D3610" s="1" t="s">
        <v>14146</v>
      </c>
      <c r="E3610" s="1" t="s">
        <v>14147</v>
      </c>
      <c r="F3610" s="1" t="s">
        <v>14148</v>
      </c>
      <c r="G3610" s="1" t="s">
        <v>14107</v>
      </c>
      <c r="H3610" s="1" t="s">
        <v>13</v>
      </c>
      <c r="I3610" s="1" t="s">
        <v>14108</v>
      </c>
      <c r="J3610" s="1" t="s">
        <v>14149</v>
      </c>
    </row>
    <row r="3611" spans="1:10" x14ac:dyDescent="0.35">
      <c r="A3611" s="1" t="s">
        <v>14103</v>
      </c>
      <c r="B3611" s="1" t="s">
        <v>14104</v>
      </c>
      <c r="C3611" s="1" t="s">
        <v>70</v>
      </c>
      <c r="D3611" s="1" t="s">
        <v>14150</v>
      </c>
      <c r="E3611" s="1" t="s">
        <v>14151</v>
      </c>
      <c r="F3611" s="1" t="s">
        <v>14152</v>
      </c>
      <c r="G3611" s="1" t="s">
        <v>14107</v>
      </c>
      <c r="H3611" s="1" t="s">
        <v>13</v>
      </c>
      <c r="I3611" s="1" t="s">
        <v>14108</v>
      </c>
      <c r="J3611" s="1" t="s">
        <v>14153</v>
      </c>
    </row>
    <row r="3612" spans="1:10" x14ac:dyDescent="0.35">
      <c r="A3612" s="1" t="s">
        <v>14103</v>
      </c>
      <c r="B3612" s="1" t="s">
        <v>14104</v>
      </c>
      <c r="C3612" s="1" t="s">
        <v>75</v>
      </c>
      <c r="D3612" s="1" t="s">
        <v>10098</v>
      </c>
      <c r="E3612" s="1" t="s">
        <v>14154</v>
      </c>
      <c r="F3612" s="1" t="s">
        <v>14155</v>
      </c>
      <c r="G3612" s="1" t="s">
        <v>14107</v>
      </c>
      <c r="H3612" s="1" t="s">
        <v>13</v>
      </c>
      <c r="I3612" s="1" t="s">
        <v>14108</v>
      </c>
      <c r="J3612" s="1" t="s">
        <v>14156</v>
      </c>
    </row>
    <row r="3613" spans="1:10" x14ac:dyDescent="0.35">
      <c r="A3613" s="1" t="s">
        <v>14103</v>
      </c>
      <c r="B3613" s="1" t="s">
        <v>14104</v>
      </c>
      <c r="C3613" s="1" t="s">
        <v>80</v>
      </c>
      <c r="D3613" s="1" t="s">
        <v>14157</v>
      </c>
      <c r="E3613" s="1" t="s">
        <v>14158</v>
      </c>
      <c r="F3613" s="1" t="s">
        <v>14159</v>
      </c>
      <c r="G3613" s="1" t="s">
        <v>14107</v>
      </c>
      <c r="H3613" s="1" t="s">
        <v>13</v>
      </c>
      <c r="I3613" s="1" t="s">
        <v>14108</v>
      </c>
      <c r="J3613" s="1" t="s">
        <v>14160</v>
      </c>
    </row>
    <row r="3614" spans="1:10" x14ac:dyDescent="0.35">
      <c r="A3614" s="1" t="s">
        <v>14103</v>
      </c>
      <c r="B3614" s="1" t="s">
        <v>14104</v>
      </c>
      <c r="C3614" s="1" t="s">
        <v>85</v>
      </c>
      <c r="D3614" s="1" t="s">
        <v>14161</v>
      </c>
      <c r="E3614" s="1" t="s">
        <v>14162</v>
      </c>
      <c r="F3614" s="1" t="s">
        <v>14163</v>
      </c>
      <c r="G3614" s="1" t="s">
        <v>14107</v>
      </c>
      <c r="H3614" s="1" t="s">
        <v>13</v>
      </c>
      <c r="I3614" s="1" t="s">
        <v>14108</v>
      </c>
      <c r="J3614" s="1" t="s">
        <v>14164</v>
      </c>
    </row>
    <row r="3615" spans="1:10" x14ac:dyDescent="0.35">
      <c r="A3615" s="1" t="s">
        <v>14103</v>
      </c>
      <c r="B3615" s="1" t="s">
        <v>14104</v>
      </c>
      <c r="C3615" s="1" t="s">
        <v>90</v>
      </c>
      <c r="D3615" s="1" t="s">
        <v>14165</v>
      </c>
      <c r="E3615" s="1" t="s">
        <v>14166</v>
      </c>
      <c r="F3615" s="1" t="s">
        <v>14167</v>
      </c>
      <c r="G3615" s="1" t="s">
        <v>14107</v>
      </c>
      <c r="H3615" s="1" t="s">
        <v>13</v>
      </c>
      <c r="I3615" s="1" t="s">
        <v>14108</v>
      </c>
      <c r="J3615" s="1" t="s">
        <v>14168</v>
      </c>
    </row>
    <row r="3616" spans="1:10" x14ac:dyDescent="0.35">
      <c r="A3616" s="1" t="s">
        <v>14103</v>
      </c>
      <c r="B3616" s="1" t="s">
        <v>14104</v>
      </c>
      <c r="C3616" s="1" t="s">
        <v>95</v>
      </c>
      <c r="D3616" s="1" t="s">
        <v>14142</v>
      </c>
      <c r="E3616" s="1" t="s">
        <v>14169</v>
      </c>
      <c r="F3616" s="1" t="s">
        <v>14170</v>
      </c>
      <c r="G3616" s="1" t="s">
        <v>14107</v>
      </c>
      <c r="H3616" s="1" t="s">
        <v>13</v>
      </c>
      <c r="I3616" s="1" t="s">
        <v>14108</v>
      </c>
      <c r="J3616" s="1" t="s">
        <v>14171</v>
      </c>
    </row>
    <row r="3617" spans="1:10" x14ac:dyDescent="0.35">
      <c r="A3617" s="1" t="s">
        <v>14103</v>
      </c>
      <c r="B3617" s="1" t="s">
        <v>14104</v>
      </c>
      <c r="C3617" s="1" t="s">
        <v>100</v>
      </c>
      <c r="D3617" s="1" t="s">
        <v>8748</v>
      </c>
      <c r="E3617" s="1" t="s">
        <v>14172</v>
      </c>
      <c r="F3617" s="1" t="s">
        <v>14173</v>
      </c>
      <c r="G3617" s="1" t="s">
        <v>14107</v>
      </c>
      <c r="H3617" s="1" t="s">
        <v>13</v>
      </c>
      <c r="I3617" s="1" t="s">
        <v>14108</v>
      </c>
      <c r="J3617" s="1" t="s">
        <v>14174</v>
      </c>
    </row>
    <row r="3618" spans="1:10" x14ac:dyDescent="0.35">
      <c r="A3618" s="1" t="s">
        <v>14103</v>
      </c>
      <c r="B3618" s="1" t="s">
        <v>14104</v>
      </c>
      <c r="C3618" s="1" t="s">
        <v>105</v>
      </c>
      <c r="D3618" s="1" t="s">
        <v>14175</v>
      </c>
      <c r="E3618" s="1" t="s">
        <v>14176</v>
      </c>
      <c r="F3618" s="1" t="s">
        <v>14177</v>
      </c>
      <c r="G3618" s="1" t="s">
        <v>14107</v>
      </c>
      <c r="H3618" s="1" t="s">
        <v>13</v>
      </c>
      <c r="I3618" s="1" t="s">
        <v>14108</v>
      </c>
      <c r="J3618" s="1" t="s">
        <v>14178</v>
      </c>
    </row>
    <row r="3619" spans="1:10" x14ac:dyDescent="0.35">
      <c r="A3619" s="1" t="s">
        <v>14103</v>
      </c>
      <c r="B3619" s="1" t="s">
        <v>14104</v>
      </c>
      <c r="C3619" s="1" t="s">
        <v>110</v>
      </c>
      <c r="D3619" s="1" t="s">
        <v>1395</v>
      </c>
      <c r="E3619" s="1" t="s">
        <v>14179</v>
      </c>
      <c r="F3619" s="1" t="s">
        <v>14180</v>
      </c>
      <c r="G3619" s="1" t="s">
        <v>14107</v>
      </c>
      <c r="H3619" s="1" t="s">
        <v>13</v>
      </c>
      <c r="I3619" s="1" t="s">
        <v>14108</v>
      </c>
      <c r="J3619" s="1" t="s">
        <v>14181</v>
      </c>
    </row>
    <row r="3620" spans="1:10" x14ac:dyDescent="0.35">
      <c r="A3620" s="1" t="s">
        <v>14103</v>
      </c>
      <c r="B3620" s="1" t="s">
        <v>14104</v>
      </c>
      <c r="C3620" s="1" t="s">
        <v>115</v>
      </c>
      <c r="D3620" s="1" t="s">
        <v>4709</v>
      </c>
      <c r="E3620" s="1" t="s">
        <v>14182</v>
      </c>
      <c r="F3620" s="1" t="s">
        <v>14183</v>
      </c>
      <c r="G3620" s="1" t="s">
        <v>14107</v>
      </c>
      <c r="H3620" s="1" t="s">
        <v>13</v>
      </c>
      <c r="I3620" s="1" t="s">
        <v>14108</v>
      </c>
      <c r="J3620" s="1" t="s">
        <v>14184</v>
      </c>
    </row>
    <row r="3621" spans="1:10" x14ac:dyDescent="0.35">
      <c r="A3621" s="1" t="s">
        <v>14103</v>
      </c>
      <c r="B3621" s="1" t="s">
        <v>14104</v>
      </c>
      <c r="C3621" s="1" t="s">
        <v>120</v>
      </c>
      <c r="D3621" s="1" t="s">
        <v>14185</v>
      </c>
      <c r="E3621" s="1" t="s">
        <v>14186</v>
      </c>
      <c r="F3621" s="1" t="s">
        <v>14187</v>
      </c>
      <c r="G3621" s="1" t="s">
        <v>14107</v>
      </c>
      <c r="H3621" s="1" t="s">
        <v>13</v>
      </c>
      <c r="I3621" s="1" t="s">
        <v>14108</v>
      </c>
      <c r="J3621" s="1" t="s">
        <v>14188</v>
      </c>
    </row>
    <row r="3622" spans="1:10" x14ac:dyDescent="0.35">
      <c r="A3622" s="1" t="s">
        <v>14103</v>
      </c>
      <c r="B3622" s="1" t="s">
        <v>14104</v>
      </c>
      <c r="C3622" s="1" t="s">
        <v>125</v>
      </c>
      <c r="D3622" s="1" t="s">
        <v>6496</v>
      </c>
      <c r="E3622" s="1" t="s">
        <v>14189</v>
      </c>
      <c r="F3622" s="1" t="s">
        <v>14190</v>
      </c>
      <c r="G3622" s="1" t="s">
        <v>14107</v>
      </c>
      <c r="H3622" s="1" t="s">
        <v>13</v>
      </c>
      <c r="I3622" s="1" t="s">
        <v>14108</v>
      </c>
      <c r="J3622" s="1" t="s">
        <v>14191</v>
      </c>
    </row>
    <row r="3623" spans="1:10" x14ac:dyDescent="0.35">
      <c r="A3623" s="1" t="s">
        <v>14103</v>
      </c>
      <c r="B3623" s="1" t="s">
        <v>14104</v>
      </c>
      <c r="C3623" s="1" t="s">
        <v>130</v>
      </c>
      <c r="D3623" s="1" t="s">
        <v>14192</v>
      </c>
      <c r="E3623" s="1" t="s">
        <v>14193</v>
      </c>
      <c r="F3623" s="1" t="s">
        <v>14194</v>
      </c>
      <c r="G3623" s="1" t="s">
        <v>14107</v>
      </c>
      <c r="H3623" s="1" t="s">
        <v>13</v>
      </c>
      <c r="I3623" s="1" t="s">
        <v>14108</v>
      </c>
      <c r="J3623" s="1" t="s">
        <v>14195</v>
      </c>
    </row>
    <row r="3624" spans="1:10" x14ac:dyDescent="0.35">
      <c r="A3624" s="1" t="s">
        <v>14103</v>
      </c>
      <c r="B3624" s="1" t="s">
        <v>14104</v>
      </c>
      <c r="C3624" s="1" t="s">
        <v>135</v>
      </c>
      <c r="D3624" s="1" t="s">
        <v>14196</v>
      </c>
      <c r="E3624" s="1" t="s">
        <v>14197</v>
      </c>
      <c r="F3624" s="1" t="s">
        <v>14198</v>
      </c>
      <c r="G3624" s="1" t="s">
        <v>14107</v>
      </c>
      <c r="H3624" s="1" t="s">
        <v>13</v>
      </c>
      <c r="I3624" s="1" t="s">
        <v>14108</v>
      </c>
      <c r="J3624" s="1" t="s">
        <v>14199</v>
      </c>
    </row>
    <row r="3625" spans="1:10" x14ac:dyDescent="0.35">
      <c r="A3625" s="1" t="s">
        <v>14103</v>
      </c>
      <c r="B3625" s="1" t="s">
        <v>14104</v>
      </c>
      <c r="C3625" s="1" t="s">
        <v>140</v>
      </c>
      <c r="D3625" s="1" t="s">
        <v>2133</v>
      </c>
      <c r="E3625" s="1" t="s">
        <v>14200</v>
      </c>
      <c r="F3625" s="1" t="s">
        <v>14201</v>
      </c>
      <c r="G3625" s="1" t="s">
        <v>14107</v>
      </c>
      <c r="H3625" s="1" t="s">
        <v>13</v>
      </c>
      <c r="I3625" s="1" t="s">
        <v>14108</v>
      </c>
      <c r="J3625" s="1" t="s">
        <v>14202</v>
      </c>
    </row>
    <row r="3626" spans="1:10" x14ac:dyDescent="0.35">
      <c r="A3626" s="1" t="s">
        <v>14103</v>
      </c>
      <c r="B3626" s="1" t="s">
        <v>14104</v>
      </c>
      <c r="C3626" s="1" t="s">
        <v>145</v>
      </c>
      <c r="D3626" s="1" t="s">
        <v>14203</v>
      </c>
      <c r="E3626" s="1" t="s">
        <v>14204</v>
      </c>
      <c r="F3626" s="1" t="s">
        <v>14205</v>
      </c>
      <c r="G3626" s="1" t="s">
        <v>14107</v>
      </c>
      <c r="H3626" s="1" t="s">
        <v>13</v>
      </c>
      <c r="I3626" s="1" t="s">
        <v>14108</v>
      </c>
      <c r="J3626" s="1" t="s">
        <v>14206</v>
      </c>
    </row>
    <row r="3627" spans="1:10" x14ac:dyDescent="0.35">
      <c r="A3627" s="1" t="s">
        <v>14103</v>
      </c>
      <c r="B3627" s="1" t="s">
        <v>14104</v>
      </c>
      <c r="C3627" s="1" t="s">
        <v>150</v>
      </c>
      <c r="D3627" s="1" t="s">
        <v>4074</v>
      </c>
      <c r="E3627" s="1" t="s">
        <v>14207</v>
      </c>
      <c r="F3627" s="1" t="s">
        <v>14208</v>
      </c>
      <c r="G3627" s="1" t="s">
        <v>14107</v>
      </c>
      <c r="H3627" s="1" t="s">
        <v>13</v>
      </c>
      <c r="I3627" s="1" t="s">
        <v>14108</v>
      </c>
      <c r="J3627" s="1" t="s">
        <v>14209</v>
      </c>
    </row>
    <row r="3628" spans="1:10" x14ac:dyDescent="0.35">
      <c r="A3628" s="1" t="s">
        <v>14103</v>
      </c>
      <c r="B3628" s="1" t="s">
        <v>14104</v>
      </c>
      <c r="C3628" s="1" t="s">
        <v>155</v>
      </c>
      <c r="D3628" s="1" t="s">
        <v>14210</v>
      </c>
      <c r="E3628" s="1" t="s">
        <v>14211</v>
      </c>
      <c r="F3628" s="1" t="s">
        <v>14212</v>
      </c>
      <c r="G3628" s="1" t="s">
        <v>14107</v>
      </c>
      <c r="H3628" s="1" t="s">
        <v>13</v>
      </c>
      <c r="I3628" s="1" t="s">
        <v>14108</v>
      </c>
      <c r="J3628" s="1" t="s">
        <v>14213</v>
      </c>
    </row>
    <row r="3629" spans="1:10" x14ac:dyDescent="0.35">
      <c r="A3629" s="1" t="s">
        <v>14103</v>
      </c>
      <c r="B3629" s="1" t="s">
        <v>14104</v>
      </c>
      <c r="C3629" s="1" t="s">
        <v>160</v>
      </c>
      <c r="D3629" s="1" t="s">
        <v>14214</v>
      </c>
      <c r="E3629" s="1" t="s">
        <v>14215</v>
      </c>
      <c r="F3629" s="1" t="s">
        <v>14216</v>
      </c>
      <c r="G3629" s="1" t="s">
        <v>14107</v>
      </c>
      <c r="H3629" s="1" t="s">
        <v>13</v>
      </c>
      <c r="I3629" s="1" t="s">
        <v>14108</v>
      </c>
      <c r="J3629" s="1" t="s">
        <v>12930</v>
      </c>
    </row>
    <row r="3630" spans="1:10" x14ac:dyDescent="0.35">
      <c r="A3630" s="1" t="s">
        <v>14103</v>
      </c>
      <c r="B3630" s="1" t="s">
        <v>14104</v>
      </c>
      <c r="C3630" s="1" t="s">
        <v>165</v>
      </c>
      <c r="D3630" s="1" t="s">
        <v>14217</v>
      </c>
      <c r="E3630" s="1" t="s">
        <v>14218</v>
      </c>
      <c r="F3630" s="1" t="s">
        <v>14219</v>
      </c>
      <c r="G3630" s="1" t="s">
        <v>14107</v>
      </c>
      <c r="H3630" s="1" t="s">
        <v>13</v>
      </c>
      <c r="I3630" s="1" t="s">
        <v>14108</v>
      </c>
      <c r="J3630" s="1" t="s">
        <v>14220</v>
      </c>
    </row>
    <row r="3631" spans="1:10" x14ac:dyDescent="0.35">
      <c r="A3631" s="1" t="s">
        <v>14103</v>
      </c>
      <c r="B3631" s="1" t="s">
        <v>14104</v>
      </c>
      <c r="C3631" s="1" t="s">
        <v>170</v>
      </c>
      <c r="D3631" s="1" t="s">
        <v>14221</v>
      </c>
      <c r="E3631" s="1" t="s">
        <v>14222</v>
      </c>
      <c r="F3631" s="1" t="s">
        <v>14223</v>
      </c>
      <c r="G3631" s="1" t="s">
        <v>14107</v>
      </c>
      <c r="H3631" s="1" t="s">
        <v>13</v>
      </c>
      <c r="I3631" s="1" t="s">
        <v>14108</v>
      </c>
      <c r="J3631" s="1" t="s">
        <v>14224</v>
      </c>
    </row>
    <row r="3632" spans="1:10" x14ac:dyDescent="0.35">
      <c r="A3632" s="1" t="s">
        <v>14225</v>
      </c>
      <c r="B3632" s="1" t="s">
        <v>14226</v>
      </c>
      <c r="C3632" s="1" t="s">
        <v>8</v>
      </c>
      <c r="D3632" s="1" t="s">
        <v>14227</v>
      </c>
      <c r="E3632" s="1" t="s">
        <v>14228</v>
      </c>
      <c r="F3632" s="1" t="s">
        <v>14229</v>
      </c>
      <c r="G3632" s="1" t="s">
        <v>14230</v>
      </c>
      <c r="H3632" s="1" t="s">
        <v>13</v>
      </c>
      <c r="I3632" s="1" t="s">
        <v>14231</v>
      </c>
      <c r="J3632" s="1" t="s">
        <v>13</v>
      </c>
    </row>
    <row r="3633" spans="1:10" x14ac:dyDescent="0.35">
      <c r="A3633" s="1" t="s">
        <v>14225</v>
      </c>
      <c r="B3633" s="1" t="s">
        <v>14226</v>
      </c>
      <c r="C3633" s="1" t="s">
        <v>15</v>
      </c>
      <c r="D3633" s="1" t="s">
        <v>14232</v>
      </c>
      <c r="E3633" s="1" t="s">
        <v>14233</v>
      </c>
      <c r="F3633" s="1" t="s">
        <v>14234</v>
      </c>
      <c r="G3633" s="1" t="s">
        <v>14230</v>
      </c>
      <c r="H3633" s="1" t="s">
        <v>13</v>
      </c>
      <c r="I3633" s="1" t="s">
        <v>14231</v>
      </c>
      <c r="J3633" s="1" t="s">
        <v>14235</v>
      </c>
    </row>
    <row r="3634" spans="1:10" x14ac:dyDescent="0.35">
      <c r="A3634" s="1" t="s">
        <v>14225</v>
      </c>
      <c r="B3634" s="1" t="s">
        <v>14226</v>
      </c>
      <c r="C3634" s="1" t="s">
        <v>20</v>
      </c>
      <c r="D3634" s="1" t="s">
        <v>14236</v>
      </c>
      <c r="E3634" s="1" t="s">
        <v>14237</v>
      </c>
      <c r="F3634" s="1" t="s">
        <v>14238</v>
      </c>
      <c r="G3634" s="1" t="s">
        <v>14230</v>
      </c>
      <c r="H3634" s="1" t="s">
        <v>13</v>
      </c>
      <c r="I3634" s="1" t="s">
        <v>14231</v>
      </c>
      <c r="J3634" s="1" t="s">
        <v>14239</v>
      </c>
    </row>
    <row r="3635" spans="1:10" x14ac:dyDescent="0.35">
      <c r="A3635" s="1" t="s">
        <v>14225</v>
      </c>
      <c r="B3635" s="1" t="s">
        <v>14226</v>
      </c>
      <c r="C3635" s="1" t="s">
        <v>25</v>
      </c>
      <c r="D3635" s="1" t="s">
        <v>14240</v>
      </c>
      <c r="E3635" s="1" t="s">
        <v>14241</v>
      </c>
      <c r="F3635" s="1" t="s">
        <v>14242</v>
      </c>
      <c r="G3635" s="1" t="s">
        <v>14230</v>
      </c>
      <c r="H3635" s="1" t="s">
        <v>13</v>
      </c>
      <c r="I3635" s="1" t="s">
        <v>14231</v>
      </c>
      <c r="J3635" s="1" t="s">
        <v>14243</v>
      </c>
    </row>
    <row r="3636" spans="1:10" x14ac:dyDescent="0.35">
      <c r="A3636" s="1" t="s">
        <v>14225</v>
      </c>
      <c r="B3636" s="1" t="s">
        <v>14226</v>
      </c>
      <c r="C3636" s="1" t="s">
        <v>30</v>
      </c>
      <c r="D3636" s="1" t="s">
        <v>14244</v>
      </c>
      <c r="E3636" s="1" t="s">
        <v>14245</v>
      </c>
      <c r="F3636" s="1" t="s">
        <v>14246</v>
      </c>
      <c r="G3636" s="1" t="s">
        <v>14230</v>
      </c>
      <c r="H3636" s="1" t="s">
        <v>13</v>
      </c>
      <c r="I3636" s="1" t="s">
        <v>14231</v>
      </c>
      <c r="J3636" s="1" t="s">
        <v>14247</v>
      </c>
    </row>
    <row r="3637" spans="1:10" x14ac:dyDescent="0.35">
      <c r="A3637" s="1" t="s">
        <v>14225</v>
      </c>
      <c r="B3637" s="1" t="s">
        <v>14226</v>
      </c>
      <c r="C3637" s="1" t="s">
        <v>35</v>
      </c>
      <c r="D3637" s="1" t="s">
        <v>8409</v>
      </c>
      <c r="E3637" s="1" t="s">
        <v>14248</v>
      </c>
      <c r="F3637" s="1" t="s">
        <v>14249</v>
      </c>
      <c r="G3637" s="1" t="s">
        <v>14230</v>
      </c>
      <c r="H3637" s="1" t="s">
        <v>13</v>
      </c>
      <c r="I3637" s="1" t="s">
        <v>14231</v>
      </c>
      <c r="J3637" s="1" t="s">
        <v>14250</v>
      </c>
    </row>
    <row r="3638" spans="1:10" x14ac:dyDescent="0.35">
      <c r="A3638" s="1" t="s">
        <v>14225</v>
      </c>
      <c r="B3638" s="1" t="s">
        <v>14226</v>
      </c>
      <c r="C3638" s="1" t="s">
        <v>40</v>
      </c>
      <c r="D3638" s="1" t="s">
        <v>14251</v>
      </c>
      <c r="E3638" s="1" t="s">
        <v>14252</v>
      </c>
      <c r="F3638" s="1" t="s">
        <v>14253</v>
      </c>
      <c r="G3638" s="1" t="s">
        <v>14230</v>
      </c>
      <c r="H3638" s="1" t="s">
        <v>13</v>
      </c>
      <c r="I3638" s="1" t="s">
        <v>14231</v>
      </c>
      <c r="J3638" s="1" t="s">
        <v>14254</v>
      </c>
    </row>
    <row r="3639" spans="1:10" x14ac:dyDescent="0.35">
      <c r="A3639" s="1" t="s">
        <v>14225</v>
      </c>
      <c r="B3639" s="1" t="s">
        <v>14226</v>
      </c>
      <c r="C3639" s="1" t="s">
        <v>45</v>
      </c>
      <c r="D3639" s="1" t="s">
        <v>14255</v>
      </c>
      <c r="E3639" s="1" t="s">
        <v>14256</v>
      </c>
      <c r="F3639" s="1" t="s">
        <v>14257</v>
      </c>
      <c r="G3639" s="1" t="s">
        <v>14230</v>
      </c>
      <c r="H3639" s="1" t="s">
        <v>13</v>
      </c>
      <c r="I3639" s="1" t="s">
        <v>14231</v>
      </c>
      <c r="J3639" s="1" t="s">
        <v>14258</v>
      </c>
    </row>
    <row r="3640" spans="1:10" x14ac:dyDescent="0.35">
      <c r="A3640" s="1" t="s">
        <v>14225</v>
      </c>
      <c r="B3640" s="1" t="s">
        <v>14226</v>
      </c>
      <c r="C3640" s="1" t="s">
        <v>50</v>
      </c>
      <c r="D3640" s="1" t="s">
        <v>14259</v>
      </c>
      <c r="E3640" s="1" t="s">
        <v>14260</v>
      </c>
      <c r="F3640" s="1" t="s">
        <v>14261</v>
      </c>
      <c r="G3640" s="1" t="s">
        <v>14230</v>
      </c>
      <c r="H3640" s="1" t="s">
        <v>13</v>
      </c>
      <c r="I3640" s="1" t="s">
        <v>14231</v>
      </c>
      <c r="J3640" s="1" t="s">
        <v>14262</v>
      </c>
    </row>
    <row r="3641" spans="1:10" x14ac:dyDescent="0.35">
      <c r="A3641" s="1" t="s">
        <v>14225</v>
      </c>
      <c r="B3641" s="1" t="s">
        <v>14226</v>
      </c>
      <c r="C3641" s="1" t="s">
        <v>55</v>
      </c>
      <c r="D3641" s="1" t="s">
        <v>14263</v>
      </c>
      <c r="E3641" s="1" t="s">
        <v>14264</v>
      </c>
      <c r="F3641" s="1" t="s">
        <v>14265</v>
      </c>
      <c r="G3641" s="1" t="s">
        <v>14230</v>
      </c>
      <c r="H3641" s="1" t="s">
        <v>13</v>
      </c>
      <c r="I3641" s="1" t="s">
        <v>14231</v>
      </c>
      <c r="J3641" s="1" t="s">
        <v>14266</v>
      </c>
    </row>
    <row r="3642" spans="1:10" x14ac:dyDescent="0.35">
      <c r="A3642" s="1" t="s">
        <v>14225</v>
      </c>
      <c r="B3642" s="1" t="s">
        <v>14226</v>
      </c>
      <c r="C3642" s="1" t="s">
        <v>60</v>
      </c>
      <c r="D3642" s="1" t="s">
        <v>14267</v>
      </c>
      <c r="E3642" s="1" t="s">
        <v>14268</v>
      </c>
      <c r="F3642" s="1" t="s">
        <v>14269</v>
      </c>
      <c r="G3642" s="1" t="s">
        <v>14230</v>
      </c>
      <c r="H3642" s="1" t="s">
        <v>13</v>
      </c>
      <c r="I3642" s="1" t="s">
        <v>14231</v>
      </c>
      <c r="J3642" s="1" t="s">
        <v>14270</v>
      </c>
    </row>
    <row r="3643" spans="1:10" x14ac:dyDescent="0.35">
      <c r="A3643" s="1" t="s">
        <v>14225</v>
      </c>
      <c r="B3643" s="1" t="s">
        <v>14226</v>
      </c>
      <c r="C3643" s="1" t="s">
        <v>65</v>
      </c>
      <c r="D3643" s="1" t="s">
        <v>14271</v>
      </c>
      <c r="E3643" s="1" t="s">
        <v>14272</v>
      </c>
      <c r="F3643" s="1" t="s">
        <v>14273</v>
      </c>
      <c r="G3643" s="1" t="s">
        <v>14230</v>
      </c>
      <c r="H3643" s="1" t="s">
        <v>13</v>
      </c>
      <c r="I3643" s="1" t="s">
        <v>14231</v>
      </c>
      <c r="J3643" s="1" t="s">
        <v>14274</v>
      </c>
    </row>
    <row r="3644" spans="1:10" x14ac:dyDescent="0.35">
      <c r="A3644" s="1" t="s">
        <v>14225</v>
      </c>
      <c r="B3644" s="1" t="s">
        <v>14226</v>
      </c>
      <c r="C3644" s="1" t="s">
        <v>70</v>
      </c>
      <c r="D3644" s="1" t="s">
        <v>14275</v>
      </c>
      <c r="E3644" s="1" t="s">
        <v>14276</v>
      </c>
      <c r="F3644" s="1" t="s">
        <v>14277</v>
      </c>
      <c r="G3644" s="1" t="s">
        <v>14230</v>
      </c>
      <c r="H3644" s="1" t="s">
        <v>13</v>
      </c>
      <c r="I3644" s="1" t="s">
        <v>14231</v>
      </c>
      <c r="J3644" s="1" t="s">
        <v>14278</v>
      </c>
    </row>
    <row r="3645" spans="1:10" x14ac:dyDescent="0.35">
      <c r="A3645" s="1" t="s">
        <v>14225</v>
      </c>
      <c r="B3645" s="1" t="s">
        <v>14226</v>
      </c>
      <c r="C3645" s="1" t="s">
        <v>75</v>
      </c>
      <c r="D3645" s="1" t="s">
        <v>14279</v>
      </c>
      <c r="E3645" s="1" t="s">
        <v>14280</v>
      </c>
      <c r="F3645" s="1" t="s">
        <v>14281</v>
      </c>
      <c r="G3645" s="1" t="s">
        <v>14230</v>
      </c>
      <c r="H3645" s="1" t="s">
        <v>13</v>
      </c>
      <c r="I3645" s="1" t="s">
        <v>14231</v>
      </c>
      <c r="J3645" s="1" t="s">
        <v>14282</v>
      </c>
    </row>
    <row r="3646" spans="1:10" x14ac:dyDescent="0.35">
      <c r="A3646" s="1" t="s">
        <v>14225</v>
      </c>
      <c r="B3646" s="1" t="s">
        <v>14226</v>
      </c>
      <c r="C3646" s="1" t="s">
        <v>80</v>
      </c>
      <c r="D3646" s="1" t="s">
        <v>14283</v>
      </c>
      <c r="E3646" s="1" t="s">
        <v>14284</v>
      </c>
      <c r="F3646" s="1" t="s">
        <v>14285</v>
      </c>
      <c r="G3646" s="1" t="s">
        <v>14230</v>
      </c>
      <c r="H3646" s="1" t="s">
        <v>13</v>
      </c>
      <c r="I3646" s="1" t="s">
        <v>14231</v>
      </c>
      <c r="J3646" s="1" t="s">
        <v>14286</v>
      </c>
    </row>
    <row r="3647" spans="1:10" x14ac:dyDescent="0.35">
      <c r="A3647" s="1" t="s">
        <v>14225</v>
      </c>
      <c r="B3647" s="1" t="s">
        <v>14226</v>
      </c>
      <c r="C3647" s="1" t="s">
        <v>85</v>
      </c>
      <c r="D3647" s="1" t="s">
        <v>14287</v>
      </c>
      <c r="E3647" s="1" t="s">
        <v>14288</v>
      </c>
      <c r="F3647" s="1" t="s">
        <v>14289</v>
      </c>
      <c r="G3647" s="1" t="s">
        <v>14230</v>
      </c>
      <c r="H3647" s="1" t="s">
        <v>13</v>
      </c>
      <c r="I3647" s="1" t="s">
        <v>14231</v>
      </c>
      <c r="J3647" s="1" t="s">
        <v>14290</v>
      </c>
    </row>
    <row r="3648" spans="1:10" x14ac:dyDescent="0.35">
      <c r="A3648" s="1" t="s">
        <v>14225</v>
      </c>
      <c r="B3648" s="1" t="s">
        <v>14226</v>
      </c>
      <c r="C3648" s="1" t="s">
        <v>90</v>
      </c>
      <c r="D3648" s="1" t="s">
        <v>14291</v>
      </c>
      <c r="E3648" s="1" t="s">
        <v>14292</v>
      </c>
      <c r="F3648" s="1" t="s">
        <v>14293</v>
      </c>
      <c r="G3648" s="1" t="s">
        <v>14230</v>
      </c>
      <c r="H3648" s="1" t="s">
        <v>13</v>
      </c>
      <c r="I3648" s="1" t="s">
        <v>14231</v>
      </c>
      <c r="J3648" s="1" t="s">
        <v>14294</v>
      </c>
    </row>
    <row r="3649" spans="1:10" x14ac:dyDescent="0.35">
      <c r="A3649" s="1" t="s">
        <v>14225</v>
      </c>
      <c r="B3649" s="1" t="s">
        <v>14226</v>
      </c>
      <c r="C3649" s="1" t="s">
        <v>95</v>
      </c>
      <c r="D3649" s="1" t="s">
        <v>14295</v>
      </c>
      <c r="E3649" s="1" t="s">
        <v>14296</v>
      </c>
      <c r="F3649" s="1" t="s">
        <v>14297</v>
      </c>
      <c r="G3649" s="1" t="s">
        <v>14230</v>
      </c>
      <c r="H3649" s="1" t="s">
        <v>13</v>
      </c>
      <c r="I3649" s="1" t="s">
        <v>14231</v>
      </c>
      <c r="J3649" s="1" t="s">
        <v>14298</v>
      </c>
    </row>
    <row r="3650" spans="1:10" x14ac:dyDescent="0.35">
      <c r="A3650" s="1" t="s">
        <v>14225</v>
      </c>
      <c r="B3650" s="1" t="s">
        <v>14226</v>
      </c>
      <c r="C3650" s="1" t="s">
        <v>100</v>
      </c>
      <c r="D3650" s="1" t="s">
        <v>14299</v>
      </c>
      <c r="E3650" s="1" t="s">
        <v>14300</v>
      </c>
      <c r="F3650" s="1" t="s">
        <v>14301</v>
      </c>
      <c r="G3650" s="1" t="s">
        <v>14230</v>
      </c>
      <c r="H3650" s="1" t="s">
        <v>13</v>
      </c>
      <c r="I3650" s="1" t="s">
        <v>14231</v>
      </c>
      <c r="J3650" s="1" t="s">
        <v>14302</v>
      </c>
    </row>
    <row r="3651" spans="1:10" x14ac:dyDescent="0.35">
      <c r="A3651" s="1" t="s">
        <v>14225</v>
      </c>
      <c r="B3651" s="1" t="s">
        <v>14226</v>
      </c>
      <c r="C3651" s="1" t="s">
        <v>105</v>
      </c>
      <c r="D3651" s="1" t="s">
        <v>14303</v>
      </c>
      <c r="E3651" s="1" t="s">
        <v>14304</v>
      </c>
      <c r="F3651" s="1" t="s">
        <v>14305</v>
      </c>
      <c r="G3651" s="1" t="s">
        <v>14230</v>
      </c>
      <c r="H3651" s="1" t="s">
        <v>13</v>
      </c>
      <c r="I3651" s="1" t="s">
        <v>14231</v>
      </c>
      <c r="J3651" s="1" t="s">
        <v>14306</v>
      </c>
    </row>
    <row r="3652" spans="1:10" x14ac:dyDescent="0.35">
      <c r="A3652" s="1" t="s">
        <v>14225</v>
      </c>
      <c r="B3652" s="1" t="s">
        <v>14226</v>
      </c>
      <c r="C3652" s="1" t="s">
        <v>110</v>
      </c>
      <c r="D3652" s="1" t="s">
        <v>14307</v>
      </c>
      <c r="E3652" s="1" t="s">
        <v>14308</v>
      </c>
      <c r="F3652" s="1" t="s">
        <v>14309</v>
      </c>
      <c r="G3652" s="1" t="s">
        <v>14230</v>
      </c>
      <c r="H3652" s="1" t="s">
        <v>13</v>
      </c>
      <c r="I3652" s="1" t="s">
        <v>14231</v>
      </c>
      <c r="J3652" s="1" t="s">
        <v>14310</v>
      </c>
    </row>
    <row r="3653" spans="1:10" x14ac:dyDescent="0.35">
      <c r="A3653" s="1" t="s">
        <v>14225</v>
      </c>
      <c r="B3653" s="1" t="s">
        <v>14226</v>
      </c>
      <c r="C3653" s="1" t="s">
        <v>115</v>
      </c>
      <c r="D3653" s="1" t="s">
        <v>14311</v>
      </c>
      <c r="E3653" s="1" t="s">
        <v>14312</v>
      </c>
      <c r="F3653" s="1" t="s">
        <v>14313</v>
      </c>
      <c r="G3653" s="1" t="s">
        <v>14230</v>
      </c>
      <c r="H3653" s="1" t="s">
        <v>13</v>
      </c>
      <c r="I3653" s="1" t="s">
        <v>14231</v>
      </c>
      <c r="J3653" s="1" t="s">
        <v>14314</v>
      </c>
    </row>
    <row r="3654" spans="1:10" x14ac:dyDescent="0.35">
      <c r="A3654" s="1" t="s">
        <v>14225</v>
      </c>
      <c r="B3654" s="1" t="s">
        <v>14226</v>
      </c>
      <c r="C3654" s="1" t="s">
        <v>120</v>
      </c>
      <c r="D3654" s="1" t="s">
        <v>14315</v>
      </c>
      <c r="E3654" s="1" t="s">
        <v>14316</v>
      </c>
      <c r="F3654" s="1" t="s">
        <v>14317</v>
      </c>
      <c r="G3654" s="1" t="s">
        <v>14230</v>
      </c>
      <c r="H3654" s="1" t="s">
        <v>13</v>
      </c>
      <c r="I3654" s="1" t="s">
        <v>14231</v>
      </c>
      <c r="J3654" s="1" t="s">
        <v>14318</v>
      </c>
    </row>
    <row r="3655" spans="1:10" x14ac:dyDescent="0.35">
      <c r="A3655" s="1" t="s">
        <v>14225</v>
      </c>
      <c r="B3655" s="1" t="s">
        <v>14226</v>
      </c>
      <c r="C3655" s="1" t="s">
        <v>125</v>
      </c>
      <c r="D3655" s="1" t="s">
        <v>14319</v>
      </c>
      <c r="E3655" s="1" t="s">
        <v>14320</v>
      </c>
      <c r="F3655" s="1" t="s">
        <v>14321</v>
      </c>
      <c r="G3655" s="1" t="s">
        <v>14230</v>
      </c>
      <c r="H3655" s="1" t="s">
        <v>13</v>
      </c>
      <c r="I3655" s="1" t="s">
        <v>14231</v>
      </c>
      <c r="J3655" s="1" t="s">
        <v>14322</v>
      </c>
    </row>
    <row r="3656" spans="1:10" x14ac:dyDescent="0.35">
      <c r="A3656" s="1" t="s">
        <v>14225</v>
      </c>
      <c r="B3656" s="1" t="s">
        <v>14226</v>
      </c>
      <c r="C3656" s="1" t="s">
        <v>130</v>
      </c>
      <c r="D3656" s="1" t="s">
        <v>14323</v>
      </c>
      <c r="E3656" s="1" t="s">
        <v>14324</v>
      </c>
      <c r="F3656" s="1" t="s">
        <v>14325</v>
      </c>
      <c r="G3656" s="1" t="s">
        <v>14230</v>
      </c>
      <c r="H3656" s="1" t="s">
        <v>13</v>
      </c>
      <c r="I3656" s="1" t="s">
        <v>14231</v>
      </c>
      <c r="J3656" s="1" t="s">
        <v>14326</v>
      </c>
    </row>
    <row r="3657" spans="1:10" x14ac:dyDescent="0.35">
      <c r="A3657" s="1" t="s">
        <v>14225</v>
      </c>
      <c r="B3657" s="1" t="s">
        <v>14226</v>
      </c>
      <c r="C3657" s="1" t="s">
        <v>135</v>
      </c>
      <c r="D3657" s="1" t="s">
        <v>14327</v>
      </c>
      <c r="E3657" s="1" t="s">
        <v>14328</v>
      </c>
      <c r="F3657" s="1" t="s">
        <v>14329</v>
      </c>
      <c r="G3657" s="1" t="s">
        <v>14230</v>
      </c>
      <c r="H3657" s="1" t="s">
        <v>13</v>
      </c>
      <c r="I3657" s="1" t="s">
        <v>14231</v>
      </c>
      <c r="J3657" s="1" t="s">
        <v>14330</v>
      </c>
    </row>
    <row r="3658" spans="1:10" x14ac:dyDescent="0.35">
      <c r="A3658" s="1" t="s">
        <v>14225</v>
      </c>
      <c r="B3658" s="1" t="s">
        <v>14226</v>
      </c>
      <c r="C3658" s="1" t="s">
        <v>140</v>
      </c>
      <c r="D3658" s="1" t="s">
        <v>14331</v>
      </c>
      <c r="E3658" s="1" t="s">
        <v>14332</v>
      </c>
      <c r="F3658" s="1" t="s">
        <v>14333</v>
      </c>
      <c r="G3658" s="1" t="s">
        <v>14230</v>
      </c>
      <c r="H3658" s="1" t="s">
        <v>13</v>
      </c>
      <c r="I3658" s="1" t="s">
        <v>14231</v>
      </c>
      <c r="J3658" s="1" t="s">
        <v>14334</v>
      </c>
    </row>
    <row r="3659" spans="1:10" x14ac:dyDescent="0.35">
      <c r="A3659" s="1" t="s">
        <v>14225</v>
      </c>
      <c r="B3659" s="1" t="s">
        <v>14226</v>
      </c>
      <c r="C3659" s="1" t="s">
        <v>145</v>
      </c>
      <c r="D3659" s="1" t="s">
        <v>14335</v>
      </c>
      <c r="E3659" s="1" t="s">
        <v>14336</v>
      </c>
      <c r="F3659" s="1" t="s">
        <v>14337</v>
      </c>
      <c r="G3659" s="1" t="s">
        <v>14230</v>
      </c>
      <c r="H3659" s="1" t="s">
        <v>13</v>
      </c>
      <c r="I3659" s="1" t="s">
        <v>14231</v>
      </c>
      <c r="J3659" s="1" t="s">
        <v>14338</v>
      </c>
    </row>
    <row r="3660" spans="1:10" x14ac:dyDescent="0.35">
      <c r="A3660" s="1" t="s">
        <v>14225</v>
      </c>
      <c r="B3660" s="1" t="s">
        <v>14226</v>
      </c>
      <c r="C3660" s="1" t="s">
        <v>150</v>
      </c>
      <c r="D3660" s="1" t="s">
        <v>14339</v>
      </c>
      <c r="E3660" s="1" t="s">
        <v>14340</v>
      </c>
      <c r="F3660" s="1" t="s">
        <v>14341</v>
      </c>
      <c r="G3660" s="1" t="s">
        <v>14230</v>
      </c>
      <c r="H3660" s="1" t="s">
        <v>13</v>
      </c>
      <c r="I3660" s="1" t="s">
        <v>14231</v>
      </c>
      <c r="J3660" s="1" t="s">
        <v>14342</v>
      </c>
    </row>
    <row r="3661" spans="1:10" x14ac:dyDescent="0.35">
      <c r="A3661" s="1" t="s">
        <v>14225</v>
      </c>
      <c r="B3661" s="1" t="s">
        <v>14226</v>
      </c>
      <c r="C3661" s="1" t="s">
        <v>155</v>
      </c>
      <c r="D3661" s="1" t="s">
        <v>14343</v>
      </c>
      <c r="E3661" s="1" t="s">
        <v>14344</v>
      </c>
      <c r="F3661" s="1" t="s">
        <v>14345</v>
      </c>
      <c r="G3661" s="1" t="s">
        <v>14230</v>
      </c>
      <c r="H3661" s="1" t="s">
        <v>13</v>
      </c>
      <c r="I3661" s="1" t="s">
        <v>14231</v>
      </c>
      <c r="J3661" s="1" t="s">
        <v>14346</v>
      </c>
    </row>
    <row r="3662" spans="1:10" x14ac:dyDescent="0.35">
      <c r="A3662" s="1" t="s">
        <v>14225</v>
      </c>
      <c r="B3662" s="1" t="s">
        <v>14226</v>
      </c>
      <c r="C3662" s="1" t="s">
        <v>160</v>
      </c>
      <c r="D3662" s="1" t="s">
        <v>14347</v>
      </c>
      <c r="E3662" s="1" t="s">
        <v>14348</v>
      </c>
      <c r="F3662" s="1" t="s">
        <v>14349</v>
      </c>
      <c r="G3662" s="1" t="s">
        <v>14230</v>
      </c>
      <c r="H3662" s="1" t="s">
        <v>13</v>
      </c>
      <c r="I3662" s="1" t="s">
        <v>14231</v>
      </c>
      <c r="J3662" s="1" t="s">
        <v>14350</v>
      </c>
    </row>
    <row r="3663" spans="1:10" x14ac:dyDescent="0.35">
      <c r="A3663" s="1" t="s">
        <v>14225</v>
      </c>
      <c r="B3663" s="1" t="s">
        <v>14226</v>
      </c>
      <c r="C3663" s="1" t="s">
        <v>165</v>
      </c>
      <c r="D3663" s="1" t="s">
        <v>14351</v>
      </c>
      <c r="E3663" s="1" t="s">
        <v>14352</v>
      </c>
      <c r="F3663" s="1" t="s">
        <v>14353</v>
      </c>
      <c r="G3663" s="1" t="s">
        <v>14230</v>
      </c>
      <c r="H3663" s="1" t="s">
        <v>13</v>
      </c>
      <c r="I3663" s="1" t="s">
        <v>14231</v>
      </c>
      <c r="J3663" s="1" t="s">
        <v>14354</v>
      </c>
    </row>
    <row r="3664" spans="1:10" x14ac:dyDescent="0.35">
      <c r="A3664" s="1" t="s">
        <v>14225</v>
      </c>
      <c r="B3664" s="1" t="s">
        <v>14226</v>
      </c>
      <c r="C3664" s="1" t="s">
        <v>170</v>
      </c>
      <c r="D3664" s="1" t="s">
        <v>14355</v>
      </c>
      <c r="E3664" s="1" t="s">
        <v>14356</v>
      </c>
      <c r="F3664" s="1" t="s">
        <v>14357</v>
      </c>
      <c r="G3664" s="1" t="s">
        <v>14230</v>
      </c>
      <c r="H3664" s="1" t="s">
        <v>13</v>
      </c>
      <c r="I3664" s="1" t="s">
        <v>14231</v>
      </c>
      <c r="J3664" s="1" t="s">
        <v>14358</v>
      </c>
    </row>
    <row r="3665" spans="1:10" x14ac:dyDescent="0.35">
      <c r="A3665" s="1" t="s">
        <v>14359</v>
      </c>
      <c r="B3665" s="1" t="s">
        <v>14360</v>
      </c>
      <c r="C3665" s="1" t="s">
        <v>8</v>
      </c>
      <c r="D3665" s="1" t="s">
        <v>14361</v>
      </c>
      <c r="E3665" s="1" t="s">
        <v>14362</v>
      </c>
      <c r="F3665" s="1" t="s">
        <v>14363</v>
      </c>
      <c r="G3665" s="1" t="s">
        <v>14364</v>
      </c>
      <c r="H3665" s="1" t="s">
        <v>13</v>
      </c>
      <c r="I3665" s="1" t="s">
        <v>14365</v>
      </c>
      <c r="J3665" s="1" t="s">
        <v>13</v>
      </c>
    </row>
    <row r="3666" spans="1:10" x14ac:dyDescent="0.35">
      <c r="A3666" s="1" t="s">
        <v>14359</v>
      </c>
      <c r="B3666" s="1" t="s">
        <v>14360</v>
      </c>
      <c r="C3666" s="1" t="s">
        <v>15</v>
      </c>
      <c r="D3666" s="1" t="s">
        <v>14366</v>
      </c>
      <c r="E3666" s="1" t="s">
        <v>14367</v>
      </c>
      <c r="F3666" s="1" t="s">
        <v>14368</v>
      </c>
      <c r="G3666" s="1" t="s">
        <v>14364</v>
      </c>
      <c r="H3666" s="1" t="s">
        <v>13</v>
      </c>
      <c r="I3666" s="1" t="s">
        <v>14365</v>
      </c>
      <c r="J3666" s="1" t="s">
        <v>14369</v>
      </c>
    </row>
    <row r="3667" spans="1:10" x14ac:dyDescent="0.35">
      <c r="A3667" s="1" t="s">
        <v>14359</v>
      </c>
      <c r="B3667" s="1" t="s">
        <v>14360</v>
      </c>
      <c r="C3667" s="1" t="s">
        <v>20</v>
      </c>
      <c r="D3667" s="1" t="s">
        <v>14370</v>
      </c>
      <c r="E3667" s="1" t="s">
        <v>14371</v>
      </c>
      <c r="F3667" s="1" t="s">
        <v>14372</v>
      </c>
      <c r="G3667" s="1" t="s">
        <v>14364</v>
      </c>
      <c r="H3667" s="1" t="s">
        <v>13</v>
      </c>
      <c r="I3667" s="1" t="s">
        <v>14365</v>
      </c>
      <c r="J3667" s="1" t="s">
        <v>14373</v>
      </c>
    </row>
    <row r="3668" spans="1:10" x14ac:dyDescent="0.35">
      <c r="A3668" s="1" t="s">
        <v>14359</v>
      </c>
      <c r="B3668" s="1" t="s">
        <v>14360</v>
      </c>
      <c r="C3668" s="1" t="s">
        <v>25</v>
      </c>
      <c r="D3668" s="1" t="s">
        <v>14374</v>
      </c>
      <c r="E3668" s="1" t="s">
        <v>14375</v>
      </c>
      <c r="F3668" s="1" t="s">
        <v>14376</v>
      </c>
      <c r="G3668" s="1" t="s">
        <v>14364</v>
      </c>
      <c r="H3668" s="1" t="s">
        <v>13</v>
      </c>
      <c r="I3668" s="1" t="s">
        <v>14365</v>
      </c>
      <c r="J3668" s="1" t="s">
        <v>14377</v>
      </c>
    </row>
    <row r="3669" spans="1:10" x14ac:dyDescent="0.35">
      <c r="A3669" s="1" t="s">
        <v>14359</v>
      </c>
      <c r="B3669" s="1" t="s">
        <v>14360</v>
      </c>
      <c r="C3669" s="1" t="s">
        <v>30</v>
      </c>
      <c r="D3669" s="1" t="s">
        <v>14378</v>
      </c>
      <c r="E3669" s="1" t="s">
        <v>14379</v>
      </c>
      <c r="F3669" s="1" t="s">
        <v>14380</v>
      </c>
      <c r="G3669" s="1" t="s">
        <v>14364</v>
      </c>
      <c r="H3669" s="1" t="s">
        <v>13</v>
      </c>
      <c r="I3669" s="1" t="s">
        <v>14365</v>
      </c>
      <c r="J3669" s="1" t="s">
        <v>14381</v>
      </c>
    </row>
    <row r="3670" spans="1:10" x14ac:dyDescent="0.35">
      <c r="A3670" s="1" t="s">
        <v>14359</v>
      </c>
      <c r="B3670" s="1" t="s">
        <v>14360</v>
      </c>
      <c r="C3670" s="1" t="s">
        <v>35</v>
      </c>
      <c r="D3670" s="1" t="s">
        <v>14382</v>
      </c>
      <c r="E3670" s="1" t="s">
        <v>14383</v>
      </c>
      <c r="F3670" s="1" t="s">
        <v>14384</v>
      </c>
      <c r="G3670" s="1" t="s">
        <v>14364</v>
      </c>
      <c r="H3670" s="1" t="s">
        <v>13</v>
      </c>
      <c r="I3670" s="1" t="s">
        <v>14365</v>
      </c>
      <c r="J3670" s="1" t="s">
        <v>14385</v>
      </c>
    </row>
    <row r="3671" spans="1:10" x14ac:dyDescent="0.35">
      <c r="A3671" s="1" t="s">
        <v>14359</v>
      </c>
      <c r="B3671" s="1" t="s">
        <v>14360</v>
      </c>
      <c r="C3671" s="1" t="s">
        <v>40</v>
      </c>
      <c r="D3671" s="1" t="s">
        <v>14386</v>
      </c>
      <c r="E3671" s="1" t="s">
        <v>14387</v>
      </c>
      <c r="F3671" s="1" t="s">
        <v>14388</v>
      </c>
      <c r="G3671" s="1" t="s">
        <v>14364</v>
      </c>
      <c r="H3671" s="1" t="s">
        <v>13</v>
      </c>
      <c r="I3671" s="1" t="s">
        <v>14365</v>
      </c>
      <c r="J3671" s="1" t="s">
        <v>14389</v>
      </c>
    </row>
    <row r="3672" spans="1:10" x14ac:dyDescent="0.35">
      <c r="A3672" s="1" t="s">
        <v>14359</v>
      </c>
      <c r="B3672" s="1" t="s">
        <v>14360</v>
      </c>
      <c r="C3672" s="1" t="s">
        <v>45</v>
      </c>
      <c r="D3672" s="1" t="s">
        <v>14390</v>
      </c>
      <c r="E3672" s="1" t="s">
        <v>14391</v>
      </c>
      <c r="F3672" s="1" t="s">
        <v>14392</v>
      </c>
      <c r="G3672" s="1" t="s">
        <v>14364</v>
      </c>
      <c r="H3672" s="1" t="s">
        <v>13</v>
      </c>
      <c r="I3672" s="1" t="s">
        <v>14365</v>
      </c>
      <c r="J3672" s="1" t="s">
        <v>14393</v>
      </c>
    </row>
    <row r="3673" spans="1:10" x14ac:dyDescent="0.35">
      <c r="A3673" s="1" t="s">
        <v>14359</v>
      </c>
      <c r="B3673" s="1" t="s">
        <v>14360</v>
      </c>
      <c r="C3673" s="1" t="s">
        <v>50</v>
      </c>
      <c r="D3673" s="1" t="s">
        <v>14394</v>
      </c>
      <c r="E3673" s="1" t="s">
        <v>14395</v>
      </c>
      <c r="F3673" s="1" t="s">
        <v>14396</v>
      </c>
      <c r="G3673" s="1" t="s">
        <v>14364</v>
      </c>
      <c r="H3673" s="1" t="s">
        <v>13</v>
      </c>
      <c r="I3673" s="1" t="s">
        <v>14365</v>
      </c>
      <c r="J3673" s="1" t="s">
        <v>14397</v>
      </c>
    </row>
    <row r="3674" spans="1:10" x14ac:dyDescent="0.35">
      <c r="A3674" s="1" t="s">
        <v>14359</v>
      </c>
      <c r="B3674" s="1" t="s">
        <v>14360</v>
      </c>
      <c r="C3674" s="1" t="s">
        <v>55</v>
      </c>
      <c r="D3674" s="1" t="s">
        <v>12687</v>
      </c>
      <c r="E3674" s="1" t="s">
        <v>14398</v>
      </c>
      <c r="F3674" s="1" t="s">
        <v>14399</v>
      </c>
      <c r="G3674" s="1" t="s">
        <v>14364</v>
      </c>
      <c r="H3674" s="1" t="s">
        <v>13</v>
      </c>
      <c r="I3674" s="1" t="s">
        <v>14365</v>
      </c>
      <c r="J3674" s="1" t="s">
        <v>14400</v>
      </c>
    </row>
    <row r="3675" spans="1:10" x14ac:dyDescent="0.35">
      <c r="A3675" s="1" t="s">
        <v>14359</v>
      </c>
      <c r="B3675" s="1" t="s">
        <v>14360</v>
      </c>
      <c r="C3675" s="1" t="s">
        <v>60</v>
      </c>
      <c r="D3675" s="1" t="s">
        <v>12687</v>
      </c>
      <c r="E3675" s="1" t="s">
        <v>14401</v>
      </c>
      <c r="F3675" s="1" t="s">
        <v>14402</v>
      </c>
      <c r="G3675" s="1" t="s">
        <v>14364</v>
      </c>
      <c r="H3675" s="1" t="s">
        <v>13</v>
      </c>
      <c r="I3675" s="1" t="s">
        <v>14365</v>
      </c>
      <c r="J3675" s="1" t="s">
        <v>1180</v>
      </c>
    </row>
    <row r="3676" spans="1:10" x14ac:dyDescent="0.35">
      <c r="A3676" s="1" t="s">
        <v>14359</v>
      </c>
      <c r="B3676" s="1" t="s">
        <v>14360</v>
      </c>
      <c r="C3676" s="1" t="s">
        <v>65</v>
      </c>
      <c r="D3676" s="1" t="s">
        <v>12283</v>
      </c>
      <c r="E3676" s="1" t="s">
        <v>14403</v>
      </c>
      <c r="F3676" s="1" t="s">
        <v>14404</v>
      </c>
      <c r="G3676" s="1" t="s">
        <v>14364</v>
      </c>
      <c r="H3676" s="1" t="s">
        <v>13</v>
      </c>
      <c r="I3676" s="1" t="s">
        <v>14365</v>
      </c>
      <c r="J3676" s="1" t="s">
        <v>14405</v>
      </c>
    </row>
    <row r="3677" spans="1:10" x14ac:dyDescent="0.35">
      <c r="A3677" s="1" t="s">
        <v>14359</v>
      </c>
      <c r="B3677" s="1" t="s">
        <v>14360</v>
      </c>
      <c r="C3677" s="1" t="s">
        <v>70</v>
      </c>
      <c r="D3677" s="1" t="s">
        <v>14406</v>
      </c>
      <c r="E3677" s="1" t="s">
        <v>14407</v>
      </c>
      <c r="F3677" s="1" t="s">
        <v>14408</v>
      </c>
      <c r="G3677" s="1" t="s">
        <v>14364</v>
      </c>
      <c r="H3677" s="1" t="s">
        <v>13</v>
      </c>
      <c r="I3677" s="1" t="s">
        <v>14365</v>
      </c>
      <c r="J3677" s="1" t="s">
        <v>14409</v>
      </c>
    </row>
    <row r="3678" spans="1:10" x14ac:dyDescent="0.35">
      <c r="A3678" s="1" t="s">
        <v>14359</v>
      </c>
      <c r="B3678" s="1" t="s">
        <v>14360</v>
      </c>
      <c r="C3678" s="1" t="s">
        <v>75</v>
      </c>
      <c r="D3678" s="1" t="s">
        <v>14410</v>
      </c>
      <c r="E3678" s="1" t="s">
        <v>14411</v>
      </c>
      <c r="F3678" s="1" t="s">
        <v>14412</v>
      </c>
      <c r="G3678" s="1" t="s">
        <v>14364</v>
      </c>
      <c r="H3678" s="1" t="s">
        <v>13</v>
      </c>
      <c r="I3678" s="1" t="s">
        <v>14365</v>
      </c>
      <c r="J3678" s="1" t="s">
        <v>14413</v>
      </c>
    </row>
    <row r="3679" spans="1:10" x14ac:dyDescent="0.35">
      <c r="A3679" s="1" t="s">
        <v>14359</v>
      </c>
      <c r="B3679" s="1" t="s">
        <v>14360</v>
      </c>
      <c r="C3679" s="1" t="s">
        <v>80</v>
      </c>
      <c r="D3679" s="1" t="s">
        <v>14414</v>
      </c>
      <c r="E3679" s="1" t="s">
        <v>14415</v>
      </c>
      <c r="F3679" s="1" t="s">
        <v>14416</v>
      </c>
      <c r="G3679" s="1" t="s">
        <v>14364</v>
      </c>
      <c r="H3679" s="1" t="s">
        <v>13</v>
      </c>
      <c r="I3679" s="1" t="s">
        <v>14365</v>
      </c>
      <c r="J3679" s="1" t="s">
        <v>14417</v>
      </c>
    </row>
    <row r="3680" spans="1:10" x14ac:dyDescent="0.35">
      <c r="A3680" s="1" t="s">
        <v>14359</v>
      </c>
      <c r="B3680" s="1" t="s">
        <v>14360</v>
      </c>
      <c r="C3680" s="1" t="s">
        <v>85</v>
      </c>
      <c r="D3680" s="1" t="s">
        <v>14418</v>
      </c>
      <c r="E3680" s="1" t="s">
        <v>14419</v>
      </c>
      <c r="F3680" s="1" t="s">
        <v>14420</v>
      </c>
      <c r="G3680" s="1" t="s">
        <v>14364</v>
      </c>
      <c r="H3680" s="1" t="s">
        <v>13</v>
      </c>
      <c r="I3680" s="1" t="s">
        <v>14365</v>
      </c>
      <c r="J3680" s="1" t="s">
        <v>14421</v>
      </c>
    </row>
    <row r="3681" spans="1:10" x14ac:dyDescent="0.35">
      <c r="A3681" s="1" t="s">
        <v>14359</v>
      </c>
      <c r="B3681" s="1" t="s">
        <v>14360</v>
      </c>
      <c r="C3681" s="1" t="s">
        <v>90</v>
      </c>
      <c r="D3681" s="1" t="s">
        <v>14422</v>
      </c>
      <c r="E3681" s="1" t="s">
        <v>14423</v>
      </c>
      <c r="F3681" s="1" t="s">
        <v>14424</v>
      </c>
      <c r="G3681" s="1" t="s">
        <v>14364</v>
      </c>
      <c r="H3681" s="1" t="s">
        <v>13</v>
      </c>
      <c r="I3681" s="1" t="s">
        <v>14365</v>
      </c>
      <c r="J3681" s="1" t="s">
        <v>14425</v>
      </c>
    </row>
    <row r="3682" spans="1:10" x14ac:dyDescent="0.35">
      <c r="A3682" s="1" t="s">
        <v>14359</v>
      </c>
      <c r="B3682" s="1" t="s">
        <v>14360</v>
      </c>
      <c r="C3682" s="1" t="s">
        <v>95</v>
      </c>
      <c r="D3682" s="1" t="s">
        <v>14426</v>
      </c>
      <c r="E3682" s="1" t="s">
        <v>14427</v>
      </c>
      <c r="F3682" s="1" t="s">
        <v>14428</v>
      </c>
      <c r="G3682" s="1" t="s">
        <v>14364</v>
      </c>
      <c r="H3682" s="1" t="s">
        <v>13</v>
      </c>
      <c r="I3682" s="1" t="s">
        <v>14365</v>
      </c>
      <c r="J3682" s="1" t="s">
        <v>14429</v>
      </c>
    </row>
    <row r="3683" spans="1:10" x14ac:dyDescent="0.35">
      <c r="A3683" s="1" t="s">
        <v>14359</v>
      </c>
      <c r="B3683" s="1" t="s">
        <v>14360</v>
      </c>
      <c r="C3683" s="1" t="s">
        <v>100</v>
      </c>
      <c r="D3683" s="1" t="s">
        <v>14430</v>
      </c>
      <c r="E3683" s="1" t="s">
        <v>14431</v>
      </c>
      <c r="F3683" s="1" t="s">
        <v>14432</v>
      </c>
      <c r="G3683" s="1" t="s">
        <v>14364</v>
      </c>
      <c r="H3683" s="1" t="s">
        <v>13</v>
      </c>
      <c r="I3683" s="1" t="s">
        <v>14365</v>
      </c>
      <c r="J3683" s="1" t="s">
        <v>14433</v>
      </c>
    </row>
    <row r="3684" spans="1:10" x14ac:dyDescent="0.35">
      <c r="A3684" s="1" t="s">
        <v>14359</v>
      </c>
      <c r="B3684" s="1" t="s">
        <v>14360</v>
      </c>
      <c r="C3684" s="1" t="s">
        <v>105</v>
      </c>
      <c r="D3684" s="1" t="s">
        <v>14434</v>
      </c>
      <c r="E3684" s="1" t="s">
        <v>14435</v>
      </c>
      <c r="F3684" s="1" t="s">
        <v>14436</v>
      </c>
      <c r="G3684" s="1" t="s">
        <v>14364</v>
      </c>
      <c r="H3684" s="1" t="s">
        <v>13</v>
      </c>
      <c r="I3684" s="1" t="s">
        <v>14365</v>
      </c>
      <c r="J3684" s="1" t="s">
        <v>14437</v>
      </c>
    </row>
    <row r="3685" spans="1:10" x14ac:dyDescent="0.35">
      <c r="A3685" s="1" t="s">
        <v>14359</v>
      </c>
      <c r="B3685" s="1" t="s">
        <v>14360</v>
      </c>
      <c r="C3685" s="1" t="s">
        <v>110</v>
      </c>
      <c r="D3685" s="1" t="s">
        <v>14438</v>
      </c>
      <c r="E3685" s="1" t="s">
        <v>14439</v>
      </c>
      <c r="F3685" s="1" t="s">
        <v>14440</v>
      </c>
      <c r="G3685" s="1" t="s">
        <v>14364</v>
      </c>
      <c r="H3685" s="1" t="s">
        <v>13</v>
      </c>
      <c r="I3685" s="1" t="s">
        <v>14365</v>
      </c>
      <c r="J3685" s="1" t="s">
        <v>14441</v>
      </c>
    </row>
    <row r="3686" spans="1:10" x14ac:dyDescent="0.35">
      <c r="A3686" s="1" t="s">
        <v>14359</v>
      </c>
      <c r="B3686" s="1" t="s">
        <v>14360</v>
      </c>
      <c r="C3686" s="1" t="s">
        <v>115</v>
      </c>
      <c r="D3686" s="1" t="s">
        <v>14442</v>
      </c>
      <c r="E3686" s="1" t="s">
        <v>14443</v>
      </c>
      <c r="F3686" s="1" t="s">
        <v>14444</v>
      </c>
      <c r="G3686" s="1" t="s">
        <v>14364</v>
      </c>
      <c r="H3686" s="1" t="s">
        <v>13</v>
      </c>
      <c r="I3686" s="1" t="s">
        <v>14365</v>
      </c>
      <c r="J3686" s="1" t="s">
        <v>14445</v>
      </c>
    </row>
    <row r="3687" spans="1:10" x14ac:dyDescent="0.35">
      <c r="A3687" s="1" t="s">
        <v>14359</v>
      </c>
      <c r="B3687" s="1" t="s">
        <v>14360</v>
      </c>
      <c r="C3687" s="1" t="s">
        <v>120</v>
      </c>
      <c r="D3687" s="1" t="s">
        <v>14446</v>
      </c>
      <c r="E3687" s="1" t="s">
        <v>14447</v>
      </c>
      <c r="F3687" s="1" t="s">
        <v>14448</v>
      </c>
      <c r="G3687" s="1" t="s">
        <v>14364</v>
      </c>
      <c r="H3687" s="1" t="s">
        <v>13</v>
      </c>
      <c r="I3687" s="1" t="s">
        <v>14365</v>
      </c>
      <c r="J3687" s="1" t="s">
        <v>14449</v>
      </c>
    </row>
    <row r="3688" spans="1:10" x14ac:dyDescent="0.35">
      <c r="A3688" s="1" t="s">
        <v>14359</v>
      </c>
      <c r="B3688" s="1" t="s">
        <v>14360</v>
      </c>
      <c r="C3688" s="1" t="s">
        <v>125</v>
      </c>
      <c r="D3688" s="1" t="s">
        <v>14450</v>
      </c>
      <c r="E3688" s="1" t="s">
        <v>14451</v>
      </c>
      <c r="F3688" s="1" t="s">
        <v>14452</v>
      </c>
      <c r="G3688" s="1" t="s">
        <v>14364</v>
      </c>
      <c r="H3688" s="1" t="s">
        <v>13</v>
      </c>
      <c r="I3688" s="1" t="s">
        <v>14365</v>
      </c>
      <c r="J3688" s="1" t="s">
        <v>14453</v>
      </c>
    </row>
    <row r="3689" spans="1:10" x14ac:dyDescent="0.35">
      <c r="A3689" s="1" t="s">
        <v>14359</v>
      </c>
      <c r="B3689" s="1" t="s">
        <v>14360</v>
      </c>
      <c r="C3689" s="1" t="s">
        <v>130</v>
      </c>
      <c r="D3689" s="1" t="s">
        <v>14454</v>
      </c>
      <c r="E3689" s="1" t="s">
        <v>14455</v>
      </c>
      <c r="F3689" s="1" t="s">
        <v>14456</v>
      </c>
      <c r="G3689" s="1" t="s">
        <v>14364</v>
      </c>
      <c r="H3689" s="1" t="s">
        <v>13</v>
      </c>
      <c r="I3689" s="1" t="s">
        <v>14365</v>
      </c>
      <c r="J3689" s="1" t="s">
        <v>14457</v>
      </c>
    </row>
    <row r="3690" spans="1:10" x14ac:dyDescent="0.35">
      <c r="A3690" s="1" t="s">
        <v>14359</v>
      </c>
      <c r="B3690" s="1" t="s">
        <v>14360</v>
      </c>
      <c r="C3690" s="1" t="s">
        <v>135</v>
      </c>
      <c r="D3690" s="1" t="s">
        <v>14458</v>
      </c>
      <c r="E3690" s="1" t="s">
        <v>14459</v>
      </c>
      <c r="F3690" s="1" t="s">
        <v>14460</v>
      </c>
      <c r="G3690" s="1" t="s">
        <v>14364</v>
      </c>
      <c r="H3690" s="1" t="s">
        <v>13</v>
      </c>
      <c r="I3690" s="1" t="s">
        <v>14365</v>
      </c>
      <c r="J3690" s="1" t="s">
        <v>2088</v>
      </c>
    </row>
    <row r="3691" spans="1:10" x14ac:dyDescent="0.35">
      <c r="A3691" s="1" t="s">
        <v>14359</v>
      </c>
      <c r="B3691" s="1" t="s">
        <v>14360</v>
      </c>
      <c r="C3691" s="1" t="s">
        <v>140</v>
      </c>
      <c r="D3691" s="1" t="s">
        <v>14461</v>
      </c>
      <c r="E3691" s="1" t="s">
        <v>14462</v>
      </c>
      <c r="F3691" s="1" t="s">
        <v>14463</v>
      </c>
      <c r="G3691" s="1" t="s">
        <v>14364</v>
      </c>
      <c r="H3691" s="1" t="s">
        <v>13</v>
      </c>
      <c r="I3691" s="1" t="s">
        <v>14365</v>
      </c>
      <c r="J3691" s="1" t="s">
        <v>14464</v>
      </c>
    </row>
    <row r="3692" spans="1:10" x14ac:dyDescent="0.35">
      <c r="A3692" s="1" t="s">
        <v>14359</v>
      </c>
      <c r="B3692" s="1" t="s">
        <v>14360</v>
      </c>
      <c r="C3692" s="1" t="s">
        <v>145</v>
      </c>
      <c r="D3692" s="1" t="s">
        <v>14465</v>
      </c>
      <c r="E3692" s="1" t="s">
        <v>14466</v>
      </c>
      <c r="F3692" s="1" t="s">
        <v>14467</v>
      </c>
      <c r="G3692" s="1" t="s">
        <v>14364</v>
      </c>
      <c r="H3692" s="1" t="s">
        <v>13</v>
      </c>
      <c r="I3692" s="1" t="s">
        <v>14365</v>
      </c>
      <c r="J3692" s="1" t="s">
        <v>14468</v>
      </c>
    </row>
    <row r="3693" spans="1:10" x14ac:dyDescent="0.35">
      <c r="A3693" s="1" t="s">
        <v>14359</v>
      </c>
      <c r="B3693" s="1" t="s">
        <v>14360</v>
      </c>
      <c r="C3693" s="1" t="s">
        <v>150</v>
      </c>
      <c r="D3693" s="1" t="s">
        <v>14469</v>
      </c>
      <c r="E3693" s="1" t="s">
        <v>14470</v>
      </c>
      <c r="F3693" s="1" t="s">
        <v>14471</v>
      </c>
      <c r="G3693" s="1" t="s">
        <v>14364</v>
      </c>
      <c r="H3693" s="1" t="s">
        <v>13</v>
      </c>
      <c r="I3693" s="1" t="s">
        <v>14365</v>
      </c>
      <c r="J3693" s="1" t="s">
        <v>14472</v>
      </c>
    </row>
    <row r="3694" spans="1:10" x14ac:dyDescent="0.35">
      <c r="A3694" s="1" t="s">
        <v>14359</v>
      </c>
      <c r="B3694" s="1" t="s">
        <v>14360</v>
      </c>
      <c r="C3694" s="1" t="s">
        <v>155</v>
      </c>
      <c r="D3694" s="1" t="s">
        <v>14473</v>
      </c>
      <c r="E3694" s="1" t="s">
        <v>14474</v>
      </c>
      <c r="F3694" s="1" t="s">
        <v>14475</v>
      </c>
      <c r="G3694" s="1" t="s">
        <v>14364</v>
      </c>
      <c r="H3694" s="1" t="s">
        <v>13</v>
      </c>
      <c r="I3694" s="1" t="s">
        <v>14365</v>
      </c>
      <c r="J3694" s="1" t="s">
        <v>14476</v>
      </c>
    </row>
    <row r="3695" spans="1:10" x14ac:dyDescent="0.35">
      <c r="A3695" s="1" t="s">
        <v>14359</v>
      </c>
      <c r="B3695" s="1" t="s">
        <v>14360</v>
      </c>
      <c r="C3695" s="1" t="s">
        <v>160</v>
      </c>
      <c r="D3695" s="1" t="s">
        <v>14477</v>
      </c>
      <c r="E3695" s="1" t="s">
        <v>14478</v>
      </c>
      <c r="F3695" s="1" t="s">
        <v>14479</v>
      </c>
      <c r="G3695" s="1" t="s">
        <v>14364</v>
      </c>
      <c r="H3695" s="1" t="s">
        <v>13</v>
      </c>
      <c r="I3695" s="1" t="s">
        <v>14365</v>
      </c>
      <c r="J3695" s="1" t="s">
        <v>14480</v>
      </c>
    </row>
    <row r="3696" spans="1:10" x14ac:dyDescent="0.35">
      <c r="A3696" s="1" t="s">
        <v>14359</v>
      </c>
      <c r="B3696" s="1" t="s">
        <v>14360</v>
      </c>
      <c r="C3696" s="1" t="s">
        <v>165</v>
      </c>
      <c r="D3696" s="1" t="s">
        <v>14481</v>
      </c>
      <c r="E3696" s="1" t="s">
        <v>14482</v>
      </c>
      <c r="F3696" s="1" t="s">
        <v>14483</v>
      </c>
      <c r="G3696" s="1" t="s">
        <v>14364</v>
      </c>
      <c r="H3696" s="1" t="s">
        <v>13</v>
      </c>
      <c r="I3696" s="1" t="s">
        <v>14365</v>
      </c>
      <c r="J3696" s="1" t="s">
        <v>14484</v>
      </c>
    </row>
    <row r="3697" spans="1:10" x14ac:dyDescent="0.35">
      <c r="A3697" s="1" t="s">
        <v>14359</v>
      </c>
      <c r="B3697" s="1" t="s">
        <v>14360</v>
      </c>
      <c r="C3697" s="1" t="s">
        <v>170</v>
      </c>
      <c r="D3697" s="1" t="s">
        <v>14485</v>
      </c>
      <c r="E3697" s="1" t="s">
        <v>14486</v>
      </c>
      <c r="F3697" s="1" t="s">
        <v>14487</v>
      </c>
      <c r="G3697" s="1" t="s">
        <v>14364</v>
      </c>
      <c r="H3697" s="1" t="s">
        <v>13</v>
      </c>
      <c r="I3697" s="1" t="s">
        <v>14365</v>
      </c>
      <c r="J3697" s="1" t="s">
        <v>14488</v>
      </c>
    </row>
    <row r="3698" spans="1:10" x14ac:dyDescent="0.35">
      <c r="A3698" s="1" t="s">
        <v>14489</v>
      </c>
      <c r="B3698" s="1" t="s">
        <v>14490</v>
      </c>
      <c r="C3698" s="1" t="s">
        <v>8</v>
      </c>
      <c r="D3698" s="1" t="s">
        <v>14491</v>
      </c>
      <c r="E3698" s="1" t="s">
        <v>14492</v>
      </c>
      <c r="F3698" s="1" t="s">
        <v>14493</v>
      </c>
      <c r="G3698" s="1" t="s">
        <v>14494</v>
      </c>
      <c r="H3698" s="1" t="s">
        <v>13</v>
      </c>
      <c r="I3698" s="1" t="s">
        <v>14495</v>
      </c>
      <c r="J3698" s="1" t="s">
        <v>13</v>
      </c>
    </row>
    <row r="3699" spans="1:10" x14ac:dyDescent="0.35">
      <c r="A3699" s="1" t="s">
        <v>14489</v>
      </c>
      <c r="B3699" s="1" t="s">
        <v>14490</v>
      </c>
      <c r="C3699" s="1" t="s">
        <v>15</v>
      </c>
      <c r="D3699" s="1" t="s">
        <v>14496</v>
      </c>
      <c r="E3699" s="1" t="s">
        <v>14497</v>
      </c>
      <c r="F3699" s="1" t="s">
        <v>14498</v>
      </c>
      <c r="G3699" s="1" t="s">
        <v>14494</v>
      </c>
      <c r="H3699" s="1" t="s">
        <v>13</v>
      </c>
      <c r="I3699" s="1" t="s">
        <v>14495</v>
      </c>
      <c r="J3699" s="1" t="s">
        <v>12666</v>
      </c>
    </row>
    <row r="3700" spans="1:10" x14ac:dyDescent="0.35">
      <c r="A3700" s="1" t="s">
        <v>14489</v>
      </c>
      <c r="B3700" s="1" t="s">
        <v>14490</v>
      </c>
      <c r="C3700" s="1" t="s">
        <v>20</v>
      </c>
      <c r="D3700" s="1" t="s">
        <v>14499</v>
      </c>
      <c r="E3700" s="1" t="s">
        <v>14500</v>
      </c>
      <c r="F3700" s="1" t="s">
        <v>14501</v>
      </c>
      <c r="G3700" s="1" t="s">
        <v>14494</v>
      </c>
      <c r="H3700" s="1" t="s">
        <v>13</v>
      </c>
      <c r="I3700" s="1" t="s">
        <v>14495</v>
      </c>
      <c r="J3700" s="1" t="s">
        <v>14502</v>
      </c>
    </row>
    <row r="3701" spans="1:10" x14ac:dyDescent="0.35">
      <c r="A3701" s="1" t="s">
        <v>14489</v>
      </c>
      <c r="B3701" s="1" t="s">
        <v>14490</v>
      </c>
      <c r="C3701" s="1" t="s">
        <v>25</v>
      </c>
      <c r="D3701" s="1" t="s">
        <v>10987</v>
      </c>
      <c r="E3701" s="1" t="s">
        <v>14503</v>
      </c>
      <c r="F3701" s="1" t="s">
        <v>14504</v>
      </c>
      <c r="G3701" s="1" t="s">
        <v>14494</v>
      </c>
      <c r="H3701" s="1" t="s">
        <v>13</v>
      </c>
      <c r="I3701" s="1" t="s">
        <v>14495</v>
      </c>
      <c r="J3701" s="1" t="s">
        <v>14505</v>
      </c>
    </row>
    <row r="3702" spans="1:10" x14ac:dyDescent="0.35">
      <c r="A3702" s="1" t="s">
        <v>14489</v>
      </c>
      <c r="B3702" s="1" t="s">
        <v>14490</v>
      </c>
      <c r="C3702" s="1" t="s">
        <v>30</v>
      </c>
      <c r="D3702" s="1" t="s">
        <v>14506</v>
      </c>
      <c r="E3702" s="1" t="s">
        <v>14507</v>
      </c>
      <c r="F3702" s="1" t="s">
        <v>14508</v>
      </c>
      <c r="G3702" s="1" t="s">
        <v>14494</v>
      </c>
      <c r="H3702" s="1" t="s">
        <v>13</v>
      </c>
      <c r="I3702" s="1" t="s">
        <v>14495</v>
      </c>
      <c r="J3702" s="1" t="s">
        <v>14509</v>
      </c>
    </row>
    <row r="3703" spans="1:10" x14ac:dyDescent="0.35">
      <c r="A3703" s="1" t="s">
        <v>14489</v>
      </c>
      <c r="B3703" s="1" t="s">
        <v>14490</v>
      </c>
      <c r="C3703" s="1" t="s">
        <v>35</v>
      </c>
      <c r="D3703" s="1" t="s">
        <v>14510</v>
      </c>
      <c r="E3703" s="1" t="s">
        <v>14511</v>
      </c>
      <c r="F3703" s="1" t="s">
        <v>14512</v>
      </c>
      <c r="G3703" s="1" t="s">
        <v>14494</v>
      </c>
      <c r="H3703" s="1" t="s">
        <v>13</v>
      </c>
      <c r="I3703" s="1" t="s">
        <v>14495</v>
      </c>
      <c r="J3703" s="1" t="s">
        <v>14513</v>
      </c>
    </row>
    <row r="3704" spans="1:10" x14ac:dyDescent="0.35">
      <c r="A3704" s="1" t="s">
        <v>14489</v>
      </c>
      <c r="B3704" s="1" t="s">
        <v>14490</v>
      </c>
      <c r="C3704" s="1" t="s">
        <v>40</v>
      </c>
      <c r="D3704" s="1" t="s">
        <v>14514</v>
      </c>
      <c r="E3704" s="1" t="s">
        <v>14515</v>
      </c>
      <c r="F3704" s="1" t="s">
        <v>14516</v>
      </c>
      <c r="G3704" s="1" t="s">
        <v>14494</v>
      </c>
      <c r="H3704" s="1" t="s">
        <v>13</v>
      </c>
      <c r="I3704" s="1" t="s">
        <v>14495</v>
      </c>
      <c r="J3704" s="1" t="s">
        <v>14517</v>
      </c>
    </row>
    <row r="3705" spans="1:10" x14ac:dyDescent="0.35">
      <c r="A3705" s="1" t="s">
        <v>14489</v>
      </c>
      <c r="B3705" s="1" t="s">
        <v>14490</v>
      </c>
      <c r="C3705" s="1" t="s">
        <v>45</v>
      </c>
      <c r="D3705" s="1" t="s">
        <v>14518</v>
      </c>
      <c r="E3705" s="1" t="s">
        <v>14519</v>
      </c>
      <c r="F3705" s="1" t="s">
        <v>14520</v>
      </c>
      <c r="G3705" s="1" t="s">
        <v>14494</v>
      </c>
      <c r="H3705" s="1" t="s">
        <v>13</v>
      </c>
      <c r="I3705" s="1" t="s">
        <v>14495</v>
      </c>
      <c r="J3705" s="1" t="s">
        <v>14521</v>
      </c>
    </row>
    <row r="3706" spans="1:10" x14ac:dyDescent="0.35">
      <c r="A3706" s="1" t="s">
        <v>14489</v>
      </c>
      <c r="B3706" s="1" t="s">
        <v>14490</v>
      </c>
      <c r="C3706" s="1" t="s">
        <v>50</v>
      </c>
      <c r="D3706" s="1" t="s">
        <v>14522</v>
      </c>
      <c r="E3706" s="1" t="s">
        <v>14523</v>
      </c>
      <c r="F3706" s="1" t="s">
        <v>14524</v>
      </c>
      <c r="G3706" s="1" t="s">
        <v>14494</v>
      </c>
      <c r="H3706" s="1" t="s">
        <v>13</v>
      </c>
      <c r="I3706" s="1" t="s">
        <v>14495</v>
      </c>
      <c r="J3706" s="1" t="s">
        <v>14525</v>
      </c>
    </row>
    <row r="3707" spans="1:10" x14ac:dyDescent="0.35">
      <c r="A3707" s="1" t="s">
        <v>14489</v>
      </c>
      <c r="B3707" s="1" t="s">
        <v>14490</v>
      </c>
      <c r="C3707" s="1" t="s">
        <v>55</v>
      </c>
      <c r="D3707" s="1" t="s">
        <v>14526</v>
      </c>
      <c r="E3707" s="1" t="s">
        <v>14527</v>
      </c>
      <c r="F3707" s="1" t="s">
        <v>14528</v>
      </c>
      <c r="G3707" s="1" t="s">
        <v>14494</v>
      </c>
      <c r="H3707" s="1" t="s">
        <v>13</v>
      </c>
      <c r="I3707" s="1" t="s">
        <v>14495</v>
      </c>
      <c r="J3707" s="1" t="s">
        <v>14529</v>
      </c>
    </row>
    <row r="3708" spans="1:10" x14ac:dyDescent="0.35">
      <c r="A3708" s="1" t="s">
        <v>14489</v>
      </c>
      <c r="B3708" s="1" t="s">
        <v>14490</v>
      </c>
      <c r="C3708" s="1" t="s">
        <v>60</v>
      </c>
      <c r="D3708" s="1" t="s">
        <v>14530</v>
      </c>
      <c r="E3708" s="1" t="s">
        <v>14531</v>
      </c>
      <c r="F3708" s="1" t="s">
        <v>14532</v>
      </c>
      <c r="G3708" s="1" t="s">
        <v>14494</v>
      </c>
      <c r="H3708" s="1" t="s">
        <v>13</v>
      </c>
      <c r="I3708" s="1" t="s">
        <v>14495</v>
      </c>
      <c r="J3708" s="1" t="s">
        <v>14533</v>
      </c>
    </row>
    <row r="3709" spans="1:10" x14ac:dyDescent="0.35">
      <c r="A3709" s="1" t="s">
        <v>14489</v>
      </c>
      <c r="B3709" s="1" t="s">
        <v>14490</v>
      </c>
      <c r="C3709" s="1" t="s">
        <v>65</v>
      </c>
      <c r="D3709" s="1" t="s">
        <v>2825</v>
      </c>
      <c r="E3709" s="1" t="s">
        <v>14534</v>
      </c>
      <c r="F3709" s="1" t="s">
        <v>14535</v>
      </c>
      <c r="G3709" s="1" t="s">
        <v>14494</v>
      </c>
      <c r="H3709" s="1" t="s">
        <v>13</v>
      </c>
      <c r="I3709" s="1" t="s">
        <v>14495</v>
      </c>
      <c r="J3709" s="1" t="s">
        <v>14536</v>
      </c>
    </row>
    <row r="3710" spans="1:10" x14ac:dyDescent="0.35">
      <c r="A3710" s="1" t="s">
        <v>14489</v>
      </c>
      <c r="B3710" s="1" t="s">
        <v>14490</v>
      </c>
      <c r="C3710" s="1" t="s">
        <v>70</v>
      </c>
      <c r="D3710" s="1" t="s">
        <v>14537</v>
      </c>
      <c r="E3710" s="1" t="s">
        <v>14538</v>
      </c>
      <c r="F3710" s="1" t="s">
        <v>14539</v>
      </c>
      <c r="G3710" s="1" t="s">
        <v>14494</v>
      </c>
      <c r="H3710" s="1" t="s">
        <v>13</v>
      </c>
      <c r="I3710" s="1" t="s">
        <v>14495</v>
      </c>
      <c r="J3710" s="1" t="s">
        <v>14540</v>
      </c>
    </row>
    <row r="3711" spans="1:10" x14ac:dyDescent="0.35">
      <c r="A3711" s="1" t="s">
        <v>14489</v>
      </c>
      <c r="B3711" s="1" t="s">
        <v>14490</v>
      </c>
      <c r="C3711" s="1" t="s">
        <v>75</v>
      </c>
      <c r="D3711" s="1" t="s">
        <v>14541</v>
      </c>
      <c r="E3711" s="1" t="s">
        <v>14542</v>
      </c>
      <c r="F3711" s="1" t="s">
        <v>14543</v>
      </c>
      <c r="G3711" s="1" t="s">
        <v>14494</v>
      </c>
      <c r="H3711" s="1" t="s">
        <v>13</v>
      </c>
      <c r="I3711" s="1" t="s">
        <v>14495</v>
      </c>
      <c r="J3711" s="1" t="s">
        <v>14544</v>
      </c>
    </row>
    <row r="3712" spans="1:10" x14ac:dyDescent="0.35">
      <c r="A3712" s="1" t="s">
        <v>14489</v>
      </c>
      <c r="B3712" s="1" t="s">
        <v>14490</v>
      </c>
      <c r="C3712" s="1" t="s">
        <v>80</v>
      </c>
      <c r="D3712" s="1" t="s">
        <v>14545</v>
      </c>
      <c r="E3712" s="1" t="s">
        <v>14546</v>
      </c>
      <c r="F3712" s="1" t="s">
        <v>14547</v>
      </c>
      <c r="G3712" s="1" t="s">
        <v>14494</v>
      </c>
      <c r="H3712" s="1" t="s">
        <v>13</v>
      </c>
      <c r="I3712" s="1" t="s">
        <v>14495</v>
      </c>
      <c r="J3712" s="1" t="s">
        <v>14548</v>
      </c>
    </row>
    <row r="3713" spans="1:10" x14ac:dyDescent="0.35">
      <c r="A3713" s="1" t="s">
        <v>14489</v>
      </c>
      <c r="B3713" s="1" t="s">
        <v>14490</v>
      </c>
      <c r="C3713" s="1" t="s">
        <v>85</v>
      </c>
      <c r="D3713" s="1" t="s">
        <v>14549</v>
      </c>
      <c r="E3713" s="1" t="s">
        <v>14550</v>
      </c>
      <c r="F3713" s="1" t="s">
        <v>14551</v>
      </c>
      <c r="G3713" s="1" t="s">
        <v>14494</v>
      </c>
      <c r="H3713" s="1" t="s">
        <v>13</v>
      </c>
      <c r="I3713" s="1" t="s">
        <v>14495</v>
      </c>
      <c r="J3713" s="1" t="s">
        <v>14552</v>
      </c>
    </row>
    <row r="3714" spans="1:10" x14ac:dyDescent="0.35">
      <c r="A3714" s="1" t="s">
        <v>14489</v>
      </c>
      <c r="B3714" s="1" t="s">
        <v>14490</v>
      </c>
      <c r="C3714" s="1" t="s">
        <v>90</v>
      </c>
      <c r="D3714" s="1" t="s">
        <v>14553</v>
      </c>
      <c r="E3714" s="1" t="s">
        <v>14554</v>
      </c>
      <c r="F3714" s="1" t="s">
        <v>14555</v>
      </c>
      <c r="G3714" s="1" t="s">
        <v>14494</v>
      </c>
      <c r="H3714" s="1" t="s">
        <v>13</v>
      </c>
      <c r="I3714" s="1" t="s">
        <v>14495</v>
      </c>
      <c r="J3714" s="1" t="s">
        <v>14556</v>
      </c>
    </row>
    <row r="3715" spans="1:10" x14ac:dyDescent="0.35">
      <c r="A3715" s="1" t="s">
        <v>14489</v>
      </c>
      <c r="B3715" s="1" t="s">
        <v>14490</v>
      </c>
      <c r="C3715" s="1" t="s">
        <v>95</v>
      </c>
      <c r="D3715" s="1" t="s">
        <v>14557</v>
      </c>
      <c r="E3715" s="1" t="s">
        <v>14558</v>
      </c>
      <c r="F3715" s="1" t="s">
        <v>14559</v>
      </c>
      <c r="G3715" s="1" t="s">
        <v>14494</v>
      </c>
      <c r="H3715" s="1" t="s">
        <v>13</v>
      </c>
      <c r="I3715" s="1" t="s">
        <v>14495</v>
      </c>
      <c r="J3715" s="1" t="s">
        <v>14560</v>
      </c>
    </row>
    <row r="3716" spans="1:10" x14ac:dyDescent="0.35">
      <c r="A3716" s="1" t="s">
        <v>14489</v>
      </c>
      <c r="B3716" s="1" t="s">
        <v>14490</v>
      </c>
      <c r="C3716" s="1" t="s">
        <v>100</v>
      </c>
      <c r="D3716" s="1" t="s">
        <v>360</v>
      </c>
      <c r="E3716" s="1" t="s">
        <v>14561</v>
      </c>
      <c r="F3716" s="1" t="s">
        <v>14562</v>
      </c>
      <c r="G3716" s="1" t="s">
        <v>14494</v>
      </c>
      <c r="H3716" s="1" t="s">
        <v>13</v>
      </c>
      <c r="I3716" s="1" t="s">
        <v>14495</v>
      </c>
      <c r="J3716" s="1" t="s">
        <v>14563</v>
      </c>
    </row>
    <row r="3717" spans="1:10" x14ac:dyDescent="0.35">
      <c r="A3717" s="1" t="s">
        <v>14489</v>
      </c>
      <c r="B3717" s="1" t="s">
        <v>14490</v>
      </c>
      <c r="C3717" s="1" t="s">
        <v>105</v>
      </c>
      <c r="D3717" s="1" t="s">
        <v>14564</v>
      </c>
      <c r="E3717" s="1" t="s">
        <v>14565</v>
      </c>
      <c r="F3717" s="1" t="s">
        <v>14566</v>
      </c>
      <c r="G3717" s="1" t="s">
        <v>14494</v>
      </c>
      <c r="H3717" s="1" t="s">
        <v>13</v>
      </c>
      <c r="I3717" s="1" t="s">
        <v>14495</v>
      </c>
      <c r="J3717" s="1" t="s">
        <v>14567</v>
      </c>
    </row>
    <row r="3718" spans="1:10" x14ac:dyDescent="0.35">
      <c r="A3718" s="1" t="s">
        <v>14489</v>
      </c>
      <c r="B3718" s="1" t="s">
        <v>14490</v>
      </c>
      <c r="C3718" s="1" t="s">
        <v>110</v>
      </c>
      <c r="D3718" s="1" t="s">
        <v>14568</v>
      </c>
      <c r="E3718" s="1" t="s">
        <v>14569</v>
      </c>
      <c r="F3718" s="1" t="s">
        <v>14570</v>
      </c>
      <c r="G3718" s="1" t="s">
        <v>14494</v>
      </c>
      <c r="H3718" s="1" t="s">
        <v>13</v>
      </c>
      <c r="I3718" s="1" t="s">
        <v>14495</v>
      </c>
      <c r="J3718" s="1" t="s">
        <v>14571</v>
      </c>
    </row>
    <row r="3719" spans="1:10" x14ac:dyDescent="0.35">
      <c r="A3719" s="1" t="s">
        <v>14489</v>
      </c>
      <c r="B3719" s="1" t="s">
        <v>14490</v>
      </c>
      <c r="C3719" s="1" t="s">
        <v>115</v>
      </c>
      <c r="D3719" s="1" t="s">
        <v>14572</v>
      </c>
      <c r="E3719" s="1" t="s">
        <v>14573</v>
      </c>
      <c r="F3719" s="1" t="s">
        <v>14574</v>
      </c>
      <c r="G3719" s="1" t="s">
        <v>14494</v>
      </c>
      <c r="H3719" s="1" t="s">
        <v>13</v>
      </c>
      <c r="I3719" s="1" t="s">
        <v>14495</v>
      </c>
      <c r="J3719" s="1" t="s">
        <v>14575</v>
      </c>
    </row>
    <row r="3720" spans="1:10" x14ac:dyDescent="0.35">
      <c r="A3720" s="1" t="s">
        <v>14489</v>
      </c>
      <c r="B3720" s="1" t="s">
        <v>14490</v>
      </c>
      <c r="C3720" s="1" t="s">
        <v>120</v>
      </c>
      <c r="D3720" s="1" t="s">
        <v>14576</v>
      </c>
      <c r="E3720" s="1" t="s">
        <v>14577</v>
      </c>
      <c r="F3720" s="1" t="s">
        <v>14578</v>
      </c>
      <c r="G3720" s="1" t="s">
        <v>14494</v>
      </c>
      <c r="H3720" s="1" t="s">
        <v>13</v>
      </c>
      <c r="I3720" s="1" t="s">
        <v>14495</v>
      </c>
      <c r="J3720" s="1" t="s">
        <v>14579</v>
      </c>
    </row>
    <row r="3721" spans="1:10" x14ac:dyDescent="0.35">
      <c r="A3721" s="1" t="s">
        <v>14489</v>
      </c>
      <c r="B3721" s="1" t="s">
        <v>14490</v>
      </c>
      <c r="C3721" s="1" t="s">
        <v>125</v>
      </c>
      <c r="D3721" s="1" t="s">
        <v>14580</v>
      </c>
      <c r="E3721" s="1" t="s">
        <v>14581</v>
      </c>
      <c r="F3721" s="1" t="s">
        <v>14582</v>
      </c>
      <c r="G3721" s="1" t="s">
        <v>14494</v>
      </c>
      <c r="H3721" s="1" t="s">
        <v>13</v>
      </c>
      <c r="I3721" s="1" t="s">
        <v>14495</v>
      </c>
      <c r="J3721" s="1" t="s">
        <v>14583</v>
      </c>
    </row>
    <row r="3722" spans="1:10" x14ac:dyDescent="0.35">
      <c r="A3722" s="1" t="s">
        <v>14489</v>
      </c>
      <c r="B3722" s="1" t="s">
        <v>14490</v>
      </c>
      <c r="C3722" s="1" t="s">
        <v>130</v>
      </c>
      <c r="D3722" s="1" t="s">
        <v>14584</v>
      </c>
      <c r="E3722" s="1" t="s">
        <v>14585</v>
      </c>
      <c r="F3722" s="1" t="s">
        <v>14586</v>
      </c>
      <c r="G3722" s="1" t="s">
        <v>14494</v>
      </c>
      <c r="H3722" s="1" t="s">
        <v>13</v>
      </c>
      <c r="I3722" s="1" t="s">
        <v>14495</v>
      </c>
      <c r="J3722" s="1" t="s">
        <v>14587</v>
      </c>
    </row>
    <row r="3723" spans="1:10" x14ac:dyDescent="0.35">
      <c r="A3723" s="1" t="s">
        <v>14489</v>
      </c>
      <c r="B3723" s="1" t="s">
        <v>14490</v>
      </c>
      <c r="C3723" s="1" t="s">
        <v>135</v>
      </c>
      <c r="D3723" s="1" t="s">
        <v>14588</v>
      </c>
      <c r="E3723" s="1" t="s">
        <v>14589</v>
      </c>
      <c r="F3723" s="1" t="s">
        <v>14590</v>
      </c>
      <c r="G3723" s="1" t="s">
        <v>14494</v>
      </c>
      <c r="H3723" s="1" t="s">
        <v>13</v>
      </c>
      <c r="I3723" s="1" t="s">
        <v>14495</v>
      </c>
      <c r="J3723" s="1" t="s">
        <v>14591</v>
      </c>
    </row>
    <row r="3724" spans="1:10" x14ac:dyDescent="0.35">
      <c r="A3724" s="1" t="s">
        <v>14489</v>
      </c>
      <c r="B3724" s="1" t="s">
        <v>14490</v>
      </c>
      <c r="C3724" s="1" t="s">
        <v>140</v>
      </c>
      <c r="D3724" s="1" t="s">
        <v>7112</v>
      </c>
      <c r="E3724" s="1" t="s">
        <v>14592</v>
      </c>
      <c r="F3724" s="1" t="s">
        <v>14593</v>
      </c>
      <c r="G3724" s="1" t="s">
        <v>14494</v>
      </c>
      <c r="H3724" s="1" t="s">
        <v>13</v>
      </c>
      <c r="I3724" s="1" t="s">
        <v>14495</v>
      </c>
      <c r="J3724" s="1" t="s">
        <v>14594</v>
      </c>
    </row>
    <row r="3725" spans="1:10" x14ac:dyDescent="0.35">
      <c r="A3725" s="1" t="s">
        <v>14489</v>
      </c>
      <c r="B3725" s="1" t="s">
        <v>14490</v>
      </c>
      <c r="C3725" s="1" t="s">
        <v>145</v>
      </c>
      <c r="D3725" s="1" t="s">
        <v>14595</v>
      </c>
      <c r="E3725" s="1" t="s">
        <v>14596</v>
      </c>
      <c r="F3725" s="1" t="s">
        <v>14597</v>
      </c>
      <c r="G3725" s="1" t="s">
        <v>14494</v>
      </c>
      <c r="H3725" s="1" t="s">
        <v>13</v>
      </c>
      <c r="I3725" s="1" t="s">
        <v>14495</v>
      </c>
      <c r="J3725" s="1" t="s">
        <v>14598</v>
      </c>
    </row>
    <row r="3726" spans="1:10" x14ac:dyDescent="0.35">
      <c r="A3726" s="1" t="s">
        <v>14489</v>
      </c>
      <c r="B3726" s="1" t="s">
        <v>14490</v>
      </c>
      <c r="C3726" s="1" t="s">
        <v>150</v>
      </c>
      <c r="D3726" s="1" t="s">
        <v>14599</v>
      </c>
      <c r="E3726" s="1" t="s">
        <v>14600</v>
      </c>
      <c r="F3726" s="1" t="s">
        <v>14601</v>
      </c>
      <c r="G3726" s="1" t="s">
        <v>14494</v>
      </c>
      <c r="H3726" s="1" t="s">
        <v>13</v>
      </c>
      <c r="I3726" s="1" t="s">
        <v>14495</v>
      </c>
      <c r="J3726" s="1" t="s">
        <v>14602</v>
      </c>
    </row>
    <row r="3727" spans="1:10" x14ac:dyDescent="0.35">
      <c r="A3727" s="1" t="s">
        <v>14489</v>
      </c>
      <c r="B3727" s="1" t="s">
        <v>14490</v>
      </c>
      <c r="C3727" s="1" t="s">
        <v>155</v>
      </c>
      <c r="D3727" s="1" t="s">
        <v>14603</v>
      </c>
      <c r="E3727" s="1" t="s">
        <v>14604</v>
      </c>
      <c r="F3727" s="1" t="s">
        <v>14605</v>
      </c>
      <c r="G3727" s="1" t="s">
        <v>14494</v>
      </c>
      <c r="H3727" s="1" t="s">
        <v>13</v>
      </c>
      <c r="I3727" s="1" t="s">
        <v>14495</v>
      </c>
      <c r="J3727" s="1" t="s">
        <v>14606</v>
      </c>
    </row>
    <row r="3728" spans="1:10" x14ac:dyDescent="0.35">
      <c r="A3728" s="1" t="s">
        <v>14489</v>
      </c>
      <c r="B3728" s="1" t="s">
        <v>14490</v>
      </c>
      <c r="C3728" s="1" t="s">
        <v>160</v>
      </c>
      <c r="D3728" s="1" t="s">
        <v>14607</v>
      </c>
      <c r="E3728" s="1" t="s">
        <v>14608</v>
      </c>
      <c r="F3728" s="1" t="s">
        <v>14609</v>
      </c>
      <c r="G3728" s="1" t="s">
        <v>14494</v>
      </c>
      <c r="H3728" s="1" t="s">
        <v>13</v>
      </c>
      <c r="I3728" s="1" t="s">
        <v>14495</v>
      </c>
      <c r="J3728" s="1" t="s">
        <v>14610</v>
      </c>
    </row>
    <row r="3729" spans="1:10" x14ac:dyDescent="0.35">
      <c r="A3729" s="1" t="s">
        <v>14489</v>
      </c>
      <c r="B3729" s="1" t="s">
        <v>14490</v>
      </c>
      <c r="C3729" s="1" t="s">
        <v>165</v>
      </c>
      <c r="D3729" s="1" t="s">
        <v>14611</v>
      </c>
      <c r="E3729" s="1" t="s">
        <v>14612</v>
      </c>
      <c r="F3729" s="1" t="s">
        <v>14613</v>
      </c>
      <c r="G3729" s="1" t="s">
        <v>14494</v>
      </c>
      <c r="H3729" s="1" t="s">
        <v>13</v>
      </c>
      <c r="I3729" s="1" t="s">
        <v>14495</v>
      </c>
      <c r="J3729" s="1" t="s">
        <v>14614</v>
      </c>
    </row>
    <row r="3730" spans="1:10" x14ac:dyDescent="0.35">
      <c r="A3730" s="1" t="s">
        <v>14489</v>
      </c>
      <c r="B3730" s="1" t="s">
        <v>14490</v>
      </c>
      <c r="C3730" s="1" t="s">
        <v>170</v>
      </c>
      <c r="D3730" s="1" t="s">
        <v>14615</v>
      </c>
      <c r="E3730" s="1" t="s">
        <v>14616</v>
      </c>
      <c r="F3730" s="1" t="s">
        <v>14617</v>
      </c>
      <c r="G3730" s="1" t="s">
        <v>14494</v>
      </c>
      <c r="H3730" s="1" t="s">
        <v>13</v>
      </c>
      <c r="I3730" s="1" t="s">
        <v>14495</v>
      </c>
      <c r="J3730" s="1" t="s">
        <v>14618</v>
      </c>
    </row>
    <row r="3731" spans="1:10" x14ac:dyDescent="0.35">
      <c r="A3731" s="1" t="s">
        <v>14619</v>
      </c>
      <c r="B3731" s="1" t="s">
        <v>14620</v>
      </c>
      <c r="C3731" s="1" t="s">
        <v>8</v>
      </c>
      <c r="D3731" s="1" t="s">
        <v>14621</v>
      </c>
      <c r="E3731" s="1" t="s">
        <v>14622</v>
      </c>
      <c r="F3731" s="1" t="s">
        <v>14623</v>
      </c>
      <c r="G3731" s="1" t="s">
        <v>14624</v>
      </c>
      <c r="H3731" s="1" t="s">
        <v>13</v>
      </c>
      <c r="I3731" s="1" t="s">
        <v>14625</v>
      </c>
      <c r="J3731" s="1" t="s">
        <v>13</v>
      </c>
    </row>
    <row r="3732" spans="1:10" x14ac:dyDescent="0.35">
      <c r="A3732" s="1" t="s">
        <v>14619</v>
      </c>
      <c r="B3732" s="1" t="s">
        <v>14620</v>
      </c>
      <c r="C3732" s="1" t="s">
        <v>15</v>
      </c>
      <c r="D3732" s="1" t="s">
        <v>14626</v>
      </c>
      <c r="E3732" s="1" t="s">
        <v>14627</v>
      </c>
      <c r="F3732" s="1" t="s">
        <v>14628</v>
      </c>
      <c r="G3732" s="1" t="s">
        <v>14624</v>
      </c>
      <c r="H3732" s="1" t="s">
        <v>13</v>
      </c>
      <c r="I3732" s="1" t="s">
        <v>14625</v>
      </c>
      <c r="J3732" s="1" t="s">
        <v>14629</v>
      </c>
    </row>
    <row r="3733" spans="1:10" x14ac:dyDescent="0.35">
      <c r="A3733" s="1" t="s">
        <v>14619</v>
      </c>
      <c r="B3733" s="1" t="s">
        <v>14620</v>
      </c>
      <c r="C3733" s="1" t="s">
        <v>20</v>
      </c>
      <c r="D3733" s="1" t="s">
        <v>14630</v>
      </c>
      <c r="E3733" s="1" t="s">
        <v>14631</v>
      </c>
      <c r="F3733" s="1" t="s">
        <v>14632</v>
      </c>
      <c r="G3733" s="1" t="s">
        <v>14624</v>
      </c>
      <c r="H3733" s="1" t="s">
        <v>13</v>
      </c>
      <c r="I3733" s="1" t="s">
        <v>14625</v>
      </c>
      <c r="J3733" s="1" t="s">
        <v>14633</v>
      </c>
    </row>
    <row r="3734" spans="1:10" x14ac:dyDescent="0.35">
      <c r="A3734" s="1" t="s">
        <v>14619</v>
      </c>
      <c r="B3734" s="1" t="s">
        <v>14620</v>
      </c>
      <c r="C3734" s="1" t="s">
        <v>25</v>
      </c>
      <c r="D3734" s="1" t="s">
        <v>14634</v>
      </c>
      <c r="E3734" s="1" t="s">
        <v>14635</v>
      </c>
      <c r="F3734" s="1" t="s">
        <v>14636</v>
      </c>
      <c r="G3734" s="1" t="s">
        <v>14624</v>
      </c>
      <c r="H3734" s="1" t="s">
        <v>13</v>
      </c>
      <c r="I3734" s="1" t="s">
        <v>14625</v>
      </c>
      <c r="J3734" s="1" t="s">
        <v>14637</v>
      </c>
    </row>
    <row r="3735" spans="1:10" x14ac:dyDescent="0.35">
      <c r="A3735" s="1" t="s">
        <v>14619</v>
      </c>
      <c r="B3735" s="1" t="s">
        <v>14620</v>
      </c>
      <c r="C3735" s="1" t="s">
        <v>30</v>
      </c>
      <c r="D3735" s="1" t="s">
        <v>14638</v>
      </c>
      <c r="E3735" s="1" t="s">
        <v>14639</v>
      </c>
      <c r="F3735" s="1" t="s">
        <v>14640</v>
      </c>
      <c r="G3735" s="1" t="s">
        <v>14624</v>
      </c>
      <c r="H3735" s="1" t="s">
        <v>13</v>
      </c>
      <c r="I3735" s="1" t="s">
        <v>14625</v>
      </c>
      <c r="J3735" s="1" t="s">
        <v>14641</v>
      </c>
    </row>
    <row r="3736" spans="1:10" x14ac:dyDescent="0.35">
      <c r="A3736" s="1" t="s">
        <v>14619</v>
      </c>
      <c r="B3736" s="1" t="s">
        <v>14620</v>
      </c>
      <c r="C3736" s="1" t="s">
        <v>35</v>
      </c>
      <c r="D3736" s="1" t="s">
        <v>8827</v>
      </c>
      <c r="E3736" s="1" t="s">
        <v>14642</v>
      </c>
      <c r="F3736" s="1" t="s">
        <v>14643</v>
      </c>
      <c r="G3736" s="1" t="s">
        <v>14624</v>
      </c>
      <c r="H3736" s="1" t="s">
        <v>13</v>
      </c>
      <c r="I3736" s="1" t="s">
        <v>14625</v>
      </c>
      <c r="J3736" s="1" t="s">
        <v>14644</v>
      </c>
    </row>
    <row r="3737" spans="1:10" x14ac:dyDescent="0.35">
      <c r="A3737" s="1" t="s">
        <v>14619</v>
      </c>
      <c r="B3737" s="1" t="s">
        <v>14620</v>
      </c>
      <c r="C3737" s="1" t="s">
        <v>40</v>
      </c>
      <c r="D3737" s="1" t="s">
        <v>14645</v>
      </c>
      <c r="E3737" s="1" t="s">
        <v>14646</v>
      </c>
      <c r="F3737" s="1" t="s">
        <v>14647</v>
      </c>
      <c r="G3737" s="1" t="s">
        <v>14624</v>
      </c>
      <c r="H3737" s="1" t="s">
        <v>13</v>
      </c>
      <c r="I3737" s="1" t="s">
        <v>14625</v>
      </c>
      <c r="J3737" s="1" t="s">
        <v>14648</v>
      </c>
    </row>
    <row r="3738" spans="1:10" x14ac:dyDescent="0.35">
      <c r="A3738" s="1" t="s">
        <v>14619</v>
      </c>
      <c r="B3738" s="1" t="s">
        <v>14620</v>
      </c>
      <c r="C3738" s="1" t="s">
        <v>45</v>
      </c>
      <c r="D3738" s="1" t="s">
        <v>14649</v>
      </c>
      <c r="E3738" s="1" t="s">
        <v>14650</v>
      </c>
      <c r="F3738" s="1" t="s">
        <v>14651</v>
      </c>
      <c r="G3738" s="1" t="s">
        <v>14624</v>
      </c>
      <c r="H3738" s="1" t="s">
        <v>13</v>
      </c>
      <c r="I3738" s="1" t="s">
        <v>14625</v>
      </c>
      <c r="J3738" s="1" t="s">
        <v>14652</v>
      </c>
    </row>
    <row r="3739" spans="1:10" x14ac:dyDescent="0.35">
      <c r="A3739" s="1" t="s">
        <v>14619</v>
      </c>
      <c r="B3739" s="1" t="s">
        <v>14620</v>
      </c>
      <c r="C3739" s="1" t="s">
        <v>50</v>
      </c>
      <c r="D3739" s="1" t="s">
        <v>14653</v>
      </c>
      <c r="E3739" s="1" t="s">
        <v>14654</v>
      </c>
      <c r="F3739" s="1" t="s">
        <v>14655</v>
      </c>
      <c r="G3739" s="1" t="s">
        <v>14624</v>
      </c>
      <c r="H3739" s="1" t="s">
        <v>13</v>
      </c>
      <c r="I3739" s="1" t="s">
        <v>14625</v>
      </c>
      <c r="J3739" s="1" t="s">
        <v>14656</v>
      </c>
    </row>
    <row r="3740" spans="1:10" x14ac:dyDescent="0.35">
      <c r="A3740" s="1" t="s">
        <v>14619</v>
      </c>
      <c r="B3740" s="1" t="s">
        <v>14620</v>
      </c>
      <c r="C3740" s="1" t="s">
        <v>55</v>
      </c>
      <c r="D3740" s="1" t="s">
        <v>14657</v>
      </c>
      <c r="E3740" s="1" t="s">
        <v>14658</v>
      </c>
      <c r="F3740" s="1" t="s">
        <v>14659</v>
      </c>
      <c r="G3740" s="1" t="s">
        <v>14624</v>
      </c>
      <c r="H3740" s="1" t="s">
        <v>13</v>
      </c>
      <c r="I3740" s="1" t="s">
        <v>14625</v>
      </c>
      <c r="J3740" s="1" t="s">
        <v>14660</v>
      </c>
    </row>
    <row r="3741" spans="1:10" x14ac:dyDescent="0.35">
      <c r="A3741" s="1" t="s">
        <v>14619</v>
      </c>
      <c r="B3741" s="1" t="s">
        <v>14620</v>
      </c>
      <c r="C3741" s="1" t="s">
        <v>60</v>
      </c>
      <c r="D3741" s="1" t="s">
        <v>14661</v>
      </c>
      <c r="E3741" s="1" t="s">
        <v>14662</v>
      </c>
      <c r="F3741" s="1" t="s">
        <v>14663</v>
      </c>
      <c r="G3741" s="1" t="s">
        <v>14624</v>
      </c>
      <c r="H3741" s="1" t="s">
        <v>13</v>
      </c>
      <c r="I3741" s="1" t="s">
        <v>14625</v>
      </c>
      <c r="J3741" s="1" t="s">
        <v>14664</v>
      </c>
    </row>
    <row r="3742" spans="1:10" x14ac:dyDescent="0.35">
      <c r="A3742" s="1" t="s">
        <v>14619</v>
      </c>
      <c r="B3742" s="1" t="s">
        <v>14620</v>
      </c>
      <c r="C3742" s="1" t="s">
        <v>65</v>
      </c>
      <c r="D3742" s="1" t="s">
        <v>14665</v>
      </c>
      <c r="E3742" s="1" t="s">
        <v>14666</v>
      </c>
      <c r="F3742" s="1" t="s">
        <v>14667</v>
      </c>
      <c r="G3742" s="1" t="s">
        <v>14624</v>
      </c>
      <c r="H3742" s="1" t="s">
        <v>13</v>
      </c>
      <c r="I3742" s="1" t="s">
        <v>14625</v>
      </c>
      <c r="J3742" s="1" t="s">
        <v>14668</v>
      </c>
    </row>
    <row r="3743" spans="1:10" x14ac:dyDescent="0.35">
      <c r="A3743" s="1" t="s">
        <v>14619</v>
      </c>
      <c r="B3743" s="1" t="s">
        <v>14620</v>
      </c>
      <c r="C3743" s="1" t="s">
        <v>70</v>
      </c>
      <c r="D3743" s="1" t="s">
        <v>14669</v>
      </c>
      <c r="E3743" s="1" t="s">
        <v>14670</v>
      </c>
      <c r="F3743" s="1" t="s">
        <v>14671</v>
      </c>
      <c r="G3743" s="1" t="s">
        <v>14624</v>
      </c>
      <c r="H3743" s="1" t="s">
        <v>13</v>
      </c>
      <c r="I3743" s="1" t="s">
        <v>14625</v>
      </c>
      <c r="J3743" s="1" t="s">
        <v>14672</v>
      </c>
    </row>
    <row r="3744" spans="1:10" x14ac:dyDescent="0.35">
      <c r="A3744" s="1" t="s">
        <v>14619</v>
      </c>
      <c r="B3744" s="1" t="s">
        <v>14620</v>
      </c>
      <c r="C3744" s="1" t="s">
        <v>75</v>
      </c>
      <c r="D3744" s="1" t="s">
        <v>14673</v>
      </c>
      <c r="E3744" s="1" t="s">
        <v>14674</v>
      </c>
      <c r="F3744" s="1" t="s">
        <v>14675</v>
      </c>
      <c r="G3744" s="1" t="s">
        <v>14624</v>
      </c>
      <c r="H3744" s="1" t="s">
        <v>13</v>
      </c>
      <c r="I3744" s="1" t="s">
        <v>14625</v>
      </c>
      <c r="J3744" s="1" t="s">
        <v>14676</v>
      </c>
    </row>
    <row r="3745" spans="1:10" x14ac:dyDescent="0.35">
      <c r="A3745" s="1" t="s">
        <v>14619</v>
      </c>
      <c r="B3745" s="1" t="s">
        <v>14620</v>
      </c>
      <c r="C3745" s="1" t="s">
        <v>80</v>
      </c>
      <c r="D3745" s="1" t="s">
        <v>14677</v>
      </c>
      <c r="E3745" s="1" t="s">
        <v>14678</v>
      </c>
      <c r="F3745" s="1" t="s">
        <v>14679</v>
      </c>
      <c r="G3745" s="1" t="s">
        <v>14624</v>
      </c>
      <c r="H3745" s="1" t="s">
        <v>13</v>
      </c>
      <c r="I3745" s="1" t="s">
        <v>14625</v>
      </c>
      <c r="J3745" s="1" t="s">
        <v>14680</v>
      </c>
    </row>
    <row r="3746" spans="1:10" x14ac:dyDescent="0.35">
      <c r="A3746" s="1" t="s">
        <v>14619</v>
      </c>
      <c r="B3746" s="1" t="s">
        <v>14620</v>
      </c>
      <c r="C3746" s="1" t="s">
        <v>85</v>
      </c>
      <c r="D3746" s="1" t="s">
        <v>14681</v>
      </c>
      <c r="E3746" s="1" t="s">
        <v>14682</v>
      </c>
      <c r="F3746" s="1" t="s">
        <v>14683</v>
      </c>
      <c r="G3746" s="1" t="s">
        <v>14624</v>
      </c>
      <c r="H3746" s="1" t="s">
        <v>13</v>
      </c>
      <c r="I3746" s="1" t="s">
        <v>14625</v>
      </c>
      <c r="J3746" s="1" t="s">
        <v>14684</v>
      </c>
    </row>
    <row r="3747" spans="1:10" x14ac:dyDescent="0.35">
      <c r="A3747" s="1" t="s">
        <v>14619</v>
      </c>
      <c r="B3747" s="1" t="s">
        <v>14620</v>
      </c>
      <c r="C3747" s="1" t="s">
        <v>90</v>
      </c>
      <c r="D3747" s="1" t="s">
        <v>14685</v>
      </c>
      <c r="E3747" s="1" t="s">
        <v>14686</v>
      </c>
      <c r="F3747" s="1" t="s">
        <v>14687</v>
      </c>
      <c r="G3747" s="1" t="s">
        <v>14624</v>
      </c>
      <c r="H3747" s="1" t="s">
        <v>13</v>
      </c>
      <c r="I3747" s="1" t="s">
        <v>14625</v>
      </c>
      <c r="J3747" s="1" t="s">
        <v>14688</v>
      </c>
    </row>
    <row r="3748" spans="1:10" x14ac:dyDescent="0.35">
      <c r="A3748" s="1" t="s">
        <v>14619</v>
      </c>
      <c r="B3748" s="1" t="s">
        <v>14620</v>
      </c>
      <c r="C3748" s="1" t="s">
        <v>95</v>
      </c>
      <c r="D3748" s="1" t="s">
        <v>14689</v>
      </c>
      <c r="E3748" s="1" t="s">
        <v>14690</v>
      </c>
      <c r="F3748" s="1" t="s">
        <v>14691</v>
      </c>
      <c r="G3748" s="1" t="s">
        <v>14624</v>
      </c>
      <c r="H3748" s="1" t="s">
        <v>13</v>
      </c>
      <c r="I3748" s="1" t="s">
        <v>14625</v>
      </c>
      <c r="J3748" s="1" t="s">
        <v>14692</v>
      </c>
    </row>
    <row r="3749" spans="1:10" x14ac:dyDescent="0.35">
      <c r="A3749" s="1" t="s">
        <v>14619</v>
      </c>
      <c r="B3749" s="1" t="s">
        <v>14620</v>
      </c>
      <c r="C3749" s="1" t="s">
        <v>100</v>
      </c>
      <c r="D3749" s="1" t="s">
        <v>14693</v>
      </c>
      <c r="E3749" s="1" t="s">
        <v>14694</v>
      </c>
      <c r="F3749" s="1" t="s">
        <v>14695</v>
      </c>
      <c r="G3749" s="1" t="s">
        <v>14624</v>
      </c>
      <c r="H3749" s="1" t="s">
        <v>13</v>
      </c>
      <c r="I3749" s="1" t="s">
        <v>14625</v>
      </c>
      <c r="J3749" s="1" t="s">
        <v>14696</v>
      </c>
    </row>
    <row r="3750" spans="1:10" x14ac:dyDescent="0.35">
      <c r="A3750" s="1" t="s">
        <v>14619</v>
      </c>
      <c r="B3750" s="1" t="s">
        <v>14620</v>
      </c>
      <c r="C3750" s="1" t="s">
        <v>105</v>
      </c>
      <c r="D3750" s="1" t="s">
        <v>14697</v>
      </c>
      <c r="E3750" s="1" t="s">
        <v>14698</v>
      </c>
      <c r="F3750" s="1" t="s">
        <v>14699</v>
      </c>
      <c r="G3750" s="1" t="s">
        <v>14624</v>
      </c>
      <c r="H3750" s="1" t="s">
        <v>13</v>
      </c>
      <c r="I3750" s="1" t="s">
        <v>14625</v>
      </c>
      <c r="J3750" s="1" t="s">
        <v>14700</v>
      </c>
    </row>
    <row r="3751" spans="1:10" x14ac:dyDescent="0.35">
      <c r="A3751" s="1" t="s">
        <v>14619</v>
      </c>
      <c r="B3751" s="1" t="s">
        <v>14620</v>
      </c>
      <c r="C3751" s="1" t="s">
        <v>110</v>
      </c>
      <c r="D3751" s="1" t="s">
        <v>14701</v>
      </c>
      <c r="E3751" s="1" t="s">
        <v>14702</v>
      </c>
      <c r="F3751" s="1" t="s">
        <v>14703</v>
      </c>
      <c r="G3751" s="1" t="s">
        <v>14624</v>
      </c>
      <c r="H3751" s="1" t="s">
        <v>13</v>
      </c>
      <c r="I3751" s="1" t="s">
        <v>14625</v>
      </c>
      <c r="J3751" s="1" t="s">
        <v>14704</v>
      </c>
    </row>
    <row r="3752" spans="1:10" x14ac:dyDescent="0.35">
      <c r="A3752" s="1" t="s">
        <v>14619</v>
      </c>
      <c r="B3752" s="1" t="s">
        <v>14620</v>
      </c>
      <c r="C3752" s="1" t="s">
        <v>115</v>
      </c>
      <c r="D3752" s="1" t="s">
        <v>14705</v>
      </c>
      <c r="E3752" s="1" t="s">
        <v>14706</v>
      </c>
      <c r="F3752" s="1" t="s">
        <v>14707</v>
      </c>
      <c r="G3752" s="1" t="s">
        <v>14624</v>
      </c>
      <c r="H3752" s="1" t="s">
        <v>13</v>
      </c>
      <c r="I3752" s="1" t="s">
        <v>14625</v>
      </c>
      <c r="J3752" s="1" t="s">
        <v>14708</v>
      </c>
    </row>
    <row r="3753" spans="1:10" x14ac:dyDescent="0.35">
      <c r="A3753" s="1" t="s">
        <v>14619</v>
      </c>
      <c r="B3753" s="1" t="s">
        <v>14620</v>
      </c>
      <c r="C3753" s="1" t="s">
        <v>120</v>
      </c>
      <c r="D3753" s="1" t="s">
        <v>14709</v>
      </c>
      <c r="E3753" s="1" t="s">
        <v>14710</v>
      </c>
      <c r="F3753" s="1" t="s">
        <v>14711</v>
      </c>
      <c r="G3753" s="1" t="s">
        <v>14624</v>
      </c>
      <c r="H3753" s="1" t="s">
        <v>13</v>
      </c>
      <c r="I3753" s="1" t="s">
        <v>14625</v>
      </c>
      <c r="J3753" s="1" t="s">
        <v>14712</v>
      </c>
    </row>
    <row r="3754" spans="1:10" x14ac:dyDescent="0.35">
      <c r="A3754" s="1" t="s">
        <v>14619</v>
      </c>
      <c r="B3754" s="1" t="s">
        <v>14620</v>
      </c>
      <c r="C3754" s="1" t="s">
        <v>125</v>
      </c>
      <c r="D3754" s="1" t="s">
        <v>14713</v>
      </c>
      <c r="E3754" s="1" t="s">
        <v>14714</v>
      </c>
      <c r="F3754" s="1" t="s">
        <v>14715</v>
      </c>
      <c r="G3754" s="1" t="s">
        <v>14624</v>
      </c>
      <c r="H3754" s="1" t="s">
        <v>13</v>
      </c>
      <c r="I3754" s="1" t="s">
        <v>14625</v>
      </c>
      <c r="J3754" s="1" t="s">
        <v>14716</v>
      </c>
    </row>
    <row r="3755" spans="1:10" x14ac:dyDescent="0.35">
      <c r="A3755" s="1" t="s">
        <v>14619</v>
      </c>
      <c r="B3755" s="1" t="s">
        <v>14620</v>
      </c>
      <c r="C3755" s="1" t="s">
        <v>130</v>
      </c>
      <c r="D3755" s="1" t="s">
        <v>14717</v>
      </c>
      <c r="E3755" s="1" t="s">
        <v>14718</v>
      </c>
      <c r="F3755" s="1" t="s">
        <v>14719</v>
      </c>
      <c r="G3755" s="1" t="s">
        <v>14624</v>
      </c>
      <c r="H3755" s="1" t="s">
        <v>13</v>
      </c>
      <c r="I3755" s="1" t="s">
        <v>14625</v>
      </c>
      <c r="J3755" s="1" t="s">
        <v>14720</v>
      </c>
    </row>
    <row r="3756" spans="1:10" x14ac:dyDescent="0.35">
      <c r="A3756" s="1" t="s">
        <v>14619</v>
      </c>
      <c r="B3756" s="1" t="s">
        <v>14620</v>
      </c>
      <c r="C3756" s="1" t="s">
        <v>135</v>
      </c>
      <c r="D3756" s="1" t="s">
        <v>14721</v>
      </c>
      <c r="E3756" s="1" t="s">
        <v>14722</v>
      </c>
      <c r="F3756" s="1" t="s">
        <v>14723</v>
      </c>
      <c r="G3756" s="1" t="s">
        <v>14624</v>
      </c>
      <c r="H3756" s="1" t="s">
        <v>13</v>
      </c>
      <c r="I3756" s="1" t="s">
        <v>14625</v>
      </c>
      <c r="J3756" s="1" t="s">
        <v>14724</v>
      </c>
    </row>
    <row r="3757" spans="1:10" x14ac:dyDescent="0.35">
      <c r="A3757" s="1" t="s">
        <v>14619</v>
      </c>
      <c r="B3757" s="1" t="s">
        <v>14620</v>
      </c>
      <c r="C3757" s="1" t="s">
        <v>140</v>
      </c>
      <c r="D3757" s="1" t="s">
        <v>14725</v>
      </c>
      <c r="E3757" s="1" t="s">
        <v>14726</v>
      </c>
      <c r="F3757" s="1" t="s">
        <v>14727</v>
      </c>
      <c r="G3757" s="1" t="s">
        <v>14624</v>
      </c>
      <c r="H3757" s="1" t="s">
        <v>13</v>
      </c>
      <c r="I3757" s="1" t="s">
        <v>14625</v>
      </c>
      <c r="J3757" s="1" t="s">
        <v>14728</v>
      </c>
    </row>
    <row r="3758" spans="1:10" x14ac:dyDescent="0.35">
      <c r="A3758" s="1" t="s">
        <v>14619</v>
      </c>
      <c r="B3758" s="1" t="s">
        <v>14620</v>
      </c>
      <c r="C3758" s="1" t="s">
        <v>145</v>
      </c>
      <c r="D3758" s="1" t="s">
        <v>14729</v>
      </c>
      <c r="E3758" s="1" t="s">
        <v>14730</v>
      </c>
      <c r="F3758" s="1" t="s">
        <v>14731</v>
      </c>
      <c r="G3758" s="1" t="s">
        <v>14624</v>
      </c>
      <c r="H3758" s="1" t="s">
        <v>13</v>
      </c>
      <c r="I3758" s="1" t="s">
        <v>14625</v>
      </c>
      <c r="J3758" s="1" t="s">
        <v>14732</v>
      </c>
    </row>
    <row r="3759" spans="1:10" x14ac:dyDescent="0.35">
      <c r="A3759" s="1" t="s">
        <v>14619</v>
      </c>
      <c r="B3759" s="1" t="s">
        <v>14620</v>
      </c>
      <c r="C3759" s="1" t="s">
        <v>150</v>
      </c>
      <c r="D3759" s="1" t="s">
        <v>14733</v>
      </c>
      <c r="E3759" s="1" t="s">
        <v>14734</v>
      </c>
      <c r="F3759" s="1" t="s">
        <v>14735</v>
      </c>
      <c r="G3759" s="1" t="s">
        <v>14624</v>
      </c>
      <c r="H3759" s="1" t="s">
        <v>13</v>
      </c>
      <c r="I3759" s="1" t="s">
        <v>14625</v>
      </c>
      <c r="J3759" s="1" t="s">
        <v>14736</v>
      </c>
    </row>
    <row r="3760" spans="1:10" x14ac:dyDescent="0.35">
      <c r="A3760" s="1" t="s">
        <v>14619</v>
      </c>
      <c r="B3760" s="1" t="s">
        <v>14620</v>
      </c>
      <c r="C3760" s="1" t="s">
        <v>155</v>
      </c>
      <c r="D3760" s="1" t="s">
        <v>14737</v>
      </c>
      <c r="E3760" s="1" t="s">
        <v>14642</v>
      </c>
      <c r="F3760" s="1" t="s">
        <v>14738</v>
      </c>
      <c r="G3760" s="1" t="s">
        <v>14624</v>
      </c>
      <c r="H3760" s="1" t="s">
        <v>13</v>
      </c>
      <c r="I3760" s="1" t="s">
        <v>14625</v>
      </c>
      <c r="J3760" s="1" t="s">
        <v>14739</v>
      </c>
    </row>
    <row r="3761" spans="1:10" x14ac:dyDescent="0.35">
      <c r="A3761" s="1" t="s">
        <v>14619</v>
      </c>
      <c r="B3761" s="1" t="s">
        <v>14620</v>
      </c>
      <c r="C3761" s="1" t="s">
        <v>160</v>
      </c>
      <c r="D3761" s="1" t="s">
        <v>14740</v>
      </c>
      <c r="E3761" s="1" t="s">
        <v>14741</v>
      </c>
      <c r="F3761" s="1" t="s">
        <v>14738</v>
      </c>
      <c r="G3761" s="1" t="s">
        <v>14624</v>
      </c>
      <c r="H3761" s="1" t="s">
        <v>13</v>
      </c>
      <c r="I3761" s="1" t="s">
        <v>14625</v>
      </c>
      <c r="J3761" s="1" t="s">
        <v>14742</v>
      </c>
    </row>
    <row r="3762" spans="1:10" x14ac:dyDescent="0.35">
      <c r="A3762" s="1" t="s">
        <v>14619</v>
      </c>
      <c r="B3762" s="1" t="s">
        <v>14620</v>
      </c>
      <c r="C3762" s="1" t="s">
        <v>165</v>
      </c>
      <c r="D3762" s="1" t="s">
        <v>14743</v>
      </c>
      <c r="E3762" s="1" t="s">
        <v>14744</v>
      </c>
      <c r="F3762" s="1" t="s">
        <v>14738</v>
      </c>
      <c r="G3762" s="1" t="s">
        <v>14624</v>
      </c>
      <c r="H3762" s="1" t="s">
        <v>13</v>
      </c>
      <c r="I3762" s="1" t="s">
        <v>14625</v>
      </c>
      <c r="J3762" s="1" t="s">
        <v>14745</v>
      </c>
    </row>
    <row r="3763" spans="1:10" x14ac:dyDescent="0.35">
      <c r="A3763" s="1" t="s">
        <v>14619</v>
      </c>
      <c r="B3763" s="1" t="s">
        <v>14620</v>
      </c>
      <c r="C3763" s="1" t="s">
        <v>170</v>
      </c>
      <c r="D3763" s="1" t="s">
        <v>14746</v>
      </c>
      <c r="E3763" s="1" t="s">
        <v>14747</v>
      </c>
      <c r="F3763" s="1" t="s">
        <v>14738</v>
      </c>
      <c r="G3763" s="1" t="s">
        <v>14624</v>
      </c>
      <c r="H3763" s="1" t="s">
        <v>13</v>
      </c>
      <c r="I3763" s="1" t="s">
        <v>14625</v>
      </c>
      <c r="J3763" s="1" t="s">
        <v>14748</v>
      </c>
    </row>
    <row r="3764" spans="1:10" x14ac:dyDescent="0.35">
      <c r="A3764" s="1" t="s">
        <v>14749</v>
      </c>
      <c r="B3764" s="1" t="s">
        <v>14750</v>
      </c>
      <c r="C3764" s="1" t="s">
        <v>8</v>
      </c>
      <c r="D3764" s="1" t="s">
        <v>14751</v>
      </c>
      <c r="E3764" s="1" t="s">
        <v>7894</v>
      </c>
      <c r="F3764" s="1" t="s">
        <v>14752</v>
      </c>
      <c r="G3764" s="1" t="s">
        <v>14753</v>
      </c>
      <c r="H3764" s="1" t="s">
        <v>13</v>
      </c>
      <c r="I3764" s="1" t="s">
        <v>14754</v>
      </c>
      <c r="J3764" s="1" t="s">
        <v>13</v>
      </c>
    </row>
    <row r="3765" spans="1:10" x14ac:dyDescent="0.35">
      <c r="A3765" s="1" t="s">
        <v>14749</v>
      </c>
      <c r="B3765" s="1" t="s">
        <v>14750</v>
      </c>
      <c r="C3765" s="1" t="s">
        <v>15</v>
      </c>
      <c r="D3765" s="1" t="s">
        <v>14755</v>
      </c>
      <c r="E3765" s="1" t="s">
        <v>14756</v>
      </c>
      <c r="F3765" s="1" t="s">
        <v>14757</v>
      </c>
      <c r="G3765" s="1" t="s">
        <v>14753</v>
      </c>
      <c r="H3765" s="1" t="s">
        <v>13</v>
      </c>
      <c r="I3765" s="1" t="s">
        <v>14754</v>
      </c>
      <c r="J3765" s="1" t="s">
        <v>14758</v>
      </c>
    </row>
    <row r="3766" spans="1:10" x14ac:dyDescent="0.35">
      <c r="A3766" s="1" t="s">
        <v>14749</v>
      </c>
      <c r="B3766" s="1" t="s">
        <v>14750</v>
      </c>
      <c r="C3766" s="1" t="s">
        <v>20</v>
      </c>
      <c r="D3766" s="1" t="s">
        <v>14759</v>
      </c>
      <c r="E3766" s="1" t="s">
        <v>14760</v>
      </c>
      <c r="F3766" s="1" t="s">
        <v>14761</v>
      </c>
      <c r="G3766" s="1" t="s">
        <v>14753</v>
      </c>
      <c r="H3766" s="1" t="s">
        <v>13</v>
      </c>
      <c r="I3766" s="1" t="s">
        <v>14754</v>
      </c>
      <c r="J3766" s="1" t="s">
        <v>14762</v>
      </c>
    </row>
    <row r="3767" spans="1:10" x14ac:dyDescent="0.35">
      <c r="A3767" s="1" t="s">
        <v>14749</v>
      </c>
      <c r="B3767" s="1" t="s">
        <v>14750</v>
      </c>
      <c r="C3767" s="1" t="s">
        <v>25</v>
      </c>
      <c r="D3767" s="1" t="s">
        <v>14763</v>
      </c>
      <c r="E3767" s="1" t="s">
        <v>3021</v>
      </c>
      <c r="F3767" s="1" t="s">
        <v>14764</v>
      </c>
      <c r="G3767" s="1" t="s">
        <v>14753</v>
      </c>
      <c r="H3767" s="1" t="s">
        <v>13</v>
      </c>
      <c r="I3767" s="1" t="s">
        <v>14754</v>
      </c>
      <c r="J3767" s="1" t="s">
        <v>14765</v>
      </c>
    </row>
    <row r="3768" spans="1:10" x14ac:dyDescent="0.35">
      <c r="A3768" s="1" t="s">
        <v>14749</v>
      </c>
      <c r="B3768" s="1" t="s">
        <v>14750</v>
      </c>
      <c r="C3768" s="1" t="s">
        <v>30</v>
      </c>
      <c r="D3768" s="1" t="s">
        <v>13498</v>
      </c>
      <c r="E3768" s="1" t="s">
        <v>14766</v>
      </c>
      <c r="F3768" s="1" t="s">
        <v>14767</v>
      </c>
      <c r="G3768" s="1" t="s">
        <v>14753</v>
      </c>
      <c r="H3768" s="1" t="s">
        <v>13</v>
      </c>
      <c r="I3768" s="1" t="s">
        <v>14754</v>
      </c>
      <c r="J3768" s="1" t="s">
        <v>14768</v>
      </c>
    </row>
    <row r="3769" spans="1:10" x14ac:dyDescent="0.35">
      <c r="A3769" s="1" t="s">
        <v>14749</v>
      </c>
      <c r="B3769" s="1" t="s">
        <v>14750</v>
      </c>
      <c r="C3769" s="1" t="s">
        <v>35</v>
      </c>
      <c r="D3769" s="1" t="s">
        <v>60</v>
      </c>
      <c r="E3769" s="1" t="s">
        <v>14769</v>
      </c>
      <c r="F3769" s="1" t="s">
        <v>14770</v>
      </c>
      <c r="G3769" s="1" t="s">
        <v>14753</v>
      </c>
      <c r="H3769" s="1" t="s">
        <v>13</v>
      </c>
      <c r="I3769" s="1" t="s">
        <v>14754</v>
      </c>
      <c r="J3769" s="1" t="s">
        <v>14771</v>
      </c>
    </row>
    <row r="3770" spans="1:10" x14ac:dyDescent="0.35">
      <c r="A3770" s="1" t="s">
        <v>14749</v>
      </c>
      <c r="B3770" s="1" t="s">
        <v>14750</v>
      </c>
      <c r="C3770" s="1" t="s">
        <v>40</v>
      </c>
      <c r="D3770" s="1" t="s">
        <v>60</v>
      </c>
      <c r="E3770" s="1" t="s">
        <v>8608</v>
      </c>
      <c r="F3770" s="1" t="s">
        <v>14772</v>
      </c>
      <c r="G3770" s="1" t="s">
        <v>14753</v>
      </c>
      <c r="H3770" s="1" t="s">
        <v>13</v>
      </c>
      <c r="I3770" s="1" t="s">
        <v>14754</v>
      </c>
      <c r="J3770" s="1" t="s">
        <v>1180</v>
      </c>
    </row>
    <row r="3771" spans="1:10" x14ac:dyDescent="0.35">
      <c r="A3771" s="1" t="s">
        <v>14749</v>
      </c>
      <c r="B3771" s="1" t="s">
        <v>14750</v>
      </c>
      <c r="C3771" s="1" t="s">
        <v>45</v>
      </c>
      <c r="D3771" s="1" t="s">
        <v>60</v>
      </c>
      <c r="E3771" s="1" t="s">
        <v>6960</v>
      </c>
      <c r="F3771" s="1" t="s">
        <v>14773</v>
      </c>
      <c r="G3771" s="1" t="s">
        <v>14753</v>
      </c>
      <c r="H3771" s="1" t="s">
        <v>13</v>
      </c>
      <c r="I3771" s="1" t="s">
        <v>14754</v>
      </c>
      <c r="J3771" s="1" t="s">
        <v>1180</v>
      </c>
    </row>
    <row r="3772" spans="1:10" x14ac:dyDescent="0.35">
      <c r="A3772" s="1" t="s">
        <v>14749</v>
      </c>
      <c r="B3772" s="1" t="s">
        <v>14750</v>
      </c>
      <c r="C3772" s="1" t="s">
        <v>50</v>
      </c>
      <c r="D3772" s="1" t="s">
        <v>60</v>
      </c>
      <c r="E3772" s="1" t="s">
        <v>539</v>
      </c>
      <c r="F3772" s="1" t="s">
        <v>14774</v>
      </c>
      <c r="G3772" s="1" t="s">
        <v>14753</v>
      </c>
      <c r="H3772" s="1" t="s">
        <v>13</v>
      </c>
      <c r="I3772" s="1" t="s">
        <v>14754</v>
      </c>
      <c r="J3772" s="1" t="s">
        <v>1180</v>
      </c>
    </row>
    <row r="3773" spans="1:10" x14ac:dyDescent="0.35">
      <c r="A3773" s="1" t="s">
        <v>14749</v>
      </c>
      <c r="B3773" s="1" t="s">
        <v>14750</v>
      </c>
      <c r="C3773" s="1" t="s">
        <v>55</v>
      </c>
      <c r="D3773" s="1" t="s">
        <v>60</v>
      </c>
      <c r="E3773" s="1" t="s">
        <v>7977</v>
      </c>
      <c r="F3773" s="1" t="s">
        <v>14775</v>
      </c>
      <c r="G3773" s="1" t="s">
        <v>14753</v>
      </c>
      <c r="H3773" s="1" t="s">
        <v>13</v>
      </c>
      <c r="I3773" s="1" t="s">
        <v>14754</v>
      </c>
      <c r="J3773" s="1" t="s">
        <v>1180</v>
      </c>
    </row>
    <row r="3774" spans="1:10" x14ac:dyDescent="0.35">
      <c r="A3774" s="1" t="s">
        <v>14749</v>
      </c>
      <c r="B3774" s="1" t="s">
        <v>14750</v>
      </c>
      <c r="C3774" s="1" t="s">
        <v>60</v>
      </c>
      <c r="D3774" s="1" t="s">
        <v>60</v>
      </c>
      <c r="E3774" s="1" t="s">
        <v>8011</v>
      </c>
      <c r="F3774" s="1" t="s">
        <v>14776</v>
      </c>
      <c r="G3774" s="1" t="s">
        <v>14753</v>
      </c>
      <c r="H3774" s="1" t="s">
        <v>13</v>
      </c>
      <c r="I3774" s="1" t="s">
        <v>14754</v>
      </c>
      <c r="J3774" s="1" t="s">
        <v>1180</v>
      </c>
    </row>
    <row r="3775" spans="1:10" x14ac:dyDescent="0.35">
      <c r="A3775" s="1" t="s">
        <v>14749</v>
      </c>
      <c r="B3775" s="1" t="s">
        <v>14750</v>
      </c>
      <c r="C3775" s="1" t="s">
        <v>65</v>
      </c>
      <c r="D3775" s="1" t="s">
        <v>2406</v>
      </c>
      <c r="E3775" s="1" t="s">
        <v>12644</v>
      </c>
      <c r="F3775" s="1" t="s">
        <v>14777</v>
      </c>
      <c r="G3775" s="1" t="s">
        <v>14753</v>
      </c>
      <c r="H3775" s="1" t="s">
        <v>13</v>
      </c>
      <c r="I3775" s="1" t="s">
        <v>14754</v>
      </c>
      <c r="J3775" s="1" t="s">
        <v>14778</v>
      </c>
    </row>
    <row r="3776" spans="1:10" x14ac:dyDescent="0.35">
      <c r="A3776" s="1" t="s">
        <v>14749</v>
      </c>
      <c r="B3776" s="1" t="s">
        <v>14750</v>
      </c>
      <c r="C3776" s="1" t="s">
        <v>70</v>
      </c>
      <c r="D3776" s="1" t="s">
        <v>1739</v>
      </c>
      <c r="E3776" s="1" t="s">
        <v>8592</v>
      </c>
      <c r="F3776" s="1" t="s">
        <v>14779</v>
      </c>
      <c r="G3776" s="1" t="s">
        <v>14753</v>
      </c>
      <c r="H3776" s="1" t="s">
        <v>13</v>
      </c>
      <c r="I3776" s="1" t="s">
        <v>14754</v>
      </c>
      <c r="J3776" s="1" t="s">
        <v>14780</v>
      </c>
    </row>
    <row r="3777" spans="1:10" x14ac:dyDescent="0.35">
      <c r="A3777" s="1" t="s">
        <v>14749</v>
      </c>
      <c r="B3777" s="1" t="s">
        <v>14750</v>
      </c>
      <c r="C3777" s="1" t="s">
        <v>75</v>
      </c>
      <c r="D3777" s="1" t="s">
        <v>14781</v>
      </c>
      <c r="E3777" s="1" t="s">
        <v>14782</v>
      </c>
      <c r="F3777" s="1" t="s">
        <v>14783</v>
      </c>
      <c r="G3777" s="1" t="s">
        <v>14753</v>
      </c>
      <c r="H3777" s="1" t="s">
        <v>13</v>
      </c>
      <c r="I3777" s="1" t="s">
        <v>14754</v>
      </c>
      <c r="J3777" s="1" t="s">
        <v>14784</v>
      </c>
    </row>
    <row r="3778" spans="1:10" x14ac:dyDescent="0.35">
      <c r="A3778" s="1" t="s">
        <v>14749</v>
      </c>
      <c r="B3778" s="1" t="s">
        <v>14750</v>
      </c>
      <c r="C3778" s="1" t="s">
        <v>80</v>
      </c>
      <c r="D3778" s="1" t="s">
        <v>6478</v>
      </c>
      <c r="E3778" s="1" t="s">
        <v>12658</v>
      </c>
      <c r="F3778" s="1" t="s">
        <v>14785</v>
      </c>
      <c r="G3778" s="1" t="s">
        <v>14753</v>
      </c>
      <c r="H3778" s="1" t="s">
        <v>13</v>
      </c>
      <c r="I3778" s="1" t="s">
        <v>14754</v>
      </c>
      <c r="J3778" s="1" t="s">
        <v>14786</v>
      </c>
    </row>
    <row r="3779" spans="1:10" x14ac:dyDescent="0.35">
      <c r="A3779" s="1" t="s">
        <v>14749</v>
      </c>
      <c r="B3779" s="1" t="s">
        <v>14750</v>
      </c>
      <c r="C3779" s="1" t="s">
        <v>85</v>
      </c>
      <c r="D3779" s="1" t="s">
        <v>14787</v>
      </c>
      <c r="E3779" s="1" t="s">
        <v>14788</v>
      </c>
      <c r="F3779" s="1" t="s">
        <v>14789</v>
      </c>
      <c r="G3779" s="1" t="s">
        <v>14753</v>
      </c>
      <c r="H3779" s="1" t="s">
        <v>13</v>
      </c>
      <c r="I3779" s="1" t="s">
        <v>14754</v>
      </c>
      <c r="J3779" s="1" t="s">
        <v>14790</v>
      </c>
    </row>
    <row r="3780" spans="1:10" x14ac:dyDescent="0.35">
      <c r="A3780" s="1" t="s">
        <v>14749</v>
      </c>
      <c r="B3780" s="1" t="s">
        <v>14750</v>
      </c>
      <c r="C3780" s="1" t="s">
        <v>90</v>
      </c>
      <c r="D3780" s="1" t="s">
        <v>14553</v>
      </c>
      <c r="E3780" s="1" t="s">
        <v>14791</v>
      </c>
      <c r="F3780" s="1" t="s">
        <v>14792</v>
      </c>
      <c r="G3780" s="1" t="s">
        <v>14753</v>
      </c>
      <c r="H3780" s="1" t="s">
        <v>13</v>
      </c>
      <c r="I3780" s="1" t="s">
        <v>14754</v>
      </c>
      <c r="J3780" s="1" t="s">
        <v>14793</v>
      </c>
    </row>
    <row r="3781" spans="1:10" x14ac:dyDescent="0.35">
      <c r="A3781" s="1" t="s">
        <v>14749</v>
      </c>
      <c r="B3781" s="1" t="s">
        <v>14750</v>
      </c>
      <c r="C3781" s="1" t="s">
        <v>95</v>
      </c>
      <c r="D3781" s="1" t="s">
        <v>14794</v>
      </c>
      <c r="E3781" s="1" t="s">
        <v>14795</v>
      </c>
      <c r="F3781" s="1" t="s">
        <v>14796</v>
      </c>
      <c r="G3781" s="1" t="s">
        <v>14753</v>
      </c>
      <c r="H3781" s="1" t="s">
        <v>13</v>
      </c>
      <c r="I3781" s="1" t="s">
        <v>14754</v>
      </c>
      <c r="J3781" s="1" t="s">
        <v>14797</v>
      </c>
    </row>
    <row r="3782" spans="1:10" x14ac:dyDescent="0.35">
      <c r="A3782" s="1" t="s">
        <v>14749</v>
      </c>
      <c r="B3782" s="1" t="s">
        <v>14750</v>
      </c>
      <c r="C3782" s="1" t="s">
        <v>100</v>
      </c>
      <c r="D3782" s="1" t="s">
        <v>14798</v>
      </c>
      <c r="E3782" s="1" t="s">
        <v>14799</v>
      </c>
      <c r="F3782" s="1" t="s">
        <v>14800</v>
      </c>
      <c r="G3782" s="1" t="s">
        <v>14753</v>
      </c>
      <c r="H3782" s="1" t="s">
        <v>13</v>
      </c>
      <c r="I3782" s="1" t="s">
        <v>14754</v>
      </c>
      <c r="J3782" s="1" t="s">
        <v>14801</v>
      </c>
    </row>
    <row r="3783" spans="1:10" x14ac:dyDescent="0.35">
      <c r="A3783" s="1" t="s">
        <v>14749</v>
      </c>
      <c r="B3783" s="1" t="s">
        <v>14750</v>
      </c>
      <c r="C3783" s="1" t="s">
        <v>105</v>
      </c>
      <c r="D3783" s="1" t="s">
        <v>14802</v>
      </c>
      <c r="E3783" s="1" t="s">
        <v>14803</v>
      </c>
      <c r="F3783" s="1" t="s">
        <v>14804</v>
      </c>
      <c r="G3783" s="1" t="s">
        <v>14753</v>
      </c>
      <c r="H3783" s="1" t="s">
        <v>13</v>
      </c>
      <c r="I3783" s="1" t="s">
        <v>14754</v>
      </c>
      <c r="J3783" s="1" t="s">
        <v>14805</v>
      </c>
    </row>
    <row r="3784" spans="1:10" x14ac:dyDescent="0.35">
      <c r="A3784" s="1" t="s">
        <v>14749</v>
      </c>
      <c r="B3784" s="1" t="s">
        <v>14750</v>
      </c>
      <c r="C3784" s="1" t="s">
        <v>110</v>
      </c>
      <c r="D3784" s="1" t="s">
        <v>7123</v>
      </c>
      <c r="E3784" s="1" t="s">
        <v>14806</v>
      </c>
      <c r="F3784" s="1" t="s">
        <v>14807</v>
      </c>
      <c r="G3784" s="1" t="s">
        <v>14753</v>
      </c>
      <c r="H3784" s="1" t="s">
        <v>13</v>
      </c>
      <c r="I3784" s="1" t="s">
        <v>14754</v>
      </c>
      <c r="J3784" s="1" t="s">
        <v>14808</v>
      </c>
    </row>
    <row r="3785" spans="1:10" x14ac:dyDescent="0.35">
      <c r="A3785" s="1" t="s">
        <v>14749</v>
      </c>
      <c r="B3785" s="1" t="s">
        <v>14750</v>
      </c>
      <c r="C3785" s="1" t="s">
        <v>115</v>
      </c>
      <c r="D3785" s="1" t="s">
        <v>14809</v>
      </c>
      <c r="E3785" s="1" t="s">
        <v>14810</v>
      </c>
      <c r="F3785" s="1" t="s">
        <v>14811</v>
      </c>
      <c r="G3785" s="1" t="s">
        <v>14753</v>
      </c>
      <c r="H3785" s="1" t="s">
        <v>13</v>
      </c>
      <c r="I3785" s="1" t="s">
        <v>14754</v>
      </c>
      <c r="J3785" s="1" t="s">
        <v>14812</v>
      </c>
    </row>
    <row r="3786" spans="1:10" x14ac:dyDescent="0.35">
      <c r="A3786" s="1" t="s">
        <v>14749</v>
      </c>
      <c r="B3786" s="1" t="s">
        <v>14750</v>
      </c>
      <c r="C3786" s="1" t="s">
        <v>120</v>
      </c>
      <c r="D3786" s="1" t="s">
        <v>14813</v>
      </c>
      <c r="E3786" s="1" t="s">
        <v>14814</v>
      </c>
      <c r="F3786" s="1" t="s">
        <v>14815</v>
      </c>
      <c r="G3786" s="1" t="s">
        <v>14753</v>
      </c>
      <c r="H3786" s="1" t="s">
        <v>13</v>
      </c>
      <c r="I3786" s="1" t="s">
        <v>14754</v>
      </c>
      <c r="J3786" s="1" t="s">
        <v>14816</v>
      </c>
    </row>
    <row r="3787" spans="1:10" x14ac:dyDescent="0.35">
      <c r="A3787" s="1" t="s">
        <v>14749</v>
      </c>
      <c r="B3787" s="1" t="s">
        <v>14750</v>
      </c>
      <c r="C3787" s="1" t="s">
        <v>125</v>
      </c>
      <c r="D3787" s="1" t="s">
        <v>14817</v>
      </c>
      <c r="E3787" s="1" t="s">
        <v>14818</v>
      </c>
      <c r="F3787" s="1" t="s">
        <v>14819</v>
      </c>
      <c r="G3787" s="1" t="s">
        <v>14753</v>
      </c>
      <c r="H3787" s="1" t="s">
        <v>13</v>
      </c>
      <c r="I3787" s="1" t="s">
        <v>14754</v>
      </c>
      <c r="J3787" s="1" t="s">
        <v>14820</v>
      </c>
    </row>
    <row r="3788" spans="1:10" x14ac:dyDescent="0.35">
      <c r="A3788" s="1" t="s">
        <v>14749</v>
      </c>
      <c r="B3788" s="1" t="s">
        <v>14750</v>
      </c>
      <c r="C3788" s="1" t="s">
        <v>130</v>
      </c>
      <c r="D3788" s="1" t="s">
        <v>14821</v>
      </c>
      <c r="E3788" s="1" t="s">
        <v>14822</v>
      </c>
      <c r="F3788" s="1" t="s">
        <v>14823</v>
      </c>
      <c r="G3788" s="1" t="s">
        <v>14753</v>
      </c>
      <c r="H3788" s="1" t="s">
        <v>13</v>
      </c>
      <c r="I3788" s="1" t="s">
        <v>14754</v>
      </c>
      <c r="J3788" s="1" t="s">
        <v>14824</v>
      </c>
    </row>
    <row r="3789" spans="1:10" x14ac:dyDescent="0.35">
      <c r="A3789" s="1" t="s">
        <v>14749</v>
      </c>
      <c r="B3789" s="1" t="s">
        <v>14750</v>
      </c>
      <c r="C3789" s="1" t="s">
        <v>135</v>
      </c>
      <c r="D3789" s="1" t="s">
        <v>14825</v>
      </c>
      <c r="E3789" s="1" t="s">
        <v>14826</v>
      </c>
      <c r="F3789" s="1" t="s">
        <v>14827</v>
      </c>
      <c r="G3789" s="1" t="s">
        <v>14753</v>
      </c>
      <c r="H3789" s="1" t="s">
        <v>13</v>
      </c>
      <c r="I3789" s="1" t="s">
        <v>14754</v>
      </c>
      <c r="J3789" s="1" t="s">
        <v>14828</v>
      </c>
    </row>
    <row r="3790" spans="1:10" x14ac:dyDescent="0.35">
      <c r="A3790" s="1" t="s">
        <v>14749</v>
      </c>
      <c r="B3790" s="1" t="s">
        <v>14750</v>
      </c>
      <c r="C3790" s="1" t="s">
        <v>140</v>
      </c>
      <c r="D3790" s="1" t="s">
        <v>14829</v>
      </c>
      <c r="E3790" s="1" t="s">
        <v>7933</v>
      </c>
      <c r="F3790" s="1" t="s">
        <v>14830</v>
      </c>
      <c r="G3790" s="1" t="s">
        <v>14753</v>
      </c>
      <c r="H3790" s="1" t="s">
        <v>13</v>
      </c>
      <c r="I3790" s="1" t="s">
        <v>14754</v>
      </c>
      <c r="J3790" s="1" t="s">
        <v>14831</v>
      </c>
    </row>
    <row r="3791" spans="1:10" x14ac:dyDescent="0.35">
      <c r="A3791" s="1" t="s">
        <v>14749</v>
      </c>
      <c r="B3791" s="1" t="s">
        <v>14750</v>
      </c>
      <c r="C3791" s="1" t="s">
        <v>145</v>
      </c>
      <c r="D3791" s="1" t="s">
        <v>14832</v>
      </c>
      <c r="E3791" s="1" t="s">
        <v>14833</v>
      </c>
      <c r="F3791" s="1" t="s">
        <v>14834</v>
      </c>
      <c r="G3791" s="1" t="s">
        <v>14753</v>
      </c>
      <c r="H3791" s="1" t="s">
        <v>13</v>
      </c>
      <c r="I3791" s="1" t="s">
        <v>14754</v>
      </c>
      <c r="J3791" s="1" t="s">
        <v>14835</v>
      </c>
    </row>
    <row r="3792" spans="1:10" x14ac:dyDescent="0.35">
      <c r="A3792" s="1" t="s">
        <v>14749</v>
      </c>
      <c r="B3792" s="1" t="s">
        <v>14750</v>
      </c>
      <c r="C3792" s="1" t="s">
        <v>150</v>
      </c>
      <c r="D3792" s="1" t="s">
        <v>14836</v>
      </c>
      <c r="E3792" s="1" t="s">
        <v>495</v>
      </c>
      <c r="F3792" s="1" t="s">
        <v>14837</v>
      </c>
      <c r="G3792" s="1" t="s">
        <v>14753</v>
      </c>
      <c r="H3792" s="1" t="s">
        <v>13</v>
      </c>
      <c r="I3792" s="1" t="s">
        <v>14754</v>
      </c>
      <c r="J3792" s="1" t="s">
        <v>14838</v>
      </c>
    </row>
    <row r="3793" spans="1:10" x14ac:dyDescent="0.35">
      <c r="A3793" s="1" t="s">
        <v>14749</v>
      </c>
      <c r="B3793" s="1" t="s">
        <v>14750</v>
      </c>
      <c r="C3793" s="1" t="s">
        <v>155</v>
      </c>
      <c r="D3793" s="1" t="s">
        <v>14839</v>
      </c>
      <c r="E3793" s="1" t="s">
        <v>12142</v>
      </c>
      <c r="F3793" s="1" t="s">
        <v>14840</v>
      </c>
      <c r="G3793" s="1" t="s">
        <v>14753</v>
      </c>
      <c r="H3793" s="1" t="s">
        <v>13</v>
      </c>
      <c r="I3793" s="1" t="s">
        <v>14754</v>
      </c>
      <c r="J3793" s="1" t="s">
        <v>14841</v>
      </c>
    </row>
    <row r="3794" spans="1:10" x14ac:dyDescent="0.35">
      <c r="A3794" s="1" t="s">
        <v>14749</v>
      </c>
      <c r="B3794" s="1" t="s">
        <v>14750</v>
      </c>
      <c r="C3794" s="1" t="s">
        <v>160</v>
      </c>
      <c r="D3794" s="1" t="s">
        <v>14842</v>
      </c>
      <c r="E3794" s="1" t="s">
        <v>13648</v>
      </c>
      <c r="F3794" s="1" t="s">
        <v>14843</v>
      </c>
      <c r="G3794" s="1" t="s">
        <v>14753</v>
      </c>
      <c r="H3794" s="1" t="s">
        <v>13</v>
      </c>
      <c r="I3794" s="1" t="s">
        <v>14754</v>
      </c>
      <c r="J3794" s="1" t="s">
        <v>14844</v>
      </c>
    </row>
    <row r="3795" spans="1:10" x14ac:dyDescent="0.35">
      <c r="A3795" s="1" t="s">
        <v>14749</v>
      </c>
      <c r="B3795" s="1" t="s">
        <v>14750</v>
      </c>
      <c r="C3795" s="1" t="s">
        <v>165</v>
      </c>
      <c r="D3795" s="1" t="s">
        <v>14845</v>
      </c>
      <c r="E3795" s="1" t="s">
        <v>7925</v>
      </c>
      <c r="F3795" s="1" t="s">
        <v>14846</v>
      </c>
      <c r="G3795" s="1" t="s">
        <v>14753</v>
      </c>
      <c r="H3795" s="1" t="s">
        <v>13</v>
      </c>
      <c r="I3795" s="1" t="s">
        <v>14754</v>
      </c>
      <c r="J3795" s="1" t="s">
        <v>14847</v>
      </c>
    </row>
    <row r="3796" spans="1:10" x14ac:dyDescent="0.35">
      <c r="A3796" s="1" t="s">
        <v>14749</v>
      </c>
      <c r="B3796" s="1" t="s">
        <v>14750</v>
      </c>
      <c r="C3796" s="1" t="s">
        <v>170</v>
      </c>
      <c r="D3796" s="1" t="s">
        <v>14848</v>
      </c>
      <c r="E3796" s="1" t="s">
        <v>7929</v>
      </c>
      <c r="F3796" s="1" t="s">
        <v>14849</v>
      </c>
      <c r="G3796" s="1" t="s">
        <v>14753</v>
      </c>
      <c r="H3796" s="1" t="s">
        <v>13</v>
      </c>
      <c r="I3796" s="1" t="s">
        <v>14754</v>
      </c>
      <c r="J3796" s="1" t="s">
        <v>14850</v>
      </c>
    </row>
    <row r="3797" spans="1:10" x14ac:dyDescent="0.35">
      <c r="A3797" s="1" t="s">
        <v>14851</v>
      </c>
      <c r="B3797" s="1" t="s">
        <v>14852</v>
      </c>
      <c r="C3797" s="1" t="s">
        <v>8</v>
      </c>
      <c r="D3797" s="1" t="s">
        <v>14853</v>
      </c>
      <c r="E3797" s="1" t="s">
        <v>14854</v>
      </c>
      <c r="F3797" s="1" t="s">
        <v>14855</v>
      </c>
      <c r="G3797" s="1" t="s">
        <v>14856</v>
      </c>
      <c r="H3797" s="1" t="s">
        <v>13</v>
      </c>
      <c r="I3797" s="1" t="s">
        <v>14857</v>
      </c>
      <c r="J3797" s="1" t="s">
        <v>13</v>
      </c>
    </row>
    <row r="3798" spans="1:10" x14ac:dyDescent="0.35">
      <c r="A3798" s="1" t="s">
        <v>14851</v>
      </c>
      <c r="B3798" s="1" t="s">
        <v>14852</v>
      </c>
      <c r="C3798" s="1" t="s">
        <v>15</v>
      </c>
      <c r="D3798" s="1" t="s">
        <v>14858</v>
      </c>
      <c r="E3798" s="1" t="s">
        <v>14859</v>
      </c>
      <c r="F3798" s="1" t="s">
        <v>14855</v>
      </c>
      <c r="G3798" s="1" t="s">
        <v>14856</v>
      </c>
      <c r="H3798" s="1" t="s">
        <v>13</v>
      </c>
      <c r="I3798" s="1" t="s">
        <v>14857</v>
      </c>
      <c r="J3798" s="1" t="s">
        <v>14860</v>
      </c>
    </row>
    <row r="3799" spans="1:10" x14ac:dyDescent="0.35">
      <c r="A3799" s="1" t="s">
        <v>14851</v>
      </c>
      <c r="B3799" s="1" t="s">
        <v>14852</v>
      </c>
      <c r="C3799" s="1" t="s">
        <v>20</v>
      </c>
      <c r="D3799" s="1" t="s">
        <v>14861</v>
      </c>
      <c r="E3799" s="1" t="s">
        <v>14862</v>
      </c>
      <c r="F3799" s="1" t="s">
        <v>14855</v>
      </c>
      <c r="G3799" s="1" t="s">
        <v>14856</v>
      </c>
      <c r="H3799" s="1" t="s">
        <v>13</v>
      </c>
      <c r="I3799" s="1" t="s">
        <v>14857</v>
      </c>
      <c r="J3799" s="1" t="s">
        <v>14863</v>
      </c>
    </row>
    <row r="3800" spans="1:10" x14ac:dyDescent="0.35">
      <c r="A3800" s="1" t="s">
        <v>14851</v>
      </c>
      <c r="B3800" s="1" t="s">
        <v>14852</v>
      </c>
      <c r="C3800" s="1" t="s">
        <v>25</v>
      </c>
      <c r="D3800" s="1" t="s">
        <v>14864</v>
      </c>
      <c r="E3800" s="1" t="s">
        <v>14865</v>
      </c>
      <c r="F3800" s="1" t="s">
        <v>14855</v>
      </c>
      <c r="G3800" s="1" t="s">
        <v>14856</v>
      </c>
      <c r="H3800" s="1" t="s">
        <v>13</v>
      </c>
      <c r="I3800" s="1" t="s">
        <v>14857</v>
      </c>
      <c r="J3800" s="1" t="s">
        <v>14866</v>
      </c>
    </row>
    <row r="3801" spans="1:10" x14ac:dyDescent="0.35">
      <c r="A3801" s="1" t="s">
        <v>14851</v>
      </c>
      <c r="B3801" s="1" t="s">
        <v>14852</v>
      </c>
      <c r="C3801" s="1" t="s">
        <v>30</v>
      </c>
      <c r="D3801" s="1" t="s">
        <v>14867</v>
      </c>
      <c r="E3801" s="1" t="s">
        <v>14868</v>
      </c>
      <c r="F3801" s="1" t="s">
        <v>14855</v>
      </c>
      <c r="G3801" s="1" t="s">
        <v>14856</v>
      </c>
      <c r="H3801" s="1" t="s">
        <v>13</v>
      </c>
      <c r="I3801" s="1" t="s">
        <v>14857</v>
      </c>
      <c r="J3801" s="1" t="s">
        <v>14869</v>
      </c>
    </row>
    <row r="3802" spans="1:10" x14ac:dyDescent="0.35">
      <c r="A3802" s="1" t="s">
        <v>14851</v>
      </c>
      <c r="B3802" s="1" t="s">
        <v>14852</v>
      </c>
      <c r="C3802" s="1" t="s">
        <v>35</v>
      </c>
      <c r="D3802" s="1" t="s">
        <v>14870</v>
      </c>
      <c r="E3802" s="1" t="s">
        <v>14871</v>
      </c>
      <c r="F3802" s="1" t="s">
        <v>14855</v>
      </c>
      <c r="G3802" s="1" t="s">
        <v>14856</v>
      </c>
      <c r="H3802" s="1" t="s">
        <v>13</v>
      </c>
      <c r="I3802" s="1" t="s">
        <v>14857</v>
      </c>
      <c r="J3802" s="1" t="s">
        <v>14872</v>
      </c>
    </row>
    <row r="3803" spans="1:10" x14ac:dyDescent="0.35">
      <c r="A3803" s="1" t="s">
        <v>14851</v>
      </c>
      <c r="B3803" s="1" t="s">
        <v>14852</v>
      </c>
      <c r="C3803" s="1" t="s">
        <v>40</v>
      </c>
      <c r="D3803" s="1" t="s">
        <v>14873</v>
      </c>
      <c r="E3803" s="1" t="s">
        <v>14874</v>
      </c>
      <c r="F3803" s="1" t="s">
        <v>14855</v>
      </c>
      <c r="G3803" s="1" t="s">
        <v>14856</v>
      </c>
      <c r="H3803" s="1" t="s">
        <v>13</v>
      </c>
      <c r="I3803" s="1" t="s">
        <v>14857</v>
      </c>
      <c r="J3803" s="1" t="s">
        <v>14875</v>
      </c>
    </row>
    <row r="3804" spans="1:10" x14ac:dyDescent="0.35">
      <c r="A3804" s="1" t="s">
        <v>14851</v>
      </c>
      <c r="B3804" s="1" t="s">
        <v>14852</v>
      </c>
      <c r="C3804" s="1" t="s">
        <v>45</v>
      </c>
      <c r="D3804" s="1" t="s">
        <v>14876</v>
      </c>
      <c r="E3804" s="1" t="s">
        <v>14877</v>
      </c>
      <c r="F3804" s="1" t="s">
        <v>14855</v>
      </c>
      <c r="G3804" s="1" t="s">
        <v>14856</v>
      </c>
      <c r="H3804" s="1" t="s">
        <v>13</v>
      </c>
      <c r="I3804" s="1" t="s">
        <v>14857</v>
      </c>
      <c r="J3804" s="1" t="s">
        <v>14878</v>
      </c>
    </row>
    <row r="3805" spans="1:10" x14ac:dyDescent="0.35">
      <c r="A3805" s="1" t="s">
        <v>14851</v>
      </c>
      <c r="B3805" s="1" t="s">
        <v>14852</v>
      </c>
      <c r="C3805" s="1" t="s">
        <v>50</v>
      </c>
      <c r="D3805" s="1" t="s">
        <v>14879</v>
      </c>
      <c r="E3805" s="1" t="s">
        <v>14880</v>
      </c>
      <c r="F3805" s="1" t="s">
        <v>14855</v>
      </c>
      <c r="G3805" s="1" t="s">
        <v>14856</v>
      </c>
      <c r="H3805" s="1" t="s">
        <v>13</v>
      </c>
      <c r="I3805" s="1" t="s">
        <v>14857</v>
      </c>
      <c r="J3805" s="1" t="s">
        <v>14881</v>
      </c>
    </row>
    <row r="3806" spans="1:10" x14ac:dyDescent="0.35">
      <c r="A3806" s="1" t="s">
        <v>14851</v>
      </c>
      <c r="B3806" s="1" t="s">
        <v>14852</v>
      </c>
      <c r="C3806" s="1" t="s">
        <v>55</v>
      </c>
      <c r="D3806" s="1" t="s">
        <v>14882</v>
      </c>
      <c r="E3806" s="1" t="s">
        <v>14883</v>
      </c>
      <c r="F3806" s="1" t="s">
        <v>14855</v>
      </c>
      <c r="G3806" s="1" t="s">
        <v>14856</v>
      </c>
      <c r="H3806" s="1" t="s">
        <v>13</v>
      </c>
      <c r="I3806" s="1" t="s">
        <v>14857</v>
      </c>
      <c r="J3806" s="1" t="s">
        <v>14884</v>
      </c>
    </row>
    <row r="3807" spans="1:10" x14ac:dyDescent="0.35">
      <c r="A3807" s="1" t="s">
        <v>14851</v>
      </c>
      <c r="B3807" s="1" t="s">
        <v>14852</v>
      </c>
      <c r="C3807" s="1" t="s">
        <v>60</v>
      </c>
      <c r="D3807" s="1" t="s">
        <v>14885</v>
      </c>
      <c r="E3807" s="1" t="s">
        <v>14886</v>
      </c>
      <c r="F3807" s="1" t="s">
        <v>14855</v>
      </c>
      <c r="G3807" s="1" t="s">
        <v>14856</v>
      </c>
      <c r="H3807" s="1" t="s">
        <v>13</v>
      </c>
      <c r="I3807" s="1" t="s">
        <v>14857</v>
      </c>
      <c r="J3807" s="1" t="s">
        <v>14887</v>
      </c>
    </row>
    <row r="3808" spans="1:10" x14ac:dyDescent="0.35">
      <c r="A3808" s="1" t="s">
        <v>14851</v>
      </c>
      <c r="B3808" s="1" t="s">
        <v>14852</v>
      </c>
      <c r="C3808" s="1" t="s">
        <v>65</v>
      </c>
      <c r="D3808" s="1" t="s">
        <v>14888</v>
      </c>
      <c r="E3808" s="1" t="s">
        <v>14889</v>
      </c>
      <c r="F3808" s="1" t="s">
        <v>14855</v>
      </c>
      <c r="G3808" s="1" t="s">
        <v>14856</v>
      </c>
      <c r="H3808" s="1" t="s">
        <v>13</v>
      </c>
      <c r="I3808" s="1" t="s">
        <v>14857</v>
      </c>
      <c r="J3808" s="1" t="s">
        <v>14890</v>
      </c>
    </row>
    <row r="3809" spans="1:10" x14ac:dyDescent="0.35">
      <c r="A3809" s="1" t="s">
        <v>14851</v>
      </c>
      <c r="B3809" s="1" t="s">
        <v>14852</v>
      </c>
      <c r="C3809" s="1" t="s">
        <v>70</v>
      </c>
      <c r="D3809" s="1" t="s">
        <v>14891</v>
      </c>
      <c r="E3809" s="1" t="s">
        <v>14892</v>
      </c>
      <c r="F3809" s="1" t="s">
        <v>14855</v>
      </c>
      <c r="G3809" s="1" t="s">
        <v>14856</v>
      </c>
      <c r="H3809" s="1" t="s">
        <v>13</v>
      </c>
      <c r="I3809" s="1" t="s">
        <v>14857</v>
      </c>
      <c r="J3809" s="1" t="s">
        <v>14893</v>
      </c>
    </row>
    <row r="3810" spans="1:10" x14ac:dyDescent="0.35">
      <c r="A3810" s="1" t="s">
        <v>14851</v>
      </c>
      <c r="B3810" s="1" t="s">
        <v>14852</v>
      </c>
      <c r="C3810" s="1" t="s">
        <v>75</v>
      </c>
      <c r="D3810" s="1" t="s">
        <v>14894</v>
      </c>
      <c r="E3810" s="1" t="s">
        <v>14895</v>
      </c>
      <c r="F3810" s="1" t="s">
        <v>14855</v>
      </c>
      <c r="G3810" s="1" t="s">
        <v>14856</v>
      </c>
      <c r="H3810" s="1" t="s">
        <v>13</v>
      </c>
      <c r="I3810" s="1" t="s">
        <v>14857</v>
      </c>
      <c r="J3810" s="1" t="s">
        <v>14896</v>
      </c>
    </row>
    <row r="3811" spans="1:10" x14ac:dyDescent="0.35">
      <c r="A3811" s="1" t="s">
        <v>14851</v>
      </c>
      <c r="B3811" s="1" t="s">
        <v>14852</v>
      </c>
      <c r="C3811" s="1" t="s">
        <v>80</v>
      </c>
      <c r="D3811" s="1" t="s">
        <v>14897</v>
      </c>
      <c r="E3811" s="1" t="s">
        <v>14898</v>
      </c>
      <c r="F3811" s="1" t="s">
        <v>14855</v>
      </c>
      <c r="G3811" s="1" t="s">
        <v>14856</v>
      </c>
      <c r="H3811" s="1" t="s">
        <v>13</v>
      </c>
      <c r="I3811" s="1" t="s">
        <v>14857</v>
      </c>
      <c r="J3811" s="1" t="s">
        <v>14899</v>
      </c>
    </row>
    <row r="3812" spans="1:10" x14ac:dyDescent="0.35">
      <c r="A3812" s="1" t="s">
        <v>14851</v>
      </c>
      <c r="B3812" s="1" t="s">
        <v>14852</v>
      </c>
      <c r="C3812" s="1" t="s">
        <v>85</v>
      </c>
      <c r="D3812" s="1" t="s">
        <v>14900</v>
      </c>
      <c r="E3812" s="1" t="s">
        <v>14901</v>
      </c>
      <c r="F3812" s="1" t="s">
        <v>14855</v>
      </c>
      <c r="G3812" s="1" t="s">
        <v>14856</v>
      </c>
      <c r="H3812" s="1" t="s">
        <v>13</v>
      </c>
      <c r="I3812" s="1" t="s">
        <v>14857</v>
      </c>
      <c r="J3812" s="1" t="s">
        <v>14902</v>
      </c>
    </row>
    <row r="3813" spans="1:10" x14ac:dyDescent="0.35">
      <c r="A3813" s="1" t="s">
        <v>14851</v>
      </c>
      <c r="B3813" s="1" t="s">
        <v>14852</v>
      </c>
      <c r="C3813" s="1" t="s">
        <v>90</v>
      </c>
      <c r="D3813" s="1" t="s">
        <v>14903</v>
      </c>
      <c r="E3813" s="1" t="s">
        <v>14904</v>
      </c>
      <c r="F3813" s="1" t="s">
        <v>14855</v>
      </c>
      <c r="G3813" s="1" t="s">
        <v>14856</v>
      </c>
      <c r="H3813" s="1" t="s">
        <v>13</v>
      </c>
      <c r="I3813" s="1" t="s">
        <v>14857</v>
      </c>
      <c r="J3813" s="1" t="s">
        <v>14905</v>
      </c>
    </row>
    <row r="3814" spans="1:10" x14ac:dyDescent="0.35">
      <c r="A3814" s="1" t="s">
        <v>14851</v>
      </c>
      <c r="B3814" s="1" t="s">
        <v>14852</v>
      </c>
      <c r="C3814" s="1" t="s">
        <v>95</v>
      </c>
      <c r="D3814" s="1" t="s">
        <v>14906</v>
      </c>
      <c r="E3814" s="1" t="s">
        <v>14907</v>
      </c>
      <c r="F3814" s="1" t="s">
        <v>14855</v>
      </c>
      <c r="G3814" s="1" t="s">
        <v>14856</v>
      </c>
      <c r="H3814" s="1" t="s">
        <v>13</v>
      </c>
      <c r="I3814" s="1" t="s">
        <v>14857</v>
      </c>
      <c r="J3814" s="1" t="s">
        <v>14908</v>
      </c>
    </row>
    <row r="3815" spans="1:10" x14ac:dyDescent="0.35">
      <c r="A3815" s="1" t="s">
        <v>14851</v>
      </c>
      <c r="B3815" s="1" t="s">
        <v>14852</v>
      </c>
      <c r="C3815" s="1" t="s">
        <v>100</v>
      </c>
      <c r="D3815" s="1" t="s">
        <v>14909</v>
      </c>
      <c r="E3815" s="1" t="s">
        <v>14910</v>
      </c>
      <c r="F3815" s="1" t="s">
        <v>14855</v>
      </c>
      <c r="G3815" s="1" t="s">
        <v>14856</v>
      </c>
      <c r="H3815" s="1" t="s">
        <v>13</v>
      </c>
      <c r="I3815" s="1" t="s">
        <v>14857</v>
      </c>
      <c r="J3815" s="1" t="s">
        <v>14911</v>
      </c>
    </row>
    <row r="3816" spans="1:10" x14ac:dyDescent="0.35">
      <c r="A3816" s="1" t="s">
        <v>14851</v>
      </c>
      <c r="B3816" s="1" t="s">
        <v>14852</v>
      </c>
      <c r="C3816" s="1" t="s">
        <v>105</v>
      </c>
      <c r="D3816" s="1" t="s">
        <v>14912</v>
      </c>
      <c r="E3816" s="1" t="s">
        <v>14913</v>
      </c>
      <c r="F3816" s="1" t="s">
        <v>14855</v>
      </c>
      <c r="G3816" s="1" t="s">
        <v>14856</v>
      </c>
      <c r="H3816" s="1" t="s">
        <v>13</v>
      </c>
      <c r="I3816" s="1" t="s">
        <v>14857</v>
      </c>
      <c r="J3816" s="1" t="s">
        <v>14914</v>
      </c>
    </row>
    <row r="3817" spans="1:10" x14ac:dyDescent="0.35">
      <c r="A3817" s="1" t="s">
        <v>14851</v>
      </c>
      <c r="B3817" s="1" t="s">
        <v>14852</v>
      </c>
      <c r="C3817" s="1" t="s">
        <v>110</v>
      </c>
      <c r="D3817" s="1" t="s">
        <v>14915</v>
      </c>
      <c r="E3817" s="1" t="s">
        <v>14916</v>
      </c>
      <c r="F3817" s="1" t="s">
        <v>14855</v>
      </c>
      <c r="G3817" s="1" t="s">
        <v>14856</v>
      </c>
      <c r="H3817" s="1" t="s">
        <v>13</v>
      </c>
      <c r="I3817" s="1" t="s">
        <v>14857</v>
      </c>
      <c r="J3817" s="1" t="s">
        <v>14917</v>
      </c>
    </row>
    <row r="3818" spans="1:10" x14ac:dyDescent="0.35">
      <c r="A3818" s="1" t="s">
        <v>14851</v>
      </c>
      <c r="B3818" s="1" t="s">
        <v>14852</v>
      </c>
      <c r="C3818" s="1" t="s">
        <v>115</v>
      </c>
      <c r="D3818" s="1" t="s">
        <v>14918</v>
      </c>
      <c r="E3818" s="1" t="s">
        <v>14919</v>
      </c>
      <c r="F3818" s="1" t="s">
        <v>14855</v>
      </c>
      <c r="G3818" s="1" t="s">
        <v>14856</v>
      </c>
      <c r="H3818" s="1" t="s">
        <v>13</v>
      </c>
      <c r="I3818" s="1" t="s">
        <v>14857</v>
      </c>
      <c r="J3818" s="1" t="s">
        <v>14920</v>
      </c>
    </row>
    <row r="3819" spans="1:10" x14ac:dyDescent="0.35">
      <c r="A3819" s="1" t="s">
        <v>14851</v>
      </c>
      <c r="B3819" s="1" t="s">
        <v>14852</v>
      </c>
      <c r="C3819" s="1" t="s">
        <v>120</v>
      </c>
      <c r="D3819" s="1" t="s">
        <v>14921</v>
      </c>
      <c r="E3819" s="1" t="s">
        <v>14922</v>
      </c>
      <c r="F3819" s="1" t="s">
        <v>14855</v>
      </c>
      <c r="G3819" s="1" t="s">
        <v>14856</v>
      </c>
      <c r="H3819" s="1" t="s">
        <v>13</v>
      </c>
      <c r="I3819" s="1" t="s">
        <v>14857</v>
      </c>
      <c r="J3819" s="1" t="s">
        <v>14923</v>
      </c>
    </row>
    <row r="3820" spans="1:10" x14ac:dyDescent="0.35">
      <c r="A3820" s="1" t="s">
        <v>14851</v>
      </c>
      <c r="B3820" s="1" t="s">
        <v>14852</v>
      </c>
      <c r="C3820" s="1" t="s">
        <v>125</v>
      </c>
      <c r="D3820" s="1" t="s">
        <v>14924</v>
      </c>
      <c r="E3820" s="1" t="s">
        <v>14925</v>
      </c>
      <c r="F3820" s="1" t="s">
        <v>14855</v>
      </c>
      <c r="G3820" s="1" t="s">
        <v>14856</v>
      </c>
      <c r="H3820" s="1" t="s">
        <v>13</v>
      </c>
      <c r="I3820" s="1" t="s">
        <v>14857</v>
      </c>
      <c r="J3820" s="1" t="s">
        <v>14926</v>
      </c>
    </row>
    <row r="3821" spans="1:10" x14ac:dyDescent="0.35">
      <c r="A3821" s="1" t="s">
        <v>14851</v>
      </c>
      <c r="B3821" s="1" t="s">
        <v>14852</v>
      </c>
      <c r="C3821" s="1" t="s">
        <v>130</v>
      </c>
      <c r="D3821" s="1" t="s">
        <v>14927</v>
      </c>
      <c r="E3821" s="1" t="s">
        <v>14928</v>
      </c>
      <c r="F3821" s="1" t="s">
        <v>14855</v>
      </c>
      <c r="G3821" s="1" t="s">
        <v>14856</v>
      </c>
      <c r="H3821" s="1" t="s">
        <v>13</v>
      </c>
      <c r="I3821" s="1" t="s">
        <v>14857</v>
      </c>
      <c r="J3821" s="1" t="s">
        <v>14929</v>
      </c>
    </row>
    <row r="3822" spans="1:10" x14ac:dyDescent="0.35">
      <c r="A3822" s="1" t="s">
        <v>14851</v>
      </c>
      <c r="B3822" s="1" t="s">
        <v>14852</v>
      </c>
      <c r="C3822" s="1" t="s">
        <v>135</v>
      </c>
      <c r="D3822" s="1" t="s">
        <v>14930</v>
      </c>
      <c r="E3822" s="1" t="s">
        <v>14931</v>
      </c>
      <c r="F3822" s="1" t="s">
        <v>14855</v>
      </c>
      <c r="G3822" s="1" t="s">
        <v>14856</v>
      </c>
      <c r="H3822" s="1" t="s">
        <v>13</v>
      </c>
      <c r="I3822" s="1" t="s">
        <v>14857</v>
      </c>
      <c r="J3822" s="1" t="s">
        <v>14932</v>
      </c>
    </row>
    <row r="3823" spans="1:10" x14ac:dyDescent="0.35">
      <c r="A3823" s="1" t="s">
        <v>14851</v>
      </c>
      <c r="B3823" s="1" t="s">
        <v>14852</v>
      </c>
      <c r="C3823" s="1" t="s">
        <v>140</v>
      </c>
      <c r="D3823" s="1" t="s">
        <v>14933</v>
      </c>
      <c r="E3823" s="1" t="s">
        <v>14934</v>
      </c>
      <c r="F3823" s="1" t="s">
        <v>14855</v>
      </c>
      <c r="G3823" s="1" t="s">
        <v>14856</v>
      </c>
      <c r="H3823" s="1" t="s">
        <v>13</v>
      </c>
      <c r="I3823" s="1" t="s">
        <v>14857</v>
      </c>
      <c r="J3823" s="1" t="s">
        <v>14935</v>
      </c>
    </row>
    <row r="3824" spans="1:10" x14ac:dyDescent="0.35">
      <c r="A3824" s="1" t="s">
        <v>14851</v>
      </c>
      <c r="B3824" s="1" t="s">
        <v>14852</v>
      </c>
      <c r="C3824" s="1" t="s">
        <v>145</v>
      </c>
      <c r="D3824" s="1" t="s">
        <v>14936</v>
      </c>
      <c r="E3824" s="1" t="s">
        <v>14937</v>
      </c>
      <c r="F3824" s="1" t="s">
        <v>14855</v>
      </c>
      <c r="G3824" s="1" t="s">
        <v>14856</v>
      </c>
      <c r="H3824" s="1" t="s">
        <v>13</v>
      </c>
      <c r="I3824" s="1" t="s">
        <v>14857</v>
      </c>
      <c r="J3824" s="1" t="s">
        <v>14938</v>
      </c>
    </row>
    <row r="3825" spans="1:10" x14ac:dyDescent="0.35">
      <c r="A3825" s="1" t="s">
        <v>14851</v>
      </c>
      <c r="B3825" s="1" t="s">
        <v>14852</v>
      </c>
      <c r="C3825" s="1" t="s">
        <v>150</v>
      </c>
      <c r="D3825" s="1" t="s">
        <v>14939</v>
      </c>
      <c r="E3825" s="1" t="s">
        <v>14940</v>
      </c>
      <c r="F3825" s="1" t="s">
        <v>14855</v>
      </c>
      <c r="G3825" s="1" t="s">
        <v>14856</v>
      </c>
      <c r="H3825" s="1" t="s">
        <v>13</v>
      </c>
      <c r="I3825" s="1" t="s">
        <v>14857</v>
      </c>
      <c r="J3825" s="1" t="s">
        <v>14941</v>
      </c>
    </row>
    <row r="3826" spans="1:10" x14ac:dyDescent="0.35">
      <c r="A3826" s="1" t="s">
        <v>14851</v>
      </c>
      <c r="B3826" s="1" t="s">
        <v>14852</v>
      </c>
      <c r="C3826" s="1" t="s">
        <v>155</v>
      </c>
      <c r="D3826" s="1" t="s">
        <v>14942</v>
      </c>
      <c r="E3826" s="1" t="s">
        <v>14943</v>
      </c>
      <c r="F3826" s="1" t="s">
        <v>14855</v>
      </c>
      <c r="G3826" s="1" t="s">
        <v>14856</v>
      </c>
      <c r="H3826" s="1" t="s">
        <v>13</v>
      </c>
      <c r="I3826" s="1" t="s">
        <v>14857</v>
      </c>
      <c r="J3826" s="1" t="s">
        <v>14944</v>
      </c>
    </row>
    <row r="3827" spans="1:10" x14ac:dyDescent="0.35">
      <c r="A3827" s="1" t="s">
        <v>14851</v>
      </c>
      <c r="B3827" s="1" t="s">
        <v>14852</v>
      </c>
      <c r="C3827" s="1" t="s">
        <v>160</v>
      </c>
      <c r="D3827" s="1" t="s">
        <v>14945</v>
      </c>
      <c r="E3827" s="1" t="s">
        <v>14946</v>
      </c>
      <c r="F3827" s="1" t="s">
        <v>14855</v>
      </c>
      <c r="G3827" s="1" t="s">
        <v>14856</v>
      </c>
      <c r="H3827" s="1" t="s">
        <v>13</v>
      </c>
      <c r="I3827" s="1" t="s">
        <v>14857</v>
      </c>
      <c r="J3827" s="1" t="s">
        <v>14947</v>
      </c>
    </row>
    <row r="3828" spans="1:10" x14ac:dyDescent="0.35">
      <c r="A3828" s="1" t="s">
        <v>14851</v>
      </c>
      <c r="B3828" s="1" t="s">
        <v>14852</v>
      </c>
      <c r="C3828" s="1" t="s">
        <v>165</v>
      </c>
      <c r="D3828" s="1" t="s">
        <v>14948</v>
      </c>
      <c r="E3828" s="1" t="s">
        <v>14949</v>
      </c>
      <c r="F3828" s="1" t="s">
        <v>14855</v>
      </c>
      <c r="G3828" s="1" t="s">
        <v>14856</v>
      </c>
      <c r="H3828" s="1" t="s">
        <v>13</v>
      </c>
      <c r="I3828" s="1" t="s">
        <v>14857</v>
      </c>
      <c r="J3828" s="1" t="s">
        <v>14950</v>
      </c>
    </row>
    <row r="3829" spans="1:10" x14ac:dyDescent="0.35">
      <c r="A3829" s="1" t="s">
        <v>14851</v>
      </c>
      <c r="B3829" s="1" t="s">
        <v>14852</v>
      </c>
      <c r="C3829" s="1" t="s">
        <v>170</v>
      </c>
      <c r="D3829" s="1" t="s">
        <v>14951</v>
      </c>
      <c r="E3829" s="1" t="s">
        <v>14952</v>
      </c>
      <c r="F3829" s="1" t="s">
        <v>14855</v>
      </c>
      <c r="G3829" s="1" t="s">
        <v>14856</v>
      </c>
      <c r="H3829" s="1" t="s">
        <v>13</v>
      </c>
      <c r="I3829" s="1" t="s">
        <v>14857</v>
      </c>
      <c r="J3829" s="1" t="s">
        <v>14953</v>
      </c>
    </row>
    <row r="3830" spans="1:10" x14ac:dyDescent="0.35">
      <c r="A3830" s="1" t="s">
        <v>14954</v>
      </c>
      <c r="B3830" s="1" t="s">
        <v>14955</v>
      </c>
      <c r="C3830" s="1" t="s">
        <v>8</v>
      </c>
      <c r="D3830" s="1" t="s">
        <v>9924</v>
      </c>
      <c r="E3830" s="1" t="s">
        <v>14956</v>
      </c>
      <c r="F3830" s="1" t="s">
        <v>14957</v>
      </c>
      <c r="G3830" s="1" t="s">
        <v>14958</v>
      </c>
      <c r="H3830" s="1" t="s">
        <v>13</v>
      </c>
      <c r="I3830" s="1" t="s">
        <v>14959</v>
      </c>
      <c r="J3830" s="1" t="s">
        <v>13</v>
      </c>
    </row>
    <row r="3831" spans="1:10" x14ac:dyDescent="0.35">
      <c r="A3831" s="1" t="s">
        <v>14954</v>
      </c>
      <c r="B3831" s="1" t="s">
        <v>14955</v>
      </c>
      <c r="C3831" s="1" t="s">
        <v>15</v>
      </c>
      <c r="D3831" s="1" t="s">
        <v>14960</v>
      </c>
      <c r="E3831" s="1" t="s">
        <v>14961</v>
      </c>
      <c r="F3831" s="1" t="s">
        <v>14962</v>
      </c>
      <c r="G3831" s="1" t="s">
        <v>14958</v>
      </c>
      <c r="H3831" s="1" t="s">
        <v>13</v>
      </c>
      <c r="I3831" s="1" t="s">
        <v>14959</v>
      </c>
      <c r="J3831" s="1" t="s">
        <v>14963</v>
      </c>
    </row>
    <row r="3832" spans="1:10" x14ac:dyDescent="0.35">
      <c r="A3832" s="1" t="s">
        <v>14954</v>
      </c>
      <c r="B3832" s="1" t="s">
        <v>14955</v>
      </c>
      <c r="C3832" s="1" t="s">
        <v>20</v>
      </c>
      <c r="D3832" s="1" t="s">
        <v>14964</v>
      </c>
      <c r="E3832" s="1" t="s">
        <v>14965</v>
      </c>
      <c r="F3832" s="1" t="s">
        <v>14966</v>
      </c>
      <c r="G3832" s="1" t="s">
        <v>14958</v>
      </c>
      <c r="H3832" s="1" t="s">
        <v>13</v>
      </c>
      <c r="I3832" s="1" t="s">
        <v>14959</v>
      </c>
      <c r="J3832" s="1" t="s">
        <v>14967</v>
      </c>
    </row>
    <row r="3833" spans="1:10" x14ac:dyDescent="0.35">
      <c r="A3833" s="1" t="s">
        <v>14954</v>
      </c>
      <c r="B3833" s="1" t="s">
        <v>14955</v>
      </c>
      <c r="C3833" s="1" t="s">
        <v>25</v>
      </c>
      <c r="D3833" s="1" t="s">
        <v>14968</v>
      </c>
      <c r="E3833" s="1" t="s">
        <v>14969</v>
      </c>
      <c r="F3833" s="1" t="s">
        <v>14970</v>
      </c>
      <c r="G3833" s="1" t="s">
        <v>14958</v>
      </c>
      <c r="H3833" s="1" t="s">
        <v>13</v>
      </c>
      <c r="I3833" s="1" t="s">
        <v>14959</v>
      </c>
      <c r="J3833" s="1" t="s">
        <v>14971</v>
      </c>
    </row>
    <row r="3834" spans="1:10" x14ac:dyDescent="0.35">
      <c r="A3834" s="1" t="s">
        <v>14954</v>
      </c>
      <c r="B3834" s="1" t="s">
        <v>14955</v>
      </c>
      <c r="C3834" s="1" t="s">
        <v>30</v>
      </c>
      <c r="D3834" s="1" t="s">
        <v>14972</v>
      </c>
      <c r="E3834" s="1" t="s">
        <v>14973</v>
      </c>
      <c r="F3834" s="1" t="s">
        <v>14974</v>
      </c>
      <c r="G3834" s="1" t="s">
        <v>14958</v>
      </c>
      <c r="H3834" s="1" t="s">
        <v>13</v>
      </c>
      <c r="I3834" s="1" t="s">
        <v>14959</v>
      </c>
      <c r="J3834" s="1" t="s">
        <v>14975</v>
      </c>
    </row>
    <row r="3835" spans="1:10" x14ac:dyDescent="0.35">
      <c r="A3835" s="1" t="s">
        <v>14954</v>
      </c>
      <c r="B3835" s="1" t="s">
        <v>14955</v>
      </c>
      <c r="C3835" s="1" t="s">
        <v>35</v>
      </c>
      <c r="D3835" s="1" t="s">
        <v>9920</v>
      </c>
      <c r="E3835" s="1" t="s">
        <v>14976</v>
      </c>
      <c r="F3835" s="1" t="s">
        <v>14977</v>
      </c>
      <c r="G3835" s="1" t="s">
        <v>14958</v>
      </c>
      <c r="H3835" s="1" t="s">
        <v>13</v>
      </c>
      <c r="I3835" s="1" t="s">
        <v>14959</v>
      </c>
      <c r="J3835" s="1" t="s">
        <v>14978</v>
      </c>
    </row>
    <row r="3836" spans="1:10" x14ac:dyDescent="0.35">
      <c r="A3836" s="1" t="s">
        <v>14954</v>
      </c>
      <c r="B3836" s="1" t="s">
        <v>14955</v>
      </c>
      <c r="C3836" s="1" t="s">
        <v>40</v>
      </c>
      <c r="D3836" s="1" t="s">
        <v>14979</v>
      </c>
      <c r="E3836" s="1" t="s">
        <v>14980</v>
      </c>
      <c r="F3836" s="1" t="s">
        <v>14981</v>
      </c>
      <c r="G3836" s="1" t="s">
        <v>14958</v>
      </c>
      <c r="H3836" s="1" t="s">
        <v>13</v>
      </c>
      <c r="I3836" s="1" t="s">
        <v>14959</v>
      </c>
      <c r="J3836" s="1" t="s">
        <v>14982</v>
      </c>
    </row>
    <row r="3837" spans="1:10" x14ac:dyDescent="0.35">
      <c r="A3837" s="1" t="s">
        <v>14954</v>
      </c>
      <c r="B3837" s="1" t="s">
        <v>14955</v>
      </c>
      <c r="C3837" s="1" t="s">
        <v>45</v>
      </c>
      <c r="D3837" s="1" t="s">
        <v>14983</v>
      </c>
      <c r="E3837" s="1" t="s">
        <v>14984</v>
      </c>
      <c r="F3837" s="1" t="s">
        <v>14985</v>
      </c>
      <c r="G3837" s="1" t="s">
        <v>14958</v>
      </c>
      <c r="H3837" s="1" t="s">
        <v>13</v>
      </c>
      <c r="I3837" s="1" t="s">
        <v>14959</v>
      </c>
      <c r="J3837" s="1" t="s">
        <v>14986</v>
      </c>
    </row>
    <row r="3838" spans="1:10" x14ac:dyDescent="0.35">
      <c r="A3838" s="1" t="s">
        <v>14954</v>
      </c>
      <c r="B3838" s="1" t="s">
        <v>14955</v>
      </c>
      <c r="C3838" s="1" t="s">
        <v>50</v>
      </c>
      <c r="D3838" s="1" t="s">
        <v>14987</v>
      </c>
      <c r="E3838" s="1" t="s">
        <v>14988</v>
      </c>
      <c r="F3838" s="1" t="s">
        <v>14989</v>
      </c>
      <c r="G3838" s="1" t="s">
        <v>14958</v>
      </c>
      <c r="H3838" s="1" t="s">
        <v>13</v>
      </c>
      <c r="I3838" s="1" t="s">
        <v>14959</v>
      </c>
      <c r="J3838" s="1" t="s">
        <v>14990</v>
      </c>
    </row>
    <row r="3839" spans="1:10" x14ac:dyDescent="0.35">
      <c r="A3839" s="1" t="s">
        <v>14954</v>
      </c>
      <c r="B3839" s="1" t="s">
        <v>14955</v>
      </c>
      <c r="C3839" s="1" t="s">
        <v>55</v>
      </c>
      <c r="D3839" s="1" t="s">
        <v>14991</v>
      </c>
      <c r="E3839" s="1" t="s">
        <v>14992</v>
      </c>
      <c r="F3839" s="1" t="s">
        <v>14993</v>
      </c>
      <c r="G3839" s="1" t="s">
        <v>14958</v>
      </c>
      <c r="H3839" s="1" t="s">
        <v>13</v>
      </c>
      <c r="I3839" s="1" t="s">
        <v>14959</v>
      </c>
      <c r="J3839" s="1" t="s">
        <v>14994</v>
      </c>
    </row>
    <row r="3840" spans="1:10" x14ac:dyDescent="0.35">
      <c r="A3840" s="1" t="s">
        <v>14954</v>
      </c>
      <c r="B3840" s="1" t="s">
        <v>14955</v>
      </c>
      <c r="C3840" s="1" t="s">
        <v>60</v>
      </c>
      <c r="D3840" s="1" t="s">
        <v>14995</v>
      </c>
      <c r="E3840" s="1" t="s">
        <v>14996</v>
      </c>
      <c r="F3840" s="1" t="s">
        <v>14997</v>
      </c>
      <c r="G3840" s="1" t="s">
        <v>14958</v>
      </c>
      <c r="H3840" s="1" t="s">
        <v>13</v>
      </c>
      <c r="I3840" s="1" t="s">
        <v>14959</v>
      </c>
      <c r="J3840" s="1" t="s">
        <v>14998</v>
      </c>
    </row>
    <row r="3841" spans="1:10" x14ac:dyDescent="0.35">
      <c r="A3841" s="1" t="s">
        <v>14954</v>
      </c>
      <c r="B3841" s="1" t="s">
        <v>14955</v>
      </c>
      <c r="C3841" s="1" t="s">
        <v>65</v>
      </c>
      <c r="D3841" s="1" t="s">
        <v>40</v>
      </c>
      <c r="E3841" s="1" t="s">
        <v>14999</v>
      </c>
      <c r="F3841" s="1" t="s">
        <v>15000</v>
      </c>
      <c r="G3841" s="1" t="s">
        <v>14958</v>
      </c>
      <c r="H3841" s="1" t="s">
        <v>13</v>
      </c>
      <c r="I3841" s="1" t="s">
        <v>14959</v>
      </c>
      <c r="J3841" s="1" t="s">
        <v>15001</v>
      </c>
    </row>
    <row r="3842" spans="1:10" x14ac:dyDescent="0.35">
      <c r="A3842" s="1" t="s">
        <v>14954</v>
      </c>
      <c r="B3842" s="1" t="s">
        <v>14955</v>
      </c>
      <c r="C3842" s="1" t="s">
        <v>70</v>
      </c>
      <c r="D3842" s="1" t="s">
        <v>5491</v>
      </c>
      <c r="E3842" s="1" t="s">
        <v>15002</v>
      </c>
      <c r="F3842" s="1" t="s">
        <v>15003</v>
      </c>
      <c r="G3842" s="1" t="s">
        <v>14958</v>
      </c>
      <c r="H3842" s="1" t="s">
        <v>13</v>
      </c>
      <c r="I3842" s="1" t="s">
        <v>14959</v>
      </c>
      <c r="J3842" s="1" t="s">
        <v>15004</v>
      </c>
    </row>
    <row r="3843" spans="1:10" x14ac:dyDescent="0.35">
      <c r="A3843" s="1" t="s">
        <v>14954</v>
      </c>
      <c r="B3843" s="1" t="s">
        <v>14955</v>
      </c>
      <c r="C3843" s="1" t="s">
        <v>75</v>
      </c>
      <c r="D3843" s="1" t="s">
        <v>15005</v>
      </c>
      <c r="E3843" s="1" t="s">
        <v>15006</v>
      </c>
      <c r="F3843" s="1" t="s">
        <v>15007</v>
      </c>
      <c r="G3843" s="1" t="s">
        <v>14958</v>
      </c>
      <c r="H3843" s="1" t="s">
        <v>13</v>
      </c>
      <c r="I3843" s="1" t="s">
        <v>14959</v>
      </c>
      <c r="J3843" s="1" t="s">
        <v>15008</v>
      </c>
    </row>
    <row r="3844" spans="1:10" x14ac:dyDescent="0.35">
      <c r="A3844" s="1" t="s">
        <v>14954</v>
      </c>
      <c r="B3844" s="1" t="s">
        <v>14955</v>
      </c>
      <c r="C3844" s="1" t="s">
        <v>80</v>
      </c>
      <c r="D3844" s="1" t="s">
        <v>6447</v>
      </c>
      <c r="E3844" s="1" t="s">
        <v>15009</v>
      </c>
      <c r="F3844" s="1" t="s">
        <v>15010</v>
      </c>
      <c r="G3844" s="1" t="s">
        <v>14958</v>
      </c>
      <c r="H3844" s="1" t="s">
        <v>13</v>
      </c>
      <c r="I3844" s="1" t="s">
        <v>14959</v>
      </c>
      <c r="J3844" s="1" t="s">
        <v>15011</v>
      </c>
    </row>
    <row r="3845" spans="1:10" x14ac:dyDescent="0.35">
      <c r="A3845" s="1" t="s">
        <v>14954</v>
      </c>
      <c r="B3845" s="1" t="s">
        <v>14955</v>
      </c>
      <c r="C3845" s="1" t="s">
        <v>85</v>
      </c>
      <c r="D3845" s="1" t="s">
        <v>8671</v>
      </c>
      <c r="E3845" s="1" t="s">
        <v>15012</v>
      </c>
      <c r="F3845" s="1" t="s">
        <v>15013</v>
      </c>
      <c r="G3845" s="1" t="s">
        <v>14958</v>
      </c>
      <c r="H3845" s="1" t="s">
        <v>13</v>
      </c>
      <c r="I3845" s="1" t="s">
        <v>14959</v>
      </c>
      <c r="J3845" s="1" t="s">
        <v>15014</v>
      </c>
    </row>
    <row r="3846" spans="1:10" x14ac:dyDescent="0.35">
      <c r="A3846" s="1" t="s">
        <v>14954</v>
      </c>
      <c r="B3846" s="1" t="s">
        <v>14955</v>
      </c>
      <c r="C3846" s="1" t="s">
        <v>90</v>
      </c>
      <c r="D3846" s="1" t="s">
        <v>8758</v>
      </c>
      <c r="E3846" s="1" t="s">
        <v>15015</v>
      </c>
      <c r="F3846" s="1" t="s">
        <v>15016</v>
      </c>
      <c r="G3846" s="1" t="s">
        <v>14958</v>
      </c>
      <c r="H3846" s="1" t="s">
        <v>13</v>
      </c>
      <c r="I3846" s="1" t="s">
        <v>14959</v>
      </c>
      <c r="J3846" s="1" t="s">
        <v>15017</v>
      </c>
    </row>
    <row r="3847" spans="1:10" x14ac:dyDescent="0.35">
      <c r="A3847" s="1" t="s">
        <v>14954</v>
      </c>
      <c r="B3847" s="1" t="s">
        <v>14955</v>
      </c>
      <c r="C3847" s="1" t="s">
        <v>95</v>
      </c>
      <c r="D3847" s="1" t="s">
        <v>14017</v>
      </c>
      <c r="E3847" s="1" t="s">
        <v>15018</v>
      </c>
      <c r="F3847" s="1" t="s">
        <v>15019</v>
      </c>
      <c r="G3847" s="1" t="s">
        <v>14958</v>
      </c>
      <c r="H3847" s="1" t="s">
        <v>13</v>
      </c>
      <c r="I3847" s="1" t="s">
        <v>14959</v>
      </c>
      <c r="J3847" s="1" t="s">
        <v>15020</v>
      </c>
    </row>
    <row r="3848" spans="1:10" x14ac:dyDescent="0.35">
      <c r="A3848" s="1" t="s">
        <v>14954</v>
      </c>
      <c r="B3848" s="1" t="s">
        <v>14955</v>
      </c>
      <c r="C3848" s="1" t="s">
        <v>100</v>
      </c>
      <c r="D3848" s="1" t="s">
        <v>15021</v>
      </c>
      <c r="E3848" s="1" t="s">
        <v>15022</v>
      </c>
      <c r="F3848" s="1" t="s">
        <v>15023</v>
      </c>
      <c r="G3848" s="1" t="s">
        <v>14958</v>
      </c>
      <c r="H3848" s="1" t="s">
        <v>13</v>
      </c>
      <c r="I3848" s="1" t="s">
        <v>14959</v>
      </c>
      <c r="J3848" s="1" t="s">
        <v>15024</v>
      </c>
    </row>
    <row r="3849" spans="1:10" x14ac:dyDescent="0.35">
      <c r="A3849" s="1" t="s">
        <v>14954</v>
      </c>
      <c r="B3849" s="1" t="s">
        <v>14955</v>
      </c>
      <c r="C3849" s="1" t="s">
        <v>105</v>
      </c>
      <c r="D3849" s="1" t="s">
        <v>15025</v>
      </c>
      <c r="E3849" s="1" t="s">
        <v>15026</v>
      </c>
      <c r="F3849" s="1" t="s">
        <v>15027</v>
      </c>
      <c r="G3849" s="1" t="s">
        <v>14958</v>
      </c>
      <c r="H3849" s="1" t="s">
        <v>13</v>
      </c>
      <c r="I3849" s="1" t="s">
        <v>14959</v>
      </c>
      <c r="J3849" s="1" t="s">
        <v>15028</v>
      </c>
    </row>
    <row r="3850" spans="1:10" x14ac:dyDescent="0.35">
      <c r="A3850" s="1" t="s">
        <v>14954</v>
      </c>
      <c r="B3850" s="1" t="s">
        <v>14955</v>
      </c>
      <c r="C3850" s="1" t="s">
        <v>110</v>
      </c>
      <c r="D3850" s="1" t="s">
        <v>9237</v>
      </c>
      <c r="E3850" s="1" t="s">
        <v>15029</v>
      </c>
      <c r="F3850" s="1" t="s">
        <v>15030</v>
      </c>
      <c r="G3850" s="1" t="s">
        <v>14958</v>
      </c>
      <c r="H3850" s="1" t="s">
        <v>13</v>
      </c>
      <c r="I3850" s="1" t="s">
        <v>14959</v>
      </c>
      <c r="J3850" s="1" t="s">
        <v>15031</v>
      </c>
    </row>
    <row r="3851" spans="1:10" x14ac:dyDescent="0.35">
      <c r="A3851" s="1" t="s">
        <v>14954</v>
      </c>
      <c r="B3851" s="1" t="s">
        <v>14955</v>
      </c>
      <c r="C3851" s="1" t="s">
        <v>115</v>
      </c>
      <c r="D3851" s="1" t="s">
        <v>8303</v>
      </c>
      <c r="E3851" s="1" t="s">
        <v>15032</v>
      </c>
      <c r="F3851" s="1" t="s">
        <v>15033</v>
      </c>
      <c r="G3851" s="1" t="s">
        <v>14958</v>
      </c>
      <c r="H3851" s="1" t="s">
        <v>13</v>
      </c>
      <c r="I3851" s="1" t="s">
        <v>14959</v>
      </c>
      <c r="J3851" s="1" t="s">
        <v>15034</v>
      </c>
    </row>
    <row r="3852" spans="1:10" x14ac:dyDescent="0.35">
      <c r="A3852" s="1" t="s">
        <v>14954</v>
      </c>
      <c r="B3852" s="1" t="s">
        <v>14955</v>
      </c>
      <c r="C3852" s="1" t="s">
        <v>120</v>
      </c>
      <c r="D3852" s="1" t="s">
        <v>11759</v>
      </c>
      <c r="E3852" s="1" t="s">
        <v>15035</v>
      </c>
      <c r="F3852" s="1" t="s">
        <v>15036</v>
      </c>
      <c r="G3852" s="1" t="s">
        <v>14958</v>
      </c>
      <c r="H3852" s="1" t="s">
        <v>13</v>
      </c>
      <c r="I3852" s="1" t="s">
        <v>14959</v>
      </c>
      <c r="J3852" s="1" t="s">
        <v>15037</v>
      </c>
    </row>
    <row r="3853" spans="1:10" x14ac:dyDescent="0.35">
      <c r="A3853" s="1" t="s">
        <v>14954</v>
      </c>
      <c r="B3853" s="1" t="s">
        <v>14955</v>
      </c>
      <c r="C3853" s="1" t="s">
        <v>125</v>
      </c>
      <c r="D3853" s="1" t="s">
        <v>15038</v>
      </c>
      <c r="E3853" s="1" t="s">
        <v>15039</v>
      </c>
      <c r="F3853" s="1" t="s">
        <v>15040</v>
      </c>
      <c r="G3853" s="1" t="s">
        <v>14958</v>
      </c>
      <c r="H3853" s="1" t="s">
        <v>13</v>
      </c>
      <c r="I3853" s="1" t="s">
        <v>14959</v>
      </c>
      <c r="J3853" s="1" t="s">
        <v>15041</v>
      </c>
    </row>
    <row r="3854" spans="1:10" x14ac:dyDescent="0.35">
      <c r="A3854" s="1" t="s">
        <v>14954</v>
      </c>
      <c r="B3854" s="1" t="s">
        <v>14955</v>
      </c>
      <c r="C3854" s="1" t="s">
        <v>130</v>
      </c>
      <c r="D3854" s="1" t="s">
        <v>9241</v>
      </c>
      <c r="E3854" s="1" t="s">
        <v>15042</v>
      </c>
      <c r="F3854" s="1" t="s">
        <v>15043</v>
      </c>
      <c r="G3854" s="1" t="s">
        <v>14958</v>
      </c>
      <c r="H3854" s="1" t="s">
        <v>13</v>
      </c>
      <c r="I3854" s="1" t="s">
        <v>14959</v>
      </c>
      <c r="J3854" s="1" t="s">
        <v>15044</v>
      </c>
    </row>
    <row r="3855" spans="1:10" x14ac:dyDescent="0.35">
      <c r="A3855" s="1" t="s">
        <v>14954</v>
      </c>
      <c r="B3855" s="1" t="s">
        <v>14955</v>
      </c>
      <c r="C3855" s="1" t="s">
        <v>135</v>
      </c>
      <c r="D3855" s="1" t="s">
        <v>15045</v>
      </c>
      <c r="E3855" s="1" t="s">
        <v>15046</v>
      </c>
      <c r="F3855" s="1" t="s">
        <v>15047</v>
      </c>
      <c r="G3855" s="1" t="s">
        <v>14958</v>
      </c>
      <c r="H3855" s="1" t="s">
        <v>13</v>
      </c>
      <c r="I3855" s="1" t="s">
        <v>14959</v>
      </c>
      <c r="J3855" s="1" t="s">
        <v>15048</v>
      </c>
    </row>
    <row r="3856" spans="1:10" x14ac:dyDescent="0.35">
      <c r="A3856" s="1" t="s">
        <v>14954</v>
      </c>
      <c r="B3856" s="1" t="s">
        <v>14955</v>
      </c>
      <c r="C3856" s="1" t="s">
        <v>140</v>
      </c>
      <c r="D3856" s="1" t="s">
        <v>4034</v>
      </c>
      <c r="E3856" s="1" t="s">
        <v>15049</v>
      </c>
      <c r="F3856" s="1" t="s">
        <v>15050</v>
      </c>
      <c r="G3856" s="1" t="s">
        <v>14958</v>
      </c>
      <c r="H3856" s="1" t="s">
        <v>13</v>
      </c>
      <c r="I3856" s="1" t="s">
        <v>14959</v>
      </c>
      <c r="J3856" s="1" t="s">
        <v>15051</v>
      </c>
    </row>
    <row r="3857" spans="1:10" x14ac:dyDescent="0.35">
      <c r="A3857" s="1" t="s">
        <v>14954</v>
      </c>
      <c r="B3857" s="1" t="s">
        <v>14955</v>
      </c>
      <c r="C3857" s="1" t="s">
        <v>145</v>
      </c>
      <c r="D3857" s="1" t="s">
        <v>11767</v>
      </c>
      <c r="E3857" s="1" t="s">
        <v>15052</v>
      </c>
      <c r="F3857" s="1" t="s">
        <v>15053</v>
      </c>
      <c r="G3857" s="1" t="s">
        <v>14958</v>
      </c>
      <c r="H3857" s="1" t="s">
        <v>13</v>
      </c>
      <c r="I3857" s="1" t="s">
        <v>14959</v>
      </c>
      <c r="J3857" s="1" t="s">
        <v>15054</v>
      </c>
    </row>
    <row r="3858" spans="1:10" x14ac:dyDescent="0.35">
      <c r="A3858" s="1" t="s">
        <v>14954</v>
      </c>
      <c r="B3858" s="1" t="s">
        <v>14955</v>
      </c>
      <c r="C3858" s="1" t="s">
        <v>150</v>
      </c>
      <c r="D3858" s="1" t="s">
        <v>15055</v>
      </c>
      <c r="E3858" s="1" t="s">
        <v>15056</v>
      </c>
      <c r="F3858" s="1" t="s">
        <v>15057</v>
      </c>
      <c r="G3858" s="1" t="s">
        <v>14958</v>
      </c>
      <c r="H3858" s="1" t="s">
        <v>13</v>
      </c>
      <c r="I3858" s="1" t="s">
        <v>14959</v>
      </c>
      <c r="J3858" s="1" t="s">
        <v>15058</v>
      </c>
    </row>
    <row r="3859" spans="1:10" x14ac:dyDescent="0.35">
      <c r="A3859" s="1" t="s">
        <v>14954</v>
      </c>
      <c r="B3859" s="1" t="s">
        <v>14955</v>
      </c>
      <c r="C3859" s="1" t="s">
        <v>155</v>
      </c>
      <c r="D3859" s="1" t="s">
        <v>15059</v>
      </c>
      <c r="E3859" s="1" t="s">
        <v>15060</v>
      </c>
      <c r="F3859" s="1" t="s">
        <v>15061</v>
      </c>
      <c r="G3859" s="1" t="s">
        <v>14958</v>
      </c>
      <c r="H3859" s="1" t="s">
        <v>13</v>
      </c>
      <c r="I3859" s="1" t="s">
        <v>14959</v>
      </c>
      <c r="J3859" s="1" t="s">
        <v>15062</v>
      </c>
    </row>
    <row r="3860" spans="1:10" x14ac:dyDescent="0.35">
      <c r="A3860" s="1" t="s">
        <v>14954</v>
      </c>
      <c r="B3860" s="1" t="s">
        <v>14955</v>
      </c>
      <c r="C3860" s="1" t="s">
        <v>160</v>
      </c>
      <c r="D3860" s="1" t="s">
        <v>15063</v>
      </c>
      <c r="E3860" s="1" t="s">
        <v>15064</v>
      </c>
      <c r="F3860" s="1" t="s">
        <v>15065</v>
      </c>
      <c r="G3860" s="1" t="s">
        <v>14958</v>
      </c>
      <c r="H3860" s="1" t="s">
        <v>13</v>
      </c>
      <c r="I3860" s="1" t="s">
        <v>14959</v>
      </c>
      <c r="J3860" s="1" t="s">
        <v>15066</v>
      </c>
    </row>
    <row r="3861" spans="1:10" x14ac:dyDescent="0.35">
      <c r="A3861" s="1" t="s">
        <v>14954</v>
      </c>
      <c r="B3861" s="1" t="s">
        <v>14955</v>
      </c>
      <c r="C3861" s="1" t="s">
        <v>165</v>
      </c>
      <c r="D3861" s="1" t="s">
        <v>8702</v>
      </c>
      <c r="E3861" s="1" t="s">
        <v>15067</v>
      </c>
      <c r="F3861" s="1" t="s">
        <v>15068</v>
      </c>
      <c r="G3861" s="1" t="s">
        <v>14958</v>
      </c>
      <c r="H3861" s="1" t="s">
        <v>13</v>
      </c>
      <c r="I3861" s="1" t="s">
        <v>14959</v>
      </c>
      <c r="J3861" s="1" t="s">
        <v>15069</v>
      </c>
    </row>
    <row r="3862" spans="1:10" x14ac:dyDescent="0.35">
      <c r="A3862" s="1" t="s">
        <v>14954</v>
      </c>
      <c r="B3862" s="1" t="s">
        <v>14955</v>
      </c>
      <c r="C3862" s="1" t="s">
        <v>170</v>
      </c>
      <c r="D3862" s="1" t="s">
        <v>2055</v>
      </c>
      <c r="E3862" s="1" t="s">
        <v>15070</v>
      </c>
      <c r="F3862" s="1" t="s">
        <v>15071</v>
      </c>
      <c r="G3862" s="1" t="s">
        <v>14958</v>
      </c>
      <c r="H3862" s="1" t="s">
        <v>13</v>
      </c>
      <c r="I3862" s="1" t="s">
        <v>14959</v>
      </c>
      <c r="J3862" s="1" t="s">
        <v>15072</v>
      </c>
    </row>
    <row r="3863" spans="1:10" x14ac:dyDescent="0.35">
      <c r="A3863" s="1" t="s">
        <v>15073</v>
      </c>
      <c r="B3863" s="1" t="s">
        <v>15074</v>
      </c>
      <c r="C3863" s="1" t="s">
        <v>8</v>
      </c>
      <c r="D3863" s="1" t="s">
        <v>15075</v>
      </c>
      <c r="E3863" s="1" t="s">
        <v>15076</v>
      </c>
      <c r="F3863" s="1" t="s">
        <v>15077</v>
      </c>
      <c r="G3863" s="1" t="s">
        <v>15078</v>
      </c>
      <c r="H3863" s="1" t="s">
        <v>13</v>
      </c>
      <c r="I3863" s="1" t="s">
        <v>15079</v>
      </c>
      <c r="J3863" s="1" t="s">
        <v>13</v>
      </c>
    </row>
    <row r="3864" spans="1:10" x14ac:dyDescent="0.35">
      <c r="A3864" s="1" t="s">
        <v>15073</v>
      </c>
      <c r="B3864" s="1" t="s">
        <v>15074</v>
      </c>
      <c r="C3864" s="1" t="s">
        <v>15</v>
      </c>
      <c r="D3864" s="1" t="s">
        <v>15080</v>
      </c>
      <c r="E3864" s="1" t="s">
        <v>15081</v>
      </c>
      <c r="F3864" s="1" t="s">
        <v>15082</v>
      </c>
      <c r="G3864" s="1" t="s">
        <v>15078</v>
      </c>
      <c r="H3864" s="1" t="s">
        <v>13</v>
      </c>
      <c r="I3864" s="1" t="s">
        <v>15079</v>
      </c>
      <c r="J3864" s="1" t="s">
        <v>15083</v>
      </c>
    </row>
    <row r="3865" spans="1:10" x14ac:dyDescent="0.35">
      <c r="A3865" s="1" t="s">
        <v>15073</v>
      </c>
      <c r="B3865" s="1" t="s">
        <v>15074</v>
      </c>
      <c r="C3865" s="1" t="s">
        <v>20</v>
      </c>
      <c r="D3865" s="1" t="s">
        <v>15084</v>
      </c>
      <c r="E3865" s="1" t="s">
        <v>15085</v>
      </c>
      <c r="F3865" s="1" t="s">
        <v>15086</v>
      </c>
      <c r="G3865" s="1" t="s">
        <v>15078</v>
      </c>
      <c r="H3865" s="1" t="s">
        <v>13</v>
      </c>
      <c r="I3865" s="1" t="s">
        <v>15079</v>
      </c>
      <c r="J3865" s="1" t="s">
        <v>15087</v>
      </c>
    </row>
    <row r="3866" spans="1:10" x14ac:dyDescent="0.35">
      <c r="A3866" s="1" t="s">
        <v>15073</v>
      </c>
      <c r="B3866" s="1" t="s">
        <v>15074</v>
      </c>
      <c r="C3866" s="1" t="s">
        <v>25</v>
      </c>
      <c r="D3866" s="1" t="s">
        <v>15088</v>
      </c>
      <c r="E3866" s="1" t="s">
        <v>15089</v>
      </c>
      <c r="F3866" s="1" t="s">
        <v>15090</v>
      </c>
      <c r="G3866" s="1" t="s">
        <v>15078</v>
      </c>
      <c r="H3866" s="1" t="s">
        <v>13</v>
      </c>
      <c r="I3866" s="1" t="s">
        <v>15079</v>
      </c>
      <c r="J3866" s="1" t="s">
        <v>15091</v>
      </c>
    </row>
    <row r="3867" spans="1:10" x14ac:dyDescent="0.35">
      <c r="A3867" s="1" t="s">
        <v>15073</v>
      </c>
      <c r="B3867" s="1" t="s">
        <v>15074</v>
      </c>
      <c r="C3867" s="1" t="s">
        <v>30</v>
      </c>
      <c r="D3867" s="1" t="s">
        <v>15092</v>
      </c>
      <c r="E3867" s="1" t="s">
        <v>15093</v>
      </c>
      <c r="F3867" s="1" t="s">
        <v>15094</v>
      </c>
      <c r="G3867" s="1" t="s">
        <v>15078</v>
      </c>
      <c r="H3867" s="1" t="s">
        <v>13</v>
      </c>
      <c r="I3867" s="1" t="s">
        <v>15079</v>
      </c>
      <c r="J3867" s="1" t="s">
        <v>15095</v>
      </c>
    </row>
    <row r="3868" spans="1:10" x14ac:dyDescent="0.35">
      <c r="A3868" s="1" t="s">
        <v>15073</v>
      </c>
      <c r="B3868" s="1" t="s">
        <v>15074</v>
      </c>
      <c r="C3868" s="1" t="s">
        <v>35</v>
      </c>
      <c r="D3868" s="1" t="s">
        <v>15096</v>
      </c>
      <c r="E3868" s="1" t="s">
        <v>15097</v>
      </c>
      <c r="F3868" s="1" t="s">
        <v>15098</v>
      </c>
      <c r="G3868" s="1" t="s">
        <v>15078</v>
      </c>
      <c r="H3868" s="1" t="s">
        <v>13</v>
      </c>
      <c r="I3868" s="1" t="s">
        <v>15079</v>
      </c>
      <c r="J3868" s="1" t="s">
        <v>15099</v>
      </c>
    </row>
    <row r="3869" spans="1:10" x14ac:dyDescent="0.35">
      <c r="A3869" s="1" t="s">
        <v>15073</v>
      </c>
      <c r="B3869" s="1" t="s">
        <v>15074</v>
      </c>
      <c r="C3869" s="1" t="s">
        <v>40</v>
      </c>
      <c r="D3869" s="1" t="s">
        <v>15100</v>
      </c>
      <c r="E3869" s="1" t="s">
        <v>15101</v>
      </c>
      <c r="F3869" s="1" t="s">
        <v>15102</v>
      </c>
      <c r="G3869" s="1" t="s">
        <v>15078</v>
      </c>
      <c r="H3869" s="1" t="s">
        <v>13</v>
      </c>
      <c r="I3869" s="1" t="s">
        <v>15079</v>
      </c>
      <c r="J3869" s="1" t="s">
        <v>15103</v>
      </c>
    </row>
    <row r="3870" spans="1:10" x14ac:dyDescent="0.35">
      <c r="A3870" s="1" t="s">
        <v>15073</v>
      </c>
      <c r="B3870" s="1" t="s">
        <v>15074</v>
      </c>
      <c r="C3870" s="1" t="s">
        <v>45</v>
      </c>
      <c r="D3870" s="1" t="s">
        <v>15104</v>
      </c>
      <c r="E3870" s="1" t="s">
        <v>8798</v>
      </c>
      <c r="F3870" s="1" t="s">
        <v>15105</v>
      </c>
      <c r="G3870" s="1" t="s">
        <v>15078</v>
      </c>
      <c r="H3870" s="1" t="s">
        <v>13</v>
      </c>
      <c r="I3870" s="1" t="s">
        <v>15079</v>
      </c>
      <c r="J3870" s="1" t="s">
        <v>15106</v>
      </c>
    </row>
    <row r="3871" spans="1:10" x14ac:dyDescent="0.35">
      <c r="A3871" s="1" t="s">
        <v>15073</v>
      </c>
      <c r="B3871" s="1" t="s">
        <v>15074</v>
      </c>
      <c r="C3871" s="1" t="s">
        <v>50</v>
      </c>
      <c r="D3871" s="1" t="s">
        <v>15107</v>
      </c>
      <c r="E3871" s="1" t="s">
        <v>4242</v>
      </c>
      <c r="F3871" s="1" t="s">
        <v>15108</v>
      </c>
      <c r="G3871" s="1" t="s">
        <v>15078</v>
      </c>
      <c r="H3871" s="1" t="s">
        <v>13</v>
      </c>
      <c r="I3871" s="1" t="s">
        <v>15079</v>
      </c>
      <c r="J3871" s="1" t="s">
        <v>15109</v>
      </c>
    </row>
    <row r="3872" spans="1:10" x14ac:dyDescent="0.35">
      <c r="A3872" s="1" t="s">
        <v>15073</v>
      </c>
      <c r="B3872" s="1" t="s">
        <v>15074</v>
      </c>
      <c r="C3872" s="1" t="s">
        <v>55</v>
      </c>
      <c r="D3872" s="1" t="s">
        <v>15110</v>
      </c>
      <c r="E3872" s="1" t="s">
        <v>15097</v>
      </c>
      <c r="F3872" s="1" t="s">
        <v>15111</v>
      </c>
      <c r="G3872" s="1" t="s">
        <v>15078</v>
      </c>
      <c r="H3872" s="1" t="s">
        <v>13</v>
      </c>
      <c r="I3872" s="1" t="s">
        <v>15079</v>
      </c>
      <c r="J3872" s="1" t="s">
        <v>15112</v>
      </c>
    </row>
    <row r="3873" spans="1:10" x14ac:dyDescent="0.35">
      <c r="A3873" s="1" t="s">
        <v>15073</v>
      </c>
      <c r="B3873" s="1" t="s">
        <v>15074</v>
      </c>
      <c r="C3873" s="1" t="s">
        <v>60</v>
      </c>
      <c r="D3873" s="1" t="s">
        <v>15113</v>
      </c>
      <c r="E3873" s="1" t="s">
        <v>15114</v>
      </c>
      <c r="F3873" s="1" t="s">
        <v>15115</v>
      </c>
      <c r="G3873" s="1" t="s">
        <v>15078</v>
      </c>
      <c r="H3873" s="1" t="s">
        <v>13</v>
      </c>
      <c r="I3873" s="1" t="s">
        <v>15079</v>
      </c>
      <c r="J3873" s="1" t="s">
        <v>15116</v>
      </c>
    </row>
    <row r="3874" spans="1:10" x14ac:dyDescent="0.35">
      <c r="A3874" s="1" t="s">
        <v>15073</v>
      </c>
      <c r="B3874" s="1" t="s">
        <v>15074</v>
      </c>
      <c r="C3874" s="1" t="s">
        <v>65</v>
      </c>
      <c r="D3874" s="1" t="s">
        <v>15117</v>
      </c>
      <c r="E3874" s="1" t="s">
        <v>8839</v>
      </c>
      <c r="F3874" s="1" t="s">
        <v>15118</v>
      </c>
      <c r="G3874" s="1" t="s">
        <v>15078</v>
      </c>
      <c r="H3874" s="1" t="s">
        <v>13</v>
      </c>
      <c r="I3874" s="1" t="s">
        <v>15079</v>
      </c>
      <c r="J3874" s="1" t="s">
        <v>15119</v>
      </c>
    </row>
    <row r="3875" spans="1:10" x14ac:dyDescent="0.35">
      <c r="A3875" s="1" t="s">
        <v>15073</v>
      </c>
      <c r="B3875" s="1" t="s">
        <v>15074</v>
      </c>
      <c r="C3875" s="1" t="s">
        <v>70</v>
      </c>
      <c r="D3875" s="1" t="s">
        <v>15120</v>
      </c>
      <c r="E3875" s="1" t="s">
        <v>15121</v>
      </c>
      <c r="F3875" s="1" t="s">
        <v>15122</v>
      </c>
      <c r="G3875" s="1" t="s">
        <v>15078</v>
      </c>
      <c r="H3875" s="1" t="s">
        <v>13</v>
      </c>
      <c r="I3875" s="1" t="s">
        <v>15079</v>
      </c>
      <c r="J3875" s="1" t="s">
        <v>15123</v>
      </c>
    </row>
    <row r="3876" spans="1:10" x14ac:dyDescent="0.35">
      <c r="A3876" s="1" t="s">
        <v>15073</v>
      </c>
      <c r="B3876" s="1" t="s">
        <v>15074</v>
      </c>
      <c r="C3876" s="1" t="s">
        <v>75</v>
      </c>
      <c r="D3876" s="1" t="s">
        <v>15124</v>
      </c>
      <c r="E3876" s="1" t="s">
        <v>6889</v>
      </c>
      <c r="F3876" s="1" t="s">
        <v>15125</v>
      </c>
      <c r="G3876" s="1" t="s">
        <v>15078</v>
      </c>
      <c r="H3876" s="1" t="s">
        <v>13</v>
      </c>
      <c r="I3876" s="1" t="s">
        <v>15079</v>
      </c>
      <c r="J3876" s="1" t="s">
        <v>15126</v>
      </c>
    </row>
    <row r="3877" spans="1:10" x14ac:dyDescent="0.35">
      <c r="A3877" s="1" t="s">
        <v>15073</v>
      </c>
      <c r="B3877" s="1" t="s">
        <v>15074</v>
      </c>
      <c r="C3877" s="1" t="s">
        <v>80</v>
      </c>
      <c r="D3877" s="1" t="s">
        <v>15127</v>
      </c>
      <c r="E3877" s="1" t="s">
        <v>15128</v>
      </c>
      <c r="F3877" s="1" t="s">
        <v>15129</v>
      </c>
      <c r="G3877" s="1" t="s">
        <v>15078</v>
      </c>
      <c r="H3877" s="1" t="s">
        <v>13</v>
      </c>
      <c r="I3877" s="1" t="s">
        <v>15079</v>
      </c>
      <c r="J3877" s="1" t="s">
        <v>15130</v>
      </c>
    </row>
    <row r="3878" spans="1:10" x14ac:dyDescent="0.35">
      <c r="A3878" s="1" t="s">
        <v>15073</v>
      </c>
      <c r="B3878" s="1" t="s">
        <v>15074</v>
      </c>
      <c r="C3878" s="1" t="s">
        <v>85</v>
      </c>
      <c r="D3878" s="1" t="s">
        <v>15131</v>
      </c>
      <c r="E3878" s="1" t="s">
        <v>8817</v>
      </c>
      <c r="F3878" s="1" t="s">
        <v>15132</v>
      </c>
      <c r="G3878" s="1" t="s">
        <v>15078</v>
      </c>
      <c r="H3878" s="1" t="s">
        <v>13</v>
      </c>
      <c r="I3878" s="1" t="s">
        <v>15079</v>
      </c>
      <c r="J3878" s="1" t="s">
        <v>15133</v>
      </c>
    </row>
    <row r="3879" spans="1:10" x14ac:dyDescent="0.35">
      <c r="A3879" s="1" t="s">
        <v>15073</v>
      </c>
      <c r="B3879" s="1" t="s">
        <v>15074</v>
      </c>
      <c r="C3879" s="1" t="s">
        <v>90</v>
      </c>
      <c r="D3879" s="1" t="s">
        <v>15134</v>
      </c>
      <c r="E3879" s="1" t="s">
        <v>15135</v>
      </c>
      <c r="F3879" s="1" t="s">
        <v>15136</v>
      </c>
      <c r="G3879" s="1" t="s">
        <v>15078</v>
      </c>
      <c r="H3879" s="1" t="s">
        <v>13</v>
      </c>
      <c r="I3879" s="1" t="s">
        <v>15079</v>
      </c>
      <c r="J3879" s="1" t="s">
        <v>15137</v>
      </c>
    </row>
    <row r="3880" spans="1:10" x14ac:dyDescent="0.35">
      <c r="A3880" s="1" t="s">
        <v>15073</v>
      </c>
      <c r="B3880" s="1" t="s">
        <v>15074</v>
      </c>
      <c r="C3880" s="1" t="s">
        <v>95</v>
      </c>
      <c r="D3880" s="1" t="s">
        <v>15138</v>
      </c>
      <c r="E3880" s="1" t="s">
        <v>8783</v>
      </c>
      <c r="F3880" s="1" t="s">
        <v>15139</v>
      </c>
      <c r="G3880" s="1" t="s">
        <v>15078</v>
      </c>
      <c r="H3880" s="1" t="s">
        <v>13</v>
      </c>
      <c r="I3880" s="1" t="s">
        <v>15079</v>
      </c>
      <c r="J3880" s="1" t="s">
        <v>15140</v>
      </c>
    </row>
    <row r="3881" spans="1:10" x14ac:dyDescent="0.35">
      <c r="A3881" s="1" t="s">
        <v>15073</v>
      </c>
      <c r="B3881" s="1" t="s">
        <v>15074</v>
      </c>
      <c r="C3881" s="1" t="s">
        <v>100</v>
      </c>
      <c r="D3881" s="1" t="s">
        <v>15141</v>
      </c>
      <c r="E3881" s="1" t="s">
        <v>15142</v>
      </c>
      <c r="F3881" s="1" t="s">
        <v>15143</v>
      </c>
      <c r="G3881" s="1" t="s">
        <v>15078</v>
      </c>
      <c r="H3881" s="1" t="s">
        <v>13</v>
      </c>
      <c r="I3881" s="1" t="s">
        <v>15079</v>
      </c>
      <c r="J3881" s="1" t="s">
        <v>15144</v>
      </c>
    </row>
    <row r="3882" spans="1:10" x14ac:dyDescent="0.35">
      <c r="A3882" s="1" t="s">
        <v>15073</v>
      </c>
      <c r="B3882" s="1" t="s">
        <v>15074</v>
      </c>
      <c r="C3882" s="1" t="s">
        <v>105</v>
      </c>
      <c r="D3882" s="1" t="s">
        <v>15145</v>
      </c>
      <c r="E3882" s="1" t="s">
        <v>15146</v>
      </c>
      <c r="F3882" s="1" t="s">
        <v>15147</v>
      </c>
      <c r="G3882" s="1" t="s">
        <v>15078</v>
      </c>
      <c r="H3882" s="1" t="s">
        <v>13</v>
      </c>
      <c r="I3882" s="1" t="s">
        <v>15079</v>
      </c>
      <c r="J3882" s="1" t="s">
        <v>15148</v>
      </c>
    </row>
    <row r="3883" spans="1:10" x14ac:dyDescent="0.35">
      <c r="A3883" s="1" t="s">
        <v>15073</v>
      </c>
      <c r="B3883" s="1" t="s">
        <v>15074</v>
      </c>
      <c r="C3883" s="1" t="s">
        <v>110</v>
      </c>
      <c r="D3883" s="1" t="s">
        <v>13466</v>
      </c>
      <c r="E3883" s="1" t="s">
        <v>15149</v>
      </c>
      <c r="F3883" s="1" t="s">
        <v>15150</v>
      </c>
      <c r="G3883" s="1" t="s">
        <v>15078</v>
      </c>
      <c r="H3883" s="1" t="s">
        <v>13</v>
      </c>
      <c r="I3883" s="1" t="s">
        <v>15079</v>
      </c>
      <c r="J3883" s="1" t="s">
        <v>15151</v>
      </c>
    </row>
    <row r="3884" spans="1:10" x14ac:dyDescent="0.35">
      <c r="A3884" s="1" t="s">
        <v>15073</v>
      </c>
      <c r="B3884" s="1" t="s">
        <v>15074</v>
      </c>
      <c r="C3884" s="1" t="s">
        <v>115</v>
      </c>
      <c r="D3884" s="1" t="s">
        <v>15152</v>
      </c>
      <c r="E3884" s="1" t="s">
        <v>15153</v>
      </c>
      <c r="F3884" s="1" t="s">
        <v>15154</v>
      </c>
      <c r="G3884" s="1" t="s">
        <v>15078</v>
      </c>
      <c r="H3884" s="1" t="s">
        <v>13</v>
      </c>
      <c r="I3884" s="1" t="s">
        <v>15079</v>
      </c>
      <c r="J3884" s="1" t="s">
        <v>15155</v>
      </c>
    </row>
    <row r="3885" spans="1:10" x14ac:dyDescent="0.35">
      <c r="A3885" s="1" t="s">
        <v>15073</v>
      </c>
      <c r="B3885" s="1" t="s">
        <v>15074</v>
      </c>
      <c r="C3885" s="1" t="s">
        <v>120</v>
      </c>
      <c r="D3885" s="1" t="s">
        <v>15156</v>
      </c>
      <c r="E3885" s="1" t="s">
        <v>15157</v>
      </c>
      <c r="F3885" s="1" t="s">
        <v>15158</v>
      </c>
      <c r="G3885" s="1" t="s">
        <v>15078</v>
      </c>
      <c r="H3885" s="1" t="s">
        <v>13</v>
      </c>
      <c r="I3885" s="1" t="s">
        <v>15079</v>
      </c>
      <c r="J3885" s="1" t="s">
        <v>15159</v>
      </c>
    </row>
    <row r="3886" spans="1:10" x14ac:dyDescent="0.35">
      <c r="A3886" s="1" t="s">
        <v>15073</v>
      </c>
      <c r="B3886" s="1" t="s">
        <v>15074</v>
      </c>
      <c r="C3886" s="1" t="s">
        <v>125</v>
      </c>
      <c r="D3886" s="1" t="s">
        <v>15160</v>
      </c>
      <c r="E3886" s="1" t="s">
        <v>15161</v>
      </c>
      <c r="F3886" s="1" t="s">
        <v>15162</v>
      </c>
      <c r="G3886" s="1" t="s">
        <v>15078</v>
      </c>
      <c r="H3886" s="1" t="s">
        <v>13</v>
      </c>
      <c r="I3886" s="1" t="s">
        <v>15079</v>
      </c>
      <c r="J3886" s="1" t="s">
        <v>15163</v>
      </c>
    </row>
    <row r="3887" spans="1:10" x14ac:dyDescent="0.35">
      <c r="A3887" s="1" t="s">
        <v>15073</v>
      </c>
      <c r="B3887" s="1" t="s">
        <v>15074</v>
      </c>
      <c r="C3887" s="1" t="s">
        <v>130</v>
      </c>
      <c r="D3887" s="1" t="s">
        <v>15164</v>
      </c>
      <c r="E3887" s="1" t="s">
        <v>15165</v>
      </c>
      <c r="F3887" s="1" t="s">
        <v>15166</v>
      </c>
      <c r="G3887" s="1" t="s">
        <v>15078</v>
      </c>
      <c r="H3887" s="1" t="s">
        <v>13</v>
      </c>
      <c r="I3887" s="1" t="s">
        <v>15079</v>
      </c>
      <c r="J3887" s="1" t="s">
        <v>15167</v>
      </c>
    </row>
    <row r="3888" spans="1:10" x14ac:dyDescent="0.35">
      <c r="A3888" s="1" t="s">
        <v>15073</v>
      </c>
      <c r="B3888" s="1" t="s">
        <v>15074</v>
      </c>
      <c r="C3888" s="1" t="s">
        <v>135</v>
      </c>
      <c r="D3888" s="1" t="s">
        <v>7404</v>
      </c>
      <c r="E3888" s="1" t="s">
        <v>15168</v>
      </c>
      <c r="F3888" s="1" t="s">
        <v>15169</v>
      </c>
      <c r="G3888" s="1" t="s">
        <v>15078</v>
      </c>
      <c r="H3888" s="1" t="s">
        <v>13</v>
      </c>
      <c r="I3888" s="1" t="s">
        <v>15079</v>
      </c>
      <c r="J3888" s="1" t="s">
        <v>15170</v>
      </c>
    </row>
    <row r="3889" spans="1:10" x14ac:dyDescent="0.35">
      <c r="A3889" s="1" t="s">
        <v>15073</v>
      </c>
      <c r="B3889" s="1" t="s">
        <v>15074</v>
      </c>
      <c r="C3889" s="1" t="s">
        <v>140</v>
      </c>
      <c r="D3889" s="1" t="s">
        <v>15171</v>
      </c>
      <c r="E3889" s="1" t="s">
        <v>15172</v>
      </c>
      <c r="F3889" s="1" t="s">
        <v>15173</v>
      </c>
      <c r="G3889" s="1" t="s">
        <v>15078</v>
      </c>
      <c r="H3889" s="1" t="s">
        <v>13</v>
      </c>
      <c r="I3889" s="1" t="s">
        <v>15079</v>
      </c>
      <c r="J3889" s="1" t="s">
        <v>15174</v>
      </c>
    </row>
    <row r="3890" spans="1:10" x14ac:dyDescent="0.35">
      <c r="A3890" s="1" t="s">
        <v>15073</v>
      </c>
      <c r="B3890" s="1" t="s">
        <v>15074</v>
      </c>
      <c r="C3890" s="1" t="s">
        <v>145</v>
      </c>
      <c r="D3890" s="1" t="s">
        <v>15175</v>
      </c>
      <c r="E3890" s="1" t="s">
        <v>15176</v>
      </c>
      <c r="F3890" s="1" t="s">
        <v>15177</v>
      </c>
      <c r="G3890" s="1" t="s">
        <v>15078</v>
      </c>
      <c r="H3890" s="1" t="s">
        <v>13</v>
      </c>
      <c r="I3890" s="1" t="s">
        <v>15079</v>
      </c>
      <c r="J3890" s="1" t="s">
        <v>15178</v>
      </c>
    </row>
    <row r="3891" spans="1:10" x14ac:dyDescent="0.35">
      <c r="A3891" s="1" t="s">
        <v>15073</v>
      </c>
      <c r="B3891" s="1" t="s">
        <v>15074</v>
      </c>
      <c r="C3891" s="1" t="s">
        <v>150</v>
      </c>
      <c r="D3891" s="1" t="s">
        <v>15179</v>
      </c>
      <c r="E3891" s="1" t="s">
        <v>15180</v>
      </c>
      <c r="F3891" s="1" t="s">
        <v>15181</v>
      </c>
      <c r="G3891" s="1" t="s">
        <v>15078</v>
      </c>
      <c r="H3891" s="1" t="s">
        <v>13</v>
      </c>
      <c r="I3891" s="1" t="s">
        <v>15079</v>
      </c>
      <c r="J3891" s="1" t="s">
        <v>15182</v>
      </c>
    </row>
    <row r="3892" spans="1:10" x14ac:dyDescent="0.35">
      <c r="A3892" s="1" t="s">
        <v>15073</v>
      </c>
      <c r="B3892" s="1" t="s">
        <v>15074</v>
      </c>
      <c r="C3892" s="1" t="s">
        <v>155</v>
      </c>
      <c r="D3892" s="1" t="s">
        <v>15183</v>
      </c>
      <c r="E3892" s="1" t="s">
        <v>452</v>
      </c>
      <c r="F3892" s="1" t="s">
        <v>15184</v>
      </c>
      <c r="G3892" s="1" t="s">
        <v>15078</v>
      </c>
      <c r="H3892" s="1" t="s">
        <v>13</v>
      </c>
      <c r="I3892" s="1" t="s">
        <v>15079</v>
      </c>
      <c r="J3892" s="1" t="s">
        <v>15185</v>
      </c>
    </row>
    <row r="3893" spans="1:10" x14ac:dyDescent="0.35">
      <c r="A3893" s="1" t="s">
        <v>15073</v>
      </c>
      <c r="B3893" s="1" t="s">
        <v>15074</v>
      </c>
      <c r="C3893" s="1" t="s">
        <v>160</v>
      </c>
      <c r="D3893" s="1" t="s">
        <v>14485</v>
      </c>
      <c r="E3893" s="1" t="s">
        <v>15186</v>
      </c>
      <c r="F3893" s="1" t="s">
        <v>15187</v>
      </c>
      <c r="G3893" s="1" t="s">
        <v>15078</v>
      </c>
      <c r="H3893" s="1" t="s">
        <v>13</v>
      </c>
      <c r="I3893" s="1" t="s">
        <v>15079</v>
      </c>
      <c r="J3893" s="1" t="s">
        <v>15188</v>
      </c>
    </row>
    <row r="3894" spans="1:10" x14ac:dyDescent="0.35">
      <c r="A3894" s="1" t="s">
        <v>15073</v>
      </c>
      <c r="B3894" s="1" t="s">
        <v>15074</v>
      </c>
      <c r="C3894" s="1" t="s">
        <v>165</v>
      </c>
      <c r="D3894" s="1" t="s">
        <v>15189</v>
      </c>
      <c r="E3894" s="1" t="s">
        <v>15190</v>
      </c>
      <c r="F3894" s="1" t="s">
        <v>15191</v>
      </c>
      <c r="G3894" s="1" t="s">
        <v>15078</v>
      </c>
      <c r="H3894" s="1" t="s">
        <v>13</v>
      </c>
      <c r="I3894" s="1" t="s">
        <v>15079</v>
      </c>
      <c r="J3894" s="1" t="s">
        <v>15192</v>
      </c>
    </row>
    <row r="3895" spans="1:10" x14ac:dyDescent="0.35">
      <c r="A3895" s="1" t="s">
        <v>15073</v>
      </c>
      <c r="B3895" s="1" t="s">
        <v>15074</v>
      </c>
      <c r="C3895" s="1" t="s">
        <v>170</v>
      </c>
      <c r="D3895" s="1" t="s">
        <v>15193</v>
      </c>
      <c r="E3895" s="1" t="s">
        <v>15194</v>
      </c>
      <c r="F3895" s="1" t="s">
        <v>15195</v>
      </c>
      <c r="G3895" s="1" t="s">
        <v>15078</v>
      </c>
      <c r="H3895" s="1" t="s">
        <v>13</v>
      </c>
      <c r="I3895" s="1" t="s">
        <v>15079</v>
      </c>
      <c r="J3895" s="1" t="s">
        <v>15196</v>
      </c>
    </row>
    <row r="3896" spans="1:10" x14ac:dyDescent="0.35">
      <c r="A3896" s="1" t="s">
        <v>15197</v>
      </c>
      <c r="B3896" s="1" t="s">
        <v>15198</v>
      </c>
      <c r="C3896" s="1" t="s">
        <v>8</v>
      </c>
      <c r="D3896" s="1" t="s">
        <v>15199</v>
      </c>
      <c r="E3896" s="1" t="s">
        <v>15200</v>
      </c>
      <c r="F3896" s="1" t="s">
        <v>15201</v>
      </c>
      <c r="G3896" s="1" t="s">
        <v>15202</v>
      </c>
      <c r="H3896" s="1" t="s">
        <v>15203</v>
      </c>
      <c r="I3896" s="1" t="s">
        <v>15204</v>
      </c>
      <c r="J3896" s="1" t="s">
        <v>13</v>
      </c>
    </row>
    <row r="3897" spans="1:10" x14ac:dyDescent="0.35">
      <c r="A3897" s="1" t="s">
        <v>15197</v>
      </c>
      <c r="B3897" s="1" t="s">
        <v>15198</v>
      </c>
      <c r="C3897" s="1" t="s">
        <v>15</v>
      </c>
      <c r="D3897" s="1" t="s">
        <v>5514</v>
      </c>
      <c r="E3897" s="1" t="s">
        <v>15205</v>
      </c>
      <c r="F3897" s="1" t="s">
        <v>15206</v>
      </c>
      <c r="G3897" s="1" t="s">
        <v>15202</v>
      </c>
      <c r="H3897" s="1" t="s">
        <v>15203</v>
      </c>
      <c r="I3897" s="1" t="s">
        <v>15204</v>
      </c>
      <c r="J3897" s="1" t="s">
        <v>15207</v>
      </c>
    </row>
    <row r="3898" spans="1:10" x14ac:dyDescent="0.35">
      <c r="A3898" s="1" t="s">
        <v>15197</v>
      </c>
      <c r="B3898" s="1" t="s">
        <v>15198</v>
      </c>
      <c r="C3898" s="1" t="s">
        <v>20</v>
      </c>
      <c r="D3898" s="1" t="s">
        <v>15208</v>
      </c>
      <c r="E3898" s="1" t="s">
        <v>15209</v>
      </c>
      <c r="F3898" s="1" t="s">
        <v>15210</v>
      </c>
      <c r="G3898" s="1" t="s">
        <v>15202</v>
      </c>
      <c r="H3898" s="1" t="s">
        <v>15203</v>
      </c>
      <c r="I3898" s="1" t="s">
        <v>15204</v>
      </c>
      <c r="J3898" s="1" t="s">
        <v>15211</v>
      </c>
    </row>
    <row r="3899" spans="1:10" x14ac:dyDescent="0.35">
      <c r="A3899" s="1" t="s">
        <v>15197</v>
      </c>
      <c r="B3899" s="1" t="s">
        <v>15198</v>
      </c>
      <c r="C3899" s="1" t="s">
        <v>25</v>
      </c>
      <c r="D3899" s="1" t="s">
        <v>10292</v>
      </c>
      <c r="E3899" s="1" t="s">
        <v>12801</v>
      </c>
      <c r="F3899" s="1" t="s">
        <v>15212</v>
      </c>
      <c r="G3899" s="1" t="s">
        <v>15202</v>
      </c>
      <c r="H3899" s="1" t="s">
        <v>15203</v>
      </c>
      <c r="I3899" s="1" t="s">
        <v>15204</v>
      </c>
      <c r="J3899" s="1" t="s">
        <v>15213</v>
      </c>
    </row>
    <row r="3900" spans="1:10" x14ac:dyDescent="0.35">
      <c r="A3900" s="1" t="s">
        <v>15197</v>
      </c>
      <c r="B3900" s="1" t="s">
        <v>15198</v>
      </c>
      <c r="C3900" s="1" t="s">
        <v>30</v>
      </c>
      <c r="D3900" s="1" t="s">
        <v>4388</v>
      </c>
      <c r="E3900" s="1" t="s">
        <v>15214</v>
      </c>
      <c r="F3900" s="1" t="s">
        <v>15215</v>
      </c>
      <c r="G3900" s="1" t="s">
        <v>15202</v>
      </c>
      <c r="H3900" s="1" t="s">
        <v>15203</v>
      </c>
      <c r="I3900" s="1" t="s">
        <v>15204</v>
      </c>
      <c r="J3900" s="1" t="s">
        <v>15216</v>
      </c>
    </row>
    <row r="3901" spans="1:10" x14ac:dyDescent="0.35">
      <c r="A3901" s="1" t="s">
        <v>15197</v>
      </c>
      <c r="B3901" s="1" t="s">
        <v>15198</v>
      </c>
      <c r="C3901" s="1" t="s">
        <v>35</v>
      </c>
      <c r="D3901" s="1" t="s">
        <v>4693</v>
      </c>
      <c r="E3901" s="1" t="s">
        <v>15217</v>
      </c>
      <c r="F3901" s="1" t="s">
        <v>15218</v>
      </c>
      <c r="G3901" s="1" t="s">
        <v>15202</v>
      </c>
      <c r="H3901" s="1" t="s">
        <v>15203</v>
      </c>
      <c r="I3901" s="1" t="s">
        <v>15204</v>
      </c>
      <c r="J3901" s="1" t="s">
        <v>15219</v>
      </c>
    </row>
    <row r="3902" spans="1:10" x14ac:dyDescent="0.35">
      <c r="A3902" s="1" t="s">
        <v>15197</v>
      </c>
      <c r="B3902" s="1" t="s">
        <v>15198</v>
      </c>
      <c r="C3902" s="1" t="s">
        <v>40</v>
      </c>
      <c r="D3902" s="1" t="s">
        <v>15220</v>
      </c>
      <c r="E3902" s="1" t="s">
        <v>15221</v>
      </c>
      <c r="F3902" s="1" t="s">
        <v>15222</v>
      </c>
      <c r="G3902" s="1" t="s">
        <v>15202</v>
      </c>
      <c r="H3902" s="1" t="s">
        <v>15203</v>
      </c>
      <c r="I3902" s="1" t="s">
        <v>15204</v>
      </c>
      <c r="J3902" s="1" t="s">
        <v>15223</v>
      </c>
    </row>
    <row r="3903" spans="1:10" x14ac:dyDescent="0.35">
      <c r="A3903" s="1" t="s">
        <v>15197</v>
      </c>
      <c r="B3903" s="1" t="s">
        <v>15198</v>
      </c>
      <c r="C3903" s="1" t="s">
        <v>45</v>
      </c>
      <c r="D3903" s="1" t="s">
        <v>15224</v>
      </c>
      <c r="E3903" s="1" t="s">
        <v>15225</v>
      </c>
      <c r="F3903" s="1" t="s">
        <v>15226</v>
      </c>
      <c r="G3903" s="1" t="s">
        <v>15202</v>
      </c>
      <c r="H3903" s="1" t="s">
        <v>15203</v>
      </c>
      <c r="I3903" s="1" t="s">
        <v>15204</v>
      </c>
      <c r="J3903" s="1" t="s">
        <v>15227</v>
      </c>
    </row>
    <row r="3904" spans="1:10" x14ac:dyDescent="0.35">
      <c r="A3904" s="1" t="s">
        <v>15197</v>
      </c>
      <c r="B3904" s="1" t="s">
        <v>15198</v>
      </c>
      <c r="C3904" s="1" t="s">
        <v>50</v>
      </c>
      <c r="D3904" s="1" t="s">
        <v>10142</v>
      </c>
      <c r="E3904" s="1" t="s">
        <v>15228</v>
      </c>
      <c r="F3904" s="1" t="s">
        <v>15229</v>
      </c>
      <c r="G3904" s="1" t="s">
        <v>15202</v>
      </c>
      <c r="H3904" s="1" t="s">
        <v>15203</v>
      </c>
      <c r="I3904" s="1" t="s">
        <v>15204</v>
      </c>
      <c r="J3904" s="1" t="s">
        <v>15230</v>
      </c>
    </row>
    <row r="3905" spans="1:10" x14ac:dyDescent="0.35">
      <c r="A3905" s="1" t="s">
        <v>15197</v>
      </c>
      <c r="B3905" s="1" t="s">
        <v>15198</v>
      </c>
      <c r="C3905" s="1" t="s">
        <v>55</v>
      </c>
      <c r="D3905" s="1" t="s">
        <v>15231</v>
      </c>
      <c r="E3905" s="1" t="s">
        <v>12778</v>
      </c>
      <c r="F3905" s="1" t="s">
        <v>15232</v>
      </c>
      <c r="G3905" s="1" t="s">
        <v>15202</v>
      </c>
      <c r="H3905" s="1" t="s">
        <v>15203</v>
      </c>
      <c r="I3905" s="1" t="s">
        <v>15204</v>
      </c>
      <c r="J3905" s="1" t="s">
        <v>15233</v>
      </c>
    </row>
    <row r="3906" spans="1:10" x14ac:dyDescent="0.35">
      <c r="A3906" s="1" t="s">
        <v>15197</v>
      </c>
      <c r="B3906" s="1" t="s">
        <v>15198</v>
      </c>
      <c r="C3906" s="1" t="s">
        <v>60</v>
      </c>
      <c r="D3906" s="1" t="s">
        <v>15234</v>
      </c>
      <c r="E3906" s="1" t="s">
        <v>15235</v>
      </c>
      <c r="F3906" s="1" t="s">
        <v>15236</v>
      </c>
      <c r="G3906" s="1" t="s">
        <v>15202</v>
      </c>
      <c r="H3906" s="1" t="s">
        <v>15203</v>
      </c>
      <c r="I3906" s="1" t="s">
        <v>15204</v>
      </c>
      <c r="J3906" s="1" t="s">
        <v>15237</v>
      </c>
    </row>
    <row r="3907" spans="1:10" x14ac:dyDescent="0.35">
      <c r="A3907" s="1" t="s">
        <v>15197</v>
      </c>
      <c r="B3907" s="1" t="s">
        <v>15198</v>
      </c>
      <c r="C3907" s="1" t="s">
        <v>65</v>
      </c>
      <c r="D3907" s="1" t="s">
        <v>2347</v>
      </c>
      <c r="E3907" s="1" t="s">
        <v>15228</v>
      </c>
      <c r="F3907" s="1" t="s">
        <v>15238</v>
      </c>
      <c r="G3907" s="1" t="s">
        <v>15202</v>
      </c>
      <c r="H3907" s="1" t="s">
        <v>15203</v>
      </c>
      <c r="I3907" s="1" t="s">
        <v>15204</v>
      </c>
      <c r="J3907" s="1" t="s">
        <v>15239</v>
      </c>
    </row>
    <row r="3908" spans="1:10" x14ac:dyDescent="0.35">
      <c r="A3908" s="1" t="s">
        <v>15197</v>
      </c>
      <c r="B3908" s="1" t="s">
        <v>15198</v>
      </c>
      <c r="C3908" s="1" t="s">
        <v>70</v>
      </c>
      <c r="D3908" s="1" t="s">
        <v>15240</v>
      </c>
      <c r="E3908" s="1" t="s">
        <v>15241</v>
      </c>
      <c r="F3908" s="1" t="s">
        <v>15242</v>
      </c>
      <c r="G3908" s="1" t="s">
        <v>15202</v>
      </c>
      <c r="H3908" s="1" t="s">
        <v>15203</v>
      </c>
      <c r="I3908" s="1" t="s">
        <v>15204</v>
      </c>
      <c r="J3908" s="1" t="s">
        <v>15243</v>
      </c>
    </row>
    <row r="3909" spans="1:10" x14ac:dyDescent="0.35">
      <c r="A3909" s="1" t="s">
        <v>15197</v>
      </c>
      <c r="B3909" s="1" t="s">
        <v>15198</v>
      </c>
      <c r="C3909" s="1" t="s">
        <v>75</v>
      </c>
      <c r="D3909" s="1" t="s">
        <v>15244</v>
      </c>
      <c r="E3909" s="1" t="s">
        <v>15245</v>
      </c>
      <c r="F3909" s="1" t="s">
        <v>15246</v>
      </c>
      <c r="G3909" s="1" t="s">
        <v>15202</v>
      </c>
      <c r="H3909" s="1" t="s">
        <v>15203</v>
      </c>
      <c r="I3909" s="1" t="s">
        <v>15204</v>
      </c>
      <c r="J3909" s="1" t="s">
        <v>15247</v>
      </c>
    </row>
    <row r="3910" spans="1:10" x14ac:dyDescent="0.35">
      <c r="A3910" s="1" t="s">
        <v>15197</v>
      </c>
      <c r="B3910" s="1" t="s">
        <v>15198</v>
      </c>
      <c r="C3910" s="1" t="s">
        <v>80</v>
      </c>
      <c r="D3910" s="1" t="s">
        <v>15248</v>
      </c>
      <c r="E3910" s="1" t="s">
        <v>12864</v>
      </c>
      <c r="F3910" s="1" t="s">
        <v>15249</v>
      </c>
      <c r="G3910" s="1" t="s">
        <v>15202</v>
      </c>
      <c r="H3910" s="1" t="s">
        <v>15203</v>
      </c>
      <c r="I3910" s="1" t="s">
        <v>15204</v>
      </c>
      <c r="J3910" s="1" t="s">
        <v>15250</v>
      </c>
    </row>
    <row r="3911" spans="1:10" x14ac:dyDescent="0.35">
      <c r="A3911" s="1" t="s">
        <v>15197</v>
      </c>
      <c r="B3911" s="1" t="s">
        <v>15198</v>
      </c>
      <c r="C3911" s="1" t="s">
        <v>85</v>
      </c>
      <c r="D3911" s="1" t="s">
        <v>15251</v>
      </c>
      <c r="E3911" s="1" t="s">
        <v>15252</v>
      </c>
      <c r="F3911" s="1" t="s">
        <v>15253</v>
      </c>
      <c r="G3911" s="1" t="s">
        <v>15202</v>
      </c>
      <c r="H3911" s="1" t="s">
        <v>15203</v>
      </c>
      <c r="I3911" s="1" t="s">
        <v>15204</v>
      </c>
      <c r="J3911" s="1" t="s">
        <v>15254</v>
      </c>
    </row>
    <row r="3912" spans="1:10" x14ac:dyDescent="0.35">
      <c r="A3912" s="1" t="s">
        <v>15197</v>
      </c>
      <c r="B3912" s="1" t="s">
        <v>15198</v>
      </c>
      <c r="C3912" s="1" t="s">
        <v>90</v>
      </c>
      <c r="D3912" s="1" t="s">
        <v>15255</v>
      </c>
      <c r="E3912" s="1" t="s">
        <v>12821</v>
      </c>
      <c r="F3912" s="1" t="s">
        <v>15256</v>
      </c>
      <c r="G3912" s="1" t="s">
        <v>15202</v>
      </c>
      <c r="H3912" s="1" t="s">
        <v>15203</v>
      </c>
      <c r="I3912" s="1" t="s">
        <v>15204</v>
      </c>
      <c r="J3912" s="1" t="s">
        <v>15257</v>
      </c>
    </row>
    <row r="3913" spans="1:10" x14ac:dyDescent="0.35">
      <c r="A3913" s="1" t="s">
        <v>15197</v>
      </c>
      <c r="B3913" s="1" t="s">
        <v>15198</v>
      </c>
      <c r="C3913" s="1" t="s">
        <v>95</v>
      </c>
      <c r="D3913" s="1" t="s">
        <v>15258</v>
      </c>
      <c r="E3913" s="1" t="s">
        <v>15259</v>
      </c>
      <c r="F3913" s="1" t="s">
        <v>15260</v>
      </c>
      <c r="G3913" s="1" t="s">
        <v>15202</v>
      </c>
      <c r="H3913" s="1" t="s">
        <v>15203</v>
      </c>
      <c r="I3913" s="1" t="s">
        <v>15204</v>
      </c>
      <c r="J3913" s="1" t="s">
        <v>15261</v>
      </c>
    </row>
    <row r="3914" spans="1:10" x14ac:dyDescent="0.35">
      <c r="A3914" s="1" t="s">
        <v>15197</v>
      </c>
      <c r="B3914" s="1" t="s">
        <v>15198</v>
      </c>
      <c r="C3914" s="1" t="s">
        <v>100</v>
      </c>
      <c r="D3914" s="1" t="s">
        <v>15262</v>
      </c>
      <c r="E3914" s="1" t="s">
        <v>15263</v>
      </c>
      <c r="F3914" s="1" t="s">
        <v>15264</v>
      </c>
      <c r="G3914" s="1" t="s">
        <v>15202</v>
      </c>
      <c r="H3914" s="1" t="s">
        <v>15203</v>
      </c>
      <c r="I3914" s="1" t="s">
        <v>15204</v>
      </c>
      <c r="J3914" s="1" t="s">
        <v>15265</v>
      </c>
    </row>
    <row r="3915" spans="1:10" x14ac:dyDescent="0.35">
      <c r="A3915" s="1" t="s">
        <v>15197</v>
      </c>
      <c r="B3915" s="1" t="s">
        <v>15198</v>
      </c>
      <c r="C3915" s="1" t="s">
        <v>105</v>
      </c>
      <c r="D3915" s="1" t="s">
        <v>15266</v>
      </c>
      <c r="E3915" s="1" t="s">
        <v>15267</v>
      </c>
      <c r="F3915" s="1" t="s">
        <v>15268</v>
      </c>
      <c r="G3915" s="1" t="s">
        <v>15202</v>
      </c>
      <c r="H3915" s="1" t="s">
        <v>15203</v>
      </c>
      <c r="I3915" s="1" t="s">
        <v>15204</v>
      </c>
      <c r="J3915" s="1" t="s">
        <v>15269</v>
      </c>
    </row>
    <row r="3916" spans="1:10" x14ac:dyDescent="0.35">
      <c r="A3916" s="1" t="s">
        <v>15197</v>
      </c>
      <c r="B3916" s="1" t="s">
        <v>15198</v>
      </c>
      <c r="C3916" s="1" t="s">
        <v>110</v>
      </c>
      <c r="D3916" s="1" t="s">
        <v>15270</v>
      </c>
      <c r="E3916" s="1" t="s">
        <v>15214</v>
      </c>
      <c r="F3916" s="1" t="s">
        <v>15271</v>
      </c>
      <c r="G3916" s="1" t="s">
        <v>15202</v>
      </c>
      <c r="H3916" s="1" t="s">
        <v>15203</v>
      </c>
      <c r="I3916" s="1" t="s">
        <v>15204</v>
      </c>
      <c r="J3916" s="1" t="s">
        <v>15272</v>
      </c>
    </row>
    <row r="3917" spans="1:10" x14ac:dyDescent="0.35">
      <c r="A3917" s="1" t="s">
        <v>15197</v>
      </c>
      <c r="B3917" s="1" t="s">
        <v>15198</v>
      </c>
      <c r="C3917" s="1" t="s">
        <v>115</v>
      </c>
      <c r="D3917" s="1" t="s">
        <v>15273</v>
      </c>
      <c r="E3917" s="1" t="s">
        <v>15274</v>
      </c>
      <c r="F3917" s="1" t="s">
        <v>15275</v>
      </c>
      <c r="G3917" s="1" t="s">
        <v>15202</v>
      </c>
      <c r="H3917" s="1" t="s">
        <v>15203</v>
      </c>
      <c r="I3917" s="1" t="s">
        <v>15204</v>
      </c>
      <c r="J3917" s="1" t="s">
        <v>15276</v>
      </c>
    </row>
    <row r="3918" spans="1:10" x14ac:dyDescent="0.35">
      <c r="A3918" s="1" t="s">
        <v>15197</v>
      </c>
      <c r="B3918" s="1" t="s">
        <v>15198</v>
      </c>
      <c r="C3918" s="1" t="s">
        <v>120</v>
      </c>
      <c r="D3918" s="1" t="s">
        <v>15277</v>
      </c>
      <c r="E3918" s="1" t="s">
        <v>15278</v>
      </c>
      <c r="F3918" s="1" t="s">
        <v>15279</v>
      </c>
      <c r="G3918" s="1" t="s">
        <v>15202</v>
      </c>
      <c r="H3918" s="1" t="s">
        <v>15203</v>
      </c>
      <c r="I3918" s="1" t="s">
        <v>15204</v>
      </c>
      <c r="J3918" s="1" t="s">
        <v>15280</v>
      </c>
    </row>
    <row r="3919" spans="1:10" x14ac:dyDescent="0.35">
      <c r="A3919" s="1" t="s">
        <v>15197</v>
      </c>
      <c r="B3919" s="1" t="s">
        <v>15198</v>
      </c>
      <c r="C3919" s="1" t="s">
        <v>125</v>
      </c>
      <c r="D3919" s="1" t="s">
        <v>15281</v>
      </c>
      <c r="E3919" s="1" t="s">
        <v>15278</v>
      </c>
      <c r="F3919" s="1" t="s">
        <v>15282</v>
      </c>
      <c r="G3919" s="1" t="s">
        <v>15202</v>
      </c>
      <c r="H3919" s="1" t="s">
        <v>15203</v>
      </c>
      <c r="I3919" s="1" t="s">
        <v>15204</v>
      </c>
      <c r="J3919" s="1" t="s">
        <v>15283</v>
      </c>
    </row>
    <row r="3920" spans="1:10" x14ac:dyDescent="0.35">
      <c r="A3920" s="1" t="s">
        <v>15197</v>
      </c>
      <c r="B3920" s="1" t="s">
        <v>15198</v>
      </c>
      <c r="C3920" s="1" t="s">
        <v>130</v>
      </c>
      <c r="D3920" s="1" t="s">
        <v>15284</v>
      </c>
      <c r="E3920" s="1" t="s">
        <v>15285</v>
      </c>
      <c r="F3920" s="1" t="s">
        <v>15286</v>
      </c>
      <c r="G3920" s="1" t="s">
        <v>15202</v>
      </c>
      <c r="H3920" s="1" t="s">
        <v>15203</v>
      </c>
      <c r="I3920" s="1" t="s">
        <v>15204</v>
      </c>
      <c r="J3920" s="1" t="s">
        <v>15287</v>
      </c>
    </row>
    <row r="3921" spans="1:10" x14ac:dyDescent="0.35">
      <c r="A3921" s="1" t="s">
        <v>15197</v>
      </c>
      <c r="B3921" s="1" t="s">
        <v>15198</v>
      </c>
      <c r="C3921" s="1" t="s">
        <v>135</v>
      </c>
      <c r="D3921" s="1" t="s">
        <v>15288</v>
      </c>
      <c r="E3921" s="1" t="s">
        <v>15289</v>
      </c>
      <c r="F3921" s="1" t="s">
        <v>15290</v>
      </c>
      <c r="G3921" s="1" t="s">
        <v>15202</v>
      </c>
      <c r="H3921" s="1" t="s">
        <v>15203</v>
      </c>
      <c r="I3921" s="1" t="s">
        <v>15204</v>
      </c>
      <c r="J3921" s="1" t="s">
        <v>15291</v>
      </c>
    </row>
    <row r="3922" spans="1:10" x14ac:dyDescent="0.35">
      <c r="A3922" s="1" t="s">
        <v>15197</v>
      </c>
      <c r="B3922" s="1" t="s">
        <v>15198</v>
      </c>
      <c r="C3922" s="1" t="s">
        <v>140</v>
      </c>
      <c r="D3922" s="1" t="s">
        <v>15292</v>
      </c>
      <c r="E3922" s="1" t="s">
        <v>15293</v>
      </c>
      <c r="F3922" s="1" t="s">
        <v>15294</v>
      </c>
      <c r="G3922" s="1" t="s">
        <v>15202</v>
      </c>
      <c r="H3922" s="1" t="s">
        <v>15203</v>
      </c>
      <c r="I3922" s="1" t="s">
        <v>15204</v>
      </c>
      <c r="J3922" s="1" t="s">
        <v>15295</v>
      </c>
    </row>
    <row r="3923" spans="1:10" x14ac:dyDescent="0.35">
      <c r="A3923" s="1" t="s">
        <v>15197</v>
      </c>
      <c r="B3923" s="1" t="s">
        <v>15198</v>
      </c>
      <c r="C3923" s="1" t="s">
        <v>145</v>
      </c>
      <c r="D3923" s="1" t="s">
        <v>15296</v>
      </c>
      <c r="E3923" s="1" t="s">
        <v>15235</v>
      </c>
      <c r="F3923" s="1" t="s">
        <v>15297</v>
      </c>
      <c r="G3923" s="1" t="s">
        <v>15202</v>
      </c>
      <c r="H3923" s="1" t="s">
        <v>15203</v>
      </c>
      <c r="I3923" s="1" t="s">
        <v>15204</v>
      </c>
      <c r="J3923" s="1" t="s">
        <v>15298</v>
      </c>
    </row>
    <row r="3924" spans="1:10" x14ac:dyDescent="0.35">
      <c r="A3924" s="1" t="s">
        <v>15197</v>
      </c>
      <c r="B3924" s="1" t="s">
        <v>15198</v>
      </c>
      <c r="C3924" s="1" t="s">
        <v>150</v>
      </c>
      <c r="D3924" s="1" t="s">
        <v>15299</v>
      </c>
      <c r="E3924" s="1" t="s">
        <v>15300</v>
      </c>
      <c r="F3924" s="1" t="s">
        <v>15301</v>
      </c>
      <c r="G3924" s="1" t="s">
        <v>15202</v>
      </c>
      <c r="H3924" s="1" t="s">
        <v>15203</v>
      </c>
      <c r="I3924" s="1" t="s">
        <v>15204</v>
      </c>
      <c r="J3924" s="1" t="s">
        <v>15302</v>
      </c>
    </row>
    <row r="3925" spans="1:10" x14ac:dyDescent="0.35">
      <c r="A3925" s="1" t="s">
        <v>15197</v>
      </c>
      <c r="B3925" s="1" t="s">
        <v>15198</v>
      </c>
      <c r="C3925" s="1" t="s">
        <v>155</v>
      </c>
      <c r="D3925" s="1" t="s">
        <v>9613</v>
      </c>
      <c r="E3925" s="1" t="s">
        <v>15303</v>
      </c>
      <c r="F3925" s="1" t="s">
        <v>15304</v>
      </c>
      <c r="G3925" s="1" t="s">
        <v>15202</v>
      </c>
      <c r="H3925" s="1" t="s">
        <v>15203</v>
      </c>
      <c r="I3925" s="1" t="s">
        <v>15204</v>
      </c>
      <c r="J3925" s="1" t="s">
        <v>15305</v>
      </c>
    </row>
    <row r="3926" spans="1:10" x14ac:dyDescent="0.35">
      <c r="A3926" s="1" t="s">
        <v>15197</v>
      </c>
      <c r="B3926" s="1" t="s">
        <v>15198</v>
      </c>
      <c r="C3926" s="1" t="s">
        <v>160</v>
      </c>
      <c r="D3926" s="1" t="s">
        <v>15306</v>
      </c>
      <c r="E3926" s="1" t="s">
        <v>15307</v>
      </c>
      <c r="F3926" s="1" t="s">
        <v>15308</v>
      </c>
      <c r="G3926" s="1" t="s">
        <v>15202</v>
      </c>
      <c r="H3926" s="1" t="s">
        <v>15203</v>
      </c>
      <c r="I3926" s="1" t="s">
        <v>15204</v>
      </c>
      <c r="J3926" s="1" t="s">
        <v>15309</v>
      </c>
    </row>
    <row r="3927" spans="1:10" x14ac:dyDescent="0.35">
      <c r="A3927" s="1" t="s">
        <v>15197</v>
      </c>
      <c r="B3927" s="1" t="s">
        <v>15198</v>
      </c>
      <c r="C3927" s="1" t="s">
        <v>165</v>
      </c>
      <c r="D3927" s="1" t="s">
        <v>15310</v>
      </c>
      <c r="E3927" s="1" t="s">
        <v>15311</v>
      </c>
      <c r="F3927" s="1" t="s">
        <v>15312</v>
      </c>
      <c r="G3927" s="1" t="s">
        <v>15202</v>
      </c>
      <c r="H3927" s="1" t="s">
        <v>15203</v>
      </c>
      <c r="I3927" s="1" t="s">
        <v>15204</v>
      </c>
      <c r="J3927" s="1" t="s">
        <v>15313</v>
      </c>
    </row>
    <row r="3928" spans="1:10" x14ac:dyDescent="0.35">
      <c r="A3928" s="1" t="s">
        <v>15197</v>
      </c>
      <c r="B3928" s="1" t="s">
        <v>15198</v>
      </c>
      <c r="C3928" s="1" t="s">
        <v>170</v>
      </c>
      <c r="D3928" s="1" t="s">
        <v>15314</v>
      </c>
      <c r="E3928" s="1" t="s">
        <v>15315</v>
      </c>
      <c r="F3928" s="1" t="s">
        <v>15316</v>
      </c>
      <c r="G3928" s="1" t="s">
        <v>15202</v>
      </c>
      <c r="H3928" s="1" t="s">
        <v>15203</v>
      </c>
      <c r="I3928" s="1" t="s">
        <v>15204</v>
      </c>
      <c r="J3928" s="1" t="s">
        <v>15317</v>
      </c>
    </row>
    <row r="3929" spans="1:10" x14ac:dyDescent="0.35">
      <c r="A3929" s="1" t="s">
        <v>15318</v>
      </c>
      <c r="B3929" s="1" t="s">
        <v>15198</v>
      </c>
      <c r="C3929" s="1" t="s">
        <v>8</v>
      </c>
      <c r="D3929" s="1" t="s">
        <v>14522</v>
      </c>
      <c r="E3929" s="1" t="s">
        <v>15319</v>
      </c>
      <c r="F3929" s="1" t="s">
        <v>15320</v>
      </c>
      <c r="G3929" s="1" t="s">
        <v>15321</v>
      </c>
      <c r="H3929" s="1" t="s">
        <v>15322</v>
      </c>
      <c r="I3929" s="1" t="s">
        <v>15204</v>
      </c>
      <c r="J3929" s="1" t="s">
        <v>13</v>
      </c>
    </row>
    <row r="3930" spans="1:10" x14ac:dyDescent="0.35">
      <c r="A3930" s="1" t="s">
        <v>15318</v>
      </c>
      <c r="B3930" s="1" t="s">
        <v>15198</v>
      </c>
      <c r="C3930" s="1" t="s">
        <v>15</v>
      </c>
      <c r="D3930" s="1" t="s">
        <v>15323</v>
      </c>
      <c r="E3930" s="1" t="s">
        <v>15324</v>
      </c>
      <c r="F3930" s="1" t="s">
        <v>15325</v>
      </c>
      <c r="G3930" s="1" t="s">
        <v>15321</v>
      </c>
      <c r="H3930" s="1" t="s">
        <v>15322</v>
      </c>
      <c r="I3930" s="1" t="s">
        <v>15204</v>
      </c>
      <c r="J3930" s="1" t="s">
        <v>15326</v>
      </c>
    </row>
    <row r="3931" spans="1:10" x14ac:dyDescent="0.35">
      <c r="A3931" s="1" t="s">
        <v>15318</v>
      </c>
      <c r="B3931" s="1" t="s">
        <v>15198</v>
      </c>
      <c r="C3931" s="1" t="s">
        <v>20</v>
      </c>
      <c r="D3931" s="1" t="s">
        <v>15327</v>
      </c>
      <c r="E3931" s="1" t="s">
        <v>15328</v>
      </c>
      <c r="F3931" s="1" t="s">
        <v>15329</v>
      </c>
      <c r="G3931" s="1" t="s">
        <v>15321</v>
      </c>
      <c r="H3931" s="1" t="s">
        <v>15322</v>
      </c>
      <c r="I3931" s="1" t="s">
        <v>15204</v>
      </c>
      <c r="J3931" s="1" t="s">
        <v>15330</v>
      </c>
    </row>
    <row r="3932" spans="1:10" x14ac:dyDescent="0.35">
      <c r="A3932" s="1" t="s">
        <v>15318</v>
      </c>
      <c r="B3932" s="1" t="s">
        <v>15198</v>
      </c>
      <c r="C3932" s="1" t="s">
        <v>25</v>
      </c>
      <c r="D3932" s="1" t="s">
        <v>15331</v>
      </c>
      <c r="E3932" s="1" t="s">
        <v>15332</v>
      </c>
      <c r="F3932" s="1" t="s">
        <v>15333</v>
      </c>
      <c r="G3932" s="1" t="s">
        <v>15321</v>
      </c>
      <c r="H3932" s="1" t="s">
        <v>15322</v>
      </c>
      <c r="I3932" s="1" t="s">
        <v>15204</v>
      </c>
      <c r="J3932" s="1" t="s">
        <v>15334</v>
      </c>
    </row>
    <row r="3933" spans="1:10" x14ac:dyDescent="0.35">
      <c r="A3933" s="1" t="s">
        <v>15318</v>
      </c>
      <c r="B3933" s="1" t="s">
        <v>15198</v>
      </c>
      <c r="C3933" s="1" t="s">
        <v>30</v>
      </c>
      <c r="D3933" s="1" t="s">
        <v>15335</v>
      </c>
      <c r="E3933" s="1" t="s">
        <v>15336</v>
      </c>
      <c r="F3933" s="1" t="s">
        <v>15337</v>
      </c>
      <c r="G3933" s="1" t="s">
        <v>15321</v>
      </c>
      <c r="H3933" s="1" t="s">
        <v>15322</v>
      </c>
      <c r="I3933" s="1" t="s">
        <v>15204</v>
      </c>
      <c r="J3933" s="1" t="s">
        <v>15338</v>
      </c>
    </row>
    <row r="3934" spans="1:10" x14ac:dyDescent="0.35">
      <c r="A3934" s="1" t="s">
        <v>15318</v>
      </c>
      <c r="B3934" s="1" t="s">
        <v>15198</v>
      </c>
      <c r="C3934" s="1" t="s">
        <v>35</v>
      </c>
      <c r="D3934" s="1" t="s">
        <v>15339</v>
      </c>
      <c r="E3934" s="1" t="s">
        <v>15340</v>
      </c>
      <c r="F3934" s="1" t="s">
        <v>15341</v>
      </c>
      <c r="G3934" s="1" t="s">
        <v>15321</v>
      </c>
      <c r="H3934" s="1" t="s">
        <v>15322</v>
      </c>
      <c r="I3934" s="1" t="s">
        <v>15204</v>
      </c>
      <c r="J3934" s="1" t="s">
        <v>15342</v>
      </c>
    </row>
    <row r="3935" spans="1:10" x14ac:dyDescent="0.35">
      <c r="A3935" s="1" t="s">
        <v>15318</v>
      </c>
      <c r="B3935" s="1" t="s">
        <v>15198</v>
      </c>
      <c r="C3935" s="1" t="s">
        <v>40</v>
      </c>
      <c r="D3935" s="1" t="s">
        <v>2651</v>
      </c>
      <c r="E3935" s="1" t="s">
        <v>12757</v>
      </c>
      <c r="F3935" s="1" t="s">
        <v>15343</v>
      </c>
      <c r="G3935" s="1" t="s">
        <v>15321</v>
      </c>
      <c r="H3935" s="1" t="s">
        <v>15322</v>
      </c>
      <c r="I3935" s="1" t="s">
        <v>15204</v>
      </c>
      <c r="J3935" s="1" t="s">
        <v>15344</v>
      </c>
    </row>
    <row r="3936" spans="1:10" x14ac:dyDescent="0.35">
      <c r="A3936" s="1" t="s">
        <v>15318</v>
      </c>
      <c r="B3936" s="1" t="s">
        <v>15198</v>
      </c>
      <c r="C3936" s="1" t="s">
        <v>45</v>
      </c>
      <c r="D3936" s="1" t="s">
        <v>14037</v>
      </c>
      <c r="E3936" s="1" t="s">
        <v>15345</v>
      </c>
      <c r="F3936" s="1" t="s">
        <v>15346</v>
      </c>
      <c r="G3936" s="1" t="s">
        <v>15321</v>
      </c>
      <c r="H3936" s="1" t="s">
        <v>15322</v>
      </c>
      <c r="I3936" s="1" t="s">
        <v>15204</v>
      </c>
      <c r="J3936" s="1" t="s">
        <v>15347</v>
      </c>
    </row>
    <row r="3937" spans="1:10" x14ac:dyDescent="0.35">
      <c r="A3937" s="1" t="s">
        <v>15318</v>
      </c>
      <c r="B3937" s="1" t="s">
        <v>15198</v>
      </c>
      <c r="C3937" s="1" t="s">
        <v>50</v>
      </c>
      <c r="D3937" s="1" t="s">
        <v>15348</v>
      </c>
      <c r="E3937" s="1" t="s">
        <v>15349</v>
      </c>
      <c r="F3937" s="1" t="s">
        <v>15350</v>
      </c>
      <c r="G3937" s="1" t="s">
        <v>15321</v>
      </c>
      <c r="H3937" s="1" t="s">
        <v>15322</v>
      </c>
      <c r="I3937" s="1" t="s">
        <v>15204</v>
      </c>
      <c r="J3937" s="1" t="s">
        <v>15351</v>
      </c>
    </row>
    <row r="3938" spans="1:10" x14ac:dyDescent="0.35">
      <c r="A3938" s="1" t="s">
        <v>15318</v>
      </c>
      <c r="B3938" s="1" t="s">
        <v>15198</v>
      </c>
      <c r="C3938" s="1" t="s">
        <v>55</v>
      </c>
      <c r="D3938" s="1" t="s">
        <v>15352</v>
      </c>
      <c r="E3938" s="1" t="s">
        <v>15353</v>
      </c>
      <c r="F3938" s="1" t="s">
        <v>15354</v>
      </c>
      <c r="G3938" s="1" t="s">
        <v>15321</v>
      </c>
      <c r="H3938" s="1" t="s">
        <v>15322</v>
      </c>
      <c r="I3938" s="1" t="s">
        <v>15204</v>
      </c>
      <c r="J3938" s="1" t="s">
        <v>15355</v>
      </c>
    </row>
    <row r="3939" spans="1:10" x14ac:dyDescent="0.35">
      <c r="A3939" s="1" t="s">
        <v>15318</v>
      </c>
      <c r="B3939" s="1" t="s">
        <v>15198</v>
      </c>
      <c r="C3939" s="1" t="s">
        <v>60</v>
      </c>
      <c r="D3939" s="1" t="s">
        <v>15356</v>
      </c>
      <c r="E3939" s="1" t="s">
        <v>15357</v>
      </c>
      <c r="F3939" s="1" t="s">
        <v>15358</v>
      </c>
      <c r="G3939" s="1" t="s">
        <v>15321</v>
      </c>
      <c r="H3939" s="1" t="s">
        <v>15322</v>
      </c>
      <c r="I3939" s="1" t="s">
        <v>15204</v>
      </c>
      <c r="J3939" s="1" t="s">
        <v>15359</v>
      </c>
    </row>
    <row r="3940" spans="1:10" x14ac:dyDescent="0.35">
      <c r="A3940" s="1" t="s">
        <v>15318</v>
      </c>
      <c r="B3940" s="1" t="s">
        <v>15198</v>
      </c>
      <c r="C3940" s="1" t="s">
        <v>65</v>
      </c>
      <c r="D3940" s="1" t="s">
        <v>15360</v>
      </c>
      <c r="E3940" s="1" t="s">
        <v>15361</v>
      </c>
      <c r="F3940" s="1" t="s">
        <v>15362</v>
      </c>
      <c r="G3940" s="1" t="s">
        <v>15321</v>
      </c>
      <c r="H3940" s="1" t="s">
        <v>15322</v>
      </c>
      <c r="I3940" s="1" t="s">
        <v>15204</v>
      </c>
      <c r="J3940" s="1" t="s">
        <v>15363</v>
      </c>
    </row>
    <row r="3941" spans="1:10" x14ac:dyDescent="0.35">
      <c r="A3941" s="1" t="s">
        <v>15318</v>
      </c>
      <c r="B3941" s="1" t="s">
        <v>15198</v>
      </c>
      <c r="C3941" s="1" t="s">
        <v>70</v>
      </c>
      <c r="D3941" s="1" t="s">
        <v>15364</v>
      </c>
      <c r="E3941" s="1" t="s">
        <v>15365</v>
      </c>
      <c r="F3941" s="1" t="s">
        <v>15366</v>
      </c>
      <c r="G3941" s="1" t="s">
        <v>15321</v>
      </c>
      <c r="H3941" s="1" t="s">
        <v>15322</v>
      </c>
      <c r="I3941" s="1" t="s">
        <v>15204</v>
      </c>
      <c r="J3941" s="1" t="s">
        <v>15367</v>
      </c>
    </row>
    <row r="3942" spans="1:10" x14ac:dyDescent="0.35">
      <c r="A3942" s="1" t="s">
        <v>15318</v>
      </c>
      <c r="B3942" s="1" t="s">
        <v>15198</v>
      </c>
      <c r="C3942" s="1" t="s">
        <v>75</v>
      </c>
      <c r="D3942" s="1" t="s">
        <v>15368</v>
      </c>
      <c r="E3942" s="1" t="s">
        <v>15369</v>
      </c>
      <c r="F3942" s="1" t="s">
        <v>15370</v>
      </c>
      <c r="G3942" s="1" t="s">
        <v>15321</v>
      </c>
      <c r="H3942" s="1" t="s">
        <v>15322</v>
      </c>
      <c r="I3942" s="1" t="s">
        <v>15204</v>
      </c>
      <c r="J3942" s="1" t="s">
        <v>15371</v>
      </c>
    </row>
    <row r="3943" spans="1:10" x14ac:dyDescent="0.35">
      <c r="A3943" s="1" t="s">
        <v>15318</v>
      </c>
      <c r="B3943" s="1" t="s">
        <v>15198</v>
      </c>
      <c r="C3943" s="1" t="s">
        <v>80</v>
      </c>
      <c r="D3943" s="1" t="s">
        <v>15372</v>
      </c>
      <c r="E3943" s="1" t="s">
        <v>15241</v>
      </c>
      <c r="F3943" s="1" t="s">
        <v>15373</v>
      </c>
      <c r="G3943" s="1" t="s">
        <v>15321</v>
      </c>
      <c r="H3943" s="1" t="s">
        <v>15322</v>
      </c>
      <c r="I3943" s="1" t="s">
        <v>15204</v>
      </c>
      <c r="J3943" s="1" t="s">
        <v>15374</v>
      </c>
    </row>
    <row r="3944" spans="1:10" x14ac:dyDescent="0.35">
      <c r="A3944" s="1" t="s">
        <v>15318</v>
      </c>
      <c r="B3944" s="1" t="s">
        <v>15198</v>
      </c>
      <c r="C3944" s="1" t="s">
        <v>85</v>
      </c>
      <c r="D3944" s="1" t="s">
        <v>15375</v>
      </c>
      <c r="E3944" s="1" t="s">
        <v>15376</v>
      </c>
      <c r="F3944" s="1" t="s">
        <v>15377</v>
      </c>
      <c r="G3944" s="1" t="s">
        <v>15321</v>
      </c>
      <c r="H3944" s="1" t="s">
        <v>15322</v>
      </c>
      <c r="I3944" s="1" t="s">
        <v>15204</v>
      </c>
      <c r="J3944" s="1" t="s">
        <v>15378</v>
      </c>
    </row>
    <row r="3945" spans="1:10" x14ac:dyDescent="0.35">
      <c r="A3945" s="1" t="s">
        <v>15318</v>
      </c>
      <c r="B3945" s="1" t="s">
        <v>15198</v>
      </c>
      <c r="C3945" s="1" t="s">
        <v>90</v>
      </c>
      <c r="D3945" s="1" t="s">
        <v>15379</v>
      </c>
      <c r="E3945" s="1" t="s">
        <v>15380</v>
      </c>
      <c r="F3945" s="1" t="s">
        <v>15381</v>
      </c>
      <c r="G3945" s="1" t="s">
        <v>15321</v>
      </c>
      <c r="H3945" s="1" t="s">
        <v>15322</v>
      </c>
      <c r="I3945" s="1" t="s">
        <v>15204</v>
      </c>
      <c r="J3945" s="1" t="s">
        <v>15382</v>
      </c>
    </row>
    <row r="3946" spans="1:10" x14ac:dyDescent="0.35">
      <c r="A3946" s="1" t="s">
        <v>15318</v>
      </c>
      <c r="B3946" s="1" t="s">
        <v>15198</v>
      </c>
      <c r="C3946" s="1" t="s">
        <v>95</v>
      </c>
      <c r="D3946" s="1" t="s">
        <v>15383</v>
      </c>
      <c r="E3946" s="1" t="s">
        <v>15384</v>
      </c>
      <c r="F3946" s="1" t="s">
        <v>15385</v>
      </c>
      <c r="G3946" s="1" t="s">
        <v>15321</v>
      </c>
      <c r="H3946" s="1" t="s">
        <v>15322</v>
      </c>
      <c r="I3946" s="1" t="s">
        <v>15204</v>
      </c>
      <c r="J3946" s="1" t="s">
        <v>15386</v>
      </c>
    </row>
    <row r="3947" spans="1:10" x14ac:dyDescent="0.35">
      <c r="A3947" s="1" t="s">
        <v>15318</v>
      </c>
      <c r="B3947" s="1" t="s">
        <v>15198</v>
      </c>
      <c r="C3947" s="1" t="s">
        <v>100</v>
      </c>
      <c r="D3947" s="1" t="s">
        <v>15387</v>
      </c>
      <c r="E3947" s="1" t="s">
        <v>15388</v>
      </c>
      <c r="F3947" s="1" t="s">
        <v>15389</v>
      </c>
      <c r="G3947" s="1" t="s">
        <v>15321</v>
      </c>
      <c r="H3947" s="1" t="s">
        <v>15322</v>
      </c>
      <c r="I3947" s="1" t="s">
        <v>15204</v>
      </c>
      <c r="J3947" s="1" t="s">
        <v>15390</v>
      </c>
    </row>
    <row r="3948" spans="1:10" x14ac:dyDescent="0.35">
      <c r="A3948" s="1" t="s">
        <v>15318</v>
      </c>
      <c r="B3948" s="1" t="s">
        <v>15198</v>
      </c>
      <c r="C3948" s="1" t="s">
        <v>105</v>
      </c>
      <c r="D3948" s="1" t="s">
        <v>15391</v>
      </c>
      <c r="E3948" s="1" t="s">
        <v>15392</v>
      </c>
      <c r="F3948" s="1" t="s">
        <v>15393</v>
      </c>
      <c r="G3948" s="1" t="s">
        <v>15321</v>
      </c>
      <c r="H3948" s="1" t="s">
        <v>15322</v>
      </c>
      <c r="I3948" s="1" t="s">
        <v>15204</v>
      </c>
      <c r="J3948" s="1" t="s">
        <v>15394</v>
      </c>
    </row>
    <row r="3949" spans="1:10" x14ac:dyDescent="0.35">
      <c r="A3949" s="1" t="s">
        <v>15318</v>
      </c>
      <c r="B3949" s="1" t="s">
        <v>15198</v>
      </c>
      <c r="C3949" s="1" t="s">
        <v>110</v>
      </c>
      <c r="D3949" s="1" t="s">
        <v>15395</v>
      </c>
      <c r="E3949" s="1" t="s">
        <v>15392</v>
      </c>
      <c r="F3949" s="1" t="s">
        <v>15396</v>
      </c>
      <c r="G3949" s="1" t="s">
        <v>15321</v>
      </c>
      <c r="H3949" s="1" t="s">
        <v>15322</v>
      </c>
      <c r="I3949" s="1" t="s">
        <v>15204</v>
      </c>
      <c r="J3949" s="1" t="s">
        <v>15397</v>
      </c>
    </row>
    <row r="3950" spans="1:10" x14ac:dyDescent="0.35">
      <c r="A3950" s="1" t="s">
        <v>15318</v>
      </c>
      <c r="B3950" s="1" t="s">
        <v>15198</v>
      </c>
      <c r="C3950" s="1" t="s">
        <v>115</v>
      </c>
      <c r="D3950" s="1" t="s">
        <v>15398</v>
      </c>
      <c r="E3950" s="1" t="s">
        <v>15399</v>
      </c>
      <c r="F3950" s="1" t="s">
        <v>15400</v>
      </c>
      <c r="G3950" s="1" t="s">
        <v>15321</v>
      </c>
      <c r="H3950" s="1" t="s">
        <v>15322</v>
      </c>
      <c r="I3950" s="1" t="s">
        <v>15204</v>
      </c>
      <c r="J3950" s="1" t="s">
        <v>15401</v>
      </c>
    </row>
    <row r="3951" spans="1:10" x14ac:dyDescent="0.35">
      <c r="A3951" s="1" t="s">
        <v>15318</v>
      </c>
      <c r="B3951" s="1" t="s">
        <v>15198</v>
      </c>
      <c r="C3951" s="1" t="s">
        <v>120</v>
      </c>
      <c r="D3951" s="1" t="s">
        <v>15402</v>
      </c>
      <c r="E3951" s="1" t="s">
        <v>15403</v>
      </c>
      <c r="F3951" s="1" t="s">
        <v>15404</v>
      </c>
      <c r="G3951" s="1" t="s">
        <v>15321</v>
      </c>
      <c r="H3951" s="1" t="s">
        <v>15322</v>
      </c>
      <c r="I3951" s="1" t="s">
        <v>15204</v>
      </c>
      <c r="J3951" s="1" t="s">
        <v>15405</v>
      </c>
    </row>
    <row r="3952" spans="1:10" x14ac:dyDescent="0.35">
      <c r="A3952" s="1" t="s">
        <v>15318</v>
      </c>
      <c r="B3952" s="1" t="s">
        <v>15198</v>
      </c>
      <c r="C3952" s="1" t="s">
        <v>125</v>
      </c>
      <c r="D3952" s="1" t="s">
        <v>15406</v>
      </c>
      <c r="E3952" s="1" t="s">
        <v>15407</v>
      </c>
      <c r="F3952" s="1" t="s">
        <v>15408</v>
      </c>
      <c r="G3952" s="1" t="s">
        <v>15321</v>
      </c>
      <c r="H3952" s="1" t="s">
        <v>15322</v>
      </c>
      <c r="I3952" s="1" t="s">
        <v>15204</v>
      </c>
      <c r="J3952" s="1" t="s">
        <v>15409</v>
      </c>
    </row>
    <row r="3953" spans="1:10" x14ac:dyDescent="0.35">
      <c r="A3953" s="1" t="s">
        <v>15318</v>
      </c>
      <c r="B3953" s="1" t="s">
        <v>15198</v>
      </c>
      <c r="C3953" s="1" t="s">
        <v>130</v>
      </c>
      <c r="D3953" s="1" t="s">
        <v>15410</v>
      </c>
      <c r="E3953" s="1" t="s">
        <v>15303</v>
      </c>
      <c r="F3953" s="1" t="s">
        <v>15411</v>
      </c>
      <c r="G3953" s="1" t="s">
        <v>15321</v>
      </c>
      <c r="H3953" s="1" t="s">
        <v>15322</v>
      </c>
      <c r="I3953" s="1" t="s">
        <v>15204</v>
      </c>
      <c r="J3953" s="1" t="s">
        <v>15412</v>
      </c>
    </row>
    <row r="3954" spans="1:10" x14ac:dyDescent="0.35">
      <c r="A3954" s="1" t="s">
        <v>15318</v>
      </c>
      <c r="B3954" s="1" t="s">
        <v>15198</v>
      </c>
      <c r="C3954" s="1" t="s">
        <v>135</v>
      </c>
      <c r="D3954" s="1" t="s">
        <v>5155</v>
      </c>
      <c r="E3954" s="1" t="s">
        <v>15413</v>
      </c>
      <c r="F3954" s="1" t="s">
        <v>15414</v>
      </c>
      <c r="G3954" s="1" t="s">
        <v>15321</v>
      </c>
      <c r="H3954" s="1" t="s">
        <v>15322</v>
      </c>
      <c r="I3954" s="1" t="s">
        <v>15204</v>
      </c>
      <c r="J3954" s="1" t="s">
        <v>15415</v>
      </c>
    </row>
    <row r="3955" spans="1:10" x14ac:dyDescent="0.35">
      <c r="A3955" s="1" t="s">
        <v>15318</v>
      </c>
      <c r="B3955" s="1" t="s">
        <v>15198</v>
      </c>
      <c r="C3955" s="1" t="s">
        <v>140</v>
      </c>
      <c r="D3955" s="1" t="s">
        <v>15416</v>
      </c>
      <c r="E3955" s="1" t="s">
        <v>15417</v>
      </c>
      <c r="F3955" s="1" t="s">
        <v>15418</v>
      </c>
      <c r="G3955" s="1" t="s">
        <v>15321</v>
      </c>
      <c r="H3955" s="1" t="s">
        <v>15322</v>
      </c>
      <c r="I3955" s="1" t="s">
        <v>15204</v>
      </c>
      <c r="J3955" s="1" t="s">
        <v>15419</v>
      </c>
    </row>
    <row r="3956" spans="1:10" x14ac:dyDescent="0.35">
      <c r="A3956" s="1" t="s">
        <v>15318</v>
      </c>
      <c r="B3956" s="1" t="s">
        <v>15198</v>
      </c>
      <c r="C3956" s="1" t="s">
        <v>145</v>
      </c>
      <c r="D3956" s="1" t="s">
        <v>15420</v>
      </c>
      <c r="E3956" s="1" t="s">
        <v>15403</v>
      </c>
      <c r="F3956" s="1" t="s">
        <v>15421</v>
      </c>
      <c r="G3956" s="1" t="s">
        <v>15321</v>
      </c>
      <c r="H3956" s="1" t="s">
        <v>15322</v>
      </c>
      <c r="I3956" s="1" t="s">
        <v>15204</v>
      </c>
      <c r="J3956" s="1" t="s">
        <v>15422</v>
      </c>
    </row>
    <row r="3957" spans="1:10" x14ac:dyDescent="0.35">
      <c r="A3957" s="1" t="s">
        <v>15318</v>
      </c>
      <c r="B3957" s="1" t="s">
        <v>15198</v>
      </c>
      <c r="C3957" s="1" t="s">
        <v>150</v>
      </c>
      <c r="D3957" s="1" t="s">
        <v>15423</v>
      </c>
      <c r="E3957" s="1" t="s">
        <v>15424</v>
      </c>
      <c r="F3957" s="1" t="s">
        <v>15425</v>
      </c>
      <c r="G3957" s="1" t="s">
        <v>15321</v>
      </c>
      <c r="H3957" s="1" t="s">
        <v>15322</v>
      </c>
      <c r="I3957" s="1" t="s">
        <v>15204</v>
      </c>
      <c r="J3957" s="1" t="s">
        <v>15426</v>
      </c>
    </row>
    <row r="3958" spans="1:10" x14ac:dyDescent="0.35">
      <c r="A3958" s="1" t="s">
        <v>15318</v>
      </c>
      <c r="B3958" s="1" t="s">
        <v>15198</v>
      </c>
      <c r="C3958" s="1" t="s">
        <v>155</v>
      </c>
      <c r="D3958" s="1" t="s">
        <v>15427</v>
      </c>
      <c r="E3958" s="1" t="s">
        <v>15428</v>
      </c>
      <c r="F3958" s="1" t="s">
        <v>15429</v>
      </c>
      <c r="G3958" s="1" t="s">
        <v>15321</v>
      </c>
      <c r="H3958" s="1" t="s">
        <v>15322</v>
      </c>
      <c r="I3958" s="1" t="s">
        <v>15204</v>
      </c>
      <c r="J3958" s="1" t="s">
        <v>15430</v>
      </c>
    </row>
    <row r="3959" spans="1:10" x14ac:dyDescent="0.35">
      <c r="A3959" s="1" t="s">
        <v>15318</v>
      </c>
      <c r="B3959" s="1" t="s">
        <v>15198</v>
      </c>
      <c r="C3959" s="1" t="s">
        <v>160</v>
      </c>
      <c r="D3959" s="1" t="s">
        <v>15431</v>
      </c>
      <c r="E3959" s="1" t="s">
        <v>15432</v>
      </c>
      <c r="F3959" s="1" t="s">
        <v>15433</v>
      </c>
      <c r="G3959" s="1" t="s">
        <v>15321</v>
      </c>
      <c r="H3959" s="1" t="s">
        <v>15322</v>
      </c>
      <c r="I3959" s="1" t="s">
        <v>15204</v>
      </c>
      <c r="J3959" s="1" t="s">
        <v>15434</v>
      </c>
    </row>
    <row r="3960" spans="1:10" x14ac:dyDescent="0.35">
      <c r="A3960" s="1" t="s">
        <v>15318</v>
      </c>
      <c r="B3960" s="1" t="s">
        <v>15198</v>
      </c>
      <c r="C3960" s="1" t="s">
        <v>165</v>
      </c>
      <c r="D3960" s="1" t="s">
        <v>15435</v>
      </c>
      <c r="E3960" s="1" t="s">
        <v>15436</v>
      </c>
      <c r="F3960" s="1" t="s">
        <v>15437</v>
      </c>
      <c r="G3960" s="1" t="s">
        <v>15321</v>
      </c>
      <c r="H3960" s="1" t="s">
        <v>15322</v>
      </c>
      <c r="I3960" s="1" t="s">
        <v>15204</v>
      </c>
      <c r="J3960" s="1" t="s">
        <v>15438</v>
      </c>
    </row>
    <row r="3961" spans="1:10" x14ac:dyDescent="0.35">
      <c r="A3961" s="1" t="s">
        <v>15318</v>
      </c>
      <c r="B3961" s="1" t="s">
        <v>15198</v>
      </c>
      <c r="C3961" s="1" t="s">
        <v>170</v>
      </c>
      <c r="D3961" s="1" t="s">
        <v>15439</v>
      </c>
      <c r="E3961" s="1" t="s">
        <v>15440</v>
      </c>
      <c r="F3961" s="1" t="s">
        <v>15441</v>
      </c>
      <c r="G3961" s="1" t="s">
        <v>15321</v>
      </c>
      <c r="H3961" s="1" t="s">
        <v>15322</v>
      </c>
      <c r="I3961" s="1" t="s">
        <v>15204</v>
      </c>
      <c r="J3961" s="1" t="s">
        <v>15442</v>
      </c>
    </row>
    <row r="3962" spans="1:10" x14ac:dyDescent="0.35">
      <c r="A3962" s="1" t="s">
        <v>15443</v>
      </c>
      <c r="B3962" s="1" t="s">
        <v>15198</v>
      </c>
      <c r="C3962" s="1" t="s">
        <v>8</v>
      </c>
      <c r="D3962" s="1" t="s">
        <v>15444</v>
      </c>
      <c r="E3962" s="1" t="s">
        <v>15445</v>
      </c>
      <c r="F3962" s="1" t="s">
        <v>15446</v>
      </c>
      <c r="G3962" s="1" t="s">
        <v>15447</v>
      </c>
      <c r="H3962" s="1" t="s">
        <v>15448</v>
      </c>
      <c r="I3962" s="1" t="s">
        <v>15204</v>
      </c>
      <c r="J3962" s="1" t="s">
        <v>13</v>
      </c>
    </row>
    <row r="3963" spans="1:10" x14ac:dyDescent="0.35">
      <c r="A3963" s="1" t="s">
        <v>15443</v>
      </c>
      <c r="B3963" s="1" t="s">
        <v>15198</v>
      </c>
      <c r="C3963" s="1" t="s">
        <v>15</v>
      </c>
      <c r="D3963" s="1" t="s">
        <v>15449</v>
      </c>
      <c r="E3963" s="1" t="s">
        <v>15450</v>
      </c>
      <c r="F3963" s="1" t="s">
        <v>15451</v>
      </c>
      <c r="G3963" s="1" t="s">
        <v>15447</v>
      </c>
      <c r="H3963" s="1" t="s">
        <v>15448</v>
      </c>
      <c r="I3963" s="1" t="s">
        <v>15204</v>
      </c>
      <c r="J3963" s="1" t="s">
        <v>15452</v>
      </c>
    </row>
    <row r="3964" spans="1:10" x14ac:dyDescent="0.35">
      <c r="A3964" s="1" t="s">
        <v>15443</v>
      </c>
      <c r="B3964" s="1" t="s">
        <v>15198</v>
      </c>
      <c r="C3964" s="1" t="s">
        <v>20</v>
      </c>
      <c r="D3964" s="1" t="s">
        <v>2905</v>
      </c>
      <c r="E3964" s="1" t="s">
        <v>15453</v>
      </c>
      <c r="F3964" s="1" t="s">
        <v>15454</v>
      </c>
      <c r="G3964" s="1" t="s">
        <v>15447</v>
      </c>
      <c r="H3964" s="1" t="s">
        <v>15448</v>
      </c>
      <c r="I3964" s="1" t="s">
        <v>15204</v>
      </c>
      <c r="J3964" s="1" t="s">
        <v>15455</v>
      </c>
    </row>
    <row r="3965" spans="1:10" x14ac:dyDescent="0.35">
      <c r="A3965" s="1" t="s">
        <v>15443</v>
      </c>
      <c r="B3965" s="1" t="s">
        <v>15198</v>
      </c>
      <c r="C3965" s="1" t="s">
        <v>25</v>
      </c>
      <c r="D3965" s="1" t="s">
        <v>15339</v>
      </c>
      <c r="E3965" s="1" t="s">
        <v>15456</v>
      </c>
      <c r="F3965" s="1" t="s">
        <v>15457</v>
      </c>
      <c r="G3965" s="1" t="s">
        <v>15447</v>
      </c>
      <c r="H3965" s="1" t="s">
        <v>15448</v>
      </c>
      <c r="I3965" s="1" t="s">
        <v>15204</v>
      </c>
      <c r="J3965" s="1" t="s">
        <v>15458</v>
      </c>
    </row>
    <row r="3966" spans="1:10" x14ac:dyDescent="0.35">
      <c r="A3966" s="1" t="s">
        <v>15443</v>
      </c>
      <c r="B3966" s="1" t="s">
        <v>15198</v>
      </c>
      <c r="C3966" s="1" t="s">
        <v>30</v>
      </c>
      <c r="D3966" s="1" t="s">
        <v>15459</v>
      </c>
      <c r="E3966" s="1" t="s">
        <v>15460</v>
      </c>
      <c r="F3966" s="1" t="s">
        <v>15461</v>
      </c>
      <c r="G3966" s="1" t="s">
        <v>15447</v>
      </c>
      <c r="H3966" s="1" t="s">
        <v>15448</v>
      </c>
      <c r="I3966" s="1" t="s">
        <v>15204</v>
      </c>
      <c r="J3966" s="1" t="s">
        <v>15462</v>
      </c>
    </row>
    <row r="3967" spans="1:10" x14ac:dyDescent="0.35">
      <c r="A3967" s="1" t="s">
        <v>15443</v>
      </c>
      <c r="B3967" s="1" t="s">
        <v>15198</v>
      </c>
      <c r="C3967" s="1" t="s">
        <v>35</v>
      </c>
      <c r="D3967" s="1" t="s">
        <v>15463</v>
      </c>
      <c r="E3967" s="1" t="s">
        <v>15464</v>
      </c>
      <c r="F3967" s="1" t="s">
        <v>15465</v>
      </c>
      <c r="G3967" s="1" t="s">
        <v>15447</v>
      </c>
      <c r="H3967" s="1" t="s">
        <v>15448</v>
      </c>
      <c r="I3967" s="1" t="s">
        <v>15204</v>
      </c>
      <c r="J3967" s="1" t="s">
        <v>15466</v>
      </c>
    </row>
    <row r="3968" spans="1:10" x14ac:dyDescent="0.35">
      <c r="A3968" s="1" t="s">
        <v>15443</v>
      </c>
      <c r="B3968" s="1" t="s">
        <v>15198</v>
      </c>
      <c r="C3968" s="1" t="s">
        <v>40</v>
      </c>
      <c r="D3968" s="1" t="s">
        <v>15467</v>
      </c>
      <c r="E3968" s="1" t="s">
        <v>15468</v>
      </c>
      <c r="F3968" s="1" t="s">
        <v>15469</v>
      </c>
      <c r="G3968" s="1" t="s">
        <v>15447</v>
      </c>
      <c r="H3968" s="1" t="s">
        <v>15448</v>
      </c>
      <c r="I3968" s="1" t="s">
        <v>15204</v>
      </c>
      <c r="J3968" s="1" t="s">
        <v>15470</v>
      </c>
    </row>
    <row r="3969" spans="1:10" x14ac:dyDescent="0.35">
      <c r="A3969" s="1" t="s">
        <v>15443</v>
      </c>
      <c r="B3969" s="1" t="s">
        <v>15198</v>
      </c>
      <c r="C3969" s="1" t="s">
        <v>45</v>
      </c>
      <c r="D3969" s="1" t="s">
        <v>4110</v>
      </c>
      <c r="E3969" s="1" t="s">
        <v>15471</v>
      </c>
      <c r="F3969" s="1" t="s">
        <v>15472</v>
      </c>
      <c r="G3969" s="1" t="s">
        <v>15447</v>
      </c>
      <c r="H3969" s="1" t="s">
        <v>15448</v>
      </c>
      <c r="I3969" s="1" t="s">
        <v>15204</v>
      </c>
      <c r="J3969" s="1" t="s">
        <v>15473</v>
      </c>
    </row>
    <row r="3970" spans="1:10" x14ac:dyDescent="0.35">
      <c r="A3970" s="1" t="s">
        <v>15443</v>
      </c>
      <c r="B3970" s="1" t="s">
        <v>15198</v>
      </c>
      <c r="C3970" s="1" t="s">
        <v>50</v>
      </c>
      <c r="D3970" s="1" t="s">
        <v>360</v>
      </c>
      <c r="E3970" s="1" t="s">
        <v>15474</v>
      </c>
      <c r="F3970" s="1" t="s">
        <v>15475</v>
      </c>
      <c r="G3970" s="1" t="s">
        <v>15447</v>
      </c>
      <c r="H3970" s="1" t="s">
        <v>15448</v>
      </c>
      <c r="I3970" s="1" t="s">
        <v>15204</v>
      </c>
      <c r="J3970" s="1" t="s">
        <v>15476</v>
      </c>
    </row>
    <row r="3971" spans="1:10" x14ac:dyDescent="0.35">
      <c r="A3971" s="1" t="s">
        <v>15443</v>
      </c>
      <c r="B3971" s="1" t="s">
        <v>15198</v>
      </c>
      <c r="C3971" s="1" t="s">
        <v>55</v>
      </c>
      <c r="D3971" s="1" t="s">
        <v>4547</v>
      </c>
      <c r="E3971" s="1" t="s">
        <v>15477</v>
      </c>
      <c r="F3971" s="1" t="s">
        <v>15478</v>
      </c>
      <c r="G3971" s="1" t="s">
        <v>15447</v>
      </c>
      <c r="H3971" s="1" t="s">
        <v>15448</v>
      </c>
      <c r="I3971" s="1" t="s">
        <v>15204</v>
      </c>
      <c r="J3971" s="1" t="s">
        <v>15479</v>
      </c>
    </row>
    <row r="3972" spans="1:10" x14ac:dyDescent="0.35">
      <c r="A3972" s="1" t="s">
        <v>15443</v>
      </c>
      <c r="B3972" s="1" t="s">
        <v>15198</v>
      </c>
      <c r="C3972" s="1" t="s">
        <v>60</v>
      </c>
      <c r="D3972" s="1" t="s">
        <v>15480</v>
      </c>
      <c r="E3972" s="1" t="s">
        <v>15481</v>
      </c>
      <c r="F3972" s="1" t="s">
        <v>15482</v>
      </c>
      <c r="G3972" s="1" t="s">
        <v>15447</v>
      </c>
      <c r="H3972" s="1" t="s">
        <v>15448</v>
      </c>
      <c r="I3972" s="1" t="s">
        <v>15204</v>
      </c>
      <c r="J3972" s="1" t="s">
        <v>15483</v>
      </c>
    </row>
    <row r="3973" spans="1:10" x14ac:dyDescent="0.35">
      <c r="A3973" s="1" t="s">
        <v>15443</v>
      </c>
      <c r="B3973" s="1" t="s">
        <v>15198</v>
      </c>
      <c r="C3973" s="1" t="s">
        <v>65</v>
      </c>
      <c r="D3973" s="1" t="s">
        <v>15484</v>
      </c>
      <c r="E3973" s="1" t="s">
        <v>15485</v>
      </c>
      <c r="F3973" s="1" t="s">
        <v>15486</v>
      </c>
      <c r="G3973" s="1" t="s">
        <v>15447</v>
      </c>
      <c r="H3973" s="1" t="s">
        <v>15448</v>
      </c>
      <c r="I3973" s="1" t="s">
        <v>15204</v>
      </c>
      <c r="J3973" s="1" t="s">
        <v>15487</v>
      </c>
    </row>
    <row r="3974" spans="1:10" x14ac:dyDescent="0.35">
      <c r="A3974" s="1" t="s">
        <v>15443</v>
      </c>
      <c r="B3974" s="1" t="s">
        <v>15198</v>
      </c>
      <c r="C3974" s="1" t="s">
        <v>70</v>
      </c>
      <c r="D3974" s="1" t="s">
        <v>15488</v>
      </c>
      <c r="E3974" s="1" t="s">
        <v>15489</v>
      </c>
      <c r="F3974" s="1" t="s">
        <v>15490</v>
      </c>
      <c r="G3974" s="1" t="s">
        <v>15447</v>
      </c>
      <c r="H3974" s="1" t="s">
        <v>15448</v>
      </c>
      <c r="I3974" s="1" t="s">
        <v>15204</v>
      </c>
      <c r="J3974" s="1" t="s">
        <v>15491</v>
      </c>
    </row>
    <row r="3975" spans="1:10" x14ac:dyDescent="0.35">
      <c r="A3975" s="1" t="s">
        <v>15443</v>
      </c>
      <c r="B3975" s="1" t="s">
        <v>15198</v>
      </c>
      <c r="C3975" s="1" t="s">
        <v>75</v>
      </c>
      <c r="D3975" s="1" t="s">
        <v>15492</v>
      </c>
      <c r="E3975" s="1" t="s">
        <v>15485</v>
      </c>
      <c r="F3975" s="1" t="s">
        <v>15493</v>
      </c>
      <c r="G3975" s="1" t="s">
        <v>15447</v>
      </c>
      <c r="H3975" s="1" t="s">
        <v>15448</v>
      </c>
      <c r="I3975" s="1" t="s">
        <v>15204</v>
      </c>
      <c r="J3975" s="1" t="s">
        <v>15494</v>
      </c>
    </row>
    <row r="3976" spans="1:10" x14ac:dyDescent="0.35">
      <c r="A3976" s="1" t="s">
        <v>15443</v>
      </c>
      <c r="B3976" s="1" t="s">
        <v>15198</v>
      </c>
      <c r="C3976" s="1" t="s">
        <v>80</v>
      </c>
      <c r="D3976" s="1" t="s">
        <v>15495</v>
      </c>
      <c r="E3976" s="1" t="s">
        <v>15496</v>
      </c>
      <c r="F3976" s="1" t="s">
        <v>15497</v>
      </c>
      <c r="G3976" s="1" t="s">
        <v>15447</v>
      </c>
      <c r="H3976" s="1" t="s">
        <v>15448</v>
      </c>
      <c r="I3976" s="1" t="s">
        <v>15204</v>
      </c>
      <c r="J3976" s="1" t="s">
        <v>15498</v>
      </c>
    </row>
    <row r="3977" spans="1:10" x14ac:dyDescent="0.35">
      <c r="A3977" s="1" t="s">
        <v>15443</v>
      </c>
      <c r="B3977" s="1" t="s">
        <v>15198</v>
      </c>
      <c r="C3977" s="1" t="s">
        <v>85</v>
      </c>
      <c r="D3977" s="1" t="s">
        <v>15499</v>
      </c>
      <c r="E3977" s="1" t="s">
        <v>15500</v>
      </c>
      <c r="F3977" s="1" t="s">
        <v>15501</v>
      </c>
      <c r="G3977" s="1" t="s">
        <v>15447</v>
      </c>
      <c r="H3977" s="1" t="s">
        <v>15448</v>
      </c>
      <c r="I3977" s="1" t="s">
        <v>15204</v>
      </c>
      <c r="J3977" s="1" t="s">
        <v>15502</v>
      </c>
    </row>
    <row r="3978" spans="1:10" x14ac:dyDescent="0.35">
      <c r="A3978" s="1" t="s">
        <v>15443</v>
      </c>
      <c r="B3978" s="1" t="s">
        <v>15198</v>
      </c>
      <c r="C3978" s="1" t="s">
        <v>90</v>
      </c>
      <c r="D3978" s="1" t="s">
        <v>15503</v>
      </c>
      <c r="E3978" s="1" t="s">
        <v>15504</v>
      </c>
      <c r="F3978" s="1" t="s">
        <v>15505</v>
      </c>
      <c r="G3978" s="1" t="s">
        <v>15447</v>
      </c>
      <c r="H3978" s="1" t="s">
        <v>15448</v>
      </c>
      <c r="I3978" s="1" t="s">
        <v>15204</v>
      </c>
      <c r="J3978" s="1" t="s">
        <v>15506</v>
      </c>
    </row>
    <row r="3979" spans="1:10" x14ac:dyDescent="0.35">
      <c r="A3979" s="1" t="s">
        <v>15443</v>
      </c>
      <c r="B3979" s="1" t="s">
        <v>15198</v>
      </c>
      <c r="C3979" s="1" t="s">
        <v>95</v>
      </c>
      <c r="D3979" s="1" t="s">
        <v>15507</v>
      </c>
      <c r="E3979" s="1" t="s">
        <v>15508</v>
      </c>
      <c r="F3979" s="1" t="s">
        <v>15509</v>
      </c>
      <c r="G3979" s="1" t="s">
        <v>15447</v>
      </c>
      <c r="H3979" s="1" t="s">
        <v>15448</v>
      </c>
      <c r="I3979" s="1" t="s">
        <v>15204</v>
      </c>
      <c r="J3979" s="1" t="s">
        <v>15510</v>
      </c>
    </row>
    <row r="3980" spans="1:10" x14ac:dyDescent="0.35">
      <c r="A3980" s="1" t="s">
        <v>15443</v>
      </c>
      <c r="B3980" s="1" t="s">
        <v>15198</v>
      </c>
      <c r="C3980" s="1" t="s">
        <v>100</v>
      </c>
      <c r="D3980" s="1" t="s">
        <v>15511</v>
      </c>
      <c r="E3980" s="1" t="s">
        <v>15512</v>
      </c>
      <c r="F3980" s="1" t="s">
        <v>15513</v>
      </c>
      <c r="G3980" s="1" t="s">
        <v>15447</v>
      </c>
      <c r="H3980" s="1" t="s">
        <v>15448</v>
      </c>
      <c r="I3980" s="1" t="s">
        <v>15204</v>
      </c>
      <c r="J3980" s="1" t="s">
        <v>15514</v>
      </c>
    </row>
    <row r="3981" spans="1:10" x14ac:dyDescent="0.35">
      <c r="A3981" s="1" t="s">
        <v>15443</v>
      </c>
      <c r="B3981" s="1" t="s">
        <v>15198</v>
      </c>
      <c r="C3981" s="1" t="s">
        <v>105</v>
      </c>
      <c r="D3981" s="1" t="s">
        <v>15515</v>
      </c>
      <c r="E3981" s="1" t="s">
        <v>15516</v>
      </c>
      <c r="F3981" s="1" t="s">
        <v>15517</v>
      </c>
      <c r="G3981" s="1" t="s">
        <v>15447</v>
      </c>
      <c r="H3981" s="1" t="s">
        <v>15448</v>
      </c>
      <c r="I3981" s="1" t="s">
        <v>15204</v>
      </c>
      <c r="J3981" s="1" t="s">
        <v>15518</v>
      </c>
    </row>
    <row r="3982" spans="1:10" x14ac:dyDescent="0.35">
      <c r="A3982" s="1" t="s">
        <v>15443</v>
      </c>
      <c r="B3982" s="1" t="s">
        <v>15198</v>
      </c>
      <c r="C3982" s="1" t="s">
        <v>110</v>
      </c>
      <c r="D3982" s="1" t="s">
        <v>15519</v>
      </c>
      <c r="E3982" s="1" t="s">
        <v>15520</v>
      </c>
      <c r="F3982" s="1" t="s">
        <v>15521</v>
      </c>
      <c r="G3982" s="1" t="s">
        <v>15447</v>
      </c>
      <c r="H3982" s="1" t="s">
        <v>15448</v>
      </c>
      <c r="I3982" s="1" t="s">
        <v>15204</v>
      </c>
      <c r="J3982" s="1" t="s">
        <v>15522</v>
      </c>
    </row>
    <row r="3983" spans="1:10" x14ac:dyDescent="0.35">
      <c r="A3983" s="1" t="s">
        <v>15443</v>
      </c>
      <c r="B3983" s="1" t="s">
        <v>15198</v>
      </c>
      <c r="C3983" s="1" t="s">
        <v>115</v>
      </c>
      <c r="D3983" s="1" t="s">
        <v>15523</v>
      </c>
      <c r="E3983" s="1" t="s">
        <v>15524</v>
      </c>
      <c r="F3983" s="1" t="s">
        <v>15525</v>
      </c>
      <c r="G3983" s="1" t="s">
        <v>15447</v>
      </c>
      <c r="H3983" s="1" t="s">
        <v>15448</v>
      </c>
      <c r="I3983" s="1" t="s">
        <v>15204</v>
      </c>
      <c r="J3983" s="1" t="s">
        <v>15526</v>
      </c>
    </row>
    <row r="3984" spans="1:10" x14ac:dyDescent="0.35">
      <c r="A3984" s="1" t="s">
        <v>15443</v>
      </c>
      <c r="B3984" s="1" t="s">
        <v>15198</v>
      </c>
      <c r="C3984" s="1" t="s">
        <v>120</v>
      </c>
      <c r="D3984" s="1" t="s">
        <v>15527</v>
      </c>
      <c r="E3984" s="1" t="s">
        <v>15528</v>
      </c>
      <c r="F3984" s="1" t="s">
        <v>15529</v>
      </c>
      <c r="G3984" s="1" t="s">
        <v>15447</v>
      </c>
      <c r="H3984" s="1" t="s">
        <v>15448</v>
      </c>
      <c r="I3984" s="1" t="s">
        <v>15204</v>
      </c>
      <c r="J3984" s="1" t="s">
        <v>15530</v>
      </c>
    </row>
    <row r="3985" spans="1:10" x14ac:dyDescent="0.35">
      <c r="A3985" s="1" t="s">
        <v>15443</v>
      </c>
      <c r="B3985" s="1" t="s">
        <v>15198</v>
      </c>
      <c r="C3985" s="1" t="s">
        <v>125</v>
      </c>
      <c r="D3985" s="1" t="s">
        <v>15531</v>
      </c>
      <c r="E3985" s="1" t="s">
        <v>15532</v>
      </c>
      <c r="F3985" s="1" t="s">
        <v>15533</v>
      </c>
      <c r="G3985" s="1" t="s">
        <v>15447</v>
      </c>
      <c r="H3985" s="1" t="s">
        <v>15448</v>
      </c>
      <c r="I3985" s="1" t="s">
        <v>15204</v>
      </c>
      <c r="J3985" s="1" t="s">
        <v>15534</v>
      </c>
    </row>
    <row r="3986" spans="1:10" x14ac:dyDescent="0.35">
      <c r="A3986" s="1" t="s">
        <v>15443</v>
      </c>
      <c r="B3986" s="1" t="s">
        <v>15198</v>
      </c>
      <c r="C3986" s="1" t="s">
        <v>130</v>
      </c>
      <c r="D3986" s="1" t="s">
        <v>15535</v>
      </c>
      <c r="E3986" s="1" t="s">
        <v>15536</v>
      </c>
      <c r="F3986" s="1" t="s">
        <v>15537</v>
      </c>
      <c r="G3986" s="1" t="s">
        <v>15447</v>
      </c>
      <c r="H3986" s="1" t="s">
        <v>15448</v>
      </c>
      <c r="I3986" s="1" t="s">
        <v>15204</v>
      </c>
      <c r="J3986" s="1" t="s">
        <v>15538</v>
      </c>
    </row>
    <row r="3987" spans="1:10" x14ac:dyDescent="0.35">
      <c r="A3987" s="1" t="s">
        <v>15443</v>
      </c>
      <c r="B3987" s="1" t="s">
        <v>15198</v>
      </c>
      <c r="C3987" s="1" t="s">
        <v>135</v>
      </c>
      <c r="D3987" s="1" t="s">
        <v>15539</v>
      </c>
      <c r="E3987" s="1" t="s">
        <v>15540</v>
      </c>
      <c r="F3987" s="1" t="s">
        <v>15541</v>
      </c>
      <c r="G3987" s="1" t="s">
        <v>15447</v>
      </c>
      <c r="H3987" s="1" t="s">
        <v>15448</v>
      </c>
      <c r="I3987" s="1" t="s">
        <v>15204</v>
      </c>
      <c r="J3987" s="1" t="s">
        <v>15542</v>
      </c>
    </row>
    <row r="3988" spans="1:10" x14ac:dyDescent="0.35">
      <c r="A3988" s="1" t="s">
        <v>15443</v>
      </c>
      <c r="B3988" s="1" t="s">
        <v>15198</v>
      </c>
      <c r="C3988" s="1" t="s">
        <v>140</v>
      </c>
      <c r="D3988" s="1" t="s">
        <v>15543</v>
      </c>
      <c r="E3988" s="1" t="s">
        <v>15544</v>
      </c>
      <c r="F3988" s="1" t="s">
        <v>15545</v>
      </c>
      <c r="G3988" s="1" t="s">
        <v>15447</v>
      </c>
      <c r="H3988" s="1" t="s">
        <v>15448</v>
      </c>
      <c r="I3988" s="1" t="s">
        <v>15204</v>
      </c>
      <c r="J3988" s="1" t="s">
        <v>15546</v>
      </c>
    </row>
    <row r="3989" spans="1:10" x14ac:dyDescent="0.35">
      <c r="A3989" s="1" t="s">
        <v>15443</v>
      </c>
      <c r="B3989" s="1" t="s">
        <v>15198</v>
      </c>
      <c r="C3989" s="1" t="s">
        <v>145</v>
      </c>
      <c r="D3989" s="1" t="s">
        <v>15547</v>
      </c>
      <c r="E3989" s="1" t="s">
        <v>15548</v>
      </c>
      <c r="F3989" s="1" t="s">
        <v>15549</v>
      </c>
      <c r="G3989" s="1" t="s">
        <v>15447</v>
      </c>
      <c r="H3989" s="1" t="s">
        <v>15448</v>
      </c>
      <c r="I3989" s="1" t="s">
        <v>15204</v>
      </c>
      <c r="J3989" s="1" t="s">
        <v>15550</v>
      </c>
    </row>
    <row r="3990" spans="1:10" x14ac:dyDescent="0.35">
      <c r="A3990" s="1" t="s">
        <v>15443</v>
      </c>
      <c r="B3990" s="1" t="s">
        <v>15198</v>
      </c>
      <c r="C3990" s="1" t="s">
        <v>150</v>
      </c>
      <c r="D3990" s="1" t="s">
        <v>15551</v>
      </c>
      <c r="E3990" s="1" t="s">
        <v>15552</v>
      </c>
      <c r="F3990" s="1" t="s">
        <v>15553</v>
      </c>
      <c r="G3990" s="1" t="s">
        <v>15447</v>
      </c>
      <c r="H3990" s="1" t="s">
        <v>15448</v>
      </c>
      <c r="I3990" s="1" t="s">
        <v>15204</v>
      </c>
      <c r="J3990" s="1" t="s">
        <v>15554</v>
      </c>
    </row>
    <row r="3991" spans="1:10" x14ac:dyDescent="0.35">
      <c r="A3991" s="1" t="s">
        <v>15443</v>
      </c>
      <c r="B3991" s="1" t="s">
        <v>15198</v>
      </c>
      <c r="C3991" s="1" t="s">
        <v>155</v>
      </c>
      <c r="D3991" s="1" t="s">
        <v>15555</v>
      </c>
      <c r="E3991" s="1" t="s">
        <v>15556</v>
      </c>
      <c r="F3991" s="1" t="s">
        <v>12818</v>
      </c>
      <c r="G3991" s="1" t="s">
        <v>15447</v>
      </c>
      <c r="H3991" s="1" t="s">
        <v>15448</v>
      </c>
      <c r="I3991" s="1" t="s">
        <v>15204</v>
      </c>
      <c r="J3991" s="1" t="s">
        <v>15557</v>
      </c>
    </row>
    <row r="3992" spans="1:10" x14ac:dyDescent="0.35">
      <c r="A3992" s="1" t="s">
        <v>15443</v>
      </c>
      <c r="B3992" s="1" t="s">
        <v>15198</v>
      </c>
      <c r="C3992" s="1" t="s">
        <v>160</v>
      </c>
      <c r="D3992" s="1" t="s">
        <v>15558</v>
      </c>
      <c r="E3992" s="1" t="s">
        <v>15559</v>
      </c>
      <c r="F3992" s="1" t="s">
        <v>15560</v>
      </c>
      <c r="G3992" s="1" t="s">
        <v>15447</v>
      </c>
      <c r="H3992" s="1" t="s">
        <v>15448</v>
      </c>
      <c r="I3992" s="1" t="s">
        <v>15204</v>
      </c>
      <c r="J3992" s="1" t="s">
        <v>15561</v>
      </c>
    </row>
    <row r="3993" spans="1:10" x14ac:dyDescent="0.35">
      <c r="A3993" s="1" t="s">
        <v>15443</v>
      </c>
      <c r="B3993" s="1" t="s">
        <v>15198</v>
      </c>
      <c r="C3993" s="1" t="s">
        <v>165</v>
      </c>
      <c r="D3993" s="1" t="s">
        <v>15562</v>
      </c>
      <c r="E3993" s="1" t="s">
        <v>15563</v>
      </c>
      <c r="F3993" s="1" t="s">
        <v>15564</v>
      </c>
      <c r="G3993" s="1" t="s">
        <v>15447</v>
      </c>
      <c r="H3993" s="1" t="s">
        <v>15448</v>
      </c>
      <c r="I3993" s="1" t="s">
        <v>15204</v>
      </c>
      <c r="J3993" s="1" t="s">
        <v>15565</v>
      </c>
    </row>
    <row r="3994" spans="1:10" x14ac:dyDescent="0.35">
      <c r="A3994" s="1" t="s">
        <v>15443</v>
      </c>
      <c r="B3994" s="1" t="s">
        <v>15198</v>
      </c>
      <c r="C3994" s="1" t="s">
        <v>170</v>
      </c>
      <c r="D3994" s="1" t="s">
        <v>15566</v>
      </c>
      <c r="E3994" s="1" t="s">
        <v>15567</v>
      </c>
      <c r="F3994" s="1" t="s">
        <v>15568</v>
      </c>
      <c r="G3994" s="1" t="s">
        <v>15447</v>
      </c>
      <c r="H3994" s="1" t="s">
        <v>15448</v>
      </c>
      <c r="I3994" s="1" t="s">
        <v>15204</v>
      </c>
      <c r="J3994" s="1" t="s">
        <v>15569</v>
      </c>
    </row>
    <row r="3995" spans="1:10" x14ac:dyDescent="0.35">
      <c r="A3995" s="1" t="s">
        <v>15570</v>
      </c>
      <c r="B3995" s="1" t="s">
        <v>15198</v>
      </c>
      <c r="C3995" s="1" t="s">
        <v>8</v>
      </c>
      <c r="D3995" s="1" t="s">
        <v>2584</v>
      </c>
      <c r="E3995" s="1" t="s">
        <v>15571</v>
      </c>
      <c r="F3995" s="1" t="s">
        <v>15572</v>
      </c>
      <c r="G3995" s="1" t="s">
        <v>15573</v>
      </c>
      <c r="H3995" s="1" t="s">
        <v>15574</v>
      </c>
      <c r="I3995" s="1" t="s">
        <v>15204</v>
      </c>
      <c r="J3995" s="1" t="s">
        <v>13</v>
      </c>
    </row>
    <row r="3996" spans="1:10" x14ac:dyDescent="0.35">
      <c r="A3996" s="1" t="s">
        <v>15570</v>
      </c>
      <c r="B3996" s="1" t="s">
        <v>15198</v>
      </c>
      <c r="C3996" s="1" t="s">
        <v>15</v>
      </c>
      <c r="D3996" s="1" t="s">
        <v>15575</v>
      </c>
      <c r="E3996" s="1" t="s">
        <v>15576</v>
      </c>
      <c r="F3996" s="1" t="s">
        <v>15577</v>
      </c>
      <c r="G3996" s="1" t="s">
        <v>15573</v>
      </c>
      <c r="H3996" s="1" t="s">
        <v>15574</v>
      </c>
      <c r="I3996" s="1" t="s">
        <v>15204</v>
      </c>
      <c r="J3996" s="1" t="s">
        <v>15578</v>
      </c>
    </row>
    <row r="3997" spans="1:10" x14ac:dyDescent="0.35">
      <c r="A3997" s="1" t="s">
        <v>15570</v>
      </c>
      <c r="B3997" s="1" t="s">
        <v>15198</v>
      </c>
      <c r="C3997" s="1" t="s">
        <v>20</v>
      </c>
      <c r="D3997" s="1" t="s">
        <v>15579</v>
      </c>
      <c r="E3997" s="1" t="s">
        <v>15580</v>
      </c>
      <c r="F3997" s="1" t="s">
        <v>15581</v>
      </c>
      <c r="G3997" s="1" t="s">
        <v>15573</v>
      </c>
      <c r="H3997" s="1" t="s">
        <v>15574</v>
      </c>
      <c r="I3997" s="1" t="s">
        <v>15204</v>
      </c>
      <c r="J3997" s="1" t="s">
        <v>15582</v>
      </c>
    </row>
    <row r="3998" spans="1:10" x14ac:dyDescent="0.35">
      <c r="A3998" s="1" t="s">
        <v>15570</v>
      </c>
      <c r="B3998" s="1" t="s">
        <v>15198</v>
      </c>
      <c r="C3998" s="1" t="s">
        <v>25</v>
      </c>
      <c r="D3998" s="1" t="s">
        <v>15583</v>
      </c>
      <c r="E3998" s="1" t="s">
        <v>15584</v>
      </c>
      <c r="F3998" s="1" t="s">
        <v>15585</v>
      </c>
      <c r="G3998" s="1" t="s">
        <v>15573</v>
      </c>
      <c r="H3998" s="1" t="s">
        <v>15574</v>
      </c>
      <c r="I3998" s="1" t="s">
        <v>15204</v>
      </c>
      <c r="J3998" s="1" t="s">
        <v>15586</v>
      </c>
    </row>
    <row r="3999" spans="1:10" x14ac:dyDescent="0.35">
      <c r="A3999" s="1" t="s">
        <v>15570</v>
      </c>
      <c r="B3999" s="1" t="s">
        <v>15198</v>
      </c>
      <c r="C3999" s="1" t="s">
        <v>30</v>
      </c>
      <c r="D3999" s="1" t="s">
        <v>15587</v>
      </c>
      <c r="E3999" s="1" t="s">
        <v>15588</v>
      </c>
      <c r="F3999" s="1" t="s">
        <v>15589</v>
      </c>
      <c r="G3999" s="1" t="s">
        <v>15573</v>
      </c>
      <c r="H3999" s="1" t="s">
        <v>15574</v>
      </c>
      <c r="I3999" s="1" t="s">
        <v>15204</v>
      </c>
      <c r="J3999" s="1" t="s">
        <v>15590</v>
      </c>
    </row>
    <row r="4000" spans="1:10" x14ac:dyDescent="0.35">
      <c r="A4000" s="1" t="s">
        <v>15570</v>
      </c>
      <c r="B4000" s="1" t="s">
        <v>15198</v>
      </c>
      <c r="C4000" s="1" t="s">
        <v>35</v>
      </c>
      <c r="D4000" s="1" t="s">
        <v>15591</v>
      </c>
      <c r="E4000" s="1" t="s">
        <v>15592</v>
      </c>
      <c r="F4000" s="1" t="s">
        <v>15593</v>
      </c>
      <c r="G4000" s="1" t="s">
        <v>15573</v>
      </c>
      <c r="H4000" s="1" t="s">
        <v>15574</v>
      </c>
      <c r="I4000" s="1" t="s">
        <v>15204</v>
      </c>
      <c r="J4000" s="1" t="s">
        <v>15594</v>
      </c>
    </row>
    <row r="4001" spans="1:10" x14ac:dyDescent="0.35">
      <c r="A4001" s="1" t="s">
        <v>15570</v>
      </c>
      <c r="B4001" s="1" t="s">
        <v>15198</v>
      </c>
      <c r="C4001" s="1" t="s">
        <v>40</v>
      </c>
      <c r="D4001" s="1" t="s">
        <v>2370</v>
      </c>
      <c r="E4001" s="1" t="s">
        <v>15595</v>
      </c>
      <c r="F4001" s="1" t="s">
        <v>15596</v>
      </c>
      <c r="G4001" s="1" t="s">
        <v>15573</v>
      </c>
      <c r="H4001" s="1" t="s">
        <v>15574</v>
      </c>
      <c r="I4001" s="1" t="s">
        <v>15204</v>
      </c>
      <c r="J4001" s="1" t="s">
        <v>15597</v>
      </c>
    </row>
    <row r="4002" spans="1:10" x14ac:dyDescent="0.35">
      <c r="A4002" s="1" t="s">
        <v>15570</v>
      </c>
      <c r="B4002" s="1" t="s">
        <v>15198</v>
      </c>
      <c r="C4002" s="1" t="s">
        <v>45</v>
      </c>
      <c r="D4002" s="1" t="s">
        <v>10342</v>
      </c>
      <c r="E4002" s="1" t="s">
        <v>15598</v>
      </c>
      <c r="F4002" s="1" t="s">
        <v>15599</v>
      </c>
      <c r="G4002" s="1" t="s">
        <v>15573</v>
      </c>
      <c r="H4002" s="1" t="s">
        <v>15574</v>
      </c>
      <c r="I4002" s="1" t="s">
        <v>15204</v>
      </c>
      <c r="J4002" s="1" t="s">
        <v>15600</v>
      </c>
    </row>
    <row r="4003" spans="1:10" x14ac:dyDescent="0.35">
      <c r="A4003" s="1" t="s">
        <v>15570</v>
      </c>
      <c r="B4003" s="1" t="s">
        <v>15198</v>
      </c>
      <c r="C4003" s="1" t="s">
        <v>50</v>
      </c>
      <c r="D4003" s="1" t="s">
        <v>15601</v>
      </c>
      <c r="E4003" s="1" t="s">
        <v>15602</v>
      </c>
      <c r="F4003" s="1" t="s">
        <v>15603</v>
      </c>
      <c r="G4003" s="1" t="s">
        <v>15573</v>
      </c>
      <c r="H4003" s="1" t="s">
        <v>15574</v>
      </c>
      <c r="I4003" s="1" t="s">
        <v>15204</v>
      </c>
      <c r="J4003" s="1" t="s">
        <v>15604</v>
      </c>
    </row>
    <row r="4004" spans="1:10" x14ac:dyDescent="0.35">
      <c r="A4004" s="1" t="s">
        <v>15570</v>
      </c>
      <c r="B4004" s="1" t="s">
        <v>15198</v>
      </c>
      <c r="C4004" s="1" t="s">
        <v>55</v>
      </c>
      <c r="D4004" s="1" t="s">
        <v>15605</v>
      </c>
      <c r="E4004" s="1" t="s">
        <v>15606</v>
      </c>
      <c r="F4004" s="1" t="s">
        <v>15607</v>
      </c>
      <c r="G4004" s="1" t="s">
        <v>15573</v>
      </c>
      <c r="H4004" s="1" t="s">
        <v>15574</v>
      </c>
      <c r="I4004" s="1" t="s">
        <v>15204</v>
      </c>
      <c r="J4004" s="1" t="s">
        <v>15608</v>
      </c>
    </row>
    <row r="4005" spans="1:10" x14ac:dyDescent="0.35">
      <c r="A4005" s="1" t="s">
        <v>15570</v>
      </c>
      <c r="B4005" s="1" t="s">
        <v>15198</v>
      </c>
      <c r="C4005" s="1" t="s">
        <v>60</v>
      </c>
      <c r="D4005" s="1" t="s">
        <v>15609</v>
      </c>
      <c r="E4005" s="1" t="s">
        <v>15610</v>
      </c>
      <c r="F4005" s="1" t="s">
        <v>15611</v>
      </c>
      <c r="G4005" s="1" t="s">
        <v>15573</v>
      </c>
      <c r="H4005" s="1" t="s">
        <v>15574</v>
      </c>
      <c r="I4005" s="1" t="s">
        <v>15204</v>
      </c>
      <c r="J4005" s="1" t="s">
        <v>15612</v>
      </c>
    </row>
    <row r="4006" spans="1:10" x14ac:dyDescent="0.35">
      <c r="A4006" s="1" t="s">
        <v>15570</v>
      </c>
      <c r="B4006" s="1" t="s">
        <v>15198</v>
      </c>
      <c r="C4006" s="1" t="s">
        <v>65</v>
      </c>
      <c r="D4006" s="1" t="s">
        <v>15613</v>
      </c>
      <c r="E4006" s="1" t="s">
        <v>15614</v>
      </c>
      <c r="F4006" s="1" t="s">
        <v>15615</v>
      </c>
      <c r="G4006" s="1" t="s">
        <v>15573</v>
      </c>
      <c r="H4006" s="1" t="s">
        <v>15574</v>
      </c>
      <c r="I4006" s="1" t="s">
        <v>15204</v>
      </c>
      <c r="J4006" s="1" t="s">
        <v>15616</v>
      </c>
    </row>
    <row r="4007" spans="1:10" x14ac:dyDescent="0.35">
      <c r="A4007" s="1" t="s">
        <v>15570</v>
      </c>
      <c r="B4007" s="1" t="s">
        <v>15198</v>
      </c>
      <c r="C4007" s="1" t="s">
        <v>70</v>
      </c>
      <c r="D4007" s="1" t="s">
        <v>15617</v>
      </c>
      <c r="E4007" s="1" t="s">
        <v>15618</v>
      </c>
      <c r="F4007" s="1" t="s">
        <v>15619</v>
      </c>
      <c r="G4007" s="1" t="s">
        <v>15573</v>
      </c>
      <c r="H4007" s="1" t="s">
        <v>15574</v>
      </c>
      <c r="I4007" s="1" t="s">
        <v>15204</v>
      </c>
      <c r="J4007" s="1" t="s">
        <v>15620</v>
      </c>
    </row>
    <row r="4008" spans="1:10" x14ac:dyDescent="0.35">
      <c r="A4008" s="1" t="s">
        <v>15570</v>
      </c>
      <c r="B4008" s="1" t="s">
        <v>15198</v>
      </c>
      <c r="C4008" s="1" t="s">
        <v>75</v>
      </c>
      <c r="D4008" s="1" t="s">
        <v>15621</v>
      </c>
      <c r="E4008" s="1" t="s">
        <v>15622</v>
      </c>
      <c r="F4008" s="1" t="s">
        <v>15623</v>
      </c>
      <c r="G4008" s="1" t="s">
        <v>15573</v>
      </c>
      <c r="H4008" s="1" t="s">
        <v>15574</v>
      </c>
      <c r="I4008" s="1" t="s">
        <v>15204</v>
      </c>
      <c r="J4008" s="1" t="s">
        <v>15624</v>
      </c>
    </row>
    <row r="4009" spans="1:10" x14ac:dyDescent="0.35">
      <c r="A4009" s="1" t="s">
        <v>15570</v>
      </c>
      <c r="B4009" s="1" t="s">
        <v>15198</v>
      </c>
      <c r="C4009" s="1" t="s">
        <v>80</v>
      </c>
      <c r="D4009" s="1" t="s">
        <v>15391</v>
      </c>
      <c r="E4009" s="1" t="s">
        <v>15625</v>
      </c>
      <c r="F4009" s="1" t="s">
        <v>15626</v>
      </c>
      <c r="G4009" s="1" t="s">
        <v>15573</v>
      </c>
      <c r="H4009" s="1" t="s">
        <v>15574</v>
      </c>
      <c r="I4009" s="1" t="s">
        <v>15204</v>
      </c>
      <c r="J4009" s="1" t="s">
        <v>15627</v>
      </c>
    </row>
    <row r="4010" spans="1:10" x14ac:dyDescent="0.35">
      <c r="A4010" s="1" t="s">
        <v>15570</v>
      </c>
      <c r="B4010" s="1" t="s">
        <v>15198</v>
      </c>
      <c r="C4010" s="1" t="s">
        <v>85</v>
      </c>
      <c r="D4010" s="1" t="s">
        <v>3112</v>
      </c>
      <c r="E4010" s="1" t="s">
        <v>15628</v>
      </c>
      <c r="F4010" s="1" t="s">
        <v>15629</v>
      </c>
      <c r="G4010" s="1" t="s">
        <v>15573</v>
      </c>
      <c r="H4010" s="1" t="s">
        <v>15574</v>
      </c>
      <c r="I4010" s="1" t="s">
        <v>15204</v>
      </c>
      <c r="J4010" s="1" t="s">
        <v>15630</v>
      </c>
    </row>
    <row r="4011" spans="1:10" x14ac:dyDescent="0.35">
      <c r="A4011" s="1" t="s">
        <v>15570</v>
      </c>
      <c r="B4011" s="1" t="s">
        <v>15198</v>
      </c>
      <c r="C4011" s="1" t="s">
        <v>90</v>
      </c>
      <c r="D4011" s="1" t="s">
        <v>15631</v>
      </c>
      <c r="E4011" s="1" t="s">
        <v>15632</v>
      </c>
      <c r="F4011" s="1" t="s">
        <v>15633</v>
      </c>
      <c r="G4011" s="1" t="s">
        <v>15573</v>
      </c>
      <c r="H4011" s="1" t="s">
        <v>15574</v>
      </c>
      <c r="I4011" s="1" t="s">
        <v>15204</v>
      </c>
      <c r="J4011" s="1" t="s">
        <v>15634</v>
      </c>
    </row>
    <row r="4012" spans="1:10" x14ac:dyDescent="0.35">
      <c r="A4012" s="1" t="s">
        <v>15570</v>
      </c>
      <c r="B4012" s="1" t="s">
        <v>15198</v>
      </c>
      <c r="C4012" s="1" t="s">
        <v>95</v>
      </c>
      <c r="D4012" s="1" t="s">
        <v>15635</v>
      </c>
      <c r="E4012" s="1" t="s">
        <v>15636</v>
      </c>
      <c r="F4012" s="1" t="s">
        <v>15637</v>
      </c>
      <c r="G4012" s="1" t="s">
        <v>15573</v>
      </c>
      <c r="H4012" s="1" t="s">
        <v>15574</v>
      </c>
      <c r="I4012" s="1" t="s">
        <v>15204</v>
      </c>
      <c r="J4012" s="1" t="s">
        <v>15638</v>
      </c>
    </row>
    <row r="4013" spans="1:10" x14ac:dyDescent="0.35">
      <c r="A4013" s="1" t="s">
        <v>15570</v>
      </c>
      <c r="B4013" s="1" t="s">
        <v>15198</v>
      </c>
      <c r="C4013" s="1" t="s">
        <v>100</v>
      </c>
      <c r="D4013" s="1" t="s">
        <v>15639</v>
      </c>
      <c r="E4013" s="1" t="s">
        <v>15640</v>
      </c>
      <c r="F4013" s="1" t="s">
        <v>15641</v>
      </c>
      <c r="G4013" s="1" t="s">
        <v>15573</v>
      </c>
      <c r="H4013" s="1" t="s">
        <v>15574</v>
      </c>
      <c r="I4013" s="1" t="s">
        <v>15204</v>
      </c>
      <c r="J4013" s="1" t="s">
        <v>15642</v>
      </c>
    </row>
    <row r="4014" spans="1:10" x14ac:dyDescent="0.35">
      <c r="A4014" s="1" t="s">
        <v>15570</v>
      </c>
      <c r="B4014" s="1" t="s">
        <v>15198</v>
      </c>
      <c r="C4014" s="1" t="s">
        <v>105</v>
      </c>
      <c r="D4014" s="1" t="s">
        <v>15643</v>
      </c>
      <c r="E4014" s="1" t="s">
        <v>15644</v>
      </c>
      <c r="F4014" s="1" t="s">
        <v>15645</v>
      </c>
      <c r="G4014" s="1" t="s">
        <v>15573</v>
      </c>
      <c r="H4014" s="1" t="s">
        <v>15574</v>
      </c>
      <c r="I4014" s="1" t="s">
        <v>15204</v>
      </c>
      <c r="J4014" s="1" t="s">
        <v>15646</v>
      </c>
    </row>
    <row r="4015" spans="1:10" x14ac:dyDescent="0.35">
      <c r="A4015" s="1" t="s">
        <v>15570</v>
      </c>
      <c r="B4015" s="1" t="s">
        <v>15198</v>
      </c>
      <c r="C4015" s="1" t="s">
        <v>110</v>
      </c>
      <c r="D4015" s="1" t="s">
        <v>15647</v>
      </c>
      <c r="E4015" s="1" t="s">
        <v>15648</v>
      </c>
      <c r="F4015" s="1" t="s">
        <v>15649</v>
      </c>
      <c r="G4015" s="1" t="s">
        <v>15573</v>
      </c>
      <c r="H4015" s="1" t="s">
        <v>15574</v>
      </c>
      <c r="I4015" s="1" t="s">
        <v>15204</v>
      </c>
      <c r="J4015" s="1" t="s">
        <v>15650</v>
      </c>
    </row>
    <row r="4016" spans="1:10" x14ac:dyDescent="0.35">
      <c r="A4016" s="1" t="s">
        <v>15570</v>
      </c>
      <c r="B4016" s="1" t="s">
        <v>15198</v>
      </c>
      <c r="C4016" s="1" t="s">
        <v>115</v>
      </c>
      <c r="D4016" s="1" t="s">
        <v>15651</v>
      </c>
      <c r="E4016" s="1" t="s">
        <v>15652</v>
      </c>
      <c r="F4016" s="1" t="s">
        <v>15653</v>
      </c>
      <c r="G4016" s="1" t="s">
        <v>15573</v>
      </c>
      <c r="H4016" s="1" t="s">
        <v>15574</v>
      </c>
      <c r="I4016" s="1" t="s">
        <v>15204</v>
      </c>
      <c r="J4016" s="1" t="s">
        <v>15654</v>
      </c>
    </row>
    <row r="4017" spans="1:10" x14ac:dyDescent="0.35">
      <c r="A4017" s="1" t="s">
        <v>15570</v>
      </c>
      <c r="B4017" s="1" t="s">
        <v>15198</v>
      </c>
      <c r="C4017" s="1" t="s">
        <v>120</v>
      </c>
      <c r="D4017" s="1" t="s">
        <v>15655</v>
      </c>
      <c r="E4017" s="1" t="s">
        <v>15656</v>
      </c>
      <c r="F4017" s="1" t="s">
        <v>15657</v>
      </c>
      <c r="G4017" s="1" t="s">
        <v>15573</v>
      </c>
      <c r="H4017" s="1" t="s">
        <v>15574</v>
      </c>
      <c r="I4017" s="1" t="s">
        <v>15204</v>
      </c>
      <c r="J4017" s="1" t="s">
        <v>15658</v>
      </c>
    </row>
    <row r="4018" spans="1:10" x14ac:dyDescent="0.35">
      <c r="A4018" s="1" t="s">
        <v>15570</v>
      </c>
      <c r="B4018" s="1" t="s">
        <v>15198</v>
      </c>
      <c r="C4018" s="1" t="s">
        <v>125</v>
      </c>
      <c r="D4018" s="1" t="s">
        <v>15659</v>
      </c>
      <c r="E4018" s="1" t="s">
        <v>15660</v>
      </c>
      <c r="F4018" s="1" t="s">
        <v>15661</v>
      </c>
      <c r="G4018" s="1" t="s">
        <v>15573</v>
      </c>
      <c r="H4018" s="1" t="s">
        <v>15574</v>
      </c>
      <c r="I4018" s="1" t="s">
        <v>15204</v>
      </c>
      <c r="J4018" s="1" t="s">
        <v>15662</v>
      </c>
    </row>
    <row r="4019" spans="1:10" x14ac:dyDescent="0.35">
      <c r="A4019" s="1" t="s">
        <v>15570</v>
      </c>
      <c r="B4019" s="1" t="s">
        <v>15198</v>
      </c>
      <c r="C4019" s="1" t="s">
        <v>130</v>
      </c>
      <c r="D4019" s="1" t="s">
        <v>15663</v>
      </c>
      <c r="E4019" s="1" t="s">
        <v>15664</v>
      </c>
      <c r="F4019" s="1" t="s">
        <v>15665</v>
      </c>
      <c r="G4019" s="1" t="s">
        <v>15573</v>
      </c>
      <c r="H4019" s="1" t="s">
        <v>15574</v>
      </c>
      <c r="I4019" s="1" t="s">
        <v>15204</v>
      </c>
      <c r="J4019" s="1" t="s">
        <v>15666</v>
      </c>
    </row>
    <row r="4020" spans="1:10" x14ac:dyDescent="0.35">
      <c r="A4020" s="1" t="s">
        <v>15570</v>
      </c>
      <c r="B4020" s="1" t="s">
        <v>15198</v>
      </c>
      <c r="C4020" s="1" t="s">
        <v>135</v>
      </c>
      <c r="D4020" s="1" t="s">
        <v>15667</v>
      </c>
      <c r="E4020" s="1" t="s">
        <v>15668</v>
      </c>
      <c r="F4020" s="1" t="s">
        <v>15669</v>
      </c>
      <c r="G4020" s="1" t="s">
        <v>15573</v>
      </c>
      <c r="H4020" s="1" t="s">
        <v>15574</v>
      </c>
      <c r="I4020" s="1" t="s">
        <v>15204</v>
      </c>
      <c r="J4020" s="1" t="s">
        <v>15670</v>
      </c>
    </row>
    <row r="4021" spans="1:10" x14ac:dyDescent="0.35">
      <c r="A4021" s="1" t="s">
        <v>15570</v>
      </c>
      <c r="B4021" s="1" t="s">
        <v>15198</v>
      </c>
      <c r="C4021" s="1" t="s">
        <v>140</v>
      </c>
      <c r="D4021" s="1" t="s">
        <v>15671</v>
      </c>
      <c r="E4021" s="1" t="s">
        <v>15672</v>
      </c>
      <c r="F4021" s="1" t="s">
        <v>15673</v>
      </c>
      <c r="G4021" s="1" t="s">
        <v>15573</v>
      </c>
      <c r="H4021" s="1" t="s">
        <v>15574</v>
      </c>
      <c r="I4021" s="1" t="s">
        <v>15204</v>
      </c>
      <c r="J4021" s="1" t="s">
        <v>15674</v>
      </c>
    </row>
    <row r="4022" spans="1:10" x14ac:dyDescent="0.35">
      <c r="A4022" s="1" t="s">
        <v>15570</v>
      </c>
      <c r="B4022" s="1" t="s">
        <v>15198</v>
      </c>
      <c r="C4022" s="1" t="s">
        <v>145</v>
      </c>
      <c r="D4022" s="1" t="s">
        <v>15675</v>
      </c>
      <c r="E4022" s="1" t="s">
        <v>15676</v>
      </c>
      <c r="F4022" s="1" t="s">
        <v>15677</v>
      </c>
      <c r="G4022" s="1" t="s">
        <v>15573</v>
      </c>
      <c r="H4022" s="1" t="s">
        <v>15574</v>
      </c>
      <c r="I4022" s="1" t="s">
        <v>15204</v>
      </c>
      <c r="J4022" s="1" t="s">
        <v>15678</v>
      </c>
    </row>
    <row r="4023" spans="1:10" x14ac:dyDescent="0.35">
      <c r="A4023" s="1" t="s">
        <v>15570</v>
      </c>
      <c r="B4023" s="1" t="s">
        <v>15198</v>
      </c>
      <c r="C4023" s="1" t="s">
        <v>150</v>
      </c>
      <c r="D4023" s="1" t="s">
        <v>15679</v>
      </c>
      <c r="E4023" s="1" t="s">
        <v>15680</v>
      </c>
      <c r="F4023" s="1" t="s">
        <v>15681</v>
      </c>
      <c r="G4023" s="1" t="s">
        <v>15573</v>
      </c>
      <c r="H4023" s="1" t="s">
        <v>15574</v>
      </c>
      <c r="I4023" s="1" t="s">
        <v>15204</v>
      </c>
      <c r="J4023" s="1" t="s">
        <v>15682</v>
      </c>
    </row>
    <row r="4024" spans="1:10" x14ac:dyDescent="0.35">
      <c r="A4024" s="1" t="s">
        <v>15570</v>
      </c>
      <c r="B4024" s="1" t="s">
        <v>15198</v>
      </c>
      <c r="C4024" s="1" t="s">
        <v>155</v>
      </c>
      <c r="D4024" s="1" t="s">
        <v>15683</v>
      </c>
      <c r="E4024" s="1" t="s">
        <v>15684</v>
      </c>
      <c r="F4024" s="1" t="s">
        <v>15685</v>
      </c>
      <c r="G4024" s="1" t="s">
        <v>15573</v>
      </c>
      <c r="H4024" s="1" t="s">
        <v>15574</v>
      </c>
      <c r="I4024" s="1" t="s">
        <v>15204</v>
      </c>
      <c r="J4024" s="1" t="s">
        <v>15686</v>
      </c>
    </row>
    <row r="4025" spans="1:10" x14ac:dyDescent="0.35">
      <c r="A4025" s="1" t="s">
        <v>15570</v>
      </c>
      <c r="B4025" s="1" t="s">
        <v>15198</v>
      </c>
      <c r="C4025" s="1" t="s">
        <v>160</v>
      </c>
      <c r="D4025" s="1" t="s">
        <v>12777</v>
      </c>
      <c r="E4025" s="1" t="s">
        <v>15687</v>
      </c>
      <c r="F4025" s="1" t="s">
        <v>15688</v>
      </c>
      <c r="G4025" s="1" t="s">
        <v>15573</v>
      </c>
      <c r="H4025" s="1" t="s">
        <v>15574</v>
      </c>
      <c r="I4025" s="1" t="s">
        <v>15204</v>
      </c>
      <c r="J4025" s="1" t="s">
        <v>15689</v>
      </c>
    </row>
    <row r="4026" spans="1:10" x14ac:dyDescent="0.35">
      <c r="A4026" s="1" t="s">
        <v>15570</v>
      </c>
      <c r="B4026" s="1" t="s">
        <v>15198</v>
      </c>
      <c r="C4026" s="1" t="s">
        <v>165</v>
      </c>
      <c r="D4026" s="1" t="s">
        <v>15690</v>
      </c>
      <c r="E4026" s="1" t="s">
        <v>15691</v>
      </c>
      <c r="F4026" s="1" t="s">
        <v>15692</v>
      </c>
      <c r="G4026" s="1" t="s">
        <v>15573</v>
      </c>
      <c r="H4026" s="1" t="s">
        <v>15574</v>
      </c>
      <c r="I4026" s="1" t="s">
        <v>15204</v>
      </c>
      <c r="J4026" s="1" t="s">
        <v>15693</v>
      </c>
    </row>
    <row r="4027" spans="1:10" x14ac:dyDescent="0.35">
      <c r="A4027" s="1" t="s">
        <v>15570</v>
      </c>
      <c r="B4027" s="1" t="s">
        <v>15198</v>
      </c>
      <c r="C4027" s="1" t="s">
        <v>170</v>
      </c>
      <c r="D4027" s="1" t="s">
        <v>15694</v>
      </c>
      <c r="E4027" s="1" t="s">
        <v>15695</v>
      </c>
      <c r="F4027" s="1" t="s">
        <v>15696</v>
      </c>
      <c r="G4027" s="1" t="s">
        <v>15573</v>
      </c>
      <c r="H4027" s="1" t="s">
        <v>15574</v>
      </c>
      <c r="I4027" s="1" t="s">
        <v>15204</v>
      </c>
      <c r="J4027" s="1" t="s">
        <v>15697</v>
      </c>
    </row>
    <row r="4028" spans="1:10" x14ac:dyDescent="0.35">
      <c r="A4028" s="1" t="s">
        <v>15698</v>
      </c>
      <c r="B4028" s="1" t="s">
        <v>15198</v>
      </c>
      <c r="C4028" s="1" t="s">
        <v>8</v>
      </c>
      <c r="D4028" s="1" t="s">
        <v>15591</v>
      </c>
      <c r="E4028" s="1" t="s">
        <v>15699</v>
      </c>
      <c r="F4028" s="1" t="s">
        <v>15700</v>
      </c>
      <c r="G4028" s="1" t="s">
        <v>15701</v>
      </c>
      <c r="H4028" s="1" t="s">
        <v>15702</v>
      </c>
      <c r="I4028" s="1" t="s">
        <v>15204</v>
      </c>
      <c r="J4028" s="1" t="s">
        <v>13</v>
      </c>
    </row>
    <row r="4029" spans="1:10" x14ac:dyDescent="0.35">
      <c r="A4029" s="1" t="s">
        <v>15698</v>
      </c>
      <c r="B4029" s="1" t="s">
        <v>15198</v>
      </c>
      <c r="C4029" s="1" t="s">
        <v>15</v>
      </c>
      <c r="D4029" s="1" t="s">
        <v>15703</v>
      </c>
      <c r="E4029" s="1" t="s">
        <v>15704</v>
      </c>
      <c r="F4029" s="1" t="s">
        <v>15705</v>
      </c>
      <c r="G4029" s="1" t="s">
        <v>15701</v>
      </c>
      <c r="H4029" s="1" t="s">
        <v>15702</v>
      </c>
      <c r="I4029" s="1" t="s">
        <v>15204</v>
      </c>
      <c r="J4029" s="1" t="s">
        <v>15706</v>
      </c>
    </row>
    <row r="4030" spans="1:10" x14ac:dyDescent="0.35">
      <c r="A4030" s="1" t="s">
        <v>15698</v>
      </c>
      <c r="B4030" s="1" t="s">
        <v>15198</v>
      </c>
      <c r="C4030" s="1" t="s">
        <v>20</v>
      </c>
      <c r="D4030" s="1" t="s">
        <v>10122</v>
      </c>
      <c r="E4030" s="1" t="s">
        <v>15707</v>
      </c>
      <c r="F4030" s="1" t="s">
        <v>15708</v>
      </c>
      <c r="G4030" s="1" t="s">
        <v>15701</v>
      </c>
      <c r="H4030" s="1" t="s">
        <v>15702</v>
      </c>
      <c r="I4030" s="1" t="s">
        <v>15204</v>
      </c>
      <c r="J4030" s="1" t="s">
        <v>15709</v>
      </c>
    </row>
    <row r="4031" spans="1:10" x14ac:dyDescent="0.35">
      <c r="A4031" s="1" t="s">
        <v>15698</v>
      </c>
      <c r="B4031" s="1" t="s">
        <v>15198</v>
      </c>
      <c r="C4031" s="1" t="s">
        <v>25</v>
      </c>
      <c r="D4031" s="1" t="s">
        <v>5736</v>
      </c>
      <c r="E4031" s="1" t="s">
        <v>15710</v>
      </c>
      <c r="F4031" s="1" t="s">
        <v>15711</v>
      </c>
      <c r="G4031" s="1" t="s">
        <v>15701</v>
      </c>
      <c r="H4031" s="1" t="s">
        <v>15702</v>
      </c>
      <c r="I4031" s="1" t="s">
        <v>15204</v>
      </c>
      <c r="J4031" s="1" t="s">
        <v>15712</v>
      </c>
    </row>
    <row r="4032" spans="1:10" x14ac:dyDescent="0.35">
      <c r="A4032" s="1" t="s">
        <v>15698</v>
      </c>
      <c r="B4032" s="1" t="s">
        <v>15198</v>
      </c>
      <c r="C4032" s="1" t="s">
        <v>30</v>
      </c>
      <c r="D4032" s="1" t="s">
        <v>9025</v>
      </c>
      <c r="E4032" s="1" t="s">
        <v>15713</v>
      </c>
      <c r="F4032" s="1" t="s">
        <v>15714</v>
      </c>
      <c r="G4032" s="1" t="s">
        <v>15701</v>
      </c>
      <c r="H4032" s="1" t="s">
        <v>15702</v>
      </c>
      <c r="I4032" s="1" t="s">
        <v>15204</v>
      </c>
      <c r="J4032" s="1" t="s">
        <v>15715</v>
      </c>
    </row>
    <row r="4033" spans="1:10" x14ac:dyDescent="0.35">
      <c r="A4033" s="1" t="s">
        <v>15698</v>
      </c>
      <c r="B4033" s="1" t="s">
        <v>15198</v>
      </c>
      <c r="C4033" s="1" t="s">
        <v>35</v>
      </c>
      <c r="D4033" s="1" t="s">
        <v>15716</v>
      </c>
      <c r="E4033" s="1" t="s">
        <v>15717</v>
      </c>
      <c r="F4033" s="1" t="s">
        <v>15718</v>
      </c>
      <c r="G4033" s="1" t="s">
        <v>15701</v>
      </c>
      <c r="H4033" s="1" t="s">
        <v>15702</v>
      </c>
      <c r="I4033" s="1" t="s">
        <v>15204</v>
      </c>
      <c r="J4033" s="1" t="s">
        <v>15719</v>
      </c>
    </row>
    <row r="4034" spans="1:10" x14ac:dyDescent="0.35">
      <c r="A4034" s="1" t="s">
        <v>15698</v>
      </c>
      <c r="B4034" s="1" t="s">
        <v>15198</v>
      </c>
      <c r="C4034" s="1" t="s">
        <v>40</v>
      </c>
      <c r="D4034" s="1" t="s">
        <v>15720</v>
      </c>
      <c r="E4034" s="1" t="s">
        <v>15721</v>
      </c>
      <c r="F4034" s="1" t="s">
        <v>15722</v>
      </c>
      <c r="G4034" s="1" t="s">
        <v>15701</v>
      </c>
      <c r="H4034" s="1" t="s">
        <v>15702</v>
      </c>
      <c r="I4034" s="1" t="s">
        <v>15204</v>
      </c>
      <c r="J4034" s="1" t="s">
        <v>15723</v>
      </c>
    </row>
    <row r="4035" spans="1:10" x14ac:dyDescent="0.35">
      <c r="A4035" s="1" t="s">
        <v>15698</v>
      </c>
      <c r="B4035" s="1" t="s">
        <v>15198</v>
      </c>
      <c r="C4035" s="1" t="s">
        <v>45</v>
      </c>
      <c r="D4035" s="1" t="s">
        <v>15724</v>
      </c>
      <c r="E4035" s="1" t="s">
        <v>15725</v>
      </c>
      <c r="F4035" s="1" t="s">
        <v>15726</v>
      </c>
      <c r="G4035" s="1" t="s">
        <v>15701</v>
      </c>
      <c r="H4035" s="1" t="s">
        <v>15702</v>
      </c>
      <c r="I4035" s="1" t="s">
        <v>15204</v>
      </c>
      <c r="J4035" s="1" t="s">
        <v>15727</v>
      </c>
    </row>
    <row r="4036" spans="1:10" x14ac:dyDescent="0.35">
      <c r="A4036" s="1" t="s">
        <v>15698</v>
      </c>
      <c r="B4036" s="1" t="s">
        <v>15198</v>
      </c>
      <c r="C4036" s="1" t="s">
        <v>50</v>
      </c>
      <c r="D4036" s="1" t="s">
        <v>15728</v>
      </c>
      <c r="E4036" s="1" t="s">
        <v>15729</v>
      </c>
      <c r="F4036" s="1" t="s">
        <v>15730</v>
      </c>
      <c r="G4036" s="1" t="s">
        <v>15701</v>
      </c>
      <c r="H4036" s="1" t="s">
        <v>15702</v>
      </c>
      <c r="I4036" s="1" t="s">
        <v>15204</v>
      </c>
      <c r="J4036" s="1" t="s">
        <v>15731</v>
      </c>
    </row>
    <row r="4037" spans="1:10" x14ac:dyDescent="0.35">
      <c r="A4037" s="1" t="s">
        <v>15698</v>
      </c>
      <c r="B4037" s="1" t="s">
        <v>15198</v>
      </c>
      <c r="C4037" s="1" t="s">
        <v>55</v>
      </c>
      <c r="D4037" s="1" t="s">
        <v>15732</v>
      </c>
      <c r="E4037" s="1" t="s">
        <v>15733</v>
      </c>
      <c r="F4037" s="1" t="s">
        <v>15734</v>
      </c>
      <c r="G4037" s="1" t="s">
        <v>15701</v>
      </c>
      <c r="H4037" s="1" t="s">
        <v>15702</v>
      </c>
      <c r="I4037" s="1" t="s">
        <v>15204</v>
      </c>
      <c r="J4037" s="1" t="s">
        <v>15735</v>
      </c>
    </row>
    <row r="4038" spans="1:10" x14ac:dyDescent="0.35">
      <c r="A4038" s="1" t="s">
        <v>15698</v>
      </c>
      <c r="B4038" s="1" t="s">
        <v>15198</v>
      </c>
      <c r="C4038" s="1" t="s">
        <v>60</v>
      </c>
      <c r="D4038" s="1" t="s">
        <v>15736</v>
      </c>
      <c r="E4038" s="1" t="s">
        <v>15737</v>
      </c>
      <c r="F4038" s="1" t="s">
        <v>15738</v>
      </c>
      <c r="G4038" s="1" t="s">
        <v>15701</v>
      </c>
      <c r="H4038" s="1" t="s">
        <v>15702</v>
      </c>
      <c r="I4038" s="1" t="s">
        <v>15204</v>
      </c>
      <c r="J4038" s="1" t="s">
        <v>15739</v>
      </c>
    </row>
    <row r="4039" spans="1:10" x14ac:dyDescent="0.35">
      <c r="A4039" s="1" t="s">
        <v>15698</v>
      </c>
      <c r="B4039" s="1" t="s">
        <v>15198</v>
      </c>
      <c r="C4039" s="1" t="s">
        <v>65</v>
      </c>
      <c r="D4039" s="1" t="s">
        <v>15740</v>
      </c>
      <c r="E4039" s="1" t="s">
        <v>15741</v>
      </c>
      <c r="F4039" s="1" t="s">
        <v>15742</v>
      </c>
      <c r="G4039" s="1" t="s">
        <v>15701</v>
      </c>
      <c r="H4039" s="1" t="s">
        <v>15702</v>
      </c>
      <c r="I4039" s="1" t="s">
        <v>15204</v>
      </c>
      <c r="J4039" s="1" t="s">
        <v>15743</v>
      </c>
    </row>
    <row r="4040" spans="1:10" x14ac:dyDescent="0.35">
      <c r="A4040" s="1" t="s">
        <v>15698</v>
      </c>
      <c r="B4040" s="1" t="s">
        <v>15198</v>
      </c>
      <c r="C4040" s="1" t="s">
        <v>70</v>
      </c>
      <c r="D4040" s="1" t="s">
        <v>15744</v>
      </c>
      <c r="E4040" s="1" t="s">
        <v>15745</v>
      </c>
      <c r="F4040" s="1" t="s">
        <v>15746</v>
      </c>
      <c r="G4040" s="1" t="s">
        <v>15701</v>
      </c>
      <c r="H4040" s="1" t="s">
        <v>15702</v>
      </c>
      <c r="I4040" s="1" t="s">
        <v>15204</v>
      </c>
      <c r="J4040" s="1" t="s">
        <v>15747</v>
      </c>
    </row>
    <row r="4041" spans="1:10" x14ac:dyDescent="0.35">
      <c r="A4041" s="1" t="s">
        <v>15698</v>
      </c>
      <c r="B4041" s="1" t="s">
        <v>15198</v>
      </c>
      <c r="C4041" s="1" t="s">
        <v>75</v>
      </c>
      <c r="D4041" s="1" t="s">
        <v>15748</v>
      </c>
      <c r="E4041" s="1" t="s">
        <v>15749</v>
      </c>
      <c r="F4041" s="1" t="s">
        <v>15750</v>
      </c>
      <c r="G4041" s="1" t="s">
        <v>15701</v>
      </c>
      <c r="H4041" s="1" t="s">
        <v>15702</v>
      </c>
      <c r="I4041" s="1" t="s">
        <v>15204</v>
      </c>
      <c r="J4041" s="1" t="s">
        <v>15751</v>
      </c>
    </row>
    <row r="4042" spans="1:10" x14ac:dyDescent="0.35">
      <c r="A4042" s="1" t="s">
        <v>15698</v>
      </c>
      <c r="B4042" s="1" t="s">
        <v>15198</v>
      </c>
      <c r="C4042" s="1" t="s">
        <v>80</v>
      </c>
      <c r="D4042" s="1" t="s">
        <v>15752</v>
      </c>
      <c r="E4042" s="1" t="s">
        <v>15753</v>
      </c>
      <c r="F4042" s="1" t="s">
        <v>15754</v>
      </c>
      <c r="G4042" s="1" t="s">
        <v>15701</v>
      </c>
      <c r="H4042" s="1" t="s">
        <v>15702</v>
      </c>
      <c r="I4042" s="1" t="s">
        <v>15204</v>
      </c>
      <c r="J4042" s="1" t="s">
        <v>15755</v>
      </c>
    </row>
    <row r="4043" spans="1:10" x14ac:dyDescent="0.35">
      <c r="A4043" s="1" t="s">
        <v>15698</v>
      </c>
      <c r="B4043" s="1" t="s">
        <v>15198</v>
      </c>
      <c r="C4043" s="1" t="s">
        <v>85</v>
      </c>
      <c r="D4043" s="1" t="s">
        <v>15756</v>
      </c>
      <c r="E4043" s="1" t="s">
        <v>15757</v>
      </c>
      <c r="F4043" s="1" t="s">
        <v>15758</v>
      </c>
      <c r="G4043" s="1" t="s">
        <v>15701</v>
      </c>
      <c r="H4043" s="1" t="s">
        <v>15702</v>
      </c>
      <c r="I4043" s="1" t="s">
        <v>15204</v>
      </c>
      <c r="J4043" s="1" t="s">
        <v>15759</v>
      </c>
    </row>
    <row r="4044" spans="1:10" x14ac:dyDescent="0.35">
      <c r="A4044" s="1" t="s">
        <v>15698</v>
      </c>
      <c r="B4044" s="1" t="s">
        <v>15198</v>
      </c>
      <c r="C4044" s="1" t="s">
        <v>90</v>
      </c>
      <c r="D4044" s="1" t="s">
        <v>1460</v>
      </c>
      <c r="E4044" s="1" t="s">
        <v>15760</v>
      </c>
      <c r="F4044" s="1" t="s">
        <v>15761</v>
      </c>
      <c r="G4044" s="1" t="s">
        <v>15701</v>
      </c>
      <c r="H4044" s="1" t="s">
        <v>15702</v>
      </c>
      <c r="I4044" s="1" t="s">
        <v>15204</v>
      </c>
      <c r="J4044" s="1" t="s">
        <v>15762</v>
      </c>
    </row>
    <row r="4045" spans="1:10" x14ac:dyDescent="0.35">
      <c r="A4045" s="1" t="s">
        <v>15698</v>
      </c>
      <c r="B4045" s="1" t="s">
        <v>15198</v>
      </c>
      <c r="C4045" s="1" t="s">
        <v>95</v>
      </c>
      <c r="D4045" s="1" t="s">
        <v>15763</v>
      </c>
      <c r="E4045" s="1" t="s">
        <v>15764</v>
      </c>
      <c r="F4045" s="1" t="s">
        <v>15765</v>
      </c>
      <c r="G4045" s="1" t="s">
        <v>15701</v>
      </c>
      <c r="H4045" s="1" t="s">
        <v>15702</v>
      </c>
      <c r="I4045" s="1" t="s">
        <v>15204</v>
      </c>
      <c r="J4045" s="1" t="s">
        <v>15766</v>
      </c>
    </row>
    <row r="4046" spans="1:10" x14ac:dyDescent="0.35">
      <c r="A4046" s="1" t="s">
        <v>15698</v>
      </c>
      <c r="B4046" s="1" t="s">
        <v>15198</v>
      </c>
      <c r="C4046" s="1" t="s">
        <v>100</v>
      </c>
      <c r="D4046" s="1" t="s">
        <v>15767</v>
      </c>
      <c r="E4046" s="1" t="s">
        <v>15768</v>
      </c>
      <c r="F4046" s="1" t="s">
        <v>15769</v>
      </c>
      <c r="G4046" s="1" t="s">
        <v>15701</v>
      </c>
      <c r="H4046" s="1" t="s">
        <v>15702</v>
      </c>
      <c r="I4046" s="1" t="s">
        <v>15204</v>
      </c>
      <c r="J4046" s="1" t="s">
        <v>15770</v>
      </c>
    </row>
    <row r="4047" spans="1:10" x14ac:dyDescent="0.35">
      <c r="A4047" s="1" t="s">
        <v>15698</v>
      </c>
      <c r="B4047" s="1" t="s">
        <v>15198</v>
      </c>
      <c r="C4047" s="1" t="s">
        <v>105</v>
      </c>
      <c r="D4047" s="1" t="s">
        <v>15771</v>
      </c>
      <c r="E4047" s="1" t="s">
        <v>15772</v>
      </c>
      <c r="F4047" s="1" t="s">
        <v>15773</v>
      </c>
      <c r="G4047" s="1" t="s">
        <v>15701</v>
      </c>
      <c r="H4047" s="1" t="s">
        <v>15702</v>
      </c>
      <c r="I4047" s="1" t="s">
        <v>15204</v>
      </c>
      <c r="J4047" s="1" t="s">
        <v>15774</v>
      </c>
    </row>
    <row r="4048" spans="1:10" x14ac:dyDescent="0.35">
      <c r="A4048" s="1" t="s">
        <v>15698</v>
      </c>
      <c r="B4048" s="1" t="s">
        <v>15198</v>
      </c>
      <c r="C4048" s="1" t="s">
        <v>110</v>
      </c>
      <c r="D4048" s="1" t="s">
        <v>15775</v>
      </c>
      <c r="E4048" s="1" t="s">
        <v>15776</v>
      </c>
      <c r="F4048" s="1" t="s">
        <v>15777</v>
      </c>
      <c r="G4048" s="1" t="s">
        <v>15701</v>
      </c>
      <c r="H4048" s="1" t="s">
        <v>15702</v>
      </c>
      <c r="I4048" s="1" t="s">
        <v>15204</v>
      </c>
      <c r="J4048" s="1" t="s">
        <v>15778</v>
      </c>
    </row>
    <row r="4049" spans="1:10" x14ac:dyDescent="0.35">
      <c r="A4049" s="1" t="s">
        <v>15698</v>
      </c>
      <c r="B4049" s="1" t="s">
        <v>15198</v>
      </c>
      <c r="C4049" s="1" t="s">
        <v>115</v>
      </c>
      <c r="D4049" s="1" t="s">
        <v>15779</v>
      </c>
      <c r="E4049" s="1" t="s">
        <v>15780</v>
      </c>
      <c r="F4049" s="1" t="s">
        <v>15781</v>
      </c>
      <c r="G4049" s="1" t="s">
        <v>15701</v>
      </c>
      <c r="H4049" s="1" t="s">
        <v>15702</v>
      </c>
      <c r="I4049" s="1" t="s">
        <v>15204</v>
      </c>
      <c r="J4049" s="1" t="s">
        <v>15782</v>
      </c>
    </row>
    <row r="4050" spans="1:10" x14ac:dyDescent="0.35">
      <c r="A4050" s="1" t="s">
        <v>15698</v>
      </c>
      <c r="B4050" s="1" t="s">
        <v>15198</v>
      </c>
      <c r="C4050" s="1" t="s">
        <v>120</v>
      </c>
      <c r="D4050" s="1" t="s">
        <v>15783</v>
      </c>
      <c r="E4050" s="1" t="s">
        <v>15784</v>
      </c>
      <c r="F4050" s="1" t="s">
        <v>15785</v>
      </c>
      <c r="G4050" s="1" t="s">
        <v>15701</v>
      </c>
      <c r="H4050" s="1" t="s">
        <v>15702</v>
      </c>
      <c r="I4050" s="1" t="s">
        <v>15204</v>
      </c>
      <c r="J4050" s="1" t="s">
        <v>15786</v>
      </c>
    </row>
    <row r="4051" spans="1:10" x14ac:dyDescent="0.35">
      <c r="A4051" s="1" t="s">
        <v>15698</v>
      </c>
      <c r="B4051" s="1" t="s">
        <v>15198</v>
      </c>
      <c r="C4051" s="1" t="s">
        <v>125</v>
      </c>
      <c r="D4051" s="1" t="s">
        <v>15787</v>
      </c>
      <c r="E4051" s="1" t="s">
        <v>15788</v>
      </c>
      <c r="F4051" s="1" t="s">
        <v>15789</v>
      </c>
      <c r="G4051" s="1" t="s">
        <v>15701</v>
      </c>
      <c r="H4051" s="1" t="s">
        <v>15702</v>
      </c>
      <c r="I4051" s="1" t="s">
        <v>15204</v>
      </c>
      <c r="J4051" s="1" t="s">
        <v>15790</v>
      </c>
    </row>
    <row r="4052" spans="1:10" x14ac:dyDescent="0.35">
      <c r="A4052" s="1" t="s">
        <v>15698</v>
      </c>
      <c r="B4052" s="1" t="s">
        <v>15198</v>
      </c>
      <c r="C4052" s="1" t="s">
        <v>130</v>
      </c>
      <c r="D4052" s="1" t="s">
        <v>15791</v>
      </c>
      <c r="E4052" s="1" t="s">
        <v>15792</v>
      </c>
      <c r="F4052" s="1" t="s">
        <v>15793</v>
      </c>
      <c r="G4052" s="1" t="s">
        <v>15701</v>
      </c>
      <c r="H4052" s="1" t="s">
        <v>15702</v>
      </c>
      <c r="I4052" s="1" t="s">
        <v>15204</v>
      </c>
      <c r="J4052" s="1" t="s">
        <v>15794</v>
      </c>
    </row>
    <row r="4053" spans="1:10" x14ac:dyDescent="0.35">
      <c r="A4053" s="1" t="s">
        <v>15698</v>
      </c>
      <c r="B4053" s="1" t="s">
        <v>15198</v>
      </c>
      <c r="C4053" s="1" t="s">
        <v>135</v>
      </c>
      <c r="D4053" s="1" t="s">
        <v>15795</v>
      </c>
      <c r="E4053" s="1" t="s">
        <v>15796</v>
      </c>
      <c r="F4053" s="1" t="s">
        <v>15797</v>
      </c>
      <c r="G4053" s="1" t="s">
        <v>15701</v>
      </c>
      <c r="H4053" s="1" t="s">
        <v>15702</v>
      </c>
      <c r="I4053" s="1" t="s">
        <v>15204</v>
      </c>
      <c r="J4053" s="1" t="s">
        <v>15798</v>
      </c>
    </row>
    <row r="4054" spans="1:10" x14ac:dyDescent="0.35">
      <c r="A4054" s="1" t="s">
        <v>15698</v>
      </c>
      <c r="B4054" s="1" t="s">
        <v>15198</v>
      </c>
      <c r="C4054" s="1" t="s">
        <v>140</v>
      </c>
      <c r="D4054" s="1" t="s">
        <v>15799</v>
      </c>
      <c r="E4054" s="1" t="s">
        <v>15800</v>
      </c>
      <c r="F4054" s="1" t="s">
        <v>15801</v>
      </c>
      <c r="G4054" s="1" t="s">
        <v>15701</v>
      </c>
      <c r="H4054" s="1" t="s">
        <v>15702</v>
      </c>
      <c r="I4054" s="1" t="s">
        <v>15204</v>
      </c>
      <c r="J4054" s="1" t="s">
        <v>15802</v>
      </c>
    </row>
    <row r="4055" spans="1:10" x14ac:dyDescent="0.35">
      <c r="A4055" s="1" t="s">
        <v>15698</v>
      </c>
      <c r="B4055" s="1" t="s">
        <v>15198</v>
      </c>
      <c r="C4055" s="1" t="s">
        <v>145</v>
      </c>
      <c r="D4055" s="1" t="s">
        <v>15803</v>
      </c>
      <c r="E4055" s="1" t="s">
        <v>15804</v>
      </c>
      <c r="F4055" s="1" t="s">
        <v>15805</v>
      </c>
      <c r="G4055" s="1" t="s">
        <v>15701</v>
      </c>
      <c r="H4055" s="1" t="s">
        <v>15702</v>
      </c>
      <c r="I4055" s="1" t="s">
        <v>15204</v>
      </c>
      <c r="J4055" s="1" t="s">
        <v>15806</v>
      </c>
    </row>
    <row r="4056" spans="1:10" x14ac:dyDescent="0.35">
      <c r="A4056" s="1" t="s">
        <v>15698</v>
      </c>
      <c r="B4056" s="1" t="s">
        <v>15198</v>
      </c>
      <c r="C4056" s="1" t="s">
        <v>150</v>
      </c>
      <c r="D4056" s="1" t="s">
        <v>15807</v>
      </c>
      <c r="E4056" s="1" t="s">
        <v>15808</v>
      </c>
      <c r="F4056" s="1" t="s">
        <v>15809</v>
      </c>
      <c r="G4056" s="1" t="s">
        <v>15701</v>
      </c>
      <c r="H4056" s="1" t="s">
        <v>15702</v>
      </c>
      <c r="I4056" s="1" t="s">
        <v>15204</v>
      </c>
      <c r="J4056" s="1" t="s">
        <v>15810</v>
      </c>
    </row>
    <row r="4057" spans="1:10" x14ac:dyDescent="0.35">
      <c r="A4057" s="1" t="s">
        <v>15698</v>
      </c>
      <c r="B4057" s="1" t="s">
        <v>15198</v>
      </c>
      <c r="C4057" s="1" t="s">
        <v>155</v>
      </c>
      <c r="D4057" s="1" t="s">
        <v>15811</v>
      </c>
      <c r="E4057" s="1" t="s">
        <v>15812</v>
      </c>
      <c r="F4057" s="1" t="s">
        <v>15813</v>
      </c>
      <c r="G4057" s="1" t="s">
        <v>15701</v>
      </c>
      <c r="H4057" s="1" t="s">
        <v>15702</v>
      </c>
      <c r="I4057" s="1" t="s">
        <v>15204</v>
      </c>
      <c r="J4057" s="1" t="s">
        <v>15814</v>
      </c>
    </row>
    <row r="4058" spans="1:10" x14ac:dyDescent="0.35">
      <c r="A4058" s="1" t="s">
        <v>15698</v>
      </c>
      <c r="B4058" s="1" t="s">
        <v>15198</v>
      </c>
      <c r="C4058" s="1" t="s">
        <v>160</v>
      </c>
      <c r="D4058" s="1" t="s">
        <v>15815</v>
      </c>
      <c r="E4058" s="1" t="s">
        <v>15816</v>
      </c>
      <c r="F4058" s="1" t="s">
        <v>15817</v>
      </c>
      <c r="G4058" s="1" t="s">
        <v>15701</v>
      </c>
      <c r="H4058" s="1" t="s">
        <v>15702</v>
      </c>
      <c r="I4058" s="1" t="s">
        <v>15204</v>
      </c>
      <c r="J4058" s="1" t="s">
        <v>15818</v>
      </c>
    </row>
    <row r="4059" spans="1:10" x14ac:dyDescent="0.35">
      <c r="A4059" s="1" t="s">
        <v>15698</v>
      </c>
      <c r="B4059" s="1" t="s">
        <v>15198</v>
      </c>
      <c r="C4059" s="1" t="s">
        <v>165</v>
      </c>
      <c r="D4059" s="1" t="s">
        <v>15819</v>
      </c>
      <c r="E4059" s="1" t="s">
        <v>15820</v>
      </c>
      <c r="F4059" s="1" t="s">
        <v>15821</v>
      </c>
      <c r="G4059" s="1" t="s">
        <v>15701</v>
      </c>
      <c r="H4059" s="1" t="s">
        <v>15702</v>
      </c>
      <c r="I4059" s="1" t="s">
        <v>15204</v>
      </c>
      <c r="J4059" s="1" t="s">
        <v>15822</v>
      </c>
    </row>
    <row r="4060" spans="1:10" x14ac:dyDescent="0.35">
      <c r="A4060" s="1" t="s">
        <v>15698</v>
      </c>
      <c r="B4060" s="1" t="s">
        <v>15198</v>
      </c>
      <c r="C4060" s="1" t="s">
        <v>170</v>
      </c>
      <c r="D4060" s="1" t="s">
        <v>15823</v>
      </c>
      <c r="E4060" s="1" t="s">
        <v>15824</v>
      </c>
      <c r="F4060" s="1" t="s">
        <v>15825</v>
      </c>
      <c r="G4060" s="1" t="s">
        <v>15701</v>
      </c>
      <c r="H4060" s="1" t="s">
        <v>15702</v>
      </c>
      <c r="I4060" s="1" t="s">
        <v>15204</v>
      </c>
      <c r="J4060" s="1" t="s">
        <v>15826</v>
      </c>
    </row>
    <row r="4061" spans="1:10" x14ac:dyDescent="0.35">
      <c r="A4061" s="1" t="s">
        <v>15827</v>
      </c>
      <c r="B4061" s="1" t="s">
        <v>15198</v>
      </c>
      <c r="C4061" s="1" t="s">
        <v>8</v>
      </c>
      <c r="D4061" s="1" t="s">
        <v>15828</v>
      </c>
      <c r="E4061" s="1" t="s">
        <v>15829</v>
      </c>
      <c r="F4061" s="1" t="s">
        <v>15830</v>
      </c>
      <c r="G4061" s="1" t="s">
        <v>15831</v>
      </c>
      <c r="H4061" s="1" t="s">
        <v>15832</v>
      </c>
      <c r="I4061" s="1" t="s">
        <v>15204</v>
      </c>
      <c r="J4061" s="1" t="s">
        <v>13</v>
      </c>
    </row>
    <row r="4062" spans="1:10" x14ac:dyDescent="0.35">
      <c r="A4062" s="1" t="s">
        <v>15827</v>
      </c>
      <c r="B4062" s="1" t="s">
        <v>15198</v>
      </c>
      <c r="C4062" s="1" t="s">
        <v>15</v>
      </c>
      <c r="D4062" s="1" t="s">
        <v>15833</v>
      </c>
      <c r="E4062" s="1" t="s">
        <v>15834</v>
      </c>
      <c r="F4062" s="1" t="s">
        <v>15835</v>
      </c>
      <c r="G4062" s="1" t="s">
        <v>15831</v>
      </c>
      <c r="H4062" s="1" t="s">
        <v>15832</v>
      </c>
      <c r="I4062" s="1" t="s">
        <v>15204</v>
      </c>
      <c r="J4062" s="1" t="s">
        <v>15836</v>
      </c>
    </row>
    <row r="4063" spans="1:10" x14ac:dyDescent="0.35">
      <c r="A4063" s="1" t="s">
        <v>15827</v>
      </c>
      <c r="B4063" s="1" t="s">
        <v>15198</v>
      </c>
      <c r="C4063" s="1" t="s">
        <v>20</v>
      </c>
      <c r="D4063" s="1" t="s">
        <v>11044</v>
      </c>
      <c r="E4063" s="1" t="s">
        <v>15837</v>
      </c>
      <c r="F4063" s="1" t="s">
        <v>15838</v>
      </c>
      <c r="G4063" s="1" t="s">
        <v>15831</v>
      </c>
      <c r="H4063" s="1" t="s">
        <v>15832</v>
      </c>
      <c r="I4063" s="1" t="s">
        <v>15204</v>
      </c>
      <c r="J4063" s="1" t="s">
        <v>15839</v>
      </c>
    </row>
    <row r="4064" spans="1:10" x14ac:dyDescent="0.35">
      <c r="A4064" s="1" t="s">
        <v>15827</v>
      </c>
      <c r="B4064" s="1" t="s">
        <v>15198</v>
      </c>
      <c r="C4064" s="1" t="s">
        <v>25</v>
      </c>
      <c r="D4064" s="1" t="s">
        <v>15840</v>
      </c>
      <c r="E4064" s="1" t="s">
        <v>15841</v>
      </c>
      <c r="F4064" s="1" t="s">
        <v>15842</v>
      </c>
      <c r="G4064" s="1" t="s">
        <v>15831</v>
      </c>
      <c r="H4064" s="1" t="s">
        <v>15832</v>
      </c>
      <c r="I4064" s="1" t="s">
        <v>15204</v>
      </c>
      <c r="J4064" s="1" t="s">
        <v>15843</v>
      </c>
    </row>
    <row r="4065" spans="1:10" x14ac:dyDescent="0.35">
      <c r="A4065" s="1" t="s">
        <v>15827</v>
      </c>
      <c r="B4065" s="1" t="s">
        <v>15198</v>
      </c>
      <c r="C4065" s="1" t="s">
        <v>30</v>
      </c>
      <c r="D4065" s="1" t="s">
        <v>15844</v>
      </c>
      <c r="E4065" s="1" t="s">
        <v>15845</v>
      </c>
      <c r="F4065" s="1" t="s">
        <v>15846</v>
      </c>
      <c r="G4065" s="1" t="s">
        <v>15831</v>
      </c>
      <c r="H4065" s="1" t="s">
        <v>15832</v>
      </c>
      <c r="I4065" s="1" t="s">
        <v>15204</v>
      </c>
      <c r="J4065" s="1" t="s">
        <v>15847</v>
      </c>
    </row>
    <row r="4066" spans="1:10" x14ac:dyDescent="0.35">
      <c r="A4066" s="1" t="s">
        <v>15827</v>
      </c>
      <c r="B4066" s="1" t="s">
        <v>15198</v>
      </c>
      <c r="C4066" s="1" t="s">
        <v>35</v>
      </c>
      <c r="D4066" s="1" t="s">
        <v>15848</v>
      </c>
      <c r="E4066" s="1" t="s">
        <v>15849</v>
      </c>
      <c r="F4066" s="1" t="s">
        <v>15850</v>
      </c>
      <c r="G4066" s="1" t="s">
        <v>15831</v>
      </c>
      <c r="H4066" s="1" t="s">
        <v>15832</v>
      </c>
      <c r="I4066" s="1" t="s">
        <v>15204</v>
      </c>
      <c r="J4066" s="1" t="s">
        <v>15851</v>
      </c>
    </row>
    <row r="4067" spans="1:10" x14ac:dyDescent="0.35">
      <c r="A4067" s="1" t="s">
        <v>15827</v>
      </c>
      <c r="B4067" s="1" t="s">
        <v>15198</v>
      </c>
      <c r="C4067" s="1" t="s">
        <v>40</v>
      </c>
      <c r="D4067" s="1" t="s">
        <v>15852</v>
      </c>
      <c r="E4067" s="1" t="s">
        <v>15853</v>
      </c>
      <c r="F4067" s="1" t="s">
        <v>15854</v>
      </c>
      <c r="G4067" s="1" t="s">
        <v>15831</v>
      </c>
      <c r="H4067" s="1" t="s">
        <v>15832</v>
      </c>
      <c r="I4067" s="1" t="s">
        <v>15204</v>
      </c>
      <c r="J4067" s="1" t="s">
        <v>15855</v>
      </c>
    </row>
    <row r="4068" spans="1:10" x14ac:dyDescent="0.35">
      <c r="A4068" s="1" t="s">
        <v>15827</v>
      </c>
      <c r="B4068" s="1" t="s">
        <v>15198</v>
      </c>
      <c r="C4068" s="1" t="s">
        <v>45</v>
      </c>
      <c r="D4068" s="1" t="s">
        <v>15856</v>
      </c>
      <c r="E4068" s="1" t="s">
        <v>15857</v>
      </c>
      <c r="F4068" s="1" t="s">
        <v>15858</v>
      </c>
      <c r="G4068" s="1" t="s">
        <v>15831</v>
      </c>
      <c r="H4068" s="1" t="s">
        <v>15832</v>
      </c>
      <c r="I4068" s="1" t="s">
        <v>15204</v>
      </c>
      <c r="J4068" s="1" t="s">
        <v>15859</v>
      </c>
    </row>
    <row r="4069" spans="1:10" x14ac:dyDescent="0.35">
      <c r="A4069" s="1" t="s">
        <v>15827</v>
      </c>
      <c r="B4069" s="1" t="s">
        <v>15198</v>
      </c>
      <c r="C4069" s="1" t="s">
        <v>50</v>
      </c>
      <c r="D4069" s="1" t="s">
        <v>15860</v>
      </c>
      <c r="E4069" s="1" t="s">
        <v>15861</v>
      </c>
      <c r="F4069" s="1" t="s">
        <v>15862</v>
      </c>
      <c r="G4069" s="1" t="s">
        <v>15831</v>
      </c>
      <c r="H4069" s="1" t="s">
        <v>15832</v>
      </c>
      <c r="I4069" s="1" t="s">
        <v>15204</v>
      </c>
      <c r="J4069" s="1" t="s">
        <v>15863</v>
      </c>
    </row>
    <row r="4070" spans="1:10" x14ac:dyDescent="0.35">
      <c r="A4070" s="1" t="s">
        <v>15827</v>
      </c>
      <c r="B4070" s="1" t="s">
        <v>15198</v>
      </c>
      <c r="C4070" s="1" t="s">
        <v>55</v>
      </c>
      <c r="D4070" s="1" t="s">
        <v>15864</v>
      </c>
      <c r="E4070" s="1" t="s">
        <v>15865</v>
      </c>
      <c r="F4070" s="1" t="s">
        <v>15866</v>
      </c>
      <c r="G4070" s="1" t="s">
        <v>15831</v>
      </c>
      <c r="H4070" s="1" t="s">
        <v>15832</v>
      </c>
      <c r="I4070" s="1" t="s">
        <v>15204</v>
      </c>
      <c r="J4070" s="1" t="s">
        <v>15867</v>
      </c>
    </row>
    <row r="4071" spans="1:10" x14ac:dyDescent="0.35">
      <c r="A4071" s="1" t="s">
        <v>15827</v>
      </c>
      <c r="B4071" s="1" t="s">
        <v>15198</v>
      </c>
      <c r="C4071" s="1" t="s">
        <v>60</v>
      </c>
      <c r="D4071" s="1" t="s">
        <v>15868</v>
      </c>
      <c r="E4071" s="1" t="s">
        <v>15588</v>
      </c>
      <c r="F4071" s="1" t="s">
        <v>15869</v>
      </c>
      <c r="G4071" s="1" t="s">
        <v>15831</v>
      </c>
      <c r="H4071" s="1" t="s">
        <v>15832</v>
      </c>
      <c r="I4071" s="1" t="s">
        <v>15204</v>
      </c>
      <c r="J4071" s="1" t="s">
        <v>15870</v>
      </c>
    </row>
    <row r="4072" spans="1:10" x14ac:dyDescent="0.35">
      <c r="A4072" s="1" t="s">
        <v>15827</v>
      </c>
      <c r="B4072" s="1" t="s">
        <v>15198</v>
      </c>
      <c r="C4072" s="1" t="s">
        <v>65</v>
      </c>
      <c r="D4072" s="1" t="s">
        <v>15871</v>
      </c>
      <c r="E4072" s="1" t="s">
        <v>15872</v>
      </c>
      <c r="F4072" s="1" t="s">
        <v>15873</v>
      </c>
      <c r="G4072" s="1" t="s">
        <v>15831</v>
      </c>
      <c r="H4072" s="1" t="s">
        <v>15832</v>
      </c>
      <c r="I4072" s="1" t="s">
        <v>15204</v>
      </c>
      <c r="J4072" s="1" t="s">
        <v>15874</v>
      </c>
    </row>
    <row r="4073" spans="1:10" x14ac:dyDescent="0.35">
      <c r="A4073" s="1" t="s">
        <v>15827</v>
      </c>
      <c r="B4073" s="1" t="s">
        <v>15198</v>
      </c>
      <c r="C4073" s="1" t="s">
        <v>70</v>
      </c>
      <c r="D4073" s="1" t="s">
        <v>15875</v>
      </c>
      <c r="E4073" s="1" t="s">
        <v>15876</v>
      </c>
      <c r="F4073" s="1" t="s">
        <v>15877</v>
      </c>
      <c r="G4073" s="1" t="s">
        <v>15831</v>
      </c>
      <c r="H4073" s="1" t="s">
        <v>15832</v>
      </c>
      <c r="I4073" s="1" t="s">
        <v>15204</v>
      </c>
      <c r="J4073" s="1" t="s">
        <v>15878</v>
      </c>
    </row>
    <row r="4074" spans="1:10" x14ac:dyDescent="0.35">
      <c r="A4074" s="1" t="s">
        <v>15827</v>
      </c>
      <c r="B4074" s="1" t="s">
        <v>15198</v>
      </c>
      <c r="C4074" s="1" t="s">
        <v>75</v>
      </c>
      <c r="D4074" s="1" t="s">
        <v>15879</v>
      </c>
      <c r="E4074" s="1" t="s">
        <v>15880</v>
      </c>
      <c r="F4074" s="1" t="s">
        <v>15881</v>
      </c>
      <c r="G4074" s="1" t="s">
        <v>15831</v>
      </c>
      <c r="H4074" s="1" t="s">
        <v>15832</v>
      </c>
      <c r="I4074" s="1" t="s">
        <v>15204</v>
      </c>
      <c r="J4074" s="1" t="s">
        <v>15882</v>
      </c>
    </row>
    <row r="4075" spans="1:10" x14ac:dyDescent="0.35">
      <c r="A4075" s="1" t="s">
        <v>15827</v>
      </c>
      <c r="B4075" s="1" t="s">
        <v>15198</v>
      </c>
      <c r="C4075" s="1" t="s">
        <v>80</v>
      </c>
      <c r="D4075" s="1" t="s">
        <v>15883</v>
      </c>
      <c r="E4075" s="1" t="s">
        <v>15884</v>
      </c>
      <c r="F4075" s="1" t="s">
        <v>15885</v>
      </c>
      <c r="G4075" s="1" t="s">
        <v>15831</v>
      </c>
      <c r="H4075" s="1" t="s">
        <v>15832</v>
      </c>
      <c r="I4075" s="1" t="s">
        <v>15204</v>
      </c>
      <c r="J4075" s="1" t="s">
        <v>15886</v>
      </c>
    </row>
    <row r="4076" spans="1:10" x14ac:dyDescent="0.35">
      <c r="A4076" s="1" t="s">
        <v>15827</v>
      </c>
      <c r="B4076" s="1" t="s">
        <v>15198</v>
      </c>
      <c r="C4076" s="1" t="s">
        <v>85</v>
      </c>
      <c r="D4076" s="1" t="s">
        <v>4555</v>
      </c>
      <c r="E4076" s="1" t="s">
        <v>12813</v>
      </c>
      <c r="F4076" s="1" t="s">
        <v>15887</v>
      </c>
      <c r="G4076" s="1" t="s">
        <v>15831</v>
      </c>
      <c r="H4076" s="1" t="s">
        <v>15832</v>
      </c>
      <c r="I4076" s="1" t="s">
        <v>15204</v>
      </c>
      <c r="J4076" s="1" t="s">
        <v>15888</v>
      </c>
    </row>
    <row r="4077" spans="1:10" x14ac:dyDescent="0.35">
      <c r="A4077" s="1" t="s">
        <v>15827</v>
      </c>
      <c r="B4077" s="1" t="s">
        <v>15198</v>
      </c>
      <c r="C4077" s="1" t="s">
        <v>90</v>
      </c>
      <c r="D4077" s="1" t="s">
        <v>9673</v>
      </c>
      <c r="E4077" s="1" t="s">
        <v>15889</v>
      </c>
      <c r="F4077" s="1" t="s">
        <v>15890</v>
      </c>
      <c r="G4077" s="1" t="s">
        <v>15831</v>
      </c>
      <c r="H4077" s="1" t="s">
        <v>15832</v>
      </c>
      <c r="I4077" s="1" t="s">
        <v>15204</v>
      </c>
      <c r="J4077" s="1" t="s">
        <v>15891</v>
      </c>
    </row>
    <row r="4078" spans="1:10" x14ac:dyDescent="0.35">
      <c r="A4078" s="1" t="s">
        <v>15827</v>
      </c>
      <c r="B4078" s="1" t="s">
        <v>15198</v>
      </c>
      <c r="C4078" s="1" t="s">
        <v>95</v>
      </c>
      <c r="D4078" s="1" t="s">
        <v>15387</v>
      </c>
      <c r="E4078" s="1" t="s">
        <v>15892</v>
      </c>
      <c r="F4078" s="1" t="s">
        <v>15893</v>
      </c>
      <c r="G4078" s="1" t="s">
        <v>15831</v>
      </c>
      <c r="H4078" s="1" t="s">
        <v>15832</v>
      </c>
      <c r="I4078" s="1" t="s">
        <v>15204</v>
      </c>
      <c r="J4078" s="1" t="s">
        <v>15894</v>
      </c>
    </row>
    <row r="4079" spans="1:10" x14ac:dyDescent="0.35">
      <c r="A4079" s="1" t="s">
        <v>15827</v>
      </c>
      <c r="B4079" s="1" t="s">
        <v>15198</v>
      </c>
      <c r="C4079" s="1" t="s">
        <v>100</v>
      </c>
      <c r="D4079" s="1" t="s">
        <v>15895</v>
      </c>
      <c r="E4079" s="1" t="s">
        <v>15896</v>
      </c>
      <c r="F4079" s="1" t="s">
        <v>15897</v>
      </c>
      <c r="G4079" s="1" t="s">
        <v>15831</v>
      </c>
      <c r="H4079" s="1" t="s">
        <v>15832</v>
      </c>
      <c r="I4079" s="1" t="s">
        <v>15204</v>
      </c>
      <c r="J4079" s="1" t="s">
        <v>15898</v>
      </c>
    </row>
    <row r="4080" spans="1:10" x14ac:dyDescent="0.35">
      <c r="A4080" s="1" t="s">
        <v>15827</v>
      </c>
      <c r="B4080" s="1" t="s">
        <v>15198</v>
      </c>
      <c r="C4080" s="1" t="s">
        <v>105</v>
      </c>
      <c r="D4080" s="1" t="s">
        <v>6739</v>
      </c>
      <c r="E4080" s="1" t="s">
        <v>15899</v>
      </c>
      <c r="F4080" s="1" t="s">
        <v>15900</v>
      </c>
      <c r="G4080" s="1" t="s">
        <v>15831</v>
      </c>
      <c r="H4080" s="1" t="s">
        <v>15832</v>
      </c>
      <c r="I4080" s="1" t="s">
        <v>15204</v>
      </c>
      <c r="J4080" s="1" t="s">
        <v>15901</v>
      </c>
    </row>
    <row r="4081" spans="1:10" x14ac:dyDescent="0.35">
      <c r="A4081" s="1" t="s">
        <v>15827</v>
      </c>
      <c r="B4081" s="1" t="s">
        <v>15198</v>
      </c>
      <c r="C4081" s="1" t="s">
        <v>110</v>
      </c>
      <c r="D4081" s="1" t="s">
        <v>15902</v>
      </c>
      <c r="E4081" s="1" t="s">
        <v>15903</v>
      </c>
      <c r="F4081" s="1" t="s">
        <v>15904</v>
      </c>
      <c r="G4081" s="1" t="s">
        <v>15831</v>
      </c>
      <c r="H4081" s="1" t="s">
        <v>15832</v>
      </c>
      <c r="I4081" s="1" t="s">
        <v>15204</v>
      </c>
      <c r="J4081" s="1" t="s">
        <v>15905</v>
      </c>
    </row>
    <row r="4082" spans="1:10" x14ac:dyDescent="0.35">
      <c r="A4082" s="1" t="s">
        <v>15827</v>
      </c>
      <c r="B4082" s="1" t="s">
        <v>15198</v>
      </c>
      <c r="C4082" s="1" t="s">
        <v>115</v>
      </c>
      <c r="D4082" s="1" t="s">
        <v>15906</v>
      </c>
      <c r="E4082" s="1" t="s">
        <v>15907</v>
      </c>
      <c r="F4082" s="1" t="s">
        <v>15908</v>
      </c>
      <c r="G4082" s="1" t="s">
        <v>15831</v>
      </c>
      <c r="H4082" s="1" t="s">
        <v>15832</v>
      </c>
      <c r="I4082" s="1" t="s">
        <v>15204</v>
      </c>
      <c r="J4082" s="1" t="s">
        <v>15909</v>
      </c>
    </row>
    <row r="4083" spans="1:10" x14ac:dyDescent="0.35">
      <c r="A4083" s="1" t="s">
        <v>15827</v>
      </c>
      <c r="B4083" s="1" t="s">
        <v>15198</v>
      </c>
      <c r="C4083" s="1" t="s">
        <v>120</v>
      </c>
      <c r="D4083" s="1" t="s">
        <v>15910</v>
      </c>
      <c r="E4083" s="1" t="s">
        <v>15911</v>
      </c>
      <c r="F4083" s="1" t="s">
        <v>15912</v>
      </c>
      <c r="G4083" s="1" t="s">
        <v>15831</v>
      </c>
      <c r="H4083" s="1" t="s">
        <v>15832</v>
      </c>
      <c r="I4083" s="1" t="s">
        <v>15204</v>
      </c>
      <c r="J4083" s="1" t="s">
        <v>15913</v>
      </c>
    </row>
    <row r="4084" spans="1:10" x14ac:dyDescent="0.35">
      <c r="A4084" s="1" t="s">
        <v>15827</v>
      </c>
      <c r="B4084" s="1" t="s">
        <v>15198</v>
      </c>
      <c r="C4084" s="1" t="s">
        <v>125</v>
      </c>
      <c r="D4084" s="1" t="s">
        <v>15914</v>
      </c>
      <c r="E4084" s="1" t="s">
        <v>15915</v>
      </c>
      <c r="F4084" s="1" t="s">
        <v>15916</v>
      </c>
      <c r="G4084" s="1" t="s">
        <v>15831</v>
      </c>
      <c r="H4084" s="1" t="s">
        <v>15832</v>
      </c>
      <c r="I4084" s="1" t="s">
        <v>15204</v>
      </c>
      <c r="J4084" s="1" t="s">
        <v>15917</v>
      </c>
    </row>
    <row r="4085" spans="1:10" x14ac:dyDescent="0.35">
      <c r="A4085" s="1" t="s">
        <v>15827</v>
      </c>
      <c r="B4085" s="1" t="s">
        <v>15198</v>
      </c>
      <c r="C4085" s="1" t="s">
        <v>130</v>
      </c>
      <c r="D4085" s="1" t="s">
        <v>15918</v>
      </c>
      <c r="E4085" s="1" t="s">
        <v>15919</v>
      </c>
      <c r="F4085" s="1" t="s">
        <v>15920</v>
      </c>
      <c r="G4085" s="1" t="s">
        <v>15831</v>
      </c>
      <c r="H4085" s="1" t="s">
        <v>15832</v>
      </c>
      <c r="I4085" s="1" t="s">
        <v>15204</v>
      </c>
      <c r="J4085" s="1" t="s">
        <v>15921</v>
      </c>
    </row>
    <row r="4086" spans="1:10" x14ac:dyDescent="0.35">
      <c r="A4086" s="1" t="s">
        <v>15827</v>
      </c>
      <c r="B4086" s="1" t="s">
        <v>15198</v>
      </c>
      <c r="C4086" s="1" t="s">
        <v>135</v>
      </c>
      <c r="D4086" s="1" t="s">
        <v>15922</v>
      </c>
      <c r="E4086" s="1" t="s">
        <v>15923</v>
      </c>
      <c r="F4086" s="1" t="s">
        <v>15924</v>
      </c>
      <c r="G4086" s="1" t="s">
        <v>15831</v>
      </c>
      <c r="H4086" s="1" t="s">
        <v>15832</v>
      </c>
      <c r="I4086" s="1" t="s">
        <v>15204</v>
      </c>
      <c r="J4086" s="1" t="s">
        <v>15925</v>
      </c>
    </row>
    <row r="4087" spans="1:10" x14ac:dyDescent="0.35">
      <c r="A4087" s="1" t="s">
        <v>15827</v>
      </c>
      <c r="B4087" s="1" t="s">
        <v>15198</v>
      </c>
      <c r="C4087" s="1" t="s">
        <v>140</v>
      </c>
      <c r="D4087" s="1" t="s">
        <v>15926</v>
      </c>
      <c r="E4087" s="1" t="s">
        <v>15927</v>
      </c>
      <c r="F4087" s="1" t="s">
        <v>15928</v>
      </c>
      <c r="G4087" s="1" t="s">
        <v>15831</v>
      </c>
      <c r="H4087" s="1" t="s">
        <v>15832</v>
      </c>
      <c r="I4087" s="1" t="s">
        <v>15204</v>
      </c>
      <c r="J4087" s="1" t="s">
        <v>15929</v>
      </c>
    </row>
    <row r="4088" spans="1:10" x14ac:dyDescent="0.35">
      <c r="A4088" s="1" t="s">
        <v>15827</v>
      </c>
      <c r="B4088" s="1" t="s">
        <v>15198</v>
      </c>
      <c r="C4088" s="1" t="s">
        <v>145</v>
      </c>
      <c r="D4088" s="1" t="s">
        <v>31</v>
      </c>
      <c r="E4088" s="1" t="s">
        <v>15930</v>
      </c>
      <c r="F4088" s="1" t="s">
        <v>15931</v>
      </c>
      <c r="G4088" s="1" t="s">
        <v>15831</v>
      </c>
      <c r="H4088" s="1" t="s">
        <v>15832</v>
      </c>
      <c r="I4088" s="1" t="s">
        <v>15204</v>
      </c>
      <c r="J4088" s="1" t="s">
        <v>15932</v>
      </c>
    </row>
    <row r="4089" spans="1:10" x14ac:dyDescent="0.35">
      <c r="A4089" s="1" t="s">
        <v>15827</v>
      </c>
      <c r="B4089" s="1" t="s">
        <v>15198</v>
      </c>
      <c r="C4089" s="1" t="s">
        <v>150</v>
      </c>
      <c r="D4089" s="1" t="s">
        <v>15933</v>
      </c>
      <c r="E4089" s="1" t="s">
        <v>15934</v>
      </c>
      <c r="F4089" s="1" t="s">
        <v>15935</v>
      </c>
      <c r="G4089" s="1" t="s">
        <v>15831</v>
      </c>
      <c r="H4089" s="1" t="s">
        <v>15832</v>
      </c>
      <c r="I4089" s="1" t="s">
        <v>15204</v>
      </c>
      <c r="J4089" s="1" t="s">
        <v>15936</v>
      </c>
    </row>
    <row r="4090" spans="1:10" x14ac:dyDescent="0.35">
      <c r="A4090" s="1" t="s">
        <v>15827</v>
      </c>
      <c r="B4090" s="1" t="s">
        <v>15198</v>
      </c>
      <c r="C4090" s="1" t="s">
        <v>155</v>
      </c>
      <c r="D4090" s="1" t="s">
        <v>15937</v>
      </c>
      <c r="E4090" s="1" t="s">
        <v>15938</v>
      </c>
      <c r="F4090" s="1" t="s">
        <v>15939</v>
      </c>
      <c r="G4090" s="1" t="s">
        <v>15831</v>
      </c>
      <c r="H4090" s="1" t="s">
        <v>15832</v>
      </c>
      <c r="I4090" s="1" t="s">
        <v>15204</v>
      </c>
      <c r="J4090" s="1" t="s">
        <v>15940</v>
      </c>
    </row>
    <row r="4091" spans="1:10" x14ac:dyDescent="0.35">
      <c r="A4091" s="1" t="s">
        <v>15827</v>
      </c>
      <c r="B4091" s="1" t="s">
        <v>15198</v>
      </c>
      <c r="C4091" s="1" t="s">
        <v>160</v>
      </c>
      <c r="D4091" s="1" t="s">
        <v>3112</v>
      </c>
      <c r="E4091" s="1" t="s">
        <v>15934</v>
      </c>
      <c r="F4091" s="1" t="s">
        <v>15941</v>
      </c>
      <c r="G4091" s="1" t="s">
        <v>15831</v>
      </c>
      <c r="H4091" s="1" t="s">
        <v>15832</v>
      </c>
      <c r="I4091" s="1" t="s">
        <v>15204</v>
      </c>
      <c r="J4091" s="1" t="s">
        <v>15942</v>
      </c>
    </row>
    <row r="4092" spans="1:10" x14ac:dyDescent="0.35">
      <c r="A4092" s="1" t="s">
        <v>15827</v>
      </c>
      <c r="B4092" s="1" t="s">
        <v>15198</v>
      </c>
      <c r="C4092" s="1" t="s">
        <v>165</v>
      </c>
      <c r="D4092" s="1" t="s">
        <v>15943</v>
      </c>
      <c r="E4092" s="1" t="s">
        <v>15595</v>
      </c>
      <c r="F4092" s="1" t="s">
        <v>15461</v>
      </c>
      <c r="G4092" s="1" t="s">
        <v>15831</v>
      </c>
      <c r="H4092" s="1" t="s">
        <v>15832</v>
      </c>
      <c r="I4092" s="1" t="s">
        <v>15204</v>
      </c>
      <c r="J4092" s="1" t="s">
        <v>15944</v>
      </c>
    </row>
    <row r="4093" spans="1:10" x14ac:dyDescent="0.35">
      <c r="A4093" s="1" t="s">
        <v>15827</v>
      </c>
      <c r="B4093" s="1" t="s">
        <v>15198</v>
      </c>
      <c r="C4093" s="1" t="s">
        <v>170</v>
      </c>
      <c r="D4093" s="1" t="s">
        <v>15945</v>
      </c>
      <c r="E4093" s="1" t="s">
        <v>15946</v>
      </c>
      <c r="F4093" s="1" t="s">
        <v>15947</v>
      </c>
      <c r="G4093" s="1" t="s">
        <v>15831</v>
      </c>
      <c r="H4093" s="1" t="s">
        <v>15832</v>
      </c>
      <c r="I4093" s="1" t="s">
        <v>15204</v>
      </c>
      <c r="J4093" s="1" t="s">
        <v>15948</v>
      </c>
    </row>
    <row r="4094" spans="1:10" x14ac:dyDescent="0.35">
      <c r="A4094" s="1" t="s">
        <v>15949</v>
      </c>
      <c r="B4094" s="1" t="s">
        <v>15198</v>
      </c>
      <c r="C4094" s="1" t="s">
        <v>8</v>
      </c>
      <c r="D4094" s="1" t="s">
        <v>2675</v>
      </c>
      <c r="E4094" s="1" t="s">
        <v>15950</v>
      </c>
      <c r="F4094" s="1" t="s">
        <v>15951</v>
      </c>
      <c r="G4094" s="1" t="s">
        <v>15952</v>
      </c>
      <c r="H4094" s="1" t="s">
        <v>15953</v>
      </c>
      <c r="I4094" s="1" t="s">
        <v>15204</v>
      </c>
      <c r="J4094" s="1" t="s">
        <v>13</v>
      </c>
    </row>
    <row r="4095" spans="1:10" x14ac:dyDescent="0.35">
      <c r="A4095" s="1" t="s">
        <v>15949</v>
      </c>
      <c r="B4095" s="1" t="s">
        <v>15198</v>
      </c>
      <c r="C4095" s="1" t="s">
        <v>15</v>
      </c>
      <c r="D4095" s="1" t="s">
        <v>15954</v>
      </c>
      <c r="E4095" s="1" t="s">
        <v>15955</v>
      </c>
      <c r="F4095" s="1" t="s">
        <v>15956</v>
      </c>
      <c r="G4095" s="1" t="s">
        <v>15952</v>
      </c>
      <c r="H4095" s="1" t="s">
        <v>15953</v>
      </c>
      <c r="I4095" s="1" t="s">
        <v>15204</v>
      </c>
      <c r="J4095" s="1" t="s">
        <v>15957</v>
      </c>
    </row>
    <row r="4096" spans="1:10" x14ac:dyDescent="0.35">
      <c r="A4096" s="1" t="s">
        <v>15949</v>
      </c>
      <c r="B4096" s="1" t="s">
        <v>15198</v>
      </c>
      <c r="C4096" s="1" t="s">
        <v>20</v>
      </c>
      <c r="D4096" s="1" t="s">
        <v>15958</v>
      </c>
      <c r="E4096" s="1" t="s">
        <v>15959</v>
      </c>
      <c r="F4096" s="1" t="s">
        <v>15960</v>
      </c>
      <c r="G4096" s="1" t="s">
        <v>15952</v>
      </c>
      <c r="H4096" s="1" t="s">
        <v>15953</v>
      </c>
      <c r="I4096" s="1" t="s">
        <v>15204</v>
      </c>
      <c r="J4096" s="1" t="s">
        <v>15961</v>
      </c>
    </row>
    <row r="4097" spans="1:10" x14ac:dyDescent="0.35">
      <c r="A4097" s="1" t="s">
        <v>15949</v>
      </c>
      <c r="B4097" s="1" t="s">
        <v>15198</v>
      </c>
      <c r="C4097" s="1" t="s">
        <v>25</v>
      </c>
      <c r="D4097" s="1" t="s">
        <v>2917</v>
      </c>
      <c r="E4097" s="1" t="s">
        <v>15962</v>
      </c>
      <c r="F4097" s="1" t="s">
        <v>15963</v>
      </c>
      <c r="G4097" s="1" t="s">
        <v>15952</v>
      </c>
      <c r="H4097" s="1" t="s">
        <v>15953</v>
      </c>
      <c r="I4097" s="1" t="s">
        <v>15204</v>
      </c>
      <c r="J4097" s="1" t="s">
        <v>15964</v>
      </c>
    </row>
    <row r="4098" spans="1:10" x14ac:dyDescent="0.35">
      <c r="A4098" s="1" t="s">
        <v>15949</v>
      </c>
      <c r="B4098" s="1" t="s">
        <v>15198</v>
      </c>
      <c r="C4098" s="1" t="s">
        <v>30</v>
      </c>
      <c r="D4098" s="1" t="s">
        <v>9698</v>
      </c>
      <c r="E4098" s="1" t="s">
        <v>15965</v>
      </c>
      <c r="F4098" s="1" t="s">
        <v>15966</v>
      </c>
      <c r="G4098" s="1" t="s">
        <v>15952</v>
      </c>
      <c r="H4098" s="1" t="s">
        <v>15953</v>
      </c>
      <c r="I4098" s="1" t="s">
        <v>15204</v>
      </c>
      <c r="J4098" s="1" t="s">
        <v>15967</v>
      </c>
    </row>
    <row r="4099" spans="1:10" x14ac:dyDescent="0.35">
      <c r="A4099" s="1" t="s">
        <v>15949</v>
      </c>
      <c r="B4099" s="1" t="s">
        <v>15198</v>
      </c>
      <c r="C4099" s="1" t="s">
        <v>35</v>
      </c>
      <c r="D4099" s="1" t="s">
        <v>15968</v>
      </c>
      <c r="E4099" s="1" t="s">
        <v>15969</v>
      </c>
      <c r="F4099" s="1" t="s">
        <v>15970</v>
      </c>
      <c r="G4099" s="1" t="s">
        <v>15952</v>
      </c>
      <c r="H4099" s="1" t="s">
        <v>15953</v>
      </c>
      <c r="I4099" s="1" t="s">
        <v>15204</v>
      </c>
      <c r="J4099" s="1" t="s">
        <v>15971</v>
      </c>
    </row>
    <row r="4100" spans="1:10" x14ac:dyDescent="0.35">
      <c r="A4100" s="1" t="s">
        <v>15949</v>
      </c>
      <c r="B4100" s="1" t="s">
        <v>15198</v>
      </c>
      <c r="C4100" s="1" t="s">
        <v>40</v>
      </c>
      <c r="D4100" s="1" t="s">
        <v>15972</v>
      </c>
      <c r="E4100" s="1" t="s">
        <v>15973</v>
      </c>
      <c r="F4100" s="1" t="s">
        <v>15974</v>
      </c>
      <c r="G4100" s="1" t="s">
        <v>15952</v>
      </c>
      <c r="H4100" s="1" t="s">
        <v>15953</v>
      </c>
      <c r="I4100" s="1" t="s">
        <v>15204</v>
      </c>
      <c r="J4100" s="1" t="s">
        <v>15975</v>
      </c>
    </row>
    <row r="4101" spans="1:10" x14ac:dyDescent="0.35">
      <c r="A4101" s="1" t="s">
        <v>15949</v>
      </c>
      <c r="B4101" s="1" t="s">
        <v>15198</v>
      </c>
      <c r="C4101" s="1" t="s">
        <v>45</v>
      </c>
      <c r="D4101" s="1" t="s">
        <v>15976</v>
      </c>
      <c r="E4101" s="1" t="s">
        <v>15977</v>
      </c>
      <c r="F4101" s="1" t="s">
        <v>15978</v>
      </c>
      <c r="G4101" s="1" t="s">
        <v>15952</v>
      </c>
      <c r="H4101" s="1" t="s">
        <v>15953</v>
      </c>
      <c r="I4101" s="1" t="s">
        <v>15204</v>
      </c>
      <c r="J4101" s="1" t="s">
        <v>15979</v>
      </c>
    </row>
    <row r="4102" spans="1:10" x14ac:dyDescent="0.35">
      <c r="A4102" s="1" t="s">
        <v>15949</v>
      </c>
      <c r="B4102" s="1" t="s">
        <v>15198</v>
      </c>
      <c r="C4102" s="1" t="s">
        <v>50</v>
      </c>
      <c r="D4102" s="1" t="s">
        <v>15980</v>
      </c>
      <c r="E4102" s="1" t="s">
        <v>15981</v>
      </c>
      <c r="F4102" s="1" t="s">
        <v>15941</v>
      </c>
      <c r="G4102" s="1" t="s">
        <v>15952</v>
      </c>
      <c r="H4102" s="1" t="s">
        <v>15953</v>
      </c>
      <c r="I4102" s="1" t="s">
        <v>15204</v>
      </c>
      <c r="J4102" s="1" t="s">
        <v>15982</v>
      </c>
    </row>
    <row r="4103" spans="1:10" x14ac:dyDescent="0.35">
      <c r="A4103" s="1" t="s">
        <v>15949</v>
      </c>
      <c r="B4103" s="1" t="s">
        <v>15198</v>
      </c>
      <c r="C4103" s="1" t="s">
        <v>55</v>
      </c>
      <c r="D4103" s="1" t="s">
        <v>15983</v>
      </c>
      <c r="E4103" s="1" t="s">
        <v>15984</v>
      </c>
      <c r="F4103" s="1" t="s">
        <v>15985</v>
      </c>
      <c r="G4103" s="1" t="s">
        <v>15952</v>
      </c>
      <c r="H4103" s="1" t="s">
        <v>15953</v>
      </c>
      <c r="I4103" s="1" t="s">
        <v>15204</v>
      </c>
      <c r="J4103" s="1" t="s">
        <v>15986</v>
      </c>
    </row>
    <row r="4104" spans="1:10" x14ac:dyDescent="0.35">
      <c r="A4104" s="1" t="s">
        <v>15949</v>
      </c>
      <c r="B4104" s="1" t="s">
        <v>15198</v>
      </c>
      <c r="C4104" s="1" t="s">
        <v>60</v>
      </c>
      <c r="D4104" s="1" t="s">
        <v>301</v>
      </c>
      <c r="E4104" s="1" t="s">
        <v>15987</v>
      </c>
      <c r="F4104" s="1" t="s">
        <v>15988</v>
      </c>
      <c r="G4104" s="1" t="s">
        <v>15952</v>
      </c>
      <c r="H4104" s="1" t="s">
        <v>15953</v>
      </c>
      <c r="I4104" s="1" t="s">
        <v>15204</v>
      </c>
      <c r="J4104" s="1" t="s">
        <v>15989</v>
      </c>
    </row>
    <row r="4105" spans="1:10" x14ac:dyDescent="0.35">
      <c r="A4105" s="1" t="s">
        <v>15949</v>
      </c>
      <c r="B4105" s="1" t="s">
        <v>15198</v>
      </c>
      <c r="C4105" s="1" t="s">
        <v>65</v>
      </c>
      <c r="D4105" s="1" t="s">
        <v>15990</v>
      </c>
      <c r="E4105" s="1" t="s">
        <v>15991</v>
      </c>
      <c r="F4105" s="1" t="s">
        <v>15992</v>
      </c>
      <c r="G4105" s="1" t="s">
        <v>15952</v>
      </c>
      <c r="H4105" s="1" t="s">
        <v>15953</v>
      </c>
      <c r="I4105" s="1" t="s">
        <v>15204</v>
      </c>
      <c r="J4105" s="1" t="s">
        <v>15993</v>
      </c>
    </row>
    <row r="4106" spans="1:10" x14ac:dyDescent="0.35">
      <c r="A4106" s="1" t="s">
        <v>15949</v>
      </c>
      <c r="B4106" s="1" t="s">
        <v>15198</v>
      </c>
      <c r="C4106" s="1" t="s">
        <v>70</v>
      </c>
      <c r="D4106" s="1" t="s">
        <v>13047</v>
      </c>
      <c r="E4106" s="1" t="s">
        <v>15994</v>
      </c>
      <c r="F4106" s="1" t="s">
        <v>15995</v>
      </c>
      <c r="G4106" s="1" t="s">
        <v>15952</v>
      </c>
      <c r="H4106" s="1" t="s">
        <v>15953</v>
      </c>
      <c r="I4106" s="1" t="s">
        <v>15204</v>
      </c>
      <c r="J4106" s="1" t="s">
        <v>15996</v>
      </c>
    </row>
    <row r="4107" spans="1:10" x14ac:dyDescent="0.35">
      <c r="A4107" s="1" t="s">
        <v>15949</v>
      </c>
      <c r="B4107" s="1" t="s">
        <v>15198</v>
      </c>
      <c r="C4107" s="1" t="s">
        <v>75</v>
      </c>
      <c r="D4107" s="1" t="s">
        <v>15997</v>
      </c>
      <c r="E4107" s="1" t="s">
        <v>15998</v>
      </c>
      <c r="F4107" s="1" t="s">
        <v>15999</v>
      </c>
      <c r="G4107" s="1" t="s">
        <v>15952</v>
      </c>
      <c r="H4107" s="1" t="s">
        <v>15953</v>
      </c>
      <c r="I4107" s="1" t="s">
        <v>15204</v>
      </c>
      <c r="J4107" s="1" t="s">
        <v>16000</v>
      </c>
    </row>
    <row r="4108" spans="1:10" x14ac:dyDescent="0.35">
      <c r="A4108" s="1" t="s">
        <v>15949</v>
      </c>
      <c r="B4108" s="1" t="s">
        <v>15198</v>
      </c>
      <c r="C4108" s="1" t="s">
        <v>80</v>
      </c>
      <c r="D4108" s="1" t="s">
        <v>16001</v>
      </c>
      <c r="E4108" s="1" t="s">
        <v>16002</v>
      </c>
      <c r="F4108" s="1" t="s">
        <v>16003</v>
      </c>
      <c r="G4108" s="1" t="s">
        <v>15952</v>
      </c>
      <c r="H4108" s="1" t="s">
        <v>15953</v>
      </c>
      <c r="I4108" s="1" t="s">
        <v>15204</v>
      </c>
      <c r="J4108" s="1" t="s">
        <v>16004</v>
      </c>
    </row>
    <row r="4109" spans="1:10" x14ac:dyDescent="0.35">
      <c r="A4109" s="1" t="s">
        <v>15949</v>
      </c>
      <c r="B4109" s="1" t="s">
        <v>15198</v>
      </c>
      <c r="C4109" s="1" t="s">
        <v>85</v>
      </c>
      <c r="D4109" s="1" t="s">
        <v>16005</v>
      </c>
      <c r="E4109" s="1" t="s">
        <v>16006</v>
      </c>
      <c r="F4109" s="1" t="s">
        <v>16007</v>
      </c>
      <c r="G4109" s="1" t="s">
        <v>15952</v>
      </c>
      <c r="H4109" s="1" t="s">
        <v>15953</v>
      </c>
      <c r="I4109" s="1" t="s">
        <v>15204</v>
      </c>
      <c r="J4109" s="1" t="s">
        <v>16008</v>
      </c>
    </row>
    <row r="4110" spans="1:10" x14ac:dyDescent="0.35">
      <c r="A4110" s="1" t="s">
        <v>15949</v>
      </c>
      <c r="B4110" s="1" t="s">
        <v>15198</v>
      </c>
      <c r="C4110" s="1" t="s">
        <v>90</v>
      </c>
      <c r="D4110" s="1" t="s">
        <v>16009</v>
      </c>
      <c r="E4110" s="1" t="s">
        <v>16010</v>
      </c>
      <c r="F4110" s="1" t="s">
        <v>16011</v>
      </c>
      <c r="G4110" s="1" t="s">
        <v>15952</v>
      </c>
      <c r="H4110" s="1" t="s">
        <v>15953</v>
      </c>
      <c r="I4110" s="1" t="s">
        <v>15204</v>
      </c>
      <c r="J4110" s="1" t="s">
        <v>16012</v>
      </c>
    </row>
    <row r="4111" spans="1:10" x14ac:dyDescent="0.35">
      <c r="A4111" s="1" t="s">
        <v>15949</v>
      </c>
      <c r="B4111" s="1" t="s">
        <v>15198</v>
      </c>
      <c r="C4111" s="1" t="s">
        <v>95</v>
      </c>
      <c r="D4111" s="1" t="s">
        <v>9578</v>
      </c>
      <c r="E4111" s="1" t="s">
        <v>16013</v>
      </c>
      <c r="F4111" s="1" t="s">
        <v>16014</v>
      </c>
      <c r="G4111" s="1" t="s">
        <v>15952</v>
      </c>
      <c r="H4111" s="1" t="s">
        <v>15953</v>
      </c>
      <c r="I4111" s="1" t="s">
        <v>15204</v>
      </c>
      <c r="J4111" s="1" t="s">
        <v>16015</v>
      </c>
    </row>
    <row r="4112" spans="1:10" x14ac:dyDescent="0.35">
      <c r="A4112" s="1" t="s">
        <v>15949</v>
      </c>
      <c r="B4112" s="1" t="s">
        <v>15198</v>
      </c>
      <c r="C4112" s="1" t="s">
        <v>100</v>
      </c>
      <c r="D4112" s="1" t="s">
        <v>3437</v>
      </c>
      <c r="E4112" s="1" t="s">
        <v>16016</v>
      </c>
      <c r="F4112" s="1" t="s">
        <v>16017</v>
      </c>
      <c r="G4112" s="1" t="s">
        <v>15952</v>
      </c>
      <c r="H4112" s="1" t="s">
        <v>15953</v>
      </c>
      <c r="I4112" s="1" t="s">
        <v>15204</v>
      </c>
      <c r="J4112" s="1" t="s">
        <v>16018</v>
      </c>
    </row>
    <row r="4113" spans="1:10" x14ac:dyDescent="0.35">
      <c r="A4113" s="1" t="s">
        <v>15949</v>
      </c>
      <c r="B4113" s="1" t="s">
        <v>15198</v>
      </c>
      <c r="C4113" s="1" t="s">
        <v>105</v>
      </c>
      <c r="D4113" s="1" t="s">
        <v>16019</v>
      </c>
      <c r="E4113" s="1" t="s">
        <v>16020</v>
      </c>
      <c r="F4113" s="1" t="s">
        <v>16021</v>
      </c>
      <c r="G4113" s="1" t="s">
        <v>15952</v>
      </c>
      <c r="H4113" s="1" t="s">
        <v>15953</v>
      </c>
      <c r="I4113" s="1" t="s">
        <v>15204</v>
      </c>
      <c r="J4113" s="1" t="s">
        <v>16022</v>
      </c>
    </row>
    <row r="4114" spans="1:10" x14ac:dyDescent="0.35">
      <c r="A4114" s="1" t="s">
        <v>15949</v>
      </c>
      <c r="B4114" s="1" t="s">
        <v>15198</v>
      </c>
      <c r="C4114" s="1" t="s">
        <v>110</v>
      </c>
      <c r="D4114" s="1" t="s">
        <v>16023</v>
      </c>
      <c r="E4114" s="1" t="s">
        <v>16024</v>
      </c>
      <c r="F4114" s="1" t="s">
        <v>16025</v>
      </c>
      <c r="G4114" s="1" t="s">
        <v>15952</v>
      </c>
      <c r="H4114" s="1" t="s">
        <v>15953</v>
      </c>
      <c r="I4114" s="1" t="s">
        <v>15204</v>
      </c>
      <c r="J4114" s="1" t="s">
        <v>16026</v>
      </c>
    </row>
    <row r="4115" spans="1:10" x14ac:dyDescent="0.35">
      <c r="A4115" s="1" t="s">
        <v>15949</v>
      </c>
      <c r="B4115" s="1" t="s">
        <v>15198</v>
      </c>
      <c r="C4115" s="1" t="s">
        <v>115</v>
      </c>
      <c r="D4115" s="1" t="s">
        <v>16027</v>
      </c>
      <c r="E4115" s="1" t="s">
        <v>16028</v>
      </c>
      <c r="F4115" s="1" t="s">
        <v>16029</v>
      </c>
      <c r="G4115" s="1" t="s">
        <v>15952</v>
      </c>
      <c r="H4115" s="1" t="s">
        <v>15953</v>
      </c>
      <c r="I4115" s="1" t="s">
        <v>15204</v>
      </c>
      <c r="J4115" s="1" t="s">
        <v>16030</v>
      </c>
    </row>
    <row r="4116" spans="1:10" x14ac:dyDescent="0.35">
      <c r="A4116" s="1" t="s">
        <v>15949</v>
      </c>
      <c r="B4116" s="1" t="s">
        <v>15198</v>
      </c>
      <c r="C4116" s="1" t="s">
        <v>120</v>
      </c>
      <c r="D4116" s="1" t="s">
        <v>16031</v>
      </c>
      <c r="E4116" s="1" t="s">
        <v>15500</v>
      </c>
      <c r="F4116" s="1" t="s">
        <v>16032</v>
      </c>
      <c r="G4116" s="1" t="s">
        <v>15952</v>
      </c>
      <c r="H4116" s="1" t="s">
        <v>15953</v>
      </c>
      <c r="I4116" s="1" t="s">
        <v>15204</v>
      </c>
      <c r="J4116" s="1" t="s">
        <v>16033</v>
      </c>
    </row>
    <row r="4117" spans="1:10" x14ac:dyDescent="0.35">
      <c r="A4117" s="1" t="s">
        <v>15949</v>
      </c>
      <c r="B4117" s="1" t="s">
        <v>15198</v>
      </c>
      <c r="C4117" s="1" t="s">
        <v>125</v>
      </c>
      <c r="D4117" s="1" t="s">
        <v>16034</v>
      </c>
      <c r="E4117" s="1" t="s">
        <v>16035</v>
      </c>
      <c r="F4117" s="1" t="s">
        <v>16036</v>
      </c>
      <c r="G4117" s="1" t="s">
        <v>15952</v>
      </c>
      <c r="H4117" s="1" t="s">
        <v>15953</v>
      </c>
      <c r="I4117" s="1" t="s">
        <v>15204</v>
      </c>
      <c r="J4117" s="1" t="s">
        <v>16037</v>
      </c>
    </row>
    <row r="4118" spans="1:10" x14ac:dyDescent="0.35">
      <c r="A4118" s="1" t="s">
        <v>15949</v>
      </c>
      <c r="B4118" s="1" t="s">
        <v>15198</v>
      </c>
      <c r="C4118" s="1" t="s">
        <v>130</v>
      </c>
      <c r="D4118" s="1" t="s">
        <v>16038</v>
      </c>
      <c r="E4118" s="1" t="s">
        <v>16039</v>
      </c>
      <c r="F4118" s="1" t="s">
        <v>16040</v>
      </c>
      <c r="G4118" s="1" t="s">
        <v>15952</v>
      </c>
      <c r="H4118" s="1" t="s">
        <v>15953</v>
      </c>
      <c r="I4118" s="1" t="s">
        <v>15204</v>
      </c>
      <c r="J4118" s="1" t="s">
        <v>16041</v>
      </c>
    </row>
    <row r="4119" spans="1:10" x14ac:dyDescent="0.35">
      <c r="A4119" s="1" t="s">
        <v>15949</v>
      </c>
      <c r="B4119" s="1" t="s">
        <v>15198</v>
      </c>
      <c r="C4119" s="1" t="s">
        <v>135</v>
      </c>
      <c r="D4119" s="1" t="s">
        <v>16042</v>
      </c>
      <c r="E4119" s="1" t="s">
        <v>16043</v>
      </c>
      <c r="F4119" s="1" t="s">
        <v>16044</v>
      </c>
      <c r="G4119" s="1" t="s">
        <v>15952</v>
      </c>
      <c r="H4119" s="1" t="s">
        <v>15953</v>
      </c>
      <c r="I4119" s="1" t="s">
        <v>15204</v>
      </c>
      <c r="J4119" s="1" t="s">
        <v>16045</v>
      </c>
    </row>
    <row r="4120" spans="1:10" x14ac:dyDescent="0.35">
      <c r="A4120" s="1" t="s">
        <v>15949</v>
      </c>
      <c r="B4120" s="1" t="s">
        <v>15198</v>
      </c>
      <c r="C4120" s="1" t="s">
        <v>140</v>
      </c>
      <c r="D4120" s="1" t="s">
        <v>16046</v>
      </c>
      <c r="E4120" s="1" t="s">
        <v>15965</v>
      </c>
      <c r="F4120" s="1" t="s">
        <v>16047</v>
      </c>
      <c r="G4120" s="1" t="s">
        <v>15952</v>
      </c>
      <c r="H4120" s="1" t="s">
        <v>15953</v>
      </c>
      <c r="I4120" s="1" t="s">
        <v>15204</v>
      </c>
      <c r="J4120" s="1" t="s">
        <v>16048</v>
      </c>
    </row>
    <row r="4121" spans="1:10" x14ac:dyDescent="0.35">
      <c r="A4121" s="1" t="s">
        <v>15949</v>
      </c>
      <c r="B4121" s="1" t="s">
        <v>15198</v>
      </c>
      <c r="C4121" s="1" t="s">
        <v>145</v>
      </c>
      <c r="D4121" s="1" t="s">
        <v>16049</v>
      </c>
      <c r="E4121" s="1" t="s">
        <v>16050</v>
      </c>
      <c r="F4121" s="1" t="s">
        <v>16051</v>
      </c>
      <c r="G4121" s="1" t="s">
        <v>15952</v>
      </c>
      <c r="H4121" s="1" t="s">
        <v>15953</v>
      </c>
      <c r="I4121" s="1" t="s">
        <v>15204</v>
      </c>
      <c r="J4121" s="1" t="s">
        <v>16052</v>
      </c>
    </row>
    <row r="4122" spans="1:10" x14ac:dyDescent="0.35">
      <c r="A4122" s="1" t="s">
        <v>15949</v>
      </c>
      <c r="B4122" s="1" t="s">
        <v>15198</v>
      </c>
      <c r="C4122" s="1" t="s">
        <v>150</v>
      </c>
      <c r="D4122" s="1" t="s">
        <v>16053</v>
      </c>
      <c r="E4122" s="1" t="s">
        <v>16054</v>
      </c>
      <c r="F4122" s="1" t="s">
        <v>16055</v>
      </c>
      <c r="G4122" s="1" t="s">
        <v>15952</v>
      </c>
      <c r="H4122" s="1" t="s">
        <v>15953</v>
      </c>
      <c r="I4122" s="1" t="s">
        <v>15204</v>
      </c>
      <c r="J4122" s="1" t="s">
        <v>16056</v>
      </c>
    </row>
    <row r="4123" spans="1:10" x14ac:dyDescent="0.35">
      <c r="A4123" s="1" t="s">
        <v>15949</v>
      </c>
      <c r="B4123" s="1" t="s">
        <v>15198</v>
      </c>
      <c r="C4123" s="1" t="s">
        <v>155</v>
      </c>
      <c r="D4123" s="1" t="s">
        <v>16057</v>
      </c>
      <c r="E4123" s="1" t="s">
        <v>16058</v>
      </c>
      <c r="F4123" s="1" t="s">
        <v>16059</v>
      </c>
      <c r="G4123" s="1" t="s">
        <v>15952</v>
      </c>
      <c r="H4123" s="1" t="s">
        <v>15953</v>
      </c>
      <c r="I4123" s="1" t="s">
        <v>15204</v>
      </c>
      <c r="J4123" s="1" t="s">
        <v>16060</v>
      </c>
    </row>
    <row r="4124" spans="1:10" x14ac:dyDescent="0.35">
      <c r="A4124" s="1" t="s">
        <v>15949</v>
      </c>
      <c r="B4124" s="1" t="s">
        <v>15198</v>
      </c>
      <c r="C4124" s="1" t="s">
        <v>160</v>
      </c>
      <c r="D4124" s="1" t="s">
        <v>16061</v>
      </c>
      <c r="E4124" s="1" t="s">
        <v>16062</v>
      </c>
      <c r="F4124" s="1" t="s">
        <v>16063</v>
      </c>
      <c r="G4124" s="1" t="s">
        <v>15952</v>
      </c>
      <c r="H4124" s="1" t="s">
        <v>15953</v>
      </c>
      <c r="I4124" s="1" t="s">
        <v>15204</v>
      </c>
      <c r="J4124" s="1" t="s">
        <v>16064</v>
      </c>
    </row>
    <row r="4125" spans="1:10" x14ac:dyDescent="0.35">
      <c r="A4125" s="1" t="s">
        <v>15949</v>
      </c>
      <c r="B4125" s="1" t="s">
        <v>15198</v>
      </c>
      <c r="C4125" s="1" t="s">
        <v>165</v>
      </c>
      <c r="D4125" s="1" t="s">
        <v>16065</v>
      </c>
      <c r="E4125" s="1" t="s">
        <v>16066</v>
      </c>
      <c r="F4125" s="1" t="s">
        <v>16067</v>
      </c>
      <c r="G4125" s="1" t="s">
        <v>15952</v>
      </c>
      <c r="H4125" s="1" t="s">
        <v>15953</v>
      </c>
      <c r="I4125" s="1" t="s">
        <v>15204</v>
      </c>
      <c r="J4125" s="1" t="s">
        <v>16068</v>
      </c>
    </row>
    <row r="4126" spans="1:10" x14ac:dyDescent="0.35">
      <c r="A4126" s="1" t="s">
        <v>15949</v>
      </c>
      <c r="B4126" s="1" t="s">
        <v>15198</v>
      </c>
      <c r="C4126" s="1" t="s">
        <v>170</v>
      </c>
      <c r="D4126" s="1" t="s">
        <v>16069</v>
      </c>
      <c r="E4126" s="1" t="s">
        <v>16070</v>
      </c>
      <c r="F4126" s="1" t="s">
        <v>16071</v>
      </c>
      <c r="G4126" s="1" t="s">
        <v>15952</v>
      </c>
      <c r="H4126" s="1" t="s">
        <v>15953</v>
      </c>
      <c r="I4126" s="1" t="s">
        <v>15204</v>
      </c>
      <c r="J4126" s="1" t="s">
        <v>16072</v>
      </c>
    </row>
    <row r="4127" spans="1:10" x14ac:dyDescent="0.35">
      <c r="A4127" s="1" t="s">
        <v>16073</v>
      </c>
      <c r="B4127" s="1" t="s">
        <v>15198</v>
      </c>
      <c r="C4127" s="1" t="s">
        <v>8</v>
      </c>
      <c r="D4127" s="1" t="s">
        <v>202</v>
      </c>
      <c r="E4127" s="1" t="s">
        <v>16074</v>
      </c>
      <c r="F4127" s="1" t="s">
        <v>16075</v>
      </c>
      <c r="G4127" s="1" t="s">
        <v>16076</v>
      </c>
      <c r="H4127" s="1" t="s">
        <v>16077</v>
      </c>
      <c r="I4127" s="1" t="s">
        <v>15204</v>
      </c>
      <c r="J4127" s="1" t="s">
        <v>13</v>
      </c>
    </row>
    <row r="4128" spans="1:10" x14ac:dyDescent="0.35">
      <c r="A4128" s="1" t="s">
        <v>16073</v>
      </c>
      <c r="B4128" s="1" t="s">
        <v>15198</v>
      </c>
      <c r="C4128" s="1" t="s">
        <v>15</v>
      </c>
      <c r="D4128" s="1" t="s">
        <v>16078</v>
      </c>
      <c r="E4128" s="1" t="s">
        <v>16079</v>
      </c>
      <c r="F4128" s="1" t="s">
        <v>16080</v>
      </c>
      <c r="G4128" s="1" t="s">
        <v>16076</v>
      </c>
      <c r="H4128" s="1" t="s">
        <v>16077</v>
      </c>
      <c r="I4128" s="1" t="s">
        <v>15204</v>
      </c>
      <c r="J4128" s="1" t="s">
        <v>16081</v>
      </c>
    </row>
    <row r="4129" spans="1:10" x14ac:dyDescent="0.35">
      <c r="A4129" s="1" t="s">
        <v>16073</v>
      </c>
      <c r="B4129" s="1" t="s">
        <v>15198</v>
      </c>
      <c r="C4129" s="1" t="s">
        <v>20</v>
      </c>
      <c r="D4129" s="1" t="s">
        <v>10002</v>
      </c>
      <c r="E4129" s="1" t="s">
        <v>15293</v>
      </c>
      <c r="F4129" s="1" t="s">
        <v>16082</v>
      </c>
      <c r="G4129" s="1" t="s">
        <v>16076</v>
      </c>
      <c r="H4129" s="1" t="s">
        <v>16077</v>
      </c>
      <c r="I4129" s="1" t="s">
        <v>15204</v>
      </c>
      <c r="J4129" s="1" t="s">
        <v>16083</v>
      </c>
    </row>
    <row r="4130" spans="1:10" x14ac:dyDescent="0.35">
      <c r="A4130" s="1" t="s">
        <v>16073</v>
      </c>
      <c r="B4130" s="1" t="s">
        <v>15198</v>
      </c>
      <c r="C4130" s="1" t="s">
        <v>25</v>
      </c>
      <c r="D4130" s="1" t="s">
        <v>16084</v>
      </c>
      <c r="E4130" s="1" t="s">
        <v>12794</v>
      </c>
      <c r="F4130" s="1" t="s">
        <v>16085</v>
      </c>
      <c r="G4130" s="1" t="s">
        <v>16076</v>
      </c>
      <c r="H4130" s="1" t="s">
        <v>16077</v>
      </c>
      <c r="I4130" s="1" t="s">
        <v>15204</v>
      </c>
      <c r="J4130" s="1" t="s">
        <v>16086</v>
      </c>
    </row>
    <row r="4131" spans="1:10" x14ac:dyDescent="0.35">
      <c r="A4131" s="1" t="s">
        <v>16073</v>
      </c>
      <c r="B4131" s="1" t="s">
        <v>15198</v>
      </c>
      <c r="C4131" s="1" t="s">
        <v>30</v>
      </c>
      <c r="D4131" s="1" t="s">
        <v>2623</v>
      </c>
      <c r="E4131" s="1" t="s">
        <v>16087</v>
      </c>
      <c r="F4131" s="1" t="s">
        <v>16088</v>
      </c>
      <c r="G4131" s="1" t="s">
        <v>16076</v>
      </c>
      <c r="H4131" s="1" t="s">
        <v>16077</v>
      </c>
      <c r="I4131" s="1" t="s">
        <v>15204</v>
      </c>
      <c r="J4131" s="1" t="s">
        <v>16089</v>
      </c>
    </row>
    <row r="4132" spans="1:10" x14ac:dyDescent="0.35">
      <c r="A4132" s="1" t="s">
        <v>16073</v>
      </c>
      <c r="B4132" s="1" t="s">
        <v>15198</v>
      </c>
      <c r="C4132" s="1" t="s">
        <v>35</v>
      </c>
      <c r="D4132" s="1" t="s">
        <v>7598</v>
      </c>
      <c r="E4132" s="1" t="s">
        <v>16090</v>
      </c>
      <c r="F4132" s="1" t="s">
        <v>16091</v>
      </c>
      <c r="G4132" s="1" t="s">
        <v>16076</v>
      </c>
      <c r="H4132" s="1" t="s">
        <v>16077</v>
      </c>
      <c r="I4132" s="1" t="s">
        <v>15204</v>
      </c>
      <c r="J4132" s="1" t="s">
        <v>16092</v>
      </c>
    </row>
    <row r="4133" spans="1:10" x14ac:dyDescent="0.35">
      <c r="A4133" s="1" t="s">
        <v>16073</v>
      </c>
      <c r="B4133" s="1" t="s">
        <v>15198</v>
      </c>
      <c r="C4133" s="1" t="s">
        <v>40</v>
      </c>
      <c r="D4133" s="1" t="s">
        <v>16093</v>
      </c>
      <c r="E4133" s="1" t="s">
        <v>16094</v>
      </c>
      <c r="F4133" s="1" t="s">
        <v>16095</v>
      </c>
      <c r="G4133" s="1" t="s">
        <v>16076</v>
      </c>
      <c r="H4133" s="1" t="s">
        <v>16077</v>
      </c>
      <c r="I4133" s="1" t="s">
        <v>15204</v>
      </c>
      <c r="J4133" s="1" t="s">
        <v>16096</v>
      </c>
    </row>
    <row r="4134" spans="1:10" x14ac:dyDescent="0.35">
      <c r="A4134" s="1" t="s">
        <v>16073</v>
      </c>
      <c r="B4134" s="1" t="s">
        <v>15198</v>
      </c>
      <c r="C4134" s="1" t="s">
        <v>45</v>
      </c>
      <c r="D4134" s="1" t="s">
        <v>16097</v>
      </c>
      <c r="E4134" s="1" t="s">
        <v>12794</v>
      </c>
      <c r="F4134" s="1" t="s">
        <v>16098</v>
      </c>
      <c r="G4134" s="1" t="s">
        <v>16076</v>
      </c>
      <c r="H4134" s="1" t="s">
        <v>16077</v>
      </c>
      <c r="I4134" s="1" t="s">
        <v>15204</v>
      </c>
      <c r="J4134" s="1" t="s">
        <v>16099</v>
      </c>
    </row>
    <row r="4135" spans="1:10" x14ac:dyDescent="0.35">
      <c r="A4135" s="1" t="s">
        <v>16073</v>
      </c>
      <c r="B4135" s="1" t="s">
        <v>15198</v>
      </c>
      <c r="C4135" s="1" t="s">
        <v>50</v>
      </c>
      <c r="D4135" s="1" t="s">
        <v>16100</v>
      </c>
      <c r="E4135" s="1" t="s">
        <v>16101</v>
      </c>
      <c r="F4135" s="1" t="s">
        <v>16102</v>
      </c>
      <c r="G4135" s="1" t="s">
        <v>16076</v>
      </c>
      <c r="H4135" s="1" t="s">
        <v>16077</v>
      </c>
      <c r="I4135" s="1" t="s">
        <v>15204</v>
      </c>
      <c r="J4135" s="1" t="s">
        <v>16103</v>
      </c>
    </row>
    <row r="4136" spans="1:10" x14ac:dyDescent="0.35">
      <c r="A4136" s="1" t="s">
        <v>16073</v>
      </c>
      <c r="B4136" s="1" t="s">
        <v>15198</v>
      </c>
      <c r="C4136" s="1" t="s">
        <v>55</v>
      </c>
      <c r="D4136" s="1" t="s">
        <v>16104</v>
      </c>
      <c r="E4136" s="1" t="s">
        <v>16105</v>
      </c>
      <c r="F4136" s="1" t="s">
        <v>16106</v>
      </c>
      <c r="G4136" s="1" t="s">
        <v>16076</v>
      </c>
      <c r="H4136" s="1" t="s">
        <v>16077</v>
      </c>
      <c r="I4136" s="1" t="s">
        <v>15204</v>
      </c>
      <c r="J4136" s="1" t="s">
        <v>16107</v>
      </c>
    </row>
    <row r="4137" spans="1:10" x14ac:dyDescent="0.35">
      <c r="A4137" s="1" t="s">
        <v>16073</v>
      </c>
      <c r="B4137" s="1" t="s">
        <v>15198</v>
      </c>
      <c r="C4137" s="1" t="s">
        <v>60</v>
      </c>
      <c r="D4137" s="1" t="s">
        <v>16108</v>
      </c>
      <c r="E4137" s="1" t="s">
        <v>16109</v>
      </c>
      <c r="F4137" s="1" t="s">
        <v>16110</v>
      </c>
      <c r="G4137" s="1" t="s">
        <v>16076</v>
      </c>
      <c r="H4137" s="1" t="s">
        <v>16077</v>
      </c>
      <c r="I4137" s="1" t="s">
        <v>15204</v>
      </c>
      <c r="J4137" s="1" t="s">
        <v>16111</v>
      </c>
    </row>
    <row r="4138" spans="1:10" x14ac:dyDescent="0.35">
      <c r="A4138" s="1" t="s">
        <v>16073</v>
      </c>
      <c r="B4138" s="1" t="s">
        <v>15198</v>
      </c>
      <c r="C4138" s="1" t="s">
        <v>65</v>
      </c>
      <c r="D4138" s="1" t="s">
        <v>16112</v>
      </c>
      <c r="E4138" s="1" t="s">
        <v>16113</v>
      </c>
      <c r="F4138" s="1" t="s">
        <v>16114</v>
      </c>
      <c r="G4138" s="1" t="s">
        <v>16076</v>
      </c>
      <c r="H4138" s="1" t="s">
        <v>16077</v>
      </c>
      <c r="I4138" s="1" t="s">
        <v>15204</v>
      </c>
      <c r="J4138" s="1" t="s">
        <v>16115</v>
      </c>
    </row>
    <row r="4139" spans="1:10" x14ac:dyDescent="0.35">
      <c r="A4139" s="1" t="s">
        <v>16073</v>
      </c>
      <c r="B4139" s="1" t="s">
        <v>15198</v>
      </c>
      <c r="C4139" s="1" t="s">
        <v>70</v>
      </c>
      <c r="D4139" s="1" t="s">
        <v>16116</v>
      </c>
      <c r="E4139" s="1" t="s">
        <v>16117</v>
      </c>
      <c r="F4139" s="1" t="s">
        <v>16118</v>
      </c>
      <c r="G4139" s="1" t="s">
        <v>16076</v>
      </c>
      <c r="H4139" s="1" t="s">
        <v>16077</v>
      </c>
      <c r="I4139" s="1" t="s">
        <v>15204</v>
      </c>
      <c r="J4139" s="1" t="s">
        <v>16119</v>
      </c>
    </row>
    <row r="4140" spans="1:10" x14ac:dyDescent="0.35">
      <c r="A4140" s="1" t="s">
        <v>16073</v>
      </c>
      <c r="B4140" s="1" t="s">
        <v>15198</v>
      </c>
      <c r="C4140" s="1" t="s">
        <v>75</v>
      </c>
      <c r="D4140" s="1" t="s">
        <v>16120</v>
      </c>
      <c r="E4140" s="1" t="s">
        <v>16121</v>
      </c>
      <c r="F4140" s="1" t="s">
        <v>16122</v>
      </c>
      <c r="G4140" s="1" t="s">
        <v>16076</v>
      </c>
      <c r="H4140" s="1" t="s">
        <v>16077</v>
      </c>
      <c r="I4140" s="1" t="s">
        <v>15204</v>
      </c>
      <c r="J4140" s="1" t="s">
        <v>16123</v>
      </c>
    </row>
    <row r="4141" spans="1:10" x14ac:dyDescent="0.35">
      <c r="A4141" s="1" t="s">
        <v>16073</v>
      </c>
      <c r="B4141" s="1" t="s">
        <v>15198</v>
      </c>
      <c r="C4141" s="1" t="s">
        <v>80</v>
      </c>
      <c r="D4141" s="1" t="s">
        <v>16124</v>
      </c>
      <c r="E4141" s="1" t="s">
        <v>16125</v>
      </c>
      <c r="F4141" s="1" t="s">
        <v>16126</v>
      </c>
      <c r="G4141" s="1" t="s">
        <v>16076</v>
      </c>
      <c r="H4141" s="1" t="s">
        <v>16077</v>
      </c>
      <c r="I4141" s="1" t="s">
        <v>15204</v>
      </c>
      <c r="J4141" s="1" t="s">
        <v>16127</v>
      </c>
    </row>
    <row r="4142" spans="1:10" x14ac:dyDescent="0.35">
      <c r="A4142" s="1" t="s">
        <v>16073</v>
      </c>
      <c r="B4142" s="1" t="s">
        <v>15198</v>
      </c>
      <c r="C4142" s="1" t="s">
        <v>85</v>
      </c>
      <c r="D4142" s="1" t="s">
        <v>16128</v>
      </c>
      <c r="E4142" s="1" t="s">
        <v>16129</v>
      </c>
      <c r="F4142" s="1" t="s">
        <v>16130</v>
      </c>
      <c r="G4142" s="1" t="s">
        <v>16076</v>
      </c>
      <c r="H4142" s="1" t="s">
        <v>16077</v>
      </c>
      <c r="I4142" s="1" t="s">
        <v>15204</v>
      </c>
      <c r="J4142" s="1" t="s">
        <v>16131</v>
      </c>
    </row>
    <row r="4143" spans="1:10" x14ac:dyDescent="0.35">
      <c r="A4143" s="1" t="s">
        <v>16073</v>
      </c>
      <c r="B4143" s="1" t="s">
        <v>15198</v>
      </c>
      <c r="C4143" s="1" t="s">
        <v>90</v>
      </c>
      <c r="D4143" s="1" t="s">
        <v>3421</v>
      </c>
      <c r="E4143" s="1" t="s">
        <v>16132</v>
      </c>
      <c r="F4143" s="1" t="s">
        <v>16133</v>
      </c>
      <c r="G4143" s="1" t="s">
        <v>16076</v>
      </c>
      <c r="H4143" s="1" t="s">
        <v>16077</v>
      </c>
      <c r="I4143" s="1" t="s">
        <v>15204</v>
      </c>
      <c r="J4143" s="1" t="s">
        <v>16134</v>
      </c>
    </row>
    <row r="4144" spans="1:10" x14ac:dyDescent="0.35">
      <c r="A4144" s="1" t="s">
        <v>16073</v>
      </c>
      <c r="B4144" s="1" t="s">
        <v>15198</v>
      </c>
      <c r="C4144" s="1" t="s">
        <v>95</v>
      </c>
      <c r="D4144" s="1" t="s">
        <v>16135</v>
      </c>
      <c r="E4144" s="1" t="s">
        <v>15837</v>
      </c>
      <c r="F4144" s="1" t="s">
        <v>16136</v>
      </c>
      <c r="G4144" s="1" t="s">
        <v>16076</v>
      </c>
      <c r="H4144" s="1" t="s">
        <v>16077</v>
      </c>
      <c r="I4144" s="1" t="s">
        <v>15204</v>
      </c>
      <c r="J4144" s="1" t="s">
        <v>16137</v>
      </c>
    </row>
    <row r="4145" spans="1:10" x14ac:dyDescent="0.35">
      <c r="A4145" s="1" t="s">
        <v>16073</v>
      </c>
      <c r="B4145" s="1" t="s">
        <v>15198</v>
      </c>
      <c r="C4145" s="1" t="s">
        <v>100</v>
      </c>
      <c r="D4145" s="1" t="s">
        <v>15387</v>
      </c>
      <c r="E4145" s="1" t="s">
        <v>16138</v>
      </c>
      <c r="F4145" s="1" t="s">
        <v>16139</v>
      </c>
      <c r="G4145" s="1" t="s">
        <v>16076</v>
      </c>
      <c r="H4145" s="1" t="s">
        <v>16077</v>
      </c>
      <c r="I4145" s="1" t="s">
        <v>15204</v>
      </c>
      <c r="J4145" s="1" t="s">
        <v>16140</v>
      </c>
    </row>
    <row r="4146" spans="1:10" x14ac:dyDescent="0.35">
      <c r="A4146" s="1" t="s">
        <v>16073</v>
      </c>
      <c r="B4146" s="1" t="s">
        <v>15198</v>
      </c>
      <c r="C4146" s="1" t="s">
        <v>105</v>
      </c>
      <c r="D4146" s="1" t="s">
        <v>16141</v>
      </c>
      <c r="E4146" s="1" t="s">
        <v>16142</v>
      </c>
      <c r="F4146" s="1" t="s">
        <v>16143</v>
      </c>
      <c r="G4146" s="1" t="s">
        <v>16076</v>
      </c>
      <c r="H4146" s="1" t="s">
        <v>16077</v>
      </c>
      <c r="I4146" s="1" t="s">
        <v>15204</v>
      </c>
      <c r="J4146" s="1" t="s">
        <v>16144</v>
      </c>
    </row>
    <row r="4147" spans="1:10" x14ac:dyDescent="0.35">
      <c r="A4147" s="1" t="s">
        <v>16073</v>
      </c>
      <c r="B4147" s="1" t="s">
        <v>15198</v>
      </c>
      <c r="C4147" s="1" t="s">
        <v>110</v>
      </c>
      <c r="D4147" s="1" t="s">
        <v>16145</v>
      </c>
      <c r="E4147" s="1" t="s">
        <v>16146</v>
      </c>
      <c r="F4147" s="1" t="s">
        <v>16147</v>
      </c>
      <c r="G4147" s="1" t="s">
        <v>16076</v>
      </c>
      <c r="H4147" s="1" t="s">
        <v>16077</v>
      </c>
      <c r="I4147" s="1" t="s">
        <v>15204</v>
      </c>
      <c r="J4147" s="1" t="s">
        <v>16148</v>
      </c>
    </row>
    <row r="4148" spans="1:10" x14ac:dyDescent="0.35">
      <c r="A4148" s="1" t="s">
        <v>16073</v>
      </c>
      <c r="B4148" s="1" t="s">
        <v>15198</v>
      </c>
      <c r="C4148" s="1" t="s">
        <v>115</v>
      </c>
      <c r="D4148" s="1" t="s">
        <v>16149</v>
      </c>
      <c r="E4148" s="1" t="s">
        <v>16150</v>
      </c>
      <c r="F4148" s="1" t="s">
        <v>16151</v>
      </c>
      <c r="G4148" s="1" t="s">
        <v>16076</v>
      </c>
      <c r="H4148" s="1" t="s">
        <v>16077</v>
      </c>
      <c r="I4148" s="1" t="s">
        <v>15204</v>
      </c>
      <c r="J4148" s="1" t="s">
        <v>16152</v>
      </c>
    </row>
    <row r="4149" spans="1:10" x14ac:dyDescent="0.35">
      <c r="A4149" s="1" t="s">
        <v>16073</v>
      </c>
      <c r="B4149" s="1" t="s">
        <v>15198</v>
      </c>
      <c r="C4149" s="1" t="s">
        <v>120</v>
      </c>
      <c r="D4149" s="1" t="s">
        <v>13079</v>
      </c>
      <c r="E4149" s="1" t="s">
        <v>16153</v>
      </c>
      <c r="F4149" s="1" t="s">
        <v>16154</v>
      </c>
      <c r="G4149" s="1" t="s">
        <v>16076</v>
      </c>
      <c r="H4149" s="1" t="s">
        <v>16077</v>
      </c>
      <c r="I4149" s="1" t="s">
        <v>15204</v>
      </c>
      <c r="J4149" s="1" t="s">
        <v>16155</v>
      </c>
    </row>
    <row r="4150" spans="1:10" x14ac:dyDescent="0.35">
      <c r="A4150" s="1" t="s">
        <v>16073</v>
      </c>
      <c r="B4150" s="1" t="s">
        <v>15198</v>
      </c>
      <c r="C4150" s="1" t="s">
        <v>125</v>
      </c>
      <c r="D4150" s="1" t="s">
        <v>16156</v>
      </c>
      <c r="E4150" s="1" t="s">
        <v>16157</v>
      </c>
      <c r="F4150" s="1" t="s">
        <v>16158</v>
      </c>
      <c r="G4150" s="1" t="s">
        <v>16076</v>
      </c>
      <c r="H4150" s="1" t="s">
        <v>16077</v>
      </c>
      <c r="I4150" s="1" t="s">
        <v>15204</v>
      </c>
      <c r="J4150" s="1" t="s">
        <v>16159</v>
      </c>
    </row>
    <row r="4151" spans="1:10" x14ac:dyDescent="0.35">
      <c r="A4151" s="1" t="s">
        <v>16073</v>
      </c>
      <c r="B4151" s="1" t="s">
        <v>15198</v>
      </c>
      <c r="C4151" s="1" t="s">
        <v>130</v>
      </c>
      <c r="D4151" s="1" t="s">
        <v>16160</v>
      </c>
      <c r="E4151" s="1" t="s">
        <v>15424</v>
      </c>
      <c r="F4151" s="1" t="s">
        <v>16161</v>
      </c>
      <c r="G4151" s="1" t="s">
        <v>16076</v>
      </c>
      <c r="H4151" s="1" t="s">
        <v>16077</v>
      </c>
      <c r="I4151" s="1" t="s">
        <v>15204</v>
      </c>
      <c r="J4151" s="1" t="s">
        <v>16162</v>
      </c>
    </row>
    <row r="4152" spans="1:10" x14ac:dyDescent="0.35">
      <c r="A4152" s="1" t="s">
        <v>16073</v>
      </c>
      <c r="B4152" s="1" t="s">
        <v>15198</v>
      </c>
      <c r="C4152" s="1" t="s">
        <v>135</v>
      </c>
      <c r="D4152" s="1" t="s">
        <v>16163</v>
      </c>
      <c r="E4152" s="1" t="s">
        <v>16164</v>
      </c>
      <c r="F4152" s="1" t="s">
        <v>16165</v>
      </c>
      <c r="G4152" s="1" t="s">
        <v>16076</v>
      </c>
      <c r="H4152" s="1" t="s">
        <v>16077</v>
      </c>
      <c r="I4152" s="1" t="s">
        <v>15204</v>
      </c>
      <c r="J4152" s="1" t="s">
        <v>16166</v>
      </c>
    </row>
    <row r="4153" spans="1:10" x14ac:dyDescent="0.35">
      <c r="A4153" s="1" t="s">
        <v>16073</v>
      </c>
      <c r="B4153" s="1" t="s">
        <v>15198</v>
      </c>
      <c r="C4153" s="1" t="s">
        <v>140</v>
      </c>
      <c r="D4153" s="1" t="s">
        <v>16167</v>
      </c>
      <c r="E4153" s="1" t="s">
        <v>16168</v>
      </c>
      <c r="F4153" s="1" t="s">
        <v>16169</v>
      </c>
      <c r="G4153" s="1" t="s">
        <v>16076</v>
      </c>
      <c r="H4153" s="1" t="s">
        <v>16077</v>
      </c>
      <c r="I4153" s="1" t="s">
        <v>15204</v>
      </c>
      <c r="J4153" s="1" t="s">
        <v>16170</v>
      </c>
    </row>
    <row r="4154" spans="1:10" x14ac:dyDescent="0.35">
      <c r="A4154" s="1" t="s">
        <v>16073</v>
      </c>
      <c r="B4154" s="1" t="s">
        <v>15198</v>
      </c>
      <c r="C4154" s="1" t="s">
        <v>145</v>
      </c>
      <c r="D4154" s="1" t="s">
        <v>5349</v>
      </c>
      <c r="E4154" s="1" t="s">
        <v>16171</v>
      </c>
      <c r="F4154" s="1" t="s">
        <v>16172</v>
      </c>
      <c r="G4154" s="1" t="s">
        <v>16076</v>
      </c>
      <c r="H4154" s="1" t="s">
        <v>16077</v>
      </c>
      <c r="I4154" s="1" t="s">
        <v>15204</v>
      </c>
      <c r="J4154" s="1" t="s">
        <v>16173</v>
      </c>
    </row>
    <row r="4155" spans="1:10" x14ac:dyDescent="0.35">
      <c r="A4155" s="1" t="s">
        <v>16073</v>
      </c>
      <c r="B4155" s="1" t="s">
        <v>15198</v>
      </c>
      <c r="C4155" s="1" t="s">
        <v>150</v>
      </c>
      <c r="D4155" s="1" t="s">
        <v>16174</v>
      </c>
      <c r="E4155" s="1" t="s">
        <v>15845</v>
      </c>
      <c r="F4155" s="1" t="s">
        <v>16175</v>
      </c>
      <c r="G4155" s="1" t="s">
        <v>16076</v>
      </c>
      <c r="H4155" s="1" t="s">
        <v>16077</v>
      </c>
      <c r="I4155" s="1" t="s">
        <v>15204</v>
      </c>
      <c r="J4155" s="1" t="s">
        <v>16176</v>
      </c>
    </row>
    <row r="4156" spans="1:10" x14ac:dyDescent="0.35">
      <c r="A4156" s="1" t="s">
        <v>16073</v>
      </c>
      <c r="B4156" s="1" t="s">
        <v>15198</v>
      </c>
      <c r="C4156" s="1" t="s">
        <v>155</v>
      </c>
      <c r="D4156" s="1" t="s">
        <v>16177</v>
      </c>
      <c r="E4156" s="1" t="s">
        <v>16178</v>
      </c>
      <c r="F4156" s="1" t="s">
        <v>16179</v>
      </c>
      <c r="G4156" s="1" t="s">
        <v>16076</v>
      </c>
      <c r="H4156" s="1" t="s">
        <v>16077</v>
      </c>
      <c r="I4156" s="1" t="s">
        <v>15204</v>
      </c>
      <c r="J4156" s="1" t="s">
        <v>16180</v>
      </c>
    </row>
    <row r="4157" spans="1:10" x14ac:dyDescent="0.35">
      <c r="A4157" s="1" t="s">
        <v>16073</v>
      </c>
      <c r="B4157" s="1" t="s">
        <v>15198</v>
      </c>
      <c r="C4157" s="1" t="s">
        <v>160</v>
      </c>
      <c r="D4157" s="1" t="s">
        <v>16181</v>
      </c>
      <c r="E4157" s="1" t="s">
        <v>16182</v>
      </c>
      <c r="F4157" s="1" t="s">
        <v>16183</v>
      </c>
      <c r="G4157" s="1" t="s">
        <v>16076</v>
      </c>
      <c r="H4157" s="1" t="s">
        <v>16077</v>
      </c>
      <c r="I4157" s="1" t="s">
        <v>15204</v>
      </c>
      <c r="J4157" s="1" t="s">
        <v>16184</v>
      </c>
    </row>
    <row r="4158" spans="1:10" x14ac:dyDescent="0.35">
      <c r="A4158" s="1" t="s">
        <v>16073</v>
      </c>
      <c r="B4158" s="1" t="s">
        <v>15198</v>
      </c>
      <c r="C4158" s="1" t="s">
        <v>165</v>
      </c>
      <c r="D4158" s="1" t="s">
        <v>16185</v>
      </c>
      <c r="E4158" s="1" t="s">
        <v>16186</v>
      </c>
      <c r="F4158" s="1" t="s">
        <v>15916</v>
      </c>
      <c r="G4158" s="1" t="s">
        <v>16076</v>
      </c>
      <c r="H4158" s="1" t="s">
        <v>16077</v>
      </c>
      <c r="I4158" s="1" t="s">
        <v>15204</v>
      </c>
      <c r="J4158" s="1" t="s">
        <v>16187</v>
      </c>
    </row>
    <row r="4159" spans="1:10" x14ac:dyDescent="0.35">
      <c r="A4159" s="1" t="s">
        <v>16073</v>
      </c>
      <c r="B4159" s="1" t="s">
        <v>15198</v>
      </c>
      <c r="C4159" s="1" t="s">
        <v>170</v>
      </c>
      <c r="D4159" s="1" t="s">
        <v>16188</v>
      </c>
      <c r="E4159" s="1" t="s">
        <v>15923</v>
      </c>
      <c r="F4159" s="1" t="s">
        <v>16189</v>
      </c>
      <c r="G4159" s="1" t="s">
        <v>16076</v>
      </c>
      <c r="H4159" s="1" t="s">
        <v>16077</v>
      </c>
      <c r="I4159" s="1" t="s">
        <v>15204</v>
      </c>
      <c r="J4159" s="1" t="s">
        <v>16190</v>
      </c>
    </row>
    <row r="4160" spans="1:10" x14ac:dyDescent="0.35">
      <c r="A4160" s="1" t="s">
        <v>16191</v>
      </c>
      <c r="B4160" s="1" t="s">
        <v>15198</v>
      </c>
      <c r="C4160" s="1" t="s">
        <v>8</v>
      </c>
      <c r="D4160" s="1" t="s">
        <v>7099</v>
      </c>
      <c r="E4160" s="1" t="s">
        <v>16192</v>
      </c>
      <c r="F4160" s="1" t="s">
        <v>16193</v>
      </c>
      <c r="G4160" s="1" t="s">
        <v>16194</v>
      </c>
      <c r="H4160" s="1" t="s">
        <v>16195</v>
      </c>
      <c r="I4160" s="1" t="s">
        <v>15204</v>
      </c>
      <c r="J4160" s="1" t="s">
        <v>13</v>
      </c>
    </row>
    <row r="4161" spans="1:10" x14ac:dyDescent="0.35">
      <c r="A4161" s="1" t="s">
        <v>16191</v>
      </c>
      <c r="B4161" s="1" t="s">
        <v>15198</v>
      </c>
      <c r="C4161" s="1" t="s">
        <v>15</v>
      </c>
      <c r="D4161" s="1" t="s">
        <v>16196</v>
      </c>
      <c r="E4161" s="1" t="s">
        <v>16197</v>
      </c>
      <c r="F4161" s="1" t="s">
        <v>16198</v>
      </c>
      <c r="G4161" s="1" t="s">
        <v>16194</v>
      </c>
      <c r="H4161" s="1" t="s">
        <v>16195</v>
      </c>
      <c r="I4161" s="1" t="s">
        <v>15204</v>
      </c>
      <c r="J4161" s="1" t="s">
        <v>16199</v>
      </c>
    </row>
    <row r="4162" spans="1:10" x14ac:dyDescent="0.35">
      <c r="A4162" s="1" t="s">
        <v>16191</v>
      </c>
      <c r="B4162" s="1" t="s">
        <v>15198</v>
      </c>
      <c r="C4162" s="1" t="s">
        <v>20</v>
      </c>
      <c r="D4162" s="1" t="s">
        <v>16200</v>
      </c>
      <c r="E4162" s="1" t="s">
        <v>16201</v>
      </c>
      <c r="F4162" s="1" t="s">
        <v>16202</v>
      </c>
      <c r="G4162" s="1" t="s">
        <v>16194</v>
      </c>
      <c r="H4162" s="1" t="s">
        <v>16195</v>
      </c>
      <c r="I4162" s="1" t="s">
        <v>15204</v>
      </c>
      <c r="J4162" s="1" t="s">
        <v>16203</v>
      </c>
    </row>
    <row r="4163" spans="1:10" x14ac:dyDescent="0.35">
      <c r="A4163" s="1" t="s">
        <v>16191</v>
      </c>
      <c r="B4163" s="1" t="s">
        <v>15198</v>
      </c>
      <c r="C4163" s="1" t="s">
        <v>25</v>
      </c>
      <c r="D4163" s="1" t="s">
        <v>6616</v>
      </c>
      <c r="E4163" s="1" t="s">
        <v>16204</v>
      </c>
      <c r="F4163" s="1" t="s">
        <v>16205</v>
      </c>
      <c r="G4163" s="1" t="s">
        <v>16194</v>
      </c>
      <c r="H4163" s="1" t="s">
        <v>16195</v>
      </c>
      <c r="I4163" s="1" t="s">
        <v>15204</v>
      </c>
      <c r="J4163" s="1" t="s">
        <v>16206</v>
      </c>
    </row>
    <row r="4164" spans="1:10" x14ac:dyDescent="0.35">
      <c r="A4164" s="1" t="s">
        <v>16191</v>
      </c>
      <c r="B4164" s="1" t="s">
        <v>15198</v>
      </c>
      <c r="C4164" s="1" t="s">
        <v>30</v>
      </c>
      <c r="D4164" s="1" t="s">
        <v>16207</v>
      </c>
      <c r="E4164" s="1" t="s">
        <v>16208</v>
      </c>
      <c r="F4164" s="1" t="s">
        <v>16209</v>
      </c>
      <c r="G4164" s="1" t="s">
        <v>16194</v>
      </c>
      <c r="H4164" s="1" t="s">
        <v>16195</v>
      </c>
      <c r="I4164" s="1" t="s">
        <v>15204</v>
      </c>
      <c r="J4164" s="1" t="s">
        <v>16210</v>
      </c>
    </row>
    <row r="4165" spans="1:10" x14ac:dyDescent="0.35">
      <c r="A4165" s="1" t="s">
        <v>16191</v>
      </c>
      <c r="B4165" s="1" t="s">
        <v>15198</v>
      </c>
      <c r="C4165" s="1" t="s">
        <v>35</v>
      </c>
      <c r="D4165" s="1" t="s">
        <v>16211</v>
      </c>
      <c r="E4165" s="1" t="s">
        <v>16212</v>
      </c>
      <c r="F4165" s="1" t="s">
        <v>16213</v>
      </c>
      <c r="G4165" s="1" t="s">
        <v>16194</v>
      </c>
      <c r="H4165" s="1" t="s">
        <v>16195</v>
      </c>
      <c r="I4165" s="1" t="s">
        <v>15204</v>
      </c>
      <c r="J4165" s="1" t="s">
        <v>16214</v>
      </c>
    </row>
    <row r="4166" spans="1:10" x14ac:dyDescent="0.35">
      <c r="A4166" s="1" t="s">
        <v>16191</v>
      </c>
      <c r="B4166" s="1" t="s">
        <v>15198</v>
      </c>
      <c r="C4166" s="1" t="s">
        <v>40</v>
      </c>
      <c r="D4166" s="1" t="s">
        <v>16215</v>
      </c>
      <c r="E4166" s="1" t="s">
        <v>16216</v>
      </c>
      <c r="F4166" s="1" t="s">
        <v>16217</v>
      </c>
      <c r="G4166" s="1" t="s">
        <v>16194</v>
      </c>
      <c r="H4166" s="1" t="s">
        <v>16195</v>
      </c>
      <c r="I4166" s="1" t="s">
        <v>15204</v>
      </c>
      <c r="J4166" s="1" t="s">
        <v>16218</v>
      </c>
    </row>
    <row r="4167" spans="1:10" x14ac:dyDescent="0.35">
      <c r="A4167" s="1" t="s">
        <v>16191</v>
      </c>
      <c r="B4167" s="1" t="s">
        <v>15198</v>
      </c>
      <c r="C4167" s="1" t="s">
        <v>45</v>
      </c>
      <c r="D4167" s="1" t="s">
        <v>16219</v>
      </c>
      <c r="E4167" s="1" t="s">
        <v>16220</v>
      </c>
      <c r="F4167" s="1" t="s">
        <v>16221</v>
      </c>
      <c r="G4167" s="1" t="s">
        <v>16194</v>
      </c>
      <c r="H4167" s="1" t="s">
        <v>16195</v>
      </c>
      <c r="I4167" s="1" t="s">
        <v>15204</v>
      </c>
      <c r="J4167" s="1" t="s">
        <v>16222</v>
      </c>
    </row>
    <row r="4168" spans="1:10" x14ac:dyDescent="0.35">
      <c r="A4168" s="1" t="s">
        <v>16191</v>
      </c>
      <c r="B4168" s="1" t="s">
        <v>15198</v>
      </c>
      <c r="C4168" s="1" t="s">
        <v>50</v>
      </c>
      <c r="D4168" s="1" t="s">
        <v>16223</v>
      </c>
      <c r="E4168" s="1" t="s">
        <v>16224</v>
      </c>
      <c r="F4168" s="1" t="s">
        <v>16225</v>
      </c>
      <c r="G4168" s="1" t="s">
        <v>16194</v>
      </c>
      <c r="H4168" s="1" t="s">
        <v>16195</v>
      </c>
      <c r="I4168" s="1" t="s">
        <v>15204</v>
      </c>
      <c r="J4168" s="1" t="s">
        <v>16226</v>
      </c>
    </row>
    <row r="4169" spans="1:10" x14ac:dyDescent="0.35">
      <c r="A4169" s="1" t="s">
        <v>16191</v>
      </c>
      <c r="B4169" s="1" t="s">
        <v>15198</v>
      </c>
      <c r="C4169" s="1" t="s">
        <v>55</v>
      </c>
      <c r="D4169" s="1" t="s">
        <v>16227</v>
      </c>
      <c r="E4169" s="1" t="s">
        <v>16228</v>
      </c>
      <c r="F4169" s="1" t="s">
        <v>16229</v>
      </c>
      <c r="G4169" s="1" t="s">
        <v>16194</v>
      </c>
      <c r="H4169" s="1" t="s">
        <v>16195</v>
      </c>
      <c r="I4169" s="1" t="s">
        <v>15204</v>
      </c>
      <c r="J4169" s="1" t="s">
        <v>16230</v>
      </c>
    </row>
    <row r="4170" spans="1:10" x14ac:dyDescent="0.35">
      <c r="A4170" s="1" t="s">
        <v>16191</v>
      </c>
      <c r="B4170" s="1" t="s">
        <v>15198</v>
      </c>
      <c r="C4170" s="1" t="s">
        <v>60</v>
      </c>
      <c r="D4170" s="1" t="s">
        <v>16231</v>
      </c>
      <c r="E4170" s="1" t="s">
        <v>16232</v>
      </c>
      <c r="F4170" s="1" t="s">
        <v>16233</v>
      </c>
      <c r="G4170" s="1" t="s">
        <v>16194</v>
      </c>
      <c r="H4170" s="1" t="s">
        <v>16195</v>
      </c>
      <c r="I4170" s="1" t="s">
        <v>15204</v>
      </c>
      <c r="J4170" s="1" t="s">
        <v>16234</v>
      </c>
    </row>
    <row r="4171" spans="1:10" x14ac:dyDescent="0.35">
      <c r="A4171" s="1" t="s">
        <v>16191</v>
      </c>
      <c r="B4171" s="1" t="s">
        <v>15198</v>
      </c>
      <c r="C4171" s="1" t="s">
        <v>65</v>
      </c>
      <c r="D4171" s="1" t="s">
        <v>16235</v>
      </c>
      <c r="E4171" s="1" t="s">
        <v>16236</v>
      </c>
      <c r="F4171" s="1" t="s">
        <v>16237</v>
      </c>
      <c r="G4171" s="1" t="s">
        <v>16194</v>
      </c>
      <c r="H4171" s="1" t="s">
        <v>16195</v>
      </c>
      <c r="I4171" s="1" t="s">
        <v>15204</v>
      </c>
      <c r="J4171" s="1" t="s">
        <v>16238</v>
      </c>
    </row>
    <row r="4172" spans="1:10" x14ac:dyDescent="0.35">
      <c r="A4172" s="1" t="s">
        <v>16191</v>
      </c>
      <c r="B4172" s="1" t="s">
        <v>15198</v>
      </c>
      <c r="C4172" s="1" t="s">
        <v>70</v>
      </c>
      <c r="D4172" s="1" t="s">
        <v>8823</v>
      </c>
      <c r="E4172" s="1" t="s">
        <v>16239</v>
      </c>
      <c r="F4172" s="1" t="s">
        <v>788</v>
      </c>
      <c r="G4172" s="1" t="s">
        <v>16194</v>
      </c>
      <c r="H4172" s="1" t="s">
        <v>16195</v>
      </c>
      <c r="I4172" s="1" t="s">
        <v>15204</v>
      </c>
      <c r="J4172" s="1" t="s">
        <v>16240</v>
      </c>
    </row>
    <row r="4173" spans="1:10" x14ac:dyDescent="0.35">
      <c r="A4173" s="1" t="s">
        <v>16191</v>
      </c>
      <c r="B4173" s="1" t="s">
        <v>15198</v>
      </c>
      <c r="C4173" s="1" t="s">
        <v>75</v>
      </c>
      <c r="D4173" s="1" t="s">
        <v>16241</v>
      </c>
      <c r="E4173" s="1" t="s">
        <v>16242</v>
      </c>
      <c r="F4173" s="1" t="s">
        <v>16243</v>
      </c>
      <c r="G4173" s="1" t="s">
        <v>16194</v>
      </c>
      <c r="H4173" s="1" t="s">
        <v>16195</v>
      </c>
      <c r="I4173" s="1" t="s">
        <v>15204</v>
      </c>
      <c r="J4173" s="1" t="s">
        <v>16244</v>
      </c>
    </row>
    <row r="4174" spans="1:10" x14ac:dyDescent="0.35">
      <c r="A4174" s="1" t="s">
        <v>16191</v>
      </c>
      <c r="B4174" s="1" t="s">
        <v>15198</v>
      </c>
      <c r="C4174" s="1" t="s">
        <v>80</v>
      </c>
      <c r="D4174" s="1" t="s">
        <v>16245</v>
      </c>
      <c r="E4174" s="1" t="s">
        <v>16035</v>
      </c>
      <c r="F4174" s="1" t="s">
        <v>16246</v>
      </c>
      <c r="G4174" s="1" t="s">
        <v>16194</v>
      </c>
      <c r="H4174" s="1" t="s">
        <v>16195</v>
      </c>
      <c r="I4174" s="1" t="s">
        <v>15204</v>
      </c>
      <c r="J4174" s="1" t="s">
        <v>16247</v>
      </c>
    </row>
    <row r="4175" spans="1:10" x14ac:dyDescent="0.35">
      <c r="A4175" s="1" t="s">
        <v>16191</v>
      </c>
      <c r="B4175" s="1" t="s">
        <v>15198</v>
      </c>
      <c r="C4175" s="1" t="s">
        <v>85</v>
      </c>
      <c r="D4175" s="1" t="s">
        <v>16248</v>
      </c>
      <c r="E4175" s="1" t="s">
        <v>16249</v>
      </c>
      <c r="F4175" s="1" t="s">
        <v>16250</v>
      </c>
      <c r="G4175" s="1" t="s">
        <v>16194</v>
      </c>
      <c r="H4175" s="1" t="s">
        <v>16195</v>
      </c>
      <c r="I4175" s="1" t="s">
        <v>15204</v>
      </c>
      <c r="J4175" s="1" t="s">
        <v>16251</v>
      </c>
    </row>
    <row r="4176" spans="1:10" x14ac:dyDescent="0.35">
      <c r="A4176" s="1" t="s">
        <v>16191</v>
      </c>
      <c r="B4176" s="1" t="s">
        <v>15198</v>
      </c>
      <c r="C4176" s="1" t="s">
        <v>90</v>
      </c>
      <c r="D4176" s="1" t="s">
        <v>16252</v>
      </c>
      <c r="E4176" s="1" t="s">
        <v>16253</v>
      </c>
      <c r="F4176" s="1" t="s">
        <v>16254</v>
      </c>
      <c r="G4176" s="1" t="s">
        <v>16194</v>
      </c>
      <c r="H4176" s="1" t="s">
        <v>16195</v>
      </c>
      <c r="I4176" s="1" t="s">
        <v>15204</v>
      </c>
      <c r="J4176" s="1" t="s">
        <v>16255</v>
      </c>
    </row>
    <row r="4177" spans="1:10" x14ac:dyDescent="0.35">
      <c r="A4177" s="1" t="s">
        <v>16191</v>
      </c>
      <c r="B4177" s="1" t="s">
        <v>15198</v>
      </c>
      <c r="C4177" s="1" t="s">
        <v>95</v>
      </c>
      <c r="D4177" s="1" t="s">
        <v>10602</v>
      </c>
      <c r="E4177" s="1" t="s">
        <v>16256</v>
      </c>
      <c r="F4177" s="1" t="s">
        <v>16257</v>
      </c>
      <c r="G4177" s="1" t="s">
        <v>16194</v>
      </c>
      <c r="H4177" s="1" t="s">
        <v>16195</v>
      </c>
      <c r="I4177" s="1" t="s">
        <v>15204</v>
      </c>
      <c r="J4177" s="1" t="s">
        <v>16258</v>
      </c>
    </row>
    <row r="4178" spans="1:10" x14ac:dyDescent="0.35">
      <c r="A4178" s="1" t="s">
        <v>16191</v>
      </c>
      <c r="B4178" s="1" t="s">
        <v>15198</v>
      </c>
      <c r="C4178" s="1" t="s">
        <v>100</v>
      </c>
      <c r="D4178" s="1" t="s">
        <v>16259</v>
      </c>
      <c r="E4178" s="1" t="s">
        <v>16260</v>
      </c>
      <c r="F4178" s="1" t="s">
        <v>16261</v>
      </c>
      <c r="G4178" s="1" t="s">
        <v>16194</v>
      </c>
      <c r="H4178" s="1" t="s">
        <v>16195</v>
      </c>
      <c r="I4178" s="1" t="s">
        <v>15204</v>
      </c>
      <c r="J4178" s="1" t="s">
        <v>16262</v>
      </c>
    </row>
    <row r="4179" spans="1:10" x14ac:dyDescent="0.35">
      <c r="A4179" s="1" t="s">
        <v>16191</v>
      </c>
      <c r="B4179" s="1" t="s">
        <v>15198</v>
      </c>
      <c r="C4179" s="1" t="s">
        <v>105</v>
      </c>
      <c r="D4179" s="1" t="s">
        <v>16263</v>
      </c>
      <c r="E4179" s="1" t="s">
        <v>16264</v>
      </c>
      <c r="F4179" s="1" t="s">
        <v>16265</v>
      </c>
      <c r="G4179" s="1" t="s">
        <v>16194</v>
      </c>
      <c r="H4179" s="1" t="s">
        <v>16195</v>
      </c>
      <c r="I4179" s="1" t="s">
        <v>15204</v>
      </c>
      <c r="J4179" s="1" t="s">
        <v>16266</v>
      </c>
    </row>
    <row r="4180" spans="1:10" x14ac:dyDescent="0.35">
      <c r="A4180" s="1" t="s">
        <v>16191</v>
      </c>
      <c r="B4180" s="1" t="s">
        <v>15198</v>
      </c>
      <c r="C4180" s="1" t="s">
        <v>110</v>
      </c>
      <c r="D4180" s="1" t="s">
        <v>16267</v>
      </c>
      <c r="E4180" s="1" t="s">
        <v>16268</v>
      </c>
      <c r="F4180" s="1" t="s">
        <v>16269</v>
      </c>
      <c r="G4180" s="1" t="s">
        <v>16194</v>
      </c>
      <c r="H4180" s="1" t="s">
        <v>16195</v>
      </c>
      <c r="I4180" s="1" t="s">
        <v>15204</v>
      </c>
      <c r="J4180" s="1" t="s">
        <v>16270</v>
      </c>
    </row>
    <row r="4181" spans="1:10" x14ac:dyDescent="0.35">
      <c r="A4181" s="1" t="s">
        <v>16191</v>
      </c>
      <c r="B4181" s="1" t="s">
        <v>15198</v>
      </c>
      <c r="C4181" s="1" t="s">
        <v>115</v>
      </c>
      <c r="D4181" s="1" t="s">
        <v>16271</v>
      </c>
      <c r="E4181" s="1" t="s">
        <v>16272</v>
      </c>
      <c r="F4181" s="1" t="s">
        <v>16273</v>
      </c>
      <c r="G4181" s="1" t="s">
        <v>16194</v>
      </c>
      <c r="H4181" s="1" t="s">
        <v>16195</v>
      </c>
      <c r="I4181" s="1" t="s">
        <v>15204</v>
      </c>
      <c r="J4181" s="1" t="s">
        <v>16274</v>
      </c>
    </row>
    <row r="4182" spans="1:10" x14ac:dyDescent="0.35">
      <c r="A4182" s="1" t="s">
        <v>16191</v>
      </c>
      <c r="B4182" s="1" t="s">
        <v>15198</v>
      </c>
      <c r="C4182" s="1" t="s">
        <v>120</v>
      </c>
      <c r="D4182" s="1" t="s">
        <v>16275</v>
      </c>
      <c r="E4182" s="1" t="s">
        <v>16276</v>
      </c>
      <c r="F4182" s="1" t="s">
        <v>16277</v>
      </c>
      <c r="G4182" s="1" t="s">
        <v>16194</v>
      </c>
      <c r="H4182" s="1" t="s">
        <v>16195</v>
      </c>
      <c r="I4182" s="1" t="s">
        <v>15204</v>
      </c>
      <c r="J4182" s="1" t="s">
        <v>16278</v>
      </c>
    </row>
    <row r="4183" spans="1:10" x14ac:dyDescent="0.35">
      <c r="A4183" s="1" t="s">
        <v>16191</v>
      </c>
      <c r="B4183" s="1" t="s">
        <v>15198</v>
      </c>
      <c r="C4183" s="1" t="s">
        <v>125</v>
      </c>
      <c r="D4183" s="1" t="s">
        <v>16279</v>
      </c>
      <c r="E4183" s="1" t="s">
        <v>16280</v>
      </c>
      <c r="F4183" s="1" t="s">
        <v>16281</v>
      </c>
      <c r="G4183" s="1" t="s">
        <v>16194</v>
      </c>
      <c r="H4183" s="1" t="s">
        <v>16195</v>
      </c>
      <c r="I4183" s="1" t="s">
        <v>15204</v>
      </c>
      <c r="J4183" s="1" t="s">
        <v>16282</v>
      </c>
    </row>
    <row r="4184" spans="1:10" x14ac:dyDescent="0.35">
      <c r="A4184" s="1" t="s">
        <v>16191</v>
      </c>
      <c r="B4184" s="1" t="s">
        <v>15198</v>
      </c>
      <c r="C4184" s="1" t="s">
        <v>130</v>
      </c>
      <c r="D4184" s="1" t="s">
        <v>16283</v>
      </c>
      <c r="E4184" s="1" t="s">
        <v>16284</v>
      </c>
      <c r="F4184" s="1" t="s">
        <v>16285</v>
      </c>
      <c r="G4184" s="1" t="s">
        <v>16194</v>
      </c>
      <c r="H4184" s="1" t="s">
        <v>16195</v>
      </c>
      <c r="I4184" s="1" t="s">
        <v>15204</v>
      </c>
      <c r="J4184" s="1" t="s">
        <v>16286</v>
      </c>
    </row>
    <row r="4185" spans="1:10" x14ac:dyDescent="0.35">
      <c r="A4185" s="1" t="s">
        <v>16191</v>
      </c>
      <c r="B4185" s="1" t="s">
        <v>15198</v>
      </c>
      <c r="C4185" s="1" t="s">
        <v>135</v>
      </c>
      <c r="D4185" s="1" t="s">
        <v>16287</v>
      </c>
      <c r="E4185" s="1" t="s">
        <v>16260</v>
      </c>
      <c r="F4185" s="1" t="s">
        <v>16288</v>
      </c>
      <c r="G4185" s="1" t="s">
        <v>16194</v>
      </c>
      <c r="H4185" s="1" t="s">
        <v>16195</v>
      </c>
      <c r="I4185" s="1" t="s">
        <v>15204</v>
      </c>
      <c r="J4185" s="1" t="s">
        <v>16289</v>
      </c>
    </row>
    <row r="4186" spans="1:10" x14ac:dyDescent="0.35">
      <c r="A4186" s="1" t="s">
        <v>16191</v>
      </c>
      <c r="B4186" s="1" t="s">
        <v>15198</v>
      </c>
      <c r="C4186" s="1" t="s">
        <v>140</v>
      </c>
      <c r="D4186" s="1" t="s">
        <v>16290</v>
      </c>
      <c r="E4186" s="1" t="s">
        <v>16291</v>
      </c>
      <c r="F4186" s="1" t="s">
        <v>16292</v>
      </c>
      <c r="G4186" s="1" t="s">
        <v>16194</v>
      </c>
      <c r="H4186" s="1" t="s">
        <v>16195</v>
      </c>
      <c r="I4186" s="1" t="s">
        <v>15204</v>
      </c>
      <c r="J4186" s="1" t="s">
        <v>16293</v>
      </c>
    </row>
    <row r="4187" spans="1:10" x14ac:dyDescent="0.35">
      <c r="A4187" s="1" t="s">
        <v>16191</v>
      </c>
      <c r="B4187" s="1" t="s">
        <v>15198</v>
      </c>
      <c r="C4187" s="1" t="s">
        <v>145</v>
      </c>
      <c r="D4187" s="1" t="s">
        <v>13315</v>
      </c>
      <c r="E4187" s="1" t="s">
        <v>16294</v>
      </c>
      <c r="F4187" s="1" t="s">
        <v>16295</v>
      </c>
      <c r="G4187" s="1" t="s">
        <v>16194</v>
      </c>
      <c r="H4187" s="1" t="s">
        <v>16195</v>
      </c>
      <c r="I4187" s="1" t="s">
        <v>15204</v>
      </c>
      <c r="J4187" s="1" t="s">
        <v>16296</v>
      </c>
    </row>
    <row r="4188" spans="1:10" x14ac:dyDescent="0.35">
      <c r="A4188" s="1" t="s">
        <v>16191</v>
      </c>
      <c r="B4188" s="1" t="s">
        <v>15198</v>
      </c>
      <c r="C4188" s="1" t="s">
        <v>150</v>
      </c>
      <c r="D4188" s="1" t="s">
        <v>16297</v>
      </c>
      <c r="E4188" s="1" t="s">
        <v>16298</v>
      </c>
      <c r="F4188" s="1" t="s">
        <v>16299</v>
      </c>
      <c r="G4188" s="1" t="s">
        <v>16194</v>
      </c>
      <c r="H4188" s="1" t="s">
        <v>16195</v>
      </c>
      <c r="I4188" s="1" t="s">
        <v>15204</v>
      </c>
      <c r="J4188" s="1" t="s">
        <v>16300</v>
      </c>
    </row>
    <row r="4189" spans="1:10" x14ac:dyDescent="0.35">
      <c r="A4189" s="1" t="s">
        <v>16191</v>
      </c>
      <c r="B4189" s="1" t="s">
        <v>15198</v>
      </c>
      <c r="C4189" s="1" t="s">
        <v>155</v>
      </c>
      <c r="D4189" s="1" t="s">
        <v>16301</v>
      </c>
      <c r="E4189" s="1" t="s">
        <v>16302</v>
      </c>
      <c r="F4189" s="1" t="s">
        <v>11797</v>
      </c>
      <c r="G4189" s="1" t="s">
        <v>16194</v>
      </c>
      <c r="H4189" s="1" t="s">
        <v>16195</v>
      </c>
      <c r="I4189" s="1" t="s">
        <v>15204</v>
      </c>
      <c r="J4189" s="1" t="s">
        <v>16303</v>
      </c>
    </row>
    <row r="4190" spans="1:10" x14ac:dyDescent="0.35">
      <c r="A4190" s="1" t="s">
        <v>16191</v>
      </c>
      <c r="B4190" s="1" t="s">
        <v>15198</v>
      </c>
      <c r="C4190" s="1" t="s">
        <v>160</v>
      </c>
      <c r="D4190" s="1" t="s">
        <v>16304</v>
      </c>
      <c r="E4190" s="1" t="s">
        <v>16305</v>
      </c>
      <c r="F4190" s="1" t="s">
        <v>16306</v>
      </c>
      <c r="G4190" s="1" t="s">
        <v>16194</v>
      </c>
      <c r="H4190" s="1" t="s">
        <v>16195</v>
      </c>
      <c r="I4190" s="1" t="s">
        <v>15204</v>
      </c>
      <c r="J4190" s="1" t="s">
        <v>16307</v>
      </c>
    </row>
    <row r="4191" spans="1:10" x14ac:dyDescent="0.35">
      <c r="A4191" s="1" t="s">
        <v>16191</v>
      </c>
      <c r="B4191" s="1" t="s">
        <v>15198</v>
      </c>
      <c r="C4191" s="1" t="s">
        <v>165</v>
      </c>
      <c r="D4191" s="1" t="s">
        <v>16308</v>
      </c>
      <c r="E4191" s="1" t="s">
        <v>16309</v>
      </c>
      <c r="F4191" s="1" t="s">
        <v>16310</v>
      </c>
      <c r="G4191" s="1" t="s">
        <v>16194</v>
      </c>
      <c r="H4191" s="1" t="s">
        <v>16195</v>
      </c>
      <c r="I4191" s="1" t="s">
        <v>15204</v>
      </c>
      <c r="J4191" s="1" t="s">
        <v>16311</v>
      </c>
    </row>
    <row r="4192" spans="1:10" x14ac:dyDescent="0.35">
      <c r="A4192" s="1" t="s">
        <v>16191</v>
      </c>
      <c r="B4192" s="1" t="s">
        <v>15198</v>
      </c>
      <c r="C4192" s="1" t="s">
        <v>170</v>
      </c>
      <c r="D4192" s="1" t="s">
        <v>16312</v>
      </c>
      <c r="E4192" s="1" t="s">
        <v>16313</v>
      </c>
      <c r="F4192" s="1" t="s">
        <v>16314</v>
      </c>
      <c r="G4192" s="1" t="s">
        <v>16194</v>
      </c>
      <c r="H4192" s="1" t="s">
        <v>16195</v>
      </c>
      <c r="I4192" s="1" t="s">
        <v>15204</v>
      </c>
      <c r="J4192" s="1" t="s">
        <v>16315</v>
      </c>
    </row>
    <row r="4193" spans="1:10" x14ac:dyDescent="0.35">
      <c r="A4193" s="1" t="s">
        <v>16316</v>
      </c>
      <c r="B4193" s="1" t="s">
        <v>15198</v>
      </c>
      <c r="C4193" s="1" t="s">
        <v>8</v>
      </c>
      <c r="D4193" s="1" t="s">
        <v>6567</v>
      </c>
      <c r="E4193" s="1" t="s">
        <v>16317</v>
      </c>
      <c r="F4193" s="1" t="s">
        <v>16318</v>
      </c>
      <c r="G4193" s="1" t="s">
        <v>16319</v>
      </c>
      <c r="H4193" s="1" t="s">
        <v>16320</v>
      </c>
      <c r="I4193" s="1" t="s">
        <v>15204</v>
      </c>
      <c r="J4193" s="1" t="s">
        <v>13</v>
      </c>
    </row>
    <row r="4194" spans="1:10" x14ac:dyDescent="0.35">
      <c r="A4194" s="1" t="s">
        <v>16316</v>
      </c>
      <c r="B4194" s="1" t="s">
        <v>15198</v>
      </c>
      <c r="C4194" s="1" t="s">
        <v>15</v>
      </c>
      <c r="D4194" s="1" t="s">
        <v>16321</v>
      </c>
      <c r="E4194" s="1" t="s">
        <v>16322</v>
      </c>
      <c r="F4194" s="1" t="s">
        <v>16323</v>
      </c>
      <c r="G4194" s="1" t="s">
        <v>16319</v>
      </c>
      <c r="H4194" s="1" t="s">
        <v>16320</v>
      </c>
      <c r="I4194" s="1" t="s">
        <v>15204</v>
      </c>
      <c r="J4194" s="1" t="s">
        <v>16324</v>
      </c>
    </row>
    <row r="4195" spans="1:10" x14ac:dyDescent="0.35">
      <c r="A4195" s="1" t="s">
        <v>16316</v>
      </c>
      <c r="B4195" s="1" t="s">
        <v>15198</v>
      </c>
      <c r="C4195" s="1" t="s">
        <v>20</v>
      </c>
      <c r="D4195" s="1" t="s">
        <v>7575</v>
      </c>
      <c r="E4195" s="1" t="s">
        <v>16325</v>
      </c>
      <c r="F4195" s="1" t="s">
        <v>16326</v>
      </c>
      <c r="G4195" s="1" t="s">
        <v>16319</v>
      </c>
      <c r="H4195" s="1" t="s">
        <v>16320</v>
      </c>
      <c r="I4195" s="1" t="s">
        <v>15204</v>
      </c>
      <c r="J4195" s="1" t="s">
        <v>16327</v>
      </c>
    </row>
    <row r="4196" spans="1:10" x14ac:dyDescent="0.35">
      <c r="A4196" s="1" t="s">
        <v>16316</v>
      </c>
      <c r="B4196" s="1" t="s">
        <v>15198</v>
      </c>
      <c r="C4196" s="1" t="s">
        <v>25</v>
      </c>
      <c r="D4196" s="1" t="s">
        <v>16328</v>
      </c>
      <c r="E4196" s="1" t="s">
        <v>16329</v>
      </c>
      <c r="F4196" s="1" t="s">
        <v>16330</v>
      </c>
      <c r="G4196" s="1" t="s">
        <v>16319</v>
      </c>
      <c r="H4196" s="1" t="s">
        <v>16320</v>
      </c>
      <c r="I4196" s="1" t="s">
        <v>15204</v>
      </c>
      <c r="J4196" s="1" t="s">
        <v>16331</v>
      </c>
    </row>
    <row r="4197" spans="1:10" x14ac:dyDescent="0.35">
      <c r="A4197" s="1" t="s">
        <v>16316</v>
      </c>
      <c r="B4197" s="1" t="s">
        <v>15198</v>
      </c>
      <c r="C4197" s="1" t="s">
        <v>30</v>
      </c>
      <c r="D4197" s="1" t="s">
        <v>16332</v>
      </c>
      <c r="E4197" s="1" t="s">
        <v>16333</v>
      </c>
      <c r="F4197" s="1" t="s">
        <v>16334</v>
      </c>
      <c r="G4197" s="1" t="s">
        <v>16319</v>
      </c>
      <c r="H4197" s="1" t="s">
        <v>16320</v>
      </c>
      <c r="I4197" s="1" t="s">
        <v>15204</v>
      </c>
      <c r="J4197" s="1" t="s">
        <v>16335</v>
      </c>
    </row>
    <row r="4198" spans="1:10" x14ac:dyDescent="0.35">
      <c r="A4198" s="1" t="s">
        <v>16316</v>
      </c>
      <c r="B4198" s="1" t="s">
        <v>15198</v>
      </c>
      <c r="C4198" s="1" t="s">
        <v>35</v>
      </c>
      <c r="D4198" s="1" t="s">
        <v>16336</v>
      </c>
      <c r="E4198" s="1" t="s">
        <v>16337</v>
      </c>
      <c r="F4198" s="1" t="s">
        <v>16338</v>
      </c>
      <c r="G4198" s="1" t="s">
        <v>16319</v>
      </c>
      <c r="H4198" s="1" t="s">
        <v>16320</v>
      </c>
      <c r="I4198" s="1" t="s">
        <v>15204</v>
      </c>
      <c r="J4198" s="1" t="s">
        <v>16339</v>
      </c>
    </row>
    <row r="4199" spans="1:10" x14ac:dyDescent="0.35">
      <c r="A4199" s="1" t="s">
        <v>16316</v>
      </c>
      <c r="B4199" s="1" t="s">
        <v>15198</v>
      </c>
      <c r="C4199" s="1" t="s">
        <v>40</v>
      </c>
      <c r="D4199" s="1" t="s">
        <v>16340</v>
      </c>
      <c r="E4199" s="1" t="s">
        <v>16341</v>
      </c>
      <c r="F4199" s="1" t="s">
        <v>16342</v>
      </c>
      <c r="G4199" s="1" t="s">
        <v>16319</v>
      </c>
      <c r="H4199" s="1" t="s">
        <v>16320</v>
      </c>
      <c r="I4199" s="1" t="s">
        <v>15204</v>
      </c>
      <c r="J4199" s="1" t="s">
        <v>16343</v>
      </c>
    </row>
    <row r="4200" spans="1:10" x14ac:dyDescent="0.35">
      <c r="A4200" s="1" t="s">
        <v>16316</v>
      </c>
      <c r="B4200" s="1" t="s">
        <v>15198</v>
      </c>
      <c r="C4200" s="1" t="s">
        <v>45</v>
      </c>
      <c r="D4200" s="1" t="s">
        <v>16344</v>
      </c>
      <c r="E4200" s="1" t="s">
        <v>16345</v>
      </c>
      <c r="F4200" s="1" t="s">
        <v>16346</v>
      </c>
      <c r="G4200" s="1" t="s">
        <v>16319</v>
      </c>
      <c r="H4200" s="1" t="s">
        <v>16320</v>
      </c>
      <c r="I4200" s="1" t="s">
        <v>15204</v>
      </c>
      <c r="J4200" s="1" t="s">
        <v>16347</v>
      </c>
    </row>
    <row r="4201" spans="1:10" x14ac:dyDescent="0.35">
      <c r="A4201" s="1" t="s">
        <v>16316</v>
      </c>
      <c r="B4201" s="1" t="s">
        <v>15198</v>
      </c>
      <c r="C4201" s="1" t="s">
        <v>50</v>
      </c>
      <c r="D4201" s="1" t="s">
        <v>16348</v>
      </c>
      <c r="E4201" s="1" t="s">
        <v>16349</v>
      </c>
      <c r="F4201" s="1" t="s">
        <v>16350</v>
      </c>
      <c r="G4201" s="1" t="s">
        <v>16319</v>
      </c>
      <c r="H4201" s="1" t="s">
        <v>16320</v>
      </c>
      <c r="I4201" s="1" t="s">
        <v>15204</v>
      </c>
      <c r="J4201" s="1" t="s">
        <v>16351</v>
      </c>
    </row>
    <row r="4202" spans="1:10" x14ac:dyDescent="0.35">
      <c r="A4202" s="1" t="s">
        <v>16316</v>
      </c>
      <c r="B4202" s="1" t="s">
        <v>15198</v>
      </c>
      <c r="C4202" s="1" t="s">
        <v>55</v>
      </c>
      <c r="D4202" s="1" t="s">
        <v>16352</v>
      </c>
      <c r="E4202" s="1" t="s">
        <v>16353</v>
      </c>
      <c r="F4202" s="1" t="s">
        <v>16354</v>
      </c>
      <c r="G4202" s="1" t="s">
        <v>16319</v>
      </c>
      <c r="H4202" s="1" t="s">
        <v>16320</v>
      </c>
      <c r="I4202" s="1" t="s">
        <v>15204</v>
      </c>
      <c r="J4202" s="1" t="s">
        <v>16355</v>
      </c>
    </row>
    <row r="4203" spans="1:10" x14ac:dyDescent="0.35">
      <c r="A4203" s="1" t="s">
        <v>16316</v>
      </c>
      <c r="B4203" s="1" t="s">
        <v>15198</v>
      </c>
      <c r="C4203" s="1" t="s">
        <v>60</v>
      </c>
      <c r="D4203" s="1" t="s">
        <v>16356</v>
      </c>
      <c r="E4203" s="1" t="s">
        <v>16357</v>
      </c>
      <c r="F4203" s="1" t="s">
        <v>16358</v>
      </c>
      <c r="G4203" s="1" t="s">
        <v>16319</v>
      </c>
      <c r="H4203" s="1" t="s">
        <v>16320</v>
      </c>
      <c r="I4203" s="1" t="s">
        <v>15204</v>
      </c>
      <c r="J4203" s="1" t="s">
        <v>16359</v>
      </c>
    </row>
    <row r="4204" spans="1:10" x14ac:dyDescent="0.35">
      <c r="A4204" s="1" t="s">
        <v>16316</v>
      </c>
      <c r="B4204" s="1" t="s">
        <v>15198</v>
      </c>
      <c r="C4204" s="1" t="s">
        <v>65</v>
      </c>
      <c r="D4204" s="1" t="s">
        <v>16360</v>
      </c>
      <c r="E4204" s="1" t="s">
        <v>16361</v>
      </c>
      <c r="F4204" s="1" t="s">
        <v>16362</v>
      </c>
      <c r="G4204" s="1" t="s">
        <v>16319</v>
      </c>
      <c r="H4204" s="1" t="s">
        <v>16320</v>
      </c>
      <c r="I4204" s="1" t="s">
        <v>15204</v>
      </c>
      <c r="J4204" s="1" t="s">
        <v>16363</v>
      </c>
    </row>
    <row r="4205" spans="1:10" x14ac:dyDescent="0.35">
      <c r="A4205" s="1" t="s">
        <v>16316</v>
      </c>
      <c r="B4205" s="1" t="s">
        <v>15198</v>
      </c>
      <c r="C4205" s="1" t="s">
        <v>70</v>
      </c>
      <c r="D4205" s="1" t="s">
        <v>16364</v>
      </c>
      <c r="E4205" s="1" t="s">
        <v>16365</v>
      </c>
      <c r="F4205" s="1" t="s">
        <v>16366</v>
      </c>
      <c r="G4205" s="1" t="s">
        <v>16319</v>
      </c>
      <c r="H4205" s="1" t="s">
        <v>16320</v>
      </c>
      <c r="I4205" s="1" t="s">
        <v>15204</v>
      </c>
      <c r="J4205" s="1" t="s">
        <v>16367</v>
      </c>
    </row>
    <row r="4206" spans="1:10" x14ac:dyDescent="0.35">
      <c r="A4206" s="1" t="s">
        <v>16316</v>
      </c>
      <c r="B4206" s="1" t="s">
        <v>15198</v>
      </c>
      <c r="C4206" s="1" t="s">
        <v>75</v>
      </c>
      <c r="D4206" s="1" t="s">
        <v>16368</v>
      </c>
      <c r="E4206" s="1" t="s">
        <v>16369</v>
      </c>
      <c r="F4206" s="1" t="s">
        <v>16370</v>
      </c>
      <c r="G4206" s="1" t="s">
        <v>16319</v>
      </c>
      <c r="H4206" s="1" t="s">
        <v>16320</v>
      </c>
      <c r="I4206" s="1" t="s">
        <v>15204</v>
      </c>
      <c r="J4206" s="1" t="s">
        <v>16371</v>
      </c>
    </row>
    <row r="4207" spans="1:10" x14ac:dyDescent="0.35">
      <c r="A4207" s="1" t="s">
        <v>16316</v>
      </c>
      <c r="B4207" s="1" t="s">
        <v>15198</v>
      </c>
      <c r="C4207" s="1" t="s">
        <v>80</v>
      </c>
      <c r="D4207" s="1" t="s">
        <v>16372</v>
      </c>
      <c r="E4207" s="1" t="s">
        <v>16373</v>
      </c>
      <c r="F4207" s="1" t="s">
        <v>16374</v>
      </c>
      <c r="G4207" s="1" t="s">
        <v>16319</v>
      </c>
      <c r="H4207" s="1" t="s">
        <v>16320</v>
      </c>
      <c r="I4207" s="1" t="s">
        <v>15204</v>
      </c>
      <c r="J4207" s="1" t="s">
        <v>16375</v>
      </c>
    </row>
    <row r="4208" spans="1:10" x14ac:dyDescent="0.35">
      <c r="A4208" s="1" t="s">
        <v>16316</v>
      </c>
      <c r="B4208" s="1" t="s">
        <v>15198</v>
      </c>
      <c r="C4208" s="1" t="s">
        <v>85</v>
      </c>
      <c r="D4208" s="1" t="s">
        <v>16376</v>
      </c>
      <c r="E4208" s="1" t="s">
        <v>16377</v>
      </c>
      <c r="F4208" s="1" t="s">
        <v>16378</v>
      </c>
      <c r="G4208" s="1" t="s">
        <v>16319</v>
      </c>
      <c r="H4208" s="1" t="s">
        <v>16320</v>
      </c>
      <c r="I4208" s="1" t="s">
        <v>15204</v>
      </c>
      <c r="J4208" s="1" t="s">
        <v>16379</v>
      </c>
    </row>
    <row r="4209" spans="1:10" x14ac:dyDescent="0.35">
      <c r="A4209" s="1" t="s">
        <v>16316</v>
      </c>
      <c r="B4209" s="1" t="s">
        <v>15198</v>
      </c>
      <c r="C4209" s="1" t="s">
        <v>90</v>
      </c>
      <c r="D4209" s="1" t="s">
        <v>16380</v>
      </c>
      <c r="E4209" s="1" t="s">
        <v>16381</v>
      </c>
      <c r="F4209" s="1" t="s">
        <v>16382</v>
      </c>
      <c r="G4209" s="1" t="s">
        <v>16319</v>
      </c>
      <c r="H4209" s="1" t="s">
        <v>16320</v>
      </c>
      <c r="I4209" s="1" t="s">
        <v>15204</v>
      </c>
      <c r="J4209" s="1" t="s">
        <v>16383</v>
      </c>
    </row>
    <row r="4210" spans="1:10" x14ac:dyDescent="0.35">
      <c r="A4210" s="1" t="s">
        <v>16316</v>
      </c>
      <c r="B4210" s="1" t="s">
        <v>15198</v>
      </c>
      <c r="C4210" s="1" t="s">
        <v>95</v>
      </c>
      <c r="D4210" s="1" t="s">
        <v>16384</v>
      </c>
      <c r="E4210" s="1" t="s">
        <v>16385</v>
      </c>
      <c r="F4210" s="1" t="s">
        <v>16386</v>
      </c>
      <c r="G4210" s="1" t="s">
        <v>16319</v>
      </c>
      <c r="H4210" s="1" t="s">
        <v>16320</v>
      </c>
      <c r="I4210" s="1" t="s">
        <v>15204</v>
      </c>
      <c r="J4210" s="1" t="s">
        <v>16387</v>
      </c>
    </row>
    <row r="4211" spans="1:10" x14ac:dyDescent="0.35">
      <c r="A4211" s="1" t="s">
        <v>16316</v>
      </c>
      <c r="B4211" s="1" t="s">
        <v>15198</v>
      </c>
      <c r="C4211" s="1" t="s">
        <v>100</v>
      </c>
      <c r="D4211" s="1" t="s">
        <v>16388</v>
      </c>
      <c r="E4211" s="1" t="s">
        <v>16389</v>
      </c>
      <c r="F4211" s="1" t="s">
        <v>16390</v>
      </c>
      <c r="G4211" s="1" t="s">
        <v>16319</v>
      </c>
      <c r="H4211" s="1" t="s">
        <v>16320</v>
      </c>
      <c r="I4211" s="1" t="s">
        <v>15204</v>
      </c>
      <c r="J4211" s="1" t="s">
        <v>16391</v>
      </c>
    </row>
    <row r="4212" spans="1:10" x14ac:dyDescent="0.35">
      <c r="A4212" s="1" t="s">
        <v>16316</v>
      </c>
      <c r="B4212" s="1" t="s">
        <v>15198</v>
      </c>
      <c r="C4212" s="1" t="s">
        <v>105</v>
      </c>
      <c r="D4212" s="1" t="s">
        <v>16392</v>
      </c>
      <c r="E4212" s="1" t="s">
        <v>16393</v>
      </c>
      <c r="F4212" s="1" t="s">
        <v>16394</v>
      </c>
      <c r="G4212" s="1" t="s">
        <v>16319</v>
      </c>
      <c r="H4212" s="1" t="s">
        <v>16320</v>
      </c>
      <c r="I4212" s="1" t="s">
        <v>15204</v>
      </c>
      <c r="J4212" s="1" t="s">
        <v>16395</v>
      </c>
    </row>
    <row r="4213" spans="1:10" x14ac:dyDescent="0.35">
      <c r="A4213" s="1" t="s">
        <v>16316</v>
      </c>
      <c r="B4213" s="1" t="s">
        <v>15198</v>
      </c>
      <c r="C4213" s="1" t="s">
        <v>110</v>
      </c>
      <c r="D4213" s="1" t="s">
        <v>16396</v>
      </c>
      <c r="E4213" s="1" t="s">
        <v>16397</v>
      </c>
      <c r="F4213" s="1" t="s">
        <v>16398</v>
      </c>
      <c r="G4213" s="1" t="s">
        <v>16319</v>
      </c>
      <c r="H4213" s="1" t="s">
        <v>16320</v>
      </c>
      <c r="I4213" s="1" t="s">
        <v>15204</v>
      </c>
      <c r="J4213" s="1" t="s">
        <v>16399</v>
      </c>
    </row>
    <row r="4214" spans="1:10" x14ac:dyDescent="0.35">
      <c r="A4214" s="1" t="s">
        <v>16316</v>
      </c>
      <c r="B4214" s="1" t="s">
        <v>15198</v>
      </c>
      <c r="C4214" s="1" t="s">
        <v>115</v>
      </c>
      <c r="D4214" s="1" t="s">
        <v>16400</v>
      </c>
      <c r="E4214" s="1" t="s">
        <v>16401</v>
      </c>
      <c r="F4214" s="1" t="s">
        <v>16402</v>
      </c>
      <c r="G4214" s="1" t="s">
        <v>16319</v>
      </c>
      <c r="H4214" s="1" t="s">
        <v>16320</v>
      </c>
      <c r="I4214" s="1" t="s">
        <v>15204</v>
      </c>
      <c r="J4214" s="1" t="s">
        <v>16403</v>
      </c>
    </row>
    <row r="4215" spans="1:10" x14ac:dyDescent="0.35">
      <c r="A4215" s="1" t="s">
        <v>16316</v>
      </c>
      <c r="B4215" s="1" t="s">
        <v>15198</v>
      </c>
      <c r="C4215" s="1" t="s">
        <v>120</v>
      </c>
      <c r="D4215" s="1" t="s">
        <v>16404</v>
      </c>
      <c r="E4215" s="1" t="s">
        <v>16405</v>
      </c>
      <c r="F4215" s="1" t="s">
        <v>16406</v>
      </c>
      <c r="G4215" s="1" t="s">
        <v>16319</v>
      </c>
      <c r="H4215" s="1" t="s">
        <v>16320</v>
      </c>
      <c r="I4215" s="1" t="s">
        <v>15204</v>
      </c>
      <c r="J4215" s="1" t="s">
        <v>16407</v>
      </c>
    </row>
    <row r="4216" spans="1:10" x14ac:dyDescent="0.35">
      <c r="A4216" s="1" t="s">
        <v>16316</v>
      </c>
      <c r="B4216" s="1" t="s">
        <v>15198</v>
      </c>
      <c r="C4216" s="1" t="s">
        <v>125</v>
      </c>
      <c r="D4216" s="1" t="s">
        <v>16408</v>
      </c>
      <c r="E4216" s="1" t="s">
        <v>16409</v>
      </c>
      <c r="F4216" s="1" t="s">
        <v>16410</v>
      </c>
      <c r="G4216" s="1" t="s">
        <v>16319</v>
      </c>
      <c r="H4216" s="1" t="s">
        <v>16320</v>
      </c>
      <c r="I4216" s="1" t="s">
        <v>15204</v>
      </c>
      <c r="J4216" s="1" t="s">
        <v>16411</v>
      </c>
    </row>
    <row r="4217" spans="1:10" x14ac:dyDescent="0.35">
      <c r="A4217" s="1" t="s">
        <v>16316</v>
      </c>
      <c r="B4217" s="1" t="s">
        <v>15198</v>
      </c>
      <c r="C4217" s="1" t="s">
        <v>130</v>
      </c>
      <c r="D4217" s="1" t="s">
        <v>16412</v>
      </c>
      <c r="E4217" s="1" t="s">
        <v>16413</v>
      </c>
      <c r="F4217" s="1" t="s">
        <v>16414</v>
      </c>
      <c r="G4217" s="1" t="s">
        <v>16319</v>
      </c>
      <c r="H4217" s="1" t="s">
        <v>16320</v>
      </c>
      <c r="I4217" s="1" t="s">
        <v>15204</v>
      </c>
      <c r="J4217" s="1" t="s">
        <v>16415</v>
      </c>
    </row>
    <row r="4218" spans="1:10" x14ac:dyDescent="0.35">
      <c r="A4218" s="1" t="s">
        <v>16316</v>
      </c>
      <c r="B4218" s="1" t="s">
        <v>15198</v>
      </c>
      <c r="C4218" s="1" t="s">
        <v>135</v>
      </c>
      <c r="D4218" s="1" t="s">
        <v>16416</v>
      </c>
      <c r="E4218" s="1" t="s">
        <v>16417</v>
      </c>
      <c r="F4218" s="1" t="s">
        <v>16418</v>
      </c>
      <c r="G4218" s="1" t="s">
        <v>16319</v>
      </c>
      <c r="H4218" s="1" t="s">
        <v>16320</v>
      </c>
      <c r="I4218" s="1" t="s">
        <v>15204</v>
      </c>
      <c r="J4218" s="1" t="s">
        <v>16419</v>
      </c>
    </row>
    <row r="4219" spans="1:10" x14ac:dyDescent="0.35">
      <c r="A4219" s="1" t="s">
        <v>16316</v>
      </c>
      <c r="B4219" s="1" t="s">
        <v>15198</v>
      </c>
      <c r="C4219" s="1" t="s">
        <v>140</v>
      </c>
      <c r="D4219" s="1" t="s">
        <v>16420</v>
      </c>
      <c r="E4219" s="1" t="s">
        <v>16421</v>
      </c>
      <c r="F4219" s="1" t="s">
        <v>16422</v>
      </c>
      <c r="G4219" s="1" t="s">
        <v>16319</v>
      </c>
      <c r="H4219" s="1" t="s">
        <v>16320</v>
      </c>
      <c r="I4219" s="1" t="s">
        <v>15204</v>
      </c>
      <c r="J4219" s="1" t="s">
        <v>16423</v>
      </c>
    </row>
    <row r="4220" spans="1:10" x14ac:dyDescent="0.35">
      <c r="A4220" s="1" t="s">
        <v>16316</v>
      </c>
      <c r="B4220" s="1" t="s">
        <v>15198</v>
      </c>
      <c r="C4220" s="1" t="s">
        <v>145</v>
      </c>
      <c r="D4220" s="1" t="s">
        <v>16424</v>
      </c>
      <c r="E4220" s="1" t="s">
        <v>16425</v>
      </c>
      <c r="F4220" s="1" t="s">
        <v>16426</v>
      </c>
      <c r="G4220" s="1" t="s">
        <v>16319</v>
      </c>
      <c r="H4220" s="1" t="s">
        <v>16320</v>
      </c>
      <c r="I4220" s="1" t="s">
        <v>15204</v>
      </c>
      <c r="J4220" s="1" t="s">
        <v>16427</v>
      </c>
    </row>
    <row r="4221" spans="1:10" x14ac:dyDescent="0.35">
      <c r="A4221" s="1" t="s">
        <v>16316</v>
      </c>
      <c r="B4221" s="1" t="s">
        <v>15198</v>
      </c>
      <c r="C4221" s="1" t="s">
        <v>150</v>
      </c>
      <c r="D4221" s="1" t="s">
        <v>16428</v>
      </c>
      <c r="E4221" s="1" t="s">
        <v>16429</v>
      </c>
      <c r="F4221" s="1" t="s">
        <v>16430</v>
      </c>
      <c r="G4221" s="1" t="s">
        <v>16319</v>
      </c>
      <c r="H4221" s="1" t="s">
        <v>16320</v>
      </c>
      <c r="I4221" s="1" t="s">
        <v>15204</v>
      </c>
      <c r="J4221" s="1" t="s">
        <v>16431</v>
      </c>
    </row>
    <row r="4222" spans="1:10" x14ac:dyDescent="0.35">
      <c r="A4222" s="1" t="s">
        <v>16316</v>
      </c>
      <c r="B4222" s="1" t="s">
        <v>15198</v>
      </c>
      <c r="C4222" s="1" t="s">
        <v>155</v>
      </c>
      <c r="D4222" s="1" t="s">
        <v>16432</v>
      </c>
      <c r="E4222" s="1" t="s">
        <v>16433</v>
      </c>
      <c r="F4222" s="1" t="s">
        <v>16434</v>
      </c>
      <c r="G4222" s="1" t="s">
        <v>16319</v>
      </c>
      <c r="H4222" s="1" t="s">
        <v>16320</v>
      </c>
      <c r="I4222" s="1" t="s">
        <v>15204</v>
      </c>
      <c r="J4222" s="1" t="s">
        <v>16435</v>
      </c>
    </row>
    <row r="4223" spans="1:10" x14ac:dyDescent="0.35">
      <c r="A4223" s="1" t="s">
        <v>16316</v>
      </c>
      <c r="B4223" s="1" t="s">
        <v>15198</v>
      </c>
      <c r="C4223" s="1" t="s">
        <v>160</v>
      </c>
      <c r="D4223" s="1" t="s">
        <v>16436</v>
      </c>
      <c r="E4223" s="1" t="s">
        <v>16437</v>
      </c>
      <c r="F4223" s="1" t="s">
        <v>16438</v>
      </c>
      <c r="G4223" s="1" t="s">
        <v>16319</v>
      </c>
      <c r="H4223" s="1" t="s">
        <v>16320</v>
      </c>
      <c r="I4223" s="1" t="s">
        <v>15204</v>
      </c>
      <c r="J4223" s="1" t="s">
        <v>16439</v>
      </c>
    </row>
    <row r="4224" spans="1:10" x14ac:dyDescent="0.35">
      <c r="A4224" s="1" t="s">
        <v>16316</v>
      </c>
      <c r="B4224" s="1" t="s">
        <v>15198</v>
      </c>
      <c r="C4224" s="1" t="s">
        <v>165</v>
      </c>
      <c r="D4224" s="1" t="s">
        <v>16440</v>
      </c>
      <c r="E4224" s="1" t="s">
        <v>16441</v>
      </c>
      <c r="F4224" s="1" t="s">
        <v>16442</v>
      </c>
      <c r="G4224" s="1" t="s">
        <v>16319</v>
      </c>
      <c r="H4224" s="1" t="s">
        <v>16320</v>
      </c>
      <c r="I4224" s="1" t="s">
        <v>15204</v>
      </c>
      <c r="J4224" s="1" t="s">
        <v>16443</v>
      </c>
    </row>
    <row r="4225" spans="1:10" x14ac:dyDescent="0.35">
      <c r="A4225" s="1" t="s">
        <v>16316</v>
      </c>
      <c r="B4225" s="1" t="s">
        <v>15198</v>
      </c>
      <c r="C4225" s="1" t="s">
        <v>170</v>
      </c>
      <c r="D4225" s="1" t="s">
        <v>16444</v>
      </c>
      <c r="E4225" s="1" t="s">
        <v>16445</v>
      </c>
      <c r="F4225" s="1" t="s">
        <v>16446</v>
      </c>
      <c r="G4225" s="1" t="s">
        <v>16319</v>
      </c>
      <c r="H4225" s="1" t="s">
        <v>16320</v>
      </c>
      <c r="I4225" s="1" t="s">
        <v>15204</v>
      </c>
      <c r="J4225" s="1" t="s">
        <v>16447</v>
      </c>
    </row>
    <row r="4226" spans="1:10" x14ac:dyDescent="0.35">
      <c r="A4226" s="1" t="s">
        <v>16448</v>
      </c>
      <c r="B4226" s="1" t="s">
        <v>16449</v>
      </c>
      <c r="C4226" s="1" t="s">
        <v>8</v>
      </c>
      <c r="D4226" s="1" t="s">
        <v>16450</v>
      </c>
      <c r="E4226" s="1" t="s">
        <v>16451</v>
      </c>
      <c r="F4226" s="1" t="s">
        <v>16452</v>
      </c>
      <c r="G4226" s="1" t="s">
        <v>16453</v>
      </c>
      <c r="H4226" s="1" t="s">
        <v>16454</v>
      </c>
      <c r="I4226" s="1" t="s">
        <v>16455</v>
      </c>
      <c r="J4226" s="1" t="s">
        <v>13</v>
      </c>
    </row>
    <row r="4227" spans="1:10" x14ac:dyDescent="0.35">
      <c r="A4227" s="1" t="s">
        <v>16448</v>
      </c>
      <c r="B4227" s="1" t="s">
        <v>16449</v>
      </c>
      <c r="C4227" s="1" t="s">
        <v>15</v>
      </c>
      <c r="D4227" s="1" t="s">
        <v>16456</v>
      </c>
      <c r="E4227" s="1" t="s">
        <v>16457</v>
      </c>
      <c r="F4227" s="1" t="s">
        <v>16458</v>
      </c>
      <c r="G4227" s="1" t="s">
        <v>16453</v>
      </c>
      <c r="H4227" s="1" t="s">
        <v>16454</v>
      </c>
      <c r="I4227" s="1" t="s">
        <v>16455</v>
      </c>
      <c r="J4227" s="1" t="s">
        <v>16459</v>
      </c>
    </row>
    <row r="4228" spans="1:10" x14ac:dyDescent="0.35">
      <c r="A4228" s="1" t="s">
        <v>16448</v>
      </c>
      <c r="B4228" s="1" t="s">
        <v>16449</v>
      </c>
      <c r="C4228" s="1" t="s">
        <v>20</v>
      </c>
      <c r="D4228" s="1" t="s">
        <v>16460</v>
      </c>
      <c r="E4228" s="1" t="s">
        <v>16461</v>
      </c>
      <c r="F4228" s="1" t="s">
        <v>16462</v>
      </c>
      <c r="G4228" s="1" t="s">
        <v>16453</v>
      </c>
      <c r="H4228" s="1" t="s">
        <v>16454</v>
      </c>
      <c r="I4228" s="1" t="s">
        <v>16455</v>
      </c>
      <c r="J4228" s="1" t="s">
        <v>16463</v>
      </c>
    </row>
    <row r="4229" spans="1:10" x14ac:dyDescent="0.35">
      <c r="A4229" s="1" t="s">
        <v>16448</v>
      </c>
      <c r="B4229" s="1" t="s">
        <v>16449</v>
      </c>
      <c r="C4229" s="1" t="s">
        <v>25</v>
      </c>
      <c r="D4229" s="1" t="s">
        <v>16464</v>
      </c>
      <c r="E4229" s="1" t="s">
        <v>16465</v>
      </c>
      <c r="F4229" s="1" t="s">
        <v>16466</v>
      </c>
      <c r="G4229" s="1" t="s">
        <v>16453</v>
      </c>
      <c r="H4229" s="1" t="s">
        <v>16454</v>
      </c>
      <c r="I4229" s="1" t="s">
        <v>16455</v>
      </c>
      <c r="J4229" s="1" t="s">
        <v>16467</v>
      </c>
    </row>
    <row r="4230" spans="1:10" x14ac:dyDescent="0.35">
      <c r="A4230" s="1" t="s">
        <v>16448</v>
      </c>
      <c r="B4230" s="1" t="s">
        <v>16449</v>
      </c>
      <c r="C4230" s="1" t="s">
        <v>30</v>
      </c>
      <c r="D4230" s="1" t="s">
        <v>16468</v>
      </c>
      <c r="E4230" s="1" t="s">
        <v>16469</v>
      </c>
      <c r="F4230" s="1" t="s">
        <v>16470</v>
      </c>
      <c r="G4230" s="1" t="s">
        <v>16453</v>
      </c>
      <c r="H4230" s="1" t="s">
        <v>16454</v>
      </c>
      <c r="I4230" s="1" t="s">
        <v>16455</v>
      </c>
      <c r="J4230" s="1" t="s">
        <v>16471</v>
      </c>
    </row>
    <row r="4231" spans="1:10" x14ac:dyDescent="0.35">
      <c r="A4231" s="1" t="s">
        <v>16448</v>
      </c>
      <c r="B4231" s="1" t="s">
        <v>16449</v>
      </c>
      <c r="C4231" s="1" t="s">
        <v>35</v>
      </c>
      <c r="D4231" s="1" t="s">
        <v>16472</v>
      </c>
      <c r="E4231" s="1" t="s">
        <v>16473</v>
      </c>
      <c r="F4231" s="1" t="s">
        <v>16474</v>
      </c>
      <c r="G4231" s="1" t="s">
        <v>16453</v>
      </c>
      <c r="H4231" s="1" t="s">
        <v>16454</v>
      </c>
      <c r="I4231" s="1" t="s">
        <v>16455</v>
      </c>
      <c r="J4231" s="1" t="s">
        <v>16475</v>
      </c>
    </row>
    <row r="4232" spans="1:10" x14ac:dyDescent="0.35">
      <c r="A4232" s="1" t="s">
        <v>16448</v>
      </c>
      <c r="B4232" s="1" t="s">
        <v>16449</v>
      </c>
      <c r="C4232" s="1" t="s">
        <v>40</v>
      </c>
      <c r="D4232" s="1" t="s">
        <v>16476</v>
      </c>
      <c r="E4232" s="1" t="s">
        <v>16477</v>
      </c>
      <c r="F4232" s="1" t="s">
        <v>16478</v>
      </c>
      <c r="G4232" s="1" t="s">
        <v>16453</v>
      </c>
      <c r="H4232" s="1" t="s">
        <v>16454</v>
      </c>
      <c r="I4232" s="1" t="s">
        <v>16455</v>
      </c>
      <c r="J4232" s="1" t="s">
        <v>16479</v>
      </c>
    </row>
    <row r="4233" spans="1:10" x14ac:dyDescent="0.35">
      <c r="A4233" s="1" t="s">
        <v>16448</v>
      </c>
      <c r="B4233" s="1" t="s">
        <v>16449</v>
      </c>
      <c r="C4233" s="1" t="s">
        <v>45</v>
      </c>
      <c r="D4233" s="1" t="s">
        <v>16480</v>
      </c>
      <c r="E4233" s="1" t="s">
        <v>16481</v>
      </c>
      <c r="F4233" s="1" t="s">
        <v>16482</v>
      </c>
      <c r="G4233" s="1" t="s">
        <v>16453</v>
      </c>
      <c r="H4233" s="1" t="s">
        <v>16454</v>
      </c>
      <c r="I4233" s="1" t="s">
        <v>16455</v>
      </c>
      <c r="J4233" s="1" t="s">
        <v>16483</v>
      </c>
    </row>
    <row r="4234" spans="1:10" x14ac:dyDescent="0.35">
      <c r="A4234" s="1" t="s">
        <v>16448</v>
      </c>
      <c r="B4234" s="1" t="s">
        <v>16449</v>
      </c>
      <c r="C4234" s="1" t="s">
        <v>50</v>
      </c>
      <c r="D4234" s="1" t="s">
        <v>16484</v>
      </c>
      <c r="E4234" s="1" t="s">
        <v>16485</v>
      </c>
      <c r="F4234" s="1" t="s">
        <v>16486</v>
      </c>
      <c r="G4234" s="1" t="s">
        <v>16453</v>
      </c>
      <c r="H4234" s="1" t="s">
        <v>16454</v>
      </c>
      <c r="I4234" s="1" t="s">
        <v>16455</v>
      </c>
      <c r="J4234" s="1" t="s">
        <v>16487</v>
      </c>
    </row>
    <row r="4235" spans="1:10" x14ac:dyDescent="0.35">
      <c r="A4235" s="1" t="s">
        <v>16448</v>
      </c>
      <c r="B4235" s="1" t="s">
        <v>16449</v>
      </c>
      <c r="C4235" s="1" t="s">
        <v>55</v>
      </c>
      <c r="D4235" s="1" t="s">
        <v>16488</v>
      </c>
      <c r="E4235" s="1" t="s">
        <v>16489</v>
      </c>
      <c r="F4235" s="1" t="s">
        <v>16490</v>
      </c>
      <c r="G4235" s="1" t="s">
        <v>16453</v>
      </c>
      <c r="H4235" s="1" t="s">
        <v>16454</v>
      </c>
      <c r="I4235" s="1" t="s">
        <v>16455</v>
      </c>
      <c r="J4235" s="1" t="s">
        <v>16491</v>
      </c>
    </row>
    <row r="4236" spans="1:10" x14ac:dyDescent="0.35">
      <c r="A4236" s="1" t="s">
        <v>16448</v>
      </c>
      <c r="B4236" s="1" t="s">
        <v>16449</v>
      </c>
      <c r="C4236" s="1" t="s">
        <v>60</v>
      </c>
      <c r="D4236" s="1" t="s">
        <v>16492</v>
      </c>
      <c r="E4236" s="1" t="s">
        <v>16493</v>
      </c>
      <c r="F4236" s="1" t="s">
        <v>16494</v>
      </c>
      <c r="G4236" s="1" t="s">
        <v>16453</v>
      </c>
      <c r="H4236" s="1" t="s">
        <v>16454</v>
      </c>
      <c r="I4236" s="1" t="s">
        <v>16455</v>
      </c>
      <c r="J4236" s="1" t="s">
        <v>16495</v>
      </c>
    </row>
    <row r="4237" spans="1:10" x14ac:dyDescent="0.35">
      <c r="A4237" s="1" t="s">
        <v>16448</v>
      </c>
      <c r="B4237" s="1" t="s">
        <v>16449</v>
      </c>
      <c r="C4237" s="1" t="s">
        <v>65</v>
      </c>
      <c r="D4237" s="1" t="s">
        <v>16496</v>
      </c>
      <c r="E4237" s="1" t="s">
        <v>16497</v>
      </c>
      <c r="F4237" s="1" t="s">
        <v>16498</v>
      </c>
      <c r="G4237" s="1" t="s">
        <v>16453</v>
      </c>
      <c r="H4237" s="1" t="s">
        <v>16454</v>
      </c>
      <c r="I4237" s="1" t="s">
        <v>16455</v>
      </c>
      <c r="J4237" s="1" t="s">
        <v>16499</v>
      </c>
    </row>
    <row r="4238" spans="1:10" x14ac:dyDescent="0.35">
      <c r="A4238" s="1" t="s">
        <v>16448</v>
      </c>
      <c r="B4238" s="1" t="s">
        <v>16449</v>
      </c>
      <c r="C4238" s="1" t="s">
        <v>70</v>
      </c>
      <c r="D4238" s="1" t="s">
        <v>16500</v>
      </c>
      <c r="E4238" s="1" t="s">
        <v>16501</v>
      </c>
      <c r="F4238" s="1" t="s">
        <v>16502</v>
      </c>
      <c r="G4238" s="1" t="s">
        <v>16453</v>
      </c>
      <c r="H4238" s="1" t="s">
        <v>16454</v>
      </c>
      <c r="I4238" s="1" t="s">
        <v>16455</v>
      </c>
      <c r="J4238" s="1" t="s">
        <v>16503</v>
      </c>
    </row>
    <row r="4239" spans="1:10" x14ac:dyDescent="0.35">
      <c r="A4239" s="1" t="s">
        <v>16448</v>
      </c>
      <c r="B4239" s="1" t="s">
        <v>16449</v>
      </c>
      <c r="C4239" s="1" t="s">
        <v>75</v>
      </c>
      <c r="D4239" s="1" t="s">
        <v>16504</v>
      </c>
      <c r="E4239" s="1" t="s">
        <v>16505</v>
      </c>
      <c r="F4239" s="1" t="s">
        <v>16506</v>
      </c>
      <c r="G4239" s="1" t="s">
        <v>16453</v>
      </c>
      <c r="H4239" s="1" t="s">
        <v>16454</v>
      </c>
      <c r="I4239" s="1" t="s">
        <v>16455</v>
      </c>
      <c r="J4239" s="1" t="s">
        <v>16507</v>
      </c>
    </row>
    <row r="4240" spans="1:10" x14ac:dyDescent="0.35">
      <c r="A4240" s="1" t="s">
        <v>16448</v>
      </c>
      <c r="B4240" s="1" t="s">
        <v>16449</v>
      </c>
      <c r="C4240" s="1" t="s">
        <v>80</v>
      </c>
      <c r="D4240" s="1" t="s">
        <v>16508</v>
      </c>
      <c r="E4240" s="1" t="s">
        <v>16509</v>
      </c>
      <c r="F4240" s="1" t="s">
        <v>16510</v>
      </c>
      <c r="G4240" s="1" t="s">
        <v>16453</v>
      </c>
      <c r="H4240" s="1" t="s">
        <v>16454</v>
      </c>
      <c r="I4240" s="1" t="s">
        <v>16455</v>
      </c>
      <c r="J4240" s="1" t="s">
        <v>16511</v>
      </c>
    </row>
    <row r="4241" spans="1:10" x14ac:dyDescent="0.35">
      <c r="A4241" s="1" t="s">
        <v>16448</v>
      </c>
      <c r="B4241" s="1" t="s">
        <v>16449</v>
      </c>
      <c r="C4241" s="1" t="s">
        <v>85</v>
      </c>
      <c r="D4241" s="1" t="s">
        <v>16512</v>
      </c>
      <c r="E4241" s="1" t="s">
        <v>16513</v>
      </c>
      <c r="F4241" s="1" t="s">
        <v>16514</v>
      </c>
      <c r="G4241" s="1" t="s">
        <v>16453</v>
      </c>
      <c r="H4241" s="1" t="s">
        <v>16454</v>
      </c>
      <c r="I4241" s="1" t="s">
        <v>16455</v>
      </c>
      <c r="J4241" s="1" t="s">
        <v>16515</v>
      </c>
    </row>
    <row r="4242" spans="1:10" x14ac:dyDescent="0.35">
      <c r="A4242" s="1" t="s">
        <v>16448</v>
      </c>
      <c r="B4242" s="1" t="s">
        <v>16449</v>
      </c>
      <c r="C4242" s="1" t="s">
        <v>90</v>
      </c>
      <c r="D4242" s="1" t="s">
        <v>16516</v>
      </c>
      <c r="E4242" s="1" t="s">
        <v>16517</v>
      </c>
      <c r="F4242" s="1" t="s">
        <v>16518</v>
      </c>
      <c r="G4242" s="1" t="s">
        <v>16453</v>
      </c>
      <c r="H4242" s="1" t="s">
        <v>16454</v>
      </c>
      <c r="I4242" s="1" t="s">
        <v>16455</v>
      </c>
      <c r="J4242" s="1" t="s">
        <v>16519</v>
      </c>
    </row>
    <row r="4243" spans="1:10" x14ac:dyDescent="0.35">
      <c r="A4243" s="1" t="s">
        <v>16448</v>
      </c>
      <c r="B4243" s="1" t="s">
        <v>16449</v>
      </c>
      <c r="C4243" s="1" t="s">
        <v>95</v>
      </c>
      <c r="D4243" s="1" t="s">
        <v>16520</v>
      </c>
      <c r="E4243" s="1" t="s">
        <v>16521</v>
      </c>
      <c r="F4243" s="1" t="s">
        <v>16522</v>
      </c>
      <c r="G4243" s="1" t="s">
        <v>16453</v>
      </c>
      <c r="H4243" s="1" t="s">
        <v>16454</v>
      </c>
      <c r="I4243" s="1" t="s">
        <v>16455</v>
      </c>
      <c r="J4243" s="1" t="s">
        <v>16523</v>
      </c>
    </row>
    <row r="4244" spans="1:10" x14ac:dyDescent="0.35">
      <c r="A4244" s="1" t="s">
        <v>16448</v>
      </c>
      <c r="B4244" s="1" t="s">
        <v>16449</v>
      </c>
      <c r="C4244" s="1" t="s">
        <v>100</v>
      </c>
      <c r="D4244" s="1" t="s">
        <v>16524</v>
      </c>
      <c r="E4244" s="1" t="s">
        <v>16525</v>
      </c>
      <c r="F4244" s="1" t="s">
        <v>16526</v>
      </c>
      <c r="G4244" s="1" t="s">
        <v>16453</v>
      </c>
      <c r="H4244" s="1" t="s">
        <v>16454</v>
      </c>
      <c r="I4244" s="1" t="s">
        <v>16455</v>
      </c>
      <c r="J4244" s="1" t="s">
        <v>16527</v>
      </c>
    </row>
    <row r="4245" spans="1:10" x14ac:dyDescent="0.35">
      <c r="A4245" s="1" t="s">
        <v>16448</v>
      </c>
      <c r="B4245" s="1" t="s">
        <v>16449</v>
      </c>
      <c r="C4245" s="1" t="s">
        <v>105</v>
      </c>
      <c r="D4245" s="1" t="s">
        <v>16528</v>
      </c>
      <c r="E4245" s="1" t="s">
        <v>16529</v>
      </c>
      <c r="F4245" s="1" t="s">
        <v>16530</v>
      </c>
      <c r="G4245" s="1" t="s">
        <v>16453</v>
      </c>
      <c r="H4245" s="1" t="s">
        <v>16454</v>
      </c>
      <c r="I4245" s="1" t="s">
        <v>16455</v>
      </c>
      <c r="J4245" s="1" t="s">
        <v>16531</v>
      </c>
    </row>
    <row r="4246" spans="1:10" x14ac:dyDescent="0.35">
      <c r="A4246" s="1" t="s">
        <v>16448</v>
      </c>
      <c r="B4246" s="1" t="s">
        <v>16449</v>
      </c>
      <c r="C4246" s="1" t="s">
        <v>110</v>
      </c>
      <c r="D4246" s="1" t="s">
        <v>16532</v>
      </c>
      <c r="E4246" s="1" t="s">
        <v>16533</v>
      </c>
      <c r="F4246" s="1" t="s">
        <v>16534</v>
      </c>
      <c r="G4246" s="1" t="s">
        <v>16453</v>
      </c>
      <c r="H4246" s="1" t="s">
        <v>16454</v>
      </c>
      <c r="I4246" s="1" t="s">
        <v>16455</v>
      </c>
      <c r="J4246" s="1" t="s">
        <v>16535</v>
      </c>
    </row>
    <row r="4247" spans="1:10" x14ac:dyDescent="0.35">
      <c r="A4247" s="1" t="s">
        <v>16448</v>
      </c>
      <c r="B4247" s="1" t="s">
        <v>16449</v>
      </c>
      <c r="C4247" s="1" t="s">
        <v>115</v>
      </c>
      <c r="D4247" s="1" t="s">
        <v>16536</v>
      </c>
      <c r="E4247" s="1" t="s">
        <v>16537</v>
      </c>
      <c r="F4247" s="1" t="s">
        <v>16538</v>
      </c>
      <c r="G4247" s="1" t="s">
        <v>16453</v>
      </c>
      <c r="H4247" s="1" t="s">
        <v>16454</v>
      </c>
      <c r="I4247" s="1" t="s">
        <v>16455</v>
      </c>
      <c r="J4247" s="1" t="s">
        <v>16539</v>
      </c>
    </row>
    <row r="4248" spans="1:10" x14ac:dyDescent="0.35">
      <c r="A4248" s="1" t="s">
        <v>16448</v>
      </c>
      <c r="B4248" s="1" t="s">
        <v>16449</v>
      </c>
      <c r="C4248" s="1" t="s">
        <v>120</v>
      </c>
      <c r="D4248" s="1" t="s">
        <v>16540</v>
      </c>
      <c r="E4248" s="1" t="s">
        <v>16541</v>
      </c>
      <c r="F4248" s="1" t="s">
        <v>16542</v>
      </c>
      <c r="G4248" s="1" t="s">
        <v>16453</v>
      </c>
      <c r="H4248" s="1" t="s">
        <v>16454</v>
      </c>
      <c r="I4248" s="1" t="s">
        <v>16455</v>
      </c>
      <c r="J4248" s="1" t="s">
        <v>16543</v>
      </c>
    </row>
    <row r="4249" spans="1:10" x14ac:dyDescent="0.35">
      <c r="A4249" s="1" t="s">
        <v>16448</v>
      </c>
      <c r="B4249" s="1" t="s">
        <v>16449</v>
      </c>
      <c r="C4249" s="1" t="s">
        <v>125</v>
      </c>
      <c r="D4249" s="1" t="s">
        <v>16544</v>
      </c>
      <c r="E4249" s="1" t="s">
        <v>16545</v>
      </c>
      <c r="F4249" s="1" t="s">
        <v>16546</v>
      </c>
      <c r="G4249" s="1" t="s">
        <v>16453</v>
      </c>
      <c r="H4249" s="1" t="s">
        <v>16454</v>
      </c>
      <c r="I4249" s="1" t="s">
        <v>16455</v>
      </c>
      <c r="J4249" s="1" t="s">
        <v>16547</v>
      </c>
    </row>
    <row r="4250" spans="1:10" x14ac:dyDescent="0.35">
      <c r="A4250" s="1" t="s">
        <v>16448</v>
      </c>
      <c r="B4250" s="1" t="s">
        <v>16449</v>
      </c>
      <c r="C4250" s="1" t="s">
        <v>130</v>
      </c>
      <c r="D4250" s="1" t="s">
        <v>16548</v>
      </c>
      <c r="E4250" s="1" t="s">
        <v>16549</v>
      </c>
      <c r="F4250" s="1" t="s">
        <v>16550</v>
      </c>
      <c r="G4250" s="1" t="s">
        <v>16453</v>
      </c>
      <c r="H4250" s="1" t="s">
        <v>16454</v>
      </c>
      <c r="I4250" s="1" t="s">
        <v>16455</v>
      </c>
      <c r="J4250" s="1" t="s">
        <v>16551</v>
      </c>
    </row>
    <row r="4251" spans="1:10" x14ac:dyDescent="0.35">
      <c r="A4251" s="1" t="s">
        <v>16448</v>
      </c>
      <c r="B4251" s="1" t="s">
        <v>16449</v>
      </c>
      <c r="C4251" s="1" t="s">
        <v>135</v>
      </c>
      <c r="D4251" s="1" t="s">
        <v>16552</v>
      </c>
      <c r="E4251" s="1" t="s">
        <v>16553</v>
      </c>
      <c r="F4251" s="1" t="s">
        <v>16554</v>
      </c>
      <c r="G4251" s="1" t="s">
        <v>16453</v>
      </c>
      <c r="H4251" s="1" t="s">
        <v>16454</v>
      </c>
      <c r="I4251" s="1" t="s">
        <v>16455</v>
      </c>
      <c r="J4251" s="1" t="s">
        <v>16555</v>
      </c>
    </row>
    <row r="4252" spans="1:10" x14ac:dyDescent="0.35">
      <c r="A4252" s="1" t="s">
        <v>16448</v>
      </c>
      <c r="B4252" s="1" t="s">
        <v>16449</v>
      </c>
      <c r="C4252" s="1" t="s">
        <v>140</v>
      </c>
      <c r="D4252" s="1" t="s">
        <v>16556</v>
      </c>
      <c r="E4252" s="1" t="s">
        <v>16557</v>
      </c>
      <c r="F4252" s="1" t="s">
        <v>16558</v>
      </c>
      <c r="G4252" s="1" t="s">
        <v>16453</v>
      </c>
      <c r="H4252" s="1" t="s">
        <v>16454</v>
      </c>
      <c r="I4252" s="1" t="s">
        <v>16455</v>
      </c>
      <c r="J4252" s="1" t="s">
        <v>16559</v>
      </c>
    </row>
    <row r="4253" spans="1:10" x14ac:dyDescent="0.35">
      <c r="A4253" s="1" t="s">
        <v>16448</v>
      </c>
      <c r="B4253" s="1" t="s">
        <v>16449</v>
      </c>
      <c r="C4253" s="1" t="s">
        <v>145</v>
      </c>
      <c r="D4253" s="1" t="s">
        <v>16560</v>
      </c>
      <c r="E4253" s="1" t="s">
        <v>16561</v>
      </c>
      <c r="F4253" s="1" t="s">
        <v>16562</v>
      </c>
      <c r="G4253" s="1" t="s">
        <v>16453</v>
      </c>
      <c r="H4253" s="1" t="s">
        <v>16454</v>
      </c>
      <c r="I4253" s="1" t="s">
        <v>16455</v>
      </c>
      <c r="J4253" s="1" t="s">
        <v>16563</v>
      </c>
    </row>
    <row r="4254" spans="1:10" x14ac:dyDescent="0.35">
      <c r="A4254" s="1" t="s">
        <v>16448</v>
      </c>
      <c r="B4254" s="1" t="s">
        <v>16449</v>
      </c>
      <c r="C4254" s="1" t="s">
        <v>150</v>
      </c>
      <c r="D4254" s="1" t="s">
        <v>16564</v>
      </c>
      <c r="E4254" s="1" t="s">
        <v>16565</v>
      </c>
      <c r="F4254" s="1" t="s">
        <v>16566</v>
      </c>
      <c r="G4254" s="1" t="s">
        <v>16453</v>
      </c>
      <c r="H4254" s="1" t="s">
        <v>16454</v>
      </c>
      <c r="I4254" s="1" t="s">
        <v>16455</v>
      </c>
      <c r="J4254" s="1" t="s">
        <v>16567</v>
      </c>
    </row>
    <row r="4255" spans="1:10" x14ac:dyDescent="0.35">
      <c r="A4255" s="1" t="s">
        <v>16448</v>
      </c>
      <c r="B4255" s="1" t="s">
        <v>16449</v>
      </c>
      <c r="C4255" s="1" t="s">
        <v>155</v>
      </c>
      <c r="D4255" s="1" t="s">
        <v>16568</v>
      </c>
      <c r="E4255" s="1" t="s">
        <v>16569</v>
      </c>
      <c r="F4255" s="1" t="s">
        <v>16570</v>
      </c>
      <c r="G4255" s="1" t="s">
        <v>16453</v>
      </c>
      <c r="H4255" s="1" t="s">
        <v>16454</v>
      </c>
      <c r="I4255" s="1" t="s">
        <v>16455</v>
      </c>
      <c r="J4255" s="1" t="s">
        <v>16571</v>
      </c>
    </row>
    <row r="4256" spans="1:10" x14ac:dyDescent="0.35">
      <c r="A4256" s="1" t="s">
        <v>16448</v>
      </c>
      <c r="B4256" s="1" t="s">
        <v>16449</v>
      </c>
      <c r="C4256" s="1" t="s">
        <v>160</v>
      </c>
      <c r="D4256" s="1" t="s">
        <v>16572</v>
      </c>
      <c r="E4256" s="1" t="s">
        <v>16573</v>
      </c>
      <c r="F4256" s="1" t="s">
        <v>16574</v>
      </c>
      <c r="G4256" s="1" t="s">
        <v>16453</v>
      </c>
      <c r="H4256" s="1" t="s">
        <v>16454</v>
      </c>
      <c r="I4256" s="1" t="s">
        <v>16455</v>
      </c>
      <c r="J4256" s="1" t="s">
        <v>16575</v>
      </c>
    </row>
    <row r="4257" spans="1:10" x14ac:dyDescent="0.35">
      <c r="A4257" s="1" t="s">
        <v>16448</v>
      </c>
      <c r="B4257" s="1" t="s">
        <v>16449</v>
      </c>
      <c r="C4257" s="1" t="s">
        <v>165</v>
      </c>
      <c r="D4257" s="1" t="s">
        <v>16576</v>
      </c>
      <c r="E4257" s="1" t="s">
        <v>16577</v>
      </c>
      <c r="F4257" s="1" t="s">
        <v>16578</v>
      </c>
      <c r="G4257" s="1" t="s">
        <v>16453</v>
      </c>
      <c r="H4257" s="1" t="s">
        <v>16454</v>
      </c>
      <c r="I4257" s="1" t="s">
        <v>16455</v>
      </c>
      <c r="J4257" s="1" t="s">
        <v>16579</v>
      </c>
    </row>
    <row r="4258" spans="1:10" x14ac:dyDescent="0.35">
      <c r="A4258" s="1" t="s">
        <v>16448</v>
      </c>
      <c r="B4258" s="1" t="s">
        <v>16449</v>
      </c>
      <c r="C4258" s="1" t="s">
        <v>170</v>
      </c>
      <c r="D4258" s="1" t="s">
        <v>16580</v>
      </c>
      <c r="E4258" s="1" t="s">
        <v>16581</v>
      </c>
      <c r="F4258" s="1" t="s">
        <v>16582</v>
      </c>
      <c r="G4258" s="1" t="s">
        <v>16453</v>
      </c>
      <c r="H4258" s="1" t="s">
        <v>16454</v>
      </c>
      <c r="I4258" s="1" t="s">
        <v>16455</v>
      </c>
      <c r="J4258" s="1" t="s">
        <v>16583</v>
      </c>
    </row>
    <row r="4259" spans="1:10" x14ac:dyDescent="0.35">
      <c r="A4259" s="1" t="s">
        <v>16584</v>
      </c>
      <c r="B4259" s="1" t="s">
        <v>16449</v>
      </c>
      <c r="C4259" s="1" t="s">
        <v>8</v>
      </c>
      <c r="D4259" s="1" t="s">
        <v>16585</v>
      </c>
      <c r="E4259" s="1" t="s">
        <v>8600</v>
      </c>
      <c r="F4259" s="1" t="s">
        <v>16586</v>
      </c>
      <c r="G4259" s="1" t="s">
        <v>16587</v>
      </c>
      <c r="H4259" s="1" t="s">
        <v>16588</v>
      </c>
      <c r="I4259" s="1" t="s">
        <v>16455</v>
      </c>
      <c r="J4259" s="1" t="s">
        <v>13</v>
      </c>
    </row>
    <row r="4260" spans="1:10" x14ac:dyDescent="0.35">
      <c r="A4260" s="1" t="s">
        <v>16584</v>
      </c>
      <c r="B4260" s="1" t="s">
        <v>16449</v>
      </c>
      <c r="C4260" s="1" t="s">
        <v>15</v>
      </c>
      <c r="D4260" s="1" t="s">
        <v>16589</v>
      </c>
      <c r="E4260" s="1" t="s">
        <v>16590</v>
      </c>
      <c r="F4260" s="1" t="s">
        <v>16591</v>
      </c>
      <c r="G4260" s="1" t="s">
        <v>16587</v>
      </c>
      <c r="H4260" s="1" t="s">
        <v>16588</v>
      </c>
      <c r="I4260" s="1" t="s">
        <v>16455</v>
      </c>
      <c r="J4260" s="1" t="s">
        <v>16592</v>
      </c>
    </row>
    <row r="4261" spans="1:10" x14ac:dyDescent="0.35">
      <c r="A4261" s="1" t="s">
        <v>16584</v>
      </c>
      <c r="B4261" s="1" t="s">
        <v>16449</v>
      </c>
      <c r="C4261" s="1" t="s">
        <v>20</v>
      </c>
      <c r="D4261" s="1" t="s">
        <v>16593</v>
      </c>
      <c r="E4261" s="1" t="s">
        <v>16594</v>
      </c>
      <c r="F4261" s="1" t="s">
        <v>16595</v>
      </c>
      <c r="G4261" s="1" t="s">
        <v>16587</v>
      </c>
      <c r="H4261" s="1" t="s">
        <v>16588</v>
      </c>
      <c r="I4261" s="1" t="s">
        <v>16455</v>
      </c>
      <c r="J4261" s="1" t="s">
        <v>16596</v>
      </c>
    </row>
    <row r="4262" spans="1:10" x14ac:dyDescent="0.35">
      <c r="A4262" s="1" t="s">
        <v>16584</v>
      </c>
      <c r="B4262" s="1" t="s">
        <v>16449</v>
      </c>
      <c r="C4262" s="1" t="s">
        <v>25</v>
      </c>
      <c r="D4262" s="1" t="s">
        <v>16597</v>
      </c>
      <c r="E4262" s="1" t="s">
        <v>16598</v>
      </c>
      <c r="F4262" s="1" t="s">
        <v>16599</v>
      </c>
      <c r="G4262" s="1" t="s">
        <v>16587</v>
      </c>
      <c r="H4262" s="1" t="s">
        <v>16588</v>
      </c>
      <c r="I4262" s="1" t="s">
        <v>16455</v>
      </c>
      <c r="J4262" s="1" t="s">
        <v>16600</v>
      </c>
    </row>
    <row r="4263" spans="1:10" x14ac:dyDescent="0.35">
      <c r="A4263" s="1" t="s">
        <v>16584</v>
      </c>
      <c r="B4263" s="1" t="s">
        <v>16449</v>
      </c>
      <c r="C4263" s="1" t="s">
        <v>30</v>
      </c>
      <c r="D4263" s="1" t="s">
        <v>16601</v>
      </c>
      <c r="E4263" s="1" t="s">
        <v>16602</v>
      </c>
      <c r="F4263" s="1" t="s">
        <v>16603</v>
      </c>
      <c r="G4263" s="1" t="s">
        <v>16587</v>
      </c>
      <c r="H4263" s="1" t="s">
        <v>16588</v>
      </c>
      <c r="I4263" s="1" t="s">
        <v>16455</v>
      </c>
      <c r="J4263" s="1" t="s">
        <v>16604</v>
      </c>
    </row>
    <row r="4264" spans="1:10" x14ac:dyDescent="0.35">
      <c r="A4264" s="1" t="s">
        <v>16584</v>
      </c>
      <c r="B4264" s="1" t="s">
        <v>16449</v>
      </c>
      <c r="C4264" s="1" t="s">
        <v>35</v>
      </c>
      <c r="D4264" s="1" t="s">
        <v>16605</v>
      </c>
      <c r="E4264" s="1" t="s">
        <v>16606</v>
      </c>
      <c r="F4264" s="1" t="s">
        <v>16607</v>
      </c>
      <c r="G4264" s="1" t="s">
        <v>16587</v>
      </c>
      <c r="H4264" s="1" t="s">
        <v>16588</v>
      </c>
      <c r="I4264" s="1" t="s">
        <v>16455</v>
      </c>
      <c r="J4264" s="1" t="s">
        <v>16608</v>
      </c>
    </row>
    <row r="4265" spans="1:10" x14ac:dyDescent="0.35">
      <c r="A4265" s="1" t="s">
        <v>16584</v>
      </c>
      <c r="B4265" s="1" t="s">
        <v>16449</v>
      </c>
      <c r="C4265" s="1" t="s">
        <v>40</v>
      </c>
      <c r="D4265" s="1" t="s">
        <v>16609</v>
      </c>
      <c r="E4265" s="1" t="s">
        <v>16610</v>
      </c>
      <c r="F4265" s="1" t="s">
        <v>16611</v>
      </c>
      <c r="G4265" s="1" t="s">
        <v>16587</v>
      </c>
      <c r="H4265" s="1" t="s">
        <v>16588</v>
      </c>
      <c r="I4265" s="1" t="s">
        <v>16455</v>
      </c>
      <c r="J4265" s="1" t="s">
        <v>16612</v>
      </c>
    </row>
    <row r="4266" spans="1:10" x14ac:dyDescent="0.35">
      <c r="A4266" s="1" t="s">
        <v>16584</v>
      </c>
      <c r="B4266" s="1" t="s">
        <v>16449</v>
      </c>
      <c r="C4266" s="1" t="s">
        <v>45</v>
      </c>
      <c r="D4266" s="1" t="s">
        <v>16613</v>
      </c>
      <c r="E4266" s="1" t="s">
        <v>16614</v>
      </c>
      <c r="F4266" s="1" t="s">
        <v>16615</v>
      </c>
      <c r="G4266" s="1" t="s">
        <v>16587</v>
      </c>
      <c r="H4266" s="1" t="s">
        <v>16588</v>
      </c>
      <c r="I4266" s="1" t="s">
        <v>16455</v>
      </c>
      <c r="J4266" s="1" t="s">
        <v>16616</v>
      </c>
    </row>
    <row r="4267" spans="1:10" x14ac:dyDescent="0.35">
      <c r="A4267" s="1" t="s">
        <v>16584</v>
      </c>
      <c r="B4267" s="1" t="s">
        <v>16449</v>
      </c>
      <c r="C4267" s="1" t="s">
        <v>50</v>
      </c>
      <c r="D4267" s="1" t="s">
        <v>16617</v>
      </c>
      <c r="E4267" s="1" t="s">
        <v>16618</v>
      </c>
      <c r="F4267" s="1" t="s">
        <v>16619</v>
      </c>
      <c r="G4267" s="1" t="s">
        <v>16587</v>
      </c>
      <c r="H4267" s="1" t="s">
        <v>16588</v>
      </c>
      <c r="I4267" s="1" t="s">
        <v>16455</v>
      </c>
      <c r="J4267" s="1" t="s">
        <v>16620</v>
      </c>
    </row>
    <row r="4268" spans="1:10" x14ac:dyDescent="0.35">
      <c r="A4268" s="1" t="s">
        <v>16584</v>
      </c>
      <c r="B4268" s="1" t="s">
        <v>16449</v>
      </c>
      <c r="C4268" s="1" t="s">
        <v>55</v>
      </c>
      <c r="D4268" s="1" t="s">
        <v>16621</v>
      </c>
      <c r="E4268" s="1" t="s">
        <v>16622</v>
      </c>
      <c r="F4268" s="1" t="s">
        <v>16623</v>
      </c>
      <c r="G4268" s="1" t="s">
        <v>16587</v>
      </c>
      <c r="H4268" s="1" t="s">
        <v>16588</v>
      </c>
      <c r="I4268" s="1" t="s">
        <v>16455</v>
      </c>
      <c r="J4268" s="1" t="s">
        <v>16624</v>
      </c>
    </row>
    <row r="4269" spans="1:10" x14ac:dyDescent="0.35">
      <c r="A4269" s="1" t="s">
        <v>16584</v>
      </c>
      <c r="B4269" s="1" t="s">
        <v>16449</v>
      </c>
      <c r="C4269" s="1" t="s">
        <v>60</v>
      </c>
      <c r="D4269" s="1" t="s">
        <v>16625</v>
      </c>
      <c r="E4269" s="1" t="s">
        <v>16626</v>
      </c>
      <c r="F4269" s="1" t="s">
        <v>16627</v>
      </c>
      <c r="G4269" s="1" t="s">
        <v>16587</v>
      </c>
      <c r="H4269" s="1" t="s">
        <v>16588</v>
      </c>
      <c r="I4269" s="1" t="s">
        <v>16455</v>
      </c>
      <c r="J4269" s="1" t="s">
        <v>16628</v>
      </c>
    </row>
    <row r="4270" spans="1:10" x14ac:dyDescent="0.35">
      <c r="A4270" s="1" t="s">
        <v>16584</v>
      </c>
      <c r="B4270" s="1" t="s">
        <v>16449</v>
      </c>
      <c r="C4270" s="1" t="s">
        <v>65</v>
      </c>
      <c r="D4270" s="1" t="s">
        <v>16629</v>
      </c>
      <c r="E4270" s="1" t="s">
        <v>16630</v>
      </c>
      <c r="F4270" s="1" t="s">
        <v>16631</v>
      </c>
      <c r="G4270" s="1" t="s">
        <v>16587</v>
      </c>
      <c r="H4270" s="1" t="s">
        <v>16588</v>
      </c>
      <c r="I4270" s="1" t="s">
        <v>16455</v>
      </c>
      <c r="J4270" s="1" t="s">
        <v>16632</v>
      </c>
    </row>
    <row r="4271" spans="1:10" x14ac:dyDescent="0.35">
      <c r="A4271" s="1" t="s">
        <v>16584</v>
      </c>
      <c r="B4271" s="1" t="s">
        <v>16449</v>
      </c>
      <c r="C4271" s="1" t="s">
        <v>70</v>
      </c>
      <c r="D4271" s="1" t="s">
        <v>16633</v>
      </c>
      <c r="E4271" s="1" t="s">
        <v>16634</v>
      </c>
      <c r="F4271" s="1" t="s">
        <v>16635</v>
      </c>
      <c r="G4271" s="1" t="s">
        <v>16587</v>
      </c>
      <c r="H4271" s="1" t="s">
        <v>16588</v>
      </c>
      <c r="I4271" s="1" t="s">
        <v>16455</v>
      </c>
      <c r="J4271" s="1" t="s">
        <v>16636</v>
      </c>
    </row>
    <row r="4272" spans="1:10" x14ac:dyDescent="0.35">
      <c r="A4272" s="1" t="s">
        <v>16584</v>
      </c>
      <c r="B4272" s="1" t="s">
        <v>16449</v>
      </c>
      <c r="C4272" s="1" t="s">
        <v>75</v>
      </c>
      <c r="D4272" s="1" t="s">
        <v>16637</v>
      </c>
      <c r="E4272" s="1" t="s">
        <v>16638</v>
      </c>
      <c r="F4272" s="1" t="s">
        <v>16639</v>
      </c>
      <c r="G4272" s="1" t="s">
        <v>16587</v>
      </c>
      <c r="H4272" s="1" t="s">
        <v>16588</v>
      </c>
      <c r="I4272" s="1" t="s">
        <v>16455</v>
      </c>
      <c r="J4272" s="1" t="s">
        <v>16640</v>
      </c>
    </row>
    <row r="4273" spans="1:10" x14ac:dyDescent="0.35">
      <c r="A4273" s="1" t="s">
        <v>16584</v>
      </c>
      <c r="B4273" s="1" t="s">
        <v>16449</v>
      </c>
      <c r="C4273" s="1" t="s">
        <v>80</v>
      </c>
      <c r="D4273" s="1" t="s">
        <v>16641</v>
      </c>
      <c r="E4273" s="1" t="s">
        <v>16642</v>
      </c>
      <c r="F4273" s="1" t="s">
        <v>16643</v>
      </c>
      <c r="G4273" s="1" t="s">
        <v>16587</v>
      </c>
      <c r="H4273" s="1" t="s">
        <v>16588</v>
      </c>
      <c r="I4273" s="1" t="s">
        <v>16455</v>
      </c>
      <c r="J4273" s="1" t="s">
        <v>16644</v>
      </c>
    </row>
    <row r="4274" spans="1:10" x14ac:dyDescent="0.35">
      <c r="A4274" s="1" t="s">
        <v>16584</v>
      </c>
      <c r="B4274" s="1" t="s">
        <v>16449</v>
      </c>
      <c r="C4274" s="1" t="s">
        <v>85</v>
      </c>
      <c r="D4274" s="1" t="s">
        <v>16645</v>
      </c>
      <c r="E4274" s="1" t="s">
        <v>16646</v>
      </c>
      <c r="F4274" s="1" t="s">
        <v>16647</v>
      </c>
      <c r="G4274" s="1" t="s">
        <v>16587</v>
      </c>
      <c r="H4274" s="1" t="s">
        <v>16588</v>
      </c>
      <c r="I4274" s="1" t="s">
        <v>16455</v>
      </c>
      <c r="J4274" s="1" t="s">
        <v>16648</v>
      </c>
    </row>
    <row r="4275" spans="1:10" x14ac:dyDescent="0.35">
      <c r="A4275" s="1" t="s">
        <v>16584</v>
      </c>
      <c r="B4275" s="1" t="s">
        <v>16449</v>
      </c>
      <c r="C4275" s="1" t="s">
        <v>90</v>
      </c>
      <c r="D4275" s="1" t="s">
        <v>16649</v>
      </c>
      <c r="E4275" s="1" t="s">
        <v>16650</v>
      </c>
      <c r="F4275" s="1" t="s">
        <v>16651</v>
      </c>
      <c r="G4275" s="1" t="s">
        <v>16587</v>
      </c>
      <c r="H4275" s="1" t="s">
        <v>16588</v>
      </c>
      <c r="I4275" s="1" t="s">
        <v>16455</v>
      </c>
      <c r="J4275" s="1" t="s">
        <v>16652</v>
      </c>
    </row>
    <row r="4276" spans="1:10" x14ac:dyDescent="0.35">
      <c r="A4276" s="1" t="s">
        <v>16584</v>
      </c>
      <c r="B4276" s="1" t="s">
        <v>16449</v>
      </c>
      <c r="C4276" s="1" t="s">
        <v>95</v>
      </c>
      <c r="D4276" s="1" t="s">
        <v>16653</v>
      </c>
      <c r="E4276" s="1" t="s">
        <v>16654</v>
      </c>
      <c r="F4276" s="1" t="s">
        <v>16655</v>
      </c>
      <c r="G4276" s="1" t="s">
        <v>16587</v>
      </c>
      <c r="H4276" s="1" t="s">
        <v>16588</v>
      </c>
      <c r="I4276" s="1" t="s">
        <v>16455</v>
      </c>
      <c r="J4276" s="1" t="s">
        <v>16656</v>
      </c>
    </row>
    <row r="4277" spans="1:10" x14ac:dyDescent="0.35">
      <c r="A4277" s="1" t="s">
        <v>16584</v>
      </c>
      <c r="B4277" s="1" t="s">
        <v>16449</v>
      </c>
      <c r="C4277" s="1" t="s">
        <v>100</v>
      </c>
      <c r="D4277" s="1" t="s">
        <v>16657</v>
      </c>
      <c r="E4277" s="1" t="s">
        <v>16658</v>
      </c>
      <c r="F4277" s="1" t="s">
        <v>16659</v>
      </c>
      <c r="G4277" s="1" t="s">
        <v>16587</v>
      </c>
      <c r="H4277" s="1" t="s">
        <v>16588</v>
      </c>
      <c r="I4277" s="1" t="s">
        <v>16455</v>
      </c>
      <c r="J4277" s="1" t="s">
        <v>16660</v>
      </c>
    </row>
    <row r="4278" spans="1:10" x14ac:dyDescent="0.35">
      <c r="A4278" s="1" t="s">
        <v>16584</v>
      </c>
      <c r="B4278" s="1" t="s">
        <v>16449</v>
      </c>
      <c r="C4278" s="1" t="s">
        <v>105</v>
      </c>
      <c r="D4278" s="1" t="s">
        <v>16661</v>
      </c>
      <c r="E4278" s="1" t="s">
        <v>16662</v>
      </c>
      <c r="F4278" s="1" t="s">
        <v>16663</v>
      </c>
      <c r="G4278" s="1" t="s">
        <v>16587</v>
      </c>
      <c r="H4278" s="1" t="s">
        <v>16588</v>
      </c>
      <c r="I4278" s="1" t="s">
        <v>16455</v>
      </c>
      <c r="J4278" s="1" t="s">
        <v>16664</v>
      </c>
    </row>
    <row r="4279" spans="1:10" x14ac:dyDescent="0.35">
      <c r="A4279" s="1" t="s">
        <v>16584</v>
      </c>
      <c r="B4279" s="1" t="s">
        <v>16449</v>
      </c>
      <c r="C4279" s="1" t="s">
        <v>110</v>
      </c>
      <c r="D4279" s="1" t="s">
        <v>16665</v>
      </c>
      <c r="E4279" s="1" t="s">
        <v>16666</v>
      </c>
      <c r="F4279" s="1" t="s">
        <v>16667</v>
      </c>
      <c r="G4279" s="1" t="s">
        <v>16587</v>
      </c>
      <c r="H4279" s="1" t="s">
        <v>16588</v>
      </c>
      <c r="I4279" s="1" t="s">
        <v>16455</v>
      </c>
      <c r="J4279" s="1" t="s">
        <v>16668</v>
      </c>
    </row>
    <row r="4280" spans="1:10" x14ac:dyDescent="0.35">
      <c r="A4280" s="1" t="s">
        <v>16584</v>
      </c>
      <c r="B4280" s="1" t="s">
        <v>16449</v>
      </c>
      <c r="C4280" s="1" t="s">
        <v>115</v>
      </c>
      <c r="D4280" s="1" t="s">
        <v>16669</v>
      </c>
      <c r="E4280" s="1" t="s">
        <v>16670</v>
      </c>
      <c r="F4280" s="1" t="s">
        <v>16671</v>
      </c>
      <c r="G4280" s="1" t="s">
        <v>16587</v>
      </c>
      <c r="H4280" s="1" t="s">
        <v>16588</v>
      </c>
      <c r="I4280" s="1" t="s">
        <v>16455</v>
      </c>
      <c r="J4280" s="1" t="s">
        <v>16672</v>
      </c>
    </row>
    <row r="4281" spans="1:10" x14ac:dyDescent="0.35">
      <c r="A4281" s="1" t="s">
        <v>16584</v>
      </c>
      <c r="B4281" s="1" t="s">
        <v>16449</v>
      </c>
      <c r="C4281" s="1" t="s">
        <v>120</v>
      </c>
      <c r="D4281" s="1" t="s">
        <v>16673</v>
      </c>
      <c r="E4281" s="1" t="s">
        <v>16674</v>
      </c>
      <c r="F4281" s="1" t="s">
        <v>16675</v>
      </c>
      <c r="G4281" s="1" t="s">
        <v>16587</v>
      </c>
      <c r="H4281" s="1" t="s">
        <v>16588</v>
      </c>
      <c r="I4281" s="1" t="s">
        <v>16455</v>
      </c>
      <c r="J4281" s="1" t="s">
        <v>16676</v>
      </c>
    </row>
    <row r="4282" spans="1:10" x14ac:dyDescent="0.35">
      <c r="A4282" s="1" t="s">
        <v>16584</v>
      </c>
      <c r="B4282" s="1" t="s">
        <v>16449</v>
      </c>
      <c r="C4282" s="1" t="s">
        <v>125</v>
      </c>
      <c r="D4282" s="1" t="s">
        <v>16677</v>
      </c>
      <c r="E4282" s="1" t="s">
        <v>16678</v>
      </c>
      <c r="F4282" s="1" t="s">
        <v>16679</v>
      </c>
      <c r="G4282" s="1" t="s">
        <v>16587</v>
      </c>
      <c r="H4282" s="1" t="s">
        <v>16588</v>
      </c>
      <c r="I4282" s="1" t="s">
        <v>16455</v>
      </c>
      <c r="J4282" s="1" t="s">
        <v>16680</v>
      </c>
    </row>
    <row r="4283" spans="1:10" x14ac:dyDescent="0.35">
      <c r="A4283" s="1" t="s">
        <v>16584</v>
      </c>
      <c r="B4283" s="1" t="s">
        <v>16449</v>
      </c>
      <c r="C4283" s="1" t="s">
        <v>130</v>
      </c>
      <c r="D4283" s="1" t="s">
        <v>16681</v>
      </c>
      <c r="E4283" s="1" t="s">
        <v>16682</v>
      </c>
      <c r="F4283" s="1" t="s">
        <v>16683</v>
      </c>
      <c r="G4283" s="1" t="s">
        <v>16587</v>
      </c>
      <c r="H4283" s="1" t="s">
        <v>16588</v>
      </c>
      <c r="I4283" s="1" t="s">
        <v>16455</v>
      </c>
      <c r="J4283" s="1" t="s">
        <v>16684</v>
      </c>
    </row>
    <row r="4284" spans="1:10" x14ac:dyDescent="0.35">
      <c r="A4284" s="1" t="s">
        <v>16584</v>
      </c>
      <c r="B4284" s="1" t="s">
        <v>16449</v>
      </c>
      <c r="C4284" s="1" t="s">
        <v>135</v>
      </c>
      <c r="D4284" s="1" t="s">
        <v>16685</v>
      </c>
      <c r="E4284" s="1" t="s">
        <v>16686</v>
      </c>
      <c r="F4284" s="1" t="s">
        <v>16687</v>
      </c>
      <c r="G4284" s="1" t="s">
        <v>16587</v>
      </c>
      <c r="H4284" s="1" t="s">
        <v>16588</v>
      </c>
      <c r="I4284" s="1" t="s">
        <v>16455</v>
      </c>
      <c r="J4284" s="1" t="s">
        <v>16688</v>
      </c>
    </row>
    <row r="4285" spans="1:10" x14ac:dyDescent="0.35">
      <c r="A4285" s="1" t="s">
        <v>16584</v>
      </c>
      <c r="B4285" s="1" t="s">
        <v>16449</v>
      </c>
      <c r="C4285" s="1" t="s">
        <v>140</v>
      </c>
      <c r="D4285" s="1" t="s">
        <v>16689</v>
      </c>
      <c r="E4285" s="1" t="s">
        <v>16690</v>
      </c>
      <c r="F4285" s="1" t="s">
        <v>16691</v>
      </c>
      <c r="G4285" s="1" t="s">
        <v>16587</v>
      </c>
      <c r="H4285" s="1" t="s">
        <v>16588</v>
      </c>
      <c r="I4285" s="1" t="s">
        <v>16455</v>
      </c>
      <c r="J4285" s="1" t="s">
        <v>16692</v>
      </c>
    </row>
    <row r="4286" spans="1:10" x14ac:dyDescent="0.35">
      <c r="A4286" s="1" t="s">
        <v>16584</v>
      </c>
      <c r="B4286" s="1" t="s">
        <v>16449</v>
      </c>
      <c r="C4286" s="1" t="s">
        <v>145</v>
      </c>
      <c r="D4286" s="1" t="s">
        <v>16693</v>
      </c>
      <c r="E4286" s="1" t="s">
        <v>16694</v>
      </c>
      <c r="F4286" s="1" t="s">
        <v>16695</v>
      </c>
      <c r="G4286" s="1" t="s">
        <v>16587</v>
      </c>
      <c r="H4286" s="1" t="s">
        <v>16588</v>
      </c>
      <c r="I4286" s="1" t="s">
        <v>16455</v>
      </c>
      <c r="J4286" s="1" t="s">
        <v>16696</v>
      </c>
    </row>
    <row r="4287" spans="1:10" x14ac:dyDescent="0.35">
      <c r="A4287" s="1" t="s">
        <v>16584</v>
      </c>
      <c r="B4287" s="1" t="s">
        <v>16449</v>
      </c>
      <c r="C4287" s="1" t="s">
        <v>150</v>
      </c>
      <c r="D4287" s="1" t="s">
        <v>16697</v>
      </c>
      <c r="E4287" s="1" t="s">
        <v>16698</v>
      </c>
      <c r="F4287" s="1" t="s">
        <v>16699</v>
      </c>
      <c r="G4287" s="1" t="s">
        <v>16587</v>
      </c>
      <c r="H4287" s="1" t="s">
        <v>16588</v>
      </c>
      <c r="I4287" s="1" t="s">
        <v>16455</v>
      </c>
      <c r="J4287" s="1" t="s">
        <v>16700</v>
      </c>
    </row>
    <row r="4288" spans="1:10" x14ac:dyDescent="0.35">
      <c r="A4288" s="1" t="s">
        <v>16584</v>
      </c>
      <c r="B4288" s="1" t="s">
        <v>16449</v>
      </c>
      <c r="C4288" s="1" t="s">
        <v>155</v>
      </c>
      <c r="D4288" s="1" t="s">
        <v>16701</v>
      </c>
      <c r="E4288" s="1" t="s">
        <v>16702</v>
      </c>
      <c r="F4288" s="1" t="s">
        <v>16703</v>
      </c>
      <c r="G4288" s="1" t="s">
        <v>16587</v>
      </c>
      <c r="H4288" s="1" t="s">
        <v>16588</v>
      </c>
      <c r="I4288" s="1" t="s">
        <v>16455</v>
      </c>
      <c r="J4288" s="1" t="s">
        <v>16704</v>
      </c>
    </row>
    <row r="4289" spans="1:10" x14ac:dyDescent="0.35">
      <c r="A4289" s="1" t="s">
        <v>16584</v>
      </c>
      <c r="B4289" s="1" t="s">
        <v>16449</v>
      </c>
      <c r="C4289" s="1" t="s">
        <v>160</v>
      </c>
      <c r="D4289" s="1" t="s">
        <v>16705</v>
      </c>
      <c r="E4289" s="1" t="s">
        <v>16706</v>
      </c>
      <c r="F4289" s="1" t="s">
        <v>16707</v>
      </c>
      <c r="G4289" s="1" t="s">
        <v>16587</v>
      </c>
      <c r="H4289" s="1" t="s">
        <v>16588</v>
      </c>
      <c r="I4289" s="1" t="s">
        <v>16455</v>
      </c>
      <c r="J4289" s="1" t="s">
        <v>16708</v>
      </c>
    </row>
    <row r="4290" spans="1:10" x14ac:dyDescent="0.35">
      <c r="A4290" s="1" t="s">
        <v>16584</v>
      </c>
      <c r="B4290" s="1" t="s">
        <v>16449</v>
      </c>
      <c r="C4290" s="1" t="s">
        <v>165</v>
      </c>
      <c r="D4290" s="1" t="s">
        <v>16709</v>
      </c>
      <c r="E4290" s="1" t="s">
        <v>16710</v>
      </c>
      <c r="F4290" s="1" t="s">
        <v>16711</v>
      </c>
      <c r="G4290" s="1" t="s">
        <v>16587</v>
      </c>
      <c r="H4290" s="1" t="s">
        <v>16588</v>
      </c>
      <c r="I4290" s="1" t="s">
        <v>16455</v>
      </c>
      <c r="J4290" s="1" t="s">
        <v>16712</v>
      </c>
    </row>
    <row r="4291" spans="1:10" x14ac:dyDescent="0.35">
      <c r="A4291" s="1" t="s">
        <v>16584</v>
      </c>
      <c r="B4291" s="1" t="s">
        <v>16449</v>
      </c>
      <c r="C4291" s="1" t="s">
        <v>170</v>
      </c>
      <c r="D4291" s="1" t="s">
        <v>16713</v>
      </c>
      <c r="E4291" s="1" t="s">
        <v>16714</v>
      </c>
      <c r="F4291" s="1" t="s">
        <v>16715</v>
      </c>
      <c r="G4291" s="1" t="s">
        <v>16587</v>
      </c>
      <c r="H4291" s="1" t="s">
        <v>16588</v>
      </c>
      <c r="I4291" s="1" t="s">
        <v>16455</v>
      </c>
      <c r="J4291" s="1" t="s">
        <v>16716</v>
      </c>
    </row>
    <row r="4292" spans="1:10" x14ac:dyDescent="0.35">
      <c r="A4292" s="1" t="s">
        <v>16717</v>
      </c>
      <c r="B4292" s="1" t="s">
        <v>16449</v>
      </c>
      <c r="C4292" s="1" t="s">
        <v>8</v>
      </c>
      <c r="D4292" s="1" t="s">
        <v>16718</v>
      </c>
      <c r="E4292" s="1" t="s">
        <v>16719</v>
      </c>
      <c r="F4292" s="1" t="s">
        <v>16720</v>
      </c>
      <c r="G4292" s="1" t="s">
        <v>16721</v>
      </c>
      <c r="H4292" s="1" t="s">
        <v>16722</v>
      </c>
      <c r="I4292" s="1" t="s">
        <v>16455</v>
      </c>
      <c r="J4292" s="1" t="s">
        <v>13</v>
      </c>
    </row>
    <row r="4293" spans="1:10" x14ac:dyDescent="0.35">
      <c r="A4293" s="1" t="s">
        <v>16717</v>
      </c>
      <c r="B4293" s="1" t="s">
        <v>16449</v>
      </c>
      <c r="C4293" s="1" t="s">
        <v>15</v>
      </c>
      <c r="D4293" s="1" t="s">
        <v>16723</v>
      </c>
      <c r="E4293" s="1" t="s">
        <v>16724</v>
      </c>
      <c r="F4293" s="1" t="s">
        <v>16725</v>
      </c>
      <c r="G4293" s="1" t="s">
        <v>16721</v>
      </c>
      <c r="H4293" s="1" t="s">
        <v>16722</v>
      </c>
      <c r="I4293" s="1" t="s">
        <v>16455</v>
      </c>
      <c r="J4293" s="1" t="s">
        <v>16726</v>
      </c>
    </row>
    <row r="4294" spans="1:10" x14ac:dyDescent="0.35">
      <c r="A4294" s="1" t="s">
        <v>16717</v>
      </c>
      <c r="B4294" s="1" t="s">
        <v>16449</v>
      </c>
      <c r="C4294" s="1" t="s">
        <v>20</v>
      </c>
      <c r="D4294" s="1" t="s">
        <v>16727</v>
      </c>
      <c r="E4294" s="1" t="s">
        <v>16728</v>
      </c>
      <c r="F4294" s="1" t="s">
        <v>16729</v>
      </c>
      <c r="G4294" s="1" t="s">
        <v>16721</v>
      </c>
      <c r="H4294" s="1" t="s">
        <v>16722</v>
      </c>
      <c r="I4294" s="1" t="s">
        <v>16455</v>
      </c>
      <c r="J4294" s="1" t="s">
        <v>16730</v>
      </c>
    </row>
    <row r="4295" spans="1:10" x14ac:dyDescent="0.35">
      <c r="A4295" s="1" t="s">
        <v>16717</v>
      </c>
      <c r="B4295" s="1" t="s">
        <v>16449</v>
      </c>
      <c r="C4295" s="1" t="s">
        <v>25</v>
      </c>
      <c r="D4295" s="1" t="s">
        <v>16731</v>
      </c>
      <c r="E4295" s="1" t="s">
        <v>16732</v>
      </c>
      <c r="F4295" s="1" t="s">
        <v>16733</v>
      </c>
      <c r="G4295" s="1" t="s">
        <v>16721</v>
      </c>
      <c r="H4295" s="1" t="s">
        <v>16722</v>
      </c>
      <c r="I4295" s="1" t="s">
        <v>16455</v>
      </c>
      <c r="J4295" s="1" t="s">
        <v>16734</v>
      </c>
    </row>
    <row r="4296" spans="1:10" x14ac:dyDescent="0.35">
      <c r="A4296" s="1" t="s">
        <v>16717</v>
      </c>
      <c r="B4296" s="1" t="s">
        <v>16449</v>
      </c>
      <c r="C4296" s="1" t="s">
        <v>30</v>
      </c>
      <c r="D4296" s="1" t="s">
        <v>16735</v>
      </c>
      <c r="E4296" s="1" t="s">
        <v>16736</v>
      </c>
      <c r="F4296" s="1" t="s">
        <v>16737</v>
      </c>
      <c r="G4296" s="1" t="s">
        <v>16721</v>
      </c>
      <c r="H4296" s="1" t="s">
        <v>16722</v>
      </c>
      <c r="I4296" s="1" t="s">
        <v>16455</v>
      </c>
      <c r="J4296" s="1" t="s">
        <v>16738</v>
      </c>
    </row>
    <row r="4297" spans="1:10" x14ac:dyDescent="0.35">
      <c r="A4297" s="1" t="s">
        <v>16717</v>
      </c>
      <c r="B4297" s="1" t="s">
        <v>16449</v>
      </c>
      <c r="C4297" s="1" t="s">
        <v>35</v>
      </c>
      <c r="D4297" s="1" t="s">
        <v>16739</v>
      </c>
      <c r="E4297" s="1" t="s">
        <v>16740</v>
      </c>
      <c r="F4297" s="1" t="s">
        <v>16741</v>
      </c>
      <c r="G4297" s="1" t="s">
        <v>16721</v>
      </c>
      <c r="H4297" s="1" t="s">
        <v>16722</v>
      </c>
      <c r="I4297" s="1" t="s">
        <v>16455</v>
      </c>
      <c r="J4297" s="1" t="s">
        <v>16742</v>
      </c>
    </row>
    <row r="4298" spans="1:10" x14ac:dyDescent="0.35">
      <c r="A4298" s="1" t="s">
        <v>16717</v>
      </c>
      <c r="B4298" s="1" t="s">
        <v>16449</v>
      </c>
      <c r="C4298" s="1" t="s">
        <v>40</v>
      </c>
      <c r="D4298" s="1" t="s">
        <v>16743</v>
      </c>
      <c r="E4298" s="1" t="s">
        <v>16744</v>
      </c>
      <c r="F4298" s="1" t="s">
        <v>16745</v>
      </c>
      <c r="G4298" s="1" t="s">
        <v>16721</v>
      </c>
      <c r="H4298" s="1" t="s">
        <v>16722</v>
      </c>
      <c r="I4298" s="1" t="s">
        <v>16455</v>
      </c>
      <c r="J4298" s="1" t="s">
        <v>16746</v>
      </c>
    </row>
    <row r="4299" spans="1:10" x14ac:dyDescent="0.35">
      <c r="A4299" s="1" t="s">
        <v>16717</v>
      </c>
      <c r="B4299" s="1" t="s">
        <v>16449</v>
      </c>
      <c r="C4299" s="1" t="s">
        <v>45</v>
      </c>
      <c r="D4299" s="1" t="s">
        <v>16747</v>
      </c>
      <c r="E4299" s="1" t="s">
        <v>16748</v>
      </c>
      <c r="F4299" s="1" t="s">
        <v>16749</v>
      </c>
      <c r="G4299" s="1" t="s">
        <v>16721</v>
      </c>
      <c r="H4299" s="1" t="s">
        <v>16722</v>
      </c>
      <c r="I4299" s="1" t="s">
        <v>16455</v>
      </c>
      <c r="J4299" s="1" t="s">
        <v>16750</v>
      </c>
    </row>
    <row r="4300" spans="1:10" x14ac:dyDescent="0.35">
      <c r="A4300" s="1" t="s">
        <v>16717</v>
      </c>
      <c r="B4300" s="1" t="s">
        <v>16449</v>
      </c>
      <c r="C4300" s="1" t="s">
        <v>50</v>
      </c>
      <c r="D4300" s="1" t="s">
        <v>16751</v>
      </c>
      <c r="E4300" s="1" t="s">
        <v>16752</v>
      </c>
      <c r="F4300" s="1" t="s">
        <v>16753</v>
      </c>
      <c r="G4300" s="1" t="s">
        <v>16721</v>
      </c>
      <c r="H4300" s="1" t="s">
        <v>16722</v>
      </c>
      <c r="I4300" s="1" t="s">
        <v>16455</v>
      </c>
      <c r="J4300" s="1" t="s">
        <v>16754</v>
      </c>
    </row>
    <row r="4301" spans="1:10" x14ac:dyDescent="0.35">
      <c r="A4301" s="1" t="s">
        <v>16717</v>
      </c>
      <c r="B4301" s="1" t="s">
        <v>16449</v>
      </c>
      <c r="C4301" s="1" t="s">
        <v>55</v>
      </c>
      <c r="D4301" s="1" t="s">
        <v>16755</v>
      </c>
      <c r="E4301" s="1" t="s">
        <v>16756</v>
      </c>
      <c r="F4301" s="1" t="s">
        <v>16757</v>
      </c>
      <c r="G4301" s="1" t="s">
        <v>16721</v>
      </c>
      <c r="H4301" s="1" t="s">
        <v>16722</v>
      </c>
      <c r="I4301" s="1" t="s">
        <v>16455</v>
      </c>
      <c r="J4301" s="1" t="s">
        <v>16758</v>
      </c>
    </row>
    <row r="4302" spans="1:10" x14ac:dyDescent="0.35">
      <c r="A4302" s="1" t="s">
        <v>16717</v>
      </c>
      <c r="B4302" s="1" t="s">
        <v>16449</v>
      </c>
      <c r="C4302" s="1" t="s">
        <v>60</v>
      </c>
      <c r="D4302" s="1" t="s">
        <v>16759</v>
      </c>
      <c r="E4302" s="1" t="s">
        <v>16760</v>
      </c>
      <c r="F4302" s="1" t="s">
        <v>16761</v>
      </c>
      <c r="G4302" s="1" t="s">
        <v>16721</v>
      </c>
      <c r="H4302" s="1" t="s">
        <v>16722</v>
      </c>
      <c r="I4302" s="1" t="s">
        <v>16455</v>
      </c>
      <c r="J4302" s="1" t="s">
        <v>16762</v>
      </c>
    </row>
    <row r="4303" spans="1:10" x14ac:dyDescent="0.35">
      <c r="A4303" s="1" t="s">
        <v>16717</v>
      </c>
      <c r="B4303" s="1" t="s">
        <v>16449</v>
      </c>
      <c r="C4303" s="1" t="s">
        <v>65</v>
      </c>
      <c r="D4303" s="1" t="s">
        <v>16763</v>
      </c>
      <c r="E4303" s="1" t="s">
        <v>16764</v>
      </c>
      <c r="F4303" s="1" t="s">
        <v>16765</v>
      </c>
      <c r="G4303" s="1" t="s">
        <v>16721</v>
      </c>
      <c r="H4303" s="1" t="s">
        <v>16722</v>
      </c>
      <c r="I4303" s="1" t="s">
        <v>16455</v>
      </c>
      <c r="J4303" s="1" t="s">
        <v>16766</v>
      </c>
    </row>
    <row r="4304" spans="1:10" x14ac:dyDescent="0.35">
      <c r="A4304" s="1" t="s">
        <v>16717</v>
      </c>
      <c r="B4304" s="1" t="s">
        <v>16449</v>
      </c>
      <c r="C4304" s="1" t="s">
        <v>70</v>
      </c>
      <c r="D4304" s="1" t="s">
        <v>16767</v>
      </c>
      <c r="E4304" s="1" t="s">
        <v>16768</v>
      </c>
      <c r="F4304" s="1" t="s">
        <v>16769</v>
      </c>
      <c r="G4304" s="1" t="s">
        <v>16721</v>
      </c>
      <c r="H4304" s="1" t="s">
        <v>16722</v>
      </c>
      <c r="I4304" s="1" t="s">
        <v>16455</v>
      </c>
      <c r="J4304" s="1" t="s">
        <v>16770</v>
      </c>
    </row>
    <row r="4305" spans="1:10" x14ac:dyDescent="0.35">
      <c r="A4305" s="1" t="s">
        <v>16717</v>
      </c>
      <c r="B4305" s="1" t="s">
        <v>16449</v>
      </c>
      <c r="C4305" s="1" t="s">
        <v>75</v>
      </c>
      <c r="D4305" s="1" t="s">
        <v>16771</v>
      </c>
      <c r="E4305" s="1" t="s">
        <v>16772</v>
      </c>
      <c r="F4305" s="1" t="s">
        <v>16773</v>
      </c>
      <c r="G4305" s="1" t="s">
        <v>16721</v>
      </c>
      <c r="H4305" s="1" t="s">
        <v>16722</v>
      </c>
      <c r="I4305" s="1" t="s">
        <v>16455</v>
      </c>
      <c r="J4305" s="1" t="s">
        <v>16774</v>
      </c>
    </row>
    <row r="4306" spans="1:10" x14ac:dyDescent="0.35">
      <c r="A4306" s="1" t="s">
        <v>16717</v>
      </c>
      <c r="B4306" s="1" t="s">
        <v>16449</v>
      </c>
      <c r="C4306" s="1" t="s">
        <v>80</v>
      </c>
      <c r="D4306" s="1" t="s">
        <v>16775</v>
      </c>
      <c r="E4306" s="1" t="s">
        <v>16776</v>
      </c>
      <c r="F4306" s="1" t="s">
        <v>16777</v>
      </c>
      <c r="G4306" s="1" t="s">
        <v>16721</v>
      </c>
      <c r="H4306" s="1" t="s">
        <v>16722</v>
      </c>
      <c r="I4306" s="1" t="s">
        <v>16455</v>
      </c>
      <c r="J4306" s="1" t="s">
        <v>16778</v>
      </c>
    </row>
    <row r="4307" spans="1:10" x14ac:dyDescent="0.35">
      <c r="A4307" s="1" t="s">
        <v>16717</v>
      </c>
      <c r="B4307" s="1" t="s">
        <v>16449</v>
      </c>
      <c r="C4307" s="1" t="s">
        <v>85</v>
      </c>
      <c r="D4307" s="1" t="s">
        <v>16779</v>
      </c>
      <c r="E4307" s="1" t="s">
        <v>16780</v>
      </c>
      <c r="F4307" s="1" t="s">
        <v>16781</v>
      </c>
      <c r="G4307" s="1" t="s">
        <v>16721</v>
      </c>
      <c r="H4307" s="1" t="s">
        <v>16722</v>
      </c>
      <c r="I4307" s="1" t="s">
        <v>16455</v>
      </c>
      <c r="J4307" s="1" t="s">
        <v>16782</v>
      </c>
    </row>
    <row r="4308" spans="1:10" x14ac:dyDescent="0.35">
      <c r="A4308" s="1" t="s">
        <v>16717</v>
      </c>
      <c r="B4308" s="1" t="s">
        <v>16449</v>
      </c>
      <c r="C4308" s="1" t="s">
        <v>90</v>
      </c>
      <c r="D4308" s="1" t="s">
        <v>5843</v>
      </c>
      <c r="E4308" s="1" t="s">
        <v>16783</v>
      </c>
      <c r="F4308" s="1" t="s">
        <v>16784</v>
      </c>
      <c r="G4308" s="1" t="s">
        <v>16721</v>
      </c>
      <c r="H4308" s="1" t="s">
        <v>16722</v>
      </c>
      <c r="I4308" s="1" t="s">
        <v>16455</v>
      </c>
      <c r="J4308" s="1" t="s">
        <v>16785</v>
      </c>
    </row>
    <row r="4309" spans="1:10" x14ac:dyDescent="0.35">
      <c r="A4309" s="1" t="s">
        <v>16717</v>
      </c>
      <c r="B4309" s="1" t="s">
        <v>16449</v>
      </c>
      <c r="C4309" s="1" t="s">
        <v>95</v>
      </c>
      <c r="D4309" s="1" t="s">
        <v>16786</v>
      </c>
      <c r="E4309" s="1" t="s">
        <v>16787</v>
      </c>
      <c r="F4309" s="1" t="s">
        <v>16788</v>
      </c>
      <c r="G4309" s="1" t="s">
        <v>16721</v>
      </c>
      <c r="H4309" s="1" t="s">
        <v>16722</v>
      </c>
      <c r="I4309" s="1" t="s">
        <v>16455</v>
      </c>
      <c r="J4309" s="1" t="s">
        <v>16789</v>
      </c>
    </row>
    <row r="4310" spans="1:10" x14ac:dyDescent="0.35">
      <c r="A4310" s="1" t="s">
        <v>16717</v>
      </c>
      <c r="B4310" s="1" t="s">
        <v>16449</v>
      </c>
      <c r="C4310" s="1" t="s">
        <v>100</v>
      </c>
      <c r="D4310" s="1" t="s">
        <v>16790</v>
      </c>
      <c r="E4310" s="1" t="s">
        <v>16791</v>
      </c>
      <c r="F4310" s="1" t="s">
        <v>16792</v>
      </c>
      <c r="G4310" s="1" t="s">
        <v>16721</v>
      </c>
      <c r="H4310" s="1" t="s">
        <v>16722</v>
      </c>
      <c r="I4310" s="1" t="s">
        <v>16455</v>
      </c>
      <c r="J4310" s="1" t="s">
        <v>16793</v>
      </c>
    </row>
    <row r="4311" spans="1:10" x14ac:dyDescent="0.35">
      <c r="A4311" s="1" t="s">
        <v>16717</v>
      </c>
      <c r="B4311" s="1" t="s">
        <v>16449</v>
      </c>
      <c r="C4311" s="1" t="s">
        <v>105</v>
      </c>
      <c r="D4311" s="1" t="s">
        <v>16794</v>
      </c>
      <c r="E4311" s="1" t="s">
        <v>16795</v>
      </c>
      <c r="F4311" s="1" t="s">
        <v>16796</v>
      </c>
      <c r="G4311" s="1" t="s">
        <v>16721</v>
      </c>
      <c r="H4311" s="1" t="s">
        <v>16722</v>
      </c>
      <c r="I4311" s="1" t="s">
        <v>16455</v>
      </c>
      <c r="J4311" s="1" t="s">
        <v>16797</v>
      </c>
    </row>
    <row r="4312" spans="1:10" x14ac:dyDescent="0.35">
      <c r="A4312" s="1" t="s">
        <v>16717</v>
      </c>
      <c r="B4312" s="1" t="s">
        <v>16449</v>
      </c>
      <c r="C4312" s="1" t="s">
        <v>110</v>
      </c>
      <c r="D4312" s="1" t="s">
        <v>16798</v>
      </c>
      <c r="E4312" s="1" t="s">
        <v>16799</v>
      </c>
      <c r="F4312" s="1" t="s">
        <v>16800</v>
      </c>
      <c r="G4312" s="1" t="s">
        <v>16721</v>
      </c>
      <c r="H4312" s="1" t="s">
        <v>16722</v>
      </c>
      <c r="I4312" s="1" t="s">
        <v>16455</v>
      </c>
      <c r="J4312" s="1" t="s">
        <v>16801</v>
      </c>
    </row>
    <row r="4313" spans="1:10" x14ac:dyDescent="0.35">
      <c r="A4313" s="1" t="s">
        <v>16717</v>
      </c>
      <c r="B4313" s="1" t="s">
        <v>16449</v>
      </c>
      <c r="C4313" s="1" t="s">
        <v>115</v>
      </c>
      <c r="D4313" s="1" t="s">
        <v>16802</v>
      </c>
      <c r="E4313" s="1" t="s">
        <v>16803</v>
      </c>
      <c r="F4313" s="1" t="s">
        <v>16804</v>
      </c>
      <c r="G4313" s="1" t="s">
        <v>16721</v>
      </c>
      <c r="H4313" s="1" t="s">
        <v>16722</v>
      </c>
      <c r="I4313" s="1" t="s">
        <v>16455</v>
      </c>
      <c r="J4313" s="1" t="s">
        <v>16805</v>
      </c>
    </row>
    <row r="4314" spans="1:10" x14ac:dyDescent="0.35">
      <c r="A4314" s="1" t="s">
        <v>16717</v>
      </c>
      <c r="B4314" s="1" t="s">
        <v>16449</v>
      </c>
      <c r="C4314" s="1" t="s">
        <v>120</v>
      </c>
      <c r="D4314" s="1" t="s">
        <v>16806</v>
      </c>
      <c r="E4314" s="1" t="s">
        <v>16807</v>
      </c>
      <c r="F4314" s="1" t="s">
        <v>16808</v>
      </c>
      <c r="G4314" s="1" t="s">
        <v>16721</v>
      </c>
      <c r="H4314" s="1" t="s">
        <v>16722</v>
      </c>
      <c r="I4314" s="1" t="s">
        <v>16455</v>
      </c>
      <c r="J4314" s="1" t="s">
        <v>16809</v>
      </c>
    </row>
    <row r="4315" spans="1:10" x14ac:dyDescent="0.35">
      <c r="A4315" s="1" t="s">
        <v>16717</v>
      </c>
      <c r="B4315" s="1" t="s">
        <v>16449</v>
      </c>
      <c r="C4315" s="1" t="s">
        <v>125</v>
      </c>
      <c r="D4315" s="1" t="s">
        <v>16810</v>
      </c>
      <c r="E4315" s="1" t="s">
        <v>16811</v>
      </c>
      <c r="F4315" s="1" t="s">
        <v>16812</v>
      </c>
      <c r="G4315" s="1" t="s">
        <v>16721</v>
      </c>
      <c r="H4315" s="1" t="s">
        <v>16722</v>
      </c>
      <c r="I4315" s="1" t="s">
        <v>16455</v>
      </c>
      <c r="J4315" s="1" t="s">
        <v>16813</v>
      </c>
    </row>
    <row r="4316" spans="1:10" x14ac:dyDescent="0.35">
      <c r="A4316" s="1" t="s">
        <v>16717</v>
      </c>
      <c r="B4316" s="1" t="s">
        <v>16449</v>
      </c>
      <c r="C4316" s="1" t="s">
        <v>130</v>
      </c>
      <c r="D4316" s="1" t="s">
        <v>16814</v>
      </c>
      <c r="E4316" s="1" t="s">
        <v>16815</v>
      </c>
      <c r="F4316" s="1" t="s">
        <v>16816</v>
      </c>
      <c r="G4316" s="1" t="s">
        <v>16721</v>
      </c>
      <c r="H4316" s="1" t="s">
        <v>16722</v>
      </c>
      <c r="I4316" s="1" t="s">
        <v>16455</v>
      </c>
      <c r="J4316" s="1" t="s">
        <v>16817</v>
      </c>
    </row>
    <row r="4317" spans="1:10" x14ac:dyDescent="0.35">
      <c r="A4317" s="1" t="s">
        <v>16717</v>
      </c>
      <c r="B4317" s="1" t="s">
        <v>16449</v>
      </c>
      <c r="C4317" s="1" t="s">
        <v>135</v>
      </c>
      <c r="D4317" s="1" t="s">
        <v>16818</v>
      </c>
      <c r="E4317" s="1" t="s">
        <v>16819</v>
      </c>
      <c r="F4317" s="1" t="s">
        <v>16820</v>
      </c>
      <c r="G4317" s="1" t="s">
        <v>16721</v>
      </c>
      <c r="H4317" s="1" t="s">
        <v>16722</v>
      </c>
      <c r="I4317" s="1" t="s">
        <v>16455</v>
      </c>
      <c r="J4317" s="1" t="s">
        <v>16821</v>
      </c>
    </row>
    <row r="4318" spans="1:10" x14ac:dyDescent="0.35">
      <c r="A4318" s="1" t="s">
        <v>16717</v>
      </c>
      <c r="B4318" s="1" t="s">
        <v>16449</v>
      </c>
      <c r="C4318" s="1" t="s">
        <v>140</v>
      </c>
      <c r="D4318" s="1" t="s">
        <v>16822</v>
      </c>
      <c r="E4318" s="1" t="s">
        <v>16823</v>
      </c>
      <c r="F4318" s="1" t="s">
        <v>16824</v>
      </c>
      <c r="G4318" s="1" t="s">
        <v>16721</v>
      </c>
      <c r="H4318" s="1" t="s">
        <v>16722</v>
      </c>
      <c r="I4318" s="1" t="s">
        <v>16455</v>
      </c>
      <c r="J4318" s="1" t="s">
        <v>16825</v>
      </c>
    </row>
    <row r="4319" spans="1:10" x14ac:dyDescent="0.35">
      <c r="A4319" s="1" t="s">
        <v>16717</v>
      </c>
      <c r="B4319" s="1" t="s">
        <v>16449</v>
      </c>
      <c r="C4319" s="1" t="s">
        <v>145</v>
      </c>
      <c r="D4319" s="1" t="s">
        <v>16826</v>
      </c>
      <c r="E4319" s="1" t="s">
        <v>16827</v>
      </c>
      <c r="F4319" s="1" t="s">
        <v>16828</v>
      </c>
      <c r="G4319" s="1" t="s">
        <v>16721</v>
      </c>
      <c r="H4319" s="1" t="s">
        <v>16722</v>
      </c>
      <c r="I4319" s="1" t="s">
        <v>16455</v>
      </c>
      <c r="J4319" s="1" t="s">
        <v>16829</v>
      </c>
    </row>
    <row r="4320" spans="1:10" x14ac:dyDescent="0.35">
      <c r="A4320" s="1" t="s">
        <v>16717</v>
      </c>
      <c r="B4320" s="1" t="s">
        <v>16449</v>
      </c>
      <c r="C4320" s="1" t="s">
        <v>150</v>
      </c>
      <c r="D4320" s="1" t="s">
        <v>16830</v>
      </c>
      <c r="E4320" s="1" t="s">
        <v>16831</v>
      </c>
      <c r="F4320" s="1" t="s">
        <v>16832</v>
      </c>
      <c r="G4320" s="1" t="s">
        <v>16721</v>
      </c>
      <c r="H4320" s="1" t="s">
        <v>16722</v>
      </c>
      <c r="I4320" s="1" t="s">
        <v>16455</v>
      </c>
      <c r="J4320" s="1" t="s">
        <v>16833</v>
      </c>
    </row>
    <row r="4321" spans="1:10" x14ac:dyDescent="0.35">
      <c r="A4321" s="1" t="s">
        <v>16717</v>
      </c>
      <c r="B4321" s="1" t="s">
        <v>16449</v>
      </c>
      <c r="C4321" s="1" t="s">
        <v>155</v>
      </c>
      <c r="D4321" s="1" t="s">
        <v>16834</v>
      </c>
      <c r="E4321" s="1" t="s">
        <v>16835</v>
      </c>
      <c r="F4321" s="1" t="s">
        <v>16836</v>
      </c>
      <c r="G4321" s="1" t="s">
        <v>16721</v>
      </c>
      <c r="H4321" s="1" t="s">
        <v>16722</v>
      </c>
      <c r="I4321" s="1" t="s">
        <v>16455</v>
      </c>
      <c r="J4321" s="1" t="s">
        <v>16837</v>
      </c>
    </row>
    <row r="4322" spans="1:10" x14ac:dyDescent="0.35">
      <c r="A4322" s="1" t="s">
        <v>16717</v>
      </c>
      <c r="B4322" s="1" t="s">
        <v>16449</v>
      </c>
      <c r="C4322" s="1" t="s">
        <v>160</v>
      </c>
      <c r="D4322" s="1" t="s">
        <v>16838</v>
      </c>
      <c r="E4322" s="1" t="s">
        <v>16839</v>
      </c>
      <c r="F4322" s="1" t="s">
        <v>16840</v>
      </c>
      <c r="G4322" s="1" t="s">
        <v>16721</v>
      </c>
      <c r="H4322" s="1" t="s">
        <v>16722</v>
      </c>
      <c r="I4322" s="1" t="s">
        <v>16455</v>
      </c>
      <c r="J4322" s="1" t="s">
        <v>16841</v>
      </c>
    </row>
    <row r="4323" spans="1:10" x14ac:dyDescent="0.35">
      <c r="A4323" s="1" t="s">
        <v>16717</v>
      </c>
      <c r="B4323" s="1" t="s">
        <v>16449</v>
      </c>
      <c r="C4323" s="1" t="s">
        <v>165</v>
      </c>
      <c r="D4323" s="1" t="s">
        <v>16842</v>
      </c>
      <c r="E4323" s="1" t="s">
        <v>16843</v>
      </c>
      <c r="F4323" s="1" t="s">
        <v>16844</v>
      </c>
      <c r="G4323" s="1" t="s">
        <v>16721</v>
      </c>
      <c r="H4323" s="1" t="s">
        <v>16722</v>
      </c>
      <c r="I4323" s="1" t="s">
        <v>16455</v>
      </c>
      <c r="J4323" s="1" t="s">
        <v>16845</v>
      </c>
    </row>
    <row r="4324" spans="1:10" x14ac:dyDescent="0.35">
      <c r="A4324" s="1" t="s">
        <v>16717</v>
      </c>
      <c r="B4324" s="1" t="s">
        <v>16449</v>
      </c>
      <c r="C4324" s="1" t="s">
        <v>170</v>
      </c>
      <c r="D4324" s="1" t="s">
        <v>16846</v>
      </c>
      <c r="E4324" s="1" t="s">
        <v>16847</v>
      </c>
      <c r="F4324" s="1" t="s">
        <v>16848</v>
      </c>
      <c r="G4324" s="1" t="s">
        <v>16721</v>
      </c>
      <c r="H4324" s="1" t="s">
        <v>16722</v>
      </c>
      <c r="I4324" s="1" t="s">
        <v>16455</v>
      </c>
      <c r="J4324" s="1" t="s">
        <v>16849</v>
      </c>
    </row>
    <row r="4325" spans="1:10" x14ac:dyDescent="0.35">
      <c r="A4325" s="1" t="s">
        <v>16850</v>
      </c>
      <c r="B4325" s="1" t="s">
        <v>16851</v>
      </c>
      <c r="C4325" s="1" t="s">
        <v>8</v>
      </c>
      <c r="D4325" s="1" t="s">
        <v>16852</v>
      </c>
      <c r="E4325" s="1" t="s">
        <v>16853</v>
      </c>
      <c r="F4325" s="1" t="s">
        <v>16854</v>
      </c>
      <c r="G4325" s="1" t="s">
        <v>16855</v>
      </c>
      <c r="H4325" s="1" t="s">
        <v>16856</v>
      </c>
      <c r="I4325" s="1" t="s">
        <v>16857</v>
      </c>
      <c r="J4325" s="1" t="s">
        <v>13</v>
      </c>
    </row>
    <row r="4326" spans="1:10" x14ac:dyDescent="0.35">
      <c r="A4326" s="1" t="s">
        <v>16850</v>
      </c>
      <c r="B4326" s="1" t="s">
        <v>16851</v>
      </c>
      <c r="C4326" s="1" t="s">
        <v>15</v>
      </c>
      <c r="D4326" s="1" t="s">
        <v>16858</v>
      </c>
      <c r="E4326" s="1" t="s">
        <v>16859</v>
      </c>
      <c r="F4326" s="1" t="s">
        <v>16860</v>
      </c>
      <c r="G4326" s="1" t="s">
        <v>16855</v>
      </c>
      <c r="H4326" s="1" t="s">
        <v>16856</v>
      </c>
      <c r="I4326" s="1" t="s">
        <v>16857</v>
      </c>
      <c r="J4326" s="1" t="s">
        <v>16861</v>
      </c>
    </row>
    <row r="4327" spans="1:10" x14ac:dyDescent="0.35">
      <c r="A4327" s="1" t="s">
        <v>16850</v>
      </c>
      <c r="B4327" s="1" t="s">
        <v>16851</v>
      </c>
      <c r="C4327" s="1" t="s">
        <v>20</v>
      </c>
      <c r="D4327" s="1" t="s">
        <v>13307</v>
      </c>
      <c r="E4327" s="1" t="s">
        <v>16862</v>
      </c>
      <c r="F4327" s="1" t="s">
        <v>16863</v>
      </c>
      <c r="G4327" s="1" t="s">
        <v>16855</v>
      </c>
      <c r="H4327" s="1" t="s">
        <v>16856</v>
      </c>
      <c r="I4327" s="1" t="s">
        <v>16857</v>
      </c>
      <c r="J4327" s="1" t="s">
        <v>16864</v>
      </c>
    </row>
    <row r="4328" spans="1:10" x14ac:dyDescent="0.35">
      <c r="A4328" s="1" t="s">
        <v>16850</v>
      </c>
      <c r="B4328" s="1" t="s">
        <v>16851</v>
      </c>
      <c r="C4328" s="1" t="s">
        <v>25</v>
      </c>
      <c r="D4328" s="1" t="s">
        <v>16865</v>
      </c>
      <c r="E4328" s="1" t="s">
        <v>16866</v>
      </c>
      <c r="F4328" s="1" t="s">
        <v>16867</v>
      </c>
      <c r="G4328" s="1" t="s">
        <v>16855</v>
      </c>
      <c r="H4328" s="1" t="s">
        <v>16856</v>
      </c>
      <c r="I4328" s="1" t="s">
        <v>16857</v>
      </c>
      <c r="J4328" s="1" t="s">
        <v>16868</v>
      </c>
    </row>
    <row r="4329" spans="1:10" x14ac:dyDescent="0.35">
      <c r="A4329" s="1" t="s">
        <v>16850</v>
      </c>
      <c r="B4329" s="1" t="s">
        <v>16851</v>
      </c>
      <c r="C4329" s="1" t="s">
        <v>30</v>
      </c>
      <c r="D4329" s="1" t="s">
        <v>16869</v>
      </c>
      <c r="E4329" s="1" t="s">
        <v>16870</v>
      </c>
      <c r="F4329" s="1" t="s">
        <v>16871</v>
      </c>
      <c r="G4329" s="1" t="s">
        <v>16855</v>
      </c>
      <c r="H4329" s="1" t="s">
        <v>16856</v>
      </c>
      <c r="I4329" s="1" t="s">
        <v>16857</v>
      </c>
      <c r="J4329" s="1" t="s">
        <v>16872</v>
      </c>
    </row>
    <row r="4330" spans="1:10" x14ac:dyDescent="0.35">
      <c r="A4330" s="1" t="s">
        <v>16850</v>
      </c>
      <c r="B4330" s="1" t="s">
        <v>16851</v>
      </c>
      <c r="C4330" s="1" t="s">
        <v>35</v>
      </c>
      <c r="D4330" s="1" t="s">
        <v>16873</v>
      </c>
      <c r="E4330" s="1" t="s">
        <v>16874</v>
      </c>
      <c r="F4330" s="1" t="s">
        <v>16875</v>
      </c>
      <c r="G4330" s="1" t="s">
        <v>16855</v>
      </c>
      <c r="H4330" s="1" t="s">
        <v>16856</v>
      </c>
      <c r="I4330" s="1" t="s">
        <v>16857</v>
      </c>
      <c r="J4330" s="1" t="s">
        <v>16876</v>
      </c>
    </row>
    <row r="4331" spans="1:10" x14ac:dyDescent="0.35">
      <c r="A4331" s="1" t="s">
        <v>16850</v>
      </c>
      <c r="B4331" s="1" t="s">
        <v>16851</v>
      </c>
      <c r="C4331" s="1" t="s">
        <v>40</v>
      </c>
      <c r="D4331" s="1" t="s">
        <v>16877</v>
      </c>
      <c r="E4331" s="1" t="s">
        <v>16878</v>
      </c>
      <c r="F4331" s="1" t="s">
        <v>16879</v>
      </c>
      <c r="G4331" s="1" t="s">
        <v>16855</v>
      </c>
      <c r="H4331" s="1" t="s">
        <v>16856</v>
      </c>
      <c r="I4331" s="1" t="s">
        <v>16857</v>
      </c>
      <c r="J4331" s="1" t="s">
        <v>16880</v>
      </c>
    </row>
    <row r="4332" spans="1:10" x14ac:dyDescent="0.35">
      <c r="A4332" s="1" t="s">
        <v>16850</v>
      </c>
      <c r="B4332" s="1" t="s">
        <v>16851</v>
      </c>
      <c r="C4332" s="1" t="s">
        <v>45</v>
      </c>
      <c r="D4332" s="1" t="s">
        <v>16881</v>
      </c>
      <c r="E4332" s="1" t="s">
        <v>16882</v>
      </c>
      <c r="F4332" s="1" t="s">
        <v>16883</v>
      </c>
      <c r="G4332" s="1" t="s">
        <v>16855</v>
      </c>
      <c r="H4332" s="1" t="s">
        <v>16856</v>
      </c>
      <c r="I4332" s="1" t="s">
        <v>16857</v>
      </c>
      <c r="J4332" s="1" t="s">
        <v>16884</v>
      </c>
    </row>
    <row r="4333" spans="1:10" x14ac:dyDescent="0.35">
      <c r="A4333" s="1" t="s">
        <v>16850</v>
      </c>
      <c r="B4333" s="1" t="s">
        <v>16851</v>
      </c>
      <c r="C4333" s="1" t="s">
        <v>50</v>
      </c>
      <c r="D4333" s="1" t="s">
        <v>16885</v>
      </c>
      <c r="E4333" s="1" t="s">
        <v>16886</v>
      </c>
      <c r="F4333" s="1" t="s">
        <v>16887</v>
      </c>
      <c r="G4333" s="1" t="s">
        <v>16855</v>
      </c>
      <c r="H4333" s="1" t="s">
        <v>16856</v>
      </c>
      <c r="I4333" s="1" t="s">
        <v>16857</v>
      </c>
      <c r="J4333" s="1" t="s">
        <v>16888</v>
      </c>
    </row>
    <row r="4334" spans="1:10" x14ac:dyDescent="0.35">
      <c r="A4334" s="1" t="s">
        <v>16850</v>
      </c>
      <c r="B4334" s="1" t="s">
        <v>16851</v>
      </c>
      <c r="C4334" s="1" t="s">
        <v>55</v>
      </c>
      <c r="D4334" s="1" t="s">
        <v>16889</v>
      </c>
      <c r="E4334" s="1" t="s">
        <v>16890</v>
      </c>
      <c r="F4334" s="1" t="s">
        <v>16891</v>
      </c>
      <c r="G4334" s="1" t="s">
        <v>16855</v>
      </c>
      <c r="H4334" s="1" t="s">
        <v>16856</v>
      </c>
      <c r="I4334" s="1" t="s">
        <v>16857</v>
      </c>
      <c r="J4334" s="1" t="s">
        <v>16892</v>
      </c>
    </row>
    <row r="4335" spans="1:10" x14ac:dyDescent="0.35">
      <c r="A4335" s="1" t="s">
        <v>16850</v>
      </c>
      <c r="B4335" s="1" t="s">
        <v>16851</v>
      </c>
      <c r="C4335" s="1" t="s">
        <v>60</v>
      </c>
      <c r="D4335" s="1" t="s">
        <v>16893</v>
      </c>
      <c r="E4335" s="1" t="s">
        <v>16894</v>
      </c>
      <c r="F4335" s="1" t="s">
        <v>16895</v>
      </c>
      <c r="G4335" s="1" t="s">
        <v>16855</v>
      </c>
      <c r="H4335" s="1" t="s">
        <v>16856</v>
      </c>
      <c r="I4335" s="1" t="s">
        <v>16857</v>
      </c>
      <c r="J4335" s="1" t="s">
        <v>16896</v>
      </c>
    </row>
    <row r="4336" spans="1:10" x14ac:dyDescent="0.35">
      <c r="A4336" s="1" t="s">
        <v>16850</v>
      </c>
      <c r="B4336" s="1" t="s">
        <v>16851</v>
      </c>
      <c r="C4336" s="1" t="s">
        <v>65</v>
      </c>
      <c r="D4336" s="1" t="s">
        <v>16897</v>
      </c>
      <c r="E4336" s="1" t="s">
        <v>16898</v>
      </c>
      <c r="F4336" s="1" t="s">
        <v>16899</v>
      </c>
      <c r="G4336" s="1" t="s">
        <v>16855</v>
      </c>
      <c r="H4336" s="1" t="s">
        <v>16856</v>
      </c>
      <c r="I4336" s="1" t="s">
        <v>16857</v>
      </c>
      <c r="J4336" s="1" t="s">
        <v>16900</v>
      </c>
    </row>
    <row r="4337" spans="1:10" x14ac:dyDescent="0.35">
      <c r="A4337" s="1" t="s">
        <v>16850</v>
      </c>
      <c r="B4337" s="1" t="s">
        <v>16851</v>
      </c>
      <c r="C4337" s="1" t="s">
        <v>70</v>
      </c>
      <c r="D4337" s="1" t="s">
        <v>16901</v>
      </c>
      <c r="E4337" s="1" t="s">
        <v>16902</v>
      </c>
      <c r="F4337" s="1" t="s">
        <v>16903</v>
      </c>
      <c r="G4337" s="1" t="s">
        <v>16855</v>
      </c>
      <c r="H4337" s="1" t="s">
        <v>16856</v>
      </c>
      <c r="I4337" s="1" t="s">
        <v>16857</v>
      </c>
      <c r="J4337" s="1" t="s">
        <v>16904</v>
      </c>
    </row>
    <row r="4338" spans="1:10" x14ac:dyDescent="0.35">
      <c r="A4338" s="1" t="s">
        <v>16850</v>
      </c>
      <c r="B4338" s="1" t="s">
        <v>16851</v>
      </c>
      <c r="C4338" s="1" t="s">
        <v>75</v>
      </c>
      <c r="D4338" s="1" t="s">
        <v>16905</v>
      </c>
      <c r="E4338" s="1" t="s">
        <v>16906</v>
      </c>
      <c r="F4338" s="1" t="s">
        <v>16907</v>
      </c>
      <c r="G4338" s="1" t="s">
        <v>16855</v>
      </c>
      <c r="H4338" s="1" t="s">
        <v>16856</v>
      </c>
      <c r="I4338" s="1" t="s">
        <v>16857</v>
      </c>
      <c r="J4338" s="1" t="s">
        <v>16908</v>
      </c>
    </row>
    <row r="4339" spans="1:10" x14ac:dyDescent="0.35">
      <c r="A4339" s="1" t="s">
        <v>16850</v>
      </c>
      <c r="B4339" s="1" t="s">
        <v>16851</v>
      </c>
      <c r="C4339" s="1" t="s">
        <v>80</v>
      </c>
      <c r="D4339" s="1" t="s">
        <v>16909</v>
      </c>
      <c r="E4339" s="1" t="s">
        <v>16910</v>
      </c>
      <c r="F4339" s="1" t="s">
        <v>16911</v>
      </c>
      <c r="G4339" s="1" t="s">
        <v>16855</v>
      </c>
      <c r="H4339" s="1" t="s">
        <v>16856</v>
      </c>
      <c r="I4339" s="1" t="s">
        <v>16857</v>
      </c>
      <c r="J4339" s="1" t="s">
        <v>16912</v>
      </c>
    </row>
    <row r="4340" spans="1:10" x14ac:dyDescent="0.35">
      <c r="A4340" s="1" t="s">
        <v>16850</v>
      </c>
      <c r="B4340" s="1" t="s">
        <v>16851</v>
      </c>
      <c r="C4340" s="1" t="s">
        <v>85</v>
      </c>
      <c r="D4340" s="1" t="s">
        <v>16913</v>
      </c>
      <c r="E4340" s="1" t="s">
        <v>16914</v>
      </c>
      <c r="F4340" s="1" t="s">
        <v>16915</v>
      </c>
      <c r="G4340" s="1" t="s">
        <v>16855</v>
      </c>
      <c r="H4340" s="1" t="s">
        <v>16856</v>
      </c>
      <c r="I4340" s="1" t="s">
        <v>16857</v>
      </c>
      <c r="J4340" s="1" t="s">
        <v>16916</v>
      </c>
    </row>
    <row r="4341" spans="1:10" x14ac:dyDescent="0.35">
      <c r="A4341" s="1" t="s">
        <v>16850</v>
      </c>
      <c r="B4341" s="1" t="s">
        <v>16851</v>
      </c>
      <c r="C4341" s="1" t="s">
        <v>90</v>
      </c>
      <c r="D4341" s="1" t="s">
        <v>16917</v>
      </c>
      <c r="E4341" s="1" t="s">
        <v>16918</v>
      </c>
      <c r="F4341" s="1" t="s">
        <v>16919</v>
      </c>
      <c r="G4341" s="1" t="s">
        <v>16855</v>
      </c>
      <c r="H4341" s="1" t="s">
        <v>16856</v>
      </c>
      <c r="I4341" s="1" t="s">
        <v>16857</v>
      </c>
      <c r="J4341" s="1" t="s">
        <v>16920</v>
      </c>
    </row>
    <row r="4342" spans="1:10" x14ac:dyDescent="0.35">
      <c r="A4342" s="1" t="s">
        <v>16850</v>
      </c>
      <c r="B4342" s="1" t="s">
        <v>16851</v>
      </c>
      <c r="C4342" s="1" t="s">
        <v>95</v>
      </c>
      <c r="D4342" s="1" t="s">
        <v>16921</v>
      </c>
      <c r="E4342" s="1" t="s">
        <v>16922</v>
      </c>
      <c r="F4342" s="1" t="s">
        <v>16923</v>
      </c>
      <c r="G4342" s="1" t="s">
        <v>16855</v>
      </c>
      <c r="H4342" s="1" t="s">
        <v>16856</v>
      </c>
      <c r="I4342" s="1" t="s">
        <v>16857</v>
      </c>
      <c r="J4342" s="1" t="s">
        <v>16924</v>
      </c>
    </row>
    <row r="4343" spans="1:10" x14ac:dyDescent="0.35">
      <c r="A4343" s="1" t="s">
        <v>16850</v>
      </c>
      <c r="B4343" s="1" t="s">
        <v>16851</v>
      </c>
      <c r="C4343" s="1" t="s">
        <v>100</v>
      </c>
      <c r="D4343" s="1" t="s">
        <v>16925</v>
      </c>
      <c r="E4343" s="1" t="s">
        <v>16926</v>
      </c>
      <c r="F4343" s="1" t="s">
        <v>16927</v>
      </c>
      <c r="G4343" s="1" t="s">
        <v>16855</v>
      </c>
      <c r="H4343" s="1" t="s">
        <v>16856</v>
      </c>
      <c r="I4343" s="1" t="s">
        <v>16857</v>
      </c>
      <c r="J4343" s="1" t="s">
        <v>16928</v>
      </c>
    </row>
    <row r="4344" spans="1:10" x14ac:dyDescent="0.35">
      <c r="A4344" s="1" t="s">
        <v>16850</v>
      </c>
      <c r="B4344" s="1" t="s">
        <v>16851</v>
      </c>
      <c r="C4344" s="1" t="s">
        <v>105</v>
      </c>
      <c r="D4344" s="1" t="s">
        <v>16929</v>
      </c>
      <c r="E4344" s="1" t="s">
        <v>16930</v>
      </c>
      <c r="F4344" s="1" t="s">
        <v>16931</v>
      </c>
      <c r="G4344" s="1" t="s">
        <v>16855</v>
      </c>
      <c r="H4344" s="1" t="s">
        <v>16856</v>
      </c>
      <c r="I4344" s="1" t="s">
        <v>16857</v>
      </c>
      <c r="J4344" s="1" t="s">
        <v>16932</v>
      </c>
    </row>
    <row r="4345" spans="1:10" x14ac:dyDescent="0.35">
      <c r="A4345" s="1" t="s">
        <v>16850</v>
      </c>
      <c r="B4345" s="1" t="s">
        <v>16851</v>
      </c>
      <c r="C4345" s="1" t="s">
        <v>110</v>
      </c>
      <c r="D4345" s="1" t="s">
        <v>16933</v>
      </c>
      <c r="E4345" s="1" t="s">
        <v>16934</v>
      </c>
      <c r="F4345" s="1" t="s">
        <v>16935</v>
      </c>
      <c r="G4345" s="1" t="s">
        <v>16855</v>
      </c>
      <c r="H4345" s="1" t="s">
        <v>16856</v>
      </c>
      <c r="I4345" s="1" t="s">
        <v>16857</v>
      </c>
      <c r="J4345" s="1" t="s">
        <v>16936</v>
      </c>
    </row>
    <row r="4346" spans="1:10" x14ac:dyDescent="0.35">
      <c r="A4346" s="1" t="s">
        <v>16850</v>
      </c>
      <c r="B4346" s="1" t="s">
        <v>16851</v>
      </c>
      <c r="C4346" s="1" t="s">
        <v>115</v>
      </c>
      <c r="D4346" s="1" t="s">
        <v>16937</v>
      </c>
      <c r="E4346" s="1" t="s">
        <v>16938</v>
      </c>
      <c r="F4346" s="1" t="s">
        <v>16939</v>
      </c>
      <c r="G4346" s="1" t="s">
        <v>16855</v>
      </c>
      <c r="H4346" s="1" t="s">
        <v>16856</v>
      </c>
      <c r="I4346" s="1" t="s">
        <v>16857</v>
      </c>
      <c r="J4346" s="1" t="s">
        <v>16940</v>
      </c>
    </row>
    <row r="4347" spans="1:10" x14ac:dyDescent="0.35">
      <c r="A4347" s="1" t="s">
        <v>16850</v>
      </c>
      <c r="B4347" s="1" t="s">
        <v>16851</v>
      </c>
      <c r="C4347" s="1" t="s">
        <v>120</v>
      </c>
      <c r="D4347" s="1" t="s">
        <v>16941</v>
      </c>
      <c r="E4347" s="1" t="s">
        <v>16942</v>
      </c>
      <c r="F4347" s="1" t="s">
        <v>16943</v>
      </c>
      <c r="G4347" s="1" t="s">
        <v>16855</v>
      </c>
      <c r="H4347" s="1" t="s">
        <v>16856</v>
      </c>
      <c r="I4347" s="1" t="s">
        <v>16857</v>
      </c>
      <c r="J4347" s="1" t="s">
        <v>16944</v>
      </c>
    </row>
    <row r="4348" spans="1:10" x14ac:dyDescent="0.35">
      <c r="A4348" s="1" t="s">
        <v>16850</v>
      </c>
      <c r="B4348" s="1" t="s">
        <v>16851</v>
      </c>
      <c r="C4348" s="1" t="s">
        <v>125</v>
      </c>
      <c r="D4348" s="1" t="s">
        <v>16945</v>
      </c>
      <c r="E4348" s="1" t="s">
        <v>16946</v>
      </c>
      <c r="F4348" s="1" t="s">
        <v>16947</v>
      </c>
      <c r="G4348" s="1" t="s">
        <v>16855</v>
      </c>
      <c r="H4348" s="1" t="s">
        <v>16856</v>
      </c>
      <c r="I4348" s="1" t="s">
        <v>16857</v>
      </c>
      <c r="J4348" s="1" t="s">
        <v>16948</v>
      </c>
    </row>
    <row r="4349" spans="1:10" x14ac:dyDescent="0.35">
      <c r="A4349" s="1" t="s">
        <v>16850</v>
      </c>
      <c r="B4349" s="1" t="s">
        <v>16851</v>
      </c>
      <c r="C4349" s="1" t="s">
        <v>130</v>
      </c>
      <c r="D4349" s="1" t="s">
        <v>16949</v>
      </c>
      <c r="E4349" s="1" t="s">
        <v>16950</v>
      </c>
      <c r="F4349" s="1" t="s">
        <v>16951</v>
      </c>
      <c r="G4349" s="1" t="s">
        <v>16855</v>
      </c>
      <c r="H4349" s="1" t="s">
        <v>16856</v>
      </c>
      <c r="I4349" s="1" t="s">
        <v>16857</v>
      </c>
      <c r="J4349" s="1" t="s">
        <v>16952</v>
      </c>
    </row>
    <row r="4350" spans="1:10" x14ac:dyDescent="0.35">
      <c r="A4350" s="1" t="s">
        <v>16850</v>
      </c>
      <c r="B4350" s="1" t="s">
        <v>16851</v>
      </c>
      <c r="C4350" s="1" t="s">
        <v>135</v>
      </c>
      <c r="D4350" s="1" t="s">
        <v>16953</v>
      </c>
      <c r="E4350" s="1" t="s">
        <v>16954</v>
      </c>
      <c r="F4350" s="1" t="s">
        <v>16955</v>
      </c>
      <c r="G4350" s="1" t="s">
        <v>16855</v>
      </c>
      <c r="H4350" s="1" t="s">
        <v>16856</v>
      </c>
      <c r="I4350" s="1" t="s">
        <v>16857</v>
      </c>
      <c r="J4350" s="1" t="s">
        <v>16956</v>
      </c>
    </row>
    <row r="4351" spans="1:10" x14ac:dyDescent="0.35">
      <c r="A4351" s="1" t="s">
        <v>16850</v>
      </c>
      <c r="B4351" s="1" t="s">
        <v>16851</v>
      </c>
      <c r="C4351" s="1" t="s">
        <v>140</v>
      </c>
      <c r="D4351" s="1" t="s">
        <v>16957</v>
      </c>
      <c r="E4351" s="1" t="s">
        <v>16958</v>
      </c>
      <c r="F4351" s="1" t="s">
        <v>16959</v>
      </c>
      <c r="G4351" s="1" t="s">
        <v>16855</v>
      </c>
      <c r="H4351" s="1" t="s">
        <v>16856</v>
      </c>
      <c r="I4351" s="1" t="s">
        <v>16857</v>
      </c>
      <c r="J4351" s="1" t="s">
        <v>16960</v>
      </c>
    </row>
    <row r="4352" spans="1:10" x14ac:dyDescent="0.35">
      <c r="A4352" s="1" t="s">
        <v>16850</v>
      </c>
      <c r="B4352" s="1" t="s">
        <v>16851</v>
      </c>
      <c r="C4352" s="1" t="s">
        <v>145</v>
      </c>
      <c r="D4352" s="1" t="s">
        <v>16961</v>
      </c>
      <c r="E4352" s="1" t="s">
        <v>16962</v>
      </c>
      <c r="F4352" s="1" t="s">
        <v>16963</v>
      </c>
      <c r="G4352" s="1" t="s">
        <v>16855</v>
      </c>
      <c r="H4352" s="1" t="s">
        <v>16856</v>
      </c>
      <c r="I4352" s="1" t="s">
        <v>16857</v>
      </c>
      <c r="J4352" s="1" t="s">
        <v>16964</v>
      </c>
    </row>
    <row r="4353" spans="1:10" x14ac:dyDescent="0.35">
      <c r="A4353" s="1" t="s">
        <v>16850</v>
      </c>
      <c r="B4353" s="1" t="s">
        <v>16851</v>
      </c>
      <c r="C4353" s="1" t="s">
        <v>150</v>
      </c>
      <c r="D4353" s="1" t="s">
        <v>16965</v>
      </c>
      <c r="E4353" s="1" t="s">
        <v>16966</v>
      </c>
      <c r="F4353" s="1" t="s">
        <v>16967</v>
      </c>
      <c r="G4353" s="1" t="s">
        <v>16855</v>
      </c>
      <c r="H4353" s="1" t="s">
        <v>16856</v>
      </c>
      <c r="I4353" s="1" t="s">
        <v>16857</v>
      </c>
      <c r="J4353" s="1" t="s">
        <v>16968</v>
      </c>
    </row>
    <row r="4354" spans="1:10" x14ac:dyDescent="0.35">
      <c r="A4354" s="1" t="s">
        <v>16850</v>
      </c>
      <c r="B4354" s="1" t="s">
        <v>16851</v>
      </c>
      <c r="C4354" s="1" t="s">
        <v>155</v>
      </c>
      <c r="D4354" s="1" t="s">
        <v>16969</v>
      </c>
      <c r="E4354" s="1" t="s">
        <v>16970</v>
      </c>
      <c r="F4354" s="1" t="s">
        <v>16971</v>
      </c>
      <c r="G4354" s="1" t="s">
        <v>16855</v>
      </c>
      <c r="H4354" s="1" t="s">
        <v>16856</v>
      </c>
      <c r="I4354" s="1" t="s">
        <v>16857</v>
      </c>
      <c r="J4354" s="1" t="s">
        <v>16972</v>
      </c>
    </row>
    <row r="4355" spans="1:10" x14ac:dyDescent="0.35">
      <c r="A4355" s="1" t="s">
        <v>16850</v>
      </c>
      <c r="B4355" s="1" t="s">
        <v>16851</v>
      </c>
      <c r="C4355" s="1" t="s">
        <v>160</v>
      </c>
      <c r="D4355" s="1" t="s">
        <v>16973</v>
      </c>
      <c r="E4355" s="1" t="s">
        <v>16974</v>
      </c>
      <c r="F4355" s="1" t="s">
        <v>16975</v>
      </c>
      <c r="G4355" s="1" t="s">
        <v>16855</v>
      </c>
      <c r="H4355" s="1" t="s">
        <v>16856</v>
      </c>
      <c r="I4355" s="1" t="s">
        <v>16857</v>
      </c>
      <c r="J4355" s="1" t="s">
        <v>16976</v>
      </c>
    </row>
    <row r="4356" spans="1:10" x14ac:dyDescent="0.35">
      <c r="A4356" s="1" t="s">
        <v>16850</v>
      </c>
      <c r="B4356" s="1" t="s">
        <v>16851</v>
      </c>
      <c r="C4356" s="1" t="s">
        <v>165</v>
      </c>
      <c r="D4356" s="1" t="s">
        <v>16977</v>
      </c>
      <c r="E4356" s="1" t="s">
        <v>16978</v>
      </c>
      <c r="F4356" s="1" t="s">
        <v>16979</v>
      </c>
      <c r="G4356" s="1" t="s">
        <v>16855</v>
      </c>
      <c r="H4356" s="1" t="s">
        <v>16856</v>
      </c>
      <c r="I4356" s="1" t="s">
        <v>16857</v>
      </c>
      <c r="J4356" s="1" t="s">
        <v>16980</v>
      </c>
    </row>
    <row r="4357" spans="1:10" x14ac:dyDescent="0.35">
      <c r="A4357" s="1" t="s">
        <v>16850</v>
      </c>
      <c r="B4357" s="1" t="s">
        <v>16851</v>
      </c>
      <c r="C4357" s="1" t="s">
        <v>170</v>
      </c>
      <c r="D4357" s="1" t="s">
        <v>16981</v>
      </c>
      <c r="E4357" s="1" t="s">
        <v>16982</v>
      </c>
      <c r="F4357" s="1" t="s">
        <v>16983</v>
      </c>
      <c r="G4357" s="1" t="s">
        <v>16855</v>
      </c>
      <c r="H4357" s="1" t="s">
        <v>16856</v>
      </c>
      <c r="I4357" s="1" t="s">
        <v>16857</v>
      </c>
      <c r="J4357" s="1" t="s">
        <v>16984</v>
      </c>
    </row>
    <row r="4358" spans="1:10" x14ac:dyDescent="0.35">
      <c r="A4358" s="1" t="s">
        <v>16985</v>
      </c>
      <c r="B4358" s="1" t="s">
        <v>16851</v>
      </c>
      <c r="C4358" s="1" t="s">
        <v>8</v>
      </c>
      <c r="D4358" s="1" t="s">
        <v>4614</v>
      </c>
      <c r="E4358" s="1" t="s">
        <v>16986</v>
      </c>
      <c r="F4358" s="1" t="s">
        <v>16987</v>
      </c>
      <c r="G4358" s="1" t="s">
        <v>16988</v>
      </c>
      <c r="H4358" s="1" t="s">
        <v>16989</v>
      </c>
      <c r="I4358" s="1" t="s">
        <v>16857</v>
      </c>
      <c r="J4358" s="1" t="s">
        <v>13</v>
      </c>
    </row>
    <row r="4359" spans="1:10" x14ac:dyDescent="0.35">
      <c r="A4359" s="1" t="s">
        <v>16985</v>
      </c>
      <c r="B4359" s="1" t="s">
        <v>16851</v>
      </c>
      <c r="C4359" s="1" t="s">
        <v>15</v>
      </c>
      <c r="D4359" s="1" t="s">
        <v>16990</v>
      </c>
      <c r="E4359" s="1" t="s">
        <v>16991</v>
      </c>
      <c r="F4359" s="1" t="s">
        <v>16992</v>
      </c>
      <c r="G4359" s="1" t="s">
        <v>16988</v>
      </c>
      <c r="H4359" s="1" t="s">
        <v>16989</v>
      </c>
      <c r="I4359" s="1" t="s">
        <v>16857</v>
      </c>
      <c r="J4359" s="1" t="s">
        <v>16993</v>
      </c>
    </row>
    <row r="4360" spans="1:10" x14ac:dyDescent="0.35">
      <c r="A4360" s="1" t="s">
        <v>16985</v>
      </c>
      <c r="B4360" s="1" t="s">
        <v>16851</v>
      </c>
      <c r="C4360" s="1" t="s">
        <v>20</v>
      </c>
      <c r="D4360" s="1" t="s">
        <v>16994</v>
      </c>
      <c r="E4360" s="1" t="s">
        <v>16995</v>
      </c>
      <c r="F4360" s="1" t="s">
        <v>16996</v>
      </c>
      <c r="G4360" s="1" t="s">
        <v>16988</v>
      </c>
      <c r="H4360" s="1" t="s">
        <v>16989</v>
      </c>
      <c r="I4360" s="1" t="s">
        <v>16857</v>
      </c>
      <c r="J4360" s="1" t="s">
        <v>16997</v>
      </c>
    </row>
    <row r="4361" spans="1:10" x14ac:dyDescent="0.35">
      <c r="A4361" s="1" t="s">
        <v>16985</v>
      </c>
      <c r="B4361" s="1" t="s">
        <v>16851</v>
      </c>
      <c r="C4361" s="1" t="s">
        <v>25</v>
      </c>
      <c r="D4361" s="1" t="s">
        <v>16998</v>
      </c>
      <c r="E4361" s="1" t="s">
        <v>16999</v>
      </c>
      <c r="F4361" s="1" t="s">
        <v>17000</v>
      </c>
      <c r="G4361" s="1" t="s">
        <v>16988</v>
      </c>
      <c r="H4361" s="1" t="s">
        <v>16989</v>
      </c>
      <c r="I4361" s="1" t="s">
        <v>16857</v>
      </c>
      <c r="J4361" s="1" t="s">
        <v>17001</v>
      </c>
    </row>
    <row r="4362" spans="1:10" x14ac:dyDescent="0.35">
      <c r="A4362" s="1" t="s">
        <v>16985</v>
      </c>
      <c r="B4362" s="1" t="s">
        <v>16851</v>
      </c>
      <c r="C4362" s="1" t="s">
        <v>30</v>
      </c>
      <c r="D4362" s="1" t="s">
        <v>17002</v>
      </c>
      <c r="E4362" s="1" t="s">
        <v>17003</v>
      </c>
      <c r="F4362" s="1" t="s">
        <v>17004</v>
      </c>
      <c r="G4362" s="1" t="s">
        <v>16988</v>
      </c>
      <c r="H4362" s="1" t="s">
        <v>16989</v>
      </c>
      <c r="I4362" s="1" t="s">
        <v>16857</v>
      </c>
      <c r="J4362" s="1" t="s">
        <v>17005</v>
      </c>
    </row>
    <row r="4363" spans="1:10" x14ac:dyDescent="0.35">
      <c r="A4363" s="1" t="s">
        <v>16985</v>
      </c>
      <c r="B4363" s="1" t="s">
        <v>16851</v>
      </c>
      <c r="C4363" s="1" t="s">
        <v>35</v>
      </c>
      <c r="D4363" s="1" t="s">
        <v>17006</v>
      </c>
      <c r="E4363" s="1" t="s">
        <v>17007</v>
      </c>
      <c r="F4363" s="1" t="s">
        <v>17008</v>
      </c>
      <c r="G4363" s="1" t="s">
        <v>16988</v>
      </c>
      <c r="H4363" s="1" t="s">
        <v>16989</v>
      </c>
      <c r="I4363" s="1" t="s">
        <v>16857</v>
      </c>
      <c r="J4363" s="1" t="s">
        <v>17009</v>
      </c>
    </row>
    <row r="4364" spans="1:10" x14ac:dyDescent="0.35">
      <c r="A4364" s="1" t="s">
        <v>16985</v>
      </c>
      <c r="B4364" s="1" t="s">
        <v>16851</v>
      </c>
      <c r="C4364" s="1" t="s">
        <v>40</v>
      </c>
      <c r="D4364" s="1" t="s">
        <v>9644</v>
      </c>
      <c r="E4364" s="1" t="s">
        <v>17010</v>
      </c>
      <c r="F4364" s="1" t="s">
        <v>17011</v>
      </c>
      <c r="G4364" s="1" t="s">
        <v>16988</v>
      </c>
      <c r="H4364" s="1" t="s">
        <v>16989</v>
      </c>
      <c r="I4364" s="1" t="s">
        <v>16857</v>
      </c>
      <c r="J4364" s="1" t="s">
        <v>17012</v>
      </c>
    </row>
    <row r="4365" spans="1:10" x14ac:dyDescent="0.35">
      <c r="A4365" s="1" t="s">
        <v>16985</v>
      </c>
      <c r="B4365" s="1" t="s">
        <v>16851</v>
      </c>
      <c r="C4365" s="1" t="s">
        <v>45</v>
      </c>
      <c r="D4365" s="1" t="s">
        <v>17013</v>
      </c>
      <c r="E4365" s="1" t="s">
        <v>17014</v>
      </c>
      <c r="F4365" s="1" t="s">
        <v>17015</v>
      </c>
      <c r="G4365" s="1" t="s">
        <v>16988</v>
      </c>
      <c r="H4365" s="1" t="s">
        <v>16989</v>
      </c>
      <c r="I4365" s="1" t="s">
        <v>16857</v>
      </c>
      <c r="J4365" s="1" t="s">
        <v>17016</v>
      </c>
    </row>
    <row r="4366" spans="1:10" x14ac:dyDescent="0.35">
      <c r="A4366" s="1" t="s">
        <v>16985</v>
      </c>
      <c r="B4366" s="1" t="s">
        <v>16851</v>
      </c>
      <c r="C4366" s="1" t="s">
        <v>50</v>
      </c>
      <c r="D4366" s="1" t="s">
        <v>17017</v>
      </c>
      <c r="E4366" s="1" t="s">
        <v>17018</v>
      </c>
      <c r="F4366" s="1" t="s">
        <v>17019</v>
      </c>
      <c r="G4366" s="1" t="s">
        <v>16988</v>
      </c>
      <c r="H4366" s="1" t="s">
        <v>16989</v>
      </c>
      <c r="I4366" s="1" t="s">
        <v>16857</v>
      </c>
      <c r="J4366" s="1" t="s">
        <v>17020</v>
      </c>
    </row>
    <row r="4367" spans="1:10" x14ac:dyDescent="0.35">
      <c r="A4367" s="1" t="s">
        <v>16985</v>
      </c>
      <c r="B4367" s="1" t="s">
        <v>16851</v>
      </c>
      <c r="C4367" s="1" t="s">
        <v>55</v>
      </c>
      <c r="D4367" s="1" t="s">
        <v>17021</v>
      </c>
      <c r="E4367" s="1" t="s">
        <v>17022</v>
      </c>
      <c r="F4367" s="1" t="s">
        <v>17023</v>
      </c>
      <c r="G4367" s="1" t="s">
        <v>16988</v>
      </c>
      <c r="H4367" s="1" t="s">
        <v>16989</v>
      </c>
      <c r="I4367" s="1" t="s">
        <v>16857</v>
      </c>
      <c r="J4367" s="1" t="s">
        <v>17024</v>
      </c>
    </row>
    <row r="4368" spans="1:10" x14ac:dyDescent="0.35">
      <c r="A4368" s="1" t="s">
        <v>16985</v>
      </c>
      <c r="B4368" s="1" t="s">
        <v>16851</v>
      </c>
      <c r="C4368" s="1" t="s">
        <v>60</v>
      </c>
      <c r="D4368" s="1" t="s">
        <v>17025</v>
      </c>
      <c r="E4368" s="1" t="s">
        <v>17026</v>
      </c>
      <c r="F4368" s="1" t="s">
        <v>17027</v>
      </c>
      <c r="G4368" s="1" t="s">
        <v>16988</v>
      </c>
      <c r="H4368" s="1" t="s">
        <v>16989</v>
      </c>
      <c r="I4368" s="1" t="s">
        <v>16857</v>
      </c>
      <c r="J4368" s="1" t="s">
        <v>17028</v>
      </c>
    </row>
    <row r="4369" spans="1:10" x14ac:dyDescent="0.35">
      <c r="A4369" s="1" t="s">
        <v>16985</v>
      </c>
      <c r="B4369" s="1" t="s">
        <v>16851</v>
      </c>
      <c r="C4369" s="1" t="s">
        <v>65</v>
      </c>
      <c r="D4369" s="1" t="s">
        <v>17029</v>
      </c>
      <c r="E4369" s="1" t="s">
        <v>17030</v>
      </c>
      <c r="F4369" s="1" t="s">
        <v>17031</v>
      </c>
      <c r="G4369" s="1" t="s">
        <v>16988</v>
      </c>
      <c r="H4369" s="1" t="s">
        <v>16989</v>
      </c>
      <c r="I4369" s="1" t="s">
        <v>16857</v>
      </c>
      <c r="J4369" s="1" t="s">
        <v>17032</v>
      </c>
    </row>
    <row r="4370" spans="1:10" x14ac:dyDescent="0.35">
      <c r="A4370" s="1" t="s">
        <v>16985</v>
      </c>
      <c r="B4370" s="1" t="s">
        <v>16851</v>
      </c>
      <c r="C4370" s="1" t="s">
        <v>70</v>
      </c>
      <c r="D4370" s="1" t="s">
        <v>17033</v>
      </c>
      <c r="E4370" s="1" t="s">
        <v>17034</v>
      </c>
      <c r="F4370" s="1" t="s">
        <v>17035</v>
      </c>
      <c r="G4370" s="1" t="s">
        <v>16988</v>
      </c>
      <c r="H4370" s="1" t="s">
        <v>16989</v>
      </c>
      <c r="I4370" s="1" t="s">
        <v>16857</v>
      </c>
      <c r="J4370" s="1" t="s">
        <v>17036</v>
      </c>
    </row>
    <row r="4371" spans="1:10" x14ac:dyDescent="0.35">
      <c r="A4371" s="1" t="s">
        <v>16985</v>
      </c>
      <c r="B4371" s="1" t="s">
        <v>16851</v>
      </c>
      <c r="C4371" s="1" t="s">
        <v>75</v>
      </c>
      <c r="D4371" s="1" t="s">
        <v>17037</v>
      </c>
      <c r="E4371" s="1" t="s">
        <v>17038</v>
      </c>
      <c r="F4371" s="1" t="s">
        <v>17039</v>
      </c>
      <c r="G4371" s="1" t="s">
        <v>16988</v>
      </c>
      <c r="H4371" s="1" t="s">
        <v>16989</v>
      </c>
      <c r="I4371" s="1" t="s">
        <v>16857</v>
      </c>
      <c r="J4371" s="1" t="s">
        <v>17040</v>
      </c>
    </row>
    <row r="4372" spans="1:10" x14ac:dyDescent="0.35">
      <c r="A4372" s="1" t="s">
        <v>16985</v>
      </c>
      <c r="B4372" s="1" t="s">
        <v>16851</v>
      </c>
      <c r="C4372" s="1" t="s">
        <v>80</v>
      </c>
      <c r="D4372" s="1" t="s">
        <v>17041</v>
      </c>
      <c r="E4372" s="1" t="s">
        <v>17042</v>
      </c>
      <c r="F4372" s="1" t="s">
        <v>17043</v>
      </c>
      <c r="G4372" s="1" t="s">
        <v>16988</v>
      </c>
      <c r="H4372" s="1" t="s">
        <v>16989</v>
      </c>
      <c r="I4372" s="1" t="s">
        <v>16857</v>
      </c>
      <c r="J4372" s="1" t="s">
        <v>17044</v>
      </c>
    </row>
    <row r="4373" spans="1:10" x14ac:dyDescent="0.35">
      <c r="A4373" s="1" t="s">
        <v>16985</v>
      </c>
      <c r="B4373" s="1" t="s">
        <v>16851</v>
      </c>
      <c r="C4373" s="1" t="s">
        <v>85</v>
      </c>
      <c r="D4373" s="1" t="s">
        <v>17045</v>
      </c>
      <c r="E4373" s="1" t="s">
        <v>17046</v>
      </c>
      <c r="F4373" s="1" t="s">
        <v>17047</v>
      </c>
      <c r="G4373" s="1" t="s">
        <v>16988</v>
      </c>
      <c r="H4373" s="1" t="s">
        <v>16989</v>
      </c>
      <c r="I4373" s="1" t="s">
        <v>16857</v>
      </c>
      <c r="J4373" s="1" t="s">
        <v>17048</v>
      </c>
    </row>
    <row r="4374" spans="1:10" x14ac:dyDescent="0.35">
      <c r="A4374" s="1" t="s">
        <v>16985</v>
      </c>
      <c r="B4374" s="1" t="s">
        <v>16851</v>
      </c>
      <c r="C4374" s="1" t="s">
        <v>90</v>
      </c>
      <c r="D4374" s="1" t="s">
        <v>14331</v>
      </c>
      <c r="E4374" s="1" t="s">
        <v>17049</v>
      </c>
      <c r="F4374" s="1" t="s">
        <v>17050</v>
      </c>
      <c r="G4374" s="1" t="s">
        <v>16988</v>
      </c>
      <c r="H4374" s="1" t="s">
        <v>16989</v>
      </c>
      <c r="I4374" s="1" t="s">
        <v>16857</v>
      </c>
      <c r="J4374" s="1" t="s">
        <v>17051</v>
      </c>
    </row>
    <row r="4375" spans="1:10" x14ac:dyDescent="0.35">
      <c r="A4375" s="1" t="s">
        <v>16985</v>
      </c>
      <c r="B4375" s="1" t="s">
        <v>16851</v>
      </c>
      <c r="C4375" s="1" t="s">
        <v>95</v>
      </c>
      <c r="D4375" s="1" t="s">
        <v>17052</v>
      </c>
      <c r="E4375" s="1" t="s">
        <v>17053</v>
      </c>
      <c r="F4375" s="1" t="s">
        <v>17054</v>
      </c>
      <c r="G4375" s="1" t="s">
        <v>16988</v>
      </c>
      <c r="H4375" s="1" t="s">
        <v>16989</v>
      </c>
      <c r="I4375" s="1" t="s">
        <v>16857</v>
      </c>
      <c r="J4375" s="1" t="s">
        <v>17055</v>
      </c>
    </row>
    <row r="4376" spans="1:10" x14ac:dyDescent="0.35">
      <c r="A4376" s="1" t="s">
        <v>16985</v>
      </c>
      <c r="B4376" s="1" t="s">
        <v>16851</v>
      </c>
      <c r="C4376" s="1" t="s">
        <v>100</v>
      </c>
      <c r="D4376" s="1" t="s">
        <v>17056</v>
      </c>
      <c r="E4376" s="1" t="s">
        <v>17057</v>
      </c>
      <c r="F4376" s="1" t="s">
        <v>17058</v>
      </c>
      <c r="G4376" s="1" t="s">
        <v>16988</v>
      </c>
      <c r="H4376" s="1" t="s">
        <v>16989</v>
      </c>
      <c r="I4376" s="1" t="s">
        <v>16857</v>
      </c>
      <c r="J4376" s="1" t="s">
        <v>17059</v>
      </c>
    </row>
    <row r="4377" spans="1:10" x14ac:dyDescent="0.35">
      <c r="A4377" s="1" t="s">
        <v>16985</v>
      </c>
      <c r="B4377" s="1" t="s">
        <v>16851</v>
      </c>
      <c r="C4377" s="1" t="s">
        <v>105</v>
      </c>
      <c r="D4377" s="1" t="s">
        <v>17060</v>
      </c>
      <c r="E4377" s="1" t="s">
        <v>17061</v>
      </c>
      <c r="F4377" s="1" t="s">
        <v>17062</v>
      </c>
      <c r="G4377" s="1" t="s">
        <v>16988</v>
      </c>
      <c r="H4377" s="1" t="s">
        <v>16989</v>
      </c>
      <c r="I4377" s="1" t="s">
        <v>16857</v>
      </c>
      <c r="J4377" s="1" t="s">
        <v>17063</v>
      </c>
    </row>
    <row r="4378" spans="1:10" x14ac:dyDescent="0.35">
      <c r="A4378" s="1" t="s">
        <v>16985</v>
      </c>
      <c r="B4378" s="1" t="s">
        <v>16851</v>
      </c>
      <c r="C4378" s="1" t="s">
        <v>110</v>
      </c>
      <c r="D4378" s="1" t="s">
        <v>17064</v>
      </c>
      <c r="E4378" s="1" t="s">
        <v>17065</v>
      </c>
      <c r="F4378" s="1" t="s">
        <v>17066</v>
      </c>
      <c r="G4378" s="1" t="s">
        <v>16988</v>
      </c>
      <c r="H4378" s="1" t="s">
        <v>16989</v>
      </c>
      <c r="I4378" s="1" t="s">
        <v>16857</v>
      </c>
      <c r="J4378" s="1" t="s">
        <v>17067</v>
      </c>
    </row>
    <row r="4379" spans="1:10" x14ac:dyDescent="0.35">
      <c r="A4379" s="1" t="s">
        <v>16985</v>
      </c>
      <c r="B4379" s="1" t="s">
        <v>16851</v>
      </c>
      <c r="C4379" s="1" t="s">
        <v>115</v>
      </c>
      <c r="D4379" s="1" t="s">
        <v>17068</v>
      </c>
      <c r="E4379" s="1" t="s">
        <v>17069</v>
      </c>
      <c r="F4379" s="1" t="s">
        <v>17070</v>
      </c>
      <c r="G4379" s="1" t="s">
        <v>16988</v>
      </c>
      <c r="H4379" s="1" t="s">
        <v>16989</v>
      </c>
      <c r="I4379" s="1" t="s">
        <v>16857</v>
      </c>
      <c r="J4379" s="1" t="s">
        <v>17071</v>
      </c>
    </row>
    <row r="4380" spans="1:10" x14ac:dyDescent="0.35">
      <c r="A4380" s="1" t="s">
        <v>16985</v>
      </c>
      <c r="B4380" s="1" t="s">
        <v>16851</v>
      </c>
      <c r="C4380" s="1" t="s">
        <v>120</v>
      </c>
      <c r="D4380" s="1" t="s">
        <v>17072</v>
      </c>
      <c r="E4380" s="1" t="s">
        <v>17073</v>
      </c>
      <c r="F4380" s="1" t="s">
        <v>17074</v>
      </c>
      <c r="G4380" s="1" t="s">
        <v>16988</v>
      </c>
      <c r="H4380" s="1" t="s">
        <v>16989</v>
      </c>
      <c r="I4380" s="1" t="s">
        <v>16857</v>
      </c>
      <c r="J4380" s="1" t="s">
        <v>17075</v>
      </c>
    </row>
    <row r="4381" spans="1:10" x14ac:dyDescent="0.35">
      <c r="A4381" s="1" t="s">
        <v>16985</v>
      </c>
      <c r="B4381" s="1" t="s">
        <v>16851</v>
      </c>
      <c r="C4381" s="1" t="s">
        <v>125</v>
      </c>
      <c r="D4381" s="1" t="s">
        <v>17076</v>
      </c>
      <c r="E4381" s="1" t="s">
        <v>17077</v>
      </c>
      <c r="F4381" s="1" t="s">
        <v>17078</v>
      </c>
      <c r="G4381" s="1" t="s">
        <v>16988</v>
      </c>
      <c r="H4381" s="1" t="s">
        <v>16989</v>
      </c>
      <c r="I4381" s="1" t="s">
        <v>16857</v>
      </c>
      <c r="J4381" s="1" t="s">
        <v>17079</v>
      </c>
    </row>
    <row r="4382" spans="1:10" x14ac:dyDescent="0.35">
      <c r="A4382" s="1" t="s">
        <v>16985</v>
      </c>
      <c r="B4382" s="1" t="s">
        <v>16851</v>
      </c>
      <c r="C4382" s="1" t="s">
        <v>130</v>
      </c>
      <c r="D4382" s="1" t="s">
        <v>17080</v>
      </c>
      <c r="E4382" s="1" t="s">
        <v>17081</v>
      </c>
      <c r="F4382" s="1" t="s">
        <v>17082</v>
      </c>
      <c r="G4382" s="1" t="s">
        <v>16988</v>
      </c>
      <c r="H4382" s="1" t="s">
        <v>16989</v>
      </c>
      <c r="I4382" s="1" t="s">
        <v>16857</v>
      </c>
      <c r="J4382" s="1" t="s">
        <v>17083</v>
      </c>
    </row>
    <row r="4383" spans="1:10" x14ac:dyDescent="0.35">
      <c r="A4383" s="1" t="s">
        <v>16985</v>
      </c>
      <c r="B4383" s="1" t="s">
        <v>16851</v>
      </c>
      <c r="C4383" s="1" t="s">
        <v>135</v>
      </c>
      <c r="D4383" s="1" t="s">
        <v>17084</v>
      </c>
      <c r="E4383" s="1" t="s">
        <v>17085</v>
      </c>
      <c r="F4383" s="1" t="s">
        <v>17086</v>
      </c>
      <c r="G4383" s="1" t="s">
        <v>16988</v>
      </c>
      <c r="H4383" s="1" t="s">
        <v>16989</v>
      </c>
      <c r="I4383" s="1" t="s">
        <v>16857</v>
      </c>
      <c r="J4383" s="1" t="s">
        <v>17087</v>
      </c>
    </row>
    <row r="4384" spans="1:10" x14ac:dyDescent="0.35">
      <c r="A4384" s="1" t="s">
        <v>16985</v>
      </c>
      <c r="B4384" s="1" t="s">
        <v>16851</v>
      </c>
      <c r="C4384" s="1" t="s">
        <v>140</v>
      </c>
      <c r="D4384" s="1" t="s">
        <v>17088</v>
      </c>
      <c r="E4384" s="1" t="s">
        <v>17089</v>
      </c>
      <c r="F4384" s="1" t="s">
        <v>17090</v>
      </c>
      <c r="G4384" s="1" t="s">
        <v>16988</v>
      </c>
      <c r="H4384" s="1" t="s">
        <v>16989</v>
      </c>
      <c r="I4384" s="1" t="s">
        <v>16857</v>
      </c>
      <c r="J4384" s="1" t="s">
        <v>17091</v>
      </c>
    </row>
    <row r="4385" spans="1:10" x14ac:dyDescent="0.35">
      <c r="A4385" s="1" t="s">
        <v>16985</v>
      </c>
      <c r="B4385" s="1" t="s">
        <v>16851</v>
      </c>
      <c r="C4385" s="1" t="s">
        <v>145</v>
      </c>
      <c r="D4385" s="1" t="s">
        <v>17092</v>
      </c>
      <c r="E4385" s="1" t="s">
        <v>17093</v>
      </c>
      <c r="F4385" s="1" t="s">
        <v>17094</v>
      </c>
      <c r="G4385" s="1" t="s">
        <v>16988</v>
      </c>
      <c r="H4385" s="1" t="s">
        <v>16989</v>
      </c>
      <c r="I4385" s="1" t="s">
        <v>16857</v>
      </c>
      <c r="J4385" s="1" t="s">
        <v>17095</v>
      </c>
    </row>
    <row r="4386" spans="1:10" x14ac:dyDescent="0.35">
      <c r="A4386" s="1" t="s">
        <v>16985</v>
      </c>
      <c r="B4386" s="1" t="s">
        <v>16851</v>
      </c>
      <c r="C4386" s="1" t="s">
        <v>150</v>
      </c>
      <c r="D4386" s="1" t="s">
        <v>17096</v>
      </c>
      <c r="E4386" s="1" t="s">
        <v>17097</v>
      </c>
      <c r="F4386" s="1" t="s">
        <v>17098</v>
      </c>
      <c r="G4386" s="1" t="s">
        <v>16988</v>
      </c>
      <c r="H4386" s="1" t="s">
        <v>16989</v>
      </c>
      <c r="I4386" s="1" t="s">
        <v>16857</v>
      </c>
      <c r="J4386" s="1" t="s">
        <v>17099</v>
      </c>
    </row>
    <row r="4387" spans="1:10" x14ac:dyDescent="0.35">
      <c r="A4387" s="1" t="s">
        <v>16985</v>
      </c>
      <c r="B4387" s="1" t="s">
        <v>16851</v>
      </c>
      <c r="C4387" s="1" t="s">
        <v>155</v>
      </c>
      <c r="D4387" s="1" t="s">
        <v>17100</v>
      </c>
      <c r="E4387" s="1" t="s">
        <v>17101</v>
      </c>
      <c r="F4387" s="1" t="s">
        <v>17102</v>
      </c>
      <c r="G4387" s="1" t="s">
        <v>16988</v>
      </c>
      <c r="H4387" s="1" t="s">
        <v>16989</v>
      </c>
      <c r="I4387" s="1" t="s">
        <v>16857</v>
      </c>
      <c r="J4387" s="1" t="s">
        <v>17103</v>
      </c>
    </row>
    <row r="4388" spans="1:10" x14ac:dyDescent="0.35">
      <c r="A4388" s="1" t="s">
        <v>16985</v>
      </c>
      <c r="B4388" s="1" t="s">
        <v>16851</v>
      </c>
      <c r="C4388" s="1" t="s">
        <v>160</v>
      </c>
      <c r="D4388" s="1" t="s">
        <v>17104</v>
      </c>
      <c r="E4388" s="1" t="s">
        <v>17105</v>
      </c>
      <c r="F4388" s="1" t="s">
        <v>17106</v>
      </c>
      <c r="G4388" s="1" t="s">
        <v>16988</v>
      </c>
      <c r="H4388" s="1" t="s">
        <v>16989</v>
      </c>
      <c r="I4388" s="1" t="s">
        <v>16857</v>
      </c>
      <c r="J4388" s="1" t="s">
        <v>17107</v>
      </c>
    </row>
    <row r="4389" spans="1:10" x14ac:dyDescent="0.35">
      <c r="A4389" s="1" t="s">
        <v>16985</v>
      </c>
      <c r="B4389" s="1" t="s">
        <v>16851</v>
      </c>
      <c r="C4389" s="1" t="s">
        <v>165</v>
      </c>
      <c r="D4389" s="1" t="s">
        <v>17108</v>
      </c>
      <c r="E4389" s="1" t="s">
        <v>17109</v>
      </c>
      <c r="F4389" s="1" t="s">
        <v>17110</v>
      </c>
      <c r="G4389" s="1" t="s">
        <v>16988</v>
      </c>
      <c r="H4389" s="1" t="s">
        <v>16989</v>
      </c>
      <c r="I4389" s="1" t="s">
        <v>16857</v>
      </c>
      <c r="J4389" s="1" t="s">
        <v>17111</v>
      </c>
    </row>
    <row r="4390" spans="1:10" x14ac:dyDescent="0.35">
      <c r="A4390" s="1" t="s">
        <v>16985</v>
      </c>
      <c r="B4390" s="1" t="s">
        <v>16851</v>
      </c>
      <c r="C4390" s="1" t="s">
        <v>170</v>
      </c>
      <c r="D4390" s="1" t="s">
        <v>17112</v>
      </c>
      <c r="E4390" s="1" t="s">
        <v>17113</v>
      </c>
      <c r="F4390" s="1" t="s">
        <v>17114</v>
      </c>
      <c r="G4390" s="1" t="s">
        <v>16988</v>
      </c>
      <c r="H4390" s="1" t="s">
        <v>16989</v>
      </c>
      <c r="I4390" s="1" t="s">
        <v>16857</v>
      </c>
      <c r="J4390" s="1" t="s">
        <v>17115</v>
      </c>
    </row>
    <row r="4391" spans="1:10" x14ac:dyDescent="0.35">
      <c r="A4391" s="1" t="s">
        <v>17116</v>
      </c>
      <c r="B4391" s="1" t="s">
        <v>16851</v>
      </c>
      <c r="C4391" s="1" t="s">
        <v>8</v>
      </c>
      <c r="D4391" s="1" t="s">
        <v>17117</v>
      </c>
      <c r="E4391" s="1" t="s">
        <v>17118</v>
      </c>
      <c r="F4391" s="1" t="s">
        <v>17119</v>
      </c>
      <c r="G4391" s="1" t="s">
        <v>17120</v>
      </c>
      <c r="H4391" s="1" t="s">
        <v>17121</v>
      </c>
      <c r="I4391" s="1" t="s">
        <v>16857</v>
      </c>
      <c r="J4391" s="1" t="s">
        <v>13</v>
      </c>
    </row>
    <row r="4392" spans="1:10" x14ac:dyDescent="0.35">
      <c r="A4392" s="1" t="s">
        <v>17116</v>
      </c>
      <c r="B4392" s="1" t="s">
        <v>16851</v>
      </c>
      <c r="C4392" s="1" t="s">
        <v>15</v>
      </c>
      <c r="D4392" s="1" t="s">
        <v>17122</v>
      </c>
      <c r="E4392" s="1" t="s">
        <v>17123</v>
      </c>
      <c r="F4392" s="1" t="s">
        <v>17124</v>
      </c>
      <c r="G4392" s="1" t="s">
        <v>17120</v>
      </c>
      <c r="H4392" s="1" t="s">
        <v>17121</v>
      </c>
      <c r="I4392" s="1" t="s">
        <v>16857</v>
      </c>
      <c r="J4392" s="1" t="s">
        <v>17125</v>
      </c>
    </row>
    <row r="4393" spans="1:10" x14ac:dyDescent="0.35">
      <c r="A4393" s="1" t="s">
        <v>17116</v>
      </c>
      <c r="B4393" s="1" t="s">
        <v>16851</v>
      </c>
      <c r="C4393" s="1" t="s">
        <v>20</v>
      </c>
      <c r="D4393" s="1" t="s">
        <v>17126</v>
      </c>
      <c r="E4393" s="1" t="s">
        <v>17127</v>
      </c>
      <c r="F4393" s="1" t="s">
        <v>17128</v>
      </c>
      <c r="G4393" s="1" t="s">
        <v>17120</v>
      </c>
      <c r="H4393" s="1" t="s">
        <v>17121</v>
      </c>
      <c r="I4393" s="1" t="s">
        <v>16857</v>
      </c>
      <c r="J4393" s="1" t="s">
        <v>17129</v>
      </c>
    </row>
    <row r="4394" spans="1:10" x14ac:dyDescent="0.35">
      <c r="A4394" s="1" t="s">
        <v>17116</v>
      </c>
      <c r="B4394" s="1" t="s">
        <v>16851</v>
      </c>
      <c r="C4394" s="1" t="s">
        <v>25</v>
      </c>
      <c r="D4394" s="1" t="s">
        <v>14825</v>
      </c>
      <c r="E4394" s="1" t="s">
        <v>17130</v>
      </c>
      <c r="F4394" s="1" t="s">
        <v>17131</v>
      </c>
      <c r="G4394" s="1" t="s">
        <v>17120</v>
      </c>
      <c r="H4394" s="1" t="s">
        <v>17121</v>
      </c>
      <c r="I4394" s="1" t="s">
        <v>16857</v>
      </c>
      <c r="J4394" s="1" t="s">
        <v>17132</v>
      </c>
    </row>
    <row r="4395" spans="1:10" x14ac:dyDescent="0.35">
      <c r="A4395" s="1" t="s">
        <v>17116</v>
      </c>
      <c r="B4395" s="1" t="s">
        <v>16851</v>
      </c>
      <c r="C4395" s="1" t="s">
        <v>30</v>
      </c>
      <c r="D4395" s="1" t="s">
        <v>17133</v>
      </c>
      <c r="E4395" s="1" t="s">
        <v>17134</v>
      </c>
      <c r="F4395" s="1" t="s">
        <v>17135</v>
      </c>
      <c r="G4395" s="1" t="s">
        <v>17120</v>
      </c>
      <c r="H4395" s="1" t="s">
        <v>17121</v>
      </c>
      <c r="I4395" s="1" t="s">
        <v>16857</v>
      </c>
      <c r="J4395" s="1" t="s">
        <v>17136</v>
      </c>
    </row>
    <row r="4396" spans="1:10" x14ac:dyDescent="0.35">
      <c r="A4396" s="1" t="s">
        <v>17116</v>
      </c>
      <c r="B4396" s="1" t="s">
        <v>16851</v>
      </c>
      <c r="C4396" s="1" t="s">
        <v>35</v>
      </c>
      <c r="D4396" s="1" t="s">
        <v>17137</v>
      </c>
      <c r="E4396" s="1" t="s">
        <v>17138</v>
      </c>
      <c r="F4396" s="1" t="s">
        <v>17139</v>
      </c>
      <c r="G4396" s="1" t="s">
        <v>17120</v>
      </c>
      <c r="H4396" s="1" t="s">
        <v>17121</v>
      </c>
      <c r="I4396" s="1" t="s">
        <v>16857</v>
      </c>
      <c r="J4396" s="1" t="s">
        <v>17140</v>
      </c>
    </row>
    <row r="4397" spans="1:10" x14ac:dyDescent="0.35">
      <c r="A4397" s="1" t="s">
        <v>17116</v>
      </c>
      <c r="B4397" s="1" t="s">
        <v>16851</v>
      </c>
      <c r="C4397" s="1" t="s">
        <v>40</v>
      </c>
      <c r="D4397" s="1" t="s">
        <v>17141</v>
      </c>
      <c r="E4397" s="1" t="s">
        <v>17142</v>
      </c>
      <c r="F4397" s="1" t="s">
        <v>17143</v>
      </c>
      <c r="G4397" s="1" t="s">
        <v>17120</v>
      </c>
      <c r="H4397" s="1" t="s">
        <v>17121</v>
      </c>
      <c r="I4397" s="1" t="s">
        <v>16857</v>
      </c>
      <c r="J4397" s="1" t="s">
        <v>17144</v>
      </c>
    </row>
    <row r="4398" spans="1:10" x14ac:dyDescent="0.35">
      <c r="A4398" s="1" t="s">
        <v>17116</v>
      </c>
      <c r="B4398" s="1" t="s">
        <v>16851</v>
      </c>
      <c r="C4398" s="1" t="s">
        <v>45</v>
      </c>
      <c r="D4398" s="1" t="s">
        <v>17145</v>
      </c>
      <c r="E4398" s="1" t="s">
        <v>17146</v>
      </c>
      <c r="F4398" s="1" t="s">
        <v>17147</v>
      </c>
      <c r="G4398" s="1" t="s">
        <v>17120</v>
      </c>
      <c r="H4398" s="1" t="s">
        <v>17121</v>
      </c>
      <c r="I4398" s="1" t="s">
        <v>16857</v>
      </c>
      <c r="J4398" s="1" t="s">
        <v>17148</v>
      </c>
    </row>
    <row r="4399" spans="1:10" x14ac:dyDescent="0.35">
      <c r="A4399" s="1" t="s">
        <v>17116</v>
      </c>
      <c r="B4399" s="1" t="s">
        <v>16851</v>
      </c>
      <c r="C4399" s="1" t="s">
        <v>50</v>
      </c>
      <c r="D4399" s="1" t="s">
        <v>17149</v>
      </c>
      <c r="E4399" s="1" t="s">
        <v>17150</v>
      </c>
      <c r="F4399" s="1" t="s">
        <v>17151</v>
      </c>
      <c r="G4399" s="1" t="s">
        <v>17120</v>
      </c>
      <c r="H4399" s="1" t="s">
        <v>17121</v>
      </c>
      <c r="I4399" s="1" t="s">
        <v>16857</v>
      </c>
      <c r="J4399" s="1" t="s">
        <v>17152</v>
      </c>
    </row>
    <row r="4400" spans="1:10" x14ac:dyDescent="0.35">
      <c r="A4400" s="1" t="s">
        <v>17116</v>
      </c>
      <c r="B4400" s="1" t="s">
        <v>16851</v>
      </c>
      <c r="C4400" s="1" t="s">
        <v>55</v>
      </c>
      <c r="D4400" s="1" t="s">
        <v>17153</v>
      </c>
      <c r="E4400" s="1" t="s">
        <v>17154</v>
      </c>
      <c r="F4400" s="1" t="s">
        <v>17155</v>
      </c>
      <c r="G4400" s="1" t="s">
        <v>17120</v>
      </c>
      <c r="H4400" s="1" t="s">
        <v>17121</v>
      </c>
      <c r="I4400" s="1" t="s">
        <v>16857</v>
      </c>
      <c r="J4400" s="1" t="s">
        <v>17156</v>
      </c>
    </row>
    <row r="4401" spans="1:10" x14ac:dyDescent="0.35">
      <c r="A4401" s="1" t="s">
        <v>17116</v>
      </c>
      <c r="B4401" s="1" t="s">
        <v>16851</v>
      </c>
      <c r="C4401" s="1" t="s">
        <v>60</v>
      </c>
      <c r="D4401" s="1" t="s">
        <v>17157</v>
      </c>
      <c r="E4401" s="1" t="s">
        <v>17158</v>
      </c>
      <c r="F4401" s="1" t="s">
        <v>17159</v>
      </c>
      <c r="G4401" s="1" t="s">
        <v>17120</v>
      </c>
      <c r="H4401" s="1" t="s">
        <v>17121</v>
      </c>
      <c r="I4401" s="1" t="s">
        <v>16857</v>
      </c>
      <c r="J4401" s="1" t="s">
        <v>17160</v>
      </c>
    </row>
    <row r="4402" spans="1:10" x14ac:dyDescent="0.35">
      <c r="A4402" s="1" t="s">
        <v>17116</v>
      </c>
      <c r="B4402" s="1" t="s">
        <v>16851</v>
      </c>
      <c r="C4402" s="1" t="s">
        <v>65</v>
      </c>
      <c r="D4402" s="1" t="s">
        <v>15395</v>
      </c>
      <c r="E4402" s="1" t="s">
        <v>17161</v>
      </c>
      <c r="F4402" s="1" t="s">
        <v>17162</v>
      </c>
      <c r="G4402" s="1" t="s">
        <v>17120</v>
      </c>
      <c r="H4402" s="1" t="s">
        <v>17121</v>
      </c>
      <c r="I4402" s="1" t="s">
        <v>16857</v>
      </c>
      <c r="J4402" s="1" t="s">
        <v>17163</v>
      </c>
    </row>
    <row r="4403" spans="1:10" x14ac:dyDescent="0.35">
      <c r="A4403" s="1" t="s">
        <v>17116</v>
      </c>
      <c r="B4403" s="1" t="s">
        <v>16851</v>
      </c>
      <c r="C4403" s="1" t="s">
        <v>70</v>
      </c>
      <c r="D4403" s="1" t="s">
        <v>13063</v>
      </c>
      <c r="E4403" s="1" t="s">
        <v>17164</v>
      </c>
      <c r="F4403" s="1" t="s">
        <v>17165</v>
      </c>
      <c r="G4403" s="1" t="s">
        <v>17120</v>
      </c>
      <c r="H4403" s="1" t="s">
        <v>17121</v>
      </c>
      <c r="I4403" s="1" t="s">
        <v>16857</v>
      </c>
      <c r="J4403" s="1" t="s">
        <v>17166</v>
      </c>
    </row>
    <row r="4404" spans="1:10" x14ac:dyDescent="0.35">
      <c r="A4404" s="1" t="s">
        <v>17116</v>
      </c>
      <c r="B4404" s="1" t="s">
        <v>16851</v>
      </c>
      <c r="C4404" s="1" t="s">
        <v>75</v>
      </c>
      <c r="D4404" s="1" t="s">
        <v>17167</v>
      </c>
      <c r="E4404" s="1" t="s">
        <v>17168</v>
      </c>
      <c r="F4404" s="1" t="s">
        <v>17169</v>
      </c>
      <c r="G4404" s="1" t="s">
        <v>17120</v>
      </c>
      <c r="H4404" s="1" t="s">
        <v>17121</v>
      </c>
      <c r="I4404" s="1" t="s">
        <v>16857</v>
      </c>
      <c r="J4404" s="1" t="s">
        <v>17170</v>
      </c>
    </row>
    <row r="4405" spans="1:10" x14ac:dyDescent="0.35">
      <c r="A4405" s="1" t="s">
        <v>17116</v>
      </c>
      <c r="B4405" s="1" t="s">
        <v>16851</v>
      </c>
      <c r="C4405" s="1" t="s">
        <v>80</v>
      </c>
      <c r="D4405" s="1" t="s">
        <v>17171</v>
      </c>
      <c r="E4405" s="1" t="s">
        <v>17172</v>
      </c>
      <c r="F4405" s="1" t="s">
        <v>17173</v>
      </c>
      <c r="G4405" s="1" t="s">
        <v>17120</v>
      </c>
      <c r="H4405" s="1" t="s">
        <v>17121</v>
      </c>
      <c r="I4405" s="1" t="s">
        <v>16857</v>
      </c>
      <c r="J4405" s="1" t="s">
        <v>17174</v>
      </c>
    </row>
    <row r="4406" spans="1:10" x14ac:dyDescent="0.35">
      <c r="A4406" s="1" t="s">
        <v>17116</v>
      </c>
      <c r="B4406" s="1" t="s">
        <v>16851</v>
      </c>
      <c r="C4406" s="1" t="s">
        <v>85</v>
      </c>
      <c r="D4406" s="1" t="s">
        <v>17175</v>
      </c>
      <c r="E4406" s="1" t="s">
        <v>17176</v>
      </c>
      <c r="F4406" s="1" t="s">
        <v>17177</v>
      </c>
      <c r="G4406" s="1" t="s">
        <v>17120</v>
      </c>
      <c r="H4406" s="1" t="s">
        <v>17121</v>
      </c>
      <c r="I4406" s="1" t="s">
        <v>16857</v>
      </c>
      <c r="J4406" s="1" t="s">
        <v>17178</v>
      </c>
    </row>
    <row r="4407" spans="1:10" x14ac:dyDescent="0.35">
      <c r="A4407" s="1" t="s">
        <v>17116</v>
      </c>
      <c r="B4407" s="1" t="s">
        <v>16851</v>
      </c>
      <c r="C4407" s="1" t="s">
        <v>90</v>
      </c>
      <c r="D4407" s="1" t="s">
        <v>17179</v>
      </c>
      <c r="E4407" s="1" t="s">
        <v>17180</v>
      </c>
      <c r="F4407" s="1" t="s">
        <v>17181</v>
      </c>
      <c r="G4407" s="1" t="s">
        <v>17120</v>
      </c>
      <c r="H4407" s="1" t="s">
        <v>17121</v>
      </c>
      <c r="I4407" s="1" t="s">
        <v>16857</v>
      </c>
      <c r="J4407" s="1" t="s">
        <v>17182</v>
      </c>
    </row>
    <row r="4408" spans="1:10" x14ac:dyDescent="0.35">
      <c r="A4408" s="1" t="s">
        <v>17116</v>
      </c>
      <c r="B4408" s="1" t="s">
        <v>16851</v>
      </c>
      <c r="C4408" s="1" t="s">
        <v>95</v>
      </c>
      <c r="D4408" s="1" t="s">
        <v>5139</v>
      </c>
      <c r="E4408" s="1" t="s">
        <v>17183</v>
      </c>
      <c r="F4408" s="1" t="s">
        <v>17184</v>
      </c>
      <c r="G4408" s="1" t="s">
        <v>17120</v>
      </c>
      <c r="H4408" s="1" t="s">
        <v>17121</v>
      </c>
      <c r="I4408" s="1" t="s">
        <v>16857</v>
      </c>
      <c r="J4408" s="1" t="s">
        <v>17185</v>
      </c>
    </row>
    <row r="4409" spans="1:10" x14ac:dyDescent="0.35">
      <c r="A4409" s="1" t="s">
        <v>17116</v>
      </c>
      <c r="B4409" s="1" t="s">
        <v>16851</v>
      </c>
      <c r="C4409" s="1" t="s">
        <v>100</v>
      </c>
      <c r="D4409" s="1" t="s">
        <v>17186</v>
      </c>
      <c r="E4409" s="1" t="s">
        <v>17187</v>
      </c>
      <c r="F4409" s="1" t="s">
        <v>17188</v>
      </c>
      <c r="G4409" s="1" t="s">
        <v>17120</v>
      </c>
      <c r="H4409" s="1" t="s">
        <v>17121</v>
      </c>
      <c r="I4409" s="1" t="s">
        <v>16857</v>
      </c>
      <c r="J4409" s="1" t="s">
        <v>17189</v>
      </c>
    </row>
    <row r="4410" spans="1:10" x14ac:dyDescent="0.35">
      <c r="A4410" s="1" t="s">
        <v>17116</v>
      </c>
      <c r="B4410" s="1" t="s">
        <v>16851</v>
      </c>
      <c r="C4410" s="1" t="s">
        <v>105</v>
      </c>
      <c r="D4410" s="1" t="s">
        <v>17190</v>
      </c>
      <c r="E4410" s="1" t="s">
        <v>17191</v>
      </c>
      <c r="F4410" s="1" t="s">
        <v>17192</v>
      </c>
      <c r="G4410" s="1" t="s">
        <v>17120</v>
      </c>
      <c r="H4410" s="1" t="s">
        <v>17121</v>
      </c>
      <c r="I4410" s="1" t="s">
        <v>16857</v>
      </c>
      <c r="J4410" s="1" t="s">
        <v>17193</v>
      </c>
    </row>
    <row r="4411" spans="1:10" x14ac:dyDescent="0.35">
      <c r="A4411" s="1" t="s">
        <v>17116</v>
      </c>
      <c r="B4411" s="1" t="s">
        <v>16851</v>
      </c>
      <c r="C4411" s="1" t="s">
        <v>110</v>
      </c>
      <c r="D4411" s="1" t="s">
        <v>17194</v>
      </c>
      <c r="E4411" s="1" t="s">
        <v>17195</v>
      </c>
      <c r="F4411" s="1" t="s">
        <v>17196</v>
      </c>
      <c r="G4411" s="1" t="s">
        <v>17120</v>
      </c>
      <c r="H4411" s="1" t="s">
        <v>17121</v>
      </c>
      <c r="I4411" s="1" t="s">
        <v>16857</v>
      </c>
      <c r="J4411" s="1" t="s">
        <v>17197</v>
      </c>
    </row>
    <row r="4412" spans="1:10" x14ac:dyDescent="0.35">
      <c r="A4412" s="1" t="s">
        <v>17116</v>
      </c>
      <c r="B4412" s="1" t="s">
        <v>16851</v>
      </c>
      <c r="C4412" s="1" t="s">
        <v>115</v>
      </c>
      <c r="D4412" s="1" t="s">
        <v>17198</v>
      </c>
      <c r="E4412" s="1" t="s">
        <v>17199</v>
      </c>
      <c r="F4412" s="1" t="s">
        <v>17200</v>
      </c>
      <c r="G4412" s="1" t="s">
        <v>17120</v>
      </c>
      <c r="H4412" s="1" t="s">
        <v>17121</v>
      </c>
      <c r="I4412" s="1" t="s">
        <v>16857</v>
      </c>
      <c r="J4412" s="1" t="s">
        <v>17201</v>
      </c>
    </row>
    <row r="4413" spans="1:10" x14ac:dyDescent="0.35">
      <c r="A4413" s="1" t="s">
        <v>17116</v>
      </c>
      <c r="B4413" s="1" t="s">
        <v>16851</v>
      </c>
      <c r="C4413" s="1" t="s">
        <v>120</v>
      </c>
      <c r="D4413" s="1" t="s">
        <v>17202</v>
      </c>
      <c r="E4413" s="1" t="s">
        <v>17203</v>
      </c>
      <c r="F4413" s="1" t="s">
        <v>17204</v>
      </c>
      <c r="G4413" s="1" t="s">
        <v>17120</v>
      </c>
      <c r="H4413" s="1" t="s">
        <v>17121</v>
      </c>
      <c r="I4413" s="1" t="s">
        <v>16857</v>
      </c>
      <c r="J4413" s="1" t="s">
        <v>17205</v>
      </c>
    </row>
    <row r="4414" spans="1:10" x14ac:dyDescent="0.35">
      <c r="A4414" s="1" t="s">
        <v>17116</v>
      </c>
      <c r="B4414" s="1" t="s">
        <v>16851</v>
      </c>
      <c r="C4414" s="1" t="s">
        <v>125</v>
      </c>
      <c r="D4414" s="1" t="s">
        <v>17206</v>
      </c>
      <c r="E4414" s="1" t="s">
        <v>17207</v>
      </c>
      <c r="F4414" s="1" t="s">
        <v>17208</v>
      </c>
      <c r="G4414" s="1" t="s">
        <v>17120</v>
      </c>
      <c r="H4414" s="1" t="s">
        <v>17121</v>
      </c>
      <c r="I4414" s="1" t="s">
        <v>16857</v>
      </c>
      <c r="J4414" s="1" t="s">
        <v>17209</v>
      </c>
    </row>
    <row r="4415" spans="1:10" x14ac:dyDescent="0.35">
      <c r="A4415" s="1" t="s">
        <v>17116</v>
      </c>
      <c r="B4415" s="1" t="s">
        <v>16851</v>
      </c>
      <c r="C4415" s="1" t="s">
        <v>130</v>
      </c>
      <c r="D4415" s="1" t="s">
        <v>17210</v>
      </c>
      <c r="E4415" s="1" t="s">
        <v>17211</v>
      </c>
      <c r="F4415" s="1" t="s">
        <v>17212</v>
      </c>
      <c r="G4415" s="1" t="s">
        <v>17120</v>
      </c>
      <c r="H4415" s="1" t="s">
        <v>17121</v>
      </c>
      <c r="I4415" s="1" t="s">
        <v>16857</v>
      </c>
      <c r="J4415" s="1" t="s">
        <v>17213</v>
      </c>
    </row>
    <row r="4416" spans="1:10" x14ac:dyDescent="0.35">
      <c r="A4416" s="1" t="s">
        <v>17116</v>
      </c>
      <c r="B4416" s="1" t="s">
        <v>16851</v>
      </c>
      <c r="C4416" s="1" t="s">
        <v>135</v>
      </c>
      <c r="D4416" s="1" t="s">
        <v>17214</v>
      </c>
      <c r="E4416" s="1" t="s">
        <v>17215</v>
      </c>
      <c r="F4416" s="1" t="s">
        <v>17216</v>
      </c>
      <c r="G4416" s="1" t="s">
        <v>17120</v>
      </c>
      <c r="H4416" s="1" t="s">
        <v>17121</v>
      </c>
      <c r="I4416" s="1" t="s">
        <v>16857</v>
      </c>
      <c r="J4416" s="1" t="s">
        <v>17217</v>
      </c>
    </row>
    <row r="4417" spans="1:10" x14ac:dyDescent="0.35">
      <c r="A4417" s="1" t="s">
        <v>17116</v>
      </c>
      <c r="B4417" s="1" t="s">
        <v>16851</v>
      </c>
      <c r="C4417" s="1" t="s">
        <v>140</v>
      </c>
      <c r="D4417" s="1" t="s">
        <v>17218</v>
      </c>
      <c r="E4417" s="1" t="s">
        <v>17219</v>
      </c>
      <c r="F4417" s="1" t="s">
        <v>17220</v>
      </c>
      <c r="G4417" s="1" t="s">
        <v>17120</v>
      </c>
      <c r="H4417" s="1" t="s">
        <v>17121</v>
      </c>
      <c r="I4417" s="1" t="s">
        <v>16857</v>
      </c>
      <c r="J4417" s="1" t="s">
        <v>17221</v>
      </c>
    </row>
    <row r="4418" spans="1:10" x14ac:dyDescent="0.35">
      <c r="A4418" s="1" t="s">
        <v>17116</v>
      </c>
      <c r="B4418" s="1" t="s">
        <v>16851</v>
      </c>
      <c r="C4418" s="1" t="s">
        <v>145</v>
      </c>
      <c r="D4418" s="1" t="s">
        <v>17222</v>
      </c>
      <c r="E4418" s="1" t="s">
        <v>17223</v>
      </c>
      <c r="F4418" s="1" t="s">
        <v>17224</v>
      </c>
      <c r="G4418" s="1" t="s">
        <v>17120</v>
      </c>
      <c r="H4418" s="1" t="s">
        <v>17121</v>
      </c>
      <c r="I4418" s="1" t="s">
        <v>16857</v>
      </c>
      <c r="J4418" s="1" t="s">
        <v>17225</v>
      </c>
    </row>
    <row r="4419" spans="1:10" x14ac:dyDescent="0.35">
      <c r="A4419" s="1" t="s">
        <v>17116</v>
      </c>
      <c r="B4419" s="1" t="s">
        <v>16851</v>
      </c>
      <c r="C4419" s="1" t="s">
        <v>150</v>
      </c>
      <c r="D4419" s="1" t="s">
        <v>17226</v>
      </c>
      <c r="E4419" s="1" t="s">
        <v>17227</v>
      </c>
      <c r="F4419" s="1" t="s">
        <v>17228</v>
      </c>
      <c r="G4419" s="1" t="s">
        <v>17120</v>
      </c>
      <c r="H4419" s="1" t="s">
        <v>17121</v>
      </c>
      <c r="I4419" s="1" t="s">
        <v>16857</v>
      </c>
      <c r="J4419" s="1" t="s">
        <v>17229</v>
      </c>
    </row>
    <row r="4420" spans="1:10" x14ac:dyDescent="0.35">
      <c r="A4420" s="1" t="s">
        <v>17116</v>
      </c>
      <c r="B4420" s="1" t="s">
        <v>16851</v>
      </c>
      <c r="C4420" s="1" t="s">
        <v>155</v>
      </c>
      <c r="D4420" s="1" t="s">
        <v>17230</v>
      </c>
      <c r="E4420" s="1" t="s">
        <v>17231</v>
      </c>
      <c r="F4420" s="1" t="s">
        <v>17232</v>
      </c>
      <c r="G4420" s="1" t="s">
        <v>17120</v>
      </c>
      <c r="H4420" s="1" t="s">
        <v>17121</v>
      </c>
      <c r="I4420" s="1" t="s">
        <v>16857</v>
      </c>
      <c r="J4420" s="1" t="s">
        <v>17233</v>
      </c>
    </row>
    <row r="4421" spans="1:10" x14ac:dyDescent="0.35">
      <c r="A4421" s="1" t="s">
        <v>17116</v>
      </c>
      <c r="B4421" s="1" t="s">
        <v>16851</v>
      </c>
      <c r="C4421" s="1" t="s">
        <v>160</v>
      </c>
      <c r="D4421" s="1" t="s">
        <v>17234</v>
      </c>
      <c r="E4421" s="1" t="s">
        <v>17235</v>
      </c>
      <c r="F4421" s="1" t="s">
        <v>17236</v>
      </c>
      <c r="G4421" s="1" t="s">
        <v>17120</v>
      </c>
      <c r="H4421" s="1" t="s">
        <v>17121</v>
      </c>
      <c r="I4421" s="1" t="s">
        <v>16857</v>
      </c>
      <c r="J4421" s="1" t="s">
        <v>17237</v>
      </c>
    </row>
    <row r="4422" spans="1:10" x14ac:dyDescent="0.35">
      <c r="A4422" s="1" t="s">
        <v>17116</v>
      </c>
      <c r="B4422" s="1" t="s">
        <v>16851</v>
      </c>
      <c r="C4422" s="1" t="s">
        <v>165</v>
      </c>
      <c r="D4422" s="1" t="s">
        <v>17238</v>
      </c>
      <c r="E4422" s="1" t="s">
        <v>17239</v>
      </c>
      <c r="F4422" s="1" t="s">
        <v>17240</v>
      </c>
      <c r="G4422" s="1" t="s">
        <v>17120</v>
      </c>
      <c r="H4422" s="1" t="s">
        <v>17121</v>
      </c>
      <c r="I4422" s="1" t="s">
        <v>16857</v>
      </c>
      <c r="J4422" s="1" t="s">
        <v>17241</v>
      </c>
    </row>
    <row r="4423" spans="1:10" x14ac:dyDescent="0.35">
      <c r="A4423" s="1" t="s">
        <v>17116</v>
      </c>
      <c r="B4423" s="1" t="s">
        <v>16851</v>
      </c>
      <c r="C4423" s="1" t="s">
        <v>170</v>
      </c>
      <c r="D4423" s="1" t="s">
        <v>17242</v>
      </c>
      <c r="E4423" s="1" t="s">
        <v>17243</v>
      </c>
      <c r="F4423" s="1" t="s">
        <v>17244</v>
      </c>
      <c r="G4423" s="1" t="s">
        <v>17120</v>
      </c>
      <c r="H4423" s="1" t="s">
        <v>17121</v>
      </c>
      <c r="I4423" s="1" t="s">
        <v>16857</v>
      </c>
      <c r="J4423" s="1" t="s">
        <v>17245</v>
      </c>
    </row>
    <row r="4424" spans="1:10" x14ac:dyDescent="0.35">
      <c r="A4424" s="1" t="s">
        <v>17246</v>
      </c>
      <c r="B4424" s="1" t="s">
        <v>16851</v>
      </c>
      <c r="C4424" s="1" t="s">
        <v>8</v>
      </c>
      <c r="D4424" s="1" t="s">
        <v>17247</v>
      </c>
      <c r="E4424" s="1" t="s">
        <v>17248</v>
      </c>
      <c r="F4424" s="1" t="s">
        <v>17249</v>
      </c>
      <c r="G4424" s="1" t="s">
        <v>17250</v>
      </c>
      <c r="H4424" s="1" t="s">
        <v>17251</v>
      </c>
      <c r="I4424" s="1" t="s">
        <v>16857</v>
      </c>
      <c r="J4424" s="1" t="s">
        <v>13</v>
      </c>
    </row>
    <row r="4425" spans="1:10" x14ac:dyDescent="0.35">
      <c r="A4425" s="1" t="s">
        <v>17246</v>
      </c>
      <c r="B4425" s="1" t="s">
        <v>16851</v>
      </c>
      <c r="C4425" s="1" t="s">
        <v>15</v>
      </c>
      <c r="D4425" s="1" t="s">
        <v>17252</v>
      </c>
      <c r="E4425" s="1" t="s">
        <v>17253</v>
      </c>
      <c r="F4425" s="1" t="s">
        <v>17254</v>
      </c>
      <c r="G4425" s="1" t="s">
        <v>17250</v>
      </c>
      <c r="H4425" s="1" t="s">
        <v>17251</v>
      </c>
      <c r="I4425" s="1" t="s">
        <v>16857</v>
      </c>
      <c r="J4425" s="1" t="s">
        <v>17255</v>
      </c>
    </row>
    <row r="4426" spans="1:10" x14ac:dyDescent="0.35">
      <c r="A4426" s="1" t="s">
        <v>17246</v>
      </c>
      <c r="B4426" s="1" t="s">
        <v>16851</v>
      </c>
      <c r="C4426" s="1" t="s">
        <v>20</v>
      </c>
      <c r="D4426" s="1" t="s">
        <v>17256</v>
      </c>
      <c r="E4426" s="1" t="s">
        <v>17257</v>
      </c>
      <c r="F4426" s="1" t="s">
        <v>17258</v>
      </c>
      <c r="G4426" s="1" t="s">
        <v>17250</v>
      </c>
      <c r="H4426" s="1" t="s">
        <v>17251</v>
      </c>
      <c r="I4426" s="1" t="s">
        <v>16857</v>
      </c>
      <c r="J4426" s="1" t="s">
        <v>17259</v>
      </c>
    </row>
    <row r="4427" spans="1:10" x14ac:dyDescent="0.35">
      <c r="A4427" s="1" t="s">
        <v>17246</v>
      </c>
      <c r="B4427" s="1" t="s">
        <v>16851</v>
      </c>
      <c r="C4427" s="1" t="s">
        <v>25</v>
      </c>
      <c r="D4427" s="1" t="s">
        <v>17260</v>
      </c>
      <c r="E4427" s="1" t="s">
        <v>17261</v>
      </c>
      <c r="F4427" s="1" t="s">
        <v>17262</v>
      </c>
      <c r="G4427" s="1" t="s">
        <v>17250</v>
      </c>
      <c r="H4427" s="1" t="s">
        <v>17251</v>
      </c>
      <c r="I4427" s="1" t="s">
        <v>16857</v>
      </c>
      <c r="J4427" s="1" t="s">
        <v>17263</v>
      </c>
    </row>
    <row r="4428" spans="1:10" x14ac:dyDescent="0.35">
      <c r="A4428" s="1" t="s">
        <v>17246</v>
      </c>
      <c r="B4428" s="1" t="s">
        <v>16851</v>
      </c>
      <c r="C4428" s="1" t="s">
        <v>30</v>
      </c>
      <c r="D4428" s="1" t="s">
        <v>17264</v>
      </c>
      <c r="E4428" s="1" t="s">
        <v>17265</v>
      </c>
      <c r="F4428" s="1" t="s">
        <v>17266</v>
      </c>
      <c r="G4428" s="1" t="s">
        <v>17250</v>
      </c>
      <c r="H4428" s="1" t="s">
        <v>17251</v>
      </c>
      <c r="I4428" s="1" t="s">
        <v>16857</v>
      </c>
      <c r="J4428" s="1" t="s">
        <v>17267</v>
      </c>
    </row>
    <row r="4429" spans="1:10" x14ac:dyDescent="0.35">
      <c r="A4429" s="1" t="s">
        <v>17246</v>
      </c>
      <c r="B4429" s="1" t="s">
        <v>16851</v>
      </c>
      <c r="C4429" s="1" t="s">
        <v>35</v>
      </c>
      <c r="D4429" s="1" t="s">
        <v>17268</v>
      </c>
      <c r="E4429" s="1" t="s">
        <v>17269</v>
      </c>
      <c r="F4429" s="1" t="s">
        <v>17270</v>
      </c>
      <c r="G4429" s="1" t="s">
        <v>17250</v>
      </c>
      <c r="H4429" s="1" t="s">
        <v>17251</v>
      </c>
      <c r="I4429" s="1" t="s">
        <v>16857</v>
      </c>
      <c r="J4429" s="1" t="s">
        <v>17271</v>
      </c>
    </row>
    <row r="4430" spans="1:10" x14ac:dyDescent="0.35">
      <c r="A4430" s="1" t="s">
        <v>17246</v>
      </c>
      <c r="B4430" s="1" t="s">
        <v>16851</v>
      </c>
      <c r="C4430" s="1" t="s">
        <v>40</v>
      </c>
      <c r="D4430" s="1" t="s">
        <v>17272</v>
      </c>
      <c r="E4430" s="1" t="s">
        <v>17273</v>
      </c>
      <c r="F4430" s="1" t="s">
        <v>17274</v>
      </c>
      <c r="G4430" s="1" t="s">
        <v>17250</v>
      </c>
      <c r="H4430" s="1" t="s">
        <v>17251</v>
      </c>
      <c r="I4430" s="1" t="s">
        <v>16857</v>
      </c>
      <c r="J4430" s="1" t="s">
        <v>17275</v>
      </c>
    </row>
    <row r="4431" spans="1:10" x14ac:dyDescent="0.35">
      <c r="A4431" s="1" t="s">
        <v>17246</v>
      </c>
      <c r="B4431" s="1" t="s">
        <v>16851</v>
      </c>
      <c r="C4431" s="1" t="s">
        <v>45</v>
      </c>
      <c r="D4431" s="1" t="s">
        <v>17276</v>
      </c>
      <c r="E4431" s="1" t="s">
        <v>17277</v>
      </c>
      <c r="F4431" s="1" t="s">
        <v>17278</v>
      </c>
      <c r="G4431" s="1" t="s">
        <v>17250</v>
      </c>
      <c r="H4431" s="1" t="s">
        <v>17251</v>
      </c>
      <c r="I4431" s="1" t="s">
        <v>16857</v>
      </c>
      <c r="J4431" s="1" t="s">
        <v>17279</v>
      </c>
    </row>
    <row r="4432" spans="1:10" x14ac:dyDescent="0.35">
      <c r="A4432" s="1" t="s">
        <v>17246</v>
      </c>
      <c r="B4432" s="1" t="s">
        <v>16851</v>
      </c>
      <c r="C4432" s="1" t="s">
        <v>50</v>
      </c>
      <c r="D4432" s="1" t="s">
        <v>17280</v>
      </c>
      <c r="E4432" s="1" t="s">
        <v>17281</v>
      </c>
      <c r="F4432" s="1" t="s">
        <v>17282</v>
      </c>
      <c r="G4432" s="1" t="s">
        <v>17250</v>
      </c>
      <c r="H4432" s="1" t="s">
        <v>17251</v>
      </c>
      <c r="I4432" s="1" t="s">
        <v>16857</v>
      </c>
      <c r="J4432" s="1" t="s">
        <v>17283</v>
      </c>
    </row>
    <row r="4433" spans="1:10" x14ac:dyDescent="0.35">
      <c r="A4433" s="1" t="s">
        <v>17246</v>
      </c>
      <c r="B4433" s="1" t="s">
        <v>16851</v>
      </c>
      <c r="C4433" s="1" t="s">
        <v>55</v>
      </c>
      <c r="D4433" s="1" t="s">
        <v>17284</v>
      </c>
      <c r="E4433" s="1" t="s">
        <v>17285</v>
      </c>
      <c r="F4433" s="1" t="s">
        <v>17286</v>
      </c>
      <c r="G4433" s="1" t="s">
        <v>17250</v>
      </c>
      <c r="H4433" s="1" t="s">
        <v>17251</v>
      </c>
      <c r="I4433" s="1" t="s">
        <v>16857</v>
      </c>
      <c r="J4433" s="1" t="s">
        <v>17287</v>
      </c>
    </row>
    <row r="4434" spans="1:10" x14ac:dyDescent="0.35">
      <c r="A4434" s="1" t="s">
        <v>17246</v>
      </c>
      <c r="B4434" s="1" t="s">
        <v>16851</v>
      </c>
      <c r="C4434" s="1" t="s">
        <v>60</v>
      </c>
      <c r="D4434" s="1" t="s">
        <v>17288</v>
      </c>
      <c r="E4434" s="1" t="s">
        <v>17289</v>
      </c>
      <c r="F4434" s="1" t="s">
        <v>17290</v>
      </c>
      <c r="G4434" s="1" t="s">
        <v>17250</v>
      </c>
      <c r="H4434" s="1" t="s">
        <v>17251</v>
      </c>
      <c r="I4434" s="1" t="s">
        <v>16857</v>
      </c>
      <c r="J4434" s="1" t="s">
        <v>17291</v>
      </c>
    </row>
    <row r="4435" spans="1:10" x14ac:dyDescent="0.35">
      <c r="A4435" s="1" t="s">
        <v>17246</v>
      </c>
      <c r="B4435" s="1" t="s">
        <v>16851</v>
      </c>
      <c r="C4435" s="1" t="s">
        <v>65</v>
      </c>
      <c r="D4435" s="1" t="s">
        <v>17292</v>
      </c>
      <c r="E4435" s="1" t="s">
        <v>17293</v>
      </c>
      <c r="F4435" s="1" t="s">
        <v>17294</v>
      </c>
      <c r="G4435" s="1" t="s">
        <v>17250</v>
      </c>
      <c r="H4435" s="1" t="s">
        <v>17251</v>
      </c>
      <c r="I4435" s="1" t="s">
        <v>16857</v>
      </c>
      <c r="J4435" s="1" t="s">
        <v>17295</v>
      </c>
    </row>
    <row r="4436" spans="1:10" x14ac:dyDescent="0.35">
      <c r="A4436" s="1" t="s">
        <v>17246</v>
      </c>
      <c r="B4436" s="1" t="s">
        <v>16851</v>
      </c>
      <c r="C4436" s="1" t="s">
        <v>70</v>
      </c>
      <c r="D4436" s="1" t="s">
        <v>17296</v>
      </c>
      <c r="E4436" s="1" t="s">
        <v>17297</v>
      </c>
      <c r="F4436" s="1" t="s">
        <v>17298</v>
      </c>
      <c r="G4436" s="1" t="s">
        <v>17250</v>
      </c>
      <c r="H4436" s="1" t="s">
        <v>17251</v>
      </c>
      <c r="I4436" s="1" t="s">
        <v>16857</v>
      </c>
      <c r="J4436" s="1" t="s">
        <v>17299</v>
      </c>
    </row>
    <row r="4437" spans="1:10" x14ac:dyDescent="0.35">
      <c r="A4437" s="1" t="s">
        <v>17246</v>
      </c>
      <c r="B4437" s="1" t="s">
        <v>16851</v>
      </c>
      <c r="C4437" s="1" t="s">
        <v>75</v>
      </c>
      <c r="D4437" s="1" t="s">
        <v>17300</v>
      </c>
      <c r="E4437" s="1" t="s">
        <v>17301</v>
      </c>
      <c r="F4437" s="1" t="s">
        <v>17302</v>
      </c>
      <c r="G4437" s="1" t="s">
        <v>17250</v>
      </c>
      <c r="H4437" s="1" t="s">
        <v>17251</v>
      </c>
      <c r="I4437" s="1" t="s">
        <v>16857</v>
      </c>
      <c r="J4437" s="1" t="s">
        <v>17303</v>
      </c>
    </row>
    <row r="4438" spans="1:10" x14ac:dyDescent="0.35">
      <c r="A4438" s="1" t="s">
        <v>17246</v>
      </c>
      <c r="B4438" s="1" t="s">
        <v>16851</v>
      </c>
      <c r="C4438" s="1" t="s">
        <v>80</v>
      </c>
      <c r="D4438" s="1" t="s">
        <v>17304</v>
      </c>
      <c r="E4438" s="1" t="s">
        <v>17305</v>
      </c>
      <c r="F4438" s="1" t="s">
        <v>17306</v>
      </c>
      <c r="G4438" s="1" t="s">
        <v>17250</v>
      </c>
      <c r="H4438" s="1" t="s">
        <v>17251</v>
      </c>
      <c r="I4438" s="1" t="s">
        <v>16857</v>
      </c>
      <c r="J4438" s="1" t="s">
        <v>17307</v>
      </c>
    </row>
    <row r="4439" spans="1:10" x14ac:dyDescent="0.35">
      <c r="A4439" s="1" t="s">
        <v>17246</v>
      </c>
      <c r="B4439" s="1" t="s">
        <v>16851</v>
      </c>
      <c r="C4439" s="1" t="s">
        <v>85</v>
      </c>
      <c r="D4439" s="1" t="s">
        <v>17308</v>
      </c>
      <c r="E4439" s="1" t="s">
        <v>17309</v>
      </c>
      <c r="F4439" s="1" t="s">
        <v>17310</v>
      </c>
      <c r="G4439" s="1" t="s">
        <v>17250</v>
      </c>
      <c r="H4439" s="1" t="s">
        <v>17251</v>
      </c>
      <c r="I4439" s="1" t="s">
        <v>16857</v>
      </c>
      <c r="J4439" s="1" t="s">
        <v>17311</v>
      </c>
    </row>
    <row r="4440" spans="1:10" x14ac:dyDescent="0.35">
      <c r="A4440" s="1" t="s">
        <v>17246</v>
      </c>
      <c r="B4440" s="1" t="s">
        <v>16851</v>
      </c>
      <c r="C4440" s="1" t="s">
        <v>90</v>
      </c>
      <c r="D4440" s="1" t="s">
        <v>17312</v>
      </c>
      <c r="E4440" s="1" t="s">
        <v>17313</v>
      </c>
      <c r="F4440" s="1" t="s">
        <v>17314</v>
      </c>
      <c r="G4440" s="1" t="s">
        <v>17250</v>
      </c>
      <c r="H4440" s="1" t="s">
        <v>17251</v>
      </c>
      <c r="I4440" s="1" t="s">
        <v>16857</v>
      </c>
      <c r="J4440" s="1" t="s">
        <v>17315</v>
      </c>
    </row>
    <row r="4441" spans="1:10" x14ac:dyDescent="0.35">
      <c r="A4441" s="1" t="s">
        <v>17246</v>
      </c>
      <c r="B4441" s="1" t="s">
        <v>16851</v>
      </c>
      <c r="C4441" s="1" t="s">
        <v>95</v>
      </c>
      <c r="D4441" s="1" t="s">
        <v>17316</v>
      </c>
      <c r="E4441" s="1" t="s">
        <v>17317</v>
      </c>
      <c r="F4441" s="1" t="s">
        <v>17318</v>
      </c>
      <c r="G4441" s="1" t="s">
        <v>17250</v>
      </c>
      <c r="H4441" s="1" t="s">
        <v>17251</v>
      </c>
      <c r="I4441" s="1" t="s">
        <v>16857</v>
      </c>
      <c r="J4441" s="1" t="s">
        <v>17319</v>
      </c>
    </row>
    <row r="4442" spans="1:10" x14ac:dyDescent="0.35">
      <c r="A4442" s="1" t="s">
        <v>17246</v>
      </c>
      <c r="B4442" s="1" t="s">
        <v>16851</v>
      </c>
      <c r="C4442" s="1" t="s">
        <v>100</v>
      </c>
      <c r="D4442" s="1" t="s">
        <v>17320</v>
      </c>
      <c r="E4442" s="1" t="s">
        <v>17321</v>
      </c>
      <c r="F4442" s="1" t="s">
        <v>17322</v>
      </c>
      <c r="G4442" s="1" t="s">
        <v>17250</v>
      </c>
      <c r="H4442" s="1" t="s">
        <v>17251</v>
      </c>
      <c r="I4442" s="1" t="s">
        <v>16857</v>
      </c>
      <c r="J4442" s="1" t="s">
        <v>17323</v>
      </c>
    </row>
    <row r="4443" spans="1:10" x14ac:dyDescent="0.35">
      <c r="A4443" s="1" t="s">
        <v>17246</v>
      </c>
      <c r="B4443" s="1" t="s">
        <v>16851</v>
      </c>
      <c r="C4443" s="1" t="s">
        <v>105</v>
      </c>
      <c r="D4443" s="1" t="s">
        <v>17324</v>
      </c>
      <c r="E4443" s="1" t="s">
        <v>17325</v>
      </c>
      <c r="F4443" s="1" t="s">
        <v>17326</v>
      </c>
      <c r="G4443" s="1" t="s">
        <v>17250</v>
      </c>
      <c r="H4443" s="1" t="s">
        <v>17251</v>
      </c>
      <c r="I4443" s="1" t="s">
        <v>16857</v>
      </c>
      <c r="J4443" s="1" t="s">
        <v>17327</v>
      </c>
    </row>
    <row r="4444" spans="1:10" x14ac:dyDescent="0.35">
      <c r="A4444" s="1" t="s">
        <v>17246</v>
      </c>
      <c r="B4444" s="1" t="s">
        <v>16851</v>
      </c>
      <c r="C4444" s="1" t="s">
        <v>110</v>
      </c>
      <c r="D4444" s="1" t="s">
        <v>17328</v>
      </c>
      <c r="E4444" s="1" t="s">
        <v>17329</v>
      </c>
      <c r="F4444" s="1" t="s">
        <v>17330</v>
      </c>
      <c r="G4444" s="1" t="s">
        <v>17250</v>
      </c>
      <c r="H4444" s="1" t="s">
        <v>17251</v>
      </c>
      <c r="I4444" s="1" t="s">
        <v>16857</v>
      </c>
      <c r="J4444" s="1" t="s">
        <v>17331</v>
      </c>
    </row>
    <row r="4445" spans="1:10" x14ac:dyDescent="0.35">
      <c r="A4445" s="1" t="s">
        <v>17246</v>
      </c>
      <c r="B4445" s="1" t="s">
        <v>16851</v>
      </c>
      <c r="C4445" s="1" t="s">
        <v>115</v>
      </c>
      <c r="D4445" s="1" t="s">
        <v>17332</v>
      </c>
      <c r="E4445" s="1" t="s">
        <v>17333</v>
      </c>
      <c r="F4445" s="1" t="s">
        <v>17334</v>
      </c>
      <c r="G4445" s="1" t="s">
        <v>17250</v>
      </c>
      <c r="H4445" s="1" t="s">
        <v>17251</v>
      </c>
      <c r="I4445" s="1" t="s">
        <v>16857</v>
      </c>
      <c r="J4445" s="1" t="s">
        <v>17335</v>
      </c>
    </row>
    <row r="4446" spans="1:10" x14ac:dyDescent="0.35">
      <c r="A4446" s="1" t="s">
        <v>17246</v>
      </c>
      <c r="B4446" s="1" t="s">
        <v>16851</v>
      </c>
      <c r="C4446" s="1" t="s">
        <v>120</v>
      </c>
      <c r="D4446" s="1" t="s">
        <v>17336</v>
      </c>
      <c r="E4446" s="1" t="s">
        <v>17337</v>
      </c>
      <c r="F4446" s="1" t="s">
        <v>17338</v>
      </c>
      <c r="G4446" s="1" t="s">
        <v>17250</v>
      </c>
      <c r="H4446" s="1" t="s">
        <v>17251</v>
      </c>
      <c r="I4446" s="1" t="s">
        <v>16857</v>
      </c>
      <c r="J4446" s="1" t="s">
        <v>17339</v>
      </c>
    </row>
    <row r="4447" spans="1:10" x14ac:dyDescent="0.35">
      <c r="A4447" s="1" t="s">
        <v>17246</v>
      </c>
      <c r="B4447" s="1" t="s">
        <v>16851</v>
      </c>
      <c r="C4447" s="1" t="s">
        <v>125</v>
      </c>
      <c r="D4447" s="1" t="s">
        <v>17340</v>
      </c>
      <c r="E4447" s="1" t="s">
        <v>17341</v>
      </c>
      <c r="F4447" s="1" t="s">
        <v>17342</v>
      </c>
      <c r="G4447" s="1" t="s">
        <v>17250</v>
      </c>
      <c r="H4447" s="1" t="s">
        <v>17251</v>
      </c>
      <c r="I4447" s="1" t="s">
        <v>16857</v>
      </c>
      <c r="J4447" s="1" t="s">
        <v>17343</v>
      </c>
    </row>
    <row r="4448" spans="1:10" x14ac:dyDescent="0.35">
      <c r="A4448" s="1" t="s">
        <v>17246</v>
      </c>
      <c r="B4448" s="1" t="s">
        <v>16851</v>
      </c>
      <c r="C4448" s="1" t="s">
        <v>130</v>
      </c>
      <c r="D4448" s="1" t="s">
        <v>17344</v>
      </c>
      <c r="E4448" s="1" t="s">
        <v>17345</v>
      </c>
      <c r="F4448" s="1" t="s">
        <v>17346</v>
      </c>
      <c r="G4448" s="1" t="s">
        <v>17250</v>
      </c>
      <c r="H4448" s="1" t="s">
        <v>17251</v>
      </c>
      <c r="I4448" s="1" t="s">
        <v>16857</v>
      </c>
      <c r="J4448" s="1" t="s">
        <v>17347</v>
      </c>
    </row>
    <row r="4449" spans="1:10" x14ac:dyDescent="0.35">
      <c r="A4449" s="1" t="s">
        <v>17246</v>
      </c>
      <c r="B4449" s="1" t="s">
        <v>16851</v>
      </c>
      <c r="C4449" s="1" t="s">
        <v>135</v>
      </c>
      <c r="D4449" s="1" t="s">
        <v>17348</v>
      </c>
      <c r="E4449" s="1" t="s">
        <v>17349</v>
      </c>
      <c r="F4449" s="1" t="s">
        <v>17350</v>
      </c>
      <c r="G4449" s="1" t="s">
        <v>17250</v>
      </c>
      <c r="H4449" s="1" t="s">
        <v>17251</v>
      </c>
      <c r="I4449" s="1" t="s">
        <v>16857</v>
      </c>
      <c r="J4449" s="1" t="s">
        <v>17351</v>
      </c>
    </row>
    <row r="4450" spans="1:10" x14ac:dyDescent="0.35">
      <c r="A4450" s="1" t="s">
        <v>17246</v>
      </c>
      <c r="B4450" s="1" t="s">
        <v>16851</v>
      </c>
      <c r="C4450" s="1" t="s">
        <v>140</v>
      </c>
      <c r="D4450" s="1" t="s">
        <v>17352</v>
      </c>
      <c r="E4450" s="1" t="s">
        <v>17353</v>
      </c>
      <c r="F4450" s="1" t="s">
        <v>17354</v>
      </c>
      <c r="G4450" s="1" t="s">
        <v>17250</v>
      </c>
      <c r="H4450" s="1" t="s">
        <v>17251</v>
      </c>
      <c r="I4450" s="1" t="s">
        <v>16857</v>
      </c>
      <c r="J4450" s="1" t="s">
        <v>17355</v>
      </c>
    </row>
    <row r="4451" spans="1:10" x14ac:dyDescent="0.35">
      <c r="A4451" s="1" t="s">
        <v>17246</v>
      </c>
      <c r="B4451" s="1" t="s">
        <v>16851</v>
      </c>
      <c r="C4451" s="1" t="s">
        <v>145</v>
      </c>
      <c r="D4451" s="1" t="s">
        <v>2742</v>
      </c>
      <c r="E4451" s="1" t="s">
        <v>17356</v>
      </c>
      <c r="F4451" s="1" t="s">
        <v>17357</v>
      </c>
      <c r="G4451" s="1" t="s">
        <v>17250</v>
      </c>
      <c r="H4451" s="1" t="s">
        <v>17251</v>
      </c>
      <c r="I4451" s="1" t="s">
        <v>16857</v>
      </c>
      <c r="J4451" s="1" t="s">
        <v>17358</v>
      </c>
    </row>
    <row r="4452" spans="1:10" x14ac:dyDescent="0.35">
      <c r="A4452" s="1" t="s">
        <v>17246</v>
      </c>
      <c r="B4452" s="1" t="s">
        <v>16851</v>
      </c>
      <c r="C4452" s="1" t="s">
        <v>150</v>
      </c>
      <c r="D4452" s="1" t="s">
        <v>17359</v>
      </c>
      <c r="E4452" s="1" t="s">
        <v>17360</v>
      </c>
      <c r="F4452" s="1" t="s">
        <v>17361</v>
      </c>
      <c r="G4452" s="1" t="s">
        <v>17250</v>
      </c>
      <c r="H4452" s="1" t="s">
        <v>17251</v>
      </c>
      <c r="I4452" s="1" t="s">
        <v>16857</v>
      </c>
      <c r="J4452" s="1" t="s">
        <v>17362</v>
      </c>
    </row>
    <row r="4453" spans="1:10" x14ac:dyDescent="0.35">
      <c r="A4453" s="1" t="s">
        <v>17246</v>
      </c>
      <c r="B4453" s="1" t="s">
        <v>16851</v>
      </c>
      <c r="C4453" s="1" t="s">
        <v>155</v>
      </c>
      <c r="D4453" s="1" t="s">
        <v>17363</v>
      </c>
      <c r="E4453" s="1" t="s">
        <v>17364</v>
      </c>
      <c r="F4453" s="1" t="s">
        <v>17365</v>
      </c>
      <c r="G4453" s="1" t="s">
        <v>17250</v>
      </c>
      <c r="H4453" s="1" t="s">
        <v>17251</v>
      </c>
      <c r="I4453" s="1" t="s">
        <v>16857</v>
      </c>
      <c r="J4453" s="1" t="s">
        <v>17366</v>
      </c>
    </row>
    <row r="4454" spans="1:10" x14ac:dyDescent="0.35">
      <c r="A4454" s="1" t="s">
        <v>17246</v>
      </c>
      <c r="B4454" s="1" t="s">
        <v>16851</v>
      </c>
      <c r="C4454" s="1" t="s">
        <v>160</v>
      </c>
      <c r="D4454" s="1" t="s">
        <v>17367</v>
      </c>
      <c r="E4454" s="1" t="s">
        <v>17368</v>
      </c>
      <c r="F4454" s="1" t="s">
        <v>17369</v>
      </c>
      <c r="G4454" s="1" t="s">
        <v>17250</v>
      </c>
      <c r="H4454" s="1" t="s">
        <v>17251</v>
      </c>
      <c r="I4454" s="1" t="s">
        <v>16857</v>
      </c>
      <c r="J4454" s="1" t="s">
        <v>17370</v>
      </c>
    </row>
    <row r="4455" spans="1:10" x14ac:dyDescent="0.35">
      <c r="A4455" s="1" t="s">
        <v>17246</v>
      </c>
      <c r="B4455" s="1" t="s">
        <v>16851</v>
      </c>
      <c r="C4455" s="1" t="s">
        <v>165</v>
      </c>
      <c r="D4455" s="1" t="s">
        <v>17371</v>
      </c>
      <c r="E4455" s="1" t="s">
        <v>17372</v>
      </c>
      <c r="F4455" s="1" t="s">
        <v>17373</v>
      </c>
      <c r="G4455" s="1" t="s">
        <v>17250</v>
      </c>
      <c r="H4455" s="1" t="s">
        <v>17251</v>
      </c>
      <c r="I4455" s="1" t="s">
        <v>16857</v>
      </c>
      <c r="J4455" s="1" t="s">
        <v>17374</v>
      </c>
    </row>
    <row r="4456" spans="1:10" x14ac:dyDescent="0.35">
      <c r="A4456" s="1" t="s">
        <v>17246</v>
      </c>
      <c r="B4456" s="1" t="s">
        <v>16851</v>
      </c>
      <c r="C4456" s="1" t="s">
        <v>170</v>
      </c>
      <c r="D4456" s="1" t="s">
        <v>17375</v>
      </c>
      <c r="E4456" s="1" t="s">
        <v>17376</v>
      </c>
      <c r="F4456" s="1" t="s">
        <v>17377</v>
      </c>
      <c r="G4456" s="1" t="s">
        <v>17250</v>
      </c>
      <c r="H4456" s="1" t="s">
        <v>17251</v>
      </c>
      <c r="I4456" s="1" t="s">
        <v>16857</v>
      </c>
      <c r="J4456" s="1" t="s">
        <v>17378</v>
      </c>
    </row>
    <row r="4457" spans="1:10" x14ac:dyDescent="0.35">
      <c r="A4457" s="1" t="s">
        <v>17379</v>
      </c>
      <c r="B4457" s="1" t="s">
        <v>16851</v>
      </c>
      <c r="C4457" s="1" t="s">
        <v>8</v>
      </c>
      <c r="D4457" s="1" t="s">
        <v>17380</v>
      </c>
      <c r="E4457" s="1" t="s">
        <v>17381</v>
      </c>
      <c r="F4457" s="1" t="s">
        <v>17382</v>
      </c>
      <c r="G4457" s="1" t="s">
        <v>17383</v>
      </c>
      <c r="H4457" s="1" t="s">
        <v>17384</v>
      </c>
      <c r="I4457" s="1" t="s">
        <v>16857</v>
      </c>
      <c r="J4457" s="1" t="s">
        <v>13</v>
      </c>
    </row>
    <row r="4458" spans="1:10" x14ac:dyDescent="0.35">
      <c r="A4458" s="1" t="s">
        <v>17379</v>
      </c>
      <c r="B4458" s="1" t="s">
        <v>16851</v>
      </c>
      <c r="C4458" s="1" t="s">
        <v>15</v>
      </c>
      <c r="D4458" s="1" t="s">
        <v>17385</v>
      </c>
      <c r="E4458" s="1" t="s">
        <v>17386</v>
      </c>
      <c r="F4458" s="1" t="s">
        <v>17387</v>
      </c>
      <c r="G4458" s="1" t="s">
        <v>17383</v>
      </c>
      <c r="H4458" s="1" t="s">
        <v>17384</v>
      </c>
      <c r="I4458" s="1" t="s">
        <v>16857</v>
      </c>
      <c r="J4458" s="1" t="s">
        <v>17388</v>
      </c>
    </row>
    <row r="4459" spans="1:10" x14ac:dyDescent="0.35">
      <c r="A4459" s="1" t="s">
        <v>17379</v>
      </c>
      <c r="B4459" s="1" t="s">
        <v>16851</v>
      </c>
      <c r="C4459" s="1" t="s">
        <v>20</v>
      </c>
      <c r="D4459" s="1" t="s">
        <v>17389</v>
      </c>
      <c r="E4459" s="1" t="s">
        <v>17390</v>
      </c>
      <c r="F4459" s="1" t="s">
        <v>17391</v>
      </c>
      <c r="G4459" s="1" t="s">
        <v>17383</v>
      </c>
      <c r="H4459" s="1" t="s">
        <v>17384</v>
      </c>
      <c r="I4459" s="1" t="s">
        <v>16857</v>
      </c>
      <c r="J4459" s="1" t="s">
        <v>17392</v>
      </c>
    </row>
    <row r="4460" spans="1:10" x14ac:dyDescent="0.35">
      <c r="A4460" s="1" t="s">
        <v>17379</v>
      </c>
      <c r="B4460" s="1" t="s">
        <v>16851</v>
      </c>
      <c r="C4460" s="1" t="s">
        <v>25</v>
      </c>
      <c r="D4460" s="1" t="s">
        <v>17393</v>
      </c>
      <c r="E4460" s="1" t="s">
        <v>17394</v>
      </c>
      <c r="F4460" s="1" t="s">
        <v>17395</v>
      </c>
      <c r="G4460" s="1" t="s">
        <v>17383</v>
      </c>
      <c r="H4460" s="1" t="s">
        <v>17384</v>
      </c>
      <c r="I4460" s="1" t="s">
        <v>16857</v>
      </c>
      <c r="J4460" s="1" t="s">
        <v>17396</v>
      </c>
    </row>
    <row r="4461" spans="1:10" x14ac:dyDescent="0.35">
      <c r="A4461" s="1" t="s">
        <v>17379</v>
      </c>
      <c r="B4461" s="1" t="s">
        <v>16851</v>
      </c>
      <c r="C4461" s="1" t="s">
        <v>30</v>
      </c>
      <c r="D4461" s="1" t="s">
        <v>17397</v>
      </c>
      <c r="E4461" s="1" t="s">
        <v>17398</v>
      </c>
      <c r="F4461" s="1" t="s">
        <v>17399</v>
      </c>
      <c r="G4461" s="1" t="s">
        <v>17383</v>
      </c>
      <c r="H4461" s="1" t="s">
        <v>17384</v>
      </c>
      <c r="I4461" s="1" t="s">
        <v>16857</v>
      </c>
      <c r="J4461" s="1" t="s">
        <v>17400</v>
      </c>
    </row>
    <row r="4462" spans="1:10" x14ac:dyDescent="0.35">
      <c r="A4462" s="1" t="s">
        <v>17379</v>
      </c>
      <c r="B4462" s="1" t="s">
        <v>16851</v>
      </c>
      <c r="C4462" s="1" t="s">
        <v>35</v>
      </c>
      <c r="D4462" s="1" t="s">
        <v>17401</v>
      </c>
      <c r="E4462" s="1" t="s">
        <v>17402</v>
      </c>
      <c r="F4462" s="1" t="s">
        <v>17403</v>
      </c>
      <c r="G4462" s="1" t="s">
        <v>17383</v>
      </c>
      <c r="H4462" s="1" t="s">
        <v>17384</v>
      </c>
      <c r="I4462" s="1" t="s">
        <v>16857</v>
      </c>
      <c r="J4462" s="1" t="s">
        <v>17404</v>
      </c>
    </row>
    <row r="4463" spans="1:10" x14ac:dyDescent="0.35">
      <c r="A4463" s="1" t="s">
        <v>17379</v>
      </c>
      <c r="B4463" s="1" t="s">
        <v>16851</v>
      </c>
      <c r="C4463" s="1" t="s">
        <v>40</v>
      </c>
      <c r="D4463" s="1" t="s">
        <v>17405</v>
      </c>
      <c r="E4463" s="1" t="s">
        <v>17406</v>
      </c>
      <c r="F4463" s="1" t="s">
        <v>17407</v>
      </c>
      <c r="G4463" s="1" t="s">
        <v>17383</v>
      </c>
      <c r="H4463" s="1" t="s">
        <v>17384</v>
      </c>
      <c r="I4463" s="1" t="s">
        <v>16857</v>
      </c>
      <c r="J4463" s="1" t="s">
        <v>17408</v>
      </c>
    </row>
    <row r="4464" spans="1:10" x14ac:dyDescent="0.35">
      <c r="A4464" s="1" t="s">
        <v>17379</v>
      </c>
      <c r="B4464" s="1" t="s">
        <v>16851</v>
      </c>
      <c r="C4464" s="1" t="s">
        <v>45</v>
      </c>
      <c r="D4464" s="1" t="s">
        <v>17409</v>
      </c>
      <c r="E4464" s="1" t="s">
        <v>17410</v>
      </c>
      <c r="F4464" s="1" t="s">
        <v>17411</v>
      </c>
      <c r="G4464" s="1" t="s">
        <v>17383</v>
      </c>
      <c r="H4464" s="1" t="s">
        <v>17384</v>
      </c>
      <c r="I4464" s="1" t="s">
        <v>16857</v>
      </c>
      <c r="J4464" s="1" t="s">
        <v>17412</v>
      </c>
    </row>
    <row r="4465" spans="1:10" x14ac:dyDescent="0.35">
      <c r="A4465" s="1" t="s">
        <v>17379</v>
      </c>
      <c r="B4465" s="1" t="s">
        <v>16851</v>
      </c>
      <c r="C4465" s="1" t="s">
        <v>50</v>
      </c>
      <c r="D4465" s="1" t="s">
        <v>17413</v>
      </c>
      <c r="E4465" s="1" t="s">
        <v>17414</v>
      </c>
      <c r="F4465" s="1" t="s">
        <v>17415</v>
      </c>
      <c r="G4465" s="1" t="s">
        <v>17383</v>
      </c>
      <c r="H4465" s="1" t="s">
        <v>17384</v>
      </c>
      <c r="I4465" s="1" t="s">
        <v>16857</v>
      </c>
      <c r="J4465" s="1" t="s">
        <v>17416</v>
      </c>
    </row>
    <row r="4466" spans="1:10" x14ac:dyDescent="0.35">
      <c r="A4466" s="1" t="s">
        <v>17379</v>
      </c>
      <c r="B4466" s="1" t="s">
        <v>16851</v>
      </c>
      <c r="C4466" s="1" t="s">
        <v>55</v>
      </c>
      <c r="D4466" s="1" t="s">
        <v>17417</v>
      </c>
      <c r="E4466" s="1" t="s">
        <v>17418</v>
      </c>
      <c r="F4466" s="1" t="s">
        <v>17419</v>
      </c>
      <c r="G4466" s="1" t="s">
        <v>17383</v>
      </c>
      <c r="H4466" s="1" t="s">
        <v>17384</v>
      </c>
      <c r="I4466" s="1" t="s">
        <v>16857</v>
      </c>
      <c r="J4466" s="1" t="s">
        <v>17420</v>
      </c>
    </row>
    <row r="4467" spans="1:10" x14ac:dyDescent="0.35">
      <c r="A4467" s="1" t="s">
        <v>17379</v>
      </c>
      <c r="B4467" s="1" t="s">
        <v>16851</v>
      </c>
      <c r="C4467" s="1" t="s">
        <v>60</v>
      </c>
      <c r="D4467" s="1" t="s">
        <v>17421</v>
      </c>
      <c r="E4467" s="1" t="s">
        <v>17422</v>
      </c>
      <c r="F4467" s="1" t="s">
        <v>17423</v>
      </c>
      <c r="G4467" s="1" t="s">
        <v>17383</v>
      </c>
      <c r="H4467" s="1" t="s">
        <v>17384</v>
      </c>
      <c r="I4467" s="1" t="s">
        <v>16857</v>
      </c>
      <c r="J4467" s="1" t="s">
        <v>17424</v>
      </c>
    </row>
    <row r="4468" spans="1:10" x14ac:dyDescent="0.35">
      <c r="A4468" s="1" t="s">
        <v>17379</v>
      </c>
      <c r="B4468" s="1" t="s">
        <v>16851</v>
      </c>
      <c r="C4468" s="1" t="s">
        <v>65</v>
      </c>
      <c r="D4468" s="1" t="s">
        <v>17425</v>
      </c>
      <c r="E4468" s="1" t="s">
        <v>17426</v>
      </c>
      <c r="F4468" s="1" t="s">
        <v>17427</v>
      </c>
      <c r="G4468" s="1" t="s">
        <v>17383</v>
      </c>
      <c r="H4468" s="1" t="s">
        <v>17384</v>
      </c>
      <c r="I4468" s="1" t="s">
        <v>16857</v>
      </c>
      <c r="J4468" s="1" t="s">
        <v>17428</v>
      </c>
    </row>
    <row r="4469" spans="1:10" x14ac:dyDescent="0.35">
      <c r="A4469" s="1" t="s">
        <v>17379</v>
      </c>
      <c r="B4469" s="1" t="s">
        <v>16851</v>
      </c>
      <c r="C4469" s="1" t="s">
        <v>70</v>
      </c>
      <c r="D4469" s="1" t="s">
        <v>17429</v>
      </c>
      <c r="E4469" s="1" t="s">
        <v>17430</v>
      </c>
      <c r="F4469" s="1" t="s">
        <v>17431</v>
      </c>
      <c r="G4469" s="1" t="s">
        <v>17383</v>
      </c>
      <c r="H4469" s="1" t="s">
        <v>17384</v>
      </c>
      <c r="I4469" s="1" t="s">
        <v>16857</v>
      </c>
      <c r="J4469" s="1" t="s">
        <v>17432</v>
      </c>
    </row>
    <row r="4470" spans="1:10" x14ac:dyDescent="0.35">
      <c r="A4470" s="1" t="s">
        <v>17379</v>
      </c>
      <c r="B4470" s="1" t="s">
        <v>16851</v>
      </c>
      <c r="C4470" s="1" t="s">
        <v>75</v>
      </c>
      <c r="D4470" s="1" t="s">
        <v>17433</v>
      </c>
      <c r="E4470" s="1" t="s">
        <v>17434</v>
      </c>
      <c r="F4470" s="1" t="s">
        <v>17435</v>
      </c>
      <c r="G4470" s="1" t="s">
        <v>17383</v>
      </c>
      <c r="H4470" s="1" t="s">
        <v>17384</v>
      </c>
      <c r="I4470" s="1" t="s">
        <v>16857</v>
      </c>
      <c r="J4470" s="1" t="s">
        <v>17436</v>
      </c>
    </row>
    <row r="4471" spans="1:10" x14ac:dyDescent="0.35">
      <c r="A4471" s="1" t="s">
        <v>17379</v>
      </c>
      <c r="B4471" s="1" t="s">
        <v>16851</v>
      </c>
      <c r="C4471" s="1" t="s">
        <v>80</v>
      </c>
      <c r="D4471" s="1" t="s">
        <v>17437</v>
      </c>
      <c r="E4471" s="1" t="s">
        <v>17438</v>
      </c>
      <c r="F4471" s="1" t="s">
        <v>17439</v>
      </c>
      <c r="G4471" s="1" t="s">
        <v>17383</v>
      </c>
      <c r="H4471" s="1" t="s">
        <v>17384</v>
      </c>
      <c r="I4471" s="1" t="s">
        <v>16857</v>
      </c>
      <c r="J4471" s="1" t="s">
        <v>17440</v>
      </c>
    </row>
    <row r="4472" spans="1:10" x14ac:dyDescent="0.35">
      <c r="A4472" s="1" t="s">
        <v>17379</v>
      </c>
      <c r="B4472" s="1" t="s">
        <v>16851</v>
      </c>
      <c r="C4472" s="1" t="s">
        <v>85</v>
      </c>
      <c r="D4472" s="1" t="s">
        <v>11819</v>
      </c>
      <c r="E4472" s="1" t="s">
        <v>17441</v>
      </c>
      <c r="F4472" s="1" t="s">
        <v>17442</v>
      </c>
      <c r="G4472" s="1" t="s">
        <v>17383</v>
      </c>
      <c r="H4472" s="1" t="s">
        <v>17384</v>
      </c>
      <c r="I4472" s="1" t="s">
        <v>16857</v>
      </c>
      <c r="J4472" s="1" t="s">
        <v>17443</v>
      </c>
    </row>
    <row r="4473" spans="1:10" x14ac:dyDescent="0.35">
      <c r="A4473" s="1" t="s">
        <v>17379</v>
      </c>
      <c r="B4473" s="1" t="s">
        <v>16851</v>
      </c>
      <c r="C4473" s="1" t="s">
        <v>90</v>
      </c>
      <c r="D4473" s="1" t="s">
        <v>9762</v>
      </c>
      <c r="E4473" s="1" t="s">
        <v>17444</v>
      </c>
      <c r="F4473" s="1" t="s">
        <v>17445</v>
      </c>
      <c r="G4473" s="1" t="s">
        <v>17383</v>
      </c>
      <c r="H4473" s="1" t="s">
        <v>17384</v>
      </c>
      <c r="I4473" s="1" t="s">
        <v>16857</v>
      </c>
      <c r="J4473" s="1" t="s">
        <v>17446</v>
      </c>
    </row>
    <row r="4474" spans="1:10" x14ac:dyDescent="0.35">
      <c r="A4474" s="1" t="s">
        <v>17379</v>
      </c>
      <c r="B4474" s="1" t="s">
        <v>16851</v>
      </c>
      <c r="C4474" s="1" t="s">
        <v>95</v>
      </c>
      <c r="D4474" s="1" t="s">
        <v>17447</v>
      </c>
      <c r="E4474" s="1" t="s">
        <v>17448</v>
      </c>
      <c r="F4474" s="1" t="s">
        <v>17449</v>
      </c>
      <c r="G4474" s="1" t="s">
        <v>17383</v>
      </c>
      <c r="H4474" s="1" t="s">
        <v>17384</v>
      </c>
      <c r="I4474" s="1" t="s">
        <v>16857</v>
      </c>
      <c r="J4474" s="1" t="s">
        <v>17450</v>
      </c>
    </row>
    <row r="4475" spans="1:10" x14ac:dyDescent="0.35">
      <c r="A4475" s="1" t="s">
        <v>17379</v>
      </c>
      <c r="B4475" s="1" t="s">
        <v>16851</v>
      </c>
      <c r="C4475" s="1" t="s">
        <v>100</v>
      </c>
      <c r="D4475" s="1" t="s">
        <v>17451</v>
      </c>
      <c r="E4475" s="1" t="s">
        <v>17452</v>
      </c>
      <c r="F4475" s="1" t="s">
        <v>17453</v>
      </c>
      <c r="G4475" s="1" t="s">
        <v>17383</v>
      </c>
      <c r="H4475" s="1" t="s">
        <v>17384</v>
      </c>
      <c r="I4475" s="1" t="s">
        <v>16857</v>
      </c>
      <c r="J4475" s="1" t="s">
        <v>17454</v>
      </c>
    </row>
    <row r="4476" spans="1:10" x14ac:dyDescent="0.35">
      <c r="A4476" s="1" t="s">
        <v>17379</v>
      </c>
      <c r="B4476" s="1" t="s">
        <v>16851</v>
      </c>
      <c r="C4476" s="1" t="s">
        <v>105</v>
      </c>
      <c r="D4476" s="1" t="s">
        <v>13251</v>
      </c>
      <c r="E4476" s="1" t="s">
        <v>17455</v>
      </c>
      <c r="F4476" s="1" t="s">
        <v>17456</v>
      </c>
      <c r="G4476" s="1" t="s">
        <v>17383</v>
      </c>
      <c r="H4476" s="1" t="s">
        <v>17384</v>
      </c>
      <c r="I4476" s="1" t="s">
        <v>16857</v>
      </c>
      <c r="J4476" s="1" t="s">
        <v>17457</v>
      </c>
    </row>
    <row r="4477" spans="1:10" x14ac:dyDescent="0.35">
      <c r="A4477" s="1" t="s">
        <v>17379</v>
      </c>
      <c r="B4477" s="1" t="s">
        <v>16851</v>
      </c>
      <c r="C4477" s="1" t="s">
        <v>110</v>
      </c>
      <c r="D4477" s="1" t="s">
        <v>17458</v>
      </c>
      <c r="E4477" s="1" t="s">
        <v>17459</v>
      </c>
      <c r="F4477" s="1" t="s">
        <v>17460</v>
      </c>
      <c r="G4477" s="1" t="s">
        <v>17383</v>
      </c>
      <c r="H4477" s="1" t="s">
        <v>17384</v>
      </c>
      <c r="I4477" s="1" t="s">
        <v>16857</v>
      </c>
      <c r="J4477" s="1" t="s">
        <v>17461</v>
      </c>
    </row>
    <row r="4478" spans="1:10" x14ac:dyDescent="0.35">
      <c r="A4478" s="1" t="s">
        <v>17379</v>
      </c>
      <c r="B4478" s="1" t="s">
        <v>16851</v>
      </c>
      <c r="C4478" s="1" t="s">
        <v>115</v>
      </c>
      <c r="D4478" s="1" t="s">
        <v>17462</v>
      </c>
      <c r="E4478" s="1" t="s">
        <v>17463</v>
      </c>
      <c r="F4478" s="1" t="s">
        <v>17464</v>
      </c>
      <c r="G4478" s="1" t="s">
        <v>17383</v>
      </c>
      <c r="H4478" s="1" t="s">
        <v>17384</v>
      </c>
      <c r="I4478" s="1" t="s">
        <v>16857</v>
      </c>
      <c r="J4478" s="1" t="s">
        <v>17465</v>
      </c>
    </row>
    <row r="4479" spans="1:10" x14ac:dyDescent="0.35">
      <c r="A4479" s="1" t="s">
        <v>17379</v>
      </c>
      <c r="B4479" s="1" t="s">
        <v>16851</v>
      </c>
      <c r="C4479" s="1" t="s">
        <v>120</v>
      </c>
      <c r="D4479" s="1" t="s">
        <v>17466</v>
      </c>
      <c r="E4479" s="1" t="s">
        <v>17467</v>
      </c>
      <c r="F4479" s="1" t="s">
        <v>17468</v>
      </c>
      <c r="G4479" s="1" t="s">
        <v>17383</v>
      </c>
      <c r="H4479" s="1" t="s">
        <v>17384</v>
      </c>
      <c r="I4479" s="1" t="s">
        <v>16857</v>
      </c>
      <c r="J4479" s="1" t="s">
        <v>17469</v>
      </c>
    </row>
    <row r="4480" spans="1:10" x14ac:dyDescent="0.35">
      <c r="A4480" s="1" t="s">
        <v>17379</v>
      </c>
      <c r="B4480" s="1" t="s">
        <v>16851</v>
      </c>
      <c r="C4480" s="1" t="s">
        <v>125</v>
      </c>
      <c r="D4480" s="1" t="s">
        <v>17470</v>
      </c>
      <c r="E4480" s="1" t="s">
        <v>17471</v>
      </c>
      <c r="F4480" s="1" t="s">
        <v>17472</v>
      </c>
      <c r="G4480" s="1" t="s">
        <v>17383</v>
      </c>
      <c r="H4480" s="1" t="s">
        <v>17384</v>
      </c>
      <c r="I4480" s="1" t="s">
        <v>16857</v>
      </c>
      <c r="J4480" s="1" t="s">
        <v>17473</v>
      </c>
    </row>
    <row r="4481" spans="1:10" x14ac:dyDescent="0.35">
      <c r="A4481" s="1" t="s">
        <v>17379</v>
      </c>
      <c r="B4481" s="1" t="s">
        <v>16851</v>
      </c>
      <c r="C4481" s="1" t="s">
        <v>130</v>
      </c>
      <c r="D4481" s="1" t="s">
        <v>17474</v>
      </c>
      <c r="E4481" s="1" t="s">
        <v>17475</v>
      </c>
      <c r="F4481" s="1" t="s">
        <v>17476</v>
      </c>
      <c r="G4481" s="1" t="s">
        <v>17383</v>
      </c>
      <c r="H4481" s="1" t="s">
        <v>17384</v>
      </c>
      <c r="I4481" s="1" t="s">
        <v>16857</v>
      </c>
      <c r="J4481" s="1" t="s">
        <v>17477</v>
      </c>
    </row>
    <row r="4482" spans="1:10" x14ac:dyDescent="0.35">
      <c r="A4482" s="1" t="s">
        <v>17379</v>
      </c>
      <c r="B4482" s="1" t="s">
        <v>16851</v>
      </c>
      <c r="C4482" s="1" t="s">
        <v>135</v>
      </c>
      <c r="D4482" s="1" t="s">
        <v>17478</v>
      </c>
      <c r="E4482" s="1" t="s">
        <v>17479</v>
      </c>
      <c r="F4482" s="1" t="s">
        <v>17480</v>
      </c>
      <c r="G4482" s="1" t="s">
        <v>17383</v>
      </c>
      <c r="H4482" s="1" t="s">
        <v>17384</v>
      </c>
      <c r="I4482" s="1" t="s">
        <v>16857</v>
      </c>
      <c r="J4482" s="1" t="s">
        <v>17481</v>
      </c>
    </row>
    <row r="4483" spans="1:10" x14ac:dyDescent="0.35">
      <c r="A4483" s="1" t="s">
        <v>17379</v>
      </c>
      <c r="B4483" s="1" t="s">
        <v>16851</v>
      </c>
      <c r="C4483" s="1" t="s">
        <v>140</v>
      </c>
      <c r="D4483" s="1" t="s">
        <v>17482</v>
      </c>
      <c r="E4483" s="1" t="s">
        <v>17483</v>
      </c>
      <c r="F4483" s="1" t="s">
        <v>17484</v>
      </c>
      <c r="G4483" s="1" t="s">
        <v>17383</v>
      </c>
      <c r="H4483" s="1" t="s">
        <v>17384</v>
      </c>
      <c r="I4483" s="1" t="s">
        <v>16857</v>
      </c>
      <c r="J4483" s="1" t="s">
        <v>17485</v>
      </c>
    </row>
    <row r="4484" spans="1:10" x14ac:dyDescent="0.35">
      <c r="A4484" s="1" t="s">
        <v>17379</v>
      </c>
      <c r="B4484" s="1" t="s">
        <v>16851</v>
      </c>
      <c r="C4484" s="1" t="s">
        <v>145</v>
      </c>
      <c r="D4484" s="1" t="s">
        <v>17486</v>
      </c>
      <c r="E4484" s="1" t="s">
        <v>17487</v>
      </c>
      <c r="F4484" s="1" t="s">
        <v>17488</v>
      </c>
      <c r="G4484" s="1" t="s">
        <v>17383</v>
      </c>
      <c r="H4484" s="1" t="s">
        <v>17384</v>
      </c>
      <c r="I4484" s="1" t="s">
        <v>16857</v>
      </c>
      <c r="J4484" s="1" t="s">
        <v>17489</v>
      </c>
    </row>
    <row r="4485" spans="1:10" x14ac:dyDescent="0.35">
      <c r="A4485" s="1" t="s">
        <v>17379</v>
      </c>
      <c r="B4485" s="1" t="s">
        <v>16851</v>
      </c>
      <c r="C4485" s="1" t="s">
        <v>150</v>
      </c>
      <c r="D4485" s="1" t="s">
        <v>17490</v>
      </c>
      <c r="E4485" s="1" t="s">
        <v>17491</v>
      </c>
      <c r="F4485" s="1" t="s">
        <v>17492</v>
      </c>
      <c r="G4485" s="1" t="s">
        <v>17383</v>
      </c>
      <c r="H4485" s="1" t="s">
        <v>17384</v>
      </c>
      <c r="I4485" s="1" t="s">
        <v>16857</v>
      </c>
      <c r="J4485" s="1" t="s">
        <v>17493</v>
      </c>
    </row>
    <row r="4486" spans="1:10" x14ac:dyDescent="0.35">
      <c r="A4486" s="1" t="s">
        <v>17379</v>
      </c>
      <c r="B4486" s="1" t="s">
        <v>16851</v>
      </c>
      <c r="C4486" s="1" t="s">
        <v>155</v>
      </c>
      <c r="D4486" s="1" t="s">
        <v>17494</v>
      </c>
      <c r="E4486" s="1" t="s">
        <v>17495</v>
      </c>
      <c r="F4486" s="1" t="s">
        <v>17496</v>
      </c>
      <c r="G4486" s="1" t="s">
        <v>17383</v>
      </c>
      <c r="H4486" s="1" t="s">
        <v>17384</v>
      </c>
      <c r="I4486" s="1" t="s">
        <v>16857</v>
      </c>
      <c r="J4486" s="1" t="s">
        <v>17497</v>
      </c>
    </row>
    <row r="4487" spans="1:10" x14ac:dyDescent="0.35">
      <c r="A4487" s="1" t="s">
        <v>17379</v>
      </c>
      <c r="B4487" s="1" t="s">
        <v>16851</v>
      </c>
      <c r="C4487" s="1" t="s">
        <v>160</v>
      </c>
      <c r="D4487" s="1" t="s">
        <v>16798</v>
      </c>
      <c r="E4487" s="1" t="s">
        <v>17498</v>
      </c>
      <c r="F4487" s="1" t="s">
        <v>17499</v>
      </c>
      <c r="G4487" s="1" t="s">
        <v>17383</v>
      </c>
      <c r="H4487" s="1" t="s">
        <v>17384</v>
      </c>
      <c r="I4487" s="1" t="s">
        <v>16857</v>
      </c>
      <c r="J4487" s="1" t="s">
        <v>17500</v>
      </c>
    </row>
    <row r="4488" spans="1:10" x14ac:dyDescent="0.35">
      <c r="A4488" s="1" t="s">
        <v>17379</v>
      </c>
      <c r="B4488" s="1" t="s">
        <v>16851</v>
      </c>
      <c r="C4488" s="1" t="s">
        <v>165</v>
      </c>
      <c r="D4488" s="1" t="s">
        <v>17501</v>
      </c>
      <c r="E4488" s="1" t="s">
        <v>17502</v>
      </c>
      <c r="F4488" s="1" t="s">
        <v>17503</v>
      </c>
      <c r="G4488" s="1" t="s">
        <v>17383</v>
      </c>
      <c r="H4488" s="1" t="s">
        <v>17384</v>
      </c>
      <c r="I4488" s="1" t="s">
        <v>16857</v>
      </c>
      <c r="J4488" s="1" t="s">
        <v>17504</v>
      </c>
    </row>
    <row r="4489" spans="1:10" x14ac:dyDescent="0.35">
      <c r="A4489" s="1" t="s">
        <v>17379</v>
      </c>
      <c r="B4489" s="1" t="s">
        <v>16851</v>
      </c>
      <c r="C4489" s="1" t="s">
        <v>170</v>
      </c>
      <c r="D4489" s="1" t="s">
        <v>17505</v>
      </c>
      <c r="E4489" s="1" t="s">
        <v>17506</v>
      </c>
      <c r="F4489" s="1" t="s">
        <v>17507</v>
      </c>
      <c r="G4489" s="1" t="s">
        <v>17383</v>
      </c>
      <c r="H4489" s="1" t="s">
        <v>17384</v>
      </c>
      <c r="I4489" s="1" t="s">
        <v>16857</v>
      </c>
      <c r="J4489" s="1" t="s">
        <v>17508</v>
      </c>
    </row>
    <row r="4490" spans="1:10" x14ac:dyDescent="0.35">
      <c r="A4490" s="1" t="s">
        <v>17509</v>
      </c>
      <c r="B4490" s="1" t="s">
        <v>16851</v>
      </c>
      <c r="C4490" s="1" t="s">
        <v>8</v>
      </c>
      <c r="D4490" s="1" t="s">
        <v>17510</v>
      </c>
      <c r="E4490" s="1" t="s">
        <v>17511</v>
      </c>
      <c r="F4490" s="1" t="s">
        <v>17512</v>
      </c>
      <c r="G4490" s="1" t="s">
        <v>17513</v>
      </c>
      <c r="H4490" s="1" t="s">
        <v>17514</v>
      </c>
      <c r="I4490" s="1" t="s">
        <v>16857</v>
      </c>
      <c r="J4490" s="1" t="s">
        <v>13</v>
      </c>
    </row>
    <row r="4491" spans="1:10" x14ac:dyDescent="0.35">
      <c r="A4491" s="1" t="s">
        <v>17509</v>
      </c>
      <c r="B4491" s="1" t="s">
        <v>16851</v>
      </c>
      <c r="C4491" s="1" t="s">
        <v>15</v>
      </c>
      <c r="D4491" s="1" t="s">
        <v>17515</v>
      </c>
      <c r="E4491" s="1" t="s">
        <v>17516</v>
      </c>
      <c r="F4491" s="1" t="s">
        <v>17517</v>
      </c>
      <c r="G4491" s="1" t="s">
        <v>17513</v>
      </c>
      <c r="H4491" s="1" t="s">
        <v>17514</v>
      </c>
      <c r="I4491" s="1" t="s">
        <v>16857</v>
      </c>
      <c r="J4491" s="1" t="s">
        <v>17518</v>
      </c>
    </row>
    <row r="4492" spans="1:10" x14ac:dyDescent="0.35">
      <c r="A4492" s="1" t="s">
        <v>17509</v>
      </c>
      <c r="B4492" s="1" t="s">
        <v>16851</v>
      </c>
      <c r="C4492" s="1" t="s">
        <v>20</v>
      </c>
      <c r="D4492" s="1" t="s">
        <v>17519</v>
      </c>
      <c r="E4492" s="1" t="s">
        <v>17520</v>
      </c>
      <c r="F4492" s="1" t="s">
        <v>17521</v>
      </c>
      <c r="G4492" s="1" t="s">
        <v>17513</v>
      </c>
      <c r="H4492" s="1" t="s">
        <v>17514</v>
      </c>
      <c r="I4492" s="1" t="s">
        <v>16857</v>
      </c>
      <c r="J4492" s="1" t="s">
        <v>17522</v>
      </c>
    </row>
    <row r="4493" spans="1:10" x14ac:dyDescent="0.35">
      <c r="A4493" s="1" t="s">
        <v>17509</v>
      </c>
      <c r="B4493" s="1" t="s">
        <v>16851</v>
      </c>
      <c r="C4493" s="1" t="s">
        <v>25</v>
      </c>
      <c r="D4493" s="1" t="s">
        <v>17523</v>
      </c>
      <c r="E4493" s="1" t="s">
        <v>17524</v>
      </c>
      <c r="F4493" s="1" t="s">
        <v>17525</v>
      </c>
      <c r="G4493" s="1" t="s">
        <v>17513</v>
      </c>
      <c r="H4493" s="1" t="s">
        <v>17514</v>
      </c>
      <c r="I4493" s="1" t="s">
        <v>16857</v>
      </c>
      <c r="J4493" s="1" t="s">
        <v>17526</v>
      </c>
    </row>
    <row r="4494" spans="1:10" x14ac:dyDescent="0.35">
      <c r="A4494" s="1" t="s">
        <v>17509</v>
      </c>
      <c r="B4494" s="1" t="s">
        <v>16851</v>
      </c>
      <c r="C4494" s="1" t="s">
        <v>30</v>
      </c>
      <c r="D4494" s="1" t="s">
        <v>16810</v>
      </c>
      <c r="E4494" s="1" t="s">
        <v>17527</v>
      </c>
      <c r="F4494" s="1" t="s">
        <v>17528</v>
      </c>
      <c r="G4494" s="1" t="s">
        <v>17513</v>
      </c>
      <c r="H4494" s="1" t="s">
        <v>17514</v>
      </c>
      <c r="I4494" s="1" t="s">
        <v>16857</v>
      </c>
      <c r="J4494" s="1" t="s">
        <v>17529</v>
      </c>
    </row>
    <row r="4495" spans="1:10" x14ac:dyDescent="0.35">
      <c r="A4495" s="1" t="s">
        <v>17509</v>
      </c>
      <c r="B4495" s="1" t="s">
        <v>16851</v>
      </c>
      <c r="C4495" s="1" t="s">
        <v>35</v>
      </c>
      <c r="D4495" s="1" t="s">
        <v>17530</v>
      </c>
      <c r="E4495" s="1" t="s">
        <v>17531</v>
      </c>
      <c r="F4495" s="1" t="s">
        <v>17532</v>
      </c>
      <c r="G4495" s="1" t="s">
        <v>17513</v>
      </c>
      <c r="H4495" s="1" t="s">
        <v>17514</v>
      </c>
      <c r="I4495" s="1" t="s">
        <v>16857</v>
      </c>
      <c r="J4495" s="1" t="s">
        <v>17533</v>
      </c>
    </row>
    <row r="4496" spans="1:10" x14ac:dyDescent="0.35">
      <c r="A4496" s="1" t="s">
        <v>17509</v>
      </c>
      <c r="B4496" s="1" t="s">
        <v>16851</v>
      </c>
      <c r="C4496" s="1" t="s">
        <v>40</v>
      </c>
      <c r="D4496" s="1" t="s">
        <v>17534</v>
      </c>
      <c r="E4496" s="1" t="s">
        <v>17535</v>
      </c>
      <c r="F4496" s="1" t="s">
        <v>17536</v>
      </c>
      <c r="G4496" s="1" t="s">
        <v>17513</v>
      </c>
      <c r="H4496" s="1" t="s">
        <v>17514</v>
      </c>
      <c r="I4496" s="1" t="s">
        <v>16857</v>
      </c>
      <c r="J4496" s="1" t="s">
        <v>17537</v>
      </c>
    </row>
    <row r="4497" spans="1:10" x14ac:dyDescent="0.35">
      <c r="A4497" s="1" t="s">
        <v>17509</v>
      </c>
      <c r="B4497" s="1" t="s">
        <v>16851</v>
      </c>
      <c r="C4497" s="1" t="s">
        <v>45</v>
      </c>
      <c r="D4497" s="1" t="s">
        <v>17538</v>
      </c>
      <c r="E4497" s="1" t="s">
        <v>17539</v>
      </c>
      <c r="F4497" s="1" t="s">
        <v>17540</v>
      </c>
      <c r="G4497" s="1" t="s">
        <v>17513</v>
      </c>
      <c r="H4497" s="1" t="s">
        <v>17514</v>
      </c>
      <c r="I4497" s="1" t="s">
        <v>16857</v>
      </c>
      <c r="J4497" s="1" t="s">
        <v>17541</v>
      </c>
    </row>
    <row r="4498" spans="1:10" x14ac:dyDescent="0.35">
      <c r="A4498" s="1" t="s">
        <v>17509</v>
      </c>
      <c r="B4498" s="1" t="s">
        <v>16851</v>
      </c>
      <c r="C4498" s="1" t="s">
        <v>50</v>
      </c>
      <c r="D4498" s="1" t="s">
        <v>17542</v>
      </c>
      <c r="E4498" s="1" t="s">
        <v>17543</v>
      </c>
      <c r="F4498" s="1" t="s">
        <v>17544</v>
      </c>
      <c r="G4498" s="1" t="s">
        <v>17513</v>
      </c>
      <c r="H4498" s="1" t="s">
        <v>17514</v>
      </c>
      <c r="I4498" s="1" t="s">
        <v>16857</v>
      </c>
      <c r="J4498" s="1" t="s">
        <v>17545</v>
      </c>
    </row>
    <row r="4499" spans="1:10" x14ac:dyDescent="0.35">
      <c r="A4499" s="1" t="s">
        <v>17509</v>
      </c>
      <c r="B4499" s="1" t="s">
        <v>16851</v>
      </c>
      <c r="C4499" s="1" t="s">
        <v>55</v>
      </c>
      <c r="D4499" s="1" t="s">
        <v>17546</v>
      </c>
      <c r="E4499" s="1" t="s">
        <v>17547</v>
      </c>
      <c r="F4499" s="1" t="s">
        <v>17548</v>
      </c>
      <c r="G4499" s="1" t="s">
        <v>17513</v>
      </c>
      <c r="H4499" s="1" t="s">
        <v>17514</v>
      </c>
      <c r="I4499" s="1" t="s">
        <v>16857</v>
      </c>
      <c r="J4499" s="1" t="s">
        <v>17549</v>
      </c>
    </row>
    <row r="4500" spans="1:10" x14ac:dyDescent="0.35">
      <c r="A4500" s="1" t="s">
        <v>17509</v>
      </c>
      <c r="B4500" s="1" t="s">
        <v>16851</v>
      </c>
      <c r="C4500" s="1" t="s">
        <v>60</v>
      </c>
      <c r="D4500" s="1" t="s">
        <v>17550</v>
      </c>
      <c r="E4500" s="1" t="s">
        <v>17551</v>
      </c>
      <c r="F4500" s="1" t="s">
        <v>17552</v>
      </c>
      <c r="G4500" s="1" t="s">
        <v>17513</v>
      </c>
      <c r="H4500" s="1" t="s">
        <v>17514</v>
      </c>
      <c r="I4500" s="1" t="s">
        <v>16857</v>
      </c>
      <c r="J4500" s="1" t="s">
        <v>17553</v>
      </c>
    </row>
    <row r="4501" spans="1:10" x14ac:dyDescent="0.35">
      <c r="A4501" s="1" t="s">
        <v>17509</v>
      </c>
      <c r="B4501" s="1" t="s">
        <v>16851</v>
      </c>
      <c r="C4501" s="1" t="s">
        <v>65</v>
      </c>
      <c r="D4501" s="1" t="s">
        <v>17554</v>
      </c>
      <c r="E4501" s="1" t="s">
        <v>17555</v>
      </c>
      <c r="F4501" s="1" t="s">
        <v>17556</v>
      </c>
      <c r="G4501" s="1" t="s">
        <v>17513</v>
      </c>
      <c r="H4501" s="1" t="s">
        <v>17514</v>
      </c>
      <c r="I4501" s="1" t="s">
        <v>16857</v>
      </c>
      <c r="J4501" s="1" t="s">
        <v>17557</v>
      </c>
    </row>
    <row r="4502" spans="1:10" x14ac:dyDescent="0.35">
      <c r="A4502" s="1" t="s">
        <v>17509</v>
      </c>
      <c r="B4502" s="1" t="s">
        <v>16851</v>
      </c>
      <c r="C4502" s="1" t="s">
        <v>70</v>
      </c>
      <c r="D4502" s="1" t="s">
        <v>17558</v>
      </c>
      <c r="E4502" s="1" t="s">
        <v>17559</v>
      </c>
      <c r="F4502" s="1" t="s">
        <v>17560</v>
      </c>
      <c r="G4502" s="1" t="s">
        <v>17513</v>
      </c>
      <c r="H4502" s="1" t="s">
        <v>17514</v>
      </c>
      <c r="I4502" s="1" t="s">
        <v>16857</v>
      </c>
      <c r="J4502" s="1" t="s">
        <v>17561</v>
      </c>
    </row>
    <row r="4503" spans="1:10" x14ac:dyDescent="0.35">
      <c r="A4503" s="1" t="s">
        <v>17509</v>
      </c>
      <c r="B4503" s="1" t="s">
        <v>16851</v>
      </c>
      <c r="C4503" s="1" t="s">
        <v>75</v>
      </c>
      <c r="D4503" s="1" t="s">
        <v>17562</v>
      </c>
      <c r="E4503" s="1" t="s">
        <v>17563</v>
      </c>
      <c r="F4503" s="1" t="s">
        <v>17564</v>
      </c>
      <c r="G4503" s="1" t="s">
        <v>17513</v>
      </c>
      <c r="H4503" s="1" t="s">
        <v>17514</v>
      </c>
      <c r="I4503" s="1" t="s">
        <v>16857</v>
      </c>
      <c r="J4503" s="1" t="s">
        <v>17565</v>
      </c>
    </row>
    <row r="4504" spans="1:10" x14ac:dyDescent="0.35">
      <c r="A4504" s="1" t="s">
        <v>17509</v>
      </c>
      <c r="B4504" s="1" t="s">
        <v>16851</v>
      </c>
      <c r="C4504" s="1" t="s">
        <v>80</v>
      </c>
      <c r="D4504" s="1" t="s">
        <v>17566</v>
      </c>
      <c r="E4504" s="1" t="s">
        <v>17567</v>
      </c>
      <c r="F4504" s="1" t="s">
        <v>17568</v>
      </c>
      <c r="G4504" s="1" t="s">
        <v>17513</v>
      </c>
      <c r="H4504" s="1" t="s">
        <v>17514</v>
      </c>
      <c r="I4504" s="1" t="s">
        <v>16857</v>
      </c>
      <c r="J4504" s="1" t="s">
        <v>17569</v>
      </c>
    </row>
    <row r="4505" spans="1:10" x14ac:dyDescent="0.35">
      <c r="A4505" s="1" t="s">
        <v>17509</v>
      </c>
      <c r="B4505" s="1" t="s">
        <v>16851</v>
      </c>
      <c r="C4505" s="1" t="s">
        <v>85</v>
      </c>
      <c r="D4505" s="1" t="s">
        <v>17570</v>
      </c>
      <c r="E4505" s="1" t="s">
        <v>17571</v>
      </c>
      <c r="F4505" s="1" t="s">
        <v>17572</v>
      </c>
      <c r="G4505" s="1" t="s">
        <v>17513</v>
      </c>
      <c r="H4505" s="1" t="s">
        <v>17514</v>
      </c>
      <c r="I4505" s="1" t="s">
        <v>16857</v>
      </c>
      <c r="J4505" s="1" t="s">
        <v>17573</v>
      </c>
    </row>
    <row r="4506" spans="1:10" x14ac:dyDescent="0.35">
      <c r="A4506" s="1" t="s">
        <v>17509</v>
      </c>
      <c r="B4506" s="1" t="s">
        <v>16851</v>
      </c>
      <c r="C4506" s="1" t="s">
        <v>90</v>
      </c>
      <c r="D4506" s="1" t="s">
        <v>17574</v>
      </c>
      <c r="E4506" s="1" t="s">
        <v>17575</v>
      </c>
      <c r="F4506" s="1" t="s">
        <v>17576</v>
      </c>
      <c r="G4506" s="1" t="s">
        <v>17513</v>
      </c>
      <c r="H4506" s="1" t="s">
        <v>17514</v>
      </c>
      <c r="I4506" s="1" t="s">
        <v>16857</v>
      </c>
      <c r="J4506" s="1" t="s">
        <v>17577</v>
      </c>
    </row>
    <row r="4507" spans="1:10" x14ac:dyDescent="0.35">
      <c r="A4507" s="1" t="s">
        <v>17509</v>
      </c>
      <c r="B4507" s="1" t="s">
        <v>16851</v>
      </c>
      <c r="C4507" s="1" t="s">
        <v>95</v>
      </c>
      <c r="D4507" s="1" t="s">
        <v>17578</v>
      </c>
      <c r="E4507" s="1" t="s">
        <v>17579</v>
      </c>
      <c r="F4507" s="1" t="s">
        <v>17580</v>
      </c>
      <c r="G4507" s="1" t="s">
        <v>17513</v>
      </c>
      <c r="H4507" s="1" t="s">
        <v>17514</v>
      </c>
      <c r="I4507" s="1" t="s">
        <v>16857</v>
      </c>
      <c r="J4507" s="1" t="s">
        <v>17581</v>
      </c>
    </row>
    <row r="4508" spans="1:10" x14ac:dyDescent="0.35">
      <c r="A4508" s="1" t="s">
        <v>17509</v>
      </c>
      <c r="B4508" s="1" t="s">
        <v>16851</v>
      </c>
      <c r="C4508" s="1" t="s">
        <v>100</v>
      </c>
      <c r="D4508" s="1" t="s">
        <v>17582</v>
      </c>
      <c r="E4508" s="1" t="s">
        <v>17583</v>
      </c>
      <c r="F4508" s="1" t="s">
        <v>17584</v>
      </c>
      <c r="G4508" s="1" t="s">
        <v>17513</v>
      </c>
      <c r="H4508" s="1" t="s">
        <v>17514</v>
      </c>
      <c r="I4508" s="1" t="s">
        <v>16857</v>
      </c>
      <c r="J4508" s="1" t="s">
        <v>17585</v>
      </c>
    </row>
    <row r="4509" spans="1:10" x14ac:dyDescent="0.35">
      <c r="A4509" s="1" t="s">
        <v>17509</v>
      </c>
      <c r="B4509" s="1" t="s">
        <v>16851</v>
      </c>
      <c r="C4509" s="1" t="s">
        <v>105</v>
      </c>
      <c r="D4509" s="1" t="s">
        <v>13699</v>
      </c>
      <c r="E4509" s="1" t="s">
        <v>17586</v>
      </c>
      <c r="F4509" s="1" t="s">
        <v>17587</v>
      </c>
      <c r="G4509" s="1" t="s">
        <v>17513</v>
      </c>
      <c r="H4509" s="1" t="s">
        <v>17514</v>
      </c>
      <c r="I4509" s="1" t="s">
        <v>16857</v>
      </c>
      <c r="J4509" s="1" t="s">
        <v>17588</v>
      </c>
    </row>
    <row r="4510" spans="1:10" x14ac:dyDescent="0.35">
      <c r="A4510" s="1" t="s">
        <v>17509</v>
      </c>
      <c r="B4510" s="1" t="s">
        <v>16851</v>
      </c>
      <c r="C4510" s="1" t="s">
        <v>110</v>
      </c>
      <c r="D4510" s="1" t="s">
        <v>17589</v>
      </c>
      <c r="E4510" s="1" t="s">
        <v>17590</v>
      </c>
      <c r="F4510" s="1" t="s">
        <v>17591</v>
      </c>
      <c r="G4510" s="1" t="s">
        <v>17513</v>
      </c>
      <c r="H4510" s="1" t="s">
        <v>17514</v>
      </c>
      <c r="I4510" s="1" t="s">
        <v>16857</v>
      </c>
      <c r="J4510" s="1" t="s">
        <v>17592</v>
      </c>
    </row>
    <row r="4511" spans="1:10" x14ac:dyDescent="0.35">
      <c r="A4511" s="1" t="s">
        <v>17509</v>
      </c>
      <c r="B4511" s="1" t="s">
        <v>16851</v>
      </c>
      <c r="C4511" s="1" t="s">
        <v>115</v>
      </c>
      <c r="D4511" s="1" t="s">
        <v>17593</v>
      </c>
      <c r="E4511" s="1" t="s">
        <v>17594</v>
      </c>
      <c r="F4511" s="1" t="s">
        <v>17595</v>
      </c>
      <c r="G4511" s="1" t="s">
        <v>17513</v>
      </c>
      <c r="H4511" s="1" t="s">
        <v>17514</v>
      </c>
      <c r="I4511" s="1" t="s">
        <v>16857</v>
      </c>
      <c r="J4511" s="1" t="s">
        <v>17596</v>
      </c>
    </row>
    <row r="4512" spans="1:10" x14ac:dyDescent="0.35">
      <c r="A4512" s="1" t="s">
        <v>17509</v>
      </c>
      <c r="B4512" s="1" t="s">
        <v>16851</v>
      </c>
      <c r="C4512" s="1" t="s">
        <v>120</v>
      </c>
      <c r="D4512" s="1" t="s">
        <v>17597</v>
      </c>
      <c r="E4512" s="1" t="s">
        <v>17598</v>
      </c>
      <c r="F4512" s="1" t="s">
        <v>17599</v>
      </c>
      <c r="G4512" s="1" t="s">
        <v>17513</v>
      </c>
      <c r="H4512" s="1" t="s">
        <v>17514</v>
      </c>
      <c r="I4512" s="1" t="s">
        <v>16857</v>
      </c>
      <c r="J4512" s="1" t="s">
        <v>17600</v>
      </c>
    </row>
    <row r="4513" spans="1:10" x14ac:dyDescent="0.35">
      <c r="A4513" s="1" t="s">
        <v>17509</v>
      </c>
      <c r="B4513" s="1" t="s">
        <v>16851</v>
      </c>
      <c r="C4513" s="1" t="s">
        <v>125</v>
      </c>
      <c r="D4513" s="1" t="s">
        <v>17601</v>
      </c>
      <c r="E4513" s="1" t="s">
        <v>17602</v>
      </c>
      <c r="F4513" s="1" t="s">
        <v>17603</v>
      </c>
      <c r="G4513" s="1" t="s">
        <v>17513</v>
      </c>
      <c r="H4513" s="1" t="s">
        <v>17514</v>
      </c>
      <c r="I4513" s="1" t="s">
        <v>16857</v>
      </c>
      <c r="J4513" s="1" t="s">
        <v>17604</v>
      </c>
    </row>
    <row r="4514" spans="1:10" x14ac:dyDescent="0.35">
      <c r="A4514" s="1" t="s">
        <v>17509</v>
      </c>
      <c r="B4514" s="1" t="s">
        <v>16851</v>
      </c>
      <c r="C4514" s="1" t="s">
        <v>130</v>
      </c>
      <c r="D4514" s="1" t="s">
        <v>17605</v>
      </c>
      <c r="E4514" s="1" t="s">
        <v>17606</v>
      </c>
      <c r="F4514" s="1" t="s">
        <v>17607</v>
      </c>
      <c r="G4514" s="1" t="s">
        <v>17513</v>
      </c>
      <c r="H4514" s="1" t="s">
        <v>17514</v>
      </c>
      <c r="I4514" s="1" t="s">
        <v>16857</v>
      </c>
      <c r="J4514" s="1" t="s">
        <v>17608</v>
      </c>
    </row>
    <row r="4515" spans="1:10" x14ac:dyDescent="0.35">
      <c r="A4515" s="1" t="s">
        <v>17509</v>
      </c>
      <c r="B4515" s="1" t="s">
        <v>16851</v>
      </c>
      <c r="C4515" s="1" t="s">
        <v>135</v>
      </c>
      <c r="D4515" s="1" t="s">
        <v>17609</v>
      </c>
      <c r="E4515" s="1" t="s">
        <v>17610</v>
      </c>
      <c r="F4515" s="1" t="s">
        <v>17611</v>
      </c>
      <c r="G4515" s="1" t="s">
        <v>17513</v>
      </c>
      <c r="H4515" s="1" t="s">
        <v>17514</v>
      </c>
      <c r="I4515" s="1" t="s">
        <v>16857</v>
      </c>
      <c r="J4515" s="1" t="s">
        <v>17612</v>
      </c>
    </row>
    <row r="4516" spans="1:10" x14ac:dyDescent="0.35">
      <c r="A4516" s="1" t="s">
        <v>17509</v>
      </c>
      <c r="B4516" s="1" t="s">
        <v>16851</v>
      </c>
      <c r="C4516" s="1" t="s">
        <v>140</v>
      </c>
      <c r="D4516" s="1" t="s">
        <v>17613</v>
      </c>
      <c r="E4516" s="1" t="s">
        <v>17614</v>
      </c>
      <c r="F4516" s="1" t="s">
        <v>17615</v>
      </c>
      <c r="G4516" s="1" t="s">
        <v>17513</v>
      </c>
      <c r="H4516" s="1" t="s">
        <v>17514</v>
      </c>
      <c r="I4516" s="1" t="s">
        <v>16857</v>
      </c>
      <c r="J4516" s="1" t="s">
        <v>17616</v>
      </c>
    </row>
    <row r="4517" spans="1:10" x14ac:dyDescent="0.35">
      <c r="A4517" s="1" t="s">
        <v>17509</v>
      </c>
      <c r="B4517" s="1" t="s">
        <v>16851</v>
      </c>
      <c r="C4517" s="1" t="s">
        <v>145</v>
      </c>
      <c r="D4517" s="1" t="s">
        <v>17617</v>
      </c>
      <c r="E4517" s="1" t="s">
        <v>17618</v>
      </c>
      <c r="F4517" s="1" t="s">
        <v>17619</v>
      </c>
      <c r="G4517" s="1" t="s">
        <v>17513</v>
      </c>
      <c r="H4517" s="1" t="s">
        <v>17514</v>
      </c>
      <c r="I4517" s="1" t="s">
        <v>16857</v>
      </c>
      <c r="J4517" s="1" t="s">
        <v>17620</v>
      </c>
    </row>
    <row r="4518" spans="1:10" x14ac:dyDescent="0.35">
      <c r="A4518" s="1" t="s">
        <v>17509</v>
      </c>
      <c r="B4518" s="1" t="s">
        <v>16851</v>
      </c>
      <c r="C4518" s="1" t="s">
        <v>150</v>
      </c>
      <c r="D4518" s="1" t="s">
        <v>17621</v>
      </c>
      <c r="E4518" s="1" t="s">
        <v>17622</v>
      </c>
      <c r="F4518" s="1" t="s">
        <v>17623</v>
      </c>
      <c r="G4518" s="1" t="s">
        <v>17513</v>
      </c>
      <c r="H4518" s="1" t="s">
        <v>17514</v>
      </c>
      <c r="I4518" s="1" t="s">
        <v>16857</v>
      </c>
      <c r="J4518" s="1" t="s">
        <v>17624</v>
      </c>
    </row>
    <row r="4519" spans="1:10" x14ac:dyDescent="0.35">
      <c r="A4519" s="1" t="s">
        <v>17509</v>
      </c>
      <c r="B4519" s="1" t="s">
        <v>16851</v>
      </c>
      <c r="C4519" s="1" t="s">
        <v>155</v>
      </c>
      <c r="D4519" s="1" t="s">
        <v>17625</v>
      </c>
      <c r="E4519" s="1" t="s">
        <v>17626</v>
      </c>
      <c r="F4519" s="1" t="s">
        <v>17627</v>
      </c>
      <c r="G4519" s="1" t="s">
        <v>17513</v>
      </c>
      <c r="H4519" s="1" t="s">
        <v>17514</v>
      </c>
      <c r="I4519" s="1" t="s">
        <v>16857</v>
      </c>
      <c r="J4519" s="1" t="s">
        <v>17628</v>
      </c>
    </row>
    <row r="4520" spans="1:10" x14ac:dyDescent="0.35">
      <c r="A4520" s="1" t="s">
        <v>17509</v>
      </c>
      <c r="B4520" s="1" t="s">
        <v>16851</v>
      </c>
      <c r="C4520" s="1" t="s">
        <v>160</v>
      </c>
      <c r="D4520" s="1" t="s">
        <v>17629</v>
      </c>
      <c r="E4520" s="1" t="s">
        <v>17630</v>
      </c>
      <c r="F4520" s="1" t="s">
        <v>17631</v>
      </c>
      <c r="G4520" s="1" t="s">
        <v>17513</v>
      </c>
      <c r="H4520" s="1" t="s">
        <v>17514</v>
      </c>
      <c r="I4520" s="1" t="s">
        <v>16857</v>
      </c>
      <c r="J4520" s="1" t="s">
        <v>17632</v>
      </c>
    </row>
    <row r="4521" spans="1:10" x14ac:dyDescent="0.35">
      <c r="A4521" s="1" t="s">
        <v>17509</v>
      </c>
      <c r="B4521" s="1" t="s">
        <v>16851</v>
      </c>
      <c r="C4521" s="1" t="s">
        <v>165</v>
      </c>
      <c r="D4521" s="1" t="s">
        <v>17633</v>
      </c>
      <c r="E4521" s="1" t="s">
        <v>17634</v>
      </c>
      <c r="F4521" s="1" t="s">
        <v>17635</v>
      </c>
      <c r="G4521" s="1" t="s">
        <v>17513</v>
      </c>
      <c r="H4521" s="1" t="s">
        <v>17514</v>
      </c>
      <c r="I4521" s="1" t="s">
        <v>16857</v>
      </c>
      <c r="J4521" s="1" t="s">
        <v>17636</v>
      </c>
    </row>
    <row r="4522" spans="1:10" x14ac:dyDescent="0.35">
      <c r="A4522" s="1" t="s">
        <v>17509</v>
      </c>
      <c r="B4522" s="1" t="s">
        <v>16851</v>
      </c>
      <c r="C4522" s="1" t="s">
        <v>170</v>
      </c>
      <c r="D4522" s="1" t="s">
        <v>17637</v>
      </c>
      <c r="E4522" s="1" t="s">
        <v>17638</v>
      </c>
      <c r="F4522" s="1" t="s">
        <v>17639</v>
      </c>
      <c r="G4522" s="1" t="s">
        <v>17513</v>
      </c>
      <c r="H4522" s="1" t="s">
        <v>17514</v>
      </c>
      <c r="I4522" s="1" t="s">
        <v>16857</v>
      </c>
      <c r="J4522" s="1" t="s">
        <v>17640</v>
      </c>
    </row>
    <row r="4523" spans="1:10" x14ac:dyDescent="0.35">
      <c r="A4523" s="1" t="s">
        <v>17641</v>
      </c>
      <c r="B4523" s="1" t="s">
        <v>16851</v>
      </c>
      <c r="C4523" s="1" t="s">
        <v>8</v>
      </c>
      <c r="D4523" s="1" t="s">
        <v>17642</v>
      </c>
      <c r="E4523" s="1" t="s">
        <v>17643</v>
      </c>
      <c r="F4523" s="1" t="s">
        <v>17644</v>
      </c>
      <c r="G4523" s="1" t="s">
        <v>17645</v>
      </c>
      <c r="H4523" s="1" t="s">
        <v>17646</v>
      </c>
      <c r="I4523" s="1" t="s">
        <v>16857</v>
      </c>
      <c r="J4523" s="1" t="s">
        <v>13</v>
      </c>
    </row>
    <row r="4524" spans="1:10" x14ac:dyDescent="0.35">
      <c r="A4524" s="1" t="s">
        <v>17641</v>
      </c>
      <c r="B4524" s="1" t="s">
        <v>16851</v>
      </c>
      <c r="C4524" s="1" t="s">
        <v>15</v>
      </c>
      <c r="D4524" s="1" t="s">
        <v>17647</v>
      </c>
      <c r="E4524" s="1" t="s">
        <v>17648</v>
      </c>
      <c r="F4524" s="1" t="s">
        <v>17649</v>
      </c>
      <c r="G4524" s="1" t="s">
        <v>17645</v>
      </c>
      <c r="H4524" s="1" t="s">
        <v>17646</v>
      </c>
      <c r="I4524" s="1" t="s">
        <v>16857</v>
      </c>
      <c r="J4524" s="1" t="s">
        <v>17650</v>
      </c>
    </row>
    <row r="4525" spans="1:10" x14ac:dyDescent="0.35">
      <c r="A4525" s="1" t="s">
        <v>17641</v>
      </c>
      <c r="B4525" s="1" t="s">
        <v>16851</v>
      </c>
      <c r="C4525" s="1" t="s">
        <v>20</v>
      </c>
      <c r="D4525" s="1" t="s">
        <v>17651</v>
      </c>
      <c r="E4525" s="1" t="s">
        <v>17652</v>
      </c>
      <c r="F4525" s="1" t="s">
        <v>17653</v>
      </c>
      <c r="G4525" s="1" t="s">
        <v>17645</v>
      </c>
      <c r="H4525" s="1" t="s">
        <v>17646</v>
      </c>
      <c r="I4525" s="1" t="s">
        <v>16857</v>
      </c>
      <c r="J4525" s="1" t="s">
        <v>17654</v>
      </c>
    </row>
    <row r="4526" spans="1:10" x14ac:dyDescent="0.35">
      <c r="A4526" s="1" t="s">
        <v>17641</v>
      </c>
      <c r="B4526" s="1" t="s">
        <v>16851</v>
      </c>
      <c r="C4526" s="1" t="s">
        <v>25</v>
      </c>
      <c r="D4526" s="1" t="s">
        <v>17655</v>
      </c>
      <c r="E4526" s="1" t="s">
        <v>17656</v>
      </c>
      <c r="F4526" s="1" t="s">
        <v>17657</v>
      </c>
      <c r="G4526" s="1" t="s">
        <v>17645</v>
      </c>
      <c r="H4526" s="1" t="s">
        <v>17646</v>
      </c>
      <c r="I4526" s="1" t="s">
        <v>16857</v>
      </c>
      <c r="J4526" s="1" t="s">
        <v>17658</v>
      </c>
    </row>
    <row r="4527" spans="1:10" x14ac:dyDescent="0.35">
      <c r="A4527" s="1" t="s">
        <v>17641</v>
      </c>
      <c r="B4527" s="1" t="s">
        <v>16851</v>
      </c>
      <c r="C4527" s="1" t="s">
        <v>30</v>
      </c>
      <c r="D4527" s="1" t="s">
        <v>17659</v>
      </c>
      <c r="E4527" s="1" t="s">
        <v>17660</v>
      </c>
      <c r="F4527" s="1" t="s">
        <v>17661</v>
      </c>
      <c r="G4527" s="1" t="s">
        <v>17645</v>
      </c>
      <c r="H4527" s="1" t="s">
        <v>17646</v>
      </c>
      <c r="I4527" s="1" t="s">
        <v>16857</v>
      </c>
      <c r="J4527" s="1" t="s">
        <v>17662</v>
      </c>
    </row>
    <row r="4528" spans="1:10" x14ac:dyDescent="0.35">
      <c r="A4528" s="1" t="s">
        <v>17641</v>
      </c>
      <c r="B4528" s="1" t="s">
        <v>16851</v>
      </c>
      <c r="C4528" s="1" t="s">
        <v>35</v>
      </c>
      <c r="D4528" s="1" t="s">
        <v>17663</v>
      </c>
      <c r="E4528" s="1" t="s">
        <v>17664</v>
      </c>
      <c r="F4528" s="1" t="s">
        <v>17665</v>
      </c>
      <c r="G4528" s="1" t="s">
        <v>17645</v>
      </c>
      <c r="H4528" s="1" t="s">
        <v>17646</v>
      </c>
      <c r="I4528" s="1" t="s">
        <v>16857</v>
      </c>
      <c r="J4528" s="1" t="s">
        <v>17666</v>
      </c>
    </row>
    <row r="4529" spans="1:10" x14ac:dyDescent="0.35">
      <c r="A4529" s="1" t="s">
        <v>17641</v>
      </c>
      <c r="B4529" s="1" t="s">
        <v>16851</v>
      </c>
      <c r="C4529" s="1" t="s">
        <v>40</v>
      </c>
      <c r="D4529" s="1" t="s">
        <v>17667</v>
      </c>
      <c r="E4529" s="1" t="s">
        <v>17668</v>
      </c>
      <c r="F4529" s="1" t="s">
        <v>17669</v>
      </c>
      <c r="G4529" s="1" t="s">
        <v>17645</v>
      </c>
      <c r="H4529" s="1" t="s">
        <v>17646</v>
      </c>
      <c r="I4529" s="1" t="s">
        <v>16857</v>
      </c>
      <c r="J4529" s="1" t="s">
        <v>17670</v>
      </c>
    </row>
    <row r="4530" spans="1:10" x14ac:dyDescent="0.35">
      <c r="A4530" s="1" t="s">
        <v>17641</v>
      </c>
      <c r="B4530" s="1" t="s">
        <v>16851</v>
      </c>
      <c r="C4530" s="1" t="s">
        <v>45</v>
      </c>
      <c r="D4530" s="1" t="s">
        <v>17671</v>
      </c>
      <c r="E4530" s="1" t="s">
        <v>17672</v>
      </c>
      <c r="F4530" s="1" t="s">
        <v>17673</v>
      </c>
      <c r="G4530" s="1" t="s">
        <v>17645</v>
      </c>
      <c r="H4530" s="1" t="s">
        <v>17646</v>
      </c>
      <c r="I4530" s="1" t="s">
        <v>16857</v>
      </c>
      <c r="J4530" s="1" t="s">
        <v>17674</v>
      </c>
    </row>
    <row r="4531" spans="1:10" x14ac:dyDescent="0.35">
      <c r="A4531" s="1" t="s">
        <v>17641</v>
      </c>
      <c r="B4531" s="1" t="s">
        <v>16851</v>
      </c>
      <c r="C4531" s="1" t="s">
        <v>50</v>
      </c>
      <c r="D4531" s="1" t="s">
        <v>17675</v>
      </c>
      <c r="E4531" s="1" t="s">
        <v>17676</v>
      </c>
      <c r="F4531" s="1" t="s">
        <v>17677</v>
      </c>
      <c r="G4531" s="1" t="s">
        <v>17645</v>
      </c>
      <c r="H4531" s="1" t="s">
        <v>17646</v>
      </c>
      <c r="I4531" s="1" t="s">
        <v>16857</v>
      </c>
      <c r="J4531" s="1" t="s">
        <v>17678</v>
      </c>
    </row>
    <row r="4532" spans="1:10" x14ac:dyDescent="0.35">
      <c r="A4532" s="1" t="s">
        <v>17641</v>
      </c>
      <c r="B4532" s="1" t="s">
        <v>16851</v>
      </c>
      <c r="C4532" s="1" t="s">
        <v>55</v>
      </c>
      <c r="D4532" s="1" t="s">
        <v>17679</v>
      </c>
      <c r="E4532" s="1" t="s">
        <v>17680</v>
      </c>
      <c r="F4532" s="1" t="s">
        <v>17681</v>
      </c>
      <c r="G4532" s="1" t="s">
        <v>17645</v>
      </c>
      <c r="H4532" s="1" t="s">
        <v>17646</v>
      </c>
      <c r="I4532" s="1" t="s">
        <v>16857</v>
      </c>
      <c r="J4532" s="1" t="s">
        <v>17682</v>
      </c>
    </row>
    <row r="4533" spans="1:10" x14ac:dyDescent="0.35">
      <c r="A4533" s="1" t="s">
        <v>17641</v>
      </c>
      <c r="B4533" s="1" t="s">
        <v>16851</v>
      </c>
      <c r="C4533" s="1" t="s">
        <v>60</v>
      </c>
      <c r="D4533" s="1" t="s">
        <v>17683</v>
      </c>
      <c r="E4533" s="1" t="s">
        <v>17684</v>
      </c>
      <c r="F4533" s="1" t="s">
        <v>17685</v>
      </c>
      <c r="G4533" s="1" t="s">
        <v>17645</v>
      </c>
      <c r="H4533" s="1" t="s">
        <v>17646</v>
      </c>
      <c r="I4533" s="1" t="s">
        <v>16857</v>
      </c>
      <c r="J4533" s="1" t="s">
        <v>17686</v>
      </c>
    </row>
    <row r="4534" spans="1:10" x14ac:dyDescent="0.35">
      <c r="A4534" s="1" t="s">
        <v>17641</v>
      </c>
      <c r="B4534" s="1" t="s">
        <v>16851</v>
      </c>
      <c r="C4534" s="1" t="s">
        <v>65</v>
      </c>
      <c r="D4534" s="1" t="s">
        <v>13255</v>
      </c>
      <c r="E4534" s="1" t="s">
        <v>17687</v>
      </c>
      <c r="F4534" s="1" t="s">
        <v>17688</v>
      </c>
      <c r="G4534" s="1" t="s">
        <v>17645</v>
      </c>
      <c r="H4534" s="1" t="s">
        <v>17646</v>
      </c>
      <c r="I4534" s="1" t="s">
        <v>16857</v>
      </c>
      <c r="J4534" s="1" t="s">
        <v>17689</v>
      </c>
    </row>
    <row r="4535" spans="1:10" x14ac:dyDescent="0.35">
      <c r="A4535" s="1" t="s">
        <v>17641</v>
      </c>
      <c r="B4535" s="1" t="s">
        <v>16851</v>
      </c>
      <c r="C4535" s="1" t="s">
        <v>70</v>
      </c>
      <c r="D4535" s="1" t="s">
        <v>17690</v>
      </c>
      <c r="E4535" s="1" t="s">
        <v>17691</v>
      </c>
      <c r="F4535" s="1" t="s">
        <v>17692</v>
      </c>
      <c r="G4535" s="1" t="s">
        <v>17645</v>
      </c>
      <c r="H4535" s="1" t="s">
        <v>17646</v>
      </c>
      <c r="I4535" s="1" t="s">
        <v>16857</v>
      </c>
      <c r="J4535" s="1" t="s">
        <v>17693</v>
      </c>
    </row>
    <row r="4536" spans="1:10" x14ac:dyDescent="0.35">
      <c r="A4536" s="1" t="s">
        <v>17641</v>
      </c>
      <c r="B4536" s="1" t="s">
        <v>16851</v>
      </c>
      <c r="C4536" s="1" t="s">
        <v>75</v>
      </c>
      <c r="D4536" s="1" t="s">
        <v>17694</v>
      </c>
      <c r="E4536" s="1" t="s">
        <v>17695</v>
      </c>
      <c r="F4536" s="1" t="s">
        <v>17696</v>
      </c>
      <c r="G4536" s="1" t="s">
        <v>17645</v>
      </c>
      <c r="H4536" s="1" t="s">
        <v>17646</v>
      </c>
      <c r="I4536" s="1" t="s">
        <v>16857</v>
      </c>
      <c r="J4536" s="1" t="s">
        <v>17697</v>
      </c>
    </row>
    <row r="4537" spans="1:10" x14ac:dyDescent="0.35">
      <c r="A4537" s="1" t="s">
        <v>17641</v>
      </c>
      <c r="B4537" s="1" t="s">
        <v>16851</v>
      </c>
      <c r="C4537" s="1" t="s">
        <v>80</v>
      </c>
      <c r="D4537" s="1" t="s">
        <v>17698</v>
      </c>
      <c r="E4537" s="1" t="s">
        <v>17699</v>
      </c>
      <c r="F4537" s="1" t="s">
        <v>17700</v>
      </c>
      <c r="G4537" s="1" t="s">
        <v>17645</v>
      </c>
      <c r="H4537" s="1" t="s">
        <v>17646</v>
      </c>
      <c r="I4537" s="1" t="s">
        <v>16857</v>
      </c>
      <c r="J4537" s="1" t="s">
        <v>17701</v>
      </c>
    </row>
    <row r="4538" spans="1:10" x14ac:dyDescent="0.35">
      <c r="A4538" s="1" t="s">
        <v>17641</v>
      </c>
      <c r="B4538" s="1" t="s">
        <v>16851</v>
      </c>
      <c r="C4538" s="1" t="s">
        <v>85</v>
      </c>
      <c r="D4538" s="1" t="s">
        <v>17617</v>
      </c>
      <c r="E4538" s="1" t="s">
        <v>17702</v>
      </c>
      <c r="F4538" s="1" t="s">
        <v>17703</v>
      </c>
      <c r="G4538" s="1" t="s">
        <v>17645</v>
      </c>
      <c r="H4538" s="1" t="s">
        <v>17646</v>
      </c>
      <c r="I4538" s="1" t="s">
        <v>16857</v>
      </c>
      <c r="J4538" s="1" t="s">
        <v>17704</v>
      </c>
    </row>
    <row r="4539" spans="1:10" x14ac:dyDescent="0.35">
      <c r="A4539" s="1" t="s">
        <v>17641</v>
      </c>
      <c r="B4539" s="1" t="s">
        <v>16851</v>
      </c>
      <c r="C4539" s="1" t="s">
        <v>90</v>
      </c>
      <c r="D4539" s="1" t="s">
        <v>17705</v>
      </c>
      <c r="E4539" s="1" t="s">
        <v>17706</v>
      </c>
      <c r="F4539" s="1" t="s">
        <v>17707</v>
      </c>
      <c r="G4539" s="1" t="s">
        <v>17645</v>
      </c>
      <c r="H4539" s="1" t="s">
        <v>17646</v>
      </c>
      <c r="I4539" s="1" t="s">
        <v>16857</v>
      </c>
      <c r="J4539" s="1" t="s">
        <v>17708</v>
      </c>
    </row>
    <row r="4540" spans="1:10" x14ac:dyDescent="0.35">
      <c r="A4540" s="1" t="s">
        <v>17641</v>
      </c>
      <c r="B4540" s="1" t="s">
        <v>16851</v>
      </c>
      <c r="C4540" s="1" t="s">
        <v>95</v>
      </c>
      <c r="D4540" s="1" t="s">
        <v>17709</v>
      </c>
      <c r="E4540" s="1" t="s">
        <v>17710</v>
      </c>
      <c r="F4540" s="1" t="s">
        <v>17711</v>
      </c>
      <c r="G4540" s="1" t="s">
        <v>17645</v>
      </c>
      <c r="H4540" s="1" t="s">
        <v>17646</v>
      </c>
      <c r="I4540" s="1" t="s">
        <v>16857</v>
      </c>
      <c r="J4540" s="1" t="s">
        <v>17712</v>
      </c>
    </row>
    <row r="4541" spans="1:10" x14ac:dyDescent="0.35">
      <c r="A4541" s="1" t="s">
        <v>17641</v>
      </c>
      <c r="B4541" s="1" t="s">
        <v>16851</v>
      </c>
      <c r="C4541" s="1" t="s">
        <v>100</v>
      </c>
      <c r="D4541" s="1" t="s">
        <v>17713</v>
      </c>
      <c r="E4541" s="1" t="s">
        <v>17714</v>
      </c>
      <c r="F4541" s="1" t="s">
        <v>17715</v>
      </c>
      <c r="G4541" s="1" t="s">
        <v>17645</v>
      </c>
      <c r="H4541" s="1" t="s">
        <v>17646</v>
      </c>
      <c r="I4541" s="1" t="s">
        <v>16857</v>
      </c>
      <c r="J4541" s="1" t="s">
        <v>17716</v>
      </c>
    </row>
    <row r="4542" spans="1:10" x14ac:dyDescent="0.35">
      <c r="A4542" s="1" t="s">
        <v>17641</v>
      </c>
      <c r="B4542" s="1" t="s">
        <v>16851</v>
      </c>
      <c r="C4542" s="1" t="s">
        <v>105</v>
      </c>
      <c r="D4542" s="1" t="s">
        <v>17717</v>
      </c>
      <c r="E4542" s="1" t="s">
        <v>17718</v>
      </c>
      <c r="F4542" s="1" t="s">
        <v>17719</v>
      </c>
      <c r="G4542" s="1" t="s">
        <v>17645</v>
      </c>
      <c r="H4542" s="1" t="s">
        <v>17646</v>
      </c>
      <c r="I4542" s="1" t="s">
        <v>16857</v>
      </c>
      <c r="J4542" s="1" t="s">
        <v>17720</v>
      </c>
    </row>
    <row r="4543" spans="1:10" x14ac:dyDescent="0.35">
      <c r="A4543" s="1" t="s">
        <v>17641</v>
      </c>
      <c r="B4543" s="1" t="s">
        <v>16851</v>
      </c>
      <c r="C4543" s="1" t="s">
        <v>110</v>
      </c>
      <c r="D4543" s="1" t="s">
        <v>17721</v>
      </c>
      <c r="E4543" s="1" t="s">
        <v>17722</v>
      </c>
      <c r="F4543" s="1" t="s">
        <v>17723</v>
      </c>
      <c r="G4543" s="1" t="s">
        <v>17645</v>
      </c>
      <c r="H4543" s="1" t="s">
        <v>17646</v>
      </c>
      <c r="I4543" s="1" t="s">
        <v>16857</v>
      </c>
      <c r="J4543" s="1" t="s">
        <v>17724</v>
      </c>
    </row>
    <row r="4544" spans="1:10" x14ac:dyDescent="0.35">
      <c r="A4544" s="1" t="s">
        <v>17641</v>
      </c>
      <c r="B4544" s="1" t="s">
        <v>16851</v>
      </c>
      <c r="C4544" s="1" t="s">
        <v>115</v>
      </c>
      <c r="D4544" s="1" t="s">
        <v>17725</v>
      </c>
      <c r="E4544" s="1" t="s">
        <v>17726</v>
      </c>
      <c r="F4544" s="1" t="s">
        <v>17727</v>
      </c>
      <c r="G4544" s="1" t="s">
        <v>17645</v>
      </c>
      <c r="H4544" s="1" t="s">
        <v>17646</v>
      </c>
      <c r="I4544" s="1" t="s">
        <v>16857</v>
      </c>
      <c r="J4544" s="1" t="s">
        <v>17728</v>
      </c>
    </row>
    <row r="4545" spans="1:10" x14ac:dyDescent="0.35">
      <c r="A4545" s="1" t="s">
        <v>17641</v>
      </c>
      <c r="B4545" s="1" t="s">
        <v>16851</v>
      </c>
      <c r="C4545" s="1" t="s">
        <v>120</v>
      </c>
      <c r="D4545" s="1" t="s">
        <v>17729</v>
      </c>
      <c r="E4545" s="1" t="s">
        <v>17730</v>
      </c>
      <c r="F4545" s="1" t="s">
        <v>17731</v>
      </c>
      <c r="G4545" s="1" t="s">
        <v>17645</v>
      </c>
      <c r="H4545" s="1" t="s">
        <v>17646</v>
      </c>
      <c r="I4545" s="1" t="s">
        <v>16857</v>
      </c>
      <c r="J4545" s="1" t="s">
        <v>17732</v>
      </c>
    </row>
    <row r="4546" spans="1:10" x14ac:dyDescent="0.35">
      <c r="A4546" s="1" t="s">
        <v>17641</v>
      </c>
      <c r="B4546" s="1" t="s">
        <v>16851</v>
      </c>
      <c r="C4546" s="1" t="s">
        <v>125</v>
      </c>
      <c r="D4546" s="1" t="s">
        <v>17733</v>
      </c>
      <c r="E4546" s="1" t="s">
        <v>17734</v>
      </c>
      <c r="F4546" s="1" t="s">
        <v>17735</v>
      </c>
      <c r="G4546" s="1" t="s">
        <v>17645</v>
      </c>
      <c r="H4546" s="1" t="s">
        <v>17646</v>
      </c>
      <c r="I4546" s="1" t="s">
        <v>16857</v>
      </c>
      <c r="J4546" s="1" t="s">
        <v>17736</v>
      </c>
    </row>
    <row r="4547" spans="1:10" x14ac:dyDescent="0.35">
      <c r="A4547" s="1" t="s">
        <v>17641</v>
      </c>
      <c r="B4547" s="1" t="s">
        <v>16851</v>
      </c>
      <c r="C4547" s="1" t="s">
        <v>130</v>
      </c>
      <c r="D4547" s="1" t="s">
        <v>17737</v>
      </c>
      <c r="E4547" s="1" t="s">
        <v>17738</v>
      </c>
      <c r="F4547" s="1" t="s">
        <v>17739</v>
      </c>
      <c r="G4547" s="1" t="s">
        <v>17645</v>
      </c>
      <c r="H4547" s="1" t="s">
        <v>17646</v>
      </c>
      <c r="I4547" s="1" t="s">
        <v>16857</v>
      </c>
      <c r="J4547" s="1" t="s">
        <v>17740</v>
      </c>
    </row>
    <row r="4548" spans="1:10" x14ac:dyDescent="0.35">
      <c r="A4548" s="1" t="s">
        <v>17641</v>
      </c>
      <c r="B4548" s="1" t="s">
        <v>16851</v>
      </c>
      <c r="C4548" s="1" t="s">
        <v>135</v>
      </c>
      <c r="D4548" s="1" t="s">
        <v>17741</v>
      </c>
      <c r="E4548" s="1" t="s">
        <v>17742</v>
      </c>
      <c r="F4548" s="1" t="s">
        <v>17743</v>
      </c>
      <c r="G4548" s="1" t="s">
        <v>17645</v>
      </c>
      <c r="H4548" s="1" t="s">
        <v>17646</v>
      </c>
      <c r="I4548" s="1" t="s">
        <v>16857</v>
      </c>
      <c r="J4548" s="1" t="s">
        <v>17744</v>
      </c>
    </row>
    <row r="4549" spans="1:10" x14ac:dyDescent="0.35">
      <c r="A4549" s="1" t="s">
        <v>17641</v>
      </c>
      <c r="B4549" s="1" t="s">
        <v>16851</v>
      </c>
      <c r="C4549" s="1" t="s">
        <v>140</v>
      </c>
      <c r="D4549" s="1" t="s">
        <v>17745</v>
      </c>
      <c r="E4549" s="1" t="s">
        <v>17746</v>
      </c>
      <c r="F4549" s="1" t="s">
        <v>17747</v>
      </c>
      <c r="G4549" s="1" t="s">
        <v>17645</v>
      </c>
      <c r="H4549" s="1" t="s">
        <v>17646</v>
      </c>
      <c r="I4549" s="1" t="s">
        <v>16857</v>
      </c>
      <c r="J4549" s="1" t="s">
        <v>17748</v>
      </c>
    </row>
    <row r="4550" spans="1:10" x14ac:dyDescent="0.35">
      <c r="A4550" s="1" t="s">
        <v>17641</v>
      </c>
      <c r="B4550" s="1" t="s">
        <v>16851</v>
      </c>
      <c r="C4550" s="1" t="s">
        <v>145</v>
      </c>
      <c r="D4550" s="1" t="s">
        <v>17749</v>
      </c>
      <c r="E4550" s="1" t="s">
        <v>17750</v>
      </c>
      <c r="F4550" s="1" t="s">
        <v>17751</v>
      </c>
      <c r="G4550" s="1" t="s">
        <v>17645</v>
      </c>
      <c r="H4550" s="1" t="s">
        <v>17646</v>
      </c>
      <c r="I4550" s="1" t="s">
        <v>16857</v>
      </c>
      <c r="J4550" s="1" t="s">
        <v>17752</v>
      </c>
    </row>
    <row r="4551" spans="1:10" x14ac:dyDescent="0.35">
      <c r="A4551" s="1" t="s">
        <v>17641</v>
      </c>
      <c r="B4551" s="1" t="s">
        <v>16851</v>
      </c>
      <c r="C4551" s="1" t="s">
        <v>150</v>
      </c>
      <c r="D4551" s="1" t="s">
        <v>17753</v>
      </c>
      <c r="E4551" s="1" t="s">
        <v>17754</v>
      </c>
      <c r="F4551" s="1" t="s">
        <v>17755</v>
      </c>
      <c r="G4551" s="1" t="s">
        <v>17645</v>
      </c>
      <c r="H4551" s="1" t="s">
        <v>17646</v>
      </c>
      <c r="I4551" s="1" t="s">
        <v>16857</v>
      </c>
      <c r="J4551" s="1" t="s">
        <v>17756</v>
      </c>
    </row>
    <row r="4552" spans="1:10" x14ac:dyDescent="0.35">
      <c r="A4552" s="1" t="s">
        <v>17641</v>
      </c>
      <c r="B4552" s="1" t="s">
        <v>16851</v>
      </c>
      <c r="C4552" s="1" t="s">
        <v>155</v>
      </c>
      <c r="D4552" s="1" t="s">
        <v>17757</v>
      </c>
      <c r="E4552" s="1" t="s">
        <v>17758</v>
      </c>
      <c r="F4552" s="1" t="s">
        <v>17759</v>
      </c>
      <c r="G4552" s="1" t="s">
        <v>17645</v>
      </c>
      <c r="H4552" s="1" t="s">
        <v>17646</v>
      </c>
      <c r="I4552" s="1" t="s">
        <v>16857</v>
      </c>
      <c r="J4552" s="1" t="s">
        <v>17760</v>
      </c>
    </row>
    <row r="4553" spans="1:10" x14ac:dyDescent="0.35">
      <c r="A4553" s="1" t="s">
        <v>17641</v>
      </c>
      <c r="B4553" s="1" t="s">
        <v>16851</v>
      </c>
      <c r="C4553" s="1" t="s">
        <v>160</v>
      </c>
      <c r="D4553" s="1" t="s">
        <v>17761</v>
      </c>
      <c r="E4553" s="1" t="s">
        <v>17762</v>
      </c>
      <c r="F4553" s="1" t="s">
        <v>17763</v>
      </c>
      <c r="G4553" s="1" t="s">
        <v>17645</v>
      </c>
      <c r="H4553" s="1" t="s">
        <v>17646</v>
      </c>
      <c r="I4553" s="1" t="s">
        <v>16857</v>
      </c>
      <c r="J4553" s="1" t="s">
        <v>17764</v>
      </c>
    </row>
    <row r="4554" spans="1:10" x14ac:dyDescent="0.35">
      <c r="A4554" s="1" t="s">
        <v>17641</v>
      </c>
      <c r="B4554" s="1" t="s">
        <v>16851</v>
      </c>
      <c r="C4554" s="1" t="s">
        <v>165</v>
      </c>
      <c r="D4554" s="1" t="s">
        <v>17765</v>
      </c>
      <c r="E4554" s="1" t="s">
        <v>17766</v>
      </c>
      <c r="F4554" s="1" t="s">
        <v>17767</v>
      </c>
      <c r="G4554" s="1" t="s">
        <v>17645</v>
      </c>
      <c r="H4554" s="1" t="s">
        <v>17646</v>
      </c>
      <c r="I4554" s="1" t="s">
        <v>16857</v>
      </c>
      <c r="J4554" s="1" t="s">
        <v>17768</v>
      </c>
    </row>
    <row r="4555" spans="1:10" x14ac:dyDescent="0.35">
      <c r="A4555" s="1" t="s">
        <v>17641</v>
      </c>
      <c r="B4555" s="1" t="s">
        <v>16851</v>
      </c>
      <c r="C4555" s="1" t="s">
        <v>170</v>
      </c>
      <c r="D4555" s="1" t="s">
        <v>17769</v>
      </c>
      <c r="E4555" s="1" t="s">
        <v>17770</v>
      </c>
      <c r="F4555" s="1" t="s">
        <v>17771</v>
      </c>
      <c r="G4555" s="1" t="s">
        <v>17645</v>
      </c>
      <c r="H4555" s="1" t="s">
        <v>17646</v>
      </c>
      <c r="I4555" s="1" t="s">
        <v>16857</v>
      </c>
      <c r="J4555" s="1" t="s">
        <v>17772</v>
      </c>
    </row>
    <row r="4556" spans="1:10" x14ac:dyDescent="0.35">
      <c r="A4556" s="1" t="s">
        <v>17773</v>
      </c>
      <c r="B4556" s="1" t="s">
        <v>16851</v>
      </c>
      <c r="C4556" s="1" t="s">
        <v>8</v>
      </c>
      <c r="D4556" s="1" t="s">
        <v>17774</v>
      </c>
      <c r="E4556" s="1" t="s">
        <v>17775</v>
      </c>
      <c r="F4556" s="1" t="s">
        <v>17776</v>
      </c>
      <c r="G4556" s="1" t="s">
        <v>17777</v>
      </c>
      <c r="H4556" s="1" t="s">
        <v>17778</v>
      </c>
      <c r="I4556" s="1" t="s">
        <v>16857</v>
      </c>
      <c r="J4556" s="1" t="s">
        <v>13</v>
      </c>
    </row>
    <row r="4557" spans="1:10" x14ac:dyDescent="0.35">
      <c r="A4557" s="1" t="s">
        <v>17773</v>
      </c>
      <c r="B4557" s="1" t="s">
        <v>16851</v>
      </c>
      <c r="C4557" s="1" t="s">
        <v>15</v>
      </c>
      <c r="D4557" s="1" t="s">
        <v>17779</v>
      </c>
      <c r="E4557" s="1" t="s">
        <v>17780</v>
      </c>
      <c r="F4557" s="1" t="s">
        <v>17781</v>
      </c>
      <c r="G4557" s="1" t="s">
        <v>17777</v>
      </c>
      <c r="H4557" s="1" t="s">
        <v>17778</v>
      </c>
      <c r="I4557" s="1" t="s">
        <v>16857</v>
      </c>
      <c r="J4557" s="1" t="s">
        <v>17782</v>
      </c>
    </row>
    <row r="4558" spans="1:10" x14ac:dyDescent="0.35">
      <c r="A4558" s="1" t="s">
        <v>17773</v>
      </c>
      <c r="B4558" s="1" t="s">
        <v>16851</v>
      </c>
      <c r="C4558" s="1" t="s">
        <v>20</v>
      </c>
      <c r="D4558" s="1" t="s">
        <v>17783</v>
      </c>
      <c r="E4558" s="1" t="s">
        <v>17784</v>
      </c>
      <c r="F4558" s="1" t="s">
        <v>17785</v>
      </c>
      <c r="G4558" s="1" t="s">
        <v>17777</v>
      </c>
      <c r="H4558" s="1" t="s">
        <v>17778</v>
      </c>
      <c r="I4558" s="1" t="s">
        <v>16857</v>
      </c>
      <c r="J4558" s="1" t="s">
        <v>17786</v>
      </c>
    </row>
    <row r="4559" spans="1:10" x14ac:dyDescent="0.35">
      <c r="A4559" s="1" t="s">
        <v>17773</v>
      </c>
      <c r="B4559" s="1" t="s">
        <v>16851</v>
      </c>
      <c r="C4559" s="1" t="s">
        <v>25</v>
      </c>
      <c r="D4559" s="1" t="s">
        <v>8812</v>
      </c>
      <c r="E4559" s="1" t="s">
        <v>17787</v>
      </c>
      <c r="F4559" s="1" t="s">
        <v>17788</v>
      </c>
      <c r="G4559" s="1" t="s">
        <v>17777</v>
      </c>
      <c r="H4559" s="1" t="s">
        <v>17778</v>
      </c>
      <c r="I4559" s="1" t="s">
        <v>16857</v>
      </c>
      <c r="J4559" s="1" t="s">
        <v>17789</v>
      </c>
    </row>
    <row r="4560" spans="1:10" x14ac:dyDescent="0.35">
      <c r="A4560" s="1" t="s">
        <v>17773</v>
      </c>
      <c r="B4560" s="1" t="s">
        <v>16851</v>
      </c>
      <c r="C4560" s="1" t="s">
        <v>30</v>
      </c>
      <c r="D4560" s="1" t="s">
        <v>17790</v>
      </c>
      <c r="E4560" s="1" t="s">
        <v>17791</v>
      </c>
      <c r="F4560" s="1" t="s">
        <v>17792</v>
      </c>
      <c r="G4560" s="1" t="s">
        <v>17777</v>
      </c>
      <c r="H4560" s="1" t="s">
        <v>17778</v>
      </c>
      <c r="I4560" s="1" t="s">
        <v>16857</v>
      </c>
      <c r="J4560" s="1" t="s">
        <v>17793</v>
      </c>
    </row>
    <row r="4561" spans="1:10" x14ac:dyDescent="0.35">
      <c r="A4561" s="1" t="s">
        <v>17773</v>
      </c>
      <c r="B4561" s="1" t="s">
        <v>16851</v>
      </c>
      <c r="C4561" s="1" t="s">
        <v>35</v>
      </c>
      <c r="D4561" s="1" t="s">
        <v>17794</v>
      </c>
      <c r="E4561" s="1" t="s">
        <v>17795</v>
      </c>
      <c r="F4561" s="1" t="s">
        <v>17796</v>
      </c>
      <c r="G4561" s="1" t="s">
        <v>17777</v>
      </c>
      <c r="H4561" s="1" t="s">
        <v>17778</v>
      </c>
      <c r="I4561" s="1" t="s">
        <v>16857</v>
      </c>
      <c r="J4561" s="1" t="s">
        <v>17797</v>
      </c>
    </row>
    <row r="4562" spans="1:10" x14ac:dyDescent="0.35">
      <c r="A4562" s="1" t="s">
        <v>17773</v>
      </c>
      <c r="B4562" s="1" t="s">
        <v>16851</v>
      </c>
      <c r="C4562" s="1" t="s">
        <v>40</v>
      </c>
      <c r="D4562" s="1" t="s">
        <v>14821</v>
      </c>
      <c r="E4562" s="1" t="s">
        <v>17798</v>
      </c>
      <c r="F4562" s="1" t="s">
        <v>17799</v>
      </c>
      <c r="G4562" s="1" t="s">
        <v>17777</v>
      </c>
      <c r="H4562" s="1" t="s">
        <v>17778</v>
      </c>
      <c r="I4562" s="1" t="s">
        <v>16857</v>
      </c>
      <c r="J4562" s="1" t="s">
        <v>17800</v>
      </c>
    </row>
    <row r="4563" spans="1:10" x14ac:dyDescent="0.35">
      <c r="A4563" s="1" t="s">
        <v>17773</v>
      </c>
      <c r="B4563" s="1" t="s">
        <v>16851</v>
      </c>
      <c r="C4563" s="1" t="s">
        <v>45</v>
      </c>
      <c r="D4563" s="1" t="s">
        <v>17801</v>
      </c>
      <c r="E4563" s="1" t="s">
        <v>17802</v>
      </c>
      <c r="F4563" s="1" t="s">
        <v>17803</v>
      </c>
      <c r="G4563" s="1" t="s">
        <v>17777</v>
      </c>
      <c r="H4563" s="1" t="s">
        <v>17778</v>
      </c>
      <c r="I4563" s="1" t="s">
        <v>16857</v>
      </c>
      <c r="J4563" s="1" t="s">
        <v>17804</v>
      </c>
    </row>
    <row r="4564" spans="1:10" x14ac:dyDescent="0.35">
      <c r="A4564" s="1" t="s">
        <v>17773</v>
      </c>
      <c r="B4564" s="1" t="s">
        <v>16851</v>
      </c>
      <c r="C4564" s="1" t="s">
        <v>50</v>
      </c>
      <c r="D4564" s="1" t="s">
        <v>17805</v>
      </c>
      <c r="E4564" s="1" t="s">
        <v>17806</v>
      </c>
      <c r="F4564" s="1" t="s">
        <v>17807</v>
      </c>
      <c r="G4564" s="1" t="s">
        <v>17777</v>
      </c>
      <c r="H4564" s="1" t="s">
        <v>17778</v>
      </c>
      <c r="I4564" s="1" t="s">
        <v>16857</v>
      </c>
      <c r="J4564" s="1" t="s">
        <v>17808</v>
      </c>
    </row>
    <row r="4565" spans="1:10" x14ac:dyDescent="0.35">
      <c r="A4565" s="1" t="s">
        <v>17773</v>
      </c>
      <c r="B4565" s="1" t="s">
        <v>16851</v>
      </c>
      <c r="C4565" s="1" t="s">
        <v>55</v>
      </c>
      <c r="D4565" s="1" t="s">
        <v>17809</v>
      </c>
      <c r="E4565" s="1" t="s">
        <v>17810</v>
      </c>
      <c r="F4565" s="1" t="s">
        <v>17811</v>
      </c>
      <c r="G4565" s="1" t="s">
        <v>17777</v>
      </c>
      <c r="H4565" s="1" t="s">
        <v>17778</v>
      </c>
      <c r="I4565" s="1" t="s">
        <v>16857</v>
      </c>
      <c r="J4565" s="1" t="s">
        <v>17812</v>
      </c>
    </row>
    <row r="4566" spans="1:10" x14ac:dyDescent="0.35">
      <c r="A4566" s="1" t="s">
        <v>17773</v>
      </c>
      <c r="B4566" s="1" t="s">
        <v>16851</v>
      </c>
      <c r="C4566" s="1" t="s">
        <v>60</v>
      </c>
      <c r="D4566" s="1" t="s">
        <v>17813</v>
      </c>
      <c r="E4566" s="1" t="s">
        <v>17814</v>
      </c>
      <c r="F4566" s="1" t="s">
        <v>17815</v>
      </c>
      <c r="G4566" s="1" t="s">
        <v>17777</v>
      </c>
      <c r="H4566" s="1" t="s">
        <v>17778</v>
      </c>
      <c r="I4566" s="1" t="s">
        <v>16857</v>
      </c>
      <c r="J4566" s="1" t="s">
        <v>17816</v>
      </c>
    </row>
    <row r="4567" spans="1:10" x14ac:dyDescent="0.35">
      <c r="A4567" s="1" t="s">
        <v>17773</v>
      </c>
      <c r="B4567" s="1" t="s">
        <v>16851</v>
      </c>
      <c r="C4567" s="1" t="s">
        <v>65</v>
      </c>
      <c r="D4567" s="1" t="s">
        <v>17817</v>
      </c>
      <c r="E4567" s="1" t="s">
        <v>17818</v>
      </c>
      <c r="F4567" s="1" t="s">
        <v>17819</v>
      </c>
      <c r="G4567" s="1" t="s">
        <v>17777</v>
      </c>
      <c r="H4567" s="1" t="s">
        <v>17778</v>
      </c>
      <c r="I4567" s="1" t="s">
        <v>16857</v>
      </c>
      <c r="J4567" s="1" t="s">
        <v>17820</v>
      </c>
    </row>
    <row r="4568" spans="1:10" x14ac:dyDescent="0.35">
      <c r="A4568" s="1" t="s">
        <v>17773</v>
      </c>
      <c r="B4568" s="1" t="s">
        <v>16851</v>
      </c>
      <c r="C4568" s="1" t="s">
        <v>70</v>
      </c>
      <c r="D4568" s="1" t="s">
        <v>17821</v>
      </c>
      <c r="E4568" s="1" t="s">
        <v>17822</v>
      </c>
      <c r="F4568" s="1" t="s">
        <v>17823</v>
      </c>
      <c r="G4568" s="1" t="s">
        <v>17777</v>
      </c>
      <c r="H4568" s="1" t="s">
        <v>17778</v>
      </c>
      <c r="I4568" s="1" t="s">
        <v>16857</v>
      </c>
      <c r="J4568" s="1" t="s">
        <v>17824</v>
      </c>
    </row>
    <row r="4569" spans="1:10" x14ac:dyDescent="0.35">
      <c r="A4569" s="1" t="s">
        <v>17773</v>
      </c>
      <c r="B4569" s="1" t="s">
        <v>16851</v>
      </c>
      <c r="C4569" s="1" t="s">
        <v>75</v>
      </c>
      <c r="D4569" s="1" t="s">
        <v>17825</v>
      </c>
      <c r="E4569" s="1" t="s">
        <v>17826</v>
      </c>
      <c r="F4569" s="1" t="s">
        <v>17827</v>
      </c>
      <c r="G4569" s="1" t="s">
        <v>17777</v>
      </c>
      <c r="H4569" s="1" t="s">
        <v>17778</v>
      </c>
      <c r="I4569" s="1" t="s">
        <v>16857</v>
      </c>
      <c r="J4569" s="1" t="s">
        <v>17828</v>
      </c>
    </row>
    <row r="4570" spans="1:10" x14ac:dyDescent="0.35">
      <c r="A4570" s="1" t="s">
        <v>17773</v>
      </c>
      <c r="B4570" s="1" t="s">
        <v>16851</v>
      </c>
      <c r="C4570" s="1" t="s">
        <v>80</v>
      </c>
      <c r="D4570" s="1" t="s">
        <v>3096</v>
      </c>
      <c r="E4570" s="1" t="s">
        <v>17829</v>
      </c>
      <c r="F4570" s="1" t="s">
        <v>17830</v>
      </c>
      <c r="G4570" s="1" t="s">
        <v>17777</v>
      </c>
      <c r="H4570" s="1" t="s">
        <v>17778</v>
      </c>
      <c r="I4570" s="1" t="s">
        <v>16857</v>
      </c>
      <c r="J4570" s="1" t="s">
        <v>17831</v>
      </c>
    </row>
    <row r="4571" spans="1:10" x14ac:dyDescent="0.35">
      <c r="A4571" s="1" t="s">
        <v>17773</v>
      </c>
      <c r="B4571" s="1" t="s">
        <v>16851</v>
      </c>
      <c r="C4571" s="1" t="s">
        <v>85</v>
      </c>
      <c r="D4571" s="1" t="s">
        <v>17832</v>
      </c>
      <c r="E4571" s="1" t="s">
        <v>17833</v>
      </c>
      <c r="F4571" s="1" t="s">
        <v>17834</v>
      </c>
      <c r="G4571" s="1" t="s">
        <v>17777</v>
      </c>
      <c r="H4571" s="1" t="s">
        <v>17778</v>
      </c>
      <c r="I4571" s="1" t="s">
        <v>16857</v>
      </c>
      <c r="J4571" s="1" t="s">
        <v>17835</v>
      </c>
    </row>
    <row r="4572" spans="1:10" x14ac:dyDescent="0.35">
      <c r="A4572" s="1" t="s">
        <v>17773</v>
      </c>
      <c r="B4572" s="1" t="s">
        <v>16851</v>
      </c>
      <c r="C4572" s="1" t="s">
        <v>90</v>
      </c>
      <c r="D4572" s="1" t="s">
        <v>17836</v>
      </c>
      <c r="E4572" s="1" t="s">
        <v>17837</v>
      </c>
      <c r="F4572" s="1" t="s">
        <v>17838</v>
      </c>
      <c r="G4572" s="1" t="s">
        <v>17777</v>
      </c>
      <c r="H4572" s="1" t="s">
        <v>17778</v>
      </c>
      <c r="I4572" s="1" t="s">
        <v>16857</v>
      </c>
      <c r="J4572" s="1" t="s">
        <v>17839</v>
      </c>
    </row>
    <row r="4573" spans="1:10" x14ac:dyDescent="0.35">
      <c r="A4573" s="1" t="s">
        <v>17773</v>
      </c>
      <c r="B4573" s="1" t="s">
        <v>16851</v>
      </c>
      <c r="C4573" s="1" t="s">
        <v>95</v>
      </c>
      <c r="D4573" s="1" t="s">
        <v>17840</v>
      </c>
      <c r="E4573" s="1" t="s">
        <v>17841</v>
      </c>
      <c r="F4573" s="1" t="s">
        <v>17842</v>
      </c>
      <c r="G4573" s="1" t="s">
        <v>17777</v>
      </c>
      <c r="H4573" s="1" t="s">
        <v>17778</v>
      </c>
      <c r="I4573" s="1" t="s">
        <v>16857</v>
      </c>
      <c r="J4573" s="1" t="s">
        <v>17843</v>
      </c>
    </row>
    <row r="4574" spans="1:10" x14ac:dyDescent="0.35">
      <c r="A4574" s="1" t="s">
        <v>17773</v>
      </c>
      <c r="B4574" s="1" t="s">
        <v>16851</v>
      </c>
      <c r="C4574" s="1" t="s">
        <v>100</v>
      </c>
      <c r="D4574" s="1" t="s">
        <v>15288</v>
      </c>
      <c r="E4574" s="1" t="s">
        <v>17844</v>
      </c>
      <c r="F4574" s="1" t="s">
        <v>17845</v>
      </c>
      <c r="G4574" s="1" t="s">
        <v>17777</v>
      </c>
      <c r="H4574" s="1" t="s">
        <v>17778</v>
      </c>
      <c r="I4574" s="1" t="s">
        <v>16857</v>
      </c>
      <c r="J4574" s="1" t="s">
        <v>17846</v>
      </c>
    </row>
    <row r="4575" spans="1:10" x14ac:dyDescent="0.35">
      <c r="A4575" s="1" t="s">
        <v>17773</v>
      </c>
      <c r="B4575" s="1" t="s">
        <v>16851</v>
      </c>
      <c r="C4575" s="1" t="s">
        <v>105</v>
      </c>
      <c r="D4575" s="1" t="s">
        <v>17847</v>
      </c>
      <c r="E4575" s="1" t="s">
        <v>17848</v>
      </c>
      <c r="F4575" s="1" t="s">
        <v>17849</v>
      </c>
      <c r="G4575" s="1" t="s">
        <v>17777</v>
      </c>
      <c r="H4575" s="1" t="s">
        <v>17778</v>
      </c>
      <c r="I4575" s="1" t="s">
        <v>16857</v>
      </c>
      <c r="J4575" s="1" t="s">
        <v>17850</v>
      </c>
    </row>
    <row r="4576" spans="1:10" x14ac:dyDescent="0.35">
      <c r="A4576" s="1" t="s">
        <v>17773</v>
      </c>
      <c r="B4576" s="1" t="s">
        <v>16851</v>
      </c>
      <c r="C4576" s="1" t="s">
        <v>110</v>
      </c>
      <c r="D4576" s="1" t="s">
        <v>17851</v>
      </c>
      <c r="E4576" s="1" t="s">
        <v>17852</v>
      </c>
      <c r="F4576" s="1" t="s">
        <v>17853</v>
      </c>
      <c r="G4576" s="1" t="s">
        <v>17777</v>
      </c>
      <c r="H4576" s="1" t="s">
        <v>17778</v>
      </c>
      <c r="I4576" s="1" t="s">
        <v>16857</v>
      </c>
      <c r="J4576" s="1" t="s">
        <v>17854</v>
      </c>
    </row>
    <row r="4577" spans="1:10" x14ac:dyDescent="0.35">
      <c r="A4577" s="1" t="s">
        <v>17773</v>
      </c>
      <c r="B4577" s="1" t="s">
        <v>16851</v>
      </c>
      <c r="C4577" s="1" t="s">
        <v>115</v>
      </c>
      <c r="D4577" s="1" t="s">
        <v>17855</v>
      </c>
      <c r="E4577" s="1" t="s">
        <v>17856</v>
      </c>
      <c r="F4577" s="1" t="s">
        <v>17857</v>
      </c>
      <c r="G4577" s="1" t="s">
        <v>17777</v>
      </c>
      <c r="H4577" s="1" t="s">
        <v>17778</v>
      </c>
      <c r="I4577" s="1" t="s">
        <v>16857</v>
      </c>
      <c r="J4577" s="1" t="s">
        <v>17858</v>
      </c>
    </row>
    <row r="4578" spans="1:10" x14ac:dyDescent="0.35">
      <c r="A4578" s="1" t="s">
        <v>17773</v>
      </c>
      <c r="B4578" s="1" t="s">
        <v>16851</v>
      </c>
      <c r="C4578" s="1" t="s">
        <v>120</v>
      </c>
      <c r="D4578" s="1" t="s">
        <v>17859</v>
      </c>
      <c r="E4578" s="1" t="s">
        <v>17860</v>
      </c>
      <c r="F4578" s="1" t="s">
        <v>17861</v>
      </c>
      <c r="G4578" s="1" t="s">
        <v>17777</v>
      </c>
      <c r="H4578" s="1" t="s">
        <v>17778</v>
      </c>
      <c r="I4578" s="1" t="s">
        <v>16857</v>
      </c>
      <c r="J4578" s="1" t="s">
        <v>17862</v>
      </c>
    </row>
    <row r="4579" spans="1:10" x14ac:dyDescent="0.35">
      <c r="A4579" s="1" t="s">
        <v>17773</v>
      </c>
      <c r="B4579" s="1" t="s">
        <v>16851</v>
      </c>
      <c r="C4579" s="1" t="s">
        <v>125</v>
      </c>
      <c r="D4579" s="1" t="s">
        <v>17863</v>
      </c>
      <c r="E4579" s="1" t="s">
        <v>17864</v>
      </c>
      <c r="F4579" s="1" t="s">
        <v>17865</v>
      </c>
      <c r="G4579" s="1" t="s">
        <v>17777</v>
      </c>
      <c r="H4579" s="1" t="s">
        <v>17778</v>
      </c>
      <c r="I4579" s="1" t="s">
        <v>16857</v>
      </c>
      <c r="J4579" s="1" t="s">
        <v>17866</v>
      </c>
    </row>
    <row r="4580" spans="1:10" x14ac:dyDescent="0.35">
      <c r="A4580" s="1" t="s">
        <v>17773</v>
      </c>
      <c r="B4580" s="1" t="s">
        <v>16851</v>
      </c>
      <c r="C4580" s="1" t="s">
        <v>130</v>
      </c>
      <c r="D4580" s="1" t="s">
        <v>17867</v>
      </c>
      <c r="E4580" s="1" t="s">
        <v>17868</v>
      </c>
      <c r="F4580" s="1" t="s">
        <v>17869</v>
      </c>
      <c r="G4580" s="1" t="s">
        <v>17777</v>
      </c>
      <c r="H4580" s="1" t="s">
        <v>17778</v>
      </c>
      <c r="I4580" s="1" t="s">
        <v>16857</v>
      </c>
      <c r="J4580" s="1" t="s">
        <v>17870</v>
      </c>
    </row>
    <row r="4581" spans="1:10" x14ac:dyDescent="0.35">
      <c r="A4581" s="1" t="s">
        <v>17773</v>
      </c>
      <c r="B4581" s="1" t="s">
        <v>16851</v>
      </c>
      <c r="C4581" s="1" t="s">
        <v>135</v>
      </c>
      <c r="D4581" s="1" t="s">
        <v>17871</v>
      </c>
      <c r="E4581" s="1" t="s">
        <v>17872</v>
      </c>
      <c r="F4581" s="1" t="s">
        <v>17873</v>
      </c>
      <c r="G4581" s="1" t="s">
        <v>17777</v>
      </c>
      <c r="H4581" s="1" t="s">
        <v>17778</v>
      </c>
      <c r="I4581" s="1" t="s">
        <v>16857</v>
      </c>
      <c r="J4581" s="1" t="s">
        <v>17874</v>
      </c>
    </row>
    <row r="4582" spans="1:10" x14ac:dyDescent="0.35">
      <c r="A4582" s="1" t="s">
        <v>17773</v>
      </c>
      <c r="B4582" s="1" t="s">
        <v>16851</v>
      </c>
      <c r="C4582" s="1" t="s">
        <v>140</v>
      </c>
      <c r="D4582" s="1" t="s">
        <v>17875</v>
      </c>
      <c r="E4582" s="1" t="s">
        <v>17876</v>
      </c>
      <c r="F4582" s="1" t="s">
        <v>17877</v>
      </c>
      <c r="G4582" s="1" t="s">
        <v>17777</v>
      </c>
      <c r="H4582" s="1" t="s">
        <v>17778</v>
      </c>
      <c r="I4582" s="1" t="s">
        <v>16857</v>
      </c>
      <c r="J4582" s="1" t="s">
        <v>17878</v>
      </c>
    </row>
    <row r="4583" spans="1:10" x14ac:dyDescent="0.35">
      <c r="A4583" s="1" t="s">
        <v>17773</v>
      </c>
      <c r="B4583" s="1" t="s">
        <v>16851</v>
      </c>
      <c r="C4583" s="1" t="s">
        <v>145</v>
      </c>
      <c r="D4583" s="1" t="s">
        <v>17879</v>
      </c>
      <c r="E4583" s="1" t="s">
        <v>17880</v>
      </c>
      <c r="F4583" s="1" t="s">
        <v>17881</v>
      </c>
      <c r="G4583" s="1" t="s">
        <v>17777</v>
      </c>
      <c r="H4583" s="1" t="s">
        <v>17778</v>
      </c>
      <c r="I4583" s="1" t="s">
        <v>16857</v>
      </c>
      <c r="J4583" s="1" t="s">
        <v>17882</v>
      </c>
    </row>
    <row r="4584" spans="1:10" x14ac:dyDescent="0.35">
      <c r="A4584" s="1" t="s">
        <v>17773</v>
      </c>
      <c r="B4584" s="1" t="s">
        <v>16851</v>
      </c>
      <c r="C4584" s="1" t="s">
        <v>150</v>
      </c>
      <c r="D4584" s="1" t="s">
        <v>17883</v>
      </c>
      <c r="E4584" s="1" t="s">
        <v>17884</v>
      </c>
      <c r="F4584" s="1" t="s">
        <v>17885</v>
      </c>
      <c r="G4584" s="1" t="s">
        <v>17777</v>
      </c>
      <c r="H4584" s="1" t="s">
        <v>17778</v>
      </c>
      <c r="I4584" s="1" t="s">
        <v>16857</v>
      </c>
      <c r="J4584" s="1" t="s">
        <v>17886</v>
      </c>
    </row>
    <row r="4585" spans="1:10" x14ac:dyDescent="0.35">
      <c r="A4585" s="1" t="s">
        <v>17773</v>
      </c>
      <c r="B4585" s="1" t="s">
        <v>16851</v>
      </c>
      <c r="C4585" s="1" t="s">
        <v>155</v>
      </c>
      <c r="D4585" s="1" t="s">
        <v>17887</v>
      </c>
      <c r="E4585" s="1" t="s">
        <v>17888</v>
      </c>
      <c r="F4585" s="1" t="s">
        <v>17889</v>
      </c>
      <c r="G4585" s="1" t="s">
        <v>17777</v>
      </c>
      <c r="H4585" s="1" t="s">
        <v>17778</v>
      </c>
      <c r="I4585" s="1" t="s">
        <v>16857</v>
      </c>
      <c r="J4585" s="1" t="s">
        <v>17890</v>
      </c>
    </row>
    <row r="4586" spans="1:10" x14ac:dyDescent="0.35">
      <c r="A4586" s="1" t="s">
        <v>17773</v>
      </c>
      <c r="B4586" s="1" t="s">
        <v>16851</v>
      </c>
      <c r="C4586" s="1" t="s">
        <v>160</v>
      </c>
      <c r="D4586" s="1" t="s">
        <v>17891</v>
      </c>
      <c r="E4586" s="1" t="s">
        <v>17892</v>
      </c>
      <c r="F4586" s="1" t="s">
        <v>17893</v>
      </c>
      <c r="G4586" s="1" t="s">
        <v>17777</v>
      </c>
      <c r="H4586" s="1" t="s">
        <v>17778</v>
      </c>
      <c r="I4586" s="1" t="s">
        <v>16857</v>
      </c>
      <c r="J4586" s="1" t="s">
        <v>17894</v>
      </c>
    </row>
    <row r="4587" spans="1:10" x14ac:dyDescent="0.35">
      <c r="A4587" s="1" t="s">
        <v>17773</v>
      </c>
      <c r="B4587" s="1" t="s">
        <v>16851</v>
      </c>
      <c r="C4587" s="1" t="s">
        <v>165</v>
      </c>
      <c r="D4587" s="1" t="s">
        <v>17895</v>
      </c>
      <c r="E4587" s="1" t="s">
        <v>17896</v>
      </c>
      <c r="F4587" s="1" t="s">
        <v>17897</v>
      </c>
      <c r="G4587" s="1" t="s">
        <v>17777</v>
      </c>
      <c r="H4587" s="1" t="s">
        <v>17778</v>
      </c>
      <c r="I4587" s="1" t="s">
        <v>16857</v>
      </c>
      <c r="J4587" s="1" t="s">
        <v>17898</v>
      </c>
    </row>
    <row r="4588" spans="1:10" x14ac:dyDescent="0.35">
      <c r="A4588" s="1" t="s">
        <v>17773</v>
      </c>
      <c r="B4588" s="1" t="s">
        <v>16851</v>
      </c>
      <c r="C4588" s="1" t="s">
        <v>170</v>
      </c>
      <c r="D4588" s="1" t="s">
        <v>17899</v>
      </c>
      <c r="E4588" s="1" t="s">
        <v>17900</v>
      </c>
      <c r="F4588" s="1" t="s">
        <v>17901</v>
      </c>
      <c r="G4588" s="1" t="s">
        <v>17777</v>
      </c>
      <c r="H4588" s="1" t="s">
        <v>17778</v>
      </c>
      <c r="I4588" s="1" t="s">
        <v>16857</v>
      </c>
      <c r="J4588" s="1" t="s">
        <v>17902</v>
      </c>
    </row>
    <row r="4589" spans="1:10" x14ac:dyDescent="0.35">
      <c r="A4589" s="1" t="s">
        <v>17903</v>
      </c>
      <c r="B4589" s="1" t="s">
        <v>16851</v>
      </c>
      <c r="C4589" s="1" t="s">
        <v>8</v>
      </c>
      <c r="D4589" s="1" t="s">
        <v>17904</v>
      </c>
      <c r="E4589" s="1" t="s">
        <v>17905</v>
      </c>
      <c r="F4589" s="1" t="s">
        <v>17906</v>
      </c>
      <c r="G4589" s="1" t="s">
        <v>17907</v>
      </c>
      <c r="H4589" s="1" t="s">
        <v>17908</v>
      </c>
      <c r="I4589" s="1" t="s">
        <v>16857</v>
      </c>
      <c r="J4589" s="1" t="s">
        <v>13</v>
      </c>
    </row>
    <row r="4590" spans="1:10" x14ac:dyDescent="0.35">
      <c r="A4590" s="1" t="s">
        <v>17903</v>
      </c>
      <c r="B4590" s="1" t="s">
        <v>16851</v>
      </c>
      <c r="C4590" s="1" t="s">
        <v>15</v>
      </c>
      <c r="D4590" s="1" t="s">
        <v>17909</v>
      </c>
      <c r="E4590" s="1" t="s">
        <v>17910</v>
      </c>
      <c r="F4590" s="1" t="s">
        <v>17911</v>
      </c>
      <c r="G4590" s="1" t="s">
        <v>17907</v>
      </c>
      <c r="H4590" s="1" t="s">
        <v>17908</v>
      </c>
      <c r="I4590" s="1" t="s">
        <v>16857</v>
      </c>
      <c r="J4590" s="1" t="s">
        <v>17912</v>
      </c>
    </row>
    <row r="4591" spans="1:10" x14ac:dyDescent="0.35">
      <c r="A4591" s="1" t="s">
        <v>17903</v>
      </c>
      <c r="B4591" s="1" t="s">
        <v>16851</v>
      </c>
      <c r="C4591" s="1" t="s">
        <v>20</v>
      </c>
      <c r="D4591" s="1" t="s">
        <v>17913</v>
      </c>
      <c r="E4591" s="1" t="s">
        <v>17914</v>
      </c>
      <c r="F4591" s="1" t="s">
        <v>17915</v>
      </c>
      <c r="G4591" s="1" t="s">
        <v>17907</v>
      </c>
      <c r="H4591" s="1" t="s">
        <v>17908</v>
      </c>
      <c r="I4591" s="1" t="s">
        <v>16857</v>
      </c>
      <c r="J4591" s="1" t="s">
        <v>17916</v>
      </c>
    </row>
    <row r="4592" spans="1:10" x14ac:dyDescent="0.35">
      <c r="A4592" s="1" t="s">
        <v>17903</v>
      </c>
      <c r="B4592" s="1" t="s">
        <v>16851</v>
      </c>
      <c r="C4592" s="1" t="s">
        <v>25</v>
      </c>
      <c r="D4592" s="1" t="s">
        <v>17917</v>
      </c>
      <c r="E4592" s="1" t="s">
        <v>17918</v>
      </c>
      <c r="F4592" s="1" t="s">
        <v>17919</v>
      </c>
      <c r="G4592" s="1" t="s">
        <v>17907</v>
      </c>
      <c r="H4592" s="1" t="s">
        <v>17908</v>
      </c>
      <c r="I4592" s="1" t="s">
        <v>16857</v>
      </c>
      <c r="J4592" s="1" t="s">
        <v>17920</v>
      </c>
    </row>
    <row r="4593" spans="1:10" x14ac:dyDescent="0.35">
      <c r="A4593" s="1" t="s">
        <v>17903</v>
      </c>
      <c r="B4593" s="1" t="s">
        <v>16851</v>
      </c>
      <c r="C4593" s="1" t="s">
        <v>30</v>
      </c>
      <c r="D4593" s="1" t="s">
        <v>17921</v>
      </c>
      <c r="E4593" s="1" t="s">
        <v>17922</v>
      </c>
      <c r="F4593" s="1" t="s">
        <v>17923</v>
      </c>
      <c r="G4593" s="1" t="s">
        <v>17907</v>
      </c>
      <c r="H4593" s="1" t="s">
        <v>17908</v>
      </c>
      <c r="I4593" s="1" t="s">
        <v>16857</v>
      </c>
      <c r="J4593" s="1" t="s">
        <v>17924</v>
      </c>
    </row>
    <row r="4594" spans="1:10" x14ac:dyDescent="0.35">
      <c r="A4594" s="1" t="s">
        <v>17903</v>
      </c>
      <c r="B4594" s="1" t="s">
        <v>16851</v>
      </c>
      <c r="C4594" s="1" t="s">
        <v>35</v>
      </c>
      <c r="D4594" s="1" t="s">
        <v>17925</v>
      </c>
      <c r="E4594" s="1" t="s">
        <v>17926</v>
      </c>
      <c r="F4594" s="1" t="s">
        <v>17927</v>
      </c>
      <c r="G4594" s="1" t="s">
        <v>17907</v>
      </c>
      <c r="H4594" s="1" t="s">
        <v>17908</v>
      </c>
      <c r="I4594" s="1" t="s">
        <v>16857</v>
      </c>
      <c r="J4594" s="1" t="s">
        <v>17928</v>
      </c>
    </row>
    <row r="4595" spans="1:10" x14ac:dyDescent="0.35">
      <c r="A4595" s="1" t="s">
        <v>17903</v>
      </c>
      <c r="B4595" s="1" t="s">
        <v>16851</v>
      </c>
      <c r="C4595" s="1" t="s">
        <v>40</v>
      </c>
      <c r="D4595" s="1" t="s">
        <v>17929</v>
      </c>
      <c r="E4595" s="1" t="s">
        <v>17930</v>
      </c>
      <c r="F4595" s="1" t="s">
        <v>17931</v>
      </c>
      <c r="G4595" s="1" t="s">
        <v>17907</v>
      </c>
      <c r="H4595" s="1" t="s">
        <v>17908</v>
      </c>
      <c r="I4595" s="1" t="s">
        <v>16857</v>
      </c>
      <c r="J4595" s="1" t="s">
        <v>17932</v>
      </c>
    </row>
    <row r="4596" spans="1:10" x14ac:dyDescent="0.35">
      <c r="A4596" s="1" t="s">
        <v>17903</v>
      </c>
      <c r="B4596" s="1" t="s">
        <v>16851</v>
      </c>
      <c r="C4596" s="1" t="s">
        <v>45</v>
      </c>
      <c r="D4596" s="1" t="s">
        <v>17933</v>
      </c>
      <c r="E4596" s="1" t="s">
        <v>17934</v>
      </c>
      <c r="F4596" s="1" t="s">
        <v>17935</v>
      </c>
      <c r="G4596" s="1" t="s">
        <v>17907</v>
      </c>
      <c r="H4596" s="1" t="s">
        <v>17908</v>
      </c>
      <c r="I4596" s="1" t="s">
        <v>16857</v>
      </c>
      <c r="J4596" s="1" t="s">
        <v>17936</v>
      </c>
    </row>
    <row r="4597" spans="1:10" x14ac:dyDescent="0.35">
      <c r="A4597" s="1" t="s">
        <v>17903</v>
      </c>
      <c r="B4597" s="1" t="s">
        <v>16851</v>
      </c>
      <c r="C4597" s="1" t="s">
        <v>50</v>
      </c>
      <c r="D4597" s="1" t="s">
        <v>17937</v>
      </c>
      <c r="E4597" s="1" t="s">
        <v>17938</v>
      </c>
      <c r="F4597" s="1" t="s">
        <v>17939</v>
      </c>
      <c r="G4597" s="1" t="s">
        <v>17907</v>
      </c>
      <c r="H4597" s="1" t="s">
        <v>17908</v>
      </c>
      <c r="I4597" s="1" t="s">
        <v>16857</v>
      </c>
      <c r="J4597" s="1" t="s">
        <v>17940</v>
      </c>
    </row>
    <row r="4598" spans="1:10" x14ac:dyDescent="0.35">
      <c r="A4598" s="1" t="s">
        <v>17903</v>
      </c>
      <c r="B4598" s="1" t="s">
        <v>16851</v>
      </c>
      <c r="C4598" s="1" t="s">
        <v>55</v>
      </c>
      <c r="D4598" s="1" t="s">
        <v>3691</v>
      </c>
      <c r="E4598" s="1" t="s">
        <v>17941</v>
      </c>
      <c r="F4598" s="1" t="s">
        <v>17942</v>
      </c>
      <c r="G4598" s="1" t="s">
        <v>17907</v>
      </c>
      <c r="H4598" s="1" t="s">
        <v>17908</v>
      </c>
      <c r="I4598" s="1" t="s">
        <v>16857</v>
      </c>
      <c r="J4598" s="1" t="s">
        <v>17943</v>
      </c>
    </row>
    <row r="4599" spans="1:10" x14ac:dyDescent="0.35">
      <c r="A4599" s="1" t="s">
        <v>17903</v>
      </c>
      <c r="B4599" s="1" t="s">
        <v>16851</v>
      </c>
      <c r="C4599" s="1" t="s">
        <v>60</v>
      </c>
      <c r="D4599" s="1" t="s">
        <v>17944</v>
      </c>
      <c r="E4599" s="1" t="s">
        <v>17945</v>
      </c>
      <c r="F4599" s="1" t="s">
        <v>17946</v>
      </c>
      <c r="G4599" s="1" t="s">
        <v>17907</v>
      </c>
      <c r="H4599" s="1" t="s">
        <v>17908</v>
      </c>
      <c r="I4599" s="1" t="s">
        <v>16857</v>
      </c>
      <c r="J4599" s="1" t="s">
        <v>17947</v>
      </c>
    </row>
    <row r="4600" spans="1:10" x14ac:dyDescent="0.35">
      <c r="A4600" s="1" t="s">
        <v>17903</v>
      </c>
      <c r="B4600" s="1" t="s">
        <v>16851</v>
      </c>
      <c r="C4600" s="1" t="s">
        <v>65</v>
      </c>
      <c r="D4600" s="1" t="s">
        <v>10377</v>
      </c>
      <c r="E4600" s="1" t="s">
        <v>17948</v>
      </c>
      <c r="F4600" s="1" t="s">
        <v>17949</v>
      </c>
      <c r="G4600" s="1" t="s">
        <v>17907</v>
      </c>
      <c r="H4600" s="1" t="s">
        <v>17908</v>
      </c>
      <c r="I4600" s="1" t="s">
        <v>16857</v>
      </c>
      <c r="J4600" s="1" t="s">
        <v>17950</v>
      </c>
    </row>
    <row r="4601" spans="1:10" x14ac:dyDescent="0.35">
      <c r="A4601" s="1" t="s">
        <v>17903</v>
      </c>
      <c r="B4601" s="1" t="s">
        <v>16851</v>
      </c>
      <c r="C4601" s="1" t="s">
        <v>70</v>
      </c>
      <c r="D4601" s="1" t="s">
        <v>17951</v>
      </c>
      <c r="E4601" s="1" t="s">
        <v>17952</v>
      </c>
      <c r="F4601" s="1" t="s">
        <v>17953</v>
      </c>
      <c r="G4601" s="1" t="s">
        <v>17907</v>
      </c>
      <c r="H4601" s="1" t="s">
        <v>17908</v>
      </c>
      <c r="I4601" s="1" t="s">
        <v>16857</v>
      </c>
      <c r="J4601" s="1" t="s">
        <v>17954</v>
      </c>
    </row>
    <row r="4602" spans="1:10" x14ac:dyDescent="0.35">
      <c r="A4602" s="1" t="s">
        <v>17903</v>
      </c>
      <c r="B4602" s="1" t="s">
        <v>16851</v>
      </c>
      <c r="C4602" s="1" t="s">
        <v>75</v>
      </c>
      <c r="D4602" s="1" t="s">
        <v>17955</v>
      </c>
      <c r="E4602" s="1" t="s">
        <v>17956</v>
      </c>
      <c r="F4602" s="1" t="s">
        <v>17957</v>
      </c>
      <c r="G4602" s="1" t="s">
        <v>17907</v>
      </c>
      <c r="H4602" s="1" t="s">
        <v>17908</v>
      </c>
      <c r="I4602" s="1" t="s">
        <v>16857</v>
      </c>
      <c r="J4602" s="1" t="s">
        <v>17958</v>
      </c>
    </row>
    <row r="4603" spans="1:10" x14ac:dyDescent="0.35">
      <c r="A4603" s="1" t="s">
        <v>17903</v>
      </c>
      <c r="B4603" s="1" t="s">
        <v>16851</v>
      </c>
      <c r="C4603" s="1" t="s">
        <v>80</v>
      </c>
      <c r="D4603" s="1" t="s">
        <v>17959</v>
      </c>
      <c r="E4603" s="1" t="s">
        <v>17960</v>
      </c>
      <c r="F4603" s="1" t="s">
        <v>17961</v>
      </c>
      <c r="G4603" s="1" t="s">
        <v>17907</v>
      </c>
      <c r="H4603" s="1" t="s">
        <v>17908</v>
      </c>
      <c r="I4603" s="1" t="s">
        <v>16857</v>
      </c>
      <c r="J4603" s="1" t="s">
        <v>17962</v>
      </c>
    </row>
    <row r="4604" spans="1:10" x14ac:dyDescent="0.35">
      <c r="A4604" s="1" t="s">
        <v>17903</v>
      </c>
      <c r="B4604" s="1" t="s">
        <v>16851</v>
      </c>
      <c r="C4604" s="1" t="s">
        <v>85</v>
      </c>
      <c r="D4604" s="1" t="s">
        <v>17963</v>
      </c>
      <c r="E4604" s="1" t="s">
        <v>17964</v>
      </c>
      <c r="F4604" s="1" t="s">
        <v>17965</v>
      </c>
      <c r="G4604" s="1" t="s">
        <v>17907</v>
      </c>
      <c r="H4604" s="1" t="s">
        <v>17908</v>
      </c>
      <c r="I4604" s="1" t="s">
        <v>16857</v>
      </c>
      <c r="J4604" s="1" t="s">
        <v>17966</v>
      </c>
    </row>
    <row r="4605" spans="1:10" x14ac:dyDescent="0.35">
      <c r="A4605" s="1" t="s">
        <v>17903</v>
      </c>
      <c r="B4605" s="1" t="s">
        <v>16851</v>
      </c>
      <c r="C4605" s="1" t="s">
        <v>90</v>
      </c>
      <c r="D4605" s="1" t="s">
        <v>17967</v>
      </c>
      <c r="E4605" s="1" t="s">
        <v>17968</v>
      </c>
      <c r="F4605" s="1" t="s">
        <v>17969</v>
      </c>
      <c r="G4605" s="1" t="s">
        <v>17907</v>
      </c>
      <c r="H4605" s="1" t="s">
        <v>17908</v>
      </c>
      <c r="I4605" s="1" t="s">
        <v>16857</v>
      </c>
      <c r="J4605" s="1" t="s">
        <v>17970</v>
      </c>
    </row>
    <row r="4606" spans="1:10" x14ac:dyDescent="0.35">
      <c r="A4606" s="1" t="s">
        <v>17903</v>
      </c>
      <c r="B4606" s="1" t="s">
        <v>16851</v>
      </c>
      <c r="C4606" s="1" t="s">
        <v>95</v>
      </c>
      <c r="D4606" s="1" t="s">
        <v>17971</v>
      </c>
      <c r="E4606" s="1" t="s">
        <v>17972</v>
      </c>
      <c r="F4606" s="1" t="s">
        <v>17973</v>
      </c>
      <c r="G4606" s="1" t="s">
        <v>17907</v>
      </c>
      <c r="H4606" s="1" t="s">
        <v>17908</v>
      </c>
      <c r="I4606" s="1" t="s">
        <v>16857</v>
      </c>
      <c r="J4606" s="1" t="s">
        <v>17974</v>
      </c>
    </row>
    <row r="4607" spans="1:10" x14ac:dyDescent="0.35">
      <c r="A4607" s="1" t="s">
        <v>17903</v>
      </c>
      <c r="B4607" s="1" t="s">
        <v>16851</v>
      </c>
      <c r="C4607" s="1" t="s">
        <v>100</v>
      </c>
      <c r="D4607" s="1" t="s">
        <v>17975</v>
      </c>
      <c r="E4607" s="1" t="s">
        <v>17976</v>
      </c>
      <c r="F4607" s="1" t="s">
        <v>17977</v>
      </c>
      <c r="G4607" s="1" t="s">
        <v>17907</v>
      </c>
      <c r="H4607" s="1" t="s">
        <v>17908</v>
      </c>
      <c r="I4607" s="1" t="s">
        <v>16857</v>
      </c>
      <c r="J4607" s="1" t="s">
        <v>17978</v>
      </c>
    </row>
    <row r="4608" spans="1:10" x14ac:dyDescent="0.35">
      <c r="A4608" s="1" t="s">
        <v>17903</v>
      </c>
      <c r="B4608" s="1" t="s">
        <v>16851</v>
      </c>
      <c r="C4608" s="1" t="s">
        <v>105</v>
      </c>
      <c r="D4608" s="1" t="s">
        <v>17979</v>
      </c>
      <c r="E4608" s="1" t="s">
        <v>17980</v>
      </c>
      <c r="F4608" s="1" t="s">
        <v>17981</v>
      </c>
      <c r="G4608" s="1" t="s">
        <v>17907</v>
      </c>
      <c r="H4608" s="1" t="s">
        <v>17908</v>
      </c>
      <c r="I4608" s="1" t="s">
        <v>16857</v>
      </c>
      <c r="J4608" s="1" t="s">
        <v>17982</v>
      </c>
    </row>
    <row r="4609" spans="1:10" x14ac:dyDescent="0.35">
      <c r="A4609" s="1" t="s">
        <v>17903</v>
      </c>
      <c r="B4609" s="1" t="s">
        <v>16851</v>
      </c>
      <c r="C4609" s="1" t="s">
        <v>110</v>
      </c>
      <c r="D4609" s="1" t="s">
        <v>17983</v>
      </c>
      <c r="E4609" s="1" t="s">
        <v>17984</v>
      </c>
      <c r="F4609" s="1" t="s">
        <v>17985</v>
      </c>
      <c r="G4609" s="1" t="s">
        <v>17907</v>
      </c>
      <c r="H4609" s="1" t="s">
        <v>17908</v>
      </c>
      <c r="I4609" s="1" t="s">
        <v>16857</v>
      </c>
      <c r="J4609" s="1" t="s">
        <v>17986</v>
      </c>
    </row>
    <row r="4610" spans="1:10" x14ac:dyDescent="0.35">
      <c r="A4610" s="1" t="s">
        <v>17903</v>
      </c>
      <c r="B4610" s="1" t="s">
        <v>16851</v>
      </c>
      <c r="C4610" s="1" t="s">
        <v>115</v>
      </c>
      <c r="D4610" s="1" t="s">
        <v>17987</v>
      </c>
      <c r="E4610" s="1" t="s">
        <v>17988</v>
      </c>
      <c r="F4610" s="1" t="s">
        <v>17989</v>
      </c>
      <c r="G4610" s="1" t="s">
        <v>17907</v>
      </c>
      <c r="H4610" s="1" t="s">
        <v>17908</v>
      </c>
      <c r="I4610" s="1" t="s">
        <v>16857</v>
      </c>
      <c r="J4610" s="1" t="s">
        <v>17990</v>
      </c>
    </row>
    <row r="4611" spans="1:10" x14ac:dyDescent="0.35">
      <c r="A4611" s="1" t="s">
        <v>17903</v>
      </c>
      <c r="B4611" s="1" t="s">
        <v>16851</v>
      </c>
      <c r="C4611" s="1" t="s">
        <v>120</v>
      </c>
      <c r="D4611" s="1" t="s">
        <v>13537</v>
      </c>
      <c r="E4611" s="1" t="s">
        <v>17991</v>
      </c>
      <c r="F4611" s="1" t="s">
        <v>17992</v>
      </c>
      <c r="G4611" s="1" t="s">
        <v>17907</v>
      </c>
      <c r="H4611" s="1" t="s">
        <v>17908</v>
      </c>
      <c r="I4611" s="1" t="s">
        <v>16857</v>
      </c>
      <c r="J4611" s="1" t="s">
        <v>17993</v>
      </c>
    </row>
    <row r="4612" spans="1:10" x14ac:dyDescent="0.35">
      <c r="A4612" s="1" t="s">
        <v>17903</v>
      </c>
      <c r="B4612" s="1" t="s">
        <v>16851</v>
      </c>
      <c r="C4612" s="1" t="s">
        <v>125</v>
      </c>
      <c r="D4612" s="1" t="s">
        <v>17994</v>
      </c>
      <c r="E4612" s="1" t="s">
        <v>17995</v>
      </c>
      <c r="F4612" s="1" t="s">
        <v>17996</v>
      </c>
      <c r="G4612" s="1" t="s">
        <v>17907</v>
      </c>
      <c r="H4612" s="1" t="s">
        <v>17908</v>
      </c>
      <c r="I4612" s="1" t="s">
        <v>16857</v>
      </c>
      <c r="J4612" s="1" t="s">
        <v>17997</v>
      </c>
    </row>
    <row r="4613" spans="1:10" x14ac:dyDescent="0.35">
      <c r="A4613" s="1" t="s">
        <v>17903</v>
      </c>
      <c r="B4613" s="1" t="s">
        <v>16851</v>
      </c>
      <c r="C4613" s="1" t="s">
        <v>130</v>
      </c>
      <c r="D4613" s="1" t="s">
        <v>17998</v>
      </c>
      <c r="E4613" s="1" t="s">
        <v>17999</v>
      </c>
      <c r="F4613" s="1" t="s">
        <v>18000</v>
      </c>
      <c r="G4613" s="1" t="s">
        <v>17907</v>
      </c>
      <c r="H4613" s="1" t="s">
        <v>17908</v>
      </c>
      <c r="I4613" s="1" t="s">
        <v>16857</v>
      </c>
      <c r="J4613" s="1" t="s">
        <v>18001</v>
      </c>
    </row>
    <row r="4614" spans="1:10" x14ac:dyDescent="0.35">
      <c r="A4614" s="1" t="s">
        <v>17903</v>
      </c>
      <c r="B4614" s="1" t="s">
        <v>16851</v>
      </c>
      <c r="C4614" s="1" t="s">
        <v>135</v>
      </c>
      <c r="D4614" s="1" t="s">
        <v>18002</v>
      </c>
      <c r="E4614" s="1" t="s">
        <v>18003</v>
      </c>
      <c r="F4614" s="1" t="s">
        <v>18004</v>
      </c>
      <c r="G4614" s="1" t="s">
        <v>17907</v>
      </c>
      <c r="H4614" s="1" t="s">
        <v>17908</v>
      </c>
      <c r="I4614" s="1" t="s">
        <v>16857</v>
      </c>
      <c r="J4614" s="1" t="s">
        <v>18005</v>
      </c>
    </row>
    <row r="4615" spans="1:10" x14ac:dyDescent="0.35">
      <c r="A4615" s="1" t="s">
        <v>17903</v>
      </c>
      <c r="B4615" s="1" t="s">
        <v>16851</v>
      </c>
      <c r="C4615" s="1" t="s">
        <v>140</v>
      </c>
      <c r="D4615" s="1" t="s">
        <v>18006</v>
      </c>
      <c r="E4615" s="1" t="s">
        <v>18007</v>
      </c>
      <c r="F4615" s="1" t="s">
        <v>18008</v>
      </c>
      <c r="G4615" s="1" t="s">
        <v>17907</v>
      </c>
      <c r="H4615" s="1" t="s">
        <v>17908</v>
      </c>
      <c r="I4615" s="1" t="s">
        <v>16857</v>
      </c>
      <c r="J4615" s="1" t="s">
        <v>18009</v>
      </c>
    </row>
    <row r="4616" spans="1:10" x14ac:dyDescent="0.35">
      <c r="A4616" s="1" t="s">
        <v>17903</v>
      </c>
      <c r="B4616" s="1" t="s">
        <v>16851</v>
      </c>
      <c r="C4616" s="1" t="s">
        <v>145</v>
      </c>
      <c r="D4616" s="1" t="s">
        <v>18010</v>
      </c>
      <c r="E4616" s="1" t="s">
        <v>18011</v>
      </c>
      <c r="F4616" s="1" t="s">
        <v>18012</v>
      </c>
      <c r="G4616" s="1" t="s">
        <v>17907</v>
      </c>
      <c r="H4616" s="1" t="s">
        <v>17908</v>
      </c>
      <c r="I4616" s="1" t="s">
        <v>16857</v>
      </c>
      <c r="J4616" s="1" t="s">
        <v>18013</v>
      </c>
    </row>
    <row r="4617" spans="1:10" x14ac:dyDescent="0.35">
      <c r="A4617" s="1" t="s">
        <v>17903</v>
      </c>
      <c r="B4617" s="1" t="s">
        <v>16851</v>
      </c>
      <c r="C4617" s="1" t="s">
        <v>150</v>
      </c>
      <c r="D4617" s="1" t="s">
        <v>18014</v>
      </c>
      <c r="E4617" s="1" t="s">
        <v>18015</v>
      </c>
      <c r="F4617" s="1" t="s">
        <v>18016</v>
      </c>
      <c r="G4617" s="1" t="s">
        <v>17907</v>
      </c>
      <c r="H4617" s="1" t="s">
        <v>17908</v>
      </c>
      <c r="I4617" s="1" t="s">
        <v>16857</v>
      </c>
      <c r="J4617" s="1" t="s">
        <v>18017</v>
      </c>
    </row>
    <row r="4618" spans="1:10" x14ac:dyDescent="0.35">
      <c r="A4618" s="1" t="s">
        <v>17903</v>
      </c>
      <c r="B4618" s="1" t="s">
        <v>16851</v>
      </c>
      <c r="C4618" s="1" t="s">
        <v>155</v>
      </c>
      <c r="D4618" s="1" t="s">
        <v>18018</v>
      </c>
      <c r="E4618" s="1" t="s">
        <v>18019</v>
      </c>
      <c r="F4618" s="1" t="s">
        <v>18020</v>
      </c>
      <c r="G4618" s="1" t="s">
        <v>17907</v>
      </c>
      <c r="H4618" s="1" t="s">
        <v>17908</v>
      </c>
      <c r="I4618" s="1" t="s">
        <v>16857</v>
      </c>
      <c r="J4618" s="1" t="s">
        <v>18021</v>
      </c>
    </row>
    <row r="4619" spans="1:10" x14ac:dyDescent="0.35">
      <c r="A4619" s="1" t="s">
        <v>17903</v>
      </c>
      <c r="B4619" s="1" t="s">
        <v>16851</v>
      </c>
      <c r="C4619" s="1" t="s">
        <v>160</v>
      </c>
      <c r="D4619" s="1" t="s">
        <v>18022</v>
      </c>
      <c r="E4619" s="1" t="s">
        <v>18023</v>
      </c>
      <c r="F4619" s="1" t="s">
        <v>18024</v>
      </c>
      <c r="G4619" s="1" t="s">
        <v>17907</v>
      </c>
      <c r="H4619" s="1" t="s">
        <v>17908</v>
      </c>
      <c r="I4619" s="1" t="s">
        <v>16857</v>
      </c>
      <c r="J4619" s="1" t="s">
        <v>18025</v>
      </c>
    </row>
    <row r="4620" spans="1:10" x14ac:dyDescent="0.35">
      <c r="A4620" s="1" t="s">
        <v>17903</v>
      </c>
      <c r="B4620" s="1" t="s">
        <v>16851</v>
      </c>
      <c r="C4620" s="1" t="s">
        <v>165</v>
      </c>
      <c r="D4620" s="1" t="s">
        <v>18026</v>
      </c>
      <c r="E4620" s="1" t="s">
        <v>18027</v>
      </c>
      <c r="F4620" s="1" t="s">
        <v>18028</v>
      </c>
      <c r="G4620" s="1" t="s">
        <v>17907</v>
      </c>
      <c r="H4620" s="1" t="s">
        <v>17908</v>
      </c>
      <c r="I4620" s="1" t="s">
        <v>16857</v>
      </c>
      <c r="J4620" s="1" t="s">
        <v>18029</v>
      </c>
    </row>
    <row r="4621" spans="1:10" x14ac:dyDescent="0.35">
      <c r="A4621" s="1" t="s">
        <v>17903</v>
      </c>
      <c r="B4621" s="1" t="s">
        <v>16851</v>
      </c>
      <c r="C4621" s="1" t="s">
        <v>170</v>
      </c>
      <c r="D4621" s="1" t="s">
        <v>18030</v>
      </c>
      <c r="E4621" s="1" t="s">
        <v>18031</v>
      </c>
      <c r="F4621" s="1" t="s">
        <v>18032</v>
      </c>
      <c r="G4621" s="1" t="s">
        <v>17907</v>
      </c>
      <c r="H4621" s="1" t="s">
        <v>17908</v>
      </c>
      <c r="I4621" s="1" t="s">
        <v>16857</v>
      </c>
      <c r="J4621" s="1" t="s">
        <v>18033</v>
      </c>
    </row>
    <row r="4622" spans="1:10" x14ac:dyDescent="0.35">
      <c r="A4622" s="1" t="s">
        <v>18034</v>
      </c>
      <c r="B4622" s="1" t="s">
        <v>16851</v>
      </c>
      <c r="C4622" s="1" t="s">
        <v>8</v>
      </c>
      <c r="D4622" s="1" t="s">
        <v>18035</v>
      </c>
      <c r="E4622" s="1" t="s">
        <v>18036</v>
      </c>
      <c r="F4622" s="1" t="s">
        <v>18037</v>
      </c>
      <c r="G4622" s="1" t="s">
        <v>18038</v>
      </c>
      <c r="H4622" s="1" t="s">
        <v>18039</v>
      </c>
      <c r="I4622" s="1" t="s">
        <v>16857</v>
      </c>
      <c r="J4622" s="1" t="s">
        <v>13</v>
      </c>
    </row>
    <row r="4623" spans="1:10" x14ac:dyDescent="0.35">
      <c r="A4623" s="1" t="s">
        <v>18034</v>
      </c>
      <c r="B4623" s="1" t="s">
        <v>16851</v>
      </c>
      <c r="C4623" s="1" t="s">
        <v>15</v>
      </c>
      <c r="D4623" s="1" t="s">
        <v>18040</v>
      </c>
      <c r="E4623" s="1" t="s">
        <v>18041</v>
      </c>
      <c r="F4623" s="1" t="s">
        <v>18042</v>
      </c>
      <c r="G4623" s="1" t="s">
        <v>18038</v>
      </c>
      <c r="H4623" s="1" t="s">
        <v>18039</v>
      </c>
      <c r="I4623" s="1" t="s">
        <v>16857</v>
      </c>
      <c r="J4623" s="1" t="s">
        <v>18043</v>
      </c>
    </row>
    <row r="4624" spans="1:10" x14ac:dyDescent="0.35">
      <c r="A4624" s="1" t="s">
        <v>18034</v>
      </c>
      <c r="B4624" s="1" t="s">
        <v>16851</v>
      </c>
      <c r="C4624" s="1" t="s">
        <v>20</v>
      </c>
      <c r="D4624" s="1" t="s">
        <v>18044</v>
      </c>
      <c r="E4624" s="1" t="s">
        <v>18045</v>
      </c>
      <c r="F4624" s="1" t="s">
        <v>18046</v>
      </c>
      <c r="G4624" s="1" t="s">
        <v>18038</v>
      </c>
      <c r="H4624" s="1" t="s">
        <v>18039</v>
      </c>
      <c r="I4624" s="1" t="s">
        <v>16857</v>
      </c>
      <c r="J4624" s="1" t="s">
        <v>18047</v>
      </c>
    </row>
    <row r="4625" spans="1:10" x14ac:dyDescent="0.35">
      <c r="A4625" s="1" t="s">
        <v>18034</v>
      </c>
      <c r="B4625" s="1" t="s">
        <v>16851</v>
      </c>
      <c r="C4625" s="1" t="s">
        <v>25</v>
      </c>
      <c r="D4625" s="1" t="s">
        <v>18048</v>
      </c>
      <c r="E4625" s="1" t="s">
        <v>18049</v>
      </c>
      <c r="F4625" s="1" t="s">
        <v>18050</v>
      </c>
      <c r="G4625" s="1" t="s">
        <v>18038</v>
      </c>
      <c r="H4625" s="1" t="s">
        <v>18039</v>
      </c>
      <c r="I4625" s="1" t="s">
        <v>16857</v>
      </c>
      <c r="J4625" s="1" t="s">
        <v>18051</v>
      </c>
    </row>
    <row r="4626" spans="1:10" x14ac:dyDescent="0.35">
      <c r="A4626" s="1" t="s">
        <v>18034</v>
      </c>
      <c r="B4626" s="1" t="s">
        <v>16851</v>
      </c>
      <c r="C4626" s="1" t="s">
        <v>30</v>
      </c>
      <c r="D4626" s="1" t="s">
        <v>11511</v>
      </c>
      <c r="E4626" s="1" t="s">
        <v>18052</v>
      </c>
      <c r="F4626" s="1" t="s">
        <v>18053</v>
      </c>
      <c r="G4626" s="1" t="s">
        <v>18038</v>
      </c>
      <c r="H4626" s="1" t="s">
        <v>18039</v>
      </c>
      <c r="I4626" s="1" t="s">
        <v>16857</v>
      </c>
      <c r="J4626" s="1" t="s">
        <v>18054</v>
      </c>
    </row>
    <row r="4627" spans="1:10" x14ac:dyDescent="0.35">
      <c r="A4627" s="1" t="s">
        <v>18034</v>
      </c>
      <c r="B4627" s="1" t="s">
        <v>16851</v>
      </c>
      <c r="C4627" s="1" t="s">
        <v>35</v>
      </c>
      <c r="D4627" s="1" t="s">
        <v>18055</v>
      </c>
      <c r="E4627" s="1" t="s">
        <v>18056</v>
      </c>
      <c r="F4627" s="1" t="s">
        <v>18057</v>
      </c>
      <c r="G4627" s="1" t="s">
        <v>18038</v>
      </c>
      <c r="H4627" s="1" t="s">
        <v>18039</v>
      </c>
      <c r="I4627" s="1" t="s">
        <v>16857</v>
      </c>
      <c r="J4627" s="1" t="s">
        <v>18058</v>
      </c>
    </row>
    <row r="4628" spans="1:10" x14ac:dyDescent="0.35">
      <c r="A4628" s="1" t="s">
        <v>18034</v>
      </c>
      <c r="B4628" s="1" t="s">
        <v>16851</v>
      </c>
      <c r="C4628" s="1" t="s">
        <v>40</v>
      </c>
      <c r="D4628" s="1" t="s">
        <v>18059</v>
      </c>
      <c r="E4628" s="1" t="s">
        <v>18060</v>
      </c>
      <c r="F4628" s="1" t="s">
        <v>18061</v>
      </c>
      <c r="G4628" s="1" t="s">
        <v>18038</v>
      </c>
      <c r="H4628" s="1" t="s">
        <v>18039</v>
      </c>
      <c r="I4628" s="1" t="s">
        <v>16857</v>
      </c>
      <c r="J4628" s="1" t="s">
        <v>18062</v>
      </c>
    </row>
    <row r="4629" spans="1:10" x14ac:dyDescent="0.35">
      <c r="A4629" s="1" t="s">
        <v>18034</v>
      </c>
      <c r="B4629" s="1" t="s">
        <v>16851</v>
      </c>
      <c r="C4629" s="1" t="s">
        <v>45</v>
      </c>
      <c r="D4629" s="1" t="s">
        <v>18063</v>
      </c>
      <c r="E4629" s="1" t="s">
        <v>18064</v>
      </c>
      <c r="F4629" s="1" t="s">
        <v>18065</v>
      </c>
      <c r="G4629" s="1" t="s">
        <v>18038</v>
      </c>
      <c r="H4629" s="1" t="s">
        <v>18039</v>
      </c>
      <c r="I4629" s="1" t="s">
        <v>16857</v>
      </c>
      <c r="J4629" s="1" t="s">
        <v>18066</v>
      </c>
    </row>
    <row r="4630" spans="1:10" x14ac:dyDescent="0.35">
      <c r="A4630" s="1" t="s">
        <v>18034</v>
      </c>
      <c r="B4630" s="1" t="s">
        <v>16851</v>
      </c>
      <c r="C4630" s="1" t="s">
        <v>50</v>
      </c>
      <c r="D4630" s="1" t="s">
        <v>18067</v>
      </c>
      <c r="E4630" s="1" t="s">
        <v>18068</v>
      </c>
      <c r="F4630" s="1" t="s">
        <v>18069</v>
      </c>
      <c r="G4630" s="1" t="s">
        <v>18038</v>
      </c>
      <c r="H4630" s="1" t="s">
        <v>18039</v>
      </c>
      <c r="I4630" s="1" t="s">
        <v>16857</v>
      </c>
      <c r="J4630" s="1" t="s">
        <v>18070</v>
      </c>
    </row>
    <row r="4631" spans="1:10" x14ac:dyDescent="0.35">
      <c r="A4631" s="1" t="s">
        <v>18034</v>
      </c>
      <c r="B4631" s="1" t="s">
        <v>16851</v>
      </c>
      <c r="C4631" s="1" t="s">
        <v>55</v>
      </c>
      <c r="D4631" s="1" t="s">
        <v>3324</v>
      </c>
      <c r="E4631" s="1" t="s">
        <v>18071</v>
      </c>
      <c r="F4631" s="1" t="s">
        <v>18072</v>
      </c>
      <c r="G4631" s="1" t="s">
        <v>18038</v>
      </c>
      <c r="H4631" s="1" t="s">
        <v>18039</v>
      </c>
      <c r="I4631" s="1" t="s">
        <v>16857</v>
      </c>
      <c r="J4631" s="1" t="s">
        <v>18073</v>
      </c>
    </row>
    <row r="4632" spans="1:10" x14ac:dyDescent="0.35">
      <c r="A4632" s="1" t="s">
        <v>18034</v>
      </c>
      <c r="B4632" s="1" t="s">
        <v>16851</v>
      </c>
      <c r="C4632" s="1" t="s">
        <v>60</v>
      </c>
      <c r="D4632" s="1" t="s">
        <v>18074</v>
      </c>
      <c r="E4632" s="1" t="s">
        <v>18075</v>
      </c>
      <c r="F4632" s="1" t="s">
        <v>18076</v>
      </c>
      <c r="G4632" s="1" t="s">
        <v>18038</v>
      </c>
      <c r="H4632" s="1" t="s">
        <v>18039</v>
      </c>
      <c r="I4632" s="1" t="s">
        <v>16857</v>
      </c>
      <c r="J4632" s="1" t="s">
        <v>18077</v>
      </c>
    </row>
    <row r="4633" spans="1:10" x14ac:dyDescent="0.35">
      <c r="A4633" s="1" t="s">
        <v>18034</v>
      </c>
      <c r="B4633" s="1" t="s">
        <v>16851</v>
      </c>
      <c r="C4633" s="1" t="s">
        <v>65</v>
      </c>
      <c r="D4633" s="1" t="s">
        <v>18078</v>
      </c>
      <c r="E4633" s="1" t="s">
        <v>18079</v>
      </c>
      <c r="F4633" s="1" t="s">
        <v>18080</v>
      </c>
      <c r="G4633" s="1" t="s">
        <v>18038</v>
      </c>
      <c r="H4633" s="1" t="s">
        <v>18039</v>
      </c>
      <c r="I4633" s="1" t="s">
        <v>16857</v>
      </c>
      <c r="J4633" s="1" t="s">
        <v>18081</v>
      </c>
    </row>
    <row r="4634" spans="1:10" x14ac:dyDescent="0.35">
      <c r="A4634" s="1" t="s">
        <v>18034</v>
      </c>
      <c r="B4634" s="1" t="s">
        <v>16851</v>
      </c>
      <c r="C4634" s="1" t="s">
        <v>70</v>
      </c>
      <c r="D4634" s="1" t="s">
        <v>17725</v>
      </c>
      <c r="E4634" s="1" t="s">
        <v>18082</v>
      </c>
      <c r="F4634" s="1" t="s">
        <v>18083</v>
      </c>
      <c r="G4634" s="1" t="s">
        <v>18038</v>
      </c>
      <c r="H4634" s="1" t="s">
        <v>18039</v>
      </c>
      <c r="I4634" s="1" t="s">
        <v>16857</v>
      </c>
      <c r="J4634" s="1" t="s">
        <v>18084</v>
      </c>
    </row>
    <row r="4635" spans="1:10" x14ac:dyDescent="0.35">
      <c r="A4635" s="1" t="s">
        <v>18034</v>
      </c>
      <c r="B4635" s="1" t="s">
        <v>16851</v>
      </c>
      <c r="C4635" s="1" t="s">
        <v>75</v>
      </c>
      <c r="D4635" s="1" t="s">
        <v>18085</v>
      </c>
      <c r="E4635" s="1" t="s">
        <v>18086</v>
      </c>
      <c r="F4635" s="1" t="s">
        <v>18087</v>
      </c>
      <c r="G4635" s="1" t="s">
        <v>18038</v>
      </c>
      <c r="H4635" s="1" t="s">
        <v>18039</v>
      </c>
      <c r="I4635" s="1" t="s">
        <v>16857</v>
      </c>
      <c r="J4635" s="1" t="s">
        <v>18088</v>
      </c>
    </row>
    <row r="4636" spans="1:10" x14ac:dyDescent="0.35">
      <c r="A4636" s="1" t="s">
        <v>18034</v>
      </c>
      <c r="B4636" s="1" t="s">
        <v>16851</v>
      </c>
      <c r="C4636" s="1" t="s">
        <v>80</v>
      </c>
      <c r="D4636" s="1" t="s">
        <v>13381</v>
      </c>
      <c r="E4636" s="1" t="s">
        <v>18089</v>
      </c>
      <c r="F4636" s="1" t="s">
        <v>18090</v>
      </c>
      <c r="G4636" s="1" t="s">
        <v>18038</v>
      </c>
      <c r="H4636" s="1" t="s">
        <v>18039</v>
      </c>
      <c r="I4636" s="1" t="s">
        <v>16857</v>
      </c>
      <c r="J4636" s="1" t="s">
        <v>18091</v>
      </c>
    </row>
    <row r="4637" spans="1:10" x14ac:dyDescent="0.35">
      <c r="A4637" s="1" t="s">
        <v>18034</v>
      </c>
      <c r="B4637" s="1" t="s">
        <v>16851</v>
      </c>
      <c r="C4637" s="1" t="s">
        <v>85</v>
      </c>
      <c r="D4637" s="1" t="s">
        <v>18092</v>
      </c>
      <c r="E4637" s="1" t="s">
        <v>18093</v>
      </c>
      <c r="F4637" s="1" t="s">
        <v>18094</v>
      </c>
      <c r="G4637" s="1" t="s">
        <v>18038</v>
      </c>
      <c r="H4637" s="1" t="s">
        <v>18039</v>
      </c>
      <c r="I4637" s="1" t="s">
        <v>16857</v>
      </c>
      <c r="J4637" s="1" t="s">
        <v>18095</v>
      </c>
    </row>
    <row r="4638" spans="1:10" x14ac:dyDescent="0.35">
      <c r="A4638" s="1" t="s">
        <v>18034</v>
      </c>
      <c r="B4638" s="1" t="s">
        <v>16851</v>
      </c>
      <c r="C4638" s="1" t="s">
        <v>90</v>
      </c>
      <c r="D4638" s="1" t="s">
        <v>18096</v>
      </c>
      <c r="E4638" s="1" t="s">
        <v>18097</v>
      </c>
      <c r="F4638" s="1" t="s">
        <v>18098</v>
      </c>
      <c r="G4638" s="1" t="s">
        <v>18038</v>
      </c>
      <c r="H4638" s="1" t="s">
        <v>18039</v>
      </c>
      <c r="I4638" s="1" t="s">
        <v>16857</v>
      </c>
      <c r="J4638" s="1" t="s">
        <v>18099</v>
      </c>
    </row>
    <row r="4639" spans="1:10" x14ac:dyDescent="0.35">
      <c r="A4639" s="1" t="s">
        <v>18034</v>
      </c>
      <c r="B4639" s="1" t="s">
        <v>16851</v>
      </c>
      <c r="C4639" s="1" t="s">
        <v>95</v>
      </c>
      <c r="D4639" s="1" t="s">
        <v>18100</v>
      </c>
      <c r="E4639" s="1" t="s">
        <v>18101</v>
      </c>
      <c r="F4639" s="1" t="s">
        <v>18102</v>
      </c>
      <c r="G4639" s="1" t="s">
        <v>18038</v>
      </c>
      <c r="H4639" s="1" t="s">
        <v>18039</v>
      </c>
      <c r="I4639" s="1" t="s">
        <v>16857</v>
      </c>
      <c r="J4639" s="1" t="s">
        <v>18103</v>
      </c>
    </row>
    <row r="4640" spans="1:10" x14ac:dyDescent="0.35">
      <c r="A4640" s="1" t="s">
        <v>18034</v>
      </c>
      <c r="B4640" s="1" t="s">
        <v>16851</v>
      </c>
      <c r="C4640" s="1" t="s">
        <v>100</v>
      </c>
      <c r="D4640" s="1" t="s">
        <v>18104</v>
      </c>
      <c r="E4640" s="1" t="s">
        <v>18105</v>
      </c>
      <c r="F4640" s="1" t="s">
        <v>18106</v>
      </c>
      <c r="G4640" s="1" t="s">
        <v>18038</v>
      </c>
      <c r="H4640" s="1" t="s">
        <v>18039</v>
      </c>
      <c r="I4640" s="1" t="s">
        <v>16857</v>
      </c>
      <c r="J4640" s="1" t="s">
        <v>18107</v>
      </c>
    </row>
    <row r="4641" spans="1:10" x14ac:dyDescent="0.35">
      <c r="A4641" s="1" t="s">
        <v>18034</v>
      </c>
      <c r="B4641" s="1" t="s">
        <v>16851</v>
      </c>
      <c r="C4641" s="1" t="s">
        <v>105</v>
      </c>
      <c r="D4641" s="1" t="s">
        <v>2497</v>
      </c>
      <c r="E4641" s="1" t="s">
        <v>18108</v>
      </c>
      <c r="F4641" s="1" t="s">
        <v>18109</v>
      </c>
      <c r="G4641" s="1" t="s">
        <v>18038</v>
      </c>
      <c r="H4641" s="1" t="s">
        <v>18039</v>
      </c>
      <c r="I4641" s="1" t="s">
        <v>16857</v>
      </c>
      <c r="J4641" s="1" t="s">
        <v>18110</v>
      </c>
    </row>
    <row r="4642" spans="1:10" x14ac:dyDescent="0.35">
      <c r="A4642" s="1" t="s">
        <v>18034</v>
      </c>
      <c r="B4642" s="1" t="s">
        <v>16851</v>
      </c>
      <c r="C4642" s="1" t="s">
        <v>110</v>
      </c>
      <c r="D4642" s="1" t="s">
        <v>18111</v>
      </c>
      <c r="E4642" s="1" t="s">
        <v>18112</v>
      </c>
      <c r="F4642" s="1" t="s">
        <v>18113</v>
      </c>
      <c r="G4642" s="1" t="s">
        <v>18038</v>
      </c>
      <c r="H4642" s="1" t="s">
        <v>18039</v>
      </c>
      <c r="I4642" s="1" t="s">
        <v>16857</v>
      </c>
      <c r="J4642" s="1" t="s">
        <v>18114</v>
      </c>
    </row>
    <row r="4643" spans="1:10" x14ac:dyDescent="0.35">
      <c r="A4643" s="1" t="s">
        <v>18034</v>
      </c>
      <c r="B4643" s="1" t="s">
        <v>16851</v>
      </c>
      <c r="C4643" s="1" t="s">
        <v>115</v>
      </c>
      <c r="D4643" s="1" t="s">
        <v>18115</v>
      </c>
      <c r="E4643" s="1" t="s">
        <v>18116</v>
      </c>
      <c r="F4643" s="1" t="s">
        <v>18117</v>
      </c>
      <c r="G4643" s="1" t="s">
        <v>18038</v>
      </c>
      <c r="H4643" s="1" t="s">
        <v>18039</v>
      </c>
      <c r="I4643" s="1" t="s">
        <v>16857</v>
      </c>
      <c r="J4643" s="1" t="s">
        <v>18118</v>
      </c>
    </row>
    <row r="4644" spans="1:10" x14ac:dyDescent="0.35">
      <c r="A4644" s="1" t="s">
        <v>18034</v>
      </c>
      <c r="B4644" s="1" t="s">
        <v>16851</v>
      </c>
      <c r="C4644" s="1" t="s">
        <v>120</v>
      </c>
      <c r="D4644" s="1" t="s">
        <v>18119</v>
      </c>
      <c r="E4644" s="1" t="s">
        <v>18120</v>
      </c>
      <c r="F4644" s="1" t="s">
        <v>18121</v>
      </c>
      <c r="G4644" s="1" t="s">
        <v>18038</v>
      </c>
      <c r="H4644" s="1" t="s">
        <v>18039</v>
      </c>
      <c r="I4644" s="1" t="s">
        <v>16857</v>
      </c>
      <c r="J4644" s="1" t="s">
        <v>18122</v>
      </c>
    </row>
    <row r="4645" spans="1:10" x14ac:dyDescent="0.35">
      <c r="A4645" s="1" t="s">
        <v>18034</v>
      </c>
      <c r="B4645" s="1" t="s">
        <v>16851</v>
      </c>
      <c r="C4645" s="1" t="s">
        <v>125</v>
      </c>
      <c r="D4645" s="1" t="s">
        <v>18123</v>
      </c>
      <c r="E4645" s="1" t="s">
        <v>18124</v>
      </c>
      <c r="F4645" s="1" t="s">
        <v>18125</v>
      </c>
      <c r="G4645" s="1" t="s">
        <v>18038</v>
      </c>
      <c r="H4645" s="1" t="s">
        <v>18039</v>
      </c>
      <c r="I4645" s="1" t="s">
        <v>16857</v>
      </c>
      <c r="J4645" s="1" t="s">
        <v>18126</v>
      </c>
    </row>
    <row r="4646" spans="1:10" x14ac:dyDescent="0.35">
      <c r="A4646" s="1" t="s">
        <v>18034</v>
      </c>
      <c r="B4646" s="1" t="s">
        <v>16851</v>
      </c>
      <c r="C4646" s="1" t="s">
        <v>130</v>
      </c>
      <c r="D4646" s="1" t="s">
        <v>18127</v>
      </c>
      <c r="E4646" s="1" t="s">
        <v>18128</v>
      </c>
      <c r="F4646" s="1" t="s">
        <v>18129</v>
      </c>
      <c r="G4646" s="1" t="s">
        <v>18038</v>
      </c>
      <c r="H4646" s="1" t="s">
        <v>18039</v>
      </c>
      <c r="I4646" s="1" t="s">
        <v>16857</v>
      </c>
      <c r="J4646" s="1" t="s">
        <v>18130</v>
      </c>
    </row>
    <row r="4647" spans="1:10" x14ac:dyDescent="0.35">
      <c r="A4647" s="1" t="s">
        <v>18034</v>
      </c>
      <c r="B4647" s="1" t="s">
        <v>16851</v>
      </c>
      <c r="C4647" s="1" t="s">
        <v>135</v>
      </c>
      <c r="D4647" s="1" t="s">
        <v>18131</v>
      </c>
      <c r="E4647" s="1" t="s">
        <v>18132</v>
      </c>
      <c r="F4647" s="1" t="s">
        <v>18133</v>
      </c>
      <c r="G4647" s="1" t="s">
        <v>18038</v>
      </c>
      <c r="H4647" s="1" t="s">
        <v>18039</v>
      </c>
      <c r="I4647" s="1" t="s">
        <v>16857</v>
      </c>
      <c r="J4647" s="1" t="s">
        <v>18134</v>
      </c>
    </row>
    <row r="4648" spans="1:10" x14ac:dyDescent="0.35">
      <c r="A4648" s="1" t="s">
        <v>18034</v>
      </c>
      <c r="B4648" s="1" t="s">
        <v>16851</v>
      </c>
      <c r="C4648" s="1" t="s">
        <v>140</v>
      </c>
      <c r="D4648" s="1" t="s">
        <v>18135</v>
      </c>
      <c r="E4648" s="1" t="s">
        <v>18136</v>
      </c>
      <c r="F4648" s="1" t="s">
        <v>18137</v>
      </c>
      <c r="G4648" s="1" t="s">
        <v>18038</v>
      </c>
      <c r="H4648" s="1" t="s">
        <v>18039</v>
      </c>
      <c r="I4648" s="1" t="s">
        <v>16857</v>
      </c>
      <c r="J4648" s="1" t="s">
        <v>18138</v>
      </c>
    </row>
    <row r="4649" spans="1:10" x14ac:dyDescent="0.35">
      <c r="A4649" s="1" t="s">
        <v>18034</v>
      </c>
      <c r="B4649" s="1" t="s">
        <v>16851</v>
      </c>
      <c r="C4649" s="1" t="s">
        <v>145</v>
      </c>
      <c r="D4649" s="1" t="s">
        <v>18139</v>
      </c>
      <c r="E4649" s="1" t="s">
        <v>18140</v>
      </c>
      <c r="F4649" s="1" t="s">
        <v>18141</v>
      </c>
      <c r="G4649" s="1" t="s">
        <v>18038</v>
      </c>
      <c r="H4649" s="1" t="s">
        <v>18039</v>
      </c>
      <c r="I4649" s="1" t="s">
        <v>16857</v>
      </c>
      <c r="J4649" s="1" t="s">
        <v>18142</v>
      </c>
    </row>
    <row r="4650" spans="1:10" x14ac:dyDescent="0.35">
      <c r="A4650" s="1" t="s">
        <v>18034</v>
      </c>
      <c r="B4650" s="1" t="s">
        <v>16851</v>
      </c>
      <c r="C4650" s="1" t="s">
        <v>150</v>
      </c>
      <c r="D4650" s="1" t="s">
        <v>18143</v>
      </c>
      <c r="E4650" s="1" t="s">
        <v>18144</v>
      </c>
      <c r="F4650" s="1" t="s">
        <v>18145</v>
      </c>
      <c r="G4650" s="1" t="s">
        <v>18038</v>
      </c>
      <c r="H4650" s="1" t="s">
        <v>18039</v>
      </c>
      <c r="I4650" s="1" t="s">
        <v>16857</v>
      </c>
      <c r="J4650" s="1" t="s">
        <v>18146</v>
      </c>
    </row>
    <row r="4651" spans="1:10" x14ac:dyDescent="0.35">
      <c r="A4651" s="1" t="s">
        <v>18034</v>
      </c>
      <c r="B4651" s="1" t="s">
        <v>16851</v>
      </c>
      <c r="C4651" s="1" t="s">
        <v>155</v>
      </c>
      <c r="D4651" s="1" t="s">
        <v>18147</v>
      </c>
      <c r="E4651" s="1" t="s">
        <v>18148</v>
      </c>
      <c r="F4651" s="1" t="s">
        <v>18149</v>
      </c>
      <c r="G4651" s="1" t="s">
        <v>18038</v>
      </c>
      <c r="H4651" s="1" t="s">
        <v>18039</v>
      </c>
      <c r="I4651" s="1" t="s">
        <v>16857</v>
      </c>
      <c r="J4651" s="1" t="s">
        <v>18150</v>
      </c>
    </row>
    <row r="4652" spans="1:10" x14ac:dyDescent="0.35">
      <c r="A4652" s="1" t="s">
        <v>18034</v>
      </c>
      <c r="B4652" s="1" t="s">
        <v>16851</v>
      </c>
      <c r="C4652" s="1" t="s">
        <v>160</v>
      </c>
      <c r="D4652" s="1" t="s">
        <v>18151</v>
      </c>
      <c r="E4652" s="1" t="s">
        <v>18152</v>
      </c>
      <c r="F4652" s="1" t="s">
        <v>18153</v>
      </c>
      <c r="G4652" s="1" t="s">
        <v>18038</v>
      </c>
      <c r="H4652" s="1" t="s">
        <v>18039</v>
      </c>
      <c r="I4652" s="1" t="s">
        <v>16857</v>
      </c>
      <c r="J4652" s="1" t="s">
        <v>18154</v>
      </c>
    </row>
    <row r="4653" spans="1:10" x14ac:dyDescent="0.35">
      <c r="A4653" s="1" t="s">
        <v>18034</v>
      </c>
      <c r="B4653" s="1" t="s">
        <v>16851</v>
      </c>
      <c r="C4653" s="1" t="s">
        <v>165</v>
      </c>
      <c r="D4653" s="1" t="s">
        <v>18155</v>
      </c>
      <c r="E4653" s="1" t="s">
        <v>18156</v>
      </c>
      <c r="F4653" s="1" t="s">
        <v>18157</v>
      </c>
      <c r="G4653" s="1" t="s">
        <v>18038</v>
      </c>
      <c r="H4653" s="1" t="s">
        <v>18039</v>
      </c>
      <c r="I4653" s="1" t="s">
        <v>16857</v>
      </c>
      <c r="J4653" s="1" t="s">
        <v>18158</v>
      </c>
    </row>
    <row r="4654" spans="1:10" x14ac:dyDescent="0.35">
      <c r="A4654" s="1" t="s">
        <v>18034</v>
      </c>
      <c r="B4654" s="1" t="s">
        <v>16851</v>
      </c>
      <c r="C4654" s="1" t="s">
        <v>170</v>
      </c>
      <c r="D4654" s="1" t="s">
        <v>18159</v>
      </c>
      <c r="E4654" s="1" t="s">
        <v>18160</v>
      </c>
      <c r="F4654" s="1" t="s">
        <v>18161</v>
      </c>
      <c r="G4654" s="1" t="s">
        <v>18038</v>
      </c>
      <c r="H4654" s="1" t="s">
        <v>18039</v>
      </c>
      <c r="I4654" s="1" t="s">
        <v>16857</v>
      </c>
      <c r="J4654" s="1" t="s">
        <v>18162</v>
      </c>
    </row>
    <row r="4655" spans="1:10" x14ac:dyDescent="0.35">
      <c r="A4655" s="1" t="s">
        <v>18163</v>
      </c>
      <c r="B4655" s="1" t="s">
        <v>16851</v>
      </c>
      <c r="C4655" s="1" t="s">
        <v>8</v>
      </c>
      <c r="D4655" s="1" t="s">
        <v>18164</v>
      </c>
      <c r="E4655" s="1" t="s">
        <v>18165</v>
      </c>
      <c r="F4655" s="1" t="s">
        <v>18166</v>
      </c>
      <c r="G4655" s="1" t="s">
        <v>18167</v>
      </c>
      <c r="H4655" s="1" t="s">
        <v>18168</v>
      </c>
      <c r="I4655" s="1" t="s">
        <v>16857</v>
      </c>
      <c r="J4655" s="1" t="s">
        <v>13</v>
      </c>
    </row>
    <row r="4656" spans="1:10" x14ac:dyDescent="0.35">
      <c r="A4656" s="1" t="s">
        <v>18163</v>
      </c>
      <c r="B4656" s="1" t="s">
        <v>16851</v>
      </c>
      <c r="C4656" s="1" t="s">
        <v>15</v>
      </c>
      <c r="D4656" s="1" t="s">
        <v>18169</v>
      </c>
      <c r="E4656" s="1" t="s">
        <v>18170</v>
      </c>
      <c r="F4656" s="1" t="s">
        <v>18171</v>
      </c>
      <c r="G4656" s="1" t="s">
        <v>18167</v>
      </c>
      <c r="H4656" s="1" t="s">
        <v>18168</v>
      </c>
      <c r="I4656" s="1" t="s">
        <v>16857</v>
      </c>
      <c r="J4656" s="1" t="s">
        <v>18172</v>
      </c>
    </row>
    <row r="4657" spans="1:10" x14ac:dyDescent="0.35">
      <c r="A4657" s="1" t="s">
        <v>18163</v>
      </c>
      <c r="B4657" s="1" t="s">
        <v>16851</v>
      </c>
      <c r="C4657" s="1" t="s">
        <v>20</v>
      </c>
      <c r="D4657" s="1" t="s">
        <v>18173</v>
      </c>
      <c r="E4657" s="1" t="s">
        <v>18174</v>
      </c>
      <c r="F4657" s="1" t="s">
        <v>18175</v>
      </c>
      <c r="G4657" s="1" t="s">
        <v>18167</v>
      </c>
      <c r="H4657" s="1" t="s">
        <v>18168</v>
      </c>
      <c r="I4657" s="1" t="s">
        <v>16857</v>
      </c>
      <c r="J4657" s="1" t="s">
        <v>18176</v>
      </c>
    </row>
    <row r="4658" spans="1:10" x14ac:dyDescent="0.35">
      <c r="A4658" s="1" t="s">
        <v>18163</v>
      </c>
      <c r="B4658" s="1" t="s">
        <v>16851</v>
      </c>
      <c r="C4658" s="1" t="s">
        <v>25</v>
      </c>
      <c r="D4658" s="1" t="s">
        <v>18177</v>
      </c>
      <c r="E4658" s="1" t="s">
        <v>18178</v>
      </c>
      <c r="F4658" s="1" t="s">
        <v>18179</v>
      </c>
      <c r="G4658" s="1" t="s">
        <v>18167</v>
      </c>
      <c r="H4658" s="1" t="s">
        <v>18168</v>
      </c>
      <c r="I4658" s="1" t="s">
        <v>16857</v>
      </c>
      <c r="J4658" s="1" t="s">
        <v>18180</v>
      </c>
    </row>
    <row r="4659" spans="1:10" x14ac:dyDescent="0.35">
      <c r="A4659" s="1" t="s">
        <v>18163</v>
      </c>
      <c r="B4659" s="1" t="s">
        <v>16851</v>
      </c>
      <c r="C4659" s="1" t="s">
        <v>30</v>
      </c>
      <c r="D4659" s="1" t="s">
        <v>18181</v>
      </c>
      <c r="E4659" s="1" t="s">
        <v>18182</v>
      </c>
      <c r="F4659" s="1" t="s">
        <v>18183</v>
      </c>
      <c r="G4659" s="1" t="s">
        <v>18167</v>
      </c>
      <c r="H4659" s="1" t="s">
        <v>18168</v>
      </c>
      <c r="I4659" s="1" t="s">
        <v>16857</v>
      </c>
      <c r="J4659" s="1" t="s">
        <v>18184</v>
      </c>
    </row>
    <row r="4660" spans="1:10" x14ac:dyDescent="0.35">
      <c r="A4660" s="1" t="s">
        <v>18163</v>
      </c>
      <c r="B4660" s="1" t="s">
        <v>16851</v>
      </c>
      <c r="C4660" s="1" t="s">
        <v>35</v>
      </c>
      <c r="D4660" s="1" t="s">
        <v>13647</v>
      </c>
      <c r="E4660" s="1" t="s">
        <v>18185</v>
      </c>
      <c r="F4660" s="1" t="s">
        <v>18186</v>
      </c>
      <c r="G4660" s="1" t="s">
        <v>18167</v>
      </c>
      <c r="H4660" s="1" t="s">
        <v>18168</v>
      </c>
      <c r="I4660" s="1" t="s">
        <v>16857</v>
      </c>
      <c r="J4660" s="1" t="s">
        <v>18187</v>
      </c>
    </row>
    <row r="4661" spans="1:10" x14ac:dyDescent="0.35">
      <c r="A4661" s="1" t="s">
        <v>18163</v>
      </c>
      <c r="B4661" s="1" t="s">
        <v>16851</v>
      </c>
      <c r="C4661" s="1" t="s">
        <v>40</v>
      </c>
      <c r="D4661" s="1" t="s">
        <v>18188</v>
      </c>
      <c r="E4661" s="1" t="s">
        <v>18189</v>
      </c>
      <c r="F4661" s="1" t="s">
        <v>18190</v>
      </c>
      <c r="G4661" s="1" t="s">
        <v>18167</v>
      </c>
      <c r="H4661" s="1" t="s">
        <v>18168</v>
      </c>
      <c r="I4661" s="1" t="s">
        <v>16857</v>
      </c>
      <c r="J4661" s="1" t="s">
        <v>18191</v>
      </c>
    </row>
    <row r="4662" spans="1:10" x14ac:dyDescent="0.35">
      <c r="A4662" s="1" t="s">
        <v>18163</v>
      </c>
      <c r="B4662" s="1" t="s">
        <v>16851</v>
      </c>
      <c r="C4662" s="1" t="s">
        <v>45</v>
      </c>
      <c r="D4662" s="1" t="s">
        <v>18192</v>
      </c>
      <c r="E4662" s="1" t="s">
        <v>18193</v>
      </c>
      <c r="F4662" s="1" t="s">
        <v>18194</v>
      </c>
      <c r="G4662" s="1" t="s">
        <v>18167</v>
      </c>
      <c r="H4662" s="1" t="s">
        <v>18168</v>
      </c>
      <c r="I4662" s="1" t="s">
        <v>16857</v>
      </c>
      <c r="J4662" s="1" t="s">
        <v>18195</v>
      </c>
    </row>
    <row r="4663" spans="1:10" x14ac:dyDescent="0.35">
      <c r="A4663" s="1" t="s">
        <v>18163</v>
      </c>
      <c r="B4663" s="1" t="s">
        <v>16851</v>
      </c>
      <c r="C4663" s="1" t="s">
        <v>50</v>
      </c>
      <c r="D4663" s="1" t="s">
        <v>18196</v>
      </c>
      <c r="E4663" s="1" t="s">
        <v>18197</v>
      </c>
      <c r="F4663" s="1" t="s">
        <v>18198</v>
      </c>
      <c r="G4663" s="1" t="s">
        <v>18167</v>
      </c>
      <c r="H4663" s="1" t="s">
        <v>18168</v>
      </c>
      <c r="I4663" s="1" t="s">
        <v>16857</v>
      </c>
      <c r="J4663" s="1" t="s">
        <v>18199</v>
      </c>
    </row>
    <row r="4664" spans="1:10" x14ac:dyDescent="0.35">
      <c r="A4664" s="1" t="s">
        <v>18163</v>
      </c>
      <c r="B4664" s="1" t="s">
        <v>16851</v>
      </c>
      <c r="C4664" s="1" t="s">
        <v>55</v>
      </c>
      <c r="D4664" s="1" t="s">
        <v>18200</v>
      </c>
      <c r="E4664" s="1" t="s">
        <v>18201</v>
      </c>
      <c r="F4664" s="1" t="s">
        <v>18202</v>
      </c>
      <c r="G4664" s="1" t="s">
        <v>18167</v>
      </c>
      <c r="H4664" s="1" t="s">
        <v>18168</v>
      </c>
      <c r="I4664" s="1" t="s">
        <v>16857</v>
      </c>
      <c r="J4664" s="1" t="s">
        <v>18203</v>
      </c>
    </row>
    <row r="4665" spans="1:10" x14ac:dyDescent="0.35">
      <c r="A4665" s="1" t="s">
        <v>18163</v>
      </c>
      <c r="B4665" s="1" t="s">
        <v>16851</v>
      </c>
      <c r="C4665" s="1" t="s">
        <v>60</v>
      </c>
      <c r="D4665" s="1" t="s">
        <v>18204</v>
      </c>
      <c r="E4665" s="1" t="s">
        <v>18205</v>
      </c>
      <c r="F4665" s="1" t="s">
        <v>18206</v>
      </c>
      <c r="G4665" s="1" t="s">
        <v>18167</v>
      </c>
      <c r="H4665" s="1" t="s">
        <v>18168</v>
      </c>
      <c r="I4665" s="1" t="s">
        <v>16857</v>
      </c>
      <c r="J4665" s="1" t="s">
        <v>18207</v>
      </c>
    </row>
    <row r="4666" spans="1:10" x14ac:dyDescent="0.35">
      <c r="A4666" s="1" t="s">
        <v>18163</v>
      </c>
      <c r="B4666" s="1" t="s">
        <v>16851</v>
      </c>
      <c r="C4666" s="1" t="s">
        <v>65</v>
      </c>
      <c r="D4666" s="1" t="s">
        <v>18208</v>
      </c>
      <c r="E4666" s="1" t="s">
        <v>18209</v>
      </c>
      <c r="F4666" s="1" t="s">
        <v>18210</v>
      </c>
      <c r="G4666" s="1" t="s">
        <v>18167</v>
      </c>
      <c r="H4666" s="1" t="s">
        <v>18168</v>
      </c>
      <c r="I4666" s="1" t="s">
        <v>16857</v>
      </c>
      <c r="J4666" s="1" t="s">
        <v>18211</v>
      </c>
    </row>
    <row r="4667" spans="1:10" x14ac:dyDescent="0.35">
      <c r="A4667" s="1" t="s">
        <v>18163</v>
      </c>
      <c r="B4667" s="1" t="s">
        <v>16851</v>
      </c>
      <c r="C4667" s="1" t="s">
        <v>70</v>
      </c>
      <c r="D4667" s="1" t="s">
        <v>18212</v>
      </c>
      <c r="E4667" s="1" t="s">
        <v>18213</v>
      </c>
      <c r="F4667" s="1" t="s">
        <v>18214</v>
      </c>
      <c r="G4667" s="1" t="s">
        <v>18167</v>
      </c>
      <c r="H4667" s="1" t="s">
        <v>18168</v>
      </c>
      <c r="I4667" s="1" t="s">
        <v>16857</v>
      </c>
      <c r="J4667" s="1" t="s">
        <v>18215</v>
      </c>
    </row>
    <row r="4668" spans="1:10" x14ac:dyDescent="0.35">
      <c r="A4668" s="1" t="s">
        <v>18163</v>
      </c>
      <c r="B4668" s="1" t="s">
        <v>16851</v>
      </c>
      <c r="C4668" s="1" t="s">
        <v>75</v>
      </c>
      <c r="D4668" s="1" t="s">
        <v>17929</v>
      </c>
      <c r="E4668" s="1" t="s">
        <v>18216</v>
      </c>
      <c r="F4668" s="1" t="s">
        <v>18217</v>
      </c>
      <c r="G4668" s="1" t="s">
        <v>18167</v>
      </c>
      <c r="H4668" s="1" t="s">
        <v>18168</v>
      </c>
      <c r="I4668" s="1" t="s">
        <v>16857</v>
      </c>
      <c r="J4668" s="1" t="s">
        <v>18218</v>
      </c>
    </row>
    <row r="4669" spans="1:10" x14ac:dyDescent="0.35">
      <c r="A4669" s="1" t="s">
        <v>18163</v>
      </c>
      <c r="B4669" s="1" t="s">
        <v>16851</v>
      </c>
      <c r="C4669" s="1" t="s">
        <v>80</v>
      </c>
      <c r="D4669" s="1" t="s">
        <v>18219</v>
      </c>
      <c r="E4669" s="1" t="s">
        <v>18220</v>
      </c>
      <c r="F4669" s="1" t="s">
        <v>18221</v>
      </c>
      <c r="G4669" s="1" t="s">
        <v>18167</v>
      </c>
      <c r="H4669" s="1" t="s">
        <v>18168</v>
      </c>
      <c r="I4669" s="1" t="s">
        <v>16857</v>
      </c>
      <c r="J4669" s="1" t="s">
        <v>18222</v>
      </c>
    </row>
    <row r="4670" spans="1:10" x14ac:dyDescent="0.35">
      <c r="A4670" s="1" t="s">
        <v>18163</v>
      </c>
      <c r="B4670" s="1" t="s">
        <v>16851</v>
      </c>
      <c r="C4670" s="1" t="s">
        <v>85</v>
      </c>
      <c r="D4670" s="1" t="s">
        <v>18223</v>
      </c>
      <c r="E4670" s="1" t="s">
        <v>18224</v>
      </c>
      <c r="F4670" s="1" t="s">
        <v>18225</v>
      </c>
      <c r="G4670" s="1" t="s">
        <v>18167</v>
      </c>
      <c r="H4670" s="1" t="s">
        <v>18168</v>
      </c>
      <c r="I4670" s="1" t="s">
        <v>16857</v>
      </c>
      <c r="J4670" s="1" t="s">
        <v>18226</v>
      </c>
    </row>
    <row r="4671" spans="1:10" x14ac:dyDescent="0.35">
      <c r="A4671" s="1" t="s">
        <v>18163</v>
      </c>
      <c r="B4671" s="1" t="s">
        <v>16851</v>
      </c>
      <c r="C4671" s="1" t="s">
        <v>90</v>
      </c>
      <c r="D4671" s="1" t="s">
        <v>18227</v>
      </c>
      <c r="E4671" s="1" t="s">
        <v>18228</v>
      </c>
      <c r="F4671" s="1" t="s">
        <v>18229</v>
      </c>
      <c r="G4671" s="1" t="s">
        <v>18167</v>
      </c>
      <c r="H4671" s="1" t="s">
        <v>18168</v>
      </c>
      <c r="I4671" s="1" t="s">
        <v>16857</v>
      </c>
      <c r="J4671" s="1" t="s">
        <v>18230</v>
      </c>
    </row>
    <row r="4672" spans="1:10" x14ac:dyDescent="0.35">
      <c r="A4672" s="1" t="s">
        <v>18163</v>
      </c>
      <c r="B4672" s="1" t="s">
        <v>16851</v>
      </c>
      <c r="C4672" s="1" t="s">
        <v>95</v>
      </c>
      <c r="D4672" s="1" t="s">
        <v>18231</v>
      </c>
      <c r="E4672" s="1" t="s">
        <v>18232</v>
      </c>
      <c r="F4672" s="1" t="s">
        <v>18233</v>
      </c>
      <c r="G4672" s="1" t="s">
        <v>18167</v>
      </c>
      <c r="H4672" s="1" t="s">
        <v>18168</v>
      </c>
      <c r="I4672" s="1" t="s">
        <v>16857</v>
      </c>
      <c r="J4672" s="1" t="s">
        <v>18234</v>
      </c>
    </row>
    <row r="4673" spans="1:10" x14ac:dyDescent="0.35">
      <c r="A4673" s="1" t="s">
        <v>18163</v>
      </c>
      <c r="B4673" s="1" t="s">
        <v>16851</v>
      </c>
      <c r="C4673" s="1" t="s">
        <v>100</v>
      </c>
      <c r="D4673" s="1" t="s">
        <v>18235</v>
      </c>
      <c r="E4673" s="1" t="s">
        <v>18236</v>
      </c>
      <c r="F4673" s="1" t="s">
        <v>18237</v>
      </c>
      <c r="G4673" s="1" t="s">
        <v>18167</v>
      </c>
      <c r="H4673" s="1" t="s">
        <v>18168</v>
      </c>
      <c r="I4673" s="1" t="s">
        <v>16857</v>
      </c>
      <c r="J4673" s="1" t="s">
        <v>18238</v>
      </c>
    </row>
    <row r="4674" spans="1:10" x14ac:dyDescent="0.35">
      <c r="A4674" s="1" t="s">
        <v>18163</v>
      </c>
      <c r="B4674" s="1" t="s">
        <v>16851</v>
      </c>
      <c r="C4674" s="1" t="s">
        <v>105</v>
      </c>
      <c r="D4674" s="1" t="s">
        <v>18239</v>
      </c>
      <c r="E4674" s="1" t="s">
        <v>18240</v>
      </c>
      <c r="F4674" s="1" t="s">
        <v>18241</v>
      </c>
      <c r="G4674" s="1" t="s">
        <v>18167</v>
      </c>
      <c r="H4674" s="1" t="s">
        <v>18168</v>
      </c>
      <c r="I4674" s="1" t="s">
        <v>16857</v>
      </c>
      <c r="J4674" s="1" t="s">
        <v>18242</v>
      </c>
    </row>
    <row r="4675" spans="1:10" x14ac:dyDescent="0.35">
      <c r="A4675" s="1" t="s">
        <v>18163</v>
      </c>
      <c r="B4675" s="1" t="s">
        <v>16851</v>
      </c>
      <c r="C4675" s="1" t="s">
        <v>110</v>
      </c>
      <c r="D4675" s="1" t="s">
        <v>18243</v>
      </c>
      <c r="E4675" s="1" t="s">
        <v>18244</v>
      </c>
      <c r="F4675" s="1" t="s">
        <v>18245</v>
      </c>
      <c r="G4675" s="1" t="s">
        <v>18167</v>
      </c>
      <c r="H4675" s="1" t="s">
        <v>18168</v>
      </c>
      <c r="I4675" s="1" t="s">
        <v>16857</v>
      </c>
      <c r="J4675" s="1" t="s">
        <v>18246</v>
      </c>
    </row>
    <row r="4676" spans="1:10" x14ac:dyDescent="0.35">
      <c r="A4676" s="1" t="s">
        <v>18163</v>
      </c>
      <c r="B4676" s="1" t="s">
        <v>16851</v>
      </c>
      <c r="C4676" s="1" t="s">
        <v>115</v>
      </c>
      <c r="D4676" s="1" t="s">
        <v>18247</v>
      </c>
      <c r="E4676" s="1" t="s">
        <v>18248</v>
      </c>
      <c r="F4676" s="1" t="s">
        <v>18249</v>
      </c>
      <c r="G4676" s="1" t="s">
        <v>18167</v>
      </c>
      <c r="H4676" s="1" t="s">
        <v>18168</v>
      </c>
      <c r="I4676" s="1" t="s">
        <v>16857</v>
      </c>
      <c r="J4676" s="1" t="s">
        <v>18250</v>
      </c>
    </row>
    <row r="4677" spans="1:10" x14ac:dyDescent="0.35">
      <c r="A4677" s="1" t="s">
        <v>18163</v>
      </c>
      <c r="B4677" s="1" t="s">
        <v>16851</v>
      </c>
      <c r="C4677" s="1" t="s">
        <v>120</v>
      </c>
      <c r="D4677" s="1" t="s">
        <v>18251</v>
      </c>
      <c r="E4677" s="1" t="s">
        <v>18252</v>
      </c>
      <c r="F4677" s="1" t="s">
        <v>18253</v>
      </c>
      <c r="G4677" s="1" t="s">
        <v>18167</v>
      </c>
      <c r="H4677" s="1" t="s">
        <v>18168</v>
      </c>
      <c r="I4677" s="1" t="s">
        <v>16857</v>
      </c>
      <c r="J4677" s="1" t="s">
        <v>18254</v>
      </c>
    </row>
    <row r="4678" spans="1:10" x14ac:dyDescent="0.35">
      <c r="A4678" s="1" t="s">
        <v>18163</v>
      </c>
      <c r="B4678" s="1" t="s">
        <v>16851</v>
      </c>
      <c r="C4678" s="1" t="s">
        <v>125</v>
      </c>
      <c r="D4678" s="1" t="s">
        <v>18255</v>
      </c>
      <c r="E4678" s="1" t="s">
        <v>18256</v>
      </c>
      <c r="F4678" s="1" t="s">
        <v>18257</v>
      </c>
      <c r="G4678" s="1" t="s">
        <v>18167</v>
      </c>
      <c r="H4678" s="1" t="s">
        <v>18168</v>
      </c>
      <c r="I4678" s="1" t="s">
        <v>16857</v>
      </c>
      <c r="J4678" s="1" t="s">
        <v>18258</v>
      </c>
    </row>
    <row r="4679" spans="1:10" x14ac:dyDescent="0.35">
      <c r="A4679" s="1" t="s">
        <v>18163</v>
      </c>
      <c r="B4679" s="1" t="s">
        <v>16851</v>
      </c>
      <c r="C4679" s="1" t="s">
        <v>130</v>
      </c>
      <c r="D4679" s="1" t="s">
        <v>18259</v>
      </c>
      <c r="E4679" s="1" t="s">
        <v>18260</v>
      </c>
      <c r="F4679" s="1" t="s">
        <v>18261</v>
      </c>
      <c r="G4679" s="1" t="s">
        <v>18167</v>
      </c>
      <c r="H4679" s="1" t="s">
        <v>18168</v>
      </c>
      <c r="I4679" s="1" t="s">
        <v>16857</v>
      </c>
      <c r="J4679" s="1" t="s">
        <v>18262</v>
      </c>
    </row>
    <row r="4680" spans="1:10" x14ac:dyDescent="0.35">
      <c r="A4680" s="1" t="s">
        <v>18163</v>
      </c>
      <c r="B4680" s="1" t="s">
        <v>16851</v>
      </c>
      <c r="C4680" s="1" t="s">
        <v>135</v>
      </c>
      <c r="D4680" s="1" t="s">
        <v>18263</v>
      </c>
      <c r="E4680" s="1" t="s">
        <v>18264</v>
      </c>
      <c r="F4680" s="1" t="s">
        <v>18265</v>
      </c>
      <c r="G4680" s="1" t="s">
        <v>18167</v>
      </c>
      <c r="H4680" s="1" t="s">
        <v>18168</v>
      </c>
      <c r="I4680" s="1" t="s">
        <v>16857</v>
      </c>
      <c r="J4680" s="1" t="s">
        <v>18266</v>
      </c>
    </row>
    <row r="4681" spans="1:10" x14ac:dyDescent="0.35">
      <c r="A4681" s="1" t="s">
        <v>18163</v>
      </c>
      <c r="B4681" s="1" t="s">
        <v>16851</v>
      </c>
      <c r="C4681" s="1" t="s">
        <v>140</v>
      </c>
      <c r="D4681" s="1" t="s">
        <v>18267</v>
      </c>
      <c r="E4681" s="1" t="s">
        <v>18268</v>
      </c>
      <c r="F4681" s="1" t="s">
        <v>18269</v>
      </c>
      <c r="G4681" s="1" t="s">
        <v>18167</v>
      </c>
      <c r="H4681" s="1" t="s">
        <v>18168</v>
      </c>
      <c r="I4681" s="1" t="s">
        <v>16857</v>
      </c>
      <c r="J4681" s="1" t="s">
        <v>18270</v>
      </c>
    </row>
    <row r="4682" spans="1:10" x14ac:dyDescent="0.35">
      <c r="A4682" s="1" t="s">
        <v>18163</v>
      </c>
      <c r="B4682" s="1" t="s">
        <v>16851</v>
      </c>
      <c r="C4682" s="1" t="s">
        <v>145</v>
      </c>
      <c r="D4682" s="1" t="s">
        <v>17238</v>
      </c>
      <c r="E4682" s="1" t="s">
        <v>18271</v>
      </c>
      <c r="F4682" s="1" t="s">
        <v>18272</v>
      </c>
      <c r="G4682" s="1" t="s">
        <v>18167</v>
      </c>
      <c r="H4682" s="1" t="s">
        <v>18168</v>
      </c>
      <c r="I4682" s="1" t="s">
        <v>16857</v>
      </c>
      <c r="J4682" s="1" t="s">
        <v>18273</v>
      </c>
    </row>
    <row r="4683" spans="1:10" x14ac:dyDescent="0.35">
      <c r="A4683" s="1" t="s">
        <v>18163</v>
      </c>
      <c r="B4683" s="1" t="s">
        <v>16851</v>
      </c>
      <c r="C4683" s="1" t="s">
        <v>150</v>
      </c>
      <c r="D4683" s="1" t="s">
        <v>18274</v>
      </c>
      <c r="E4683" s="1" t="s">
        <v>18275</v>
      </c>
      <c r="F4683" s="1" t="s">
        <v>18276</v>
      </c>
      <c r="G4683" s="1" t="s">
        <v>18167</v>
      </c>
      <c r="H4683" s="1" t="s">
        <v>18168</v>
      </c>
      <c r="I4683" s="1" t="s">
        <v>16857</v>
      </c>
      <c r="J4683" s="1" t="s">
        <v>18277</v>
      </c>
    </row>
    <row r="4684" spans="1:10" x14ac:dyDescent="0.35">
      <c r="A4684" s="1" t="s">
        <v>18163</v>
      </c>
      <c r="B4684" s="1" t="s">
        <v>16851</v>
      </c>
      <c r="C4684" s="1" t="s">
        <v>155</v>
      </c>
      <c r="D4684" s="1" t="s">
        <v>18278</v>
      </c>
      <c r="E4684" s="1" t="s">
        <v>18279</v>
      </c>
      <c r="F4684" s="1" t="s">
        <v>18280</v>
      </c>
      <c r="G4684" s="1" t="s">
        <v>18167</v>
      </c>
      <c r="H4684" s="1" t="s">
        <v>18168</v>
      </c>
      <c r="I4684" s="1" t="s">
        <v>16857</v>
      </c>
      <c r="J4684" s="1" t="s">
        <v>18281</v>
      </c>
    </row>
    <row r="4685" spans="1:10" x14ac:dyDescent="0.35">
      <c r="A4685" s="1" t="s">
        <v>18163</v>
      </c>
      <c r="B4685" s="1" t="s">
        <v>16851</v>
      </c>
      <c r="C4685" s="1" t="s">
        <v>160</v>
      </c>
      <c r="D4685" s="1" t="s">
        <v>18282</v>
      </c>
      <c r="E4685" s="1" t="s">
        <v>18283</v>
      </c>
      <c r="F4685" s="1" t="s">
        <v>18284</v>
      </c>
      <c r="G4685" s="1" t="s">
        <v>18167</v>
      </c>
      <c r="H4685" s="1" t="s">
        <v>18168</v>
      </c>
      <c r="I4685" s="1" t="s">
        <v>16857</v>
      </c>
      <c r="J4685" s="1" t="s">
        <v>18285</v>
      </c>
    </row>
    <row r="4686" spans="1:10" x14ac:dyDescent="0.35">
      <c r="A4686" s="1" t="s">
        <v>18163</v>
      </c>
      <c r="B4686" s="1" t="s">
        <v>16851</v>
      </c>
      <c r="C4686" s="1" t="s">
        <v>165</v>
      </c>
      <c r="D4686" s="1" t="s">
        <v>18286</v>
      </c>
      <c r="E4686" s="1" t="s">
        <v>18287</v>
      </c>
      <c r="F4686" s="1" t="s">
        <v>18288</v>
      </c>
      <c r="G4686" s="1" t="s">
        <v>18167</v>
      </c>
      <c r="H4686" s="1" t="s">
        <v>18168</v>
      </c>
      <c r="I4686" s="1" t="s">
        <v>16857</v>
      </c>
      <c r="J4686" s="1" t="s">
        <v>18289</v>
      </c>
    </row>
    <row r="4687" spans="1:10" x14ac:dyDescent="0.35">
      <c r="A4687" s="1" t="s">
        <v>18163</v>
      </c>
      <c r="B4687" s="1" t="s">
        <v>16851</v>
      </c>
      <c r="C4687" s="1" t="s">
        <v>170</v>
      </c>
      <c r="D4687" s="1" t="s">
        <v>18290</v>
      </c>
      <c r="E4687" s="1" t="s">
        <v>18291</v>
      </c>
      <c r="F4687" s="1" t="s">
        <v>18292</v>
      </c>
      <c r="G4687" s="1" t="s">
        <v>18167</v>
      </c>
      <c r="H4687" s="1" t="s">
        <v>18168</v>
      </c>
      <c r="I4687" s="1" t="s">
        <v>16857</v>
      </c>
      <c r="J4687" s="1" t="s">
        <v>18293</v>
      </c>
    </row>
    <row r="4688" spans="1:10" x14ac:dyDescent="0.35">
      <c r="A4688" s="1" t="s">
        <v>18294</v>
      </c>
      <c r="B4688" s="1" t="s">
        <v>16851</v>
      </c>
      <c r="C4688" s="1" t="s">
        <v>8</v>
      </c>
      <c r="D4688" s="1" t="s">
        <v>18295</v>
      </c>
      <c r="E4688" s="1" t="s">
        <v>18296</v>
      </c>
      <c r="F4688" s="1" t="s">
        <v>18297</v>
      </c>
      <c r="G4688" s="1" t="s">
        <v>18298</v>
      </c>
      <c r="H4688" s="1" t="s">
        <v>18299</v>
      </c>
      <c r="I4688" s="1" t="s">
        <v>16857</v>
      </c>
      <c r="J4688" s="1" t="s">
        <v>13</v>
      </c>
    </row>
    <row r="4689" spans="1:10" x14ac:dyDescent="0.35">
      <c r="A4689" s="1" t="s">
        <v>18294</v>
      </c>
      <c r="B4689" s="1" t="s">
        <v>16851</v>
      </c>
      <c r="C4689" s="1" t="s">
        <v>15</v>
      </c>
      <c r="D4689" s="1" t="s">
        <v>18300</v>
      </c>
      <c r="E4689" s="1" t="s">
        <v>18301</v>
      </c>
      <c r="F4689" s="1" t="s">
        <v>18302</v>
      </c>
      <c r="G4689" s="1" t="s">
        <v>18298</v>
      </c>
      <c r="H4689" s="1" t="s">
        <v>18299</v>
      </c>
      <c r="I4689" s="1" t="s">
        <v>16857</v>
      </c>
      <c r="J4689" s="1" t="s">
        <v>18303</v>
      </c>
    </row>
    <row r="4690" spans="1:10" x14ac:dyDescent="0.35">
      <c r="A4690" s="1" t="s">
        <v>18294</v>
      </c>
      <c r="B4690" s="1" t="s">
        <v>16851</v>
      </c>
      <c r="C4690" s="1" t="s">
        <v>20</v>
      </c>
      <c r="D4690" s="1" t="s">
        <v>9149</v>
      </c>
      <c r="E4690" s="1" t="s">
        <v>18304</v>
      </c>
      <c r="F4690" s="1" t="s">
        <v>18305</v>
      </c>
      <c r="G4690" s="1" t="s">
        <v>18298</v>
      </c>
      <c r="H4690" s="1" t="s">
        <v>18299</v>
      </c>
      <c r="I4690" s="1" t="s">
        <v>16857</v>
      </c>
      <c r="J4690" s="1" t="s">
        <v>18306</v>
      </c>
    </row>
    <row r="4691" spans="1:10" x14ac:dyDescent="0.35">
      <c r="A4691" s="1" t="s">
        <v>18294</v>
      </c>
      <c r="B4691" s="1" t="s">
        <v>16851</v>
      </c>
      <c r="C4691" s="1" t="s">
        <v>25</v>
      </c>
      <c r="D4691" s="1" t="s">
        <v>18307</v>
      </c>
      <c r="E4691" s="1" t="s">
        <v>18308</v>
      </c>
      <c r="F4691" s="1" t="s">
        <v>18309</v>
      </c>
      <c r="G4691" s="1" t="s">
        <v>18298</v>
      </c>
      <c r="H4691" s="1" t="s">
        <v>18299</v>
      </c>
      <c r="I4691" s="1" t="s">
        <v>16857</v>
      </c>
      <c r="J4691" s="1" t="s">
        <v>18310</v>
      </c>
    </row>
    <row r="4692" spans="1:10" x14ac:dyDescent="0.35">
      <c r="A4692" s="1" t="s">
        <v>18294</v>
      </c>
      <c r="B4692" s="1" t="s">
        <v>16851</v>
      </c>
      <c r="C4692" s="1" t="s">
        <v>30</v>
      </c>
      <c r="D4692" s="1" t="s">
        <v>18311</v>
      </c>
      <c r="E4692" s="1" t="s">
        <v>18312</v>
      </c>
      <c r="F4692" s="1" t="s">
        <v>18313</v>
      </c>
      <c r="G4692" s="1" t="s">
        <v>18298</v>
      </c>
      <c r="H4692" s="1" t="s">
        <v>18299</v>
      </c>
      <c r="I4692" s="1" t="s">
        <v>16857</v>
      </c>
      <c r="J4692" s="1" t="s">
        <v>18314</v>
      </c>
    </row>
    <row r="4693" spans="1:10" x14ac:dyDescent="0.35">
      <c r="A4693" s="1" t="s">
        <v>18294</v>
      </c>
      <c r="B4693" s="1" t="s">
        <v>16851</v>
      </c>
      <c r="C4693" s="1" t="s">
        <v>35</v>
      </c>
      <c r="D4693" s="1" t="s">
        <v>18315</v>
      </c>
      <c r="E4693" s="1" t="s">
        <v>18316</v>
      </c>
      <c r="F4693" s="1" t="s">
        <v>18317</v>
      </c>
      <c r="G4693" s="1" t="s">
        <v>18298</v>
      </c>
      <c r="H4693" s="1" t="s">
        <v>18299</v>
      </c>
      <c r="I4693" s="1" t="s">
        <v>16857</v>
      </c>
      <c r="J4693" s="1" t="s">
        <v>18318</v>
      </c>
    </row>
    <row r="4694" spans="1:10" x14ac:dyDescent="0.35">
      <c r="A4694" s="1" t="s">
        <v>18294</v>
      </c>
      <c r="B4694" s="1" t="s">
        <v>16851</v>
      </c>
      <c r="C4694" s="1" t="s">
        <v>40</v>
      </c>
      <c r="D4694" s="1" t="s">
        <v>18319</v>
      </c>
      <c r="E4694" s="1" t="s">
        <v>18320</v>
      </c>
      <c r="F4694" s="1" t="s">
        <v>18321</v>
      </c>
      <c r="G4694" s="1" t="s">
        <v>18298</v>
      </c>
      <c r="H4694" s="1" t="s">
        <v>18299</v>
      </c>
      <c r="I4694" s="1" t="s">
        <v>16857</v>
      </c>
      <c r="J4694" s="1" t="s">
        <v>18322</v>
      </c>
    </row>
    <row r="4695" spans="1:10" x14ac:dyDescent="0.35">
      <c r="A4695" s="1" t="s">
        <v>18294</v>
      </c>
      <c r="B4695" s="1" t="s">
        <v>16851</v>
      </c>
      <c r="C4695" s="1" t="s">
        <v>45</v>
      </c>
      <c r="D4695" s="1" t="s">
        <v>18323</v>
      </c>
      <c r="E4695" s="1" t="s">
        <v>18324</v>
      </c>
      <c r="F4695" s="1" t="s">
        <v>18325</v>
      </c>
      <c r="G4695" s="1" t="s">
        <v>18298</v>
      </c>
      <c r="H4695" s="1" t="s">
        <v>18299</v>
      </c>
      <c r="I4695" s="1" t="s">
        <v>16857</v>
      </c>
      <c r="J4695" s="1" t="s">
        <v>18326</v>
      </c>
    </row>
    <row r="4696" spans="1:10" x14ac:dyDescent="0.35">
      <c r="A4696" s="1" t="s">
        <v>18294</v>
      </c>
      <c r="B4696" s="1" t="s">
        <v>16851</v>
      </c>
      <c r="C4696" s="1" t="s">
        <v>50</v>
      </c>
      <c r="D4696" s="1" t="s">
        <v>18327</v>
      </c>
      <c r="E4696" s="1" t="s">
        <v>18328</v>
      </c>
      <c r="F4696" s="1" t="s">
        <v>18329</v>
      </c>
      <c r="G4696" s="1" t="s">
        <v>18298</v>
      </c>
      <c r="H4696" s="1" t="s">
        <v>18299</v>
      </c>
      <c r="I4696" s="1" t="s">
        <v>16857</v>
      </c>
      <c r="J4696" s="1" t="s">
        <v>18330</v>
      </c>
    </row>
    <row r="4697" spans="1:10" x14ac:dyDescent="0.35">
      <c r="A4697" s="1" t="s">
        <v>18294</v>
      </c>
      <c r="B4697" s="1" t="s">
        <v>16851</v>
      </c>
      <c r="C4697" s="1" t="s">
        <v>55</v>
      </c>
      <c r="D4697" s="1" t="s">
        <v>6807</v>
      </c>
      <c r="E4697" s="1" t="s">
        <v>18331</v>
      </c>
      <c r="F4697" s="1" t="s">
        <v>18332</v>
      </c>
      <c r="G4697" s="1" t="s">
        <v>18298</v>
      </c>
      <c r="H4697" s="1" t="s">
        <v>18299</v>
      </c>
      <c r="I4697" s="1" t="s">
        <v>16857</v>
      </c>
      <c r="J4697" s="1" t="s">
        <v>18333</v>
      </c>
    </row>
    <row r="4698" spans="1:10" x14ac:dyDescent="0.35">
      <c r="A4698" s="1" t="s">
        <v>18294</v>
      </c>
      <c r="B4698" s="1" t="s">
        <v>16851</v>
      </c>
      <c r="C4698" s="1" t="s">
        <v>60</v>
      </c>
      <c r="D4698" s="1" t="s">
        <v>18334</v>
      </c>
      <c r="E4698" s="1" t="s">
        <v>18335</v>
      </c>
      <c r="F4698" s="1" t="s">
        <v>18336</v>
      </c>
      <c r="G4698" s="1" t="s">
        <v>18298</v>
      </c>
      <c r="H4698" s="1" t="s">
        <v>18299</v>
      </c>
      <c r="I4698" s="1" t="s">
        <v>16857</v>
      </c>
      <c r="J4698" s="1" t="s">
        <v>18337</v>
      </c>
    </row>
    <row r="4699" spans="1:10" x14ac:dyDescent="0.35">
      <c r="A4699" s="1" t="s">
        <v>18294</v>
      </c>
      <c r="B4699" s="1" t="s">
        <v>16851</v>
      </c>
      <c r="C4699" s="1" t="s">
        <v>65</v>
      </c>
      <c r="D4699" s="1" t="s">
        <v>18338</v>
      </c>
      <c r="E4699" s="1" t="s">
        <v>18339</v>
      </c>
      <c r="F4699" s="1" t="s">
        <v>18340</v>
      </c>
      <c r="G4699" s="1" t="s">
        <v>18298</v>
      </c>
      <c r="H4699" s="1" t="s">
        <v>18299</v>
      </c>
      <c r="I4699" s="1" t="s">
        <v>16857</v>
      </c>
      <c r="J4699" s="1" t="s">
        <v>18341</v>
      </c>
    </row>
    <row r="4700" spans="1:10" x14ac:dyDescent="0.35">
      <c r="A4700" s="1" t="s">
        <v>18294</v>
      </c>
      <c r="B4700" s="1" t="s">
        <v>16851</v>
      </c>
      <c r="C4700" s="1" t="s">
        <v>70</v>
      </c>
      <c r="D4700" s="1" t="s">
        <v>18342</v>
      </c>
      <c r="E4700" s="1" t="s">
        <v>18343</v>
      </c>
      <c r="F4700" s="1" t="s">
        <v>18344</v>
      </c>
      <c r="G4700" s="1" t="s">
        <v>18298</v>
      </c>
      <c r="H4700" s="1" t="s">
        <v>18299</v>
      </c>
      <c r="I4700" s="1" t="s">
        <v>16857</v>
      </c>
      <c r="J4700" s="1" t="s">
        <v>18345</v>
      </c>
    </row>
    <row r="4701" spans="1:10" x14ac:dyDescent="0.35">
      <c r="A4701" s="1" t="s">
        <v>18294</v>
      </c>
      <c r="B4701" s="1" t="s">
        <v>16851</v>
      </c>
      <c r="C4701" s="1" t="s">
        <v>75</v>
      </c>
      <c r="D4701" s="1" t="s">
        <v>18346</v>
      </c>
      <c r="E4701" s="1" t="s">
        <v>18347</v>
      </c>
      <c r="F4701" s="1" t="s">
        <v>18348</v>
      </c>
      <c r="G4701" s="1" t="s">
        <v>18298</v>
      </c>
      <c r="H4701" s="1" t="s">
        <v>18299</v>
      </c>
      <c r="I4701" s="1" t="s">
        <v>16857</v>
      </c>
      <c r="J4701" s="1" t="s">
        <v>18349</v>
      </c>
    </row>
    <row r="4702" spans="1:10" x14ac:dyDescent="0.35">
      <c r="A4702" s="1" t="s">
        <v>18294</v>
      </c>
      <c r="B4702" s="1" t="s">
        <v>16851</v>
      </c>
      <c r="C4702" s="1" t="s">
        <v>80</v>
      </c>
      <c r="D4702" s="1" t="s">
        <v>18350</v>
      </c>
      <c r="E4702" s="1" t="s">
        <v>18351</v>
      </c>
      <c r="F4702" s="1" t="s">
        <v>18352</v>
      </c>
      <c r="G4702" s="1" t="s">
        <v>18298</v>
      </c>
      <c r="H4702" s="1" t="s">
        <v>18299</v>
      </c>
      <c r="I4702" s="1" t="s">
        <v>16857</v>
      </c>
      <c r="J4702" s="1" t="s">
        <v>18353</v>
      </c>
    </row>
    <row r="4703" spans="1:10" x14ac:dyDescent="0.35">
      <c r="A4703" s="1" t="s">
        <v>18294</v>
      </c>
      <c r="B4703" s="1" t="s">
        <v>16851</v>
      </c>
      <c r="C4703" s="1" t="s">
        <v>85</v>
      </c>
      <c r="D4703" s="1" t="s">
        <v>18354</v>
      </c>
      <c r="E4703" s="1" t="s">
        <v>18355</v>
      </c>
      <c r="F4703" s="1" t="s">
        <v>18356</v>
      </c>
      <c r="G4703" s="1" t="s">
        <v>18298</v>
      </c>
      <c r="H4703" s="1" t="s">
        <v>18299</v>
      </c>
      <c r="I4703" s="1" t="s">
        <v>16857</v>
      </c>
      <c r="J4703" s="1" t="s">
        <v>18357</v>
      </c>
    </row>
    <row r="4704" spans="1:10" x14ac:dyDescent="0.35">
      <c r="A4704" s="1" t="s">
        <v>18294</v>
      </c>
      <c r="B4704" s="1" t="s">
        <v>16851</v>
      </c>
      <c r="C4704" s="1" t="s">
        <v>90</v>
      </c>
      <c r="D4704" s="1" t="s">
        <v>18358</v>
      </c>
      <c r="E4704" s="1" t="s">
        <v>18359</v>
      </c>
      <c r="F4704" s="1" t="s">
        <v>18360</v>
      </c>
      <c r="G4704" s="1" t="s">
        <v>18298</v>
      </c>
      <c r="H4704" s="1" t="s">
        <v>18299</v>
      </c>
      <c r="I4704" s="1" t="s">
        <v>16857</v>
      </c>
      <c r="J4704" s="1" t="s">
        <v>18361</v>
      </c>
    </row>
    <row r="4705" spans="1:10" x14ac:dyDescent="0.35">
      <c r="A4705" s="1" t="s">
        <v>18294</v>
      </c>
      <c r="B4705" s="1" t="s">
        <v>16851</v>
      </c>
      <c r="C4705" s="1" t="s">
        <v>95</v>
      </c>
      <c r="D4705" s="1" t="s">
        <v>18362</v>
      </c>
      <c r="E4705" s="1" t="s">
        <v>18363</v>
      </c>
      <c r="F4705" s="1" t="s">
        <v>18364</v>
      </c>
      <c r="G4705" s="1" t="s">
        <v>18298</v>
      </c>
      <c r="H4705" s="1" t="s">
        <v>18299</v>
      </c>
      <c r="I4705" s="1" t="s">
        <v>16857</v>
      </c>
      <c r="J4705" s="1" t="s">
        <v>18365</v>
      </c>
    </row>
    <row r="4706" spans="1:10" x14ac:dyDescent="0.35">
      <c r="A4706" s="1" t="s">
        <v>18294</v>
      </c>
      <c r="B4706" s="1" t="s">
        <v>16851</v>
      </c>
      <c r="C4706" s="1" t="s">
        <v>100</v>
      </c>
      <c r="D4706" s="1" t="s">
        <v>18366</v>
      </c>
      <c r="E4706" s="1" t="s">
        <v>18367</v>
      </c>
      <c r="F4706" s="1" t="s">
        <v>18368</v>
      </c>
      <c r="G4706" s="1" t="s">
        <v>18298</v>
      </c>
      <c r="H4706" s="1" t="s">
        <v>18299</v>
      </c>
      <c r="I4706" s="1" t="s">
        <v>16857</v>
      </c>
      <c r="J4706" s="1" t="s">
        <v>18369</v>
      </c>
    </row>
    <row r="4707" spans="1:10" x14ac:dyDescent="0.35">
      <c r="A4707" s="1" t="s">
        <v>18294</v>
      </c>
      <c r="B4707" s="1" t="s">
        <v>16851</v>
      </c>
      <c r="C4707" s="1" t="s">
        <v>105</v>
      </c>
      <c r="D4707" s="1" t="s">
        <v>18370</v>
      </c>
      <c r="E4707" s="1" t="s">
        <v>18371</v>
      </c>
      <c r="F4707" s="1" t="s">
        <v>18372</v>
      </c>
      <c r="G4707" s="1" t="s">
        <v>18298</v>
      </c>
      <c r="H4707" s="1" t="s">
        <v>18299</v>
      </c>
      <c r="I4707" s="1" t="s">
        <v>16857</v>
      </c>
      <c r="J4707" s="1" t="s">
        <v>18373</v>
      </c>
    </row>
    <row r="4708" spans="1:10" x14ac:dyDescent="0.35">
      <c r="A4708" s="1" t="s">
        <v>18294</v>
      </c>
      <c r="B4708" s="1" t="s">
        <v>16851</v>
      </c>
      <c r="C4708" s="1" t="s">
        <v>110</v>
      </c>
      <c r="D4708" s="1" t="s">
        <v>18374</v>
      </c>
      <c r="E4708" s="1" t="s">
        <v>18375</v>
      </c>
      <c r="F4708" s="1" t="s">
        <v>18376</v>
      </c>
      <c r="G4708" s="1" t="s">
        <v>18298</v>
      </c>
      <c r="H4708" s="1" t="s">
        <v>18299</v>
      </c>
      <c r="I4708" s="1" t="s">
        <v>16857</v>
      </c>
      <c r="J4708" s="1" t="s">
        <v>18377</v>
      </c>
    </row>
    <row r="4709" spans="1:10" x14ac:dyDescent="0.35">
      <c r="A4709" s="1" t="s">
        <v>18294</v>
      </c>
      <c r="B4709" s="1" t="s">
        <v>16851</v>
      </c>
      <c r="C4709" s="1" t="s">
        <v>115</v>
      </c>
      <c r="D4709" s="1" t="s">
        <v>18378</v>
      </c>
      <c r="E4709" s="1" t="s">
        <v>18379</v>
      </c>
      <c r="F4709" s="1" t="s">
        <v>18380</v>
      </c>
      <c r="G4709" s="1" t="s">
        <v>18298</v>
      </c>
      <c r="H4709" s="1" t="s">
        <v>18299</v>
      </c>
      <c r="I4709" s="1" t="s">
        <v>16857</v>
      </c>
      <c r="J4709" s="1" t="s">
        <v>18381</v>
      </c>
    </row>
    <row r="4710" spans="1:10" x14ac:dyDescent="0.35">
      <c r="A4710" s="1" t="s">
        <v>18294</v>
      </c>
      <c r="B4710" s="1" t="s">
        <v>16851</v>
      </c>
      <c r="C4710" s="1" t="s">
        <v>120</v>
      </c>
      <c r="D4710" s="1" t="s">
        <v>18382</v>
      </c>
      <c r="E4710" s="1" t="s">
        <v>18383</v>
      </c>
      <c r="F4710" s="1" t="s">
        <v>18384</v>
      </c>
      <c r="G4710" s="1" t="s">
        <v>18298</v>
      </c>
      <c r="H4710" s="1" t="s">
        <v>18299</v>
      </c>
      <c r="I4710" s="1" t="s">
        <v>16857</v>
      </c>
      <c r="J4710" s="1" t="s">
        <v>18385</v>
      </c>
    </row>
    <row r="4711" spans="1:10" x14ac:dyDescent="0.35">
      <c r="A4711" s="1" t="s">
        <v>18294</v>
      </c>
      <c r="B4711" s="1" t="s">
        <v>16851</v>
      </c>
      <c r="C4711" s="1" t="s">
        <v>125</v>
      </c>
      <c r="D4711" s="1" t="s">
        <v>18386</v>
      </c>
      <c r="E4711" s="1" t="s">
        <v>18387</v>
      </c>
      <c r="F4711" s="1" t="s">
        <v>18388</v>
      </c>
      <c r="G4711" s="1" t="s">
        <v>18298</v>
      </c>
      <c r="H4711" s="1" t="s">
        <v>18299</v>
      </c>
      <c r="I4711" s="1" t="s">
        <v>16857</v>
      </c>
      <c r="J4711" s="1" t="s">
        <v>18389</v>
      </c>
    </row>
    <row r="4712" spans="1:10" x14ac:dyDescent="0.35">
      <c r="A4712" s="1" t="s">
        <v>18294</v>
      </c>
      <c r="B4712" s="1" t="s">
        <v>16851</v>
      </c>
      <c r="C4712" s="1" t="s">
        <v>130</v>
      </c>
      <c r="D4712" s="1" t="s">
        <v>18390</v>
      </c>
      <c r="E4712" s="1" t="s">
        <v>18391</v>
      </c>
      <c r="F4712" s="1" t="s">
        <v>18392</v>
      </c>
      <c r="G4712" s="1" t="s">
        <v>18298</v>
      </c>
      <c r="H4712" s="1" t="s">
        <v>18299</v>
      </c>
      <c r="I4712" s="1" t="s">
        <v>16857</v>
      </c>
      <c r="J4712" s="1" t="s">
        <v>18393</v>
      </c>
    </row>
    <row r="4713" spans="1:10" x14ac:dyDescent="0.35">
      <c r="A4713" s="1" t="s">
        <v>18294</v>
      </c>
      <c r="B4713" s="1" t="s">
        <v>16851</v>
      </c>
      <c r="C4713" s="1" t="s">
        <v>135</v>
      </c>
      <c r="D4713" s="1" t="s">
        <v>18394</v>
      </c>
      <c r="E4713" s="1" t="s">
        <v>18395</v>
      </c>
      <c r="F4713" s="1" t="s">
        <v>18396</v>
      </c>
      <c r="G4713" s="1" t="s">
        <v>18298</v>
      </c>
      <c r="H4713" s="1" t="s">
        <v>18299</v>
      </c>
      <c r="I4713" s="1" t="s">
        <v>16857</v>
      </c>
      <c r="J4713" s="1" t="s">
        <v>18397</v>
      </c>
    </row>
    <row r="4714" spans="1:10" x14ac:dyDescent="0.35">
      <c r="A4714" s="1" t="s">
        <v>18294</v>
      </c>
      <c r="B4714" s="1" t="s">
        <v>16851</v>
      </c>
      <c r="C4714" s="1" t="s">
        <v>140</v>
      </c>
      <c r="D4714" s="1" t="s">
        <v>18398</v>
      </c>
      <c r="E4714" s="1" t="s">
        <v>18399</v>
      </c>
      <c r="F4714" s="1" t="s">
        <v>18400</v>
      </c>
      <c r="G4714" s="1" t="s">
        <v>18298</v>
      </c>
      <c r="H4714" s="1" t="s">
        <v>18299</v>
      </c>
      <c r="I4714" s="1" t="s">
        <v>16857</v>
      </c>
      <c r="J4714" s="1" t="s">
        <v>18401</v>
      </c>
    </row>
    <row r="4715" spans="1:10" x14ac:dyDescent="0.35">
      <c r="A4715" s="1" t="s">
        <v>18294</v>
      </c>
      <c r="B4715" s="1" t="s">
        <v>16851</v>
      </c>
      <c r="C4715" s="1" t="s">
        <v>145</v>
      </c>
      <c r="D4715" s="1" t="s">
        <v>18402</v>
      </c>
      <c r="E4715" s="1" t="s">
        <v>18403</v>
      </c>
      <c r="F4715" s="1" t="s">
        <v>18404</v>
      </c>
      <c r="G4715" s="1" t="s">
        <v>18298</v>
      </c>
      <c r="H4715" s="1" t="s">
        <v>18299</v>
      </c>
      <c r="I4715" s="1" t="s">
        <v>16857</v>
      </c>
      <c r="J4715" s="1" t="s">
        <v>18405</v>
      </c>
    </row>
    <row r="4716" spans="1:10" x14ac:dyDescent="0.35">
      <c r="A4716" s="1" t="s">
        <v>18294</v>
      </c>
      <c r="B4716" s="1" t="s">
        <v>16851</v>
      </c>
      <c r="C4716" s="1" t="s">
        <v>150</v>
      </c>
      <c r="D4716" s="1" t="s">
        <v>18406</v>
      </c>
      <c r="E4716" s="1" t="s">
        <v>18407</v>
      </c>
      <c r="F4716" s="1" t="s">
        <v>18408</v>
      </c>
      <c r="G4716" s="1" t="s">
        <v>18298</v>
      </c>
      <c r="H4716" s="1" t="s">
        <v>18299</v>
      </c>
      <c r="I4716" s="1" t="s">
        <v>16857</v>
      </c>
      <c r="J4716" s="1" t="s">
        <v>18409</v>
      </c>
    </row>
    <row r="4717" spans="1:10" x14ac:dyDescent="0.35">
      <c r="A4717" s="1" t="s">
        <v>18294</v>
      </c>
      <c r="B4717" s="1" t="s">
        <v>16851</v>
      </c>
      <c r="C4717" s="1" t="s">
        <v>155</v>
      </c>
      <c r="D4717" s="1" t="s">
        <v>18410</v>
      </c>
      <c r="E4717" s="1" t="s">
        <v>18411</v>
      </c>
      <c r="F4717" s="1" t="s">
        <v>18412</v>
      </c>
      <c r="G4717" s="1" t="s">
        <v>18298</v>
      </c>
      <c r="H4717" s="1" t="s">
        <v>18299</v>
      </c>
      <c r="I4717" s="1" t="s">
        <v>16857</v>
      </c>
      <c r="J4717" s="1" t="s">
        <v>18413</v>
      </c>
    </row>
    <row r="4718" spans="1:10" x14ac:dyDescent="0.35">
      <c r="A4718" s="1" t="s">
        <v>18294</v>
      </c>
      <c r="B4718" s="1" t="s">
        <v>16851</v>
      </c>
      <c r="C4718" s="1" t="s">
        <v>160</v>
      </c>
      <c r="D4718" s="1" t="s">
        <v>18414</v>
      </c>
      <c r="E4718" s="1" t="s">
        <v>18415</v>
      </c>
      <c r="F4718" s="1" t="s">
        <v>18416</v>
      </c>
      <c r="G4718" s="1" t="s">
        <v>18298</v>
      </c>
      <c r="H4718" s="1" t="s">
        <v>18299</v>
      </c>
      <c r="I4718" s="1" t="s">
        <v>16857</v>
      </c>
      <c r="J4718" s="1" t="s">
        <v>18417</v>
      </c>
    </row>
    <row r="4719" spans="1:10" x14ac:dyDescent="0.35">
      <c r="A4719" s="1" t="s">
        <v>18294</v>
      </c>
      <c r="B4719" s="1" t="s">
        <v>16851</v>
      </c>
      <c r="C4719" s="1" t="s">
        <v>165</v>
      </c>
      <c r="D4719" s="1" t="s">
        <v>18418</v>
      </c>
      <c r="E4719" s="1" t="s">
        <v>18419</v>
      </c>
      <c r="F4719" s="1" t="s">
        <v>18420</v>
      </c>
      <c r="G4719" s="1" t="s">
        <v>18298</v>
      </c>
      <c r="H4719" s="1" t="s">
        <v>18299</v>
      </c>
      <c r="I4719" s="1" t="s">
        <v>16857</v>
      </c>
      <c r="J4719" s="1" t="s">
        <v>18421</v>
      </c>
    </row>
    <row r="4720" spans="1:10" x14ac:dyDescent="0.35">
      <c r="A4720" s="1" t="s">
        <v>18294</v>
      </c>
      <c r="B4720" s="1" t="s">
        <v>16851</v>
      </c>
      <c r="C4720" s="1" t="s">
        <v>170</v>
      </c>
      <c r="D4720" s="1" t="s">
        <v>18422</v>
      </c>
      <c r="E4720" s="1" t="s">
        <v>18423</v>
      </c>
      <c r="F4720" s="1" t="s">
        <v>18424</v>
      </c>
      <c r="G4720" s="1" t="s">
        <v>18298</v>
      </c>
      <c r="H4720" s="1" t="s">
        <v>18299</v>
      </c>
      <c r="I4720" s="1" t="s">
        <v>16857</v>
      </c>
      <c r="J4720" s="1" t="s">
        <v>18425</v>
      </c>
    </row>
    <row r="4721" spans="1:10" x14ac:dyDescent="0.35">
      <c r="A4721" s="1" t="s">
        <v>18426</v>
      </c>
      <c r="B4721" s="1" t="s">
        <v>16851</v>
      </c>
      <c r="C4721" s="1" t="s">
        <v>8</v>
      </c>
      <c r="D4721" s="1" t="s">
        <v>15621</v>
      </c>
      <c r="E4721" s="1" t="s">
        <v>18427</v>
      </c>
      <c r="F4721" s="1" t="s">
        <v>18428</v>
      </c>
      <c r="G4721" s="1" t="s">
        <v>18429</v>
      </c>
      <c r="H4721" s="1" t="s">
        <v>18430</v>
      </c>
      <c r="I4721" s="1" t="s">
        <v>16857</v>
      </c>
      <c r="J4721" s="1" t="s">
        <v>13</v>
      </c>
    </row>
    <row r="4722" spans="1:10" x14ac:dyDescent="0.35">
      <c r="A4722" s="1" t="s">
        <v>18426</v>
      </c>
      <c r="B4722" s="1" t="s">
        <v>16851</v>
      </c>
      <c r="C4722" s="1" t="s">
        <v>15</v>
      </c>
      <c r="D4722" s="1" t="s">
        <v>18431</v>
      </c>
      <c r="E4722" s="1" t="s">
        <v>18432</v>
      </c>
      <c r="F4722" s="1" t="s">
        <v>18433</v>
      </c>
      <c r="G4722" s="1" t="s">
        <v>18429</v>
      </c>
      <c r="H4722" s="1" t="s">
        <v>18430</v>
      </c>
      <c r="I4722" s="1" t="s">
        <v>16857</v>
      </c>
      <c r="J4722" s="1" t="s">
        <v>18434</v>
      </c>
    </row>
    <row r="4723" spans="1:10" x14ac:dyDescent="0.35">
      <c r="A4723" s="1" t="s">
        <v>18426</v>
      </c>
      <c r="B4723" s="1" t="s">
        <v>16851</v>
      </c>
      <c r="C4723" s="1" t="s">
        <v>20</v>
      </c>
      <c r="D4723" s="1" t="s">
        <v>18435</v>
      </c>
      <c r="E4723" s="1" t="s">
        <v>18436</v>
      </c>
      <c r="F4723" s="1" t="s">
        <v>18437</v>
      </c>
      <c r="G4723" s="1" t="s">
        <v>18429</v>
      </c>
      <c r="H4723" s="1" t="s">
        <v>18430</v>
      </c>
      <c r="I4723" s="1" t="s">
        <v>16857</v>
      </c>
      <c r="J4723" s="1" t="s">
        <v>18438</v>
      </c>
    </row>
    <row r="4724" spans="1:10" x14ac:dyDescent="0.35">
      <c r="A4724" s="1" t="s">
        <v>18426</v>
      </c>
      <c r="B4724" s="1" t="s">
        <v>16851</v>
      </c>
      <c r="C4724" s="1" t="s">
        <v>25</v>
      </c>
      <c r="D4724" s="1" t="s">
        <v>18439</v>
      </c>
      <c r="E4724" s="1" t="s">
        <v>18440</v>
      </c>
      <c r="F4724" s="1" t="s">
        <v>18441</v>
      </c>
      <c r="G4724" s="1" t="s">
        <v>18429</v>
      </c>
      <c r="H4724" s="1" t="s">
        <v>18430</v>
      </c>
      <c r="I4724" s="1" t="s">
        <v>16857</v>
      </c>
      <c r="J4724" s="1" t="s">
        <v>18442</v>
      </c>
    </row>
    <row r="4725" spans="1:10" x14ac:dyDescent="0.35">
      <c r="A4725" s="1" t="s">
        <v>18426</v>
      </c>
      <c r="B4725" s="1" t="s">
        <v>16851</v>
      </c>
      <c r="C4725" s="1" t="s">
        <v>30</v>
      </c>
      <c r="D4725" s="1" t="s">
        <v>18443</v>
      </c>
      <c r="E4725" s="1" t="s">
        <v>18444</v>
      </c>
      <c r="F4725" s="1" t="s">
        <v>18445</v>
      </c>
      <c r="G4725" s="1" t="s">
        <v>18429</v>
      </c>
      <c r="H4725" s="1" t="s">
        <v>18430</v>
      </c>
      <c r="I4725" s="1" t="s">
        <v>16857</v>
      </c>
      <c r="J4725" s="1" t="s">
        <v>18446</v>
      </c>
    </row>
    <row r="4726" spans="1:10" x14ac:dyDescent="0.35">
      <c r="A4726" s="1" t="s">
        <v>18426</v>
      </c>
      <c r="B4726" s="1" t="s">
        <v>16851</v>
      </c>
      <c r="C4726" s="1" t="s">
        <v>35</v>
      </c>
      <c r="D4726" s="1" t="s">
        <v>18447</v>
      </c>
      <c r="E4726" s="1" t="s">
        <v>18448</v>
      </c>
      <c r="F4726" s="1" t="s">
        <v>18449</v>
      </c>
      <c r="G4726" s="1" t="s">
        <v>18429</v>
      </c>
      <c r="H4726" s="1" t="s">
        <v>18430</v>
      </c>
      <c r="I4726" s="1" t="s">
        <v>16857</v>
      </c>
      <c r="J4726" s="1" t="s">
        <v>18450</v>
      </c>
    </row>
    <row r="4727" spans="1:10" x14ac:dyDescent="0.35">
      <c r="A4727" s="1" t="s">
        <v>18426</v>
      </c>
      <c r="B4727" s="1" t="s">
        <v>16851</v>
      </c>
      <c r="C4727" s="1" t="s">
        <v>40</v>
      </c>
      <c r="D4727" s="1" t="s">
        <v>18451</v>
      </c>
      <c r="E4727" s="1" t="s">
        <v>18452</v>
      </c>
      <c r="F4727" s="1" t="s">
        <v>18453</v>
      </c>
      <c r="G4727" s="1" t="s">
        <v>18429</v>
      </c>
      <c r="H4727" s="1" t="s">
        <v>18430</v>
      </c>
      <c r="I4727" s="1" t="s">
        <v>16857</v>
      </c>
      <c r="J4727" s="1" t="s">
        <v>18454</v>
      </c>
    </row>
    <row r="4728" spans="1:10" x14ac:dyDescent="0.35">
      <c r="A4728" s="1" t="s">
        <v>18426</v>
      </c>
      <c r="B4728" s="1" t="s">
        <v>16851</v>
      </c>
      <c r="C4728" s="1" t="s">
        <v>45</v>
      </c>
      <c r="D4728" s="1" t="s">
        <v>18455</v>
      </c>
      <c r="E4728" s="1" t="s">
        <v>18456</v>
      </c>
      <c r="F4728" s="1" t="s">
        <v>18457</v>
      </c>
      <c r="G4728" s="1" t="s">
        <v>18429</v>
      </c>
      <c r="H4728" s="1" t="s">
        <v>18430</v>
      </c>
      <c r="I4728" s="1" t="s">
        <v>16857</v>
      </c>
      <c r="J4728" s="1" t="s">
        <v>18458</v>
      </c>
    </row>
    <row r="4729" spans="1:10" x14ac:dyDescent="0.35">
      <c r="A4729" s="1" t="s">
        <v>18426</v>
      </c>
      <c r="B4729" s="1" t="s">
        <v>16851</v>
      </c>
      <c r="C4729" s="1" t="s">
        <v>50</v>
      </c>
      <c r="D4729" s="1" t="s">
        <v>18459</v>
      </c>
      <c r="E4729" s="1" t="s">
        <v>18460</v>
      </c>
      <c r="F4729" s="1" t="s">
        <v>18461</v>
      </c>
      <c r="G4729" s="1" t="s">
        <v>18429</v>
      </c>
      <c r="H4729" s="1" t="s">
        <v>18430</v>
      </c>
      <c r="I4729" s="1" t="s">
        <v>16857</v>
      </c>
      <c r="J4729" s="1" t="s">
        <v>18462</v>
      </c>
    </row>
    <row r="4730" spans="1:10" x14ac:dyDescent="0.35">
      <c r="A4730" s="1" t="s">
        <v>18426</v>
      </c>
      <c r="B4730" s="1" t="s">
        <v>16851</v>
      </c>
      <c r="C4730" s="1" t="s">
        <v>55</v>
      </c>
      <c r="D4730" s="1" t="s">
        <v>3695</v>
      </c>
      <c r="E4730" s="1" t="s">
        <v>18463</v>
      </c>
      <c r="F4730" s="1" t="s">
        <v>18464</v>
      </c>
      <c r="G4730" s="1" t="s">
        <v>18429</v>
      </c>
      <c r="H4730" s="1" t="s">
        <v>18430</v>
      </c>
      <c r="I4730" s="1" t="s">
        <v>16857</v>
      </c>
      <c r="J4730" s="1" t="s">
        <v>18465</v>
      </c>
    </row>
    <row r="4731" spans="1:10" x14ac:dyDescent="0.35">
      <c r="A4731" s="1" t="s">
        <v>18426</v>
      </c>
      <c r="B4731" s="1" t="s">
        <v>16851</v>
      </c>
      <c r="C4731" s="1" t="s">
        <v>60</v>
      </c>
      <c r="D4731" s="1" t="s">
        <v>18466</v>
      </c>
      <c r="E4731" s="1" t="s">
        <v>18467</v>
      </c>
      <c r="F4731" s="1" t="s">
        <v>18468</v>
      </c>
      <c r="G4731" s="1" t="s">
        <v>18429</v>
      </c>
      <c r="H4731" s="1" t="s">
        <v>18430</v>
      </c>
      <c r="I4731" s="1" t="s">
        <v>16857</v>
      </c>
      <c r="J4731" s="1" t="s">
        <v>18469</v>
      </c>
    </row>
    <row r="4732" spans="1:10" x14ac:dyDescent="0.35">
      <c r="A4732" s="1" t="s">
        <v>18426</v>
      </c>
      <c r="B4732" s="1" t="s">
        <v>16851</v>
      </c>
      <c r="C4732" s="1" t="s">
        <v>65</v>
      </c>
      <c r="D4732" s="1" t="s">
        <v>18470</v>
      </c>
      <c r="E4732" s="1" t="s">
        <v>18471</v>
      </c>
      <c r="F4732" s="1" t="s">
        <v>18472</v>
      </c>
      <c r="G4732" s="1" t="s">
        <v>18429</v>
      </c>
      <c r="H4732" s="1" t="s">
        <v>18430</v>
      </c>
      <c r="I4732" s="1" t="s">
        <v>16857</v>
      </c>
      <c r="J4732" s="1" t="s">
        <v>18473</v>
      </c>
    </row>
    <row r="4733" spans="1:10" x14ac:dyDescent="0.35">
      <c r="A4733" s="1" t="s">
        <v>18426</v>
      </c>
      <c r="B4733" s="1" t="s">
        <v>16851</v>
      </c>
      <c r="C4733" s="1" t="s">
        <v>70</v>
      </c>
      <c r="D4733" s="1" t="s">
        <v>18474</v>
      </c>
      <c r="E4733" s="1" t="s">
        <v>18475</v>
      </c>
      <c r="F4733" s="1" t="s">
        <v>18476</v>
      </c>
      <c r="G4733" s="1" t="s">
        <v>18429</v>
      </c>
      <c r="H4733" s="1" t="s">
        <v>18430</v>
      </c>
      <c r="I4733" s="1" t="s">
        <v>16857</v>
      </c>
      <c r="J4733" s="1" t="s">
        <v>18477</v>
      </c>
    </row>
    <row r="4734" spans="1:10" x14ac:dyDescent="0.35">
      <c r="A4734" s="1" t="s">
        <v>18426</v>
      </c>
      <c r="B4734" s="1" t="s">
        <v>16851</v>
      </c>
      <c r="C4734" s="1" t="s">
        <v>75</v>
      </c>
      <c r="D4734" s="1" t="s">
        <v>18478</v>
      </c>
      <c r="E4734" s="1" t="s">
        <v>18479</v>
      </c>
      <c r="F4734" s="1" t="s">
        <v>18480</v>
      </c>
      <c r="G4734" s="1" t="s">
        <v>18429</v>
      </c>
      <c r="H4734" s="1" t="s">
        <v>18430</v>
      </c>
      <c r="I4734" s="1" t="s">
        <v>16857</v>
      </c>
      <c r="J4734" s="1" t="s">
        <v>18481</v>
      </c>
    </row>
    <row r="4735" spans="1:10" x14ac:dyDescent="0.35">
      <c r="A4735" s="1" t="s">
        <v>18426</v>
      </c>
      <c r="B4735" s="1" t="s">
        <v>16851</v>
      </c>
      <c r="C4735" s="1" t="s">
        <v>80</v>
      </c>
      <c r="D4735" s="1" t="s">
        <v>18482</v>
      </c>
      <c r="E4735" s="1" t="s">
        <v>18483</v>
      </c>
      <c r="F4735" s="1" t="s">
        <v>18484</v>
      </c>
      <c r="G4735" s="1" t="s">
        <v>18429</v>
      </c>
      <c r="H4735" s="1" t="s">
        <v>18430</v>
      </c>
      <c r="I4735" s="1" t="s">
        <v>16857</v>
      </c>
      <c r="J4735" s="1" t="s">
        <v>18485</v>
      </c>
    </row>
    <row r="4736" spans="1:10" x14ac:dyDescent="0.35">
      <c r="A4736" s="1" t="s">
        <v>18426</v>
      </c>
      <c r="B4736" s="1" t="s">
        <v>16851</v>
      </c>
      <c r="C4736" s="1" t="s">
        <v>85</v>
      </c>
      <c r="D4736" s="1" t="s">
        <v>18486</v>
      </c>
      <c r="E4736" s="1" t="s">
        <v>18487</v>
      </c>
      <c r="F4736" s="1" t="s">
        <v>18488</v>
      </c>
      <c r="G4736" s="1" t="s">
        <v>18429</v>
      </c>
      <c r="H4736" s="1" t="s">
        <v>18430</v>
      </c>
      <c r="I4736" s="1" t="s">
        <v>16857</v>
      </c>
      <c r="J4736" s="1" t="s">
        <v>18489</v>
      </c>
    </row>
    <row r="4737" spans="1:10" x14ac:dyDescent="0.35">
      <c r="A4737" s="1" t="s">
        <v>18426</v>
      </c>
      <c r="B4737" s="1" t="s">
        <v>16851</v>
      </c>
      <c r="C4737" s="1" t="s">
        <v>90</v>
      </c>
      <c r="D4737" s="1" t="s">
        <v>18490</v>
      </c>
      <c r="E4737" s="1" t="s">
        <v>18491</v>
      </c>
      <c r="F4737" s="1" t="s">
        <v>18492</v>
      </c>
      <c r="G4737" s="1" t="s">
        <v>18429</v>
      </c>
      <c r="H4737" s="1" t="s">
        <v>18430</v>
      </c>
      <c r="I4737" s="1" t="s">
        <v>16857</v>
      </c>
      <c r="J4737" s="1" t="s">
        <v>18493</v>
      </c>
    </row>
    <row r="4738" spans="1:10" x14ac:dyDescent="0.35">
      <c r="A4738" s="1" t="s">
        <v>18426</v>
      </c>
      <c r="B4738" s="1" t="s">
        <v>16851</v>
      </c>
      <c r="C4738" s="1" t="s">
        <v>95</v>
      </c>
      <c r="D4738" s="1" t="s">
        <v>18494</v>
      </c>
      <c r="E4738" s="1" t="s">
        <v>18495</v>
      </c>
      <c r="F4738" s="1" t="s">
        <v>18496</v>
      </c>
      <c r="G4738" s="1" t="s">
        <v>18429</v>
      </c>
      <c r="H4738" s="1" t="s">
        <v>18430</v>
      </c>
      <c r="I4738" s="1" t="s">
        <v>16857</v>
      </c>
      <c r="J4738" s="1" t="s">
        <v>18497</v>
      </c>
    </row>
    <row r="4739" spans="1:10" x14ac:dyDescent="0.35">
      <c r="A4739" s="1" t="s">
        <v>18426</v>
      </c>
      <c r="B4739" s="1" t="s">
        <v>16851</v>
      </c>
      <c r="C4739" s="1" t="s">
        <v>100</v>
      </c>
      <c r="D4739" s="1" t="s">
        <v>18498</v>
      </c>
      <c r="E4739" s="1" t="s">
        <v>18499</v>
      </c>
      <c r="F4739" s="1" t="s">
        <v>18500</v>
      </c>
      <c r="G4739" s="1" t="s">
        <v>18429</v>
      </c>
      <c r="H4739" s="1" t="s">
        <v>18430</v>
      </c>
      <c r="I4739" s="1" t="s">
        <v>16857</v>
      </c>
      <c r="J4739" s="1" t="s">
        <v>18501</v>
      </c>
    </row>
    <row r="4740" spans="1:10" x14ac:dyDescent="0.35">
      <c r="A4740" s="1" t="s">
        <v>18426</v>
      </c>
      <c r="B4740" s="1" t="s">
        <v>16851</v>
      </c>
      <c r="C4740" s="1" t="s">
        <v>105</v>
      </c>
      <c r="D4740" s="1" t="s">
        <v>18502</v>
      </c>
      <c r="E4740" s="1" t="s">
        <v>18503</v>
      </c>
      <c r="F4740" s="1" t="s">
        <v>18504</v>
      </c>
      <c r="G4740" s="1" t="s">
        <v>18429</v>
      </c>
      <c r="H4740" s="1" t="s">
        <v>18430</v>
      </c>
      <c r="I4740" s="1" t="s">
        <v>16857</v>
      </c>
      <c r="J4740" s="1" t="s">
        <v>18505</v>
      </c>
    </row>
    <row r="4741" spans="1:10" x14ac:dyDescent="0.35">
      <c r="A4741" s="1" t="s">
        <v>18426</v>
      </c>
      <c r="B4741" s="1" t="s">
        <v>16851</v>
      </c>
      <c r="C4741" s="1" t="s">
        <v>110</v>
      </c>
      <c r="D4741" s="1" t="s">
        <v>18506</v>
      </c>
      <c r="E4741" s="1" t="s">
        <v>18507</v>
      </c>
      <c r="F4741" s="1" t="s">
        <v>18508</v>
      </c>
      <c r="G4741" s="1" t="s">
        <v>18429</v>
      </c>
      <c r="H4741" s="1" t="s">
        <v>18430</v>
      </c>
      <c r="I4741" s="1" t="s">
        <v>16857</v>
      </c>
      <c r="J4741" s="1" t="s">
        <v>18509</v>
      </c>
    </row>
    <row r="4742" spans="1:10" x14ac:dyDescent="0.35">
      <c r="A4742" s="1" t="s">
        <v>18426</v>
      </c>
      <c r="B4742" s="1" t="s">
        <v>16851</v>
      </c>
      <c r="C4742" s="1" t="s">
        <v>115</v>
      </c>
      <c r="D4742" s="1" t="s">
        <v>18510</v>
      </c>
      <c r="E4742" s="1" t="s">
        <v>18511</v>
      </c>
      <c r="F4742" s="1" t="s">
        <v>18512</v>
      </c>
      <c r="G4742" s="1" t="s">
        <v>18429</v>
      </c>
      <c r="H4742" s="1" t="s">
        <v>18430</v>
      </c>
      <c r="I4742" s="1" t="s">
        <v>16857</v>
      </c>
      <c r="J4742" s="1" t="s">
        <v>18513</v>
      </c>
    </row>
    <row r="4743" spans="1:10" x14ac:dyDescent="0.35">
      <c r="A4743" s="1" t="s">
        <v>18426</v>
      </c>
      <c r="B4743" s="1" t="s">
        <v>16851</v>
      </c>
      <c r="C4743" s="1" t="s">
        <v>120</v>
      </c>
      <c r="D4743" s="1" t="s">
        <v>18514</v>
      </c>
      <c r="E4743" s="1" t="s">
        <v>18515</v>
      </c>
      <c r="F4743" s="1" t="s">
        <v>18516</v>
      </c>
      <c r="G4743" s="1" t="s">
        <v>18429</v>
      </c>
      <c r="H4743" s="1" t="s">
        <v>18430</v>
      </c>
      <c r="I4743" s="1" t="s">
        <v>16857</v>
      </c>
      <c r="J4743" s="1" t="s">
        <v>18517</v>
      </c>
    </row>
    <row r="4744" spans="1:10" x14ac:dyDescent="0.35">
      <c r="A4744" s="1" t="s">
        <v>18426</v>
      </c>
      <c r="B4744" s="1" t="s">
        <v>16851</v>
      </c>
      <c r="C4744" s="1" t="s">
        <v>125</v>
      </c>
      <c r="D4744" s="1" t="s">
        <v>18518</v>
      </c>
      <c r="E4744" s="1" t="s">
        <v>18519</v>
      </c>
      <c r="F4744" s="1" t="s">
        <v>18520</v>
      </c>
      <c r="G4744" s="1" t="s">
        <v>18429</v>
      </c>
      <c r="H4744" s="1" t="s">
        <v>18430</v>
      </c>
      <c r="I4744" s="1" t="s">
        <v>16857</v>
      </c>
      <c r="J4744" s="1" t="s">
        <v>18521</v>
      </c>
    </row>
    <row r="4745" spans="1:10" x14ac:dyDescent="0.35">
      <c r="A4745" s="1" t="s">
        <v>18426</v>
      </c>
      <c r="B4745" s="1" t="s">
        <v>16851</v>
      </c>
      <c r="C4745" s="1" t="s">
        <v>130</v>
      </c>
      <c r="D4745" s="1" t="s">
        <v>18522</v>
      </c>
      <c r="E4745" s="1" t="s">
        <v>18523</v>
      </c>
      <c r="F4745" s="1" t="s">
        <v>18524</v>
      </c>
      <c r="G4745" s="1" t="s">
        <v>18429</v>
      </c>
      <c r="H4745" s="1" t="s">
        <v>18430</v>
      </c>
      <c r="I4745" s="1" t="s">
        <v>16857</v>
      </c>
      <c r="J4745" s="1" t="s">
        <v>18525</v>
      </c>
    </row>
    <row r="4746" spans="1:10" x14ac:dyDescent="0.35">
      <c r="A4746" s="1" t="s">
        <v>18426</v>
      </c>
      <c r="B4746" s="1" t="s">
        <v>16851</v>
      </c>
      <c r="C4746" s="1" t="s">
        <v>135</v>
      </c>
      <c r="D4746" s="1" t="s">
        <v>18526</v>
      </c>
      <c r="E4746" s="1" t="s">
        <v>18527</v>
      </c>
      <c r="F4746" s="1" t="s">
        <v>18528</v>
      </c>
      <c r="G4746" s="1" t="s">
        <v>18429</v>
      </c>
      <c r="H4746" s="1" t="s">
        <v>18430</v>
      </c>
      <c r="I4746" s="1" t="s">
        <v>16857</v>
      </c>
      <c r="J4746" s="1" t="s">
        <v>18529</v>
      </c>
    </row>
    <row r="4747" spans="1:10" x14ac:dyDescent="0.35">
      <c r="A4747" s="1" t="s">
        <v>18426</v>
      </c>
      <c r="B4747" s="1" t="s">
        <v>16851</v>
      </c>
      <c r="C4747" s="1" t="s">
        <v>140</v>
      </c>
      <c r="D4747" s="1" t="s">
        <v>18530</v>
      </c>
      <c r="E4747" s="1" t="s">
        <v>18531</v>
      </c>
      <c r="F4747" s="1" t="s">
        <v>18532</v>
      </c>
      <c r="G4747" s="1" t="s">
        <v>18429</v>
      </c>
      <c r="H4747" s="1" t="s">
        <v>18430</v>
      </c>
      <c r="I4747" s="1" t="s">
        <v>16857</v>
      </c>
      <c r="J4747" s="1" t="s">
        <v>18533</v>
      </c>
    </row>
    <row r="4748" spans="1:10" x14ac:dyDescent="0.35">
      <c r="A4748" s="1" t="s">
        <v>18426</v>
      </c>
      <c r="B4748" s="1" t="s">
        <v>16851</v>
      </c>
      <c r="C4748" s="1" t="s">
        <v>145</v>
      </c>
      <c r="D4748" s="1" t="s">
        <v>18534</v>
      </c>
      <c r="E4748" s="1" t="s">
        <v>18535</v>
      </c>
      <c r="F4748" s="1" t="s">
        <v>18536</v>
      </c>
      <c r="G4748" s="1" t="s">
        <v>18429</v>
      </c>
      <c r="H4748" s="1" t="s">
        <v>18430</v>
      </c>
      <c r="I4748" s="1" t="s">
        <v>16857</v>
      </c>
      <c r="J4748" s="1" t="s">
        <v>18537</v>
      </c>
    </row>
    <row r="4749" spans="1:10" x14ac:dyDescent="0.35">
      <c r="A4749" s="1" t="s">
        <v>18426</v>
      </c>
      <c r="B4749" s="1" t="s">
        <v>16851</v>
      </c>
      <c r="C4749" s="1" t="s">
        <v>150</v>
      </c>
      <c r="D4749" s="1" t="s">
        <v>18538</v>
      </c>
      <c r="E4749" s="1" t="s">
        <v>18539</v>
      </c>
      <c r="F4749" s="1" t="s">
        <v>18540</v>
      </c>
      <c r="G4749" s="1" t="s">
        <v>18429</v>
      </c>
      <c r="H4749" s="1" t="s">
        <v>18430</v>
      </c>
      <c r="I4749" s="1" t="s">
        <v>16857</v>
      </c>
      <c r="J4749" s="1" t="s">
        <v>18541</v>
      </c>
    </row>
    <row r="4750" spans="1:10" x14ac:dyDescent="0.35">
      <c r="A4750" s="1" t="s">
        <v>18426</v>
      </c>
      <c r="B4750" s="1" t="s">
        <v>16851</v>
      </c>
      <c r="C4750" s="1" t="s">
        <v>155</v>
      </c>
      <c r="D4750" s="1" t="s">
        <v>18542</v>
      </c>
      <c r="E4750" s="1" t="s">
        <v>18543</v>
      </c>
      <c r="F4750" s="1" t="s">
        <v>18544</v>
      </c>
      <c r="G4750" s="1" t="s">
        <v>18429</v>
      </c>
      <c r="H4750" s="1" t="s">
        <v>18430</v>
      </c>
      <c r="I4750" s="1" t="s">
        <v>16857</v>
      </c>
      <c r="J4750" s="1" t="s">
        <v>18545</v>
      </c>
    </row>
    <row r="4751" spans="1:10" x14ac:dyDescent="0.35">
      <c r="A4751" s="1" t="s">
        <v>18426</v>
      </c>
      <c r="B4751" s="1" t="s">
        <v>16851</v>
      </c>
      <c r="C4751" s="1" t="s">
        <v>160</v>
      </c>
      <c r="D4751" s="1" t="s">
        <v>679</v>
      </c>
      <c r="E4751" s="1" t="s">
        <v>18546</v>
      </c>
      <c r="F4751" s="1" t="s">
        <v>18547</v>
      </c>
      <c r="G4751" s="1" t="s">
        <v>18429</v>
      </c>
      <c r="H4751" s="1" t="s">
        <v>18430</v>
      </c>
      <c r="I4751" s="1" t="s">
        <v>16857</v>
      </c>
      <c r="J4751" s="1" t="s">
        <v>18548</v>
      </c>
    </row>
    <row r="4752" spans="1:10" x14ac:dyDescent="0.35">
      <c r="A4752" s="1" t="s">
        <v>18426</v>
      </c>
      <c r="B4752" s="1" t="s">
        <v>16851</v>
      </c>
      <c r="C4752" s="1" t="s">
        <v>165</v>
      </c>
      <c r="D4752" s="1" t="s">
        <v>18549</v>
      </c>
      <c r="E4752" s="1" t="s">
        <v>18550</v>
      </c>
      <c r="F4752" s="1" t="s">
        <v>18551</v>
      </c>
      <c r="G4752" s="1" t="s">
        <v>18429</v>
      </c>
      <c r="H4752" s="1" t="s">
        <v>18430</v>
      </c>
      <c r="I4752" s="1" t="s">
        <v>16857</v>
      </c>
      <c r="J4752" s="1" t="s">
        <v>18552</v>
      </c>
    </row>
    <row r="4753" spans="1:10" x14ac:dyDescent="0.35">
      <c r="A4753" s="1" t="s">
        <v>18426</v>
      </c>
      <c r="B4753" s="1" t="s">
        <v>16851</v>
      </c>
      <c r="C4753" s="1" t="s">
        <v>170</v>
      </c>
      <c r="D4753" s="1" t="s">
        <v>18553</v>
      </c>
      <c r="E4753" s="1" t="s">
        <v>18554</v>
      </c>
      <c r="F4753" s="1" t="s">
        <v>18555</v>
      </c>
      <c r="G4753" s="1" t="s">
        <v>18429</v>
      </c>
      <c r="H4753" s="1" t="s">
        <v>18430</v>
      </c>
      <c r="I4753" s="1" t="s">
        <v>16857</v>
      </c>
      <c r="J4753" s="1" t="s">
        <v>18556</v>
      </c>
    </row>
    <row r="4754" spans="1:10" x14ac:dyDescent="0.35">
      <c r="A4754" s="1" t="s">
        <v>18557</v>
      </c>
      <c r="B4754" s="1" t="s">
        <v>16851</v>
      </c>
      <c r="C4754" s="1" t="s">
        <v>8</v>
      </c>
      <c r="D4754" s="1" t="s">
        <v>18558</v>
      </c>
      <c r="E4754" s="1" t="s">
        <v>18559</v>
      </c>
      <c r="F4754" s="1" t="s">
        <v>18560</v>
      </c>
      <c r="G4754" s="1" t="s">
        <v>18561</v>
      </c>
      <c r="H4754" s="1" t="s">
        <v>18562</v>
      </c>
      <c r="I4754" s="1" t="s">
        <v>16857</v>
      </c>
      <c r="J4754" s="1" t="s">
        <v>13</v>
      </c>
    </row>
    <row r="4755" spans="1:10" x14ac:dyDescent="0.35">
      <c r="A4755" s="1" t="s">
        <v>18557</v>
      </c>
      <c r="B4755" s="1" t="s">
        <v>16851</v>
      </c>
      <c r="C4755" s="1" t="s">
        <v>15</v>
      </c>
      <c r="D4755" s="1" t="s">
        <v>18563</v>
      </c>
      <c r="E4755" s="1" t="s">
        <v>18564</v>
      </c>
      <c r="F4755" s="1" t="s">
        <v>18565</v>
      </c>
      <c r="G4755" s="1" t="s">
        <v>18561</v>
      </c>
      <c r="H4755" s="1" t="s">
        <v>18562</v>
      </c>
      <c r="I4755" s="1" t="s">
        <v>16857</v>
      </c>
      <c r="J4755" s="1" t="s">
        <v>18566</v>
      </c>
    </row>
    <row r="4756" spans="1:10" x14ac:dyDescent="0.35">
      <c r="A4756" s="1" t="s">
        <v>18557</v>
      </c>
      <c r="B4756" s="1" t="s">
        <v>16851</v>
      </c>
      <c r="C4756" s="1" t="s">
        <v>20</v>
      </c>
      <c r="D4756" s="1" t="s">
        <v>18567</v>
      </c>
      <c r="E4756" s="1" t="s">
        <v>18568</v>
      </c>
      <c r="F4756" s="1" t="s">
        <v>18569</v>
      </c>
      <c r="G4756" s="1" t="s">
        <v>18561</v>
      </c>
      <c r="H4756" s="1" t="s">
        <v>18562</v>
      </c>
      <c r="I4756" s="1" t="s">
        <v>16857</v>
      </c>
      <c r="J4756" s="1" t="s">
        <v>18570</v>
      </c>
    </row>
    <row r="4757" spans="1:10" x14ac:dyDescent="0.35">
      <c r="A4757" s="1" t="s">
        <v>18557</v>
      </c>
      <c r="B4757" s="1" t="s">
        <v>16851</v>
      </c>
      <c r="C4757" s="1" t="s">
        <v>25</v>
      </c>
      <c r="D4757" s="1" t="s">
        <v>18571</v>
      </c>
      <c r="E4757" s="1" t="s">
        <v>18572</v>
      </c>
      <c r="F4757" s="1" t="s">
        <v>18573</v>
      </c>
      <c r="G4757" s="1" t="s">
        <v>18561</v>
      </c>
      <c r="H4757" s="1" t="s">
        <v>18562</v>
      </c>
      <c r="I4757" s="1" t="s">
        <v>16857</v>
      </c>
      <c r="J4757" s="1" t="s">
        <v>18574</v>
      </c>
    </row>
    <row r="4758" spans="1:10" x14ac:dyDescent="0.35">
      <c r="A4758" s="1" t="s">
        <v>18557</v>
      </c>
      <c r="B4758" s="1" t="s">
        <v>16851</v>
      </c>
      <c r="C4758" s="1" t="s">
        <v>30</v>
      </c>
      <c r="D4758" s="1" t="s">
        <v>18575</v>
      </c>
      <c r="E4758" s="1" t="s">
        <v>18576</v>
      </c>
      <c r="F4758" s="1" t="s">
        <v>18577</v>
      </c>
      <c r="G4758" s="1" t="s">
        <v>18561</v>
      </c>
      <c r="H4758" s="1" t="s">
        <v>18562</v>
      </c>
      <c r="I4758" s="1" t="s">
        <v>16857</v>
      </c>
      <c r="J4758" s="1" t="s">
        <v>18578</v>
      </c>
    </row>
    <row r="4759" spans="1:10" x14ac:dyDescent="0.35">
      <c r="A4759" s="1" t="s">
        <v>18557</v>
      </c>
      <c r="B4759" s="1" t="s">
        <v>16851</v>
      </c>
      <c r="C4759" s="1" t="s">
        <v>35</v>
      </c>
      <c r="D4759" s="1" t="s">
        <v>18579</v>
      </c>
      <c r="E4759" s="1" t="s">
        <v>18580</v>
      </c>
      <c r="F4759" s="1" t="s">
        <v>18581</v>
      </c>
      <c r="G4759" s="1" t="s">
        <v>18561</v>
      </c>
      <c r="H4759" s="1" t="s">
        <v>18562</v>
      </c>
      <c r="I4759" s="1" t="s">
        <v>16857</v>
      </c>
      <c r="J4759" s="1" t="s">
        <v>18582</v>
      </c>
    </row>
    <row r="4760" spans="1:10" x14ac:dyDescent="0.35">
      <c r="A4760" s="1" t="s">
        <v>18557</v>
      </c>
      <c r="B4760" s="1" t="s">
        <v>16851</v>
      </c>
      <c r="C4760" s="1" t="s">
        <v>40</v>
      </c>
      <c r="D4760" s="1" t="s">
        <v>18583</v>
      </c>
      <c r="E4760" s="1" t="s">
        <v>18584</v>
      </c>
      <c r="F4760" s="1" t="s">
        <v>18585</v>
      </c>
      <c r="G4760" s="1" t="s">
        <v>18561</v>
      </c>
      <c r="H4760" s="1" t="s">
        <v>18562</v>
      </c>
      <c r="I4760" s="1" t="s">
        <v>16857</v>
      </c>
      <c r="J4760" s="1" t="s">
        <v>18586</v>
      </c>
    </row>
    <row r="4761" spans="1:10" x14ac:dyDescent="0.35">
      <c r="A4761" s="1" t="s">
        <v>18557</v>
      </c>
      <c r="B4761" s="1" t="s">
        <v>16851</v>
      </c>
      <c r="C4761" s="1" t="s">
        <v>45</v>
      </c>
      <c r="D4761" s="1" t="s">
        <v>18587</v>
      </c>
      <c r="E4761" s="1" t="s">
        <v>18588</v>
      </c>
      <c r="F4761" s="1" t="s">
        <v>18589</v>
      </c>
      <c r="G4761" s="1" t="s">
        <v>18561</v>
      </c>
      <c r="H4761" s="1" t="s">
        <v>18562</v>
      </c>
      <c r="I4761" s="1" t="s">
        <v>16857</v>
      </c>
      <c r="J4761" s="1" t="s">
        <v>18590</v>
      </c>
    </row>
    <row r="4762" spans="1:10" x14ac:dyDescent="0.35">
      <c r="A4762" s="1" t="s">
        <v>18557</v>
      </c>
      <c r="B4762" s="1" t="s">
        <v>16851</v>
      </c>
      <c r="C4762" s="1" t="s">
        <v>50</v>
      </c>
      <c r="D4762" s="1" t="s">
        <v>18591</v>
      </c>
      <c r="E4762" s="1" t="s">
        <v>18592</v>
      </c>
      <c r="F4762" s="1" t="s">
        <v>18593</v>
      </c>
      <c r="G4762" s="1" t="s">
        <v>18561</v>
      </c>
      <c r="H4762" s="1" t="s">
        <v>18562</v>
      </c>
      <c r="I4762" s="1" t="s">
        <v>16857</v>
      </c>
      <c r="J4762" s="1" t="s">
        <v>18594</v>
      </c>
    </row>
    <row r="4763" spans="1:10" x14ac:dyDescent="0.35">
      <c r="A4763" s="1" t="s">
        <v>18557</v>
      </c>
      <c r="B4763" s="1" t="s">
        <v>16851</v>
      </c>
      <c r="C4763" s="1" t="s">
        <v>55</v>
      </c>
      <c r="D4763" s="1" t="s">
        <v>18595</v>
      </c>
      <c r="E4763" s="1" t="s">
        <v>18596</v>
      </c>
      <c r="F4763" s="1" t="s">
        <v>18597</v>
      </c>
      <c r="G4763" s="1" t="s">
        <v>18561</v>
      </c>
      <c r="H4763" s="1" t="s">
        <v>18562</v>
      </c>
      <c r="I4763" s="1" t="s">
        <v>16857</v>
      </c>
      <c r="J4763" s="1" t="s">
        <v>18598</v>
      </c>
    </row>
    <row r="4764" spans="1:10" x14ac:dyDescent="0.35">
      <c r="A4764" s="1" t="s">
        <v>18557</v>
      </c>
      <c r="B4764" s="1" t="s">
        <v>16851</v>
      </c>
      <c r="C4764" s="1" t="s">
        <v>60</v>
      </c>
      <c r="D4764" s="1" t="s">
        <v>18599</v>
      </c>
      <c r="E4764" s="1" t="s">
        <v>18600</v>
      </c>
      <c r="F4764" s="1" t="s">
        <v>18601</v>
      </c>
      <c r="G4764" s="1" t="s">
        <v>18561</v>
      </c>
      <c r="H4764" s="1" t="s">
        <v>18562</v>
      </c>
      <c r="I4764" s="1" t="s">
        <v>16857</v>
      </c>
      <c r="J4764" s="1" t="s">
        <v>18602</v>
      </c>
    </row>
    <row r="4765" spans="1:10" x14ac:dyDescent="0.35">
      <c r="A4765" s="1" t="s">
        <v>18557</v>
      </c>
      <c r="B4765" s="1" t="s">
        <v>16851</v>
      </c>
      <c r="C4765" s="1" t="s">
        <v>65</v>
      </c>
      <c r="D4765" s="1" t="s">
        <v>18603</v>
      </c>
      <c r="E4765" s="1" t="s">
        <v>18604</v>
      </c>
      <c r="F4765" s="1" t="s">
        <v>18605</v>
      </c>
      <c r="G4765" s="1" t="s">
        <v>18561</v>
      </c>
      <c r="H4765" s="1" t="s">
        <v>18562</v>
      </c>
      <c r="I4765" s="1" t="s">
        <v>16857</v>
      </c>
      <c r="J4765" s="1" t="s">
        <v>18606</v>
      </c>
    </row>
    <row r="4766" spans="1:10" x14ac:dyDescent="0.35">
      <c r="A4766" s="1" t="s">
        <v>18557</v>
      </c>
      <c r="B4766" s="1" t="s">
        <v>16851</v>
      </c>
      <c r="C4766" s="1" t="s">
        <v>70</v>
      </c>
      <c r="D4766" s="1" t="s">
        <v>18607</v>
      </c>
      <c r="E4766" s="1" t="s">
        <v>18608</v>
      </c>
      <c r="F4766" s="1" t="s">
        <v>18609</v>
      </c>
      <c r="G4766" s="1" t="s">
        <v>18561</v>
      </c>
      <c r="H4766" s="1" t="s">
        <v>18562</v>
      </c>
      <c r="I4766" s="1" t="s">
        <v>16857</v>
      </c>
      <c r="J4766" s="1" t="s">
        <v>18610</v>
      </c>
    </row>
    <row r="4767" spans="1:10" x14ac:dyDescent="0.35">
      <c r="A4767" s="1" t="s">
        <v>18557</v>
      </c>
      <c r="B4767" s="1" t="s">
        <v>16851</v>
      </c>
      <c r="C4767" s="1" t="s">
        <v>75</v>
      </c>
      <c r="D4767" s="1" t="s">
        <v>18611</v>
      </c>
      <c r="E4767" s="1" t="s">
        <v>18612</v>
      </c>
      <c r="F4767" s="1" t="s">
        <v>18613</v>
      </c>
      <c r="G4767" s="1" t="s">
        <v>18561</v>
      </c>
      <c r="H4767" s="1" t="s">
        <v>18562</v>
      </c>
      <c r="I4767" s="1" t="s">
        <v>16857</v>
      </c>
      <c r="J4767" s="1" t="s">
        <v>18614</v>
      </c>
    </row>
    <row r="4768" spans="1:10" x14ac:dyDescent="0.35">
      <c r="A4768" s="1" t="s">
        <v>18557</v>
      </c>
      <c r="B4768" s="1" t="s">
        <v>16851</v>
      </c>
      <c r="C4768" s="1" t="s">
        <v>80</v>
      </c>
      <c r="D4768" s="1" t="s">
        <v>18615</v>
      </c>
      <c r="E4768" s="1" t="s">
        <v>18616</v>
      </c>
      <c r="F4768" s="1" t="s">
        <v>18617</v>
      </c>
      <c r="G4768" s="1" t="s">
        <v>18561</v>
      </c>
      <c r="H4768" s="1" t="s">
        <v>18562</v>
      </c>
      <c r="I4768" s="1" t="s">
        <v>16857</v>
      </c>
      <c r="J4768" s="1" t="s">
        <v>18618</v>
      </c>
    </row>
    <row r="4769" spans="1:10" x14ac:dyDescent="0.35">
      <c r="A4769" s="1" t="s">
        <v>18557</v>
      </c>
      <c r="B4769" s="1" t="s">
        <v>16851</v>
      </c>
      <c r="C4769" s="1" t="s">
        <v>85</v>
      </c>
      <c r="D4769" s="1" t="s">
        <v>18619</v>
      </c>
      <c r="E4769" s="1" t="s">
        <v>18620</v>
      </c>
      <c r="F4769" s="1" t="s">
        <v>18621</v>
      </c>
      <c r="G4769" s="1" t="s">
        <v>18561</v>
      </c>
      <c r="H4769" s="1" t="s">
        <v>18562</v>
      </c>
      <c r="I4769" s="1" t="s">
        <v>16857</v>
      </c>
      <c r="J4769" s="1" t="s">
        <v>18622</v>
      </c>
    </row>
    <row r="4770" spans="1:10" x14ac:dyDescent="0.35">
      <c r="A4770" s="1" t="s">
        <v>18557</v>
      </c>
      <c r="B4770" s="1" t="s">
        <v>16851</v>
      </c>
      <c r="C4770" s="1" t="s">
        <v>90</v>
      </c>
      <c r="D4770" s="1" t="s">
        <v>18623</v>
      </c>
      <c r="E4770" s="1" t="s">
        <v>18624</v>
      </c>
      <c r="F4770" s="1" t="s">
        <v>18625</v>
      </c>
      <c r="G4770" s="1" t="s">
        <v>18561</v>
      </c>
      <c r="H4770" s="1" t="s">
        <v>18562</v>
      </c>
      <c r="I4770" s="1" t="s">
        <v>16857</v>
      </c>
      <c r="J4770" s="1" t="s">
        <v>18626</v>
      </c>
    </row>
    <row r="4771" spans="1:10" x14ac:dyDescent="0.35">
      <c r="A4771" s="1" t="s">
        <v>18557</v>
      </c>
      <c r="B4771" s="1" t="s">
        <v>16851</v>
      </c>
      <c r="C4771" s="1" t="s">
        <v>95</v>
      </c>
      <c r="D4771" s="1" t="s">
        <v>18627</v>
      </c>
      <c r="E4771" s="1" t="s">
        <v>18628</v>
      </c>
      <c r="F4771" s="1" t="s">
        <v>18629</v>
      </c>
      <c r="G4771" s="1" t="s">
        <v>18561</v>
      </c>
      <c r="H4771" s="1" t="s">
        <v>18562</v>
      </c>
      <c r="I4771" s="1" t="s">
        <v>16857</v>
      </c>
      <c r="J4771" s="1" t="s">
        <v>18630</v>
      </c>
    </row>
    <row r="4772" spans="1:10" x14ac:dyDescent="0.35">
      <c r="A4772" s="1" t="s">
        <v>18557</v>
      </c>
      <c r="B4772" s="1" t="s">
        <v>16851</v>
      </c>
      <c r="C4772" s="1" t="s">
        <v>100</v>
      </c>
      <c r="D4772" s="1" t="s">
        <v>18631</v>
      </c>
      <c r="E4772" s="1" t="s">
        <v>18632</v>
      </c>
      <c r="F4772" s="1" t="s">
        <v>18633</v>
      </c>
      <c r="G4772" s="1" t="s">
        <v>18561</v>
      </c>
      <c r="H4772" s="1" t="s">
        <v>18562</v>
      </c>
      <c r="I4772" s="1" t="s">
        <v>16857</v>
      </c>
      <c r="J4772" s="1" t="s">
        <v>18634</v>
      </c>
    </row>
    <row r="4773" spans="1:10" x14ac:dyDescent="0.35">
      <c r="A4773" s="1" t="s">
        <v>18557</v>
      </c>
      <c r="B4773" s="1" t="s">
        <v>16851</v>
      </c>
      <c r="C4773" s="1" t="s">
        <v>105</v>
      </c>
      <c r="D4773" s="1" t="s">
        <v>18635</v>
      </c>
      <c r="E4773" s="1" t="s">
        <v>18636</v>
      </c>
      <c r="F4773" s="1" t="s">
        <v>18637</v>
      </c>
      <c r="G4773" s="1" t="s">
        <v>18561</v>
      </c>
      <c r="H4773" s="1" t="s">
        <v>18562</v>
      </c>
      <c r="I4773" s="1" t="s">
        <v>16857</v>
      </c>
      <c r="J4773" s="1" t="s">
        <v>18638</v>
      </c>
    </row>
    <row r="4774" spans="1:10" x14ac:dyDescent="0.35">
      <c r="A4774" s="1" t="s">
        <v>18557</v>
      </c>
      <c r="B4774" s="1" t="s">
        <v>16851</v>
      </c>
      <c r="C4774" s="1" t="s">
        <v>110</v>
      </c>
      <c r="D4774" s="1" t="s">
        <v>18639</v>
      </c>
      <c r="E4774" s="1" t="s">
        <v>18640</v>
      </c>
      <c r="F4774" s="1" t="s">
        <v>18641</v>
      </c>
      <c r="G4774" s="1" t="s">
        <v>18561</v>
      </c>
      <c r="H4774" s="1" t="s">
        <v>18562</v>
      </c>
      <c r="I4774" s="1" t="s">
        <v>16857</v>
      </c>
      <c r="J4774" s="1" t="s">
        <v>18642</v>
      </c>
    </row>
    <row r="4775" spans="1:10" x14ac:dyDescent="0.35">
      <c r="A4775" s="1" t="s">
        <v>18557</v>
      </c>
      <c r="B4775" s="1" t="s">
        <v>16851</v>
      </c>
      <c r="C4775" s="1" t="s">
        <v>115</v>
      </c>
      <c r="D4775" s="1" t="s">
        <v>18643</v>
      </c>
      <c r="E4775" s="1" t="s">
        <v>18644</v>
      </c>
      <c r="F4775" s="1" t="s">
        <v>18645</v>
      </c>
      <c r="G4775" s="1" t="s">
        <v>18561</v>
      </c>
      <c r="H4775" s="1" t="s">
        <v>18562</v>
      </c>
      <c r="I4775" s="1" t="s">
        <v>16857</v>
      </c>
      <c r="J4775" s="1" t="s">
        <v>18646</v>
      </c>
    </row>
    <row r="4776" spans="1:10" x14ac:dyDescent="0.35">
      <c r="A4776" s="1" t="s">
        <v>18557</v>
      </c>
      <c r="B4776" s="1" t="s">
        <v>16851</v>
      </c>
      <c r="C4776" s="1" t="s">
        <v>120</v>
      </c>
      <c r="D4776" s="1" t="s">
        <v>18647</v>
      </c>
      <c r="E4776" s="1" t="s">
        <v>18648</v>
      </c>
      <c r="F4776" s="1" t="s">
        <v>18649</v>
      </c>
      <c r="G4776" s="1" t="s">
        <v>18561</v>
      </c>
      <c r="H4776" s="1" t="s">
        <v>18562</v>
      </c>
      <c r="I4776" s="1" t="s">
        <v>16857</v>
      </c>
      <c r="J4776" s="1" t="s">
        <v>18650</v>
      </c>
    </row>
    <row r="4777" spans="1:10" x14ac:dyDescent="0.35">
      <c r="A4777" s="1" t="s">
        <v>18557</v>
      </c>
      <c r="B4777" s="1" t="s">
        <v>16851</v>
      </c>
      <c r="C4777" s="1" t="s">
        <v>125</v>
      </c>
      <c r="D4777" s="1" t="s">
        <v>18651</v>
      </c>
      <c r="E4777" s="1" t="s">
        <v>18652</v>
      </c>
      <c r="F4777" s="1" t="s">
        <v>18653</v>
      </c>
      <c r="G4777" s="1" t="s">
        <v>18561</v>
      </c>
      <c r="H4777" s="1" t="s">
        <v>18562</v>
      </c>
      <c r="I4777" s="1" t="s">
        <v>16857</v>
      </c>
      <c r="J4777" s="1" t="s">
        <v>18654</v>
      </c>
    </row>
    <row r="4778" spans="1:10" x14ac:dyDescent="0.35">
      <c r="A4778" s="1" t="s">
        <v>18557</v>
      </c>
      <c r="B4778" s="1" t="s">
        <v>16851</v>
      </c>
      <c r="C4778" s="1" t="s">
        <v>130</v>
      </c>
      <c r="D4778" s="1" t="s">
        <v>18655</v>
      </c>
      <c r="E4778" s="1" t="s">
        <v>18656</v>
      </c>
      <c r="F4778" s="1" t="s">
        <v>18657</v>
      </c>
      <c r="G4778" s="1" t="s">
        <v>18561</v>
      </c>
      <c r="H4778" s="1" t="s">
        <v>18562</v>
      </c>
      <c r="I4778" s="1" t="s">
        <v>16857</v>
      </c>
      <c r="J4778" s="1" t="s">
        <v>18658</v>
      </c>
    </row>
    <row r="4779" spans="1:10" x14ac:dyDescent="0.35">
      <c r="A4779" s="1" t="s">
        <v>18557</v>
      </c>
      <c r="B4779" s="1" t="s">
        <v>16851</v>
      </c>
      <c r="C4779" s="1" t="s">
        <v>135</v>
      </c>
      <c r="D4779" s="1" t="s">
        <v>18659</v>
      </c>
      <c r="E4779" s="1" t="s">
        <v>18660</v>
      </c>
      <c r="F4779" s="1" t="s">
        <v>18661</v>
      </c>
      <c r="G4779" s="1" t="s">
        <v>18561</v>
      </c>
      <c r="H4779" s="1" t="s">
        <v>18562</v>
      </c>
      <c r="I4779" s="1" t="s">
        <v>16857</v>
      </c>
      <c r="J4779" s="1" t="s">
        <v>18662</v>
      </c>
    </row>
    <row r="4780" spans="1:10" x14ac:dyDescent="0.35">
      <c r="A4780" s="1" t="s">
        <v>18557</v>
      </c>
      <c r="B4780" s="1" t="s">
        <v>16851</v>
      </c>
      <c r="C4780" s="1" t="s">
        <v>140</v>
      </c>
      <c r="D4780" s="1" t="s">
        <v>18663</v>
      </c>
      <c r="E4780" s="1" t="s">
        <v>18664</v>
      </c>
      <c r="F4780" s="1" t="s">
        <v>18665</v>
      </c>
      <c r="G4780" s="1" t="s">
        <v>18561</v>
      </c>
      <c r="H4780" s="1" t="s">
        <v>18562</v>
      </c>
      <c r="I4780" s="1" t="s">
        <v>16857</v>
      </c>
      <c r="J4780" s="1" t="s">
        <v>18666</v>
      </c>
    </row>
    <row r="4781" spans="1:10" x14ac:dyDescent="0.35">
      <c r="A4781" s="1" t="s">
        <v>18557</v>
      </c>
      <c r="B4781" s="1" t="s">
        <v>16851</v>
      </c>
      <c r="C4781" s="1" t="s">
        <v>145</v>
      </c>
      <c r="D4781" s="1" t="s">
        <v>18667</v>
      </c>
      <c r="E4781" s="1" t="s">
        <v>18668</v>
      </c>
      <c r="F4781" s="1" t="s">
        <v>18669</v>
      </c>
      <c r="G4781" s="1" t="s">
        <v>18561</v>
      </c>
      <c r="H4781" s="1" t="s">
        <v>18562</v>
      </c>
      <c r="I4781" s="1" t="s">
        <v>16857</v>
      </c>
      <c r="J4781" s="1" t="s">
        <v>18670</v>
      </c>
    </row>
    <row r="4782" spans="1:10" x14ac:dyDescent="0.35">
      <c r="A4782" s="1" t="s">
        <v>18557</v>
      </c>
      <c r="B4782" s="1" t="s">
        <v>16851</v>
      </c>
      <c r="C4782" s="1" t="s">
        <v>150</v>
      </c>
      <c r="D4782" s="1" t="s">
        <v>18671</v>
      </c>
      <c r="E4782" s="1" t="s">
        <v>18672</v>
      </c>
      <c r="F4782" s="1" t="s">
        <v>18673</v>
      </c>
      <c r="G4782" s="1" t="s">
        <v>18561</v>
      </c>
      <c r="H4782" s="1" t="s">
        <v>18562</v>
      </c>
      <c r="I4782" s="1" t="s">
        <v>16857</v>
      </c>
      <c r="J4782" s="1" t="s">
        <v>18674</v>
      </c>
    </row>
    <row r="4783" spans="1:10" x14ac:dyDescent="0.35">
      <c r="A4783" s="1" t="s">
        <v>18557</v>
      </c>
      <c r="B4783" s="1" t="s">
        <v>16851</v>
      </c>
      <c r="C4783" s="1" t="s">
        <v>155</v>
      </c>
      <c r="D4783" s="1" t="s">
        <v>18675</v>
      </c>
      <c r="E4783" s="1" t="s">
        <v>18676</v>
      </c>
      <c r="F4783" s="1" t="s">
        <v>18677</v>
      </c>
      <c r="G4783" s="1" t="s">
        <v>18561</v>
      </c>
      <c r="H4783" s="1" t="s">
        <v>18562</v>
      </c>
      <c r="I4783" s="1" t="s">
        <v>16857</v>
      </c>
      <c r="J4783" s="1" t="s">
        <v>18678</v>
      </c>
    </row>
    <row r="4784" spans="1:10" x14ac:dyDescent="0.35">
      <c r="A4784" s="1" t="s">
        <v>18557</v>
      </c>
      <c r="B4784" s="1" t="s">
        <v>16851</v>
      </c>
      <c r="C4784" s="1" t="s">
        <v>160</v>
      </c>
      <c r="D4784" s="1" t="s">
        <v>18679</v>
      </c>
      <c r="E4784" s="1" t="s">
        <v>18680</v>
      </c>
      <c r="F4784" s="1" t="s">
        <v>18681</v>
      </c>
      <c r="G4784" s="1" t="s">
        <v>18561</v>
      </c>
      <c r="H4784" s="1" t="s">
        <v>18562</v>
      </c>
      <c r="I4784" s="1" t="s">
        <v>16857</v>
      </c>
      <c r="J4784" s="1" t="s">
        <v>18682</v>
      </c>
    </row>
    <row r="4785" spans="1:10" x14ac:dyDescent="0.35">
      <c r="A4785" s="1" t="s">
        <v>18557</v>
      </c>
      <c r="B4785" s="1" t="s">
        <v>16851</v>
      </c>
      <c r="C4785" s="1" t="s">
        <v>165</v>
      </c>
      <c r="D4785" s="1" t="s">
        <v>18683</v>
      </c>
      <c r="E4785" s="1" t="s">
        <v>18684</v>
      </c>
      <c r="F4785" s="1" t="s">
        <v>18685</v>
      </c>
      <c r="G4785" s="1" t="s">
        <v>18561</v>
      </c>
      <c r="H4785" s="1" t="s">
        <v>18562</v>
      </c>
      <c r="I4785" s="1" t="s">
        <v>16857</v>
      </c>
      <c r="J4785" s="1" t="s">
        <v>18686</v>
      </c>
    </row>
    <row r="4786" spans="1:10" x14ac:dyDescent="0.35">
      <c r="A4786" s="1" t="s">
        <v>18557</v>
      </c>
      <c r="B4786" s="1" t="s">
        <v>16851</v>
      </c>
      <c r="C4786" s="1" t="s">
        <v>170</v>
      </c>
      <c r="D4786" s="1" t="s">
        <v>18687</v>
      </c>
      <c r="E4786" s="1" t="s">
        <v>18688</v>
      </c>
      <c r="F4786" s="1" t="s">
        <v>18689</v>
      </c>
      <c r="G4786" s="1" t="s">
        <v>18561</v>
      </c>
      <c r="H4786" s="1" t="s">
        <v>18562</v>
      </c>
      <c r="I4786" s="1" t="s">
        <v>16857</v>
      </c>
      <c r="J4786" s="1" t="s">
        <v>18690</v>
      </c>
    </row>
    <row r="4787" spans="1:10" x14ac:dyDescent="0.35">
      <c r="A4787" s="1" t="s">
        <v>18691</v>
      </c>
      <c r="B4787" s="1" t="s">
        <v>16851</v>
      </c>
      <c r="C4787" s="1" t="s">
        <v>8</v>
      </c>
      <c r="D4787" s="1" t="s">
        <v>18692</v>
      </c>
      <c r="E4787" s="1" t="s">
        <v>18693</v>
      </c>
      <c r="F4787" s="1" t="s">
        <v>18694</v>
      </c>
      <c r="G4787" s="1" t="s">
        <v>18695</v>
      </c>
      <c r="H4787" s="1" t="s">
        <v>18696</v>
      </c>
      <c r="I4787" s="1" t="s">
        <v>16857</v>
      </c>
      <c r="J4787" s="1" t="s">
        <v>13</v>
      </c>
    </row>
    <row r="4788" spans="1:10" x14ac:dyDescent="0.35">
      <c r="A4788" s="1" t="s">
        <v>18691</v>
      </c>
      <c r="B4788" s="1" t="s">
        <v>16851</v>
      </c>
      <c r="C4788" s="1" t="s">
        <v>15</v>
      </c>
      <c r="D4788" s="1" t="s">
        <v>18697</v>
      </c>
      <c r="E4788" s="1" t="s">
        <v>18698</v>
      </c>
      <c r="F4788" s="1" t="s">
        <v>18699</v>
      </c>
      <c r="G4788" s="1" t="s">
        <v>18695</v>
      </c>
      <c r="H4788" s="1" t="s">
        <v>18696</v>
      </c>
      <c r="I4788" s="1" t="s">
        <v>16857</v>
      </c>
      <c r="J4788" s="1" t="s">
        <v>18700</v>
      </c>
    </row>
    <row r="4789" spans="1:10" x14ac:dyDescent="0.35">
      <c r="A4789" s="1" t="s">
        <v>18691</v>
      </c>
      <c r="B4789" s="1" t="s">
        <v>16851</v>
      </c>
      <c r="C4789" s="1" t="s">
        <v>20</v>
      </c>
      <c r="D4789" s="1" t="s">
        <v>18701</v>
      </c>
      <c r="E4789" s="1" t="s">
        <v>18702</v>
      </c>
      <c r="F4789" s="1" t="s">
        <v>18703</v>
      </c>
      <c r="G4789" s="1" t="s">
        <v>18695</v>
      </c>
      <c r="H4789" s="1" t="s">
        <v>18696</v>
      </c>
      <c r="I4789" s="1" t="s">
        <v>16857</v>
      </c>
      <c r="J4789" s="1" t="s">
        <v>18704</v>
      </c>
    </row>
    <row r="4790" spans="1:10" x14ac:dyDescent="0.35">
      <c r="A4790" s="1" t="s">
        <v>18691</v>
      </c>
      <c r="B4790" s="1" t="s">
        <v>16851</v>
      </c>
      <c r="C4790" s="1" t="s">
        <v>25</v>
      </c>
      <c r="D4790" s="1" t="s">
        <v>18705</v>
      </c>
      <c r="E4790" s="1" t="s">
        <v>18706</v>
      </c>
      <c r="F4790" s="1" t="s">
        <v>18707</v>
      </c>
      <c r="G4790" s="1" t="s">
        <v>18695</v>
      </c>
      <c r="H4790" s="1" t="s">
        <v>18696</v>
      </c>
      <c r="I4790" s="1" t="s">
        <v>16857</v>
      </c>
      <c r="J4790" s="1" t="s">
        <v>18708</v>
      </c>
    </row>
    <row r="4791" spans="1:10" x14ac:dyDescent="0.35">
      <c r="A4791" s="1" t="s">
        <v>18691</v>
      </c>
      <c r="B4791" s="1" t="s">
        <v>16851</v>
      </c>
      <c r="C4791" s="1" t="s">
        <v>30</v>
      </c>
      <c r="D4791" s="1" t="s">
        <v>18709</v>
      </c>
      <c r="E4791" s="1" t="s">
        <v>18710</v>
      </c>
      <c r="F4791" s="1" t="s">
        <v>18711</v>
      </c>
      <c r="G4791" s="1" t="s">
        <v>18695</v>
      </c>
      <c r="H4791" s="1" t="s">
        <v>18696</v>
      </c>
      <c r="I4791" s="1" t="s">
        <v>16857</v>
      </c>
      <c r="J4791" s="1" t="s">
        <v>18712</v>
      </c>
    </row>
    <row r="4792" spans="1:10" x14ac:dyDescent="0.35">
      <c r="A4792" s="1" t="s">
        <v>18691</v>
      </c>
      <c r="B4792" s="1" t="s">
        <v>16851</v>
      </c>
      <c r="C4792" s="1" t="s">
        <v>35</v>
      </c>
      <c r="D4792" s="1" t="s">
        <v>18713</v>
      </c>
      <c r="E4792" s="1" t="s">
        <v>18714</v>
      </c>
      <c r="F4792" s="1" t="s">
        <v>18715</v>
      </c>
      <c r="G4792" s="1" t="s">
        <v>18695</v>
      </c>
      <c r="H4792" s="1" t="s">
        <v>18696</v>
      </c>
      <c r="I4792" s="1" t="s">
        <v>16857</v>
      </c>
      <c r="J4792" s="1" t="s">
        <v>18716</v>
      </c>
    </row>
    <row r="4793" spans="1:10" x14ac:dyDescent="0.35">
      <c r="A4793" s="1" t="s">
        <v>18691</v>
      </c>
      <c r="B4793" s="1" t="s">
        <v>16851</v>
      </c>
      <c r="C4793" s="1" t="s">
        <v>40</v>
      </c>
      <c r="D4793" s="1" t="s">
        <v>18717</v>
      </c>
      <c r="E4793" s="1" t="s">
        <v>18718</v>
      </c>
      <c r="F4793" s="1" t="s">
        <v>18719</v>
      </c>
      <c r="G4793" s="1" t="s">
        <v>18695</v>
      </c>
      <c r="H4793" s="1" t="s">
        <v>18696</v>
      </c>
      <c r="I4793" s="1" t="s">
        <v>16857</v>
      </c>
      <c r="J4793" s="1" t="s">
        <v>18720</v>
      </c>
    </row>
    <row r="4794" spans="1:10" x14ac:dyDescent="0.35">
      <c r="A4794" s="1" t="s">
        <v>18691</v>
      </c>
      <c r="B4794" s="1" t="s">
        <v>16851</v>
      </c>
      <c r="C4794" s="1" t="s">
        <v>45</v>
      </c>
      <c r="D4794" s="1" t="s">
        <v>18721</v>
      </c>
      <c r="E4794" s="1" t="s">
        <v>18722</v>
      </c>
      <c r="F4794" s="1" t="s">
        <v>18723</v>
      </c>
      <c r="G4794" s="1" t="s">
        <v>18695</v>
      </c>
      <c r="H4794" s="1" t="s">
        <v>18696</v>
      </c>
      <c r="I4794" s="1" t="s">
        <v>16857</v>
      </c>
      <c r="J4794" s="1" t="s">
        <v>18724</v>
      </c>
    </row>
    <row r="4795" spans="1:10" x14ac:dyDescent="0.35">
      <c r="A4795" s="1" t="s">
        <v>18691</v>
      </c>
      <c r="B4795" s="1" t="s">
        <v>16851</v>
      </c>
      <c r="C4795" s="1" t="s">
        <v>50</v>
      </c>
      <c r="D4795" s="1" t="s">
        <v>11719</v>
      </c>
      <c r="E4795" s="1" t="s">
        <v>18725</v>
      </c>
      <c r="F4795" s="1" t="s">
        <v>18726</v>
      </c>
      <c r="G4795" s="1" t="s">
        <v>18695</v>
      </c>
      <c r="H4795" s="1" t="s">
        <v>18696</v>
      </c>
      <c r="I4795" s="1" t="s">
        <v>16857</v>
      </c>
      <c r="J4795" s="1" t="s">
        <v>18727</v>
      </c>
    </row>
    <row r="4796" spans="1:10" x14ac:dyDescent="0.35">
      <c r="A4796" s="1" t="s">
        <v>18691</v>
      </c>
      <c r="B4796" s="1" t="s">
        <v>16851</v>
      </c>
      <c r="C4796" s="1" t="s">
        <v>55</v>
      </c>
      <c r="D4796" s="1" t="s">
        <v>18728</v>
      </c>
      <c r="E4796" s="1" t="s">
        <v>18729</v>
      </c>
      <c r="F4796" s="1" t="s">
        <v>18730</v>
      </c>
      <c r="G4796" s="1" t="s">
        <v>18695</v>
      </c>
      <c r="H4796" s="1" t="s">
        <v>18696</v>
      </c>
      <c r="I4796" s="1" t="s">
        <v>16857</v>
      </c>
      <c r="J4796" s="1" t="s">
        <v>18731</v>
      </c>
    </row>
    <row r="4797" spans="1:10" x14ac:dyDescent="0.35">
      <c r="A4797" s="1" t="s">
        <v>18691</v>
      </c>
      <c r="B4797" s="1" t="s">
        <v>16851</v>
      </c>
      <c r="C4797" s="1" t="s">
        <v>60</v>
      </c>
      <c r="D4797" s="1" t="s">
        <v>18732</v>
      </c>
      <c r="E4797" s="1" t="s">
        <v>18733</v>
      </c>
      <c r="F4797" s="1" t="s">
        <v>18734</v>
      </c>
      <c r="G4797" s="1" t="s">
        <v>18695</v>
      </c>
      <c r="H4797" s="1" t="s">
        <v>18696</v>
      </c>
      <c r="I4797" s="1" t="s">
        <v>16857</v>
      </c>
      <c r="J4797" s="1" t="s">
        <v>18735</v>
      </c>
    </row>
    <row r="4798" spans="1:10" x14ac:dyDescent="0.35">
      <c r="A4798" s="1" t="s">
        <v>18691</v>
      </c>
      <c r="B4798" s="1" t="s">
        <v>16851</v>
      </c>
      <c r="C4798" s="1" t="s">
        <v>65</v>
      </c>
      <c r="D4798" s="1" t="s">
        <v>18736</v>
      </c>
      <c r="E4798" s="1" t="s">
        <v>18737</v>
      </c>
      <c r="F4798" s="1" t="s">
        <v>18738</v>
      </c>
      <c r="G4798" s="1" t="s">
        <v>18695</v>
      </c>
      <c r="H4798" s="1" t="s">
        <v>18696</v>
      </c>
      <c r="I4798" s="1" t="s">
        <v>16857</v>
      </c>
      <c r="J4798" s="1" t="s">
        <v>18739</v>
      </c>
    </row>
    <row r="4799" spans="1:10" x14ac:dyDescent="0.35">
      <c r="A4799" s="1" t="s">
        <v>18691</v>
      </c>
      <c r="B4799" s="1" t="s">
        <v>16851</v>
      </c>
      <c r="C4799" s="1" t="s">
        <v>70</v>
      </c>
      <c r="D4799" s="1" t="s">
        <v>18740</v>
      </c>
      <c r="E4799" s="1" t="s">
        <v>18741</v>
      </c>
      <c r="F4799" s="1" t="s">
        <v>18742</v>
      </c>
      <c r="G4799" s="1" t="s">
        <v>18695</v>
      </c>
      <c r="H4799" s="1" t="s">
        <v>18696</v>
      </c>
      <c r="I4799" s="1" t="s">
        <v>16857</v>
      </c>
      <c r="J4799" s="1" t="s">
        <v>18743</v>
      </c>
    </row>
    <row r="4800" spans="1:10" x14ac:dyDescent="0.35">
      <c r="A4800" s="1" t="s">
        <v>18691</v>
      </c>
      <c r="B4800" s="1" t="s">
        <v>16851</v>
      </c>
      <c r="C4800" s="1" t="s">
        <v>75</v>
      </c>
      <c r="D4800" s="1" t="s">
        <v>18744</v>
      </c>
      <c r="E4800" s="1" t="s">
        <v>18745</v>
      </c>
      <c r="F4800" s="1" t="s">
        <v>18746</v>
      </c>
      <c r="G4800" s="1" t="s">
        <v>18695</v>
      </c>
      <c r="H4800" s="1" t="s">
        <v>18696</v>
      </c>
      <c r="I4800" s="1" t="s">
        <v>16857</v>
      </c>
      <c r="J4800" s="1" t="s">
        <v>18747</v>
      </c>
    </row>
    <row r="4801" spans="1:10" x14ac:dyDescent="0.35">
      <c r="A4801" s="1" t="s">
        <v>18691</v>
      </c>
      <c r="B4801" s="1" t="s">
        <v>16851</v>
      </c>
      <c r="C4801" s="1" t="s">
        <v>80</v>
      </c>
      <c r="D4801" s="1" t="s">
        <v>18748</v>
      </c>
      <c r="E4801" s="1" t="s">
        <v>18749</v>
      </c>
      <c r="F4801" s="1" t="s">
        <v>18750</v>
      </c>
      <c r="G4801" s="1" t="s">
        <v>18695</v>
      </c>
      <c r="H4801" s="1" t="s">
        <v>18696</v>
      </c>
      <c r="I4801" s="1" t="s">
        <v>16857</v>
      </c>
      <c r="J4801" s="1" t="s">
        <v>18751</v>
      </c>
    </row>
    <row r="4802" spans="1:10" x14ac:dyDescent="0.35">
      <c r="A4802" s="1" t="s">
        <v>18691</v>
      </c>
      <c r="B4802" s="1" t="s">
        <v>16851</v>
      </c>
      <c r="C4802" s="1" t="s">
        <v>85</v>
      </c>
      <c r="D4802" s="1" t="s">
        <v>18752</v>
      </c>
      <c r="E4802" s="1" t="s">
        <v>18753</v>
      </c>
      <c r="F4802" s="1" t="s">
        <v>18754</v>
      </c>
      <c r="G4802" s="1" t="s">
        <v>18695</v>
      </c>
      <c r="H4802" s="1" t="s">
        <v>18696</v>
      </c>
      <c r="I4802" s="1" t="s">
        <v>16857</v>
      </c>
      <c r="J4802" s="1" t="s">
        <v>18755</v>
      </c>
    </row>
    <row r="4803" spans="1:10" x14ac:dyDescent="0.35">
      <c r="A4803" s="1" t="s">
        <v>18691</v>
      </c>
      <c r="B4803" s="1" t="s">
        <v>16851</v>
      </c>
      <c r="C4803" s="1" t="s">
        <v>90</v>
      </c>
      <c r="D4803" s="1" t="s">
        <v>18756</v>
      </c>
      <c r="E4803" s="1" t="s">
        <v>18757</v>
      </c>
      <c r="F4803" s="1" t="s">
        <v>18758</v>
      </c>
      <c r="G4803" s="1" t="s">
        <v>18695</v>
      </c>
      <c r="H4803" s="1" t="s">
        <v>18696</v>
      </c>
      <c r="I4803" s="1" t="s">
        <v>16857</v>
      </c>
      <c r="J4803" s="1" t="s">
        <v>18759</v>
      </c>
    </row>
    <row r="4804" spans="1:10" x14ac:dyDescent="0.35">
      <c r="A4804" s="1" t="s">
        <v>18691</v>
      </c>
      <c r="B4804" s="1" t="s">
        <v>16851</v>
      </c>
      <c r="C4804" s="1" t="s">
        <v>95</v>
      </c>
      <c r="D4804" s="1" t="s">
        <v>18760</v>
      </c>
      <c r="E4804" s="1" t="s">
        <v>18761</v>
      </c>
      <c r="F4804" s="1" t="s">
        <v>18762</v>
      </c>
      <c r="G4804" s="1" t="s">
        <v>18695</v>
      </c>
      <c r="H4804" s="1" t="s">
        <v>18696</v>
      </c>
      <c r="I4804" s="1" t="s">
        <v>16857</v>
      </c>
      <c r="J4804" s="1" t="s">
        <v>18763</v>
      </c>
    </row>
    <row r="4805" spans="1:10" x14ac:dyDescent="0.35">
      <c r="A4805" s="1" t="s">
        <v>18691</v>
      </c>
      <c r="B4805" s="1" t="s">
        <v>16851</v>
      </c>
      <c r="C4805" s="1" t="s">
        <v>100</v>
      </c>
      <c r="D4805" s="1" t="s">
        <v>18764</v>
      </c>
      <c r="E4805" s="1" t="s">
        <v>18765</v>
      </c>
      <c r="F4805" s="1" t="s">
        <v>18766</v>
      </c>
      <c r="G4805" s="1" t="s">
        <v>18695</v>
      </c>
      <c r="H4805" s="1" t="s">
        <v>18696</v>
      </c>
      <c r="I4805" s="1" t="s">
        <v>16857</v>
      </c>
      <c r="J4805" s="1" t="s">
        <v>18767</v>
      </c>
    </row>
    <row r="4806" spans="1:10" x14ac:dyDescent="0.35">
      <c r="A4806" s="1" t="s">
        <v>18691</v>
      </c>
      <c r="B4806" s="1" t="s">
        <v>16851</v>
      </c>
      <c r="C4806" s="1" t="s">
        <v>105</v>
      </c>
      <c r="D4806" s="1" t="s">
        <v>18768</v>
      </c>
      <c r="E4806" s="1" t="s">
        <v>18769</v>
      </c>
      <c r="F4806" s="1" t="s">
        <v>18770</v>
      </c>
      <c r="G4806" s="1" t="s">
        <v>18695</v>
      </c>
      <c r="H4806" s="1" t="s">
        <v>18696</v>
      </c>
      <c r="I4806" s="1" t="s">
        <v>16857</v>
      </c>
      <c r="J4806" s="1" t="s">
        <v>18771</v>
      </c>
    </row>
    <row r="4807" spans="1:10" x14ac:dyDescent="0.35">
      <c r="A4807" s="1" t="s">
        <v>18691</v>
      </c>
      <c r="B4807" s="1" t="s">
        <v>16851</v>
      </c>
      <c r="C4807" s="1" t="s">
        <v>110</v>
      </c>
      <c r="D4807" s="1" t="s">
        <v>18772</v>
      </c>
      <c r="E4807" s="1" t="s">
        <v>18773</v>
      </c>
      <c r="F4807" s="1" t="s">
        <v>18774</v>
      </c>
      <c r="G4807" s="1" t="s">
        <v>18695</v>
      </c>
      <c r="H4807" s="1" t="s">
        <v>18696</v>
      </c>
      <c r="I4807" s="1" t="s">
        <v>16857</v>
      </c>
      <c r="J4807" s="1" t="s">
        <v>18775</v>
      </c>
    </row>
    <row r="4808" spans="1:10" x14ac:dyDescent="0.35">
      <c r="A4808" s="1" t="s">
        <v>18691</v>
      </c>
      <c r="B4808" s="1" t="s">
        <v>16851</v>
      </c>
      <c r="C4808" s="1" t="s">
        <v>115</v>
      </c>
      <c r="D4808" s="1" t="s">
        <v>18776</v>
      </c>
      <c r="E4808" s="1" t="s">
        <v>18777</v>
      </c>
      <c r="F4808" s="1" t="s">
        <v>18778</v>
      </c>
      <c r="G4808" s="1" t="s">
        <v>18695</v>
      </c>
      <c r="H4808" s="1" t="s">
        <v>18696</v>
      </c>
      <c r="I4808" s="1" t="s">
        <v>16857</v>
      </c>
      <c r="J4808" s="1" t="s">
        <v>18779</v>
      </c>
    </row>
    <row r="4809" spans="1:10" x14ac:dyDescent="0.35">
      <c r="A4809" s="1" t="s">
        <v>18691</v>
      </c>
      <c r="B4809" s="1" t="s">
        <v>16851</v>
      </c>
      <c r="C4809" s="1" t="s">
        <v>120</v>
      </c>
      <c r="D4809" s="1" t="s">
        <v>18780</v>
      </c>
      <c r="E4809" s="1" t="s">
        <v>18781</v>
      </c>
      <c r="F4809" s="1" t="s">
        <v>18782</v>
      </c>
      <c r="G4809" s="1" t="s">
        <v>18695</v>
      </c>
      <c r="H4809" s="1" t="s">
        <v>18696</v>
      </c>
      <c r="I4809" s="1" t="s">
        <v>16857</v>
      </c>
      <c r="J4809" s="1" t="s">
        <v>18783</v>
      </c>
    </row>
    <row r="4810" spans="1:10" x14ac:dyDescent="0.35">
      <c r="A4810" s="1" t="s">
        <v>18691</v>
      </c>
      <c r="B4810" s="1" t="s">
        <v>16851</v>
      </c>
      <c r="C4810" s="1" t="s">
        <v>125</v>
      </c>
      <c r="D4810" s="1" t="s">
        <v>18784</v>
      </c>
      <c r="E4810" s="1" t="s">
        <v>18785</v>
      </c>
      <c r="F4810" s="1" t="s">
        <v>18786</v>
      </c>
      <c r="G4810" s="1" t="s">
        <v>18695</v>
      </c>
      <c r="H4810" s="1" t="s">
        <v>18696</v>
      </c>
      <c r="I4810" s="1" t="s">
        <v>16857</v>
      </c>
      <c r="J4810" s="1" t="s">
        <v>18787</v>
      </c>
    </row>
    <row r="4811" spans="1:10" x14ac:dyDescent="0.35">
      <c r="A4811" s="1" t="s">
        <v>18691</v>
      </c>
      <c r="B4811" s="1" t="s">
        <v>16851</v>
      </c>
      <c r="C4811" s="1" t="s">
        <v>130</v>
      </c>
      <c r="D4811" s="1" t="s">
        <v>18788</v>
      </c>
      <c r="E4811" s="1" t="s">
        <v>18789</v>
      </c>
      <c r="F4811" s="1" t="s">
        <v>18790</v>
      </c>
      <c r="G4811" s="1" t="s">
        <v>18695</v>
      </c>
      <c r="H4811" s="1" t="s">
        <v>18696</v>
      </c>
      <c r="I4811" s="1" t="s">
        <v>16857</v>
      </c>
      <c r="J4811" s="1" t="s">
        <v>18791</v>
      </c>
    </row>
    <row r="4812" spans="1:10" x14ac:dyDescent="0.35">
      <c r="A4812" s="1" t="s">
        <v>18691</v>
      </c>
      <c r="B4812" s="1" t="s">
        <v>16851</v>
      </c>
      <c r="C4812" s="1" t="s">
        <v>135</v>
      </c>
      <c r="D4812" s="1" t="s">
        <v>11527</v>
      </c>
      <c r="E4812" s="1" t="s">
        <v>18792</v>
      </c>
      <c r="F4812" s="1" t="s">
        <v>18793</v>
      </c>
      <c r="G4812" s="1" t="s">
        <v>18695</v>
      </c>
      <c r="H4812" s="1" t="s">
        <v>18696</v>
      </c>
      <c r="I4812" s="1" t="s">
        <v>16857</v>
      </c>
      <c r="J4812" s="1" t="s">
        <v>18794</v>
      </c>
    </row>
    <row r="4813" spans="1:10" x14ac:dyDescent="0.35">
      <c r="A4813" s="1" t="s">
        <v>18691</v>
      </c>
      <c r="B4813" s="1" t="s">
        <v>16851</v>
      </c>
      <c r="C4813" s="1" t="s">
        <v>140</v>
      </c>
      <c r="D4813" s="1" t="s">
        <v>18795</v>
      </c>
      <c r="E4813" s="1" t="s">
        <v>18796</v>
      </c>
      <c r="F4813" s="1" t="s">
        <v>18797</v>
      </c>
      <c r="G4813" s="1" t="s">
        <v>18695</v>
      </c>
      <c r="H4813" s="1" t="s">
        <v>18696</v>
      </c>
      <c r="I4813" s="1" t="s">
        <v>16857</v>
      </c>
      <c r="J4813" s="1" t="s">
        <v>18798</v>
      </c>
    </row>
    <row r="4814" spans="1:10" x14ac:dyDescent="0.35">
      <c r="A4814" s="1" t="s">
        <v>18691</v>
      </c>
      <c r="B4814" s="1" t="s">
        <v>16851</v>
      </c>
      <c r="C4814" s="1" t="s">
        <v>145</v>
      </c>
      <c r="D4814" s="1" t="s">
        <v>18799</v>
      </c>
      <c r="E4814" s="1" t="s">
        <v>18800</v>
      </c>
      <c r="F4814" s="1" t="s">
        <v>18801</v>
      </c>
      <c r="G4814" s="1" t="s">
        <v>18695</v>
      </c>
      <c r="H4814" s="1" t="s">
        <v>18696</v>
      </c>
      <c r="I4814" s="1" t="s">
        <v>16857</v>
      </c>
      <c r="J4814" s="1" t="s">
        <v>18802</v>
      </c>
    </row>
    <row r="4815" spans="1:10" x14ac:dyDescent="0.35">
      <c r="A4815" s="1" t="s">
        <v>18691</v>
      </c>
      <c r="B4815" s="1" t="s">
        <v>16851</v>
      </c>
      <c r="C4815" s="1" t="s">
        <v>150</v>
      </c>
      <c r="D4815" s="1" t="s">
        <v>18803</v>
      </c>
      <c r="E4815" s="1" t="s">
        <v>18804</v>
      </c>
      <c r="F4815" s="1" t="s">
        <v>18805</v>
      </c>
      <c r="G4815" s="1" t="s">
        <v>18695</v>
      </c>
      <c r="H4815" s="1" t="s">
        <v>18696</v>
      </c>
      <c r="I4815" s="1" t="s">
        <v>16857</v>
      </c>
      <c r="J4815" s="1" t="s">
        <v>18806</v>
      </c>
    </row>
    <row r="4816" spans="1:10" x14ac:dyDescent="0.35">
      <c r="A4816" s="1" t="s">
        <v>18691</v>
      </c>
      <c r="B4816" s="1" t="s">
        <v>16851</v>
      </c>
      <c r="C4816" s="1" t="s">
        <v>155</v>
      </c>
      <c r="D4816" s="1" t="s">
        <v>18807</v>
      </c>
      <c r="E4816" s="1" t="s">
        <v>18808</v>
      </c>
      <c r="F4816" s="1" t="s">
        <v>18809</v>
      </c>
      <c r="G4816" s="1" t="s">
        <v>18695</v>
      </c>
      <c r="H4816" s="1" t="s">
        <v>18696</v>
      </c>
      <c r="I4816" s="1" t="s">
        <v>16857</v>
      </c>
      <c r="J4816" s="1" t="s">
        <v>18810</v>
      </c>
    </row>
    <row r="4817" spans="1:10" x14ac:dyDescent="0.35">
      <c r="A4817" s="1" t="s">
        <v>18691</v>
      </c>
      <c r="B4817" s="1" t="s">
        <v>16851</v>
      </c>
      <c r="C4817" s="1" t="s">
        <v>160</v>
      </c>
      <c r="D4817" s="1" t="s">
        <v>18811</v>
      </c>
      <c r="E4817" s="1" t="s">
        <v>18812</v>
      </c>
      <c r="F4817" s="1" t="s">
        <v>18813</v>
      </c>
      <c r="G4817" s="1" t="s">
        <v>18695</v>
      </c>
      <c r="H4817" s="1" t="s">
        <v>18696</v>
      </c>
      <c r="I4817" s="1" t="s">
        <v>16857</v>
      </c>
      <c r="J4817" s="1" t="s">
        <v>18814</v>
      </c>
    </row>
    <row r="4818" spans="1:10" x14ac:dyDescent="0.35">
      <c r="A4818" s="1" t="s">
        <v>18691</v>
      </c>
      <c r="B4818" s="1" t="s">
        <v>16851</v>
      </c>
      <c r="C4818" s="1" t="s">
        <v>165</v>
      </c>
      <c r="D4818" s="1" t="s">
        <v>18815</v>
      </c>
      <c r="E4818" s="1" t="s">
        <v>18816</v>
      </c>
      <c r="F4818" s="1" t="s">
        <v>18817</v>
      </c>
      <c r="G4818" s="1" t="s">
        <v>18695</v>
      </c>
      <c r="H4818" s="1" t="s">
        <v>18696</v>
      </c>
      <c r="I4818" s="1" t="s">
        <v>16857</v>
      </c>
      <c r="J4818" s="1" t="s">
        <v>18818</v>
      </c>
    </row>
    <row r="4819" spans="1:10" x14ac:dyDescent="0.35">
      <c r="A4819" s="1" t="s">
        <v>18691</v>
      </c>
      <c r="B4819" s="1" t="s">
        <v>16851</v>
      </c>
      <c r="C4819" s="1" t="s">
        <v>170</v>
      </c>
      <c r="D4819" s="1" t="s">
        <v>18819</v>
      </c>
      <c r="E4819" s="1" t="s">
        <v>18820</v>
      </c>
      <c r="F4819" s="1" t="s">
        <v>18821</v>
      </c>
      <c r="G4819" s="1" t="s">
        <v>18695</v>
      </c>
      <c r="H4819" s="1" t="s">
        <v>18696</v>
      </c>
      <c r="I4819" s="1" t="s">
        <v>16857</v>
      </c>
      <c r="J4819" s="1" t="s">
        <v>18822</v>
      </c>
    </row>
    <row r="4820" spans="1:10" x14ac:dyDescent="0.35">
      <c r="A4820" s="1" t="s">
        <v>18823</v>
      </c>
      <c r="B4820" s="1" t="s">
        <v>16851</v>
      </c>
      <c r="C4820" s="1" t="s">
        <v>8</v>
      </c>
      <c r="D4820" s="1" t="s">
        <v>18824</v>
      </c>
      <c r="E4820" s="1" t="s">
        <v>18825</v>
      </c>
      <c r="F4820" s="1" t="s">
        <v>18826</v>
      </c>
      <c r="G4820" s="1" t="s">
        <v>18827</v>
      </c>
      <c r="H4820" s="1" t="s">
        <v>18828</v>
      </c>
      <c r="I4820" s="1" t="s">
        <v>16857</v>
      </c>
      <c r="J4820" s="1" t="s">
        <v>13</v>
      </c>
    </row>
    <row r="4821" spans="1:10" x14ac:dyDescent="0.35">
      <c r="A4821" s="1" t="s">
        <v>18823</v>
      </c>
      <c r="B4821" s="1" t="s">
        <v>16851</v>
      </c>
      <c r="C4821" s="1" t="s">
        <v>15</v>
      </c>
      <c r="D4821" s="1" t="s">
        <v>18829</v>
      </c>
      <c r="E4821" s="1" t="s">
        <v>18830</v>
      </c>
      <c r="F4821" s="1" t="s">
        <v>18831</v>
      </c>
      <c r="G4821" s="1" t="s">
        <v>18827</v>
      </c>
      <c r="H4821" s="1" t="s">
        <v>18828</v>
      </c>
      <c r="I4821" s="1" t="s">
        <v>16857</v>
      </c>
      <c r="J4821" s="1" t="s">
        <v>18832</v>
      </c>
    </row>
    <row r="4822" spans="1:10" x14ac:dyDescent="0.35">
      <c r="A4822" s="1" t="s">
        <v>18823</v>
      </c>
      <c r="B4822" s="1" t="s">
        <v>16851</v>
      </c>
      <c r="C4822" s="1" t="s">
        <v>20</v>
      </c>
      <c r="D4822" s="1" t="s">
        <v>18833</v>
      </c>
      <c r="E4822" s="1" t="s">
        <v>18834</v>
      </c>
      <c r="F4822" s="1" t="s">
        <v>18835</v>
      </c>
      <c r="G4822" s="1" t="s">
        <v>18827</v>
      </c>
      <c r="H4822" s="1" t="s">
        <v>18828</v>
      </c>
      <c r="I4822" s="1" t="s">
        <v>16857</v>
      </c>
      <c r="J4822" s="1" t="s">
        <v>18836</v>
      </c>
    </row>
    <row r="4823" spans="1:10" x14ac:dyDescent="0.35">
      <c r="A4823" s="1" t="s">
        <v>18823</v>
      </c>
      <c r="B4823" s="1" t="s">
        <v>16851</v>
      </c>
      <c r="C4823" s="1" t="s">
        <v>25</v>
      </c>
      <c r="D4823" s="1" t="s">
        <v>18837</v>
      </c>
      <c r="E4823" s="1" t="s">
        <v>18838</v>
      </c>
      <c r="F4823" s="1" t="s">
        <v>18839</v>
      </c>
      <c r="G4823" s="1" t="s">
        <v>18827</v>
      </c>
      <c r="H4823" s="1" t="s">
        <v>18828</v>
      </c>
      <c r="I4823" s="1" t="s">
        <v>16857</v>
      </c>
      <c r="J4823" s="1" t="s">
        <v>18840</v>
      </c>
    </row>
    <row r="4824" spans="1:10" x14ac:dyDescent="0.35">
      <c r="A4824" s="1" t="s">
        <v>18823</v>
      </c>
      <c r="B4824" s="1" t="s">
        <v>16851</v>
      </c>
      <c r="C4824" s="1" t="s">
        <v>30</v>
      </c>
      <c r="D4824" s="1" t="s">
        <v>18841</v>
      </c>
      <c r="E4824" s="1" t="s">
        <v>18842</v>
      </c>
      <c r="F4824" s="1" t="s">
        <v>18843</v>
      </c>
      <c r="G4824" s="1" t="s">
        <v>18827</v>
      </c>
      <c r="H4824" s="1" t="s">
        <v>18828</v>
      </c>
      <c r="I4824" s="1" t="s">
        <v>16857</v>
      </c>
      <c r="J4824" s="1" t="s">
        <v>18844</v>
      </c>
    </row>
    <row r="4825" spans="1:10" x14ac:dyDescent="0.35">
      <c r="A4825" s="1" t="s">
        <v>18823</v>
      </c>
      <c r="B4825" s="1" t="s">
        <v>16851</v>
      </c>
      <c r="C4825" s="1" t="s">
        <v>35</v>
      </c>
      <c r="D4825" s="1" t="s">
        <v>18845</v>
      </c>
      <c r="E4825" s="1" t="s">
        <v>18846</v>
      </c>
      <c r="F4825" s="1" t="s">
        <v>18847</v>
      </c>
      <c r="G4825" s="1" t="s">
        <v>18827</v>
      </c>
      <c r="H4825" s="1" t="s">
        <v>18828</v>
      </c>
      <c r="I4825" s="1" t="s">
        <v>16857</v>
      </c>
      <c r="J4825" s="1" t="s">
        <v>18848</v>
      </c>
    </row>
    <row r="4826" spans="1:10" x14ac:dyDescent="0.35">
      <c r="A4826" s="1" t="s">
        <v>18823</v>
      </c>
      <c r="B4826" s="1" t="s">
        <v>16851</v>
      </c>
      <c r="C4826" s="1" t="s">
        <v>40</v>
      </c>
      <c r="D4826" s="1" t="s">
        <v>18849</v>
      </c>
      <c r="E4826" s="1" t="s">
        <v>18850</v>
      </c>
      <c r="F4826" s="1" t="s">
        <v>18851</v>
      </c>
      <c r="G4826" s="1" t="s">
        <v>18827</v>
      </c>
      <c r="H4826" s="1" t="s">
        <v>18828</v>
      </c>
      <c r="I4826" s="1" t="s">
        <v>16857</v>
      </c>
      <c r="J4826" s="1" t="s">
        <v>18852</v>
      </c>
    </row>
    <row r="4827" spans="1:10" x14ac:dyDescent="0.35">
      <c r="A4827" s="1" t="s">
        <v>18823</v>
      </c>
      <c r="B4827" s="1" t="s">
        <v>16851</v>
      </c>
      <c r="C4827" s="1" t="s">
        <v>45</v>
      </c>
      <c r="D4827" s="1" t="s">
        <v>18853</v>
      </c>
      <c r="E4827" s="1" t="s">
        <v>18854</v>
      </c>
      <c r="F4827" s="1" t="s">
        <v>18855</v>
      </c>
      <c r="G4827" s="1" t="s">
        <v>18827</v>
      </c>
      <c r="H4827" s="1" t="s">
        <v>18828</v>
      </c>
      <c r="I4827" s="1" t="s">
        <v>16857</v>
      </c>
      <c r="J4827" s="1" t="s">
        <v>18856</v>
      </c>
    </row>
    <row r="4828" spans="1:10" x14ac:dyDescent="0.35">
      <c r="A4828" s="1" t="s">
        <v>18823</v>
      </c>
      <c r="B4828" s="1" t="s">
        <v>16851</v>
      </c>
      <c r="C4828" s="1" t="s">
        <v>50</v>
      </c>
      <c r="D4828" s="1" t="s">
        <v>18857</v>
      </c>
      <c r="E4828" s="1" t="s">
        <v>18858</v>
      </c>
      <c r="F4828" s="1" t="s">
        <v>18859</v>
      </c>
      <c r="G4828" s="1" t="s">
        <v>18827</v>
      </c>
      <c r="H4828" s="1" t="s">
        <v>18828</v>
      </c>
      <c r="I4828" s="1" t="s">
        <v>16857</v>
      </c>
      <c r="J4828" s="1" t="s">
        <v>18860</v>
      </c>
    </row>
    <row r="4829" spans="1:10" x14ac:dyDescent="0.35">
      <c r="A4829" s="1" t="s">
        <v>18823</v>
      </c>
      <c r="B4829" s="1" t="s">
        <v>16851</v>
      </c>
      <c r="C4829" s="1" t="s">
        <v>55</v>
      </c>
      <c r="D4829" s="1" t="s">
        <v>10389</v>
      </c>
      <c r="E4829" s="1" t="s">
        <v>18861</v>
      </c>
      <c r="F4829" s="1" t="s">
        <v>18862</v>
      </c>
      <c r="G4829" s="1" t="s">
        <v>18827</v>
      </c>
      <c r="H4829" s="1" t="s">
        <v>18828</v>
      </c>
      <c r="I4829" s="1" t="s">
        <v>16857</v>
      </c>
      <c r="J4829" s="1" t="s">
        <v>18863</v>
      </c>
    </row>
    <row r="4830" spans="1:10" x14ac:dyDescent="0.35">
      <c r="A4830" s="1" t="s">
        <v>18823</v>
      </c>
      <c r="B4830" s="1" t="s">
        <v>16851</v>
      </c>
      <c r="C4830" s="1" t="s">
        <v>60</v>
      </c>
      <c r="D4830" s="1" t="s">
        <v>18864</v>
      </c>
      <c r="E4830" s="1" t="s">
        <v>18865</v>
      </c>
      <c r="F4830" s="1" t="s">
        <v>18866</v>
      </c>
      <c r="G4830" s="1" t="s">
        <v>18827</v>
      </c>
      <c r="H4830" s="1" t="s">
        <v>18828</v>
      </c>
      <c r="I4830" s="1" t="s">
        <v>16857</v>
      </c>
      <c r="J4830" s="1" t="s">
        <v>18867</v>
      </c>
    </row>
    <row r="4831" spans="1:10" x14ac:dyDescent="0.35">
      <c r="A4831" s="1" t="s">
        <v>18823</v>
      </c>
      <c r="B4831" s="1" t="s">
        <v>16851</v>
      </c>
      <c r="C4831" s="1" t="s">
        <v>65</v>
      </c>
      <c r="D4831" s="1" t="s">
        <v>10377</v>
      </c>
      <c r="E4831" s="1" t="s">
        <v>18868</v>
      </c>
      <c r="F4831" s="1" t="s">
        <v>18869</v>
      </c>
      <c r="G4831" s="1" t="s">
        <v>18827</v>
      </c>
      <c r="H4831" s="1" t="s">
        <v>18828</v>
      </c>
      <c r="I4831" s="1" t="s">
        <v>16857</v>
      </c>
      <c r="J4831" s="1" t="s">
        <v>18870</v>
      </c>
    </row>
    <row r="4832" spans="1:10" x14ac:dyDescent="0.35">
      <c r="A4832" s="1" t="s">
        <v>18823</v>
      </c>
      <c r="B4832" s="1" t="s">
        <v>16851</v>
      </c>
      <c r="C4832" s="1" t="s">
        <v>70</v>
      </c>
      <c r="D4832" s="1" t="s">
        <v>18871</v>
      </c>
      <c r="E4832" s="1" t="s">
        <v>18872</v>
      </c>
      <c r="F4832" s="1" t="s">
        <v>18873</v>
      </c>
      <c r="G4832" s="1" t="s">
        <v>18827</v>
      </c>
      <c r="H4832" s="1" t="s">
        <v>18828</v>
      </c>
      <c r="I4832" s="1" t="s">
        <v>16857</v>
      </c>
      <c r="J4832" s="1" t="s">
        <v>18874</v>
      </c>
    </row>
    <row r="4833" spans="1:10" x14ac:dyDescent="0.35">
      <c r="A4833" s="1" t="s">
        <v>18823</v>
      </c>
      <c r="B4833" s="1" t="s">
        <v>16851</v>
      </c>
      <c r="C4833" s="1" t="s">
        <v>75</v>
      </c>
      <c r="D4833" s="1" t="s">
        <v>18875</v>
      </c>
      <c r="E4833" s="1" t="s">
        <v>18876</v>
      </c>
      <c r="F4833" s="1" t="s">
        <v>18877</v>
      </c>
      <c r="G4833" s="1" t="s">
        <v>18827</v>
      </c>
      <c r="H4833" s="1" t="s">
        <v>18828</v>
      </c>
      <c r="I4833" s="1" t="s">
        <v>16857</v>
      </c>
      <c r="J4833" s="1" t="s">
        <v>18878</v>
      </c>
    </row>
    <row r="4834" spans="1:10" x14ac:dyDescent="0.35">
      <c r="A4834" s="1" t="s">
        <v>18823</v>
      </c>
      <c r="B4834" s="1" t="s">
        <v>16851</v>
      </c>
      <c r="C4834" s="1" t="s">
        <v>80</v>
      </c>
      <c r="D4834" s="1" t="s">
        <v>18879</v>
      </c>
      <c r="E4834" s="1" t="s">
        <v>18880</v>
      </c>
      <c r="F4834" s="1" t="s">
        <v>18881</v>
      </c>
      <c r="G4834" s="1" t="s">
        <v>18827</v>
      </c>
      <c r="H4834" s="1" t="s">
        <v>18828</v>
      </c>
      <c r="I4834" s="1" t="s">
        <v>16857</v>
      </c>
      <c r="J4834" s="1" t="s">
        <v>18882</v>
      </c>
    </row>
    <row r="4835" spans="1:10" x14ac:dyDescent="0.35">
      <c r="A4835" s="1" t="s">
        <v>18823</v>
      </c>
      <c r="B4835" s="1" t="s">
        <v>16851</v>
      </c>
      <c r="C4835" s="1" t="s">
        <v>85</v>
      </c>
      <c r="D4835" s="1" t="s">
        <v>18883</v>
      </c>
      <c r="E4835" s="1" t="s">
        <v>18884</v>
      </c>
      <c r="F4835" s="1" t="s">
        <v>18885</v>
      </c>
      <c r="G4835" s="1" t="s">
        <v>18827</v>
      </c>
      <c r="H4835" s="1" t="s">
        <v>18828</v>
      </c>
      <c r="I4835" s="1" t="s">
        <v>16857</v>
      </c>
      <c r="J4835" s="1" t="s">
        <v>18886</v>
      </c>
    </row>
    <row r="4836" spans="1:10" x14ac:dyDescent="0.35">
      <c r="A4836" s="1" t="s">
        <v>18823</v>
      </c>
      <c r="B4836" s="1" t="s">
        <v>16851</v>
      </c>
      <c r="C4836" s="1" t="s">
        <v>90</v>
      </c>
      <c r="D4836" s="1" t="s">
        <v>18887</v>
      </c>
      <c r="E4836" s="1" t="s">
        <v>18888</v>
      </c>
      <c r="F4836" s="1" t="s">
        <v>18889</v>
      </c>
      <c r="G4836" s="1" t="s">
        <v>18827</v>
      </c>
      <c r="H4836" s="1" t="s">
        <v>18828</v>
      </c>
      <c r="I4836" s="1" t="s">
        <v>16857</v>
      </c>
      <c r="J4836" s="1" t="s">
        <v>18890</v>
      </c>
    </row>
    <row r="4837" spans="1:10" x14ac:dyDescent="0.35">
      <c r="A4837" s="1" t="s">
        <v>18823</v>
      </c>
      <c r="B4837" s="1" t="s">
        <v>16851</v>
      </c>
      <c r="C4837" s="1" t="s">
        <v>95</v>
      </c>
      <c r="D4837" s="1" t="s">
        <v>18891</v>
      </c>
      <c r="E4837" s="1" t="s">
        <v>18892</v>
      </c>
      <c r="F4837" s="1" t="s">
        <v>18893</v>
      </c>
      <c r="G4837" s="1" t="s">
        <v>18827</v>
      </c>
      <c r="H4837" s="1" t="s">
        <v>18828</v>
      </c>
      <c r="I4837" s="1" t="s">
        <v>16857</v>
      </c>
      <c r="J4837" s="1" t="s">
        <v>18894</v>
      </c>
    </row>
    <row r="4838" spans="1:10" x14ac:dyDescent="0.35">
      <c r="A4838" s="1" t="s">
        <v>18823</v>
      </c>
      <c r="B4838" s="1" t="s">
        <v>16851</v>
      </c>
      <c r="C4838" s="1" t="s">
        <v>100</v>
      </c>
      <c r="D4838" s="1" t="s">
        <v>18895</v>
      </c>
      <c r="E4838" s="1" t="s">
        <v>18896</v>
      </c>
      <c r="F4838" s="1" t="s">
        <v>18897</v>
      </c>
      <c r="G4838" s="1" t="s">
        <v>18827</v>
      </c>
      <c r="H4838" s="1" t="s">
        <v>18828</v>
      </c>
      <c r="I4838" s="1" t="s">
        <v>16857</v>
      </c>
      <c r="J4838" s="1" t="s">
        <v>18898</v>
      </c>
    </row>
    <row r="4839" spans="1:10" x14ac:dyDescent="0.35">
      <c r="A4839" s="1" t="s">
        <v>18823</v>
      </c>
      <c r="B4839" s="1" t="s">
        <v>16851</v>
      </c>
      <c r="C4839" s="1" t="s">
        <v>105</v>
      </c>
      <c r="D4839" s="1" t="s">
        <v>18899</v>
      </c>
      <c r="E4839" s="1" t="s">
        <v>18900</v>
      </c>
      <c r="F4839" s="1" t="s">
        <v>18901</v>
      </c>
      <c r="G4839" s="1" t="s">
        <v>18827</v>
      </c>
      <c r="H4839" s="1" t="s">
        <v>18828</v>
      </c>
      <c r="I4839" s="1" t="s">
        <v>16857</v>
      </c>
      <c r="J4839" s="1" t="s">
        <v>18902</v>
      </c>
    </row>
    <row r="4840" spans="1:10" x14ac:dyDescent="0.35">
      <c r="A4840" s="1" t="s">
        <v>18823</v>
      </c>
      <c r="B4840" s="1" t="s">
        <v>16851</v>
      </c>
      <c r="C4840" s="1" t="s">
        <v>110</v>
      </c>
      <c r="D4840" s="1" t="s">
        <v>18903</v>
      </c>
      <c r="E4840" s="1" t="s">
        <v>18904</v>
      </c>
      <c r="F4840" s="1" t="s">
        <v>18905</v>
      </c>
      <c r="G4840" s="1" t="s">
        <v>18827</v>
      </c>
      <c r="H4840" s="1" t="s">
        <v>18828</v>
      </c>
      <c r="I4840" s="1" t="s">
        <v>16857</v>
      </c>
      <c r="J4840" s="1" t="s">
        <v>18906</v>
      </c>
    </row>
    <row r="4841" spans="1:10" x14ac:dyDescent="0.35">
      <c r="A4841" s="1" t="s">
        <v>18823</v>
      </c>
      <c r="B4841" s="1" t="s">
        <v>16851</v>
      </c>
      <c r="C4841" s="1" t="s">
        <v>115</v>
      </c>
      <c r="D4841" s="1" t="s">
        <v>18907</v>
      </c>
      <c r="E4841" s="1" t="s">
        <v>18908</v>
      </c>
      <c r="F4841" s="1" t="s">
        <v>18909</v>
      </c>
      <c r="G4841" s="1" t="s">
        <v>18827</v>
      </c>
      <c r="H4841" s="1" t="s">
        <v>18828</v>
      </c>
      <c r="I4841" s="1" t="s">
        <v>16857</v>
      </c>
      <c r="J4841" s="1" t="s">
        <v>18910</v>
      </c>
    </row>
    <row r="4842" spans="1:10" x14ac:dyDescent="0.35">
      <c r="A4842" s="1" t="s">
        <v>18823</v>
      </c>
      <c r="B4842" s="1" t="s">
        <v>16851</v>
      </c>
      <c r="C4842" s="1" t="s">
        <v>120</v>
      </c>
      <c r="D4842" s="1" t="s">
        <v>18911</v>
      </c>
      <c r="E4842" s="1" t="s">
        <v>18912</v>
      </c>
      <c r="F4842" s="1" t="s">
        <v>18913</v>
      </c>
      <c r="G4842" s="1" t="s">
        <v>18827</v>
      </c>
      <c r="H4842" s="1" t="s">
        <v>18828</v>
      </c>
      <c r="I4842" s="1" t="s">
        <v>16857</v>
      </c>
      <c r="J4842" s="1" t="s">
        <v>18914</v>
      </c>
    </row>
    <row r="4843" spans="1:10" x14ac:dyDescent="0.35">
      <c r="A4843" s="1" t="s">
        <v>18823</v>
      </c>
      <c r="B4843" s="1" t="s">
        <v>16851</v>
      </c>
      <c r="C4843" s="1" t="s">
        <v>125</v>
      </c>
      <c r="D4843" s="1" t="s">
        <v>4218</v>
      </c>
      <c r="E4843" s="1" t="s">
        <v>18915</v>
      </c>
      <c r="F4843" s="1" t="s">
        <v>18916</v>
      </c>
      <c r="G4843" s="1" t="s">
        <v>18827</v>
      </c>
      <c r="H4843" s="1" t="s">
        <v>18828</v>
      </c>
      <c r="I4843" s="1" t="s">
        <v>16857</v>
      </c>
      <c r="J4843" s="1" t="s">
        <v>18917</v>
      </c>
    </row>
    <row r="4844" spans="1:10" x14ac:dyDescent="0.35">
      <c r="A4844" s="1" t="s">
        <v>18823</v>
      </c>
      <c r="B4844" s="1" t="s">
        <v>16851</v>
      </c>
      <c r="C4844" s="1" t="s">
        <v>130</v>
      </c>
      <c r="D4844" s="1" t="s">
        <v>18918</v>
      </c>
      <c r="E4844" s="1" t="s">
        <v>18919</v>
      </c>
      <c r="F4844" s="1" t="s">
        <v>18920</v>
      </c>
      <c r="G4844" s="1" t="s">
        <v>18827</v>
      </c>
      <c r="H4844" s="1" t="s">
        <v>18828</v>
      </c>
      <c r="I4844" s="1" t="s">
        <v>16857</v>
      </c>
      <c r="J4844" s="1" t="s">
        <v>18921</v>
      </c>
    </row>
    <row r="4845" spans="1:10" x14ac:dyDescent="0.35">
      <c r="A4845" s="1" t="s">
        <v>18823</v>
      </c>
      <c r="B4845" s="1" t="s">
        <v>16851</v>
      </c>
      <c r="C4845" s="1" t="s">
        <v>135</v>
      </c>
      <c r="D4845" s="1" t="s">
        <v>18922</v>
      </c>
      <c r="E4845" s="1" t="s">
        <v>18923</v>
      </c>
      <c r="F4845" s="1" t="s">
        <v>18924</v>
      </c>
      <c r="G4845" s="1" t="s">
        <v>18827</v>
      </c>
      <c r="H4845" s="1" t="s">
        <v>18828</v>
      </c>
      <c r="I4845" s="1" t="s">
        <v>16857</v>
      </c>
      <c r="J4845" s="1" t="s">
        <v>18925</v>
      </c>
    </row>
    <row r="4846" spans="1:10" x14ac:dyDescent="0.35">
      <c r="A4846" s="1" t="s">
        <v>18823</v>
      </c>
      <c r="B4846" s="1" t="s">
        <v>16851</v>
      </c>
      <c r="C4846" s="1" t="s">
        <v>140</v>
      </c>
      <c r="D4846" s="1" t="s">
        <v>3826</v>
      </c>
      <c r="E4846" s="1" t="s">
        <v>18926</v>
      </c>
      <c r="F4846" s="1" t="s">
        <v>18927</v>
      </c>
      <c r="G4846" s="1" t="s">
        <v>18827</v>
      </c>
      <c r="H4846" s="1" t="s">
        <v>18828</v>
      </c>
      <c r="I4846" s="1" t="s">
        <v>16857</v>
      </c>
      <c r="J4846" s="1" t="s">
        <v>18928</v>
      </c>
    </row>
    <row r="4847" spans="1:10" x14ac:dyDescent="0.35">
      <c r="A4847" s="1" t="s">
        <v>18823</v>
      </c>
      <c r="B4847" s="1" t="s">
        <v>16851</v>
      </c>
      <c r="C4847" s="1" t="s">
        <v>145</v>
      </c>
      <c r="D4847" s="1" t="s">
        <v>18929</v>
      </c>
      <c r="E4847" s="1" t="s">
        <v>18930</v>
      </c>
      <c r="F4847" s="1" t="s">
        <v>18931</v>
      </c>
      <c r="G4847" s="1" t="s">
        <v>18827</v>
      </c>
      <c r="H4847" s="1" t="s">
        <v>18828</v>
      </c>
      <c r="I4847" s="1" t="s">
        <v>16857</v>
      </c>
      <c r="J4847" s="1" t="s">
        <v>18932</v>
      </c>
    </row>
    <row r="4848" spans="1:10" x14ac:dyDescent="0.35">
      <c r="A4848" s="1" t="s">
        <v>18823</v>
      </c>
      <c r="B4848" s="1" t="s">
        <v>16851</v>
      </c>
      <c r="C4848" s="1" t="s">
        <v>150</v>
      </c>
      <c r="D4848" s="1" t="s">
        <v>18933</v>
      </c>
      <c r="E4848" s="1" t="s">
        <v>18934</v>
      </c>
      <c r="F4848" s="1" t="s">
        <v>18935</v>
      </c>
      <c r="G4848" s="1" t="s">
        <v>18827</v>
      </c>
      <c r="H4848" s="1" t="s">
        <v>18828</v>
      </c>
      <c r="I4848" s="1" t="s">
        <v>16857</v>
      </c>
      <c r="J4848" s="1" t="s">
        <v>18936</v>
      </c>
    </row>
    <row r="4849" spans="1:10" x14ac:dyDescent="0.35">
      <c r="A4849" s="1" t="s">
        <v>18823</v>
      </c>
      <c r="B4849" s="1" t="s">
        <v>16851</v>
      </c>
      <c r="C4849" s="1" t="s">
        <v>155</v>
      </c>
      <c r="D4849" s="1" t="s">
        <v>18937</v>
      </c>
      <c r="E4849" s="1" t="s">
        <v>18938</v>
      </c>
      <c r="F4849" s="1" t="s">
        <v>18939</v>
      </c>
      <c r="G4849" s="1" t="s">
        <v>18827</v>
      </c>
      <c r="H4849" s="1" t="s">
        <v>18828</v>
      </c>
      <c r="I4849" s="1" t="s">
        <v>16857</v>
      </c>
      <c r="J4849" s="1" t="s">
        <v>18940</v>
      </c>
    </row>
    <row r="4850" spans="1:10" x14ac:dyDescent="0.35">
      <c r="A4850" s="1" t="s">
        <v>18823</v>
      </c>
      <c r="B4850" s="1" t="s">
        <v>16851</v>
      </c>
      <c r="C4850" s="1" t="s">
        <v>160</v>
      </c>
      <c r="D4850" s="1" t="s">
        <v>18941</v>
      </c>
      <c r="E4850" s="1" t="s">
        <v>18942</v>
      </c>
      <c r="F4850" s="1" t="s">
        <v>18943</v>
      </c>
      <c r="G4850" s="1" t="s">
        <v>18827</v>
      </c>
      <c r="H4850" s="1" t="s">
        <v>18828</v>
      </c>
      <c r="I4850" s="1" t="s">
        <v>16857</v>
      </c>
      <c r="J4850" s="1" t="s">
        <v>18944</v>
      </c>
    </row>
    <row r="4851" spans="1:10" x14ac:dyDescent="0.35">
      <c r="A4851" s="1" t="s">
        <v>18823</v>
      </c>
      <c r="B4851" s="1" t="s">
        <v>16851</v>
      </c>
      <c r="C4851" s="1" t="s">
        <v>165</v>
      </c>
      <c r="D4851" s="1" t="s">
        <v>18945</v>
      </c>
      <c r="E4851" s="1" t="s">
        <v>18946</v>
      </c>
      <c r="F4851" s="1" t="s">
        <v>18947</v>
      </c>
      <c r="G4851" s="1" t="s">
        <v>18827</v>
      </c>
      <c r="H4851" s="1" t="s">
        <v>18828</v>
      </c>
      <c r="I4851" s="1" t="s">
        <v>16857</v>
      </c>
      <c r="J4851" s="1" t="s">
        <v>18948</v>
      </c>
    </row>
    <row r="4852" spans="1:10" x14ac:dyDescent="0.35">
      <c r="A4852" s="1" t="s">
        <v>18823</v>
      </c>
      <c r="B4852" s="1" t="s">
        <v>16851</v>
      </c>
      <c r="C4852" s="1" t="s">
        <v>170</v>
      </c>
      <c r="D4852" s="1" t="s">
        <v>18949</v>
      </c>
      <c r="E4852" s="1" t="s">
        <v>18950</v>
      </c>
      <c r="F4852" s="1" t="s">
        <v>18951</v>
      </c>
      <c r="G4852" s="1" t="s">
        <v>18827</v>
      </c>
      <c r="H4852" s="1" t="s">
        <v>18828</v>
      </c>
      <c r="I4852" s="1" t="s">
        <v>16857</v>
      </c>
      <c r="J4852" s="1" t="s">
        <v>18952</v>
      </c>
    </row>
    <row r="4853" spans="1:10" x14ac:dyDescent="0.35">
      <c r="A4853" s="1" t="s">
        <v>18953</v>
      </c>
      <c r="B4853" s="1" t="s">
        <v>16851</v>
      </c>
      <c r="C4853" s="1" t="s">
        <v>8</v>
      </c>
      <c r="D4853" s="1" t="s">
        <v>18490</v>
      </c>
      <c r="E4853" s="1" t="s">
        <v>18954</v>
      </c>
      <c r="F4853" s="1" t="s">
        <v>18955</v>
      </c>
      <c r="G4853" s="1" t="s">
        <v>18956</v>
      </c>
      <c r="H4853" s="1" t="s">
        <v>18957</v>
      </c>
      <c r="I4853" s="1" t="s">
        <v>16857</v>
      </c>
      <c r="J4853" s="1" t="s">
        <v>13</v>
      </c>
    </row>
    <row r="4854" spans="1:10" x14ac:dyDescent="0.35">
      <c r="A4854" s="1" t="s">
        <v>18953</v>
      </c>
      <c r="B4854" s="1" t="s">
        <v>16851</v>
      </c>
      <c r="C4854" s="1" t="s">
        <v>15</v>
      </c>
      <c r="D4854" s="1" t="s">
        <v>18958</v>
      </c>
      <c r="E4854" s="1" t="s">
        <v>18959</v>
      </c>
      <c r="F4854" s="1" t="s">
        <v>18960</v>
      </c>
      <c r="G4854" s="1" t="s">
        <v>18956</v>
      </c>
      <c r="H4854" s="1" t="s">
        <v>18957</v>
      </c>
      <c r="I4854" s="1" t="s">
        <v>16857</v>
      </c>
      <c r="J4854" s="1" t="s">
        <v>18961</v>
      </c>
    </row>
    <row r="4855" spans="1:10" x14ac:dyDescent="0.35">
      <c r="A4855" s="1" t="s">
        <v>18953</v>
      </c>
      <c r="B4855" s="1" t="s">
        <v>16851</v>
      </c>
      <c r="C4855" s="1" t="s">
        <v>20</v>
      </c>
      <c r="D4855" s="1" t="s">
        <v>18962</v>
      </c>
      <c r="E4855" s="1" t="s">
        <v>18963</v>
      </c>
      <c r="F4855" s="1" t="s">
        <v>18964</v>
      </c>
      <c r="G4855" s="1" t="s">
        <v>18956</v>
      </c>
      <c r="H4855" s="1" t="s">
        <v>18957</v>
      </c>
      <c r="I4855" s="1" t="s">
        <v>16857</v>
      </c>
      <c r="J4855" s="1" t="s">
        <v>18965</v>
      </c>
    </row>
    <row r="4856" spans="1:10" x14ac:dyDescent="0.35">
      <c r="A4856" s="1" t="s">
        <v>18953</v>
      </c>
      <c r="B4856" s="1" t="s">
        <v>16851</v>
      </c>
      <c r="C4856" s="1" t="s">
        <v>25</v>
      </c>
      <c r="D4856" s="1" t="s">
        <v>18966</v>
      </c>
      <c r="E4856" s="1" t="s">
        <v>18967</v>
      </c>
      <c r="F4856" s="1" t="s">
        <v>18968</v>
      </c>
      <c r="G4856" s="1" t="s">
        <v>18956</v>
      </c>
      <c r="H4856" s="1" t="s">
        <v>18957</v>
      </c>
      <c r="I4856" s="1" t="s">
        <v>16857</v>
      </c>
      <c r="J4856" s="1" t="s">
        <v>18969</v>
      </c>
    </row>
    <row r="4857" spans="1:10" x14ac:dyDescent="0.35">
      <c r="A4857" s="1" t="s">
        <v>18953</v>
      </c>
      <c r="B4857" s="1" t="s">
        <v>16851</v>
      </c>
      <c r="C4857" s="1" t="s">
        <v>30</v>
      </c>
      <c r="D4857" s="1" t="s">
        <v>18970</v>
      </c>
      <c r="E4857" s="1" t="s">
        <v>18971</v>
      </c>
      <c r="F4857" s="1" t="s">
        <v>18972</v>
      </c>
      <c r="G4857" s="1" t="s">
        <v>18956</v>
      </c>
      <c r="H4857" s="1" t="s">
        <v>18957</v>
      </c>
      <c r="I4857" s="1" t="s">
        <v>16857</v>
      </c>
      <c r="J4857" s="1" t="s">
        <v>18973</v>
      </c>
    </row>
    <row r="4858" spans="1:10" x14ac:dyDescent="0.35">
      <c r="A4858" s="1" t="s">
        <v>18953</v>
      </c>
      <c r="B4858" s="1" t="s">
        <v>16851</v>
      </c>
      <c r="C4858" s="1" t="s">
        <v>35</v>
      </c>
      <c r="D4858" s="1" t="s">
        <v>18974</v>
      </c>
      <c r="E4858" s="1" t="s">
        <v>18975</v>
      </c>
      <c r="F4858" s="1" t="s">
        <v>18976</v>
      </c>
      <c r="G4858" s="1" t="s">
        <v>18956</v>
      </c>
      <c r="H4858" s="1" t="s">
        <v>18957</v>
      </c>
      <c r="I4858" s="1" t="s">
        <v>16857</v>
      </c>
      <c r="J4858" s="1" t="s">
        <v>18977</v>
      </c>
    </row>
    <row r="4859" spans="1:10" x14ac:dyDescent="0.35">
      <c r="A4859" s="1" t="s">
        <v>18953</v>
      </c>
      <c r="B4859" s="1" t="s">
        <v>16851</v>
      </c>
      <c r="C4859" s="1" t="s">
        <v>40</v>
      </c>
      <c r="D4859" s="1" t="s">
        <v>96</v>
      </c>
      <c r="E4859" s="1" t="s">
        <v>18978</v>
      </c>
      <c r="F4859" s="1" t="s">
        <v>18979</v>
      </c>
      <c r="G4859" s="1" t="s">
        <v>18956</v>
      </c>
      <c r="H4859" s="1" t="s">
        <v>18957</v>
      </c>
      <c r="I4859" s="1" t="s">
        <v>16857</v>
      </c>
      <c r="J4859" s="1" t="s">
        <v>18980</v>
      </c>
    </row>
    <row r="4860" spans="1:10" x14ac:dyDescent="0.35">
      <c r="A4860" s="1" t="s">
        <v>18953</v>
      </c>
      <c r="B4860" s="1" t="s">
        <v>16851</v>
      </c>
      <c r="C4860" s="1" t="s">
        <v>45</v>
      </c>
      <c r="D4860" s="1" t="s">
        <v>18981</v>
      </c>
      <c r="E4860" s="1" t="s">
        <v>18982</v>
      </c>
      <c r="F4860" s="1" t="s">
        <v>18983</v>
      </c>
      <c r="G4860" s="1" t="s">
        <v>18956</v>
      </c>
      <c r="H4860" s="1" t="s">
        <v>18957</v>
      </c>
      <c r="I4860" s="1" t="s">
        <v>16857</v>
      </c>
      <c r="J4860" s="1" t="s">
        <v>18984</v>
      </c>
    </row>
    <row r="4861" spans="1:10" x14ac:dyDescent="0.35">
      <c r="A4861" s="1" t="s">
        <v>18953</v>
      </c>
      <c r="B4861" s="1" t="s">
        <v>16851</v>
      </c>
      <c r="C4861" s="1" t="s">
        <v>50</v>
      </c>
      <c r="D4861" s="1" t="s">
        <v>18985</v>
      </c>
      <c r="E4861" s="1" t="s">
        <v>18986</v>
      </c>
      <c r="F4861" s="1" t="s">
        <v>18987</v>
      </c>
      <c r="G4861" s="1" t="s">
        <v>18956</v>
      </c>
      <c r="H4861" s="1" t="s">
        <v>18957</v>
      </c>
      <c r="I4861" s="1" t="s">
        <v>16857</v>
      </c>
      <c r="J4861" s="1" t="s">
        <v>18988</v>
      </c>
    </row>
    <row r="4862" spans="1:10" x14ac:dyDescent="0.35">
      <c r="A4862" s="1" t="s">
        <v>18953</v>
      </c>
      <c r="B4862" s="1" t="s">
        <v>16851</v>
      </c>
      <c r="C4862" s="1" t="s">
        <v>55</v>
      </c>
      <c r="D4862" s="1" t="s">
        <v>18989</v>
      </c>
      <c r="E4862" s="1" t="s">
        <v>18990</v>
      </c>
      <c r="F4862" s="1" t="s">
        <v>18991</v>
      </c>
      <c r="G4862" s="1" t="s">
        <v>18956</v>
      </c>
      <c r="H4862" s="1" t="s">
        <v>18957</v>
      </c>
      <c r="I4862" s="1" t="s">
        <v>16857</v>
      </c>
      <c r="J4862" s="1" t="s">
        <v>18992</v>
      </c>
    </row>
    <row r="4863" spans="1:10" x14ac:dyDescent="0.35">
      <c r="A4863" s="1" t="s">
        <v>18953</v>
      </c>
      <c r="B4863" s="1" t="s">
        <v>16851</v>
      </c>
      <c r="C4863" s="1" t="s">
        <v>60</v>
      </c>
      <c r="D4863" s="1" t="s">
        <v>18534</v>
      </c>
      <c r="E4863" s="1" t="s">
        <v>18993</v>
      </c>
      <c r="F4863" s="1" t="s">
        <v>18994</v>
      </c>
      <c r="G4863" s="1" t="s">
        <v>18956</v>
      </c>
      <c r="H4863" s="1" t="s">
        <v>18957</v>
      </c>
      <c r="I4863" s="1" t="s">
        <v>16857</v>
      </c>
      <c r="J4863" s="1" t="s">
        <v>18995</v>
      </c>
    </row>
    <row r="4864" spans="1:10" x14ac:dyDescent="0.35">
      <c r="A4864" s="1" t="s">
        <v>18953</v>
      </c>
      <c r="B4864" s="1" t="s">
        <v>16851</v>
      </c>
      <c r="C4864" s="1" t="s">
        <v>65</v>
      </c>
      <c r="D4864" s="1" t="s">
        <v>18996</v>
      </c>
      <c r="E4864" s="1" t="s">
        <v>18997</v>
      </c>
      <c r="F4864" s="1" t="s">
        <v>18998</v>
      </c>
      <c r="G4864" s="1" t="s">
        <v>18956</v>
      </c>
      <c r="H4864" s="1" t="s">
        <v>18957</v>
      </c>
      <c r="I4864" s="1" t="s">
        <v>16857</v>
      </c>
      <c r="J4864" s="1" t="s">
        <v>18999</v>
      </c>
    </row>
    <row r="4865" spans="1:10" x14ac:dyDescent="0.35">
      <c r="A4865" s="1" t="s">
        <v>18953</v>
      </c>
      <c r="B4865" s="1" t="s">
        <v>16851</v>
      </c>
      <c r="C4865" s="1" t="s">
        <v>70</v>
      </c>
      <c r="D4865" s="1" t="s">
        <v>19000</v>
      </c>
      <c r="E4865" s="1" t="s">
        <v>19001</v>
      </c>
      <c r="F4865" s="1" t="s">
        <v>19002</v>
      </c>
      <c r="G4865" s="1" t="s">
        <v>18956</v>
      </c>
      <c r="H4865" s="1" t="s">
        <v>18957</v>
      </c>
      <c r="I4865" s="1" t="s">
        <v>16857</v>
      </c>
      <c r="J4865" s="1" t="s">
        <v>19003</v>
      </c>
    </row>
    <row r="4866" spans="1:10" x14ac:dyDescent="0.35">
      <c r="A4866" s="1" t="s">
        <v>18953</v>
      </c>
      <c r="B4866" s="1" t="s">
        <v>16851</v>
      </c>
      <c r="C4866" s="1" t="s">
        <v>75</v>
      </c>
      <c r="D4866" s="1" t="s">
        <v>19004</v>
      </c>
      <c r="E4866" s="1" t="s">
        <v>19005</v>
      </c>
      <c r="F4866" s="1" t="s">
        <v>19006</v>
      </c>
      <c r="G4866" s="1" t="s">
        <v>18956</v>
      </c>
      <c r="H4866" s="1" t="s">
        <v>18957</v>
      </c>
      <c r="I4866" s="1" t="s">
        <v>16857</v>
      </c>
      <c r="J4866" s="1" t="s">
        <v>19007</v>
      </c>
    </row>
    <row r="4867" spans="1:10" x14ac:dyDescent="0.35">
      <c r="A4867" s="1" t="s">
        <v>18953</v>
      </c>
      <c r="B4867" s="1" t="s">
        <v>16851</v>
      </c>
      <c r="C4867" s="1" t="s">
        <v>80</v>
      </c>
      <c r="D4867" s="1" t="s">
        <v>19008</v>
      </c>
      <c r="E4867" s="1" t="s">
        <v>19009</v>
      </c>
      <c r="F4867" s="1" t="s">
        <v>19010</v>
      </c>
      <c r="G4867" s="1" t="s">
        <v>18956</v>
      </c>
      <c r="H4867" s="1" t="s">
        <v>18957</v>
      </c>
      <c r="I4867" s="1" t="s">
        <v>16857</v>
      </c>
      <c r="J4867" s="1" t="s">
        <v>19011</v>
      </c>
    </row>
    <row r="4868" spans="1:10" x14ac:dyDescent="0.35">
      <c r="A4868" s="1" t="s">
        <v>18953</v>
      </c>
      <c r="B4868" s="1" t="s">
        <v>16851</v>
      </c>
      <c r="C4868" s="1" t="s">
        <v>85</v>
      </c>
      <c r="D4868" s="1" t="s">
        <v>19012</v>
      </c>
      <c r="E4868" s="1" t="s">
        <v>19013</v>
      </c>
      <c r="F4868" s="1" t="s">
        <v>19014</v>
      </c>
      <c r="G4868" s="1" t="s">
        <v>18956</v>
      </c>
      <c r="H4868" s="1" t="s">
        <v>18957</v>
      </c>
      <c r="I4868" s="1" t="s">
        <v>16857</v>
      </c>
      <c r="J4868" s="1" t="s">
        <v>19015</v>
      </c>
    </row>
    <row r="4869" spans="1:10" x14ac:dyDescent="0.35">
      <c r="A4869" s="1" t="s">
        <v>18953</v>
      </c>
      <c r="B4869" s="1" t="s">
        <v>16851</v>
      </c>
      <c r="C4869" s="1" t="s">
        <v>90</v>
      </c>
      <c r="D4869" s="1" t="s">
        <v>15671</v>
      </c>
      <c r="E4869" s="1" t="s">
        <v>19016</v>
      </c>
      <c r="F4869" s="1" t="s">
        <v>19017</v>
      </c>
      <c r="G4869" s="1" t="s">
        <v>18956</v>
      </c>
      <c r="H4869" s="1" t="s">
        <v>18957</v>
      </c>
      <c r="I4869" s="1" t="s">
        <v>16857</v>
      </c>
      <c r="J4869" s="1" t="s">
        <v>19018</v>
      </c>
    </row>
    <row r="4870" spans="1:10" x14ac:dyDescent="0.35">
      <c r="A4870" s="1" t="s">
        <v>18953</v>
      </c>
      <c r="B4870" s="1" t="s">
        <v>16851</v>
      </c>
      <c r="C4870" s="1" t="s">
        <v>95</v>
      </c>
      <c r="D4870" s="1" t="s">
        <v>19019</v>
      </c>
      <c r="E4870" s="1" t="s">
        <v>19020</v>
      </c>
      <c r="F4870" s="1" t="s">
        <v>19021</v>
      </c>
      <c r="G4870" s="1" t="s">
        <v>18956</v>
      </c>
      <c r="H4870" s="1" t="s">
        <v>18957</v>
      </c>
      <c r="I4870" s="1" t="s">
        <v>16857</v>
      </c>
      <c r="J4870" s="1" t="s">
        <v>19022</v>
      </c>
    </row>
    <row r="4871" spans="1:10" x14ac:dyDescent="0.35">
      <c r="A4871" s="1" t="s">
        <v>18953</v>
      </c>
      <c r="B4871" s="1" t="s">
        <v>16851</v>
      </c>
      <c r="C4871" s="1" t="s">
        <v>100</v>
      </c>
      <c r="D4871" s="1" t="s">
        <v>19023</v>
      </c>
      <c r="E4871" s="1" t="s">
        <v>19024</v>
      </c>
      <c r="F4871" s="1" t="s">
        <v>19025</v>
      </c>
      <c r="G4871" s="1" t="s">
        <v>18956</v>
      </c>
      <c r="H4871" s="1" t="s">
        <v>18957</v>
      </c>
      <c r="I4871" s="1" t="s">
        <v>16857</v>
      </c>
      <c r="J4871" s="1" t="s">
        <v>19026</v>
      </c>
    </row>
    <row r="4872" spans="1:10" x14ac:dyDescent="0.35">
      <c r="A4872" s="1" t="s">
        <v>18953</v>
      </c>
      <c r="B4872" s="1" t="s">
        <v>16851</v>
      </c>
      <c r="C4872" s="1" t="s">
        <v>105</v>
      </c>
      <c r="D4872" s="1" t="s">
        <v>19027</v>
      </c>
      <c r="E4872" s="1" t="s">
        <v>19028</v>
      </c>
      <c r="F4872" s="1" t="s">
        <v>19029</v>
      </c>
      <c r="G4872" s="1" t="s">
        <v>18956</v>
      </c>
      <c r="H4872" s="1" t="s">
        <v>18957</v>
      </c>
      <c r="I4872" s="1" t="s">
        <v>16857</v>
      </c>
      <c r="J4872" s="1" t="s">
        <v>19030</v>
      </c>
    </row>
    <row r="4873" spans="1:10" x14ac:dyDescent="0.35">
      <c r="A4873" s="1" t="s">
        <v>18953</v>
      </c>
      <c r="B4873" s="1" t="s">
        <v>16851</v>
      </c>
      <c r="C4873" s="1" t="s">
        <v>110</v>
      </c>
      <c r="D4873" s="1" t="s">
        <v>19031</v>
      </c>
      <c r="E4873" s="1" t="s">
        <v>19032</v>
      </c>
      <c r="F4873" s="1" t="s">
        <v>19033</v>
      </c>
      <c r="G4873" s="1" t="s">
        <v>18956</v>
      </c>
      <c r="H4873" s="1" t="s">
        <v>18957</v>
      </c>
      <c r="I4873" s="1" t="s">
        <v>16857</v>
      </c>
      <c r="J4873" s="1" t="s">
        <v>19034</v>
      </c>
    </row>
    <row r="4874" spans="1:10" x14ac:dyDescent="0.35">
      <c r="A4874" s="1" t="s">
        <v>18953</v>
      </c>
      <c r="B4874" s="1" t="s">
        <v>16851</v>
      </c>
      <c r="C4874" s="1" t="s">
        <v>115</v>
      </c>
      <c r="D4874" s="1" t="s">
        <v>19035</v>
      </c>
      <c r="E4874" s="1" t="s">
        <v>19036</v>
      </c>
      <c r="F4874" s="1" t="s">
        <v>19037</v>
      </c>
      <c r="G4874" s="1" t="s">
        <v>18956</v>
      </c>
      <c r="H4874" s="1" t="s">
        <v>18957</v>
      </c>
      <c r="I4874" s="1" t="s">
        <v>16857</v>
      </c>
      <c r="J4874" s="1" t="s">
        <v>19038</v>
      </c>
    </row>
    <row r="4875" spans="1:10" x14ac:dyDescent="0.35">
      <c r="A4875" s="1" t="s">
        <v>18953</v>
      </c>
      <c r="B4875" s="1" t="s">
        <v>16851</v>
      </c>
      <c r="C4875" s="1" t="s">
        <v>120</v>
      </c>
      <c r="D4875" s="1" t="s">
        <v>19039</v>
      </c>
      <c r="E4875" s="1" t="s">
        <v>19040</v>
      </c>
      <c r="F4875" s="1" t="s">
        <v>19041</v>
      </c>
      <c r="G4875" s="1" t="s">
        <v>18956</v>
      </c>
      <c r="H4875" s="1" t="s">
        <v>18957</v>
      </c>
      <c r="I4875" s="1" t="s">
        <v>16857</v>
      </c>
      <c r="J4875" s="1" t="s">
        <v>19042</v>
      </c>
    </row>
    <row r="4876" spans="1:10" x14ac:dyDescent="0.35">
      <c r="A4876" s="1" t="s">
        <v>18953</v>
      </c>
      <c r="B4876" s="1" t="s">
        <v>16851</v>
      </c>
      <c r="C4876" s="1" t="s">
        <v>125</v>
      </c>
      <c r="D4876" s="1" t="s">
        <v>19043</v>
      </c>
      <c r="E4876" s="1" t="s">
        <v>19044</v>
      </c>
      <c r="F4876" s="1" t="s">
        <v>19045</v>
      </c>
      <c r="G4876" s="1" t="s">
        <v>18956</v>
      </c>
      <c r="H4876" s="1" t="s">
        <v>18957</v>
      </c>
      <c r="I4876" s="1" t="s">
        <v>16857</v>
      </c>
      <c r="J4876" s="1" t="s">
        <v>19046</v>
      </c>
    </row>
    <row r="4877" spans="1:10" x14ac:dyDescent="0.35">
      <c r="A4877" s="1" t="s">
        <v>18953</v>
      </c>
      <c r="B4877" s="1" t="s">
        <v>16851</v>
      </c>
      <c r="C4877" s="1" t="s">
        <v>130</v>
      </c>
      <c r="D4877" s="1" t="s">
        <v>19047</v>
      </c>
      <c r="E4877" s="1" t="s">
        <v>19048</v>
      </c>
      <c r="F4877" s="1" t="s">
        <v>19049</v>
      </c>
      <c r="G4877" s="1" t="s">
        <v>18956</v>
      </c>
      <c r="H4877" s="1" t="s">
        <v>18957</v>
      </c>
      <c r="I4877" s="1" t="s">
        <v>16857</v>
      </c>
      <c r="J4877" s="1" t="s">
        <v>19050</v>
      </c>
    </row>
    <row r="4878" spans="1:10" x14ac:dyDescent="0.35">
      <c r="A4878" s="1" t="s">
        <v>18953</v>
      </c>
      <c r="B4878" s="1" t="s">
        <v>16851</v>
      </c>
      <c r="C4878" s="1" t="s">
        <v>135</v>
      </c>
      <c r="D4878" s="1" t="s">
        <v>19051</v>
      </c>
      <c r="E4878" s="1" t="s">
        <v>19052</v>
      </c>
      <c r="F4878" s="1" t="s">
        <v>19053</v>
      </c>
      <c r="G4878" s="1" t="s">
        <v>18956</v>
      </c>
      <c r="H4878" s="1" t="s">
        <v>18957</v>
      </c>
      <c r="I4878" s="1" t="s">
        <v>16857</v>
      </c>
      <c r="J4878" s="1" t="s">
        <v>19054</v>
      </c>
    </row>
    <row r="4879" spans="1:10" x14ac:dyDescent="0.35">
      <c r="A4879" s="1" t="s">
        <v>18953</v>
      </c>
      <c r="B4879" s="1" t="s">
        <v>16851</v>
      </c>
      <c r="C4879" s="1" t="s">
        <v>140</v>
      </c>
      <c r="D4879" s="1" t="s">
        <v>19055</v>
      </c>
      <c r="E4879" s="1" t="s">
        <v>19056</v>
      </c>
      <c r="F4879" s="1" t="s">
        <v>19057</v>
      </c>
      <c r="G4879" s="1" t="s">
        <v>18956</v>
      </c>
      <c r="H4879" s="1" t="s">
        <v>18957</v>
      </c>
      <c r="I4879" s="1" t="s">
        <v>16857</v>
      </c>
      <c r="J4879" s="1" t="s">
        <v>19058</v>
      </c>
    </row>
    <row r="4880" spans="1:10" x14ac:dyDescent="0.35">
      <c r="A4880" s="1" t="s">
        <v>18953</v>
      </c>
      <c r="B4880" s="1" t="s">
        <v>16851</v>
      </c>
      <c r="C4880" s="1" t="s">
        <v>145</v>
      </c>
      <c r="D4880" s="1" t="s">
        <v>19059</v>
      </c>
      <c r="E4880" s="1" t="s">
        <v>19060</v>
      </c>
      <c r="F4880" s="1" t="s">
        <v>19061</v>
      </c>
      <c r="G4880" s="1" t="s">
        <v>18956</v>
      </c>
      <c r="H4880" s="1" t="s">
        <v>18957</v>
      </c>
      <c r="I4880" s="1" t="s">
        <v>16857</v>
      </c>
      <c r="J4880" s="1" t="s">
        <v>19062</v>
      </c>
    </row>
    <row r="4881" spans="1:10" x14ac:dyDescent="0.35">
      <c r="A4881" s="1" t="s">
        <v>18953</v>
      </c>
      <c r="B4881" s="1" t="s">
        <v>16851</v>
      </c>
      <c r="C4881" s="1" t="s">
        <v>150</v>
      </c>
      <c r="D4881" s="1" t="s">
        <v>19063</v>
      </c>
      <c r="E4881" s="1" t="s">
        <v>19064</v>
      </c>
      <c r="F4881" s="1" t="s">
        <v>19065</v>
      </c>
      <c r="G4881" s="1" t="s">
        <v>18956</v>
      </c>
      <c r="H4881" s="1" t="s">
        <v>18957</v>
      </c>
      <c r="I4881" s="1" t="s">
        <v>16857</v>
      </c>
      <c r="J4881" s="1" t="s">
        <v>19066</v>
      </c>
    </row>
    <row r="4882" spans="1:10" x14ac:dyDescent="0.35">
      <c r="A4882" s="1" t="s">
        <v>18953</v>
      </c>
      <c r="B4882" s="1" t="s">
        <v>16851</v>
      </c>
      <c r="C4882" s="1" t="s">
        <v>155</v>
      </c>
      <c r="D4882" s="1" t="s">
        <v>19067</v>
      </c>
      <c r="E4882" s="1" t="s">
        <v>19068</v>
      </c>
      <c r="F4882" s="1" t="s">
        <v>19069</v>
      </c>
      <c r="G4882" s="1" t="s">
        <v>18956</v>
      </c>
      <c r="H4882" s="1" t="s">
        <v>18957</v>
      </c>
      <c r="I4882" s="1" t="s">
        <v>16857</v>
      </c>
      <c r="J4882" s="1" t="s">
        <v>19070</v>
      </c>
    </row>
    <row r="4883" spans="1:10" x14ac:dyDescent="0.35">
      <c r="A4883" s="1" t="s">
        <v>18953</v>
      </c>
      <c r="B4883" s="1" t="s">
        <v>16851</v>
      </c>
      <c r="C4883" s="1" t="s">
        <v>160</v>
      </c>
      <c r="D4883" s="1" t="s">
        <v>19071</v>
      </c>
      <c r="E4883" s="1" t="s">
        <v>19072</v>
      </c>
      <c r="F4883" s="1" t="s">
        <v>19073</v>
      </c>
      <c r="G4883" s="1" t="s">
        <v>18956</v>
      </c>
      <c r="H4883" s="1" t="s">
        <v>18957</v>
      </c>
      <c r="I4883" s="1" t="s">
        <v>16857</v>
      </c>
      <c r="J4883" s="1" t="s">
        <v>19074</v>
      </c>
    </row>
    <row r="4884" spans="1:10" x14ac:dyDescent="0.35">
      <c r="A4884" s="1" t="s">
        <v>18953</v>
      </c>
      <c r="B4884" s="1" t="s">
        <v>16851</v>
      </c>
      <c r="C4884" s="1" t="s">
        <v>165</v>
      </c>
      <c r="D4884" s="1" t="s">
        <v>19075</v>
      </c>
      <c r="E4884" s="1" t="s">
        <v>19076</v>
      </c>
      <c r="F4884" s="1" t="s">
        <v>19077</v>
      </c>
      <c r="G4884" s="1" t="s">
        <v>18956</v>
      </c>
      <c r="H4884" s="1" t="s">
        <v>18957</v>
      </c>
      <c r="I4884" s="1" t="s">
        <v>16857</v>
      </c>
      <c r="J4884" s="1" t="s">
        <v>19078</v>
      </c>
    </row>
    <row r="4885" spans="1:10" x14ac:dyDescent="0.35">
      <c r="A4885" s="1" t="s">
        <v>18953</v>
      </c>
      <c r="B4885" s="1" t="s">
        <v>16851</v>
      </c>
      <c r="C4885" s="1" t="s">
        <v>170</v>
      </c>
      <c r="D4885" s="1" t="s">
        <v>19079</v>
      </c>
      <c r="E4885" s="1" t="s">
        <v>19080</v>
      </c>
      <c r="F4885" s="1" t="s">
        <v>19081</v>
      </c>
      <c r="G4885" s="1" t="s">
        <v>18956</v>
      </c>
      <c r="H4885" s="1" t="s">
        <v>18957</v>
      </c>
      <c r="I4885" s="1" t="s">
        <v>16857</v>
      </c>
      <c r="J4885" s="1" t="s">
        <v>19082</v>
      </c>
    </row>
    <row r="4886" spans="1:10" x14ac:dyDescent="0.35">
      <c r="A4886" s="1" t="s">
        <v>19083</v>
      </c>
      <c r="B4886" s="1" t="s">
        <v>16851</v>
      </c>
      <c r="C4886" s="1" t="s">
        <v>8</v>
      </c>
      <c r="D4886" s="1" t="s">
        <v>19084</v>
      </c>
      <c r="E4886" s="1" t="s">
        <v>19085</v>
      </c>
      <c r="F4886" s="1" t="s">
        <v>19086</v>
      </c>
      <c r="G4886" s="1" t="s">
        <v>19087</v>
      </c>
      <c r="H4886" s="1" t="s">
        <v>19088</v>
      </c>
      <c r="I4886" s="1" t="s">
        <v>16857</v>
      </c>
      <c r="J4886" s="1" t="s">
        <v>13</v>
      </c>
    </row>
    <row r="4887" spans="1:10" x14ac:dyDescent="0.35">
      <c r="A4887" s="1" t="s">
        <v>19083</v>
      </c>
      <c r="B4887" s="1" t="s">
        <v>16851</v>
      </c>
      <c r="C4887" s="1" t="s">
        <v>15</v>
      </c>
      <c r="D4887" s="1" t="s">
        <v>19089</v>
      </c>
      <c r="E4887" s="1" t="s">
        <v>19090</v>
      </c>
      <c r="F4887" s="1" t="s">
        <v>19091</v>
      </c>
      <c r="G4887" s="1" t="s">
        <v>19087</v>
      </c>
      <c r="H4887" s="1" t="s">
        <v>19088</v>
      </c>
      <c r="I4887" s="1" t="s">
        <v>16857</v>
      </c>
      <c r="J4887" s="1" t="s">
        <v>19092</v>
      </c>
    </row>
    <row r="4888" spans="1:10" x14ac:dyDescent="0.35">
      <c r="A4888" s="1" t="s">
        <v>19083</v>
      </c>
      <c r="B4888" s="1" t="s">
        <v>16851</v>
      </c>
      <c r="C4888" s="1" t="s">
        <v>20</v>
      </c>
      <c r="D4888" s="1" t="s">
        <v>19093</v>
      </c>
      <c r="E4888" s="1" t="s">
        <v>19094</v>
      </c>
      <c r="F4888" s="1" t="s">
        <v>19095</v>
      </c>
      <c r="G4888" s="1" t="s">
        <v>19087</v>
      </c>
      <c r="H4888" s="1" t="s">
        <v>19088</v>
      </c>
      <c r="I4888" s="1" t="s">
        <v>16857</v>
      </c>
      <c r="J4888" s="1" t="s">
        <v>19096</v>
      </c>
    </row>
    <row r="4889" spans="1:10" x14ac:dyDescent="0.35">
      <c r="A4889" s="1" t="s">
        <v>19083</v>
      </c>
      <c r="B4889" s="1" t="s">
        <v>16851</v>
      </c>
      <c r="C4889" s="1" t="s">
        <v>25</v>
      </c>
      <c r="D4889" s="1" t="s">
        <v>19097</v>
      </c>
      <c r="E4889" s="1" t="s">
        <v>19098</v>
      </c>
      <c r="F4889" s="1" t="s">
        <v>19099</v>
      </c>
      <c r="G4889" s="1" t="s">
        <v>19087</v>
      </c>
      <c r="H4889" s="1" t="s">
        <v>19088</v>
      </c>
      <c r="I4889" s="1" t="s">
        <v>16857</v>
      </c>
      <c r="J4889" s="1" t="s">
        <v>19100</v>
      </c>
    </row>
    <row r="4890" spans="1:10" x14ac:dyDescent="0.35">
      <c r="A4890" s="1" t="s">
        <v>19083</v>
      </c>
      <c r="B4890" s="1" t="s">
        <v>16851</v>
      </c>
      <c r="C4890" s="1" t="s">
        <v>30</v>
      </c>
      <c r="D4890" s="1" t="s">
        <v>19101</v>
      </c>
      <c r="E4890" s="1" t="s">
        <v>19102</v>
      </c>
      <c r="F4890" s="1" t="s">
        <v>19103</v>
      </c>
      <c r="G4890" s="1" t="s">
        <v>19087</v>
      </c>
      <c r="H4890" s="1" t="s">
        <v>19088</v>
      </c>
      <c r="I4890" s="1" t="s">
        <v>16857</v>
      </c>
      <c r="J4890" s="1" t="s">
        <v>19104</v>
      </c>
    </row>
    <row r="4891" spans="1:10" x14ac:dyDescent="0.35">
      <c r="A4891" s="1" t="s">
        <v>19083</v>
      </c>
      <c r="B4891" s="1" t="s">
        <v>16851</v>
      </c>
      <c r="C4891" s="1" t="s">
        <v>35</v>
      </c>
      <c r="D4891" s="1" t="s">
        <v>19105</v>
      </c>
      <c r="E4891" s="1" t="s">
        <v>19106</v>
      </c>
      <c r="F4891" s="1" t="s">
        <v>19107</v>
      </c>
      <c r="G4891" s="1" t="s">
        <v>19087</v>
      </c>
      <c r="H4891" s="1" t="s">
        <v>19088</v>
      </c>
      <c r="I4891" s="1" t="s">
        <v>16857</v>
      </c>
      <c r="J4891" s="1" t="s">
        <v>19108</v>
      </c>
    </row>
    <row r="4892" spans="1:10" x14ac:dyDescent="0.35">
      <c r="A4892" s="1" t="s">
        <v>19083</v>
      </c>
      <c r="B4892" s="1" t="s">
        <v>16851</v>
      </c>
      <c r="C4892" s="1" t="s">
        <v>40</v>
      </c>
      <c r="D4892" s="1" t="s">
        <v>19109</v>
      </c>
      <c r="E4892" s="1" t="s">
        <v>19110</v>
      </c>
      <c r="F4892" s="1" t="s">
        <v>19111</v>
      </c>
      <c r="G4892" s="1" t="s">
        <v>19087</v>
      </c>
      <c r="H4892" s="1" t="s">
        <v>19088</v>
      </c>
      <c r="I4892" s="1" t="s">
        <v>16857</v>
      </c>
      <c r="J4892" s="1" t="s">
        <v>19112</v>
      </c>
    </row>
    <row r="4893" spans="1:10" x14ac:dyDescent="0.35">
      <c r="A4893" s="1" t="s">
        <v>19083</v>
      </c>
      <c r="B4893" s="1" t="s">
        <v>16851</v>
      </c>
      <c r="C4893" s="1" t="s">
        <v>45</v>
      </c>
      <c r="D4893" s="1" t="s">
        <v>19113</v>
      </c>
      <c r="E4893" s="1" t="s">
        <v>19114</v>
      </c>
      <c r="F4893" s="1" t="s">
        <v>19115</v>
      </c>
      <c r="G4893" s="1" t="s">
        <v>19087</v>
      </c>
      <c r="H4893" s="1" t="s">
        <v>19088</v>
      </c>
      <c r="I4893" s="1" t="s">
        <v>16857</v>
      </c>
      <c r="J4893" s="1" t="s">
        <v>19116</v>
      </c>
    </row>
    <row r="4894" spans="1:10" x14ac:dyDescent="0.35">
      <c r="A4894" s="1" t="s">
        <v>19083</v>
      </c>
      <c r="B4894" s="1" t="s">
        <v>16851</v>
      </c>
      <c r="C4894" s="1" t="s">
        <v>50</v>
      </c>
      <c r="D4894" s="1" t="s">
        <v>19117</v>
      </c>
      <c r="E4894" s="1" t="s">
        <v>19118</v>
      </c>
      <c r="F4894" s="1" t="s">
        <v>19119</v>
      </c>
      <c r="G4894" s="1" t="s">
        <v>19087</v>
      </c>
      <c r="H4894" s="1" t="s">
        <v>19088</v>
      </c>
      <c r="I4894" s="1" t="s">
        <v>16857</v>
      </c>
      <c r="J4894" s="1" t="s">
        <v>19120</v>
      </c>
    </row>
    <row r="4895" spans="1:10" x14ac:dyDescent="0.35">
      <c r="A4895" s="1" t="s">
        <v>19083</v>
      </c>
      <c r="B4895" s="1" t="s">
        <v>16851</v>
      </c>
      <c r="C4895" s="1" t="s">
        <v>55</v>
      </c>
      <c r="D4895" s="1" t="s">
        <v>19121</v>
      </c>
      <c r="E4895" s="1" t="s">
        <v>19122</v>
      </c>
      <c r="F4895" s="1" t="s">
        <v>19123</v>
      </c>
      <c r="G4895" s="1" t="s">
        <v>19087</v>
      </c>
      <c r="H4895" s="1" t="s">
        <v>19088</v>
      </c>
      <c r="I4895" s="1" t="s">
        <v>16857</v>
      </c>
      <c r="J4895" s="1" t="s">
        <v>19124</v>
      </c>
    </row>
    <row r="4896" spans="1:10" x14ac:dyDescent="0.35">
      <c r="A4896" s="1" t="s">
        <v>19083</v>
      </c>
      <c r="B4896" s="1" t="s">
        <v>16851</v>
      </c>
      <c r="C4896" s="1" t="s">
        <v>60</v>
      </c>
      <c r="D4896" s="1" t="s">
        <v>19125</v>
      </c>
      <c r="E4896" s="1" t="s">
        <v>19126</v>
      </c>
      <c r="F4896" s="1" t="s">
        <v>19127</v>
      </c>
      <c r="G4896" s="1" t="s">
        <v>19087</v>
      </c>
      <c r="H4896" s="1" t="s">
        <v>19088</v>
      </c>
      <c r="I4896" s="1" t="s">
        <v>16857</v>
      </c>
      <c r="J4896" s="1" t="s">
        <v>19128</v>
      </c>
    </row>
    <row r="4897" spans="1:10" x14ac:dyDescent="0.35">
      <c r="A4897" s="1" t="s">
        <v>19083</v>
      </c>
      <c r="B4897" s="1" t="s">
        <v>16851</v>
      </c>
      <c r="C4897" s="1" t="s">
        <v>65</v>
      </c>
      <c r="D4897" s="1" t="s">
        <v>17597</v>
      </c>
      <c r="E4897" s="1" t="s">
        <v>19129</v>
      </c>
      <c r="F4897" s="1" t="s">
        <v>19130</v>
      </c>
      <c r="G4897" s="1" t="s">
        <v>19087</v>
      </c>
      <c r="H4897" s="1" t="s">
        <v>19088</v>
      </c>
      <c r="I4897" s="1" t="s">
        <v>16857</v>
      </c>
      <c r="J4897" s="1" t="s">
        <v>19131</v>
      </c>
    </row>
    <row r="4898" spans="1:10" x14ac:dyDescent="0.35">
      <c r="A4898" s="1" t="s">
        <v>19083</v>
      </c>
      <c r="B4898" s="1" t="s">
        <v>16851</v>
      </c>
      <c r="C4898" s="1" t="s">
        <v>70</v>
      </c>
      <c r="D4898" s="1" t="s">
        <v>19132</v>
      </c>
      <c r="E4898" s="1" t="s">
        <v>19133</v>
      </c>
      <c r="F4898" s="1" t="s">
        <v>19134</v>
      </c>
      <c r="G4898" s="1" t="s">
        <v>19087</v>
      </c>
      <c r="H4898" s="1" t="s">
        <v>19088</v>
      </c>
      <c r="I4898" s="1" t="s">
        <v>16857</v>
      </c>
      <c r="J4898" s="1" t="s">
        <v>19135</v>
      </c>
    </row>
    <row r="4899" spans="1:10" x14ac:dyDescent="0.35">
      <c r="A4899" s="1" t="s">
        <v>19083</v>
      </c>
      <c r="B4899" s="1" t="s">
        <v>16851</v>
      </c>
      <c r="C4899" s="1" t="s">
        <v>75</v>
      </c>
      <c r="D4899" s="1" t="s">
        <v>11246</v>
      </c>
      <c r="E4899" s="1" t="s">
        <v>19136</v>
      </c>
      <c r="F4899" s="1" t="s">
        <v>19137</v>
      </c>
      <c r="G4899" s="1" t="s">
        <v>19087</v>
      </c>
      <c r="H4899" s="1" t="s">
        <v>19088</v>
      </c>
      <c r="I4899" s="1" t="s">
        <v>16857</v>
      </c>
      <c r="J4899" s="1" t="s">
        <v>19138</v>
      </c>
    </row>
    <row r="4900" spans="1:10" x14ac:dyDescent="0.35">
      <c r="A4900" s="1" t="s">
        <v>19083</v>
      </c>
      <c r="B4900" s="1" t="s">
        <v>16851</v>
      </c>
      <c r="C4900" s="1" t="s">
        <v>80</v>
      </c>
      <c r="D4900" s="1" t="s">
        <v>19139</v>
      </c>
      <c r="E4900" s="1" t="s">
        <v>19140</v>
      </c>
      <c r="F4900" s="1" t="s">
        <v>19141</v>
      </c>
      <c r="G4900" s="1" t="s">
        <v>19087</v>
      </c>
      <c r="H4900" s="1" t="s">
        <v>19088</v>
      </c>
      <c r="I4900" s="1" t="s">
        <v>16857</v>
      </c>
      <c r="J4900" s="1" t="s">
        <v>19142</v>
      </c>
    </row>
    <row r="4901" spans="1:10" x14ac:dyDescent="0.35">
      <c r="A4901" s="1" t="s">
        <v>19083</v>
      </c>
      <c r="B4901" s="1" t="s">
        <v>16851</v>
      </c>
      <c r="C4901" s="1" t="s">
        <v>85</v>
      </c>
      <c r="D4901" s="1" t="s">
        <v>19143</v>
      </c>
      <c r="E4901" s="1" t="s">
        <v>19144</v>
      </c>
      <c r="F4901" s="1" t="s">
        <v>19145</v>
      </c>
      <c r="G4901" s="1" t="s">
        <v>19087</v>
      </c>
      <c r="H4901" s="1" t="s">
        <v>19088</v>
      </c>
      <c r="I4901" s="1" t="s">
        <v>16857</v>
      </c>
      <c r="J4901" s="1" t="s">
        <v>19146</v>
      </c>
    </row>
    <row r="4902" spans="1:10" x14ac:dyDescent="0.35">
      <c r="A4902" s="1" t="s">
        <v>19083</v>
      </c>
      <c r="B4902" s="1" t="s">
        <v>16851</v>
      </c>
      <c r="C4902" s="1" t="s">
        <v>90</v>
      </c>
      <c r="D4902" s="1" t="s">
        <v>19147</v>
      </c>
      <c r="E4902" s="1" t="s">
        <v>19148</v>
      </c>
      <c r="F4902" s="1" t="s">
        <v>19149</v>
      </c>
      <c r="G4902" s="1" t="s">
        <v>19087</v>
      </c>
      <c r="H4902" s="1" t="s">
        <v>19088</v>
      </c>
      <c r="I4902" s="1" t="s">
        <v>16857</v>
      </c>
      <c r="J4902" s="1" t="s">
        <v>19150</v>
      </c>
    </row>
    <row r="4903" spans="1:10" x14ac:dyDescent="0.35">
      <c r="A4903" s="1" t="s">
        <v>19083</v>
      </c>
      <c r="B4903" s="1" t="s">
        <v>16851</v>
      </c>
      <c r="C4903" s="1" t="s">
        <v>95</v>
      </c>
      <c r="D4903" s="1" t="s">
        <v>19151</v>
      </c>
      <c r="E4903" s="1" t="s">
        <v>19152</v>
      </c>
      <c r="F4903" s="1" t="s">
        <v>19153</v>
      </c>
      <c r="G4903" s="1" t="s">
        <v>19087</v>
      </c>
      <c r="H4903" s="1" t="s">
        <v>19088</v>
      </c>
      <c r="I4903" s="1" t="s">
        <v>16857</v>
      </c>
      <c r="J4903" s="1" t="s">
        <v>19154</v>
      </c>
    </row>
    <row r="4904" spans="1:10" x14ac:dyDescent="0.35">
      <c r="A4904" s="1" t="s">
        <v>19083</v>
      </c>
      <c r="B4904" s="1" t="s">
        <v>16851</v>
      </c>
      <c r="C4904" s="1" t="s">
        <v>100</v>
      </c>
      <c r="D4904" s="1" t="s">
        <v>19155</v>
      </c>
      <c r="E4904" s="1" t="s">
        <v>19156</v>
      </c>
      <c r="F4904" s="1" t="s">
        <v>19157</v>
      </c>
      <c r="G4904" s="1" t="s">
        <v>19087</v>
      </c>
      <c r="H4904" s="1" t="s">
        <v>19088</v>
      </c>
      <c r="I4904" s="1" t="s">
        <v>16857</v>
      </c>
      <c r="J4904" s="1" t="s">
        <v>19158</v>
      </c>
    </row>
    <row r="4905" spans="1:10" x14ac:dyDescent="0.35">
      <c r="A4905" s="1" t="s">
        <v>19083</v>
      </c>
      <c r="B4905" s="1" t="s">
        <v>16851</v>
      </c>
      <c r="C4905" s="1" t="s">
        <v>105</v>
      </c>
      <c r="D4905" s="1" t="s">
        <v>19159</v>
      </c>
      <c r="E4905" s="1" t="s">
        <v>19160</v>
      </c>
      <c r="F4905" s="1" t="s">
        <v>19161</v>
      </c>
      <c r="G4905" s="1" t="s">
        <v>19087</v>
      </c>
      <c r="H4905" s="1" t="s">
        <v>19088</v>
      </c>
      <c r="I4905" s="1" t="s">
        <v>16857</v>
      </c>
      <c r="J4905" s="1" t="s">
        <v>19162</v>
      </c>
    </row>
    <row r="4906" spans="1:10" x14ac:dyDescent="0.35">
      <c r="A4906" s="1" t="s">
        <v>19083</v>
      </c>
      <c r="B4906" s="1" t="s">
        <v>16851</v>
      </c>
      <c r="C4906" s="1" t="s">
        <v>110</v>
      </c>
      <c r="D4906" s="1" t="s">
        <v>19163</v>
      </c>
      <c r="E4906" s="1" t="s">
        <v>19164</v>
      </c>
      <c r="F4906" s="1" t="s">
        <v>19165</v>
      </c>
      <c r="G4906" s="1" t="s">
        <v>19087</v>
      </c>
      <c r="H4906" s="1" t="s">
        <v>19088</v>
      </c>
      <c r="I4906" s="1" t="s">
        <v>16857</v>
      </c>
      <c r="J4906" s="1" t="s">
        <v>19166</v>
      </c>
    </row>
    <row r="4907" spans="1:10" x14ac:dyDescent="0.35">
      <c r="A4907" s="1" t="s">
        <v>19083</v>
      </c>
      <c r="B4907" s="1" t="s">
        <v>16851</v>
      </c>
      <c r="C4907" s="1" t="s">
        <v>115</v>
      </c>
      <c r="D4907" s="1" t="s">
        <v>19167</v>
      </c>
      <c r="E4907" s="1" t="s">
        <v>19168</v>
      </c>
      <c r="F4907" s="1" t="s">
        <v>19169</v>
      </c>
      <c r="G4907" s="1" t="s">
        <v>19087</v>
      </c>
      <c r="H4907" s="1" t="s">
        <v>19088</v>
      </c>
      <c r="I4907" s="1" t="s">
        <v>16857</v>
      </c>
      <c r="J4907" s="1" t="s">
        <v>19170</v>
      </c>
    </row>
    <row r="4908" spans="1:10" x14ac:dyDescent="0.35">
      <c r="A4908" s="1" t="s">
        <v>19083</v>
      </c>
      <c r="B4908" s="1" t="s">
        <v>16851</v>
      </c>
      <c r="C4908" s="1" t="s">
        <v>120</v>
      </c>
      <c r="D4908" s="1" t="s">
        <v>19171</v>
      </c>
      <c r="E4908" s="1" t="s">
        <v>19172</v>
      </c>
      <c r="F4908" s="1" t="s">
        <v>19173</v>
      </c>
      <c r="G4908" s="1" t="s">
        <v>19087</v>
      </c>
      <c r="H4908" s="1" t="s">
        <v>19088</v>
      </c>
      <c r="I4908" s="1" t="s">
        <v>16857</v>
      </c>
      <c r="J4908" s="1" t="s">
        <v>19174</v>
      </c>
    </row>
    <row r="4909" spans="1:10" x14ac:dyDescent="0.35">
      <c r="A4909" s="1" t="s">
        <v>19083</v>
      </c>
      <c r="B4909" s="1" t="s">
        <v>16851</v>
      </c>
      <c r="C4909" s="1" t="s">
        <v>125</v>
      </c>
      <c r="D4909" s="1" t="s">
        <v>19175</v>
      </c>
      <c r="E4909" s="1" t="s">
        <v>19176</v>
      </c>
      <c r="F4909" s="1" t="s">
        <v>19177</v>
      </c>
      <c r="G4909" s="1" t="s">
        <v>19087</v>
      </c>
      <c r="H4909" s="1" t="s">
        <v>19088</v>
      </c>
      <c r="I4909" s="1" t="s">
        <v>16857</v>
      </c>
      <c r="J4909" s="1" t="s">
        <v>19178</v>
      </c>
    </row>
    <row r="4910" spans="1:10" x14ac:dyDescent="0.35">
      <c r="A4910" s="1" t="s">
        <v>19083</v>
      </c>
      <c r="B4910" s="1" t="s">
        <v>16851</v>
      </c>
      <c r="C4910" s="1" t="s">
        <v>130</v>
      </c>
      <c r="D4910" s="1" t="s">
        <v>19179</v>
      </c>
      <c r="E4910" s="1" t="s">
        <v>19180</v>
      </c>
      <c r="F4910" s="1" t="s">
        <v>19181</v>
      </c>
      <c r="G4910" s="1" t="s">
        <v>19087</v>
      </c>
      <c r="H4910" s="1" t="s">
        <v>19088</v>
      </c>
      <c r="I4910" s="1" t="s">
        <v>16857</v>
      </c>
      <c r="J4910" s="1" t="s">
        <v>19182</v>
      </c>
    </row>
    <row r="4911" spans="1:10" x14ac:dyDescent="0.35">
      <c r="A4911" s="1" t="s">
        <v>19083</v>
      </c>
      <c r="B4911" s="1" t="s">
        <v>16851</v>
      </c>
      <c r="C4911" s="1" t="s">
        <v>135</v>
      </c>
      <c r="D4911" s="1" t="s">
        <v>19183</v>
      </c>
      <c r="E4911" s="1" t="s">
        <v>19184</v>
      </c>
      <c r="F4911" s="1" t="s">
        <v>19185</v>
      </c>
      <c r="G4911" s="1" t="s">
        <v>19087</v>
      </c>
      <c r="H4911" s="1" t="s">
        <v>19088</v>
      </c>
      <c r="I4911" s="1" t="s">
        <v>16857</v>
      </c>
      <c r="J4911" s="1" t="s">
        <v>19186</v>
      </c>
    </row>
    <row r="4912" spans="1:10" x14ac:dyDescent="0.35">
      <c r="A4912" s="1" t="s">
        <v>19083</v>
      </c>
      <c r="B4912" s="1" t="s">
        <v>16851</v>
      </c>
      <c r="C4912" s="1" t="s">
        <v>140</v>
      </c>
      <c r="D4912" s="1" t="s">
        <v>19187</v>
      </c>
      <c r="E4912" s="1" t="s">
        <v>19188</v>
      </c>
      <c r="F4912" s="1" t="s">
        <v>19189</v>
      </c>
      <c r="G4912" s="1" t="s">
        <v>19087</v>
      </c>
      <c r="H4912" s="1" t="s">
        <v>19088</v>
      </c>
      <c r="I4912" s="1" t="s">
        <v>16857</v>
      </c>
      <c r="J4912" s="1" t="s">
        <v>19190</v>
      </c>
    </row>
    <row r="4913" spans="1:10" x14ac:dyDescent="0.35">
      <c r="A4913" s="1" t="s">
        <v>19083</v>
      </c>
      <c r="B4913" s="1" t="s">
        <v>16851</v>
      </c>
      <c r="C4913" s="1" t="s">
        <v>145</v>
      </c>
      <c r="D4913" s="1" t="s">
        <v>19191</v>
      </c>
      <c r="E4913" s="1" t="s">
        <v>19192</v>
      </c>
      <c r="F4913" s="1" t="s">
        <v>19193</v>
      </c>
      <c r="G4913" s="1" t="s">
        <v>19087</v>
      </c>
      <c r="H4913" s="1" t="s">
        <v>19088</v>
      </c>
      <c r="I4913" s="1" t="s">
        <v>16857</v>
      </c>
      <c r="J4913" s="1" t="s">
        <v>19194</v>
      </c>
    </row>
    <row r="4914" spans="1:10" x14ac:dyDescent="0.35">
      <c r="A4914" s="1" t="s">
        <v>19083</v>
      </c>
      <c r="B4914" s="1" t="s">
        <v>16851</v>
      </c>
      <c r="C4914" s="1" t="s">
        <v>150</v>
      </c>
      <c r="D4914" s="1" t="s">
        <v>19195</v>
      </c>
      <c r="E4914" s="1" t="s">
        <v>19196</v>
      </c>
      <c r="F4914" s="1" t="s">
        <v>19197</v>
      </c>
      <c r="G4914" s="1" t="s">
        <v>19087</v>
      </c>
      <c r="H4914" s="1" t="s">
        <v>19088</v>
      </c>
      <c r="I4914" s="1" t="s">
        <v>16857</v>
      </c>
      <c r="J4914" s="1" t="s">
        <v>19198</v>
      </c>
    </row>
    <row r="4915" spans="1:10" x14ac:dyDescent="0.35">
      <c r="A4915" s="1" t="s">
        <v>19083</v>
      </c>
      <c r="B4915" s="1" t="s">
        <v>16851</v>
      </c>
      <c r="C4915" s="1" t="s">
        <v>155</v>
      </c>
      <c r="D4915" s="1" t="s">
        <v>19199</v>
      </c>
      <c r="E4915" s="1" t="s">
        <v>19200</v>
      </c>
      <c r="F4915" s="1" t="s">
        <v>19201</v>
      </c>
      <c r="G4915" s="1" t="s">
        <v>19087</v>
      </c>
      <c r="H4915" s="1" t="s">
        <v>19088</v>
      </c>
      <c r="I4915" s="1" t="s">
        <v>16857</v>
      </c>
      <c r="J4915" s="1" t="s">
        <v>19202</v>
      </c>
    </row>
    <row r="4916" spans="1:10" x14ac:dyDescent="0.35">
      <c r="A4916" s="1" t="s">
        <v>19083</v>
      </c>
      <c r="B4916" s="1" t="s">
        <v>16851</v>
      </c>
      <c r="C4916" s="1" t="s">
        <v>160</v>
      </c>
      <c r="D4916" s="1" t="s">
        <v>19203</v>
      </c>
      <c r="E4916" s="1" t="s">
        <v>19204</v>
      </c>
      <c r="F4916" s="1" t="s">
        <v>19205</v>
      </c>
      <c r="G4916" s="1" t="s">
        <v>19087</v>
      </c>
      <c r="H4916" s="1" t="s">
        <v>19088</v>
      </c>
      <c r="I4916" s="1" t="s">
        <v>16857</v>
      </c>
      <c r="J4916" s="1" t="s">
        <v>19206</v>
      </c>
    </row>
    <row r="4917" spans="1:10" x14ac:dyDescent="0.35">
      <c r="A4917" s="1" t="s">
        <v>19083</v>
      </c>
      <c r="B4917" s="1" t="s">
        <v>16851</v>
      </c>
      <c r="C4917" s="1" t="s">
        <v>165</v>
      </c>
      <c r="D4917" s="1" t="s">
        <v>19207</v>
      </c>
      <c r="E4917" s="1" t="s">
        <v>19208</v>
      </c>
      <c r="F4917" s="1" t="s">
        <v>19209</v>
      </c>
      <c r="G4917" s="1" t="s">
        <v>19087</v>
      </c>
      <c r="H4917" s="1" t="s">
        <v>19088</v>
      </c>
      <c r="I4917" s="1" t="s">
        <v>16857</v>
      </c>
      <c r="J4917" s="1" t="s">
        <v>19210</v>
      </c>
    </row>
    <row r="4918" spans="1:10" x14ac:dyDescent="0.35">
      <c r="A4918" s="1" t="s">
        <v>19083</v>
      </c>
      <c r="B4918" s="1" t="s">
        <v>16851</v>
      </c>
      <c r="C4918" s="1" t="s">
        <v>170</v>
      </c>
      <c r="D4918" s="1" t="s">
        <v>19211</v>
      </c>
      <c r="E4918" s="1" t="s">
        <v>19212</v>
      </c>
      <c r="F4918" s="1" t="s">
        <v>19213</v>
      </c>
      <c r="G4918" s="1" t="s">
        <v>19087</v>
      </c>
      <c r="H4918" s="1" t="s">
        <v>19088</v>
      </c>
      <c r="I4918" s="1" t="s">
        <v>16857</v>
      </c>
      <c r="J4918" s="1" t="s">
        <v>19214</v>
      </c>
    </row>
    <row r="4919" spans="1:10" x14ac:dyDescent="0.35">
      <c r="A4919" s="1" t="s">
        <v>19215</v>
      </c>
      <c r="B4919" s="1" t="s">
        <v>16851</v>
      </c>
      <c r="C4919" s="1" t="s">
        <v>8</v>
      </c>
      <c r="D4919" s="1" t="s">
        <v>19216</v>
      </c>
      <c r="E4919" s="1" t="s">
        <v>19217</v>
      </c>
      <c r="F4919" s="1" t="s">
        <v>19218</v>
      </c>
      <c r="G4919" s="1" t="s">
        <v>19219</v>
      </c>
      <c r="H4919" s="1" t="s">
        <v>19220</v>
      </c>
      <c r="I4919" s="1" t="s">
        <v>16857</v>
      </c>
      <c r="J4919" s="1" t="s">
        <v>13</v>
      </c>
    </row>
    <row r="4920" spans="1:10" x14ac:dyDescent="0.35">
      <c r="A4920" s="1" t="s">
        <v>19215</v>
      </c>
      <c r="B4920" s="1" t="s">
        <v>16851</v>
      </c>
      <c r="C4920" s="1" t="s">
        <v>15</v>
      </c>
      <c r="D4920" s="1" t="s">
        <v>19221</v>
      </c>
      <c r="E4920" s="1" t="s">
        <v>19222</v>
      </c>
      <c r="F4920" s="1" t="s">
        <v>19223</v>
      </c>
      <c r="G4920" s="1" t="s">
        <v>19219</v>
      </c>
      <c r="H4920" s="1" t="s">
        <v>19220</v>
      </c>
      <c r="I4920" s="1" t="s">
        <v>16857</v>
      </c>
      <c r="J4920" s="1" t="s">
        <v>19224</v>
      </c>
    </row>
    <row r="4921" spans="1:10" x14ac:dyDescent="0.35">
      <c r="A4921" s="1" t="s">
        <v>19215</v>
      </c>
      <c r="B4921" s="1" t="s">
        <v>16851</v>
      </c>
      <c r="C4921" s="1" t="s">
        <v>20</v>
      </c>
      <c r="D4921" s="1" t="s">
        <v>19225</v>
      </c>
      <c r="E4921" s="1" t="s">
        <v>19226</v>
      </c>
      <c r="F4921" s="1" t="s">
        <v>19227</v>
      </c>
      <c r="G4921" s="1" t="s">
        <v>19219</v>
      </c>
      <c r="H4921" s="1" t="s">
        <v>19220</v>
      </c>
      <c r="I4921" s="1" t="s">
        <v>16857</v>
      </c>
      <c r="J4921" s="1" t="s">
        <v>19228</v>
      </c>
    </row>
    <row r="4922" spans="1:10" x14ac:dyDescent="0.35">
      <c r="A4922" s="1" t="s">
        <v>19215</v>
      </c>
      <c r="B4922" s="1" t="s">
        <v>16851</v>
      </c>
      <c r="C4922" s="1" t="s">
        <v>25</v>
      </c>
      <c r="D4922" s="1" t="s">
        <v>19229</v>
      </c>
      <c r="E4922" s="1" t="s">
        <v>19230</v>
      </c>
      <c r="F4922" s="1" t="s">
        <v>19231</v>
      </c>
      <c r="G4922" s="1" t="s">
        <v>19219</v>
      </c>
      <c r="H4922" s="1" t="s">
        <v>19220</v>
      </c>
      <c r="I4922" s="1" t="s">
        <v>16857</v>
      </c>
      <c r="J4922" s="1" t="s">
        <v>19232</v>
      </c>
    </row>
    <row r="4923" spans="1:10" x14ac:dyDescent="0.35">
      <c r="A4923" s="1" t="s">
        <v>19215</v>
      </c>
      <c r="B4923" s="1" t="s">
        <v>16851</v>
      </c>
      <c r="C4923" s="1" t="s">
        <v>30</v>
      </c>
      <c r="D4923" s="1" t="s">
        <v>19233</v>
      </c>
      <c r="E4923" s="1" t="s">
        <v>19234</v>
      </c>
      <c r="F4923" s="1" t="s">
        <v>19235</v>
      </c>
      <c r="G4923" s="1" t="s">
        <v>19219</v>
      </c>
      <c r="H4923" s="1" t="s">
        <v>19220</v>
      </c>
      <c r="I4923" s="1" t="s">
        <v>16857</v>
      </c>
      <c r="J4923" s="1" t="s">
        <v>19236</v>
      </c>
    </row>
    <row r="4924" spans="1:10" x14ac:dyDescent="0.35">
      <c r="A4924" s="1" t="s">
        <v>19215</v>
      </c>
      <c r="B4924" s="1" t="s">
        <v>16851</v>
      </c>
      <c r="C4924" s="1" t="s">
        <v>35</v>
      </c>
      <c r="D4924" s="1" t="s">
        <v>19237</v>
      </c>
      <c r="E4924" s="1" t="s">
        <v>19238</v>
      </c>
      <c r="F4924" s="1" t="s">
        <v>19239</v>
      </c>
      <c r="G4924" s="1" t="s">
        <v>19219</v>
      </c>
      <c r="H4924" s="1" t="s">
        <v>19220</v>
      </c>
      <c r="I4924" s="1" t="s">
        <v>16857</v>
      </c>
      <c r="J4924" s="1" t="s">
        <v>19240</v>
      </c>
    </row>
    <row r="4925" spans="1:10" x14ac:dyDescent="0.35">
      <c r="A4925" s="1" t="s">
        <v>19215</v>
      </c>
      <c r="B4925" s="1" t="s">
        <v>16851</v>
      </c>
      <c r="C4925" s="1" t="s">
        <v>40</v>
      </c>
      <c r="D4925" s="1" t="s">
        <v>19241</v>
      </c>
      <c r="E4925" s="1" t="s">
        <v>19242</v>
      </c>
      <c r="F4925" s="1" t="s">
        <v>19243</v>
      </c>
      <c r="G4925" s="1" t="s">
        <v>19219</v>
      </c>
      <c r="H4925" s="1" t="s">
        <v>19220</v>
      </c>
      <c r="I4925" s="1" t="s">
        <v>16857</v>
      </c>
      <c r="J4925" s="1" t="s">
        <v>19244</v>
      </c>
    </row>
    <row r="4926" spans="1:10" x14ac:dyDescent="0.35">
      <c r="A4926" s="1" t="s">
        <v>19215</v>
      </c>
      <c r="B4926" s="1" t="s">
        <v>16851</v>
      </c>
      <c r="C4926" s="1" t="s">
        <v>45</v>
      </c>
      <c r="D4926" s="1" t="s">
        <v>19245</v>
      </c>
      <c r="E4926" s="1" t="s">
        <v>19246</v>
      </c>
      <c r="F4926" s="1" t="s">
        <v>19247</v>
      </c>
      <c r="G4926" s="1" t="s">
        <v>19219</v>
      </c>
      <c r="H4926" s="1" t="s">
        <v>19220</v>
      </c>
      <c r="I4926" s="1" t="s">
        <v>16857</v>
      </c>
      <c r="J4926" s="1" t="s">
        <v>19248</v>
      </c>
    </row>
    <row r="4927" spans="1:10" x14ac:dyDescent="0.35">
      <c r="A4927" s="1" t="s">
        <v>19215</v>
      </c>
      <c r="B4927" s="1" t="s">
        <v>16851</v>
      </c>
      <c r="C4927" s="1" t="s">
        <v>50</v>
      </c>
      <c r="D4927" s="1" t="s">
        <v>19249</v>
      </c>
      <c r="E4927" s="1" t="s">
        <v>19250</v>
      </c>
      <c r="F4927" s="1" t="s">
        <v>19251</v>
      </c>
      <c r="G4927" s="1" t="s">
        <v>19219</v>
      </c>
      <c r="H4927" s="1" t="s">
        <v>19220</v>
      </c>
      <c r="I4927" s="1" t="s">
        <v>16857</v>
      </c>
      <c r="J4927" s="1" t="s">
        <v>19252</v>
      </c>
    </row>
    <row r="4928" spans="1:10" x14ac:dyDescent="0.35">
      <c r="A4928" s="1" t="s">
        <v>19215</v>
      </c>
      <c r="B4928" s="1" t="s">
        <v>16851</v>
      </c>
      <c r="C4928" s="1" t="s">
        <v>55</v>
      </c>
      <c r="D4928" s="1" t="s">
        <v>19253</v>
      </c>
      <c r="E4928" s="1" t="s">
        <v>19254</v>
      </c>
      <c r="F4928" s="1" t="s">
        <v>19255</v>
      </c>
      <c r="G4928" s="1" t="s">
        <v>19219</v>
      </c>
      <c r="H4928" s="1" t="s">
        <v>19220</v>
      </c>
      <c r="I4928" s="1" t="s">
        <v>16857</v>
      </c>
      <c r="J4928" s="1" t="s">
        <v>19256</v>
      </c>
    </row>
    <row r="4929" spans="1:10" x14ac:dyDescent="0.35">
      <c r="A4929" s="1" t="s">
        <v>19215</v>
      </c>
      <c r="B4929" s="1" t="s">
        <v>16851</v>
      </c>
      <c r="C4929" s="1" t="s">
        <v>60</v>
      </c>
      <c r="D4929" s="1" t="s">
        <v>19257</v>
      </c>
      <c r="E4929" s="1" t="s">
        <v>19258</v>
      </c>
      <c r="F4929" s="1" t="s">
        <v>19259</v>
      </c>
      <c r="G4929" s="1" t="s">
        <v>19219</v>
      </c>
      <c r="H4929" s="1" t="s">
        <v>19220</v>
      </c>
      <c r="I4929" s="1" t="s">
        <v>16857</v>
      </c>
      <c r="J4929" s="1" t="s">
        <v>19260</v>
      </c>
    </row>
    <row r="4930" spans="1:10" x14ac:dyDescent="0.35">
      <c r="A4930" s="1" t="s">
        <v>19215</v>
      </c>
      <c r="B4930" s="1" t="s">
        <v>16851</v>
      </c>
      <c r="C4930" s="1" t="s">
        <v>65</v>
      </c>
      <c r="D4930" s="1" t="s">
        <v>19261</v>
      </c>
      <c r="E4930" s="1" t="s">
        <v>19262</v>
      </c>
      <c r="F4930" s="1" t="s">
        <v>19263</v>
      </c>
      <c r="G4930" s="1" t="s">
        <v>19219</v>
      </c>
      <c r="H4930" s="1" t="s">
        <v>19220</v>
      </c>
      <c r="I4930" s="1" t="s">
        <v>16857</v>
      </c>
      <c r="J4930" s="1" t="s">
        <v>19264</v>
      </c>
    </row>
    <row r="4931" spans="1:10" x14ac:dyDescent="0.35">
      <c r="A4931" s="1" t="s">
        <v>19215</v>
      </c>
      <c r="B4931" s="1" t="s">
        <v>16851</v>
      </c>
      <c r="C4931" s="1" t="s">
        <v>70</v>
      </c>
      <c r="D4931" s="1" t="s">
        <v>19265</v>
      </c>
      <c r="E4931" s="1" t="s">
        <v>19266</v>
      </c>
      <c r="F4931" s="1" t="s">
        <v>19267</v>
      </c>
      <c r="G4931" s="1" t="s">
        <v>19219</v>
      </c>
      <c r="H4931" s="1" t="s">
        <v>19220</v>
      </c>
      <c r="I4931" s="1" t="s">
        <v>16857</v>
      </c>
      <c r="J4931" s="1" t="s">
        <v>19268</v>
      </c>
    </row>
    <row r="4932" spans="1:10" x14ac:dyDescent="0.35">
      <c r="A4932" s="1" t="s">
        <v>19215</v>
      </c>
      <c r="B4932" s="1" t="s">
        <v>16851</v>
      </c>
      <c r="C4932" s="1" t="s">
        <v>75</v>
      </c>
      <c r="D4932" s="1" t="s">
        <v>19269</v>
      </c>
      <c r="E4932" s="1" t="s">
        <v>19270</v>
      </c>
      <c r="F4932" s="1" t="s">
        <v>19271</v>
      </c>
      <c r="G4932" s="1" t="s">
        <v>19219</v>
      </c>
      <c r="H4932" s="1" t="s">
        <v>19220</v>
      </c>
      <c r="I4932" s="1" t="s">
        <v>16857</v>
      </c>
      <c r="J4932" s="1" t="s">
        <v>19272</v>
      </c>
    </row>
    <row r="4933" spans="1:10" x14ac:dyDescent="0.35">
      <c r="A4933" s="1" t="s">
        <v>19215</v>
      </c>
      <c r="B4933" s="1" t="s">
        <v>16851</v>
      </c>
      <c r="C4933" s="1" t="s">
        <v>80</v>
      </c>
      <c r="D4933" s="1" t="s">
        <v>19273</v>
      </c>
      <c r="E4933" s="1" t="s">
        <v>19274</v>
      </c>
      <c r="F4933" s="1" t="s">
        <v>19275</v>
      </c>
      <c r="G4933" s="1" t="s">
        <v>19219</v>
      </c>
      <c r="H4933" s="1" t="s">
        <v>19220</v>
      </c>
      <c r="I4933" s="1" t="s">
        <v>16857</v>
      </c>
      <c r="J4933" s="1" t="s">
        <v>19276</v>
      </c>
    </row>
    <row r="4934" spans="1:10" x14ac:dyDescent="0.35">
      <c r="A4934" s="1" t="s">
        <v>19215</v>
      </c>
      <c r="B4934" s="1" t="s">
        <v>16851</v>
      </c>
      <c r="C4934" s="1" t="s">
        <v>85</v>
      </c>
      <c r="D4934" s="1" t="s">
        <v>19277</v>
      </c>
      <c r="E4934" s="1" t="s">
        <v>19278</v>
      </c>
      <c r="F4934" s="1" t="s">
        <v>19279</v>
      </c>
      <c r="G4934" s="1" t="s">
        <v>19219</v>
      </c>
      <c r="H4934" s="1" t="s">
        <v>19220</v>
      </c>
      <c r="I4934" s="1" t="s">
        <v>16857</v>
      </c>
      <c r="J4934" s="1" t="s">
        <v>19280</v>
      </c>
    </row>
    <row r="4935" spans="1:10" x14ac:dyDescent="0.35">
      <c r="A4935" s="1" t="s">
        <v>19215</v>
      </c>
      <c r="B4935" s="1" t="s">
        <v>16851</v>
      </c>
      <c r="C4935" s="1" t="s">
        <v>90</v>
      </c>
      <c r="D4935" s="1" t="s">
        <v>19281</v>
      </c>
      <c r="E4935" s="1" t="s">
        <v>19282</v>
      </c>
      <c r="F4935" s="1" t="s">
        <v>19283</v>
      </c>
      <c r="G4935" s="1" t="s">
        <v>19219</v>
      </c>
      <c r="H4935" s="1" t="s">
        <v>19220</v>
      </c>
      <c r="I4935" s="1" t="s">
        <v>16857</v>
      </c>
      <c r="J4935" s="1" t="s">
        <v>19284</v>
      </c>
    </row>
    <row r="4936" spans="1:10" x14ac:dyDescent="0.35">
      <c r="A4936" s="1" t="s">
        <v>19215</v>
      </c>
      <c r="B4936" s="1" t="s">
        <v>16851</v>
      </c>
      <c r="C4936" s="1" t="s">
        <v>95</v>
      </c>
      <c r="D4936" s="1" t="s">
        <v>19285</v>
      </c>
      <c r="E4936" s="1" t="s">
        <v>19286</v>
      </c>
      <c r="F4936" s="1" t="s">
        <v>19287</v>
      </c>
      <c r="G4936" s="1" t="s">
        <v>19219</v>
      </c>
      <c r="H4936" s="1" t="s">
        <v>19220</v>
      </c>
      <c r="I4936" s="1" t="s">
        <v>16857</v>
      </c>
      <c r="J4936" s="1" t="s">
        <v>19288</v>
      </c>
    </row>
    <row r="4937" spans="1:10" x14ac:dyDescent="0.35">
      <c r="A4937" s="1" t="s">
        <v>19215</v>
      </c>
      <c r="B4937" s="1" t="s">
        <v>16851</v>
      </c>
      <c r="C4937" s="1" t="s">
        <v>100</v>
      </c>
      <c r="D4937" s="1" t="s">
        <v>19289</v>
      </c>
      <c r="E4937" s="1" t="s">
        <v>19290</v>
      </c>
      <c r="F4937" s="1" t="s">
        <v>19291</v>
      </c>
      <c r="G4937" s="1" t="s">
        <v>19219</v>
      </c>
      <c r="H4937" s="1" t="s">
        <v>19220</v>
      </c>
      <c r="I4937" s="1" t="s">
        <v>16857</v>
      </c>
      <c r="J4937" s="1" t="s">
        <v>19292</v>
      </c>
    </row>
    <row r="4938" spans="1:10" x14ac:dyDescent="0.35">
      <c r="A4938" s="1" t="s">
        <v>19215</v>
      </c>
      <c r="B4938" s="1" t="s">
        <v>16851</v>
      </c>
      <c r="C4938" s="1" t="s">
        <v>105</v>
      </c>
      <c r="D4938" s="1" t="s">
        <v>19293</v>
      </c>
      <c r="E4938" s="1" t="s">
        <v>19294</v>
      </c>
      <c r="F4938" s="1" t="s">
        <v>19295</v>
      </c>
      <c r="G4938" s="1" t="s">
        <v>19219</v>
      </c>
      <c r="H4938" s="1" t="s">
        <v>19220</v>
      </c>
      <c r="I4938" s="1" t="s">
        <v>16857</v>
      </c>
      <c r="J4938" s="1" t="s">
        <v>19296</v>
      </c>
    </row>
    <row r="4939" spans="1:10" x14ac:dyDescent="0.35">
      <c r="A4939" s="1" t="s">
        <v>19215</v>
      </c>
      <c r="B4939" s="1" t="s">
        <v>16851</v>
      </c>
      <c r="C4939" s="1" t="s">
        <v>110</v>
      </c>
      <c r="D4939" s="1" t="s">
        <v>19297</v>
      </c>
      <c r="E4939" s="1" t="s">
        <v>19298</v>
      </c>
      <c r="F4939" s="1" t="s">
        <v>19299</v>
      </c>
      <c r="G4939" s="1" t="s">
        <v>19219</v>
      </c>
      <c r="H4939" s="1" t="s">
        <v>19220</v>
      </c>
      <c r="I4939" s="1" t="s">
        <v>16857</v>
      </c>
      <c r="J4939" s="1" t="s">
        <v>19300</v>
      </c>
    </row>
    <row r="4940" spans="1:10" x14ac:dyDescent="0.35">
      <c r="A4940" s="1" t="s">
        <v>19215</v>
      </c>
      <c r="B4940" s="1" t="s">
        <v>16851</v>
      </c>
      <c r="C4940" s="1" t="s">
        <v>115</v>
      </c>
      <c r="D4940" s="1" t="s">
        <v>19301</v>
      </c>
      <c r="E4940" s="1" t="s">
        <v>19302</v>
      </c>
      <c r="F4940" s="1" t="s">
        <v>19303</v>
      </c>
      <c r="G4940" s="1" t="s">
        <v>19219</v>
      </c>
      <c r="H4940" s="1" t="s">
        <v>19220</v>
      </c>
      <c r="I4940" s="1" t="s">
        <v>16857</v>
      </c>
      <c r="J4940" s="1" t="s">
        <v>19304</v>
      </c>
    </row>
    <row r="4941" spans="1:10" x14ac:dyDescent="0.35">
      <c r="A4941" s="1" t="s">
        <v>19215</v>
      </c>
      <c r="B4941" s="1" t="s">
        <v>16851</v>
      </c>
      <c r="C4941" s="1" t="s">
        <v>120</v>
      </c>
      <c r="D4941" s="1" t="s">
        <v>19305</v>
      </c>
      <c r="E4941" s="1" t="s">
        <v>19306</v>
      </c>
      <c r="F4941" s="1" t="s">
        <v>19307</v>
      </c>
      <c r="G4941" s="1" t="s">
        <v>19219</v>
      </c>
      <c r="H4941" s="1" t="s">
        <v>19220</v>
      </c>
      <c r="I4941" s="1" t="s">
        <v>16857</v>
      </c>
      <c r="J4941" s="1" t="s">
        <v>19308</v>
      </c>
    </row>
    <row r="4942" spans="1:10" x14ac:dyDescent="0.35">
      <c r="A4942" s="1" t="s">
        <v>19215</v>
      </c>
      <c r="B4942" s="1" t="s">
        <v>16851</v>
      </c>
      <c r="C4942" s="1" t="s">
        <v>125</v>
      </c>
      <c r="D4942" s="1" t="s">
        <v>19309</v>
      </c>
      <c r="E4942" s="1" t="s">
        <v>19310</v>
      </c>
      <c r="F4942" s="1" t="s">
        <v>19311</v>
      </c>
      <c r="G4942" s="1" t="s">
        <v>19219</v>
      </c>
      <c r="H4942" s="1" t="s">
        <v>19220</v>
      </c>
      <c r="I4942" s="1" t="s">
        <v>16857</v>
      </c>
      <c r="J4942" s="1" t="s">
        <v>19312</v>
      </c>
    </row>
    <row r="4943" spans="1:10" x14ac:dyDescent="0.35">
      <c r="A4943" s="1" t="s">
        <v>19215</v>
      </c>
      <c r="B4943" s="1" t="s">
        <v>16851</v>
      </c>
      <c r="C4943" s="1" t="s">
        <v>130</v>
      </c>
      <c r="D4943" s="1" t="s">
        <v>19313</v>
      </c>
      <c r="E4943" s="1" t="s">
        <v>19314</v>
      </c>
      <c r="F4943" s="1" t="s">
        <v>19315</v>
      </c>
      <c r="G4943" s="1" t="s">
        <v>19219</v>
      </c>
      <c r="H4943" s="1" t="s">
        <v>19220</v>
      </c>
      <c r="I4943" s="1" t="s">
        <v>16857</v>
      </c>
      <c r="J4943" s="1" t="s">
        <v>19316</v>
      </c>
    </row>
    <row r="4944" spans="1:10" x14ac:dyDescent="0.35">
      <c r="A4944" s="1" t="s">
        <v>19215</v>
      </c>
      <c r="B4944" s="1" t="s">
        <v>16851</v>
      </c>
      <c r="C4944" s="1" t="s">
        <v>135</v>
      </c>
      <c r="D4944" s="1" t="s">
        <v>19317</v>
      </c>
      <c r="E4944" s="1" t="s">
        <v>19318</v>
      </c>
      <c r="F4944" s="1" t="s">
        <v>19319</v>
      </c>
      <c r="G4944" s="1" t="s">
        <v>19219</v>
      </c>
      <c r="H4944" s="1" t="s">
        <v>19220</v>
      </c>
      <c r="I4944" s="1" t="s">
        <v>16857</v>
      </c>
      <c r="J4944" s="1" t="s">
        <v>19320</v>
      </c>
    </row>
    <row r="4945" spans="1:10" x14ac:dyDescent="0.35">
      <c r="A4945" s="1" t="s">
        <v>19215</v>
      </c>
      <c r="B4945" s="1" t="s">
        <v>16851</v>
      </c>
      <c r="C4945" s="1" t="s">
        <v>140</v>
      </c>
      <c r="D4945" s="1" t="s">
        <v>19321</v>
      </c>
      <c r="E4945" s="1" t="s">
        <v>19322</v>
      </c>
      <c r="F4945" s="1" t="s">
        <v>19323</v>
      </c>
      <c r="G4945" s="1" t="s">
        <v>19219</v>
      </c>
      <c r="H4945" s="1" t="s">
        <v>19220</v>
      </c>
      <c r="I4945" s="1" t="s">
        <v>16857</v>
      </c>
      <c r="J4945" s="1" t="s">
        <v>19324</v>
      </c>
    </row>
    <row r="4946" spans="1:10" x14ac:dyDescent="0.35">
      <c r="A4946" s="1" t="s">
        <v>19215</v>
      </c>
      <c r="B4946" s="1" t="s">
        <v>16851</v>
      </c>
      <c r="C4946" s="1" t="s">
        <v>145</v>
      </c>
      <c r="D4946" s="1" t="s">
        <v>19325</v>
      </c>
      <c r="E4946" s="1" t="s">
        <v>19326</v>
      </c>
      <c r="F4946" s="1" t="s">
        <v>19327</v>
      </c>
      <c r="G4946" s="1" t="s">
        <v>19219</v>
      </c>
      <c r="H4946" s="1" t="s">
        <v>19220</v>
      </c>
      <c r="I4946" s="1" t="s">
        <v>16857</v>
      </c>
      <c r="J4946" s="1" t="s">
        <v>19328</v>
      </c>
    </row>
    <row r="4947" spans="1:10" x14ac:dyDescent="0.35">
      <c r="A4947" s="1" t="s">
        <v>19215</v>
      </c>
      <c r="B4947" s="1" t="s">
        <v>16851</v>
      </c>
      <c r="C4947" s="1" t="s">
        <v>150</v>
      </c>
      <c r="D4947" s="1" t="s">
        <v>19329</v>
      </c>
      <c r="E4947" s="1" t="s">
        <v>19330</v>
      </c>
      <c r="F4947" s="1" t="s">
        <v>19331</v>
      </c>
      <c r="G4947" s="1" t="s">
        <v>19219</v>
      </c>
      <c r="H4947" s="1" t="s">
        <v>19220</v>
      </c>
      <c r="I4947" s="1" t="s">
        <v>16857</v>
      </c>
      <c r="J4947" s="1" t="s">
        <v>19332</v>
      </c>
    </row>
    <row r="4948" spans="1:10" x14ac:dyDescent="0.35">
      <c r="A4948" s="1" t="s">
        <v>19215</v>
      </c>
      <c r="B4948" s="1" t="s">
        <v>16851</v>
      </c>
      <c r="C4948" s="1" t="s">
        <v>155</v>
      </c>
      <c r="D4948" s="1" t="s">
        <v>19333</v>
      </c>
      <c r="E4948" s="1" t="s">
        <v>19334</v>
      </c>
      <c r="F4948" s="1" t="s">
        <v>19335</v>
      </c>
      <c r="G4948" s="1" t="s">
        <v>19219</v>
      </c>
      <c r="H4948" s="1" t="s">
        <v>19220</v>
      </c>
      <c r="I4948" s="1" t="s">
        <v>16857</v>
      </c>
      <c r="J4948" s="1" t="s">
        <v>19336</v>
      </c>
    </row>
    <row r="4949" spans="1:10" x14ac:dyDescent="0.35">
      <c r="A4949" s="1" t="s">
        <v>19215</v>
      </c>
      <c r="B4949" s="1" t="s">
        <v>16851</v>
      </c>
      <c r="C4949" s="1" t="s">
        <v>160</v>
      </c>
      <c r="D4949" s="1" t="s">
        <v>19337</v>
      </c>
      <c r="E4949" s="1" t="s">
        <v>19338</v>
      </c>
      <c r="F4949" s="1" t="s">
        <v>19339</v>
      </c>
      <c r="G4949" s="1" t="s">
        <v>19219</v>
      </c>
      <c r="H4949" s="1" t="s">
        <v>19220</v>
      </c>
      <c r="I4949" s="1" t="s">
        <v>16857</v>
      </c>
      <c r="J4949" s="1" t="s">
        <v>19340</v>
      </c>
    </row>
    <row r="4950" spans="1:10" x14ac:dyDescent="0.35">
      <c r="A4950" s="1" t="s">
        <v>19215</v>
      </c>
      <c r="B4950" s="1" t="s">
        <v>16851</v>
      </c>
      <c r="C4950" s="1" t="s">
        <v>165</v>
      </c>
      <c r="D4950" s="1" t="s">
        <v>19341</v>
      </c>
      <c r="E4950" s="1" t="s">
        <v>19342</v>
      </c>
      <c r="F4950" s="1" t="s">
        <v>19343</v>
      </c>
      <c r="G4950" s="1" t="s">
        <v>19219</v>
      </c>
      <c r="H4950" s="1" t="s">
        <v>19220</v>
      </c>
      <c r="I4950" s="1" t="s">
        <v>16857</v>
      </c>
      <c r="J4950" s="1" t="s">
        <v>19344</v>
      </c>
    </row>
    <row r="4951" spans="1:10" x14ac:dyDescent="0.35">
      <c r="A4951" s="1" t="s">
        <v>19215</v>
      </c>
      <c r="B4951" s="1" t="s">
        <v>16851</v>
      </c>
      <c r="C4951" s="1" t="s">
        <v>170</v>
      </c>
      <c r="D4951" s="1" t="s">
        <v>19345</v>
      </c>
      <c r="E4951" s="1" t="s">
        <v>19346</v>
      </c>
      <c r="F4951" s="1" t="s">
        <v>19347</v>
      </c>
      <c r="G4951" s="1" t="s">
        <v>19219</v>
      </c>
      <c r="H4951" s="1" t="s">
        <v>19220</v>
      </c>
      <c r="I4951" s="1" t="s">
        <v>16857</v>
      </c>
      <c r="J4951" s="1" t="s">
        <v>19348</v>
      </c>
    </row>
    <row r="4952" spans="1:10" x14ac:dyDescent="0.35">
      <c r="A4952" s="1" t="s">
        <v>19349</v>
      </c>
      <c r="B4952" s="1" t="s">
        <v>16851</v>
      </c>
      <c r="C4952" s="1" t="s">
        <v>8</v>
      </c>
      <c r="D4952" s="1" t="s">
        <v>19350</v>
      </c>
      <c r="E4952" s="1" t="s">
        <v>19351</v>
      </c>
      <c r="F4952" s="1" t="s">
        <v>19352</v>
      </c>
      <c r="G4952" s="1" t="s">
        <v>19353</v>
      </c>
      <c r="H4952" s="1" t="s">
        <v>19354</v>
      </c>
      <c r="I4952" s="1" t="s">
        <v>16857</v>
      </c>
      <c r="J4952" s="1" t="s">
        <v>13</v>
      </c>
    </row>
    <row r="4953" spans="1:10" x14ac:dyDescent="0.35">
      <c r="A4953" s="1" t="s">
        <v>19349</v>
      </c>
      <c r="B4953" s="1" t="s">
        <v>16851</v>
      </c>
      <c r="C4953" s="1" t="s">
        <v>15</v>
      </c>
      <c r="D4953" s="1" t="s">
        <v>19355</v>
      </c>
      <c r="E4953" s="1" t="s">
        <v>19356</v>
      </c>
      <c r="F4953" s="1" t="s">
        <v>19357</v>
      </c>
      <c r="G4953" s="1" t="s">
        <v>19353</v>
      </c>
      <c r="H4953" s="1" t="s">
        <v>19354</v>
      </c>
      <c r="I4953" s="1" t="s">
        <v>16857</v>
      </c>
      <c r="J4953" s="1" t="s">
        <v>19358</v>
      </c>
    </row>
    <row r="4954" spans="1:10" x14ac:dyDescent="0.35">
      <c r="A4954" s="1" t="s">
        <v>19349</v>
      </c>
      <c r="B4954" s="1" t="s">
        <v>16851</v>
      </c>
      <c r="C4954" s="1" t="s">
        <v>20</v>
      </c>
      <c r="D4954" s="1" t="s">
        <v>19359</v>
      </c>
      <c r="E4954" s="1" t="s">
        <v>19360</v>
      </c>
      <c r="F4954" s="1" t="s">
        <v>19361</v>
      </c>
      <c r="G4954" s="1" t="s">
        <v>19353</v>
      </c>
      <c r="H4954" s="1" t="s">
        <v>19354</v>
      </c>
      <c r="I4954" s="1" t="s">
        <v>16857</v>
      </c>
      <c r="J4954" s="1" t="s">
        <v>19362</v>
      </c>
    </row>
    <row r="4955" spans="1:10" x14ac:dyDescent="0.35">
      <c r="A4955" s="1" t="s">
        <v>19349</v>
      </c>
      <c r="B4955" s="1" t="s">
        <v>16851</v>
      </c>
      <c r="C4955" s="1" t="s">
        <v>25</v>
      </c>
      <c r="D4955" s="1" t="s">
        <v>19363</v>
      </c>
      <c r="E4955" s="1" t="s">
        <v>19364</v>
      </c>
      <c r="F4955" s="1" t="s">
        <v>19365</v>
      </c>
      <c r="G4955" s="1" t="s">
        <v>19353</v>
      </c>
      <c r="H4955" s="1" t="s">
        <v>19354</v>
      </c>
      <c r="I4955" s="1" t="s">
        <v>16857</v>
      </c>
      <c r="J4955" s="1" t="s">
        <v>19366</v>
      </c>
    </row>
    <row r="4956" spans="1:10" x14ac:dyDescent="0.35">
      <c r="A4956" s="1" t="s">
        <v>19349</v>
      </c>
      <c r="B4956" s="1" t="s">
        <v>16851</v>
      </c>
      <c r="C4956" s="1" t="s">
        <v>30</v>
      </c>
      <c r="D4956" s="1" t="s">
        <v>19367</v>
      </c>
      <c r="E4956" s="1" t="s">
        <v>19368</v>
      </c>
      <c r="F4956" s="1" t="s">
        <v>19369</v>
      </c>
      <c r="G4956" s="1" t="s">
        <v>19353</v>
      </c>
      <c r="H4956" s="1" t="s">
        <v>19354</v>
      </c>
      <c r="I4956" s="1" t="s">
        <v>16857</v>
      </c>
      <c r="J4956" s="1" t="s">
        <v>19370</v>
      </c>
    </row>
    <row r="4957" spans="1:10" x14ac:dyDescent="0.35">
      <c r="A4957" s="1" t="s">
        <v>19349</v>
      </c>
      <c r="B4957" s="1" t="s">
        <v>16851</v>
      </c>
      <c r="C4957" s="1" t="s">
        <v>35</v>
      </c>
      <c r="D4957" s="1" t="s">
        <v>19371</v>
      </c>
      <c r="E4957" s="1" t="s">
        <v>19372</v>
      </c>
      <c r="F4957" s="1" t="s">
        <v>19373</v>
      </c>
      <c r="G4957" s="1" t="s">
        <v>19353</v>
      </c>
      <c r="H4957" s="1" t="s">
        <v>19354</v>
      </c>
      <c r="I4957" s="1" t="s">
        <v>16857</v>
      </c>
      <c r="J4957" s="1" t="s">
        <v>19374</v>
      </c>
    </row>
    <row r="4958" spans="1:10" x14ac:dyDescent="0.35">
      <c r="A4958" s="1" t="s">
        <v>19349</v>
      </c>
      <c r="B4958" s="1" t="s">
        <v>16851</v>
      </c>
      <c r="C4958" s="1" t="s">
        <v>40</v>
      </c>
      <c r="D4958" s="1" t="s">
        <v>19375</v>
      </c>
      <c r="E4958" s="1" t="s">
        <v>19376</v>
      </c>
      <c r="F4958" s="1" t="s">
        <v>19377</v>
      </c>
      <c r="G4958" s="1" t="s">
        <v>19353</v>
      </c>
      <c r="H4958" s="1" t="s">
        <v>19354</v>
      </c>
      <c r="I4958" s="1" t="s">
        <v>16857</v>
      </c>
      <c r="J4958" s="1" t="s">
        <v>19378</v>
      </c>
    </row>
    <row r="4959" spans="1:10" x14ac:dyDescent="0.35">
      <c r="A4959" s="1" t="s">
        <v>19349</v>
      </c>
      <c r="B4959" s="1" t="s">
        <v>16851</v>
      </c>
      <c r="C4959" s="1" t="s">
        <v>45</v>
      </c>
      <c r="D4959" s="1" t="s">
        <v>19379</v>
      </c>
      <c r="E4959" s="1" t="s">
        <v>19380</v>
      </c>
      <c r="F4959" s="1" t="s">
        <v>19381</v>
      </c>
      <c r="G4959" s="1" t="s">
        <v>19353</v>
      </c>
      <c r="H4959" s="1" t="s">
        <v>19354</v>
      </c>
      <c r="I4959" s="1" t="s">
        <v>16857</v>
      </c>
      <c r="J4959" s="1" t="s">
        <v>19382</v>
      </c>
    </row>
    <row r="4960" spans="1:10" x14ac:dyDescent="0.35">
      <c r="A4960" s="1" t="s">
        <v>19349</v>
      </c>
      <c r="B4960" s="1" t="s">
        <v>16851</v>
      </c>
      <c r="C4960" s="1" t="s">
        <v>50</v>
      </c>
      <c r="D4960" s="1" t="s">
        <v>19383</v>
      </c>
      <c r="E4960" s="1" t="s">
        <v>19384</v>
      </c>
      <c r="F4960" s="1" t="s">
        <v>19385</v>
      </c>
      <c r="G4960" s="1" t="s">
        <v>19353</v>
      </c>
      <c r="H4960" s="1" t="s">
        <v>19354</v>
      </c>
      <c r="I4960" s="1" t="s">
        <v>16857</v>
      </c>
      <c r="J4960" s="1" t="s">
        <v>19386</v>
      </c>
    </row>
    <row r="4961" spans="1:10" x14ac:dyDescent="0.35">
      <c r="A4961" s="1" t="s">
        <v>19349</v>
      </c>
      <c r="B4961" s="1" t="s">
        <v>16851</v>
      </c>
      <c r="C4961" s="1" t="s">
        <v>55</v>
      </c>
      <c r="D4961" s="1" t="s">
        <v>19387</v>
      </c>
      <c r="E4961" s="1" t="s">
        <v>19388</v>
      </c>
      <c r="F4961" s="1" t="s">
        <v>19389</v>
      </c>
      <c r="G4961" s="1" t="s">
        <v>19353</v>
      </c>
      <c r="H4961" s="1" t="s">
        <v>19354</v>
      </c>
      <c r="I4961" s="1" t="s">
        <v>16857</v>
      </c>
      <c r="J4961" s="1" t="s">
        <v>19390</v>
      </c>
    </row>
    <row r="4962" spans="1:10" x14ac:dyDescent="0.35">
      <c r="A4962" s="1" t="s">
        <v>19349</v>
      </c>
      <c r="B4962" s="1" t="s">
        <v>16851</v>
      </c>
      <c r="C4962" s="1" t="s">
        <v>60</v>
      </c>
      <c r="D4962" s="1" t="s">
        <v>19391</v>
      </c>
      <c r="E4962" s="1" t="s">
        <v>19392</v>
      </c>
      <c r="F4962" s="1" t="s">
        <v>19393</v>
      </c>
      <c r="G4962" s="1" t="s">
        <v>19353</v>
      </c>
      <c r="H4962" s="1" t="s">
        <v>19354</v>
      </c>
      <c r="I4962" s="1" t="s">
        <v>16857</v>
      </c>
      <c r="J4962" s="1" t="s">
        <v>19394</v>
      </c>
    </row>
    <row r="4963" spans="1:10" x14ac:dyDescent="0.35">
      <c r="A4963" s="1" t="s">
        <v>19349</v>
      </c>
      <c r="B4963" s="1" t="s">
        <v>16851</v>
      </c>
      <c r="C4963" s="1" t="s">
        <v>65</v>
      </c>
      <c r="D4963" s="1" t="s">
        <v>19395</v>
      </c>
      <c r="E4963" s="1" t="s">
        <v>19396</v>
      </c>
      <c r="F4963" s="1" t="s">
        <v>19397</v>
      </c>
      <c r="G4963" s="1" t="s">
        <v>19353</v>
      </c>
      <c r="H4963" s="1" t="s">
        <v>19354</v>
      </c>
      <c r="I4963" s="1" t="s">
        <v>16857</v>
      </c>
      <c r="J4963" s="1" t="s">
        <v>19398</v>
      </c>
    </row>
    <row r="4964" spans="1:10" x14ac:dyDescent="0.35">
      <c r="A4964" s="1" t="s">
        <v>19349</v>
      </c>
      <c r="B4964" s="1" t="s">
        <v>16851</v>
      </c>
      <c r="C4964" s="1" t="s">
        <v>70</v>
      </c>
      <c r="D4964" s="1" t="s">
        <v>19399</v>
      </c>
      <c r="E4964" s="1" t="s">
        <v>19400</v>
      </c>
      <c r="F4964" s="1" t="s">
        <v>19401</v>
      </c>
      <c r="G4964" s="1" t="s">
        <v>19353</v>
      </c>
      <c r="H4964" s="1" t="s">
        <v>19354</v>
      </c>
      <c r="I4964" s="1" t="s">
        <v>16857</v>
      </c>
      <c r="J4964" s="1" t="s">
        <v>19402</v>
      </c>
    </row>
    <row r="4965" spans="1:10" x14ac:dyDescent="0.35">
      <c r="A4965" s="1" t="s">
        <v>19349</v>
      </c>
      <c r="B4965" s="1" t="s">
        <v>16851</v>
      </c>
      <c r="C4965" s="1" t="s">
        <v>75</v>
      </c>
      <c r="D4965" s="1" t="s">
        <v>19403</v>
      </c>
      <c r="E4965" s="1" t="s">
        <v>19404</v>
      </c>
      <c r="F4965" s="1" t="s">
        <v>19405</v>
      </c>
      <c r="G4965" s="1" t="s">
        <v>19353</v>
      </c>
      <c r="H4965" s="1" t="s">
        <v>19354</v>
      </c>
      <c r="I4965" s="1" t="s">
        <v>16857</v>
      </c>
      <c r="J4965" s="1" t="s">
        <v>19406</v>
      </c>
    </row>
    <row r="4966" spans="1:10" x14ac:dyDescent="0.35">
      <c r="A4966" s="1" t="s">
        <v>19349</v>
      </c>
      <c r="B4966" s="1" t="s">
        <v>16851</v>
      </c>
      <c r="C4966" s="1" t="s">
        <v>80</v>
      </c>
      <c r="D4966" s="1" t="s">
        <v>19407</v>
      </c>
      <c r="E4966" s="1" t="s">
        <v>19408</v>
      </c>
      <c r="F4966" s="1" t="s">
        <v>19409</v>
      </c>
      <c r="G4966" s="1" t="s">
        <v>19353</v>
      </c>
      <c r="H4966" s="1" t="s">
        <v>19354</v>
      </c>
      <c r="I4966" s="1" t="s">
        <v>16857</v>
      </c>
      <c r="J4966" s="1" t="s">
        <v>19410</v>
      </c>
    </row>
    <row r="4967" spans="1:10" x14ac:dyDescent="0.35">
      <c r="A4967" s="1" t="s">
        <v>19349</v>
      </c>
      <c r="B4967" s="1" t="s">
        <v>16851</v>
      </c>
      <c r="C4967" s="1" t="s">
        <v>85</v>
      </c>
      <c r="D4967" s="1" t="s">
        <v>19411</v>
      </c>
      <c r="E4967" s="1" t="s">
        <v>19412</v>
      </c>
      <c r="F4967" s="1" t="s">
        <v>19413</v>
      </c>
      <c r="G4967" s="1" t="s">
        <v>19353</v>
      </c>
      <c r="H4967" s="1" t="s">
        <v>19354</v>
      </c>
      <c r="I4967" s="1" t="s">
        <v>16857</v>
      </c>
      <c r="J4967" s="1" t="s">
        <v>19414</v>
      </c>
    </row>
    <row r="4968" spans="1:10" x14ac:dyDescent="0.35">
      <c r="A4968" s="1" t="s">
        <v>19349</v>
      </c>
      <c r="B4968" s="1" t="s">
        <v>16851</v>
      </c>
      <c r="C4968" s="1" t="s">
        <v>90</v>
      </c>
      <c r="D4968" s="1" t="s">
        <v>19415</v>
      </c>
      <c r="E4968" s="1" t="s">
        <v>19416</v>
      </c>
      <c r="F4968" s="1" t="s">
        <v>19417</v>
      </c>
      <c r="G4968" s="1" t="s">
        <v>19353</v>
      </c>
      <c r="H4968" s="1" t="s">
        <v>19354</v>
      </c>
      <c r="I4968" s="1" t="s">
        <v>16857</v>
      </c>
      <c r="J4968" s="1" t="s">
        <v>19418</v>
      </c>
    </row>
    <row r="4969" spans="1:10" x14ac:dyDescent="0.35">
      <c r="A4969" s="1" t="s">
        <v>19349</v>
      </c>
      <c r="B4969" s="1" t="s">
        <v>16851</v>
      </c>
      <c r="C4969" s="1" t="s">
        <v>95</v>
      </c>
      <c r="D4969" s="1" t="s">
        <v>19419</v>
      </c>
      <c r="E4969" s="1" t="s">
        <v>19420</v>
      </c>
      <c r="F4969" s="1" t="s">
        <v>19421</v>
      </c>
      <c r="G4969" s="1" t="s">
        <v>19353</v>
      </c>
      <c r="H4969" s="1" t="s">
        <v>19354</v>
      </c>
      <c r="I4969" s="1" t="s">
        <v>16857</v>
      </c>
      <c r="J4969" s="1" t="s">
        <v>19422</v>
      </c>
    </row>
    <row r="4970" spans="1:10" x14ac:dyDescent="0.35">
      <c r="A4970" s="1" t="s">
        <v>19349</v>
      </c>
      <c r="B4970" s="1" t="s">
        <v>16851</v>
      </c>
      <c r="C4970" s="1" t="s">
        <v>100</v>
      </c>
      <c r="D4970" s="1" t="s">
        <v>19423</v>
      </c>
      <c r="E4970" s="1" t="s">
        <v>19424</v>
      </c>
      <c r="F4970" s="1" t="s">
        <v>19425</v>
      </c>
      <c r="G4970" s="1" t="s">
        <v>19353</v>
      </c>
      <c r="H4970" s="1" t="s">
        <v>19354</v>
      </c>
      <c r="I4970" s="1" t="s">
        <v>16857</v>
      </c>
      <c r="J4970" s="1" t="s">
        <v>19426</v>
      </c>
    </row>
    <row r="4971" spans="1:10" x14ac:dyDescent="0.35">
      <c r="A4971" s="1" t="s">
        <v>19349</v>
      </c>
      <c r="B4971" s="1" t="s">
        <v>16851</v>
      </c>
      <c r="C4971" s="1" t="s">
        <v>105</v>
      </c>
      <c r="D4971" s="1" t="s">
        <v>19427</v>
      </c>
      <c r="E4971" s="1" t="s">
        <v>19428</v>
      </c>
      <c r="F4971" s="1" t="s">
        <v>19429</v>
      </c>
      <c r="G4971" s="1" t="s">
        <v>19353</v>
      </c>
      <c r="H4971" s="1" t="s">
        <v>19354</v>
      </c>
      <c r="I4971" s="1" t="s">
        <v>16857</v>
      </c>
      <c r="J4971" s="1" t="s">
        <v>19430</v>
      </c>
    </row>
    <row r="4972" spans="1:10" x14ac:dyDescent="0.35">
      <c r="A4972" s="1" t="s">
        <v>19349</v>
      </c>
      <c r="B4972" s="1" t="s">
        <v>16851</v>
      </c>
      <c r="C4972" s="1" t="s">
        <v>110</v>
      </c>
      <c r="D4972" s="1" t="s">
        <v>19431</v>
      </c>
      <c r="E4972" s="1" t="s">
        <v>19432</v>
      </c>
      <c r="F4972" s="1" t="s">
        <v>19433</v>
      </c>
      <c r="G4972" s="1" t="s">
        <v>19353</v>
      </c>
      <c r="H4972" s="1" t="s">
        <v>19354</v>
      </c>
      <c r="I4972" s="1" t="s">
        <v>16857</v>
      </c>
      <c r="J4972" s="1" t="s">
        <v>19434</v>
      </c>
    </row>
    <row r="4973" spans="1:10" x14ac:dyDescent="0.35">
      <c r="A4973" s="1" t="s">
        <v>19349</v>
      </c>
      <c r="B4973" s="1" t="s">
        <v>16851</v>
      </c>
      <c r="C4973" s="1" t="s">
        <v>115</v>
      </c>
      <c r="D4973" s="1" t="s">
        <v>19435</v>
      </c>
      <c r="E4973" s="1" t="s">
        <v>19436</v>
      </c>
      <c r="F4973" s="1" t="s">
        <v>19437</v>
      </c>
      <c r="G4973" s="1" t="s">
        <v>19353</v>
      </c>
      <c r="H4973" s="1" t="s">
        <v>19354</v>
      </c>
      <c r="I4973" s="1" t="s">
        <v>16857</v>
      </c>
      <c r="J4973" s="1" t="s">
        <v>19438</v>
      </c>
    </row>
    <row r="4974" spans="1:10" x14ac:dyDescent="0.35">
      <c r="A4974" s="1" t="s">
        <v>19349</v>
      </c>
      <c r="B4974" s="1" t="s">
        <v>16851</v>
      </c>
      <c r="C4974" s="1" t="s">
        <v>120</v>
      </c>
      <c r="D4974" s="1" t="s">
        <v>19439</v>
      </c>
      <c r="E4974" s="1" t="s">
        <v>19440</v>
      </c>
      <c r="F4974" s="1" t="s">
        <v>19441</v>
      </c>
      <c r="G4974" s="1" t="s">
        <v>19353</v>
      </c>
      <c r="H4974" s="1" t="s">
        <v>19354</v>
      </c>
      <c r="I4974" s="1" t="s">
        <v>16857</v>
      </c>
      <c r="J4974" s="1" t="s">
        <v>19442</v>
      </c>
    </row>
    <row r="4975" spans="1:10" x14ac:dyDescent="0.35">
      <c r="A4975" s="1" t="s">
        <v>19349</v>
      </c>
      <c r="B4975" s="1" t="s">
        <v>16851</v>
      </c>
      <c r="C4975" s="1" t="s">
        <v>125</v>
      </c>
      <c r="D4975" s="1" t="s">
        <v>19443</v>
      </c>
      <c r="E4975" s="1" t="s">
        <v>19444</v>
      </c>
      <c r="F4975" s="1" t="s">
        <v>19445</v>
      </c>
      <c r="G4975" s="1" t="s">
        <v>19353</v>
      </c>
      <c r="H4975" s="1" t="s">
        <v>19354</v>
      </c>
      <c r="I4975" s="1" t="s">
        <v>16857</v>
      </c>
      <c r="J4975" s="1" t="s">
        <v>19446</v>
      </c>
    </row>
    <row r="4976" spans="1:10" x14ac:dyDescent="0.35">
      <c r="A4976" s="1" t="s">
        <v>19349</v>
      </c>
      <c r="B4976" s="1" t="s">
        <v>16851</v>
      </c>
      <c r="C4976" s="1" t="s">
        <v>130</v>
      </c>
      <c r="D4976" s="1" t="s">
        <v>19447</v>
      </c>
      <c r="E4976" s="1" t="s">
        <v>19448</v>
      </c>
      <c r="F4976" s="1" t="s">
        <v>19449</v>
      </c>
      <c r="G4976" s="1" t="s">
        <v>19353</v>
      </c>
      <c r="H4976" s="1" t="s">
        <v>19354</v>
      </c>
      <c r="I4976" s="1" t="s">
        <v>16857</v>
      </c>
      <c r="J4976" s="1" t="s">
        <v>19450</v>
      </c>
    </row>
    <row r="4977" spans="1:10" x14ac:dyDescent="0.35">
      <c r="A4977" s="1" t="s">
        <v>19349</v>
      </c>
      <c r="B4977" s="1" t="s">
        <v>16851</v>
      </c>
      <c r="C4977" s="1" t="s">
        <v>135</v>
      </c>
      <c r="D4977" s="1" t="s">
        <v>19451</v>
      </c>
      <c r="E4977" s="1" t="s">
        <v>19452</v>
      </c>
      <c r="F4977" s="1" t="s">
        <v>19453</v>
      </c>
      <c r="G4977" s="1" t="s">
        <v>19353</v>
      </c>
      <c r="H4977" s="1" t="s">
        <v>19354</v>
      </c>
      <c r="I4977" s="1" t="s">
        <v>16857</v>
      </c>
      <c r="J4977" s="1" t="s">
        <v>19454</v>
      </c>
    </row>
    <row r="4978" spans="1:10" x14ac:dyDescent="0.35">
      <c r="A4978" s="1" t="s">
        <v>19349</v>
      </c>
      <c r="B4978" s="1" t="s">
        <v>16851</v>
      </c>
      <c r="C4978" s="1" t="s">
        <v>140</v>
      </c>
      <c r="D4978" s="1" t="s">
        <v>19455</v>
      </c>
      <c r="E4978" s="1" t="s">
        <v>19456</v>
      </c>
      <c r="F4978" s="1" t="s">
        <v>19457</v>
      </c>
      <c r="G4978" s="1" t="s">
        <v>19353</v>
      </c>
      <c r="H4978" s="1" t="s">
        <v>19354</v>
      </c>
      <c r="I4978" s="1" t="s">
        <v>16857</v>
      </c>
      <c r="J4978" s="1" t="s">
        <v>19458</v>
      </c>
    </row>
    <row r="4979" spans="1:10" x14ac:dyDescent="0.35">
      <c r="A4979" s="1" t="s">
        <v>19349</v>
      </c>
      <c r="B4979" s="1" t="s">
        <v>16851</v>
      </c>
      <c r="C4979" s="1" t="s">
        <v>145</v>
      </c>
      <c r="D4979" s="1" t="s">
        <v>19459</v>
      </c>
      <c r="E4979" s="1" t="s">
        <v>19460</v>
      </c>
      <c r="F4979" s="1" t="s">
        <v>19461</v>
      </c>
      <c r="G4979" s="1" t="s">
        <v>19353</v>
      </c>
      <c r="H4979" s="1" t="s">
        <v>19354</v>
      </c>
      <c r="I4979" s="1" t="s">
        <v>16857</v>
      </c>
      <c r="J4979" s="1" t="s">
        <v>19462</v>
      </c>
    </row>
    <row r="4980" spans="1:10" x14ac:dyDescent="0.35">
      <c r="A4980" s="1" t="s">
        <v>19349</v>
      </c>
      <c r="B4980" s="1" t="s">
        <v>16851</v>
      </c>
      <c r="C4980" s="1" t="s">
        <v>150</v>
      </c>
      <c r="D4980" s="1" t="s">
        <v>19463</v>
      </c>
      <c r="E4980" s="1" t="s">
        <v>19464</v>
      </c>
      <c r="F4980" s="1" t="s">
        <v>19465</v>
      </c>
      <c r="G4980" s="1" t="s">
        <v>19353</v>
      </c>
      <c r="H4980" s="1" t="s">
        <v>19354</v>
      </c>
      <c r="I4980" s="1" t="s">
        <v>16857</v>
      </c>
      <c r="J4980" s="1" t="s">
        <v>19466</v>
      </c>
    </row>
    <row r="4981" spans="1:10" x14ac:dyDescent="0.35">
      <c r="A4981" s="1" t="s">
        <v>19349</v>
      </c>
      <c r="B4981" s="1" t="s">
        <v>16851</v>
      </c>
      <c r="C4981" s="1" t="s">
        <v>155</v>
      </c>
      <c r="D4981" s="1" t="s">
        <v>19467</v>
      </c>
      <c r="E4981" s="1" t="s">
        <v>19468</v>
      </c>
      <c r="F4981" s="1" t="s">
        <v>19469</v>
      </c>
      <c r="G4981" s="1" t="s">
        <v>19353</v>
      </c>
      <c r="H4981" s="1" t="s">
        <v>19354</v>
      </c>
      <c r="I4981" s="1" t="s">
        <v>16857</v>
      </c>
      <c r="J4981" s="1" t="s">
        <v>19470</v>
      </c>
    </row>
    <row r="4982" spans="1:10" x14ac:dyDescent="0.35">
      <c r="A4982" s="1" t="s">
        <v>19349</v>
      </c>
      <c r="B4982" s="1" t="s">
        <v>16851</v>
      </c>
      <c r="C4982" s="1" t="s">
        <v>160</v>
      </c>
      <c r="D4982" s="1" t="s">
        <v>19471</v>
      </c>
      <c r="E4982" s="1" t="s">
        <v>19472</v>
      </c>
      <c r="F4982" s="1" t="s">
        <v>19473</v>
      </c>
      <c r="G4982" s="1" t="s">
        <v>19353</v>
      </c>
      <c r="H4982" s="1" t="s">
        <v>19354</v>
      </c>
      <c r="I4982" s="1" t="s">
        <v>16857</v>
      </c>
      <c r="J4982" s="1" t="s">
        <v>19474</v>
      </c>
    </row>
    <row r="4983" spans="1:10" x14ac:dyDescent="0.35">
      <c r="A4983" s="1" t="s">
        <v>19349</v>
      </c>
      <c r="B4983" s="1" t="s">
        <v>16851</v>
      </c>
      <c r="C4983" s="1" t="s">
        <v>165</v>
      </c>
      <c r="D4983" s="1" t="s">
        <v>19475</v>
      </c>
      <c r="E4983" s="1" t="s">
        <v>19476</v>
      </c>
      <c r="F4983" s="1" t="s">
        <v>19477</v>
      </c>
      <c r="G4983" s="1" t="s">
        <v>19353</v>
      </c>
      <c r="H4983" s="1" t="s">
        <v>19354</v>
      </c>
      <c r="I4983" s="1" t="s">
        <v>16857</v>
      </c>
      <c r="J4983" s="1" t="s">
        <v>19478</v>
      </c>
    </row>
    <row r="4984" spans="1:10" x14ac:dyDescent="0.35">
      <c r="A4984" s="1" t="s">
        <v>19349</v>
      </c>
      <c r="B4984" s="1" t="s">
        <v>16851</v>
      </c>
      <c r="C4984" s="1" t="s">
        <v>170</v>
      </c>
      <c r="D4984" s="1" t="s">
        <v>19479</v>
      </c>
      <c r="E4984" s="1" t="s">
        <v>19480</v>
      </c>
      <c r="F4984" s="1" t="s">
        <v>19481</v>
      </c>
      <c r="G4984" s="1" t="s">
        <v>19353</v>
      </c>
      <c r="H4984" s="1" t="s">
        <v>19354</v>
      </c>
      <c r="I4984" s="1" t="s">
        <v>16857</v>
      </c>
      <c r="J4984" s="1" t="s">
        <v>19482</v>
      </c>
    </row>
    <row r="4985" spans="1:10" x14ac:dyDescent="0.35">
      <c r="A4985" s="1" t="s">
        <v>19483</v>
      </c>
      <c r="B4985" s="1" t="s">
        <v>16851</v>
      </c>
      <c r="C4985" s="1" t="s">
        <v>8</v>
      </c>
      <c r="D4985" s="1" t="s">
        <v>19484</v>
      </c>
      <c r="E4985" s="1" t="s">
        <v>19485</v>
      </c>
      <c r="F4985" s="1" t="s">
        <v>19486</v>
      </c>
      <c r="G4985" s="1" t="s">
        <v>19487</v>
      </c>
      <c r="H4985" s="1" t="s">
        <v>19488</v>
      </c>
      <c r="I4985" s="1" t="s">
        <v>16857</v>
      </c>
      <c r="J4985" s="1" t="s">
        <v>13</v>
      </c>
    </row>
    <row r="4986" spans="1:10" x14ac:dyDescent="0.35">
      <c r="A4986" s="1" t="s">
        <v>19483</v>
      </c>
      <c r="B4986" s="1" t="s">
        <v>16851</v>
      </c>
      <c r="C4986" s="1" t="s">
        <v>15</v>
      </c>
      <c r="D4986" s="1" t="s">
        <v>19489</v>
      </c>
      <c r="E4986" s="1" t="s">
        <v>19490</v>
      </c>
      <c r="F4986" s="1" t="s">
        <v>19491</v>
      </c>
      <c r="G4986" s="1" t="s">
        <v>19487</v>
      </c>
      <c r="H4986" s="1" t="s">
        <v>19488</v>
      </c>
      <c r="I4986" s="1" t="s">
        <v>16857</v>
      </c>
      <c r="J4986" s="1" t="s">
        <v>19492</v>
      </c>
    </row>
    <row r="4987" spans="1:10" x14ac:dyDescent="0.35">
      <c r="A4987" s="1" t="s">
        <v>19483</v>
      </c>
      <c r="B4987" s="1" t="s">
        <v>16851</v>
      </c>
      <c r="C4987" s="1" t="s">
        <v>20</v>
      </c>
      <c r="D4987" s="1" t="s">
        <v>19493</v>
      </c>
      <c r="E4987" s="1" t="s">
        <v>19494</v>
      </c>
      <c r="F4987" s="1" t="s">
        <v>19495</v>
      </c>
      <c r="G4987" s="1" t="s">
        <v>19487</v>
      </c>
      <c r="H4987" s="1" t="s">
        <v>19488</v>
      </c>
      <c r="I4987" s="1" t="s">
        <v>16857</v>
      </c>
      <c r="J4987" s="1" t="s">
        <v>19496</v>
      </c>
    </row>
    <row r="4988" spans="1:10" x14ac:dyDescent="0.35">
      <c r="A4988" s="1" t="s">
        <v>19483</v>
      </c>
      <c r="B4988" s="1" t="s">
        <v>16851</v>
      </c>
      <c r="C4988" s="1" t="s">
        <v>25</v>
      </c>
      <c r="D4988" s="1" t="s">
        <v>19497</v>
      </c>
      <c r="E4988" s="1" t="s">
        <v>19498</v>
      </c>
      <c r="F4988" s="1" t="s">
        <v>19499</v>
      </c>
      <c r="G4988" s="1" t="s">
        <v>19487</v>
      </c>
      <c r="H4988" s="1" t="s">
        <v>19488</v>
      </c>
      <c r="I4988" s="1" t="s">
        <v>16857</v>
      </c>
      <c r="J4988" s="1" t="s">
        <v>19500</v>
      </c>
    </row>
    <row r="4989" spans="1:10" x14ac:dyDescent="0.35">
      <c r="A4989" s="1" t="s">
        <v>19483</v>
      </c>
      <c r="B4989" s="1" t="s">
        <v>16851</v>
      </c>
      <c r="C4989" s="1" t="s">
        <v>30</v>
      </c>
      <c r="D4989" s="1" t="s">
        <v>19501</v>
      </c>
      <c r="E4989" s="1" t="s">
        <v>19502</v>
      </c>
      <c r="F4989" s="1" t="s">
        <v>19503</v>
      </c>
      <c r="G4989" s="1" t="s">
        <v>19487</v>
      </c>
      <c r="H4989" s="1" t="s">
        <v>19488</v>
      </c>
      <c r="I4989" s="1" t="s">
        <v>16857</v>
      </c>
      <c r="J4989" s="1" t="s">
        <v>19504</v>
      </c>
    </row>
    <row r="4990" spans="1:10" x14ac:dyDescent="0.35">
      <c r="A4990" s="1" t="s">
        <v>19483</v>
      </c>
      <c r="B4990" s="1" t="s">
        <v>16851</v>
      </c>
      <c r="C4990" s="1" t="s">
        <v>35</v>
      </c>
      <c r="D4990" s="1" t="s">
        <v>19505</v>
      </c>
      <c r="E4990" s="1" t="s">
        <v>19506</v>
      </c>
      <c r="F4990" s="1" t="s">
        <v>19507</v>
      </c>
      <c r="G4990" s="1" t="s">
        <v>19487</v>
      </c>
      <c r="H4990" s="1" t="s">
        <v>19488</v>
      </c>
      <c r="I4990" s="1" t="s">
        <v>16857</v>
      </c>
      <c r="J4990" s="1" t="s">
        <v>19508</v>
      </c>
    </row>
    <row r="4991" spans="1:10" x14ac:dyDescent="0.35">
      <c r="A4991" s="1" t="s">
        <v>19483</v>
      </c>
      <c r="B4991" s="1" t="s">
        <v>16851</v>
      </c>
      <c r="C4991" s="1" t="s">
        <v>40</v>
      </c>
      <c r="D4991" s="1" t="s">
        <v>19509</v>
      </c>
      <c r="E4991" s="1" t="s">
        <v>19510</v>
      </c>
      <c r="F4991" s="1" t="s">
        <v>19511</v>
      </c>
      <c r="G4991" s="1" t="s">
        <v>19487</v>
      </c>
      <c r="H4991" s="1" t="s">
        <v>19488</v>
      </c>
      <c r="I4991" s="1" t="s">
        <v>16857</v>
      </c>
      <c r="J4991" s="1" t="s">
        <v>19512</v>
      </c>
    </row>
    <row r="4992" spans="1:10" x14ac:dyDescent="0.35">
      <c r="A4992" s="1" t="s">
        <v>19483</v>
      </c>
      <c r="B4992" s="1" t="s">
        <v>16851</v>
      </c>
      <c r="C4992" s="1" t="s">
        <v>45</v>
      </c>
      <c r="D4992" s="1" t="s">
        <v>19513</v>
      </c>
      <c r="E4992" s="1" t="s">
        <v>19514</v>
      </c>
      <c r="F4992" s="1" t="s">
        <v>19515</v>
      </c>
      <c r="G4992" s="1" t="s">
        <v>19487</v>
      </c>
      <c r="H4992" s="1" t="s">
        <v>19488</v>
      </c>
      <c r="I4992" s="1" t="s">
        <v>16857</v>
      </c>
      <c r="J4992" s="1" t="s">
        <v>19516</v>
      </c>
    </row>
    <row r="4993" spans="1:10" x14ac:dyDescent="0.35">
      <c r="A4993" s="1" t="s">
        <v>19483</v>
      </c>
      <c r="B4993" s="1" t="s">
        <v>16851</v>
      </c>
      <c r="C4993" s="1" t="s">
        <v>50</v>
      </c>
      <c r="D4993" s="1" t="s">
        <v>19517</v>
      </c>
      <c r="E4993" s="1" t="s">
        <v>19518</v>
      </c>
      <c r="F4993" s="1" t="s">
        <v>19519</v>
      </c>
      <c r="G4993" s="1" t="s">
        <v>19487</v>
      </c>
      <c r="H4993" s="1" t="s">
        <v>19488</v>
      </c>
      <c r="I4993" s="1" t="s">
        <v>16857</v>
      </c>
      <c r="J4993" s="1" t="s">
        <v>19520</v>
      </c>
    </row>
    <row r="4994" spans="1:10" x14ac:dyDescent="0.35">
      <c r="A4994" s="1" t="s">
        <v>19483</v>
      </c>
      <c r="B4994" s="1" t="s">
        <v>16851</v>
      </c>
      <c r="C4994" s="1" t="s">
        <v>55</v>
      </c>
      <c r="D4994" s="1" t="s">
        <v>19521</v>
      </c>
      <c r="E4994" s="1" t="s">
        <v>19522</v>
      </c>
      <c r="F4994" s="1" t="s">
        <v>19523</v>
      </c>
      <c r="G4994" s="1" t="s">
        <v>19487</v>
      </c>
      <c r="H4994" s="1" t="s">
        <v>19488</v>
      </c>
      <c r="I4994" s="1" t="s">
        <v>16857</v>
      </c>
      <c r="J4994" s="1" t="s">
        <v>19524</v>
      </c>
    </row>
    <row r="4995" spans="1:10" x14ac:dyDescent="0.35">
      <c r="A4995" s="1" t="s">
        <v>19483</v>
      </c>
      <c r="B4995" s="1" t="s">
        <v>16851</v>
      </c>
      <c r="C4995" s="1" t="s">
        <v>60</v>
      </c>
      <c r="D4995" s="1" t="s">
        <v>19525</v>
      </c>
      <c r="E4995" s="1" t="s">
        <v>19526</v>
      </c>
      <c r="F4995" s="1" t="s">
        <v>19527</v>
      </c>
      <c r="G4995" s="1" t="s">
        <v>19487</v>
      </c>
      <c r="H4995" s="1" t="s">
        <v>19488</v>
      </c>
      <c r="I4995" s="1" t="s">
        <v>16857</v>
      </c>
      <c r="J4995" s="1" t="s">
        <v>19528</v>
      </c>
    </row>
    <row r="4996" spans="1:10" x14ac:dyDescent="0.35">
      <c r="A4996" s="1" t="s">
        <v>19483</v>
      </c>
      <c r="B4996" s="1" t="s">
        <v>16851</v>
      </c>
      <c r="C4996" s="1" t="s">
        <v>65</v>
      </c>
      <c r="D4996" s="1" t="s">
        <v>19529</v>
      </c>
      <c r="E4996" s="1" t="s">
        <v>19530</v>
      </c>
      <c r="F4996" s="1" t="s">
        <v>19531</v>
      </c>
      <c r="G4996" s="1" t="s">
        <v>19487</v>
      </c>
      <c r="H4996" s="1" t="s">
        <v>19488</v>
      </c>
      <c r="I4996" s="1" t="s">
        <v>16857</v>
      </c>
      <c r="J4996" s="1" t="s">
        <v>19532</v>
      </c>
    </row>
    <row r="4997" spans="1:10" x14ac:dyDescent="0.35">
      <c r="A4997" s="1" t="s">
        <v>19483</v>
      </c>
      <c r="B4997" s="1" t="s">
        <v>16851</v>
      </c>
      <c r="C4997" s="1" t="s">
        <v>70</v>
      </c>
      <c r="D4997" s="1" t="s">
        <v>15492</v>
      </c>
      <c r="E4997" s="1" t="s">
        <v>19533</v>
      </c>
      <c r="F4997" s="1" t="s">
        <v>19534</v>
      </c>
      <c r="G4997" s="1" t="s">
        <v>19487</v>
      </c>
      <c r="H4997" s="1" t="s">
        <v>19488</v>
      </c>
      <c r="I4997" s="1" t="s">
        <v>16857</v>
      </c>
      <c r="J4997" s="1" t="s">
        <v>19535</v>
      </c>
    </row>
    <row r="4998" spans="1:10" x14ac:dyDescent="0.35">
      <c r="A4998" s="1" t="s">
        <v>19483</v>
      </c>
      <c r="B4998" s="1" t="s">
        <v>16851</v>
      </c>
      <c r="C4998" s="1" t="s">
        <v>75</v>
      </c>
      <c r="D4998" s="1" t="s">
        <v>19536</v>
      </c>
      <c r="E4998" s="1" t="s">
        <v>19537</v>
      </c>
      <c r="F4998" s="1" t="s">
        <v>19538</v>
      </c>
      <c r="G4998" s="1" t="s">
        <v>19487</v>
      </c>
      <c r="H4998" s="1" t="s">
        <v>19488</v>
      </c>
      <c r="I4998" s="1" t="s">
        <v>16857</v>
      </c>
      <c r="J4998" s="1" t="s">
        <v>19539</v>
      </c>
    </row>
    <row r="4999" spans="1:10" x14ac:dyDescent="0.35">
      <c r="A4999" s="1" t="s">
        <v>19483</v>
      </c>
      <c r="B4999" s="1" t="s">
        <v>16851</v>
      </c>
      <c r="C4999" s="1" t="s">
        <v>80</v>
      </c>
      <c r="D4999" s="1" t="s">
        <v>19540</v>
      </c>
      <c r="E4999" s="1" t="s">
        <v>19541</v>
      </c>
      <c r="F4999" s="1" t="s">
        <v>19542</v>
      </c>
      <c r="G4999" s="1" t="s">
        <v>19487</v>
      </c>
      <c r="H4999" s="1" t="s">
        <v>19488</v>
      </c>
      <c r="I4999" s="1" t="s">
        <v>16857</v>
      </c>
      <c r="J4999" s="1" t="s">
        <v>19543</v>
      </c>
    </row>
    <row r="5000" spans="1:10" x14ac:dyDescent="0.35">
      <c r="A5000" s="1" t="s">
        <v>19483</v>
      </c>
      <c r="B5000" s="1" t="s">
        <v>16851</v>
      </c>
      <c r="C5000" s="1" t="s">
        <v>85</v>
      </c>
      <c r="D5000" s="1" t="s">
        <v>19544</v>
      </c>
      <c r="E5000" s="1" t="s">
        <v>19545</v>
      </c>
      <c r="F5000" s="1" t="s">
        <v>19546</v>
      </c>
      <c r="G5000" s="1" t="s">
        <v>19487</v>
      </c>
      <c r="H5000" s="1" t="s">
        <v>19488</v>
      </c>
      <c r="I5000" s="1" t="s">
        <v>16857</v>
      </c>
      <c r="J5000" s="1" t="s">
        <v>19547</v>
      </c>
    </row>
    <row r="5001" spans="1:10" x14ac:dyDescent="0.35">
      <c r="A5001" s="1" t="s">
        <v>19483</v>
      </c>
      <c r="B5001" s="1" t="s">
        <v>16851</v>
      </c>
      <c r="C5001" s="1" t="s">
        <v>90</v>
      </c>
      <c r="D5001" s="1" t="s">
        <v>19548</v>
      </c>
      <c r="E5001" s="1" t="s">
        <v>19549</v>
      </c>
      <c r="F5001" s="1" t="s">
        <v>19550</v>
      </c>
      <c r="G5001" s="1" t="s">
        <v>19487</v>
      </c>
      <c r="H5001" s="1" t="s">
        <v>19488</v>
      </c>
      <c r="I5001" s="1" t="s">
        <v>16857</v>
      </c>
      <c r="J5001" s="1" t="s">
        <v>19551</v>
      </c>
    </row>
    <row r="5002" spans="1:10" x14ac:dyDescent="0.35">
      <c r="A5002" s="1" t="s">
        <v>19483</v>
      </c>
      <c r="B5002" s="1" t="s">
        <v>16851</v>
      </c>
      <c r="C5002" s="1" t="s">
        <v>95</v>
      </c>
      <c r="D5002" s="1" t="s">
        <v>19552</v>
      </c>
      <c r="E5002" s="1" t="s">
        <v>19553</v>
      </c>
      <c r="F5002" s="1" t="s">
        <v>19554</v>
      </c>
      <c r="G5002" s="1" t="s">
        <v>19487</v>
      </c>
      <c r="H5002" s="1" t="s">
        <v>19488</v>
      </c>
      <c r="I5002" s="1" t="s">
        <v>16857</v>
      </c>
      <c r="J5002" s="1" t="s">
        <v>19555</v>
      </c>
    </row>
    <row r="5003" spans="1:10" x14ac:dyDescent="0.35">
      <c r="A5003" s="1" t="s">
        <v>19483</v>
      </c>
      <c r="B5003" s="1" t="s">
        <v>16851</v>
      </c>
      <c r="C5003" s="1" t="s">
        <v>100</v>
      </c>
      <c r="D5003" s="1" t="s">
        <v>19556</v>
      </c>
      <c r="E5003" s="1" t="s">
        <v>19557</v>
      </c>
      <c r="F5003" s="1" t="s">
        <v>19558</v>
      </c>
      <c r="G5003" s="1" t="s">
        <v>19487</v>
      </c>
      <c r="H5003" s="1" t="s">
        <v>19488</v>
      </c>
      <c r="I5003" s="1" t="s">
        <v>16857</v>
      </c>
      <c r="J5003" s="1" t="s">
        <v>19559</v>
      </c>
    </row>
    <row r="5004" spans="1:10" x14ac:dyDescent="0.35">
      <c r="A5004" s="1" t="s">
        <v>19483</v>
      </c>
      <c r="B5004" s="1" t="s">
        <v>16851</v>
      </c>
      <c r="C5004" s="1" t="s">
        <v>105</v>
      </c>
      <c r="D5004" s="1" t="s">
        <v>19560</v>
      </c>
      <c r="E5004" s="1" t="s">
        <v>19561</v>
      </c>
      <c r="F5004" s="1" t="s">
        <v>19562</v>
      </c>
      <c r="G5004" s="1" t="s">
        <v>19487</v>
      </c>
      <c r="H5004" s="1" t="s">
        <v>19488</v>
      </c>
      <c r="I5004" s="1" t="s">
        <v>16857</v>
      </c>
      <c r="J5004" s="1" t="s">
        <v>19563</v>
      </c>
    </row>
    <row r="5005" spans="1:10" x14ac:dyDescent="0.35">
      <c r="A5005" s="1" t="s">
        <v>19483</v>
      </c>
      <c r="B5005" s="1" t="s">
        <v>16851</v>
      </c>
      <c r="C5005" s="1" t="s">
        <v>110</v>
      </c>
      <c r="D5005" s="1" t="s">
        <v>19564</v>
      </c>
      <c r="E5005" s="1" t="s">
        <v>19565</v>
      </c>
      <c r="F5005" s="1" t="s">
        <v>19566</v>
      </c>
      <c r="G5005" s="1" t="s">
        <v>19487</v>
      </c>
      <c r="H5005" s="1" t="s">
        <v>19488</v>
      </c>
      <c r="I5005" s="1" t="s">
        <v>16857</v>
      </c>
      <c r="J5005" s="1" t="s">
        <v>19567</v>
      </c>
    </row>
    <row r="5006" spans="1:10" x14ac:dyDescent="0.35">
      <c r="A5006" s="1" t="s">
        <v>19483</v>
      </c>
      <c r="B5006" s="1" t="s">
        <v>16851</v>
      </c>
      <c r="C5006" s="1" t="s">
        <v>115</v>
      </c>
      <c r="D5006" s="1" t="s">
        <v>19568</v>
      </c>
      <c r="E5006" s="1" t="s">
        <v>19569</v>
      </c>
      <c r="F5006" s="1" t="s">
        <v>19570</v>
      </c>
      <c r="G5006" s="1" t="s">
        <v>19487</v>
      </c>
      <c r="H5006" s="1" t="s">
        <v>19488</v>
      </c>
      <c r="I5006" s="1" t="s">
        <v>16857</v>
      </c>
      <c r="J5006" s="1" t="s">
        <v>19571</v>
      </c>
    </row>
    <row r="5007" spans="1:10" x14ac:dyDescent="0.35">
      <c r="A5007" s="1" t="s">
        <v>19483</v>
      </c>
      <c r="B5007" s="1" t="s">
        <v>16851</v>
      </c>
      <c r="C5007" s="1" t="s">
        <v>120</v>
      </c>
      <c r="D5007" s="1" t="s">
        <v>19572</v>
      </c>
      <c r="E5007" s="1" t="s">
        <v>19573</v>
      </c>
      <c r="F5007" s="1" t="s">
        <v>19574</v>
      </c>
      <c r="G5007" s="1" t="s">
        <v>19487</v>
      </c>
      <c r="H5007" s="1" t="s">
        <v>19488</v>
      </c>
      <c r="I5007" s="1" t="s">
        <v>16857</v>
      </c>
      <c r="J5007" s="1" t="s">
        <v>19575</v>
      </c>
    </row>
    <row r="5008" spans="1:10" x14ac:dyDescent="0.35">
      <c r="A5008" s="1" t="s">
        <v>19483</v>
      </c>
      <c r="B5008" s="1" t="s">
        <v>16851</v>
      </c>
      <c r="C5008" s="1" t="s">
        <v>125</v>
      </c>
      <c r="D5008" s="1" t="s">
        <v>19576</v>
      </c>
      <c r="E5008" s="1" t="s">
        <v>19577</v>
      </c>
      <c r="F5008" s="1" t="s">
        <v>19578</v>
      </c>
      <c r="G5008" s="1" t="s">
        <v>19487</v>
      </c>
      <c r="H5008" s="1" t="s">
        <v>19488</v>
      </c>
      <c r="I5008" s="1" t="s">
        <v>16857</v>
      </c>
      <c r="J5008" s="1" t="s">
        <v>19579</v>
      </c>
    </row>
    <row r="5009" spans="1:10" x14ac:dyDescent="0.35">
      <c r="A5009" s="1" t="s">
        <v>19483</v>
      </c>
      <c r="B5009" s="1" t="s">
        <v>16851</v>
      </c>
      <c r="C5009" s="1" t="s">
        <v>130</v>
      </c>
      <c r="D5009" s="1" t="s">
        <v>19580</v>
      </c>
      <c r="E5009" s="1" t="s">
        <v>19581</v>
      </c>
      <c r="F5009" s="1" t="s">
        <v>19582</v>
      </c>
      <c r="G5009" s="1" t="s">
        <v>19487</v>
      </c>
      <c r="H5009" s="1" t="s">
        <v>19488</v>
      </c>
      <c r="I5009" s="1" t="s">
        <v>16857</v>
      </c>
      <c r="J5009" s="1" t="s">
        <v>19583</v>
      </c>
    </row>
    <row r="5010" spans="1:10" x14ac:dyDescent="0.35">
      <c r="A5010" s="1" t="s">
        <v>19483</v>
      </c>
      <c r="B5010" s="1" t="s">
        <v>16851</v>
      </c>
      <c r="C5010" s="1" t="s">
        <v>135</v>
      </c>
      <c r="D5010" s="1" t="s">
        <v>19584</v>
      </c>
      <c r="E5010" s="1" t="s">
        <v>19585</v>
      </c>
      <c r="F5010" s="1" t="s">
        <v>19586</v>
      </c>
      <c r="G5010" s="1" t="s">
        <v>19487</v>
      </c>
      <c r="H5010" s="1" t="s">
        <v>19488</v>
      </c>
      <c r="I5010" s="1" t="s">
        <v>16857</v>
      </c>
      <c r="J5010" s="1" t="s">
        <v>19587</v>
      </c>
    </row>
    <row r="5011" spans="1:10" x14ac:dyDescent="0.35">
      <c r="A5011" s="1" t="s">
        <v>19483</v>
      </c>
      <c r="B5011" s="1" t="s">
        <v>16851</v>
      </c>
      <c r="C5011" s="1" t="s">
        <v>140</v>
      </c>
      <c r="D5011" s="1" t="s">
        <v>19588</v>
      </c>
      <c r="E5011" s="1" t="s">
        <v>19589</v>
      </c>
      <c r="F5011" s="1" t="s">
        <v>19590</v>
      </c>
      <c r="G5011" s="1" t="s">
        <v>19487</v>
      </c>
      <c r="H5011" s="1" t="s">
        <v>19488</v>
      </c>
      <c r="I5011" s="1" t="s">
        <v>16857</v>
      </c>
      <c r="J5011" s="1" t="s">
        <v>19591</v>
      </c>
    </row>
    <row r="5012" spans="1:10" x14ac:dyDescent="0.35">
      <c r="A5012" s="1" t="s">
        <v>19483</v>
      </c>
      <c r="B5012" s="1" t="s">
        <v>16851</v>
      </c>
      <c r="C5012" s="1" t="s">
        <v>145</v>
      </c>
      <c r="D5012" s="1" t="s">
        <v>19592</v>
      </c>
      <c r="E5012" s="1" t="s">
        <v>19593</v>
      </c>
      <c r="F5012" s="1" t="s">
        <v>19594</v>
      </c>
      <c r="G5012" s="1" t="s">
        <v>19487</v>
      </c>
      <c r="H5012" s="1" t="s">
        <v>19488</v>
      </c>
      <c r="I5012" s="1" t="s">
        <v>16857</v>
      </c>
      <c r="J5012" s="1" t="s">
        <v>19595</v>
      </c>
    </row>
    <row r="5013" spans="1:10" x14ac:dyDescent="0.35">
      <c r="A5013" s="1" t="s">
        <v>19483</v>
      </c>
      <c r="B5013" s="1" t="s">
        <v>16851</v>
      </c>
      <c r="C5013" s="1" t="s">
        <v>150</v>
      </c>
      <c r="D5013" s="1" t="s">
        <v>19596</v>
      </c>
      <c r="E5013" s="1" t="s">
        <v>19597</v>
      </c>
      <c r="F5013" s="1" t="s">
        <v>19598</v>
      </c>
      <c r="G5013" s="1" t="s">
        <v>19487</v>
      </c>
      <c r="H5013" s="1" t="s">
        <v>19488</v>
      </c>
      <c r="I5013" s="1" t="s">
        <v>16857</v>
      </c>
      <c r="J5013" s="1" t="s">
        <v>19599</v>
      </c>
    </row>
    <row r="5014" spans="1:10" x14ac:dyDescent="0.35">
      <c r="A5014" s="1" t="s">
        <v>19483</v>
      </c>
      <c r="B5014" s="1" t="s">
        <v>16851</v>
      </c>
      <c r="C5014" s="1" t="s">
        <v>155</v>
      </c>
      <c r="D5014" s="1" t="s">
        <v>19600</v>
      </c>
      <c r="E5014" s="1" t="s">
        <v>19601</v>
      </c>
      <c r="F5014" s="1" t="s">
        <v>19602</v>
      </c>
      <c r="G5014" s="1" t="s">
        <v>19487</v>
      </c>
      <c r="H5014" s="1" t="s">
        <v>19488</v>
      </c>
      <c r="I5014" s="1" t="s">
        <v>16857</v>
      </c>
      <c r="J5014" s="1" t="s">
        <v>19603</v>
      </c>
    </row>
    <row r="5015" spans="1:10" x14ac:dyDescent="0.35">
      <c r="A5015" s="1" t="s">
        <v>19483</v>
      </c>
      <c r="B5015" s="1" t="s">
        <v>16851</v>
      </c>
      <c r="C5015" s="1" t="s">
        <v>160</v>
      </c>
      <c r="D5015" s="1" t="s">
        <v>19604</v>
      </c>
      <c r="E5015" s="1" t="s">
        <v>19605</v>
      </c>
      <c r="F5015" s="1" t="s">
        <v>19606</v>
      </c>
      <c r="G5015" s="1" t="s">
        <v>19487</v>
      </c>
      <c r="H5015" s="1" t="s">
        <v>19488</v>
      </c>
      <c r="I5015" s="1" t="s">
        <v>16857</v>
      </c>
      <c r="J5015" s="1" t="s">
        <v>19607</v>
      </c>
    </row>
    <row r="5016" spans="1:10" x14ac:dyDescent="0.35">
      <c r="A5016" s="1" t="s">
        <v>19483</v>
      </c>
      <c r="B5016" s="1" t="s">
        <v>16851</v>
      </c>
      <c r="C5016" s="1" t="s">
        <v>165</v>
      </c>
      <c r="D5016" s="1" t="s">
        <v>19608</v>
      </c>
      <c r="E5016" s="1" t="s">
        <v>19609</v>
      </c>
      <c r="F5016" s="1" t="s">
        <v>19610</v>
      </c>
      <c r="G5016" s="1" t="s">
        <v>19487</v>
      </c>
      <c r="H5016" s="1" t="s">
        <v>19488</v>
      </c>
      <c r="I5016" s="1" t="s">
        <v>16857</v>
      </c>
      <c r="J5016" s="1" t="s">
        <v>19611</v>
      </c>
    </row>
    <row r="5017" spans="1:10" x14ac:dyDescent="0.35">
      <c r="A5017" s="1" t="s">
        <v>19483</v>
      </c>
      <c r="B5017" s="1" t="s">
        <v>16851</v>
      </c>
      <c r="C5017" s="1" t="s">
        <v>170</v>
      </c>
      <c r="D5017" s="1" t="s">
        <v>19612</v>
      </c>
      <c r="E5017" s="1" t="s">
        <v>19613</v>
      </c>
      <c r="F5017" s="1" t="s">
        <v>19614</v>
      </c>
      <c r="G5017" s="1" t="s">
        <v>19487</v>
      </c>
      <c r="H5017" s="1" t="s">
        <v>19488</v>
      </c>
      <c r="I5017" s="1" t="s">
        <v>16857</v>
      </c>
      <c r="J5017" s="1" t="s">
        <v>19615</v>
      </c>
    </row>
    <row r="5018" spans="1:10" x14ac:dyDescent="0.35">
      <c r="A5018" s="1" t="s">
        <v>19616</v>
      </c>
      <c r="B5018" s="1" t="s">
        <v>16851</v>
      </c>
      <c r="C5018" s="1" t="s">
        <v>8</v>
      </c>
      <c r="D5018" s="1" t="s">
        <v>19617</v>
      </c>
      <c r="E5018" s="1" t="s">
        <v>19618</v>
      </c>
      <c r="F5018" s="1" t="s">
        <v>19619</v>
      </c>
      <c r="G5018" s="1" t="s">
        <v>19620</v>
      </c>
      <c r="H5018" s="1" t="s">
        <v>19621</v>
      </c>
      <c r="I5018" s="1" t="s">
        <v>16857</v>
      </c>
      <c r="J5018" s="1" t="s">
        <v>13</v>
      </c>
    </row>
    <row r="5019" spans="1:10" x14ac:dyDescent="0.35">
      <c r="A5019" s="1" t="s">
        <v>19616</v>
      </c>
      <c r="B5019" s="1" t="s">
        <v>16851</v>
      </c>
      <c r="C5019" s="1" t="s">
        <v>15</v>
      </c>
      <c r="D5019" s="1" t="s">
        <v>19622</v>
      </c>
      <c r="E5019" s="1" t="s">
        <v>19623</v>
      </c>
      <c r="F5019" s="1" t="s">
        <v>19624</v>
      </c>
      <c r="G5019" s="1" t="s">
        <v>19620</v>
      </c>
      <c r="H5019" s="1" t="s">
        <v>19621</v>
      </c>
      <c r="I5019" s="1" t="s">
        <v>16857</v>
      </c>
      <c r="J5019" s="1" t="s">
        <v>19625</v>
      </c>
    </row>
    <row r="5020" spans="1:10" x14ac:dyDescent="0.35">
      <c r="A5020" s="1" t="s">
        <v>19616</v>
      </c>
      <c r="B5020" s="1" t="s">
        <v>16851</v>
      </c>
      <c r="C5020" s="1" t="s">
        <v>20</v>
      </c>
      <c r="D5020" s="1" t="s">
        <v>19626</v>
      </c>
      <c r="E5020" s="1" t="s">
        <v>19627</v>
      </c>
      <c r="F5020" s="1" t="s">
        <v>19628</v>
      </c>
      <c r="G5020" s="1" t="s">
        <v>19620</v>
      </c>
      <c r="H5020" s="1" t="s">
        <v>19621</v>
      </c>
      <c r="I5020" s="1" t="s">
        <v>16857</v>
      </c>
      <c r="J5020" s="1" t="s">
        <v>19629</v>
      </c>
    </row>
    <row r="5021" spans="1:10" x14ac:dyDescent="0.35">
      <c r="A5021" s="1" t="s">
        <v>19616</v>
      </c>
      <c r="B5021" s="1" t="s">
        <v>16851</v>
      </c>
      <c r="C5021" s="1" t="s">
        <v>25</v>
      </c>
      <c r="D5021" s="1" t="s">
        <v>19630</v>
      </c>
      <c r="E5021" s="1" t="s">
        <v>19631</v>
      </c>
      <c r="F5021" s="1" t="s">
        <v>19632</v>
      </c>
      <c r="G5021" s="1" t="s">
        <v>19620</v>
      </c>
      <c r="H5021" s="1" t="s">
        <v>19621</v>
      </c>
      <c r="I5021" s="1" t="s">
        <v>16857</v>
      </c>
      <c r="J5021" s="1" t="s">
        <v>19633</v>
      </c>
    </row>
    <row r="5022" spans="1:10" x14ac:dyDescent="0.35">
      <c r="A5022" s="1" t="s">
        <v>19616</v>
      </c>
      <c r="B5022" s="1" t="s">
        <v>16851</v>
      </c>
      <c r="C5022" s="1" t="s">
        <v>30</v>
      </c>
      <c r="D5022" s="1" t="s">
        <v>19634</v>
      </c>
      <c r="E5022" s="1" t="s">
        <v>19635</v>
      </c>
      <c r="F5022" s="1" t="s">
        <v>19636</v>
      </c>
      <c r="G5022" s="1" t="s">
        <v>19620</v>
      </c>
      <c r="H5022" s="1" t="s">
        <v>19621</v>
      </c>
      <c r="I5022" s="1" t="s">
        <v>16857</v>
      </c>
      <c r="J5022" s="1" t="s">
        <v>19637</v>
      </c>
    </row>
    <row r="5023" spans="1:10" x14ac:dyDescent="0.35">
      <c r="A5023" s="1" t="s">
        <v>19616</v>
      </c>
      <c r="B5023" s="1" t="s">
        <v>16851</v>
      </c>
      <c r="C5023" s="1" t="s">
        <v>35</v>
      </c>
      <c r="D5023" s="1" t="s">
        <v>19638</v>
      </c>
      <c r="E5023" s="1" t="s">
        <v>19639</v>
      </c>
      <c r="F5023" s="1" t="s">
        <v>19640</v>
      </c>
      <c r="G5023" s="1" t="s">
        <v>19620</v>
      </c>
      <c r="H5023" s="1" t="s">
        <v>19621</v>
      </c>
      <c r="I5023" s="1" t="s">
        <v>16857</v>
      </c>
      <c r="J5023" s="1" t="s">
        <v>19641</v>
      </c>
    </row>
    <row r="5024" spans="1:10" x14ac:dyDescent="0.35">
      <c r="A5024" s="1" t="s">
        <v>19616</v>
      </c>
      <c r="B5024" s="1" t="s">
        <v>16851</v>
      </c>
      <c r="C5024" s="1" t="s">
        <v>40</v>
      </c>
      <c r="D5024" s="1" t="s">
        <v>19642</v>
      </c>
      <c r="E5024" s="1" t="s">
        <v>19643</v>
      </c>
      <c r="F5024" s="1" t="s">
        <v>19644</v>
      </c>
      <c r="G5024" s="1" t="s">
        <v>19620</v>
      </c>
      <c r="H5024" s="1" t="s">
        <v>19621</v>
      </c>
      <c r="I5024" s="1" t="s">
        <v>16857</v>
      </c>
      <c r="J5024" s="1" t="s">
        <v>19645</v>
      </c>
    </row>
    <row r="5025" spans="1:10" x14ac:dyDescent="0.35">
      <c r="A5025" s="1" t="s">
        <v>19616</v>
      </c>
      <c r="B5025" s="1" t="s">
        <v>16851</v>
      </c>
      <c r="C5025" s="1" t="s">
        <v>45</v>
      </c>
      <c r="D5025" s="1" t="s">
        <v>19646</v>
      </c>
      <c r="E5025" s="1" t="s">
        <v>19647</v>
      </c>
      <c r="F5025" s="1" t="s">
        <v>19648</v>
      </c>
      <c r="G5025" s="1" t="s">
        <v>19620</v>
      </c>
      <c r="H5025" s="1" t="s">
        <v>19621</v>
      </c>
      <c r="I5025" s="1" t="s">
        <v>16857</v>
      </c>
      <c r="J5025" s="1" t="s">
        <v>19649</v>
      </c>
    </row>
    <row r="5026" spans="1:10" x14ac:dyDescent="0.35">
      <c r="A5026" s="1" t="s">
        <v>19616</v>
      </c>
      <c r="B5026" s="1" t="s">
        <v>16851</v>
      </c>
      <c r="C5026" s="1" t="s">
        <v>50</v>
      </c>
      <c r="D5026" s="1" t="s">
        <v>19650</v>
      </c>
      <c r="E5026" s="1" t="s">
        <v>19651</v>
      </c>
      <c r="F5026" s="1" t="s">
        <v>19652</v>
      </c>
      <c r="G5026" s="1" t="s">
        <v>19620</v>
      </c>
      <c r="H5026" s="1" t="s">
        <v>19621</v>
      </c>
      <c r="I5026" s="1" t="s">
        <v>16857</v>
      </c>
      <c r="J5026" s="1" t="s">
        <v>19653</v>
      </c>
    </row>
    <row r="5027" spans="1:10" x14ac:dyDescent="0.35">
      <c r="A5027" s="1" t="s">
        <v>19616</v>
      </c>
      <c r="B5027" s="1" t="s">
        <v>16851</v>
      </c>
      <c r="C5027" s="1" t="s">
        <v>55</v>
      </c>
      <c r="D5027" s="1" t="s">
        <v>19654</v>
      </c>
      <c r="E5027" s="1" t="s">
        <v>19655</v>
      </c>
      <c r="F5027" s="1" t="s">
        <v>19656</v>
      </c>
      <c r="G5027" s="1" t="s">
        <v>19620</v>
      </c>
      <c r="H5027" s="1" t="s">
        <v>19621</v>
      </c>
      <c r="I5027" s="1" t="s">
        <v>16857</v>
      </c>
      <c r="J5027" s="1" t="s">
        <v>19657</v>
      </c>
    </row>
    <row r="5028" spans="1:10" x14ac:dyDescent="0.35">
      <c r="A5028" s="1" t="s">
        <v>19616</v>
      </c>
      <c r="B5028" s="1" t="s">
        <v>16851</v>
      </c>
      <c r="C5028" s="1" t="s">
        <v>60</v>
      </c>
      <c r="D5028" s="1" t="s">
        <v>19658</v>
      </c>
      <c r="E5028" s="1" t="s">
        <v>19659</v>
      </c>
      <c r="F5028" s="1" t="s">
        <v>19660</v>
      </c>
      <c r="G5028" s="1" t="s">
        <v>19620</v>
      </c>
      <c r="H5028" s="1" t="s">
        <v>19621</v>
      </c>
      <c r="I5028" s="1" t="s">
        <v>16857</v>
      </c>
      <c r="J5028" s="1" t="s">
        <v>19661</v>
      </c>
    </row>
    <row r="5029" spans="1:10" x14ac:dyDescent="0.35">
      <c r="A5029" s="1" t="s">
        <v>19616</v>
      </c>
      <c r="B5029" s="1" t="s">
        <v>16851</v>
      </c>
      <c r="C5029" s="1" t="s">
        <v>65</v>
      </c>
      <c r="D5029" s="1" t="s">
        <v>19662</v>
      </c>
      <c r="E5029" s="1" t="s">
        <v>19663</v>
      </c>
      <c r="F5029" s="1" t="s">
        <v>19664</v>
      </c>
      <c r="G5029" s="1" t="s">
        <v>19620</v>
      </c>
      <c r="H5029" s="1" t="s">
        <v>19621</v>
      </c>
      <c r="I5029" s="1" t="s">
        <v>16857</v>
      </c>
      <c r="J5029" s="1" t="s">
        <v>19665</v>
      </c>
    </row>
    <row r="5030" spans="1:10" x14ac:dyDescent="0.35">
      <c r="A5030" s="1" t="s">
        <v>19616</v>
      </c>
      <c r="B5030" s="1" t="s">
        <v>16851</v>
      </c>
      <c r="C5030" s="1" t="s">
        <v>70</v>
      </c>
      <c r="D5030" s="1" t="s">
        <v>19666</v>
      </c>
      <c r="E5030" s="1" t="s">
        <v>19667</v>
      </c>
      <c r="F5030" s="1" t="s">
        <v>19668</v>
      </c>
      <c r="G5030" s="1" t="s">
        <v>19620</v>
      </c>
      <c r="H5030" s="1" t="s">
        <v>19621</v>
      </c>
      <c r="I5030" s="1" t="s">
        <v>16857</v>
      </c>
      <c r="J5030" s="1" t="s">
        <v>19669</v>
      </c>
    </row>
    <row r="5031" spans="1:10" x14ac:dyDescent="0.35">
      <c r="A5031" s="1" t="s">
        <v>19616</v>
      </c>
      <c r="B5031" s="1" t="s">
        <v>16851</v>
      </c>
      <c r="C5031" s="1" t="s">
        <v>75</v>
      </c>
      <c r="D5031" s="1" t="s">
        <v>19670</v>
      </c>
      <c r="E5031" s="1" t="s">
        <v>19671</v>
      </c>
      <c r="F5031" s="1" t="s">
        <v>19672</v>
      </c>
      <c r="G5031" s="1" t="s">
        <v>19620</v>
      </c>
      <c r="H5031" s="1" t="s">
        <v>19621</v>
      </c>
      <c r="I5031" s="1" t="s">
        <v>16857</v>
      </c>
      <c r="J5031" s="1" t="s">
        <v>19673</v>
      </c>
    </row>
    <row r="5032" spans="1:10" x14ac:dyDescent="0.35">
      <c r="A5032" s="1" t="s">
        <v>19616</v>
      </c>
      <c r="B5032" s="1" t="s">
        <v>16851</v>
      </c>
      <c r="C5032" s="1" t="s">
        <v>80</v>
      </c>
      <c r="D5032" s="1" t="s">
        <v>19674</v>
      </c>
      <c r="E5032" s="1" t="s">
        <v>19675</v>
      </c>
      <c r="F5032" s="1" t="s">
        <v>19676</v>
      </c>
      <c r="G5032" s="1" t="s">
        <v>19620</v>
      </c>
      <c r="H5032" s="1" t="s">
        <v>19621</v>
      </c>
      <c r="I5032" s="1" t="s">
        <v>16857</v>
      </c>
      <c r="J5032" s="1" t="s">
        <v>19677</v>
      </c>
    </row>
    <row r="5033" spans="1:10" x14ac:dyDescent="0.35">
      <c r="A5033" s="1" t="s">
        <v>19616</v>
      </c>
      <c r="B5033" s="1" t="s">
        <v>16851</v>
      </c>
      <c r="C5033" s="1" t="s">
        <v>85</v>
      </c>
      <c r="D5033" s="1" t="s">
        <v>19678</v>
      </c>
      <c r="E5033" s="1" t="s">
        <v>19679</v>
      </c>
      <c r="F5033" s="1" t="s">
        <v>19680</v>
      </c>
      <c r="G5033" s="1" t="s">
        <v>19620</v>
      </c>
      <c r="H5033" s="1" t="s">
        <v>19621</v>
      </c>
      <c r="I5033" s="1" t="s">
        <v>16857</v>
      </c>
      <c r="J5033" s="1" t="s">
        <v>19681</v>
      </c>
    </row>
    <row r="5034" spans="1:10" x14ac:dyDescent="0.35">
      <c r="A5034" s="1" t="s">
        <v>19616</v>
      </c>
      <c r="B5034" s="1" t="s">
        <v>16851</v>
      </c>
      <c r="C5034" s="1" t="s">
        <v>90</v>
      </c>
      <c r="D5034" s="1" t="s">
        <v>19682</v>
      </c>
      <c r="E5034" s="1" t="s">
        <v>19683</v>
      </c>
      <c r="F5034" s="1" t="s">
        <v>19684</v>
      </c>
      <c r="G5034" s="1" t="s">
        <v>19620</v>
      </c>
      <c r="H5034" s="1" t="s">
        <v>19621</v>
      </c>
      <c r="I5034" s="1" t="s">
        <v>16857</v>
      </c>
      <c r="J5034" s="1" t="s">
        <v>19685</v>
      </c>
    </row>
    <row r="5035" spans="1:10" x14ac:dyDescent="0.35">
      <c r="A5035" s="1" t="s">
        <v>19616</v>
      </c>
      <c r="B5035" s="1" t="s">
        <v>16851</v>
      </c>
      <c r="C5035" s="1" t="s">
        <v>95</v>
      </c>
      <c r="D5035" s="1" t="s">
        <v>19686</v>
      </c>
      <c r="E5035" s="1" t="s">
        <v>19687</v>
      </c>
      <c r="F5035" s="1" t="s">
        <v>19688</v>
      </c>
      <c r="G5035" s="1" t="s">
        <v>19620</v>
      </c>
      <c r="H5035" s="1" t="s">
        <v>19621</v>
      </c>
      <c r="I5035" s="1" t="s">
        <v>16857</v>
      </c>
      <c r="J5035" s="1" t="s">
        <v>19689</v>
      </c>
    </row>
    <row r="5036" spans="1:10" x14ac:dyDescent="0.35">
      <c r="A5036" s="1" t="s">
        <v>19616</v>
      </c>
      <c r="B5036" s="1" t="s">
        <v>16851</v>
      </c>
      <c r="C5036" s="1" t="s">
        <v>100</v>
      </c>
      <c r="D5036" s="1" t="s">
        <v>19690</v>
      </c>
      <c r="E5036" s="1" t="s">
        <v>19691</v>
      </c>
      <c r="F5036" s="1" t="s">
        <v>19692</v>
      </c>
      <c r="G5036" s="1" t="s">
        <v>19620</v>
      </c>
      <c r="H5036" s="1" t="s">
        <v>19621</v>
      </c>
      <c r="I5036" s="1" t="s">
        <v>16857</v>
      </c>
      <c r="J5036" s="1" t="s">
        <v>19693</v>
      </c>
    </row>
    <row r="5037" spans="1:10" x14ac:dyDescent="0.35">
      <c r="A5037" s="1" t="s">
        <v>19616</v>
      </c>
      <c r="B5037" s="1" t="s">
        <v>16851</v>
      </c>
      <c r="C5037" s="1" t="s">
        <v>105</v>
      </c>
      <c r="D5037" s="1" t="s">
        <v>19694</v>
      </c>
      <c r="E5037" s="1" t="s">
        <v>19695</v>
      </c>
      <c r="F5037" s="1" t="s">
        <v>19696</v>
      </c>
      <c r="G5037" s="1" t="s">
        <v>19620</v>
      </c>
      <c r="H5037" s="1" t="s">
        <v>19621</v>
      </c>
      <c r="I5037" s="1" t="s">
        <v>16857</v>
      </c>
      <c r="J5037" s="1" t="s">
        <v>19697</v>
      </c>
    </row>
    <row r="5038" spans="1:10" x14ac:dyDescent="0.35">
      <c r="A5038" s="1" t="s">
        <v>19616</v>
      </c>
      <c r="B5038" s="1" t="s">
        <v>16851</v>
      </c>
      <c r="C5038" s="1" t="s">
        <v>110</v>
      </c>
      <c r="D5038" s="1" t="s">
        <v>19698</v>
      </c>
      <c r="E5038" s="1" t="s">
        <v>19699</v>
      </c>
      <c r="F5038" s="1" t="s">
        <v>19700</v>
      </c>
      <c r="G5038" s="1" t="s">
        <v>19620</v>
      </c>
      <c r="H5038" s="1" t="s">
        <v>19621</v>
      </c>
      <c r="I5038" s="1" t="s">
        <v>16857</v>
      </c>
      <c r="J5038" s="1" t="s">
        <v>19701</v>
      </c>
    </row>
    <row r="5039" spans="1:10" x14ac:dyDescent="0.35">
      <c r="A5039" s="1" t="s">
        <v>19616</v>
      </c>
      <c r="B5039" s="1" t="s">
        <v>16851</v>
      </c>
      <c r="C5039" s="1" t="s">
        <v>115</v>
      </c>
      <c r="D5039" s="1" t="s">
        <v>19702</v>
      </c>
      <c r="E5039" s="1" t="s">
        <v>19703</v>
      </c>
      <c r="F5039" s="1" t="s">
        <v>19704</v>
      </c>
      <c r="G5039" s="1" t="s">
        <v>19620</v>
      </c>
      <c r="H5039" s="1" t="s">
        <v>19621</v>
      </c>
      <c r="I5039" s="1" t="s">
        <v>16857</v>
      </c>
      <c r="J5039" s="1" t="s">
        <v>19705</v>
      </c>
    </row>
    <row r="5040" spans="1:10" x14ac:dyDescent="0.35">
      <c r="A5040" s="1" t="s">
        <v>19616</v>
      </c>
      <c r="B5040" s="1" t="s">
        <v>16851</v>
      </c>
      <c r="C5040" s="1" t="s">
        <v>120</v>
      </c>
      <c r="D5040" s="1" t="s">
        <v>19706</v>
      </c>
      <c r="E5040" s="1" t="s">
        <v>19707</v>
      </c>
      <c r="F5040" s="1" t="s">
        <v>19708</v>
      </c>
      <c r="G5040" s="1" t="s">
        <v>19620</v>
      </c>
      <c r="H5040" s="1" t="s">
        <v>19621</v>
      </c>
      <c r="I5040" s="1" t="s">
        <v>16857</v>
      </c>
      <c r="J5040" s="1" t="s">
        <v>19709</v>
      </c>
    </row>
    <row r="5041" spans="1:10" x14ac:dyDescent="0.35">
      <c r="A5041" s="1" t="s">
        <v>19616</v>
      </c>
      <c r="B5041" s="1" t="s">
        <v>16851</v>
      </c>
      <c r="C5041" s="1" t="s">
        <v>125</v>
      </c>
      <c r="D5041" s="1" t="s">
        <v>19710</v>
      </c>
      <c r="E5041" s="1" t="s">
        <v>19711</v>
      </c>
      <c r="F5041" s="1" t="s">
        <v>19712</v>
      </c>
      <c r="G5041" s="1" t="s">
        <v>19620</v>
      </c>
      <c r="H5041" s="1" t="s">
        <v>19621</v>
      </c>
      <c r="I5041" s="1" t="s">
        <v>16857</v>
      </c>
      <c r="J5041" s="1" t="s">
        <v>19713</v>
      </c>
    </row>
    <row r="5042" spans="1:10" x14ac:dyDescent="0.35">
      <c r="A5042" s="1" t="s">
        <v>19616</v>
      </c>
      <c r="B5042" s="1" t="s">
        <v>16851</v>
      </c>
      <c r="C5042" s="1" t="s">
        <v>130</v>
      </c>
      <c r="D5042" s="1" t="s">
        <v>19714</v>
      </c>
      <c r="E5042" s="1" t="s">
        <v>19715</v>
      </c>
      <c r="F5042" s="1" t="s">
        <v>19716</v>
      </c>
      <c r="G5042" s="1" t="s">
        <v>19620</v>
      </c>
      <c r="H5042" s="1" t="s">
        <v>19621</v>
      </c>
      <c r="I5042" s="1" t="s">
        <v>16857</v>
      </c>
      <c r="J5042" s="1" t="s">
        <v>19717</v>
      </c>
    </row>
    <row r="5043" spans="1:10" x14ac:dyDescent="0.35">
      <c r="A5043" s="1" t="s">
        <v>19616</v>
      </c>
      <c r="B5043" s="1" t="s">
        <v>16851</v>
      </c>
      <c r="C5043" s="1" t="s">
        <v>135</v>
      </c>
      <c r="D5043" s="1" t="s">
        <v>19718</v>
      </c>
      <c r="E5043" s="1" t="s">
        <v>19719</v>
      </c>
      <c r="F5043" s="1" t="s">
        <v>19720</v>
      </c>
      <c r="G5043" s="1" t="s">
        <v>19620</v>
      </c>
      <c r="H5043" s="1" t="s">
        <v>19621</v>
      </c>
      <c r="I5043" s="1" t="s">
        <v>16857</v>
      </c>
      <c r="J5043" s="1" t="s">
        <v>19721</v>
      </c>
    </row>
    <row r="5044" spans="1:10" x14ac:dyDescent="0.35">
      <c r="A5044" s="1" t="s">
        <v>19616</v>
      </c>
      <c r="B5044" s="1" t="s">
        <v>16851</v>
      </c>
      <c r="C5044" s="1" t="s">
        <v>140</v>
      </c>
      <c r="D5044" s="1" t="s">
        <v>19722</v>
      </c>
      <c r="E5044" s="1" t="s">
        <v>19723</v>
      </c>
      <c r="F5044" s="1" t="s">
        <v>19724</v>
      </c>
      <c r="G5044" s="1" t="s">
        <v>19620</v>
      </c>
      <c r="H5044" s="1" t="s">
        <v>19621</v>
      </c>
      <c r="I5044" s="1" t="s">
        <v>16857</v>
      </c>
      <c r="J5044" s="1" t="s">
        <v>19725</v>
      </c>
    </row>
    <row r="5045" spans="1:10" x14ac:dyDescent="0.35">
      <c r="A5045" s="1" t="s">
        <v>19616</v>
      </c>
      <c r="B5045" s="1" t="s">
        <v>16851</v>
      </c>
      <c r="C5045" s="1" t="s">
        <v>145</v>
      </c>
      <c r="D5045" s="1" t="s">
        <v>19726</v>
      </c>
      <c r="E5045" s="1" t="s">
        <v>19727</v>
      </c>
      <c r="F5045" s="1" t="s">
        <v>19728</v>
      </c>
      <c r="G5045" s="1" t="s">
        <v>19620</v>
      </c>
      <c r="H5045" s="1" t="s">
        <v>19621</v>
      </c>
      <c r="I5045" s="1" t="s">
        <v>16857</v>
      </c>
      <c r="J5045" s="1" t="s">
        <v>19729</v>
      </c>
    </row>
    <row r="5046" spans="1:10" x14ac:dyDescent="0.35">
      <c r="A5046" s="1" t="s">
        <v>19616</v>
      </c>
      <c r="B5046" s="1" t="s">
        <v>16851</v>
      </c>
      <c r="C5046" s="1" t="s">
        <v>150</v>
      </c>
      <c r="D5046" s="1" t="s">
        <v>19730</v>
      </c>
      <c r="E5046" s="1" t="s">
        <v>19731</v>
      </c>
      <c r="F5046" s="1" t="s">
        <v>19732</v>
      </c>
      <c r="G5046" s="1" t="s">
        <v>19620</v>
      </c>
      <c r="H5046" s="1" t="s">
        <v>19621</v>
      </c>
      <c r="I5046" s="1" t="s">
        <v>16857</v>
      </c>
      <c r="J5046" s="1" t="s">
        <v>19733</v>
      </c>
    </row>
    <row r="5047" spans="1:10" x14ac:dyDescent="0.35">
      <c r="A5047" s="1" t="s">
        <v>19616</v>
      </c>
      <c r="B5047" s="1" t="s">
        <v>16851</v>
      </c>
      <c r="C5047" s="1" t="s">
        <v>155</v>
      </c>
      <c r="D5047" s="1" t="s">
        <v>19734</v>
      </c>
      <c r="E5047" s="1" t="s">
        <v>19735</v>
      </c>
      <c r="F5047" s="1" t="s">
        <v>19736</v>
      </c>
      <c r="G5047" s="1" t="s">
        <v>19620</v>
      </c>
      <c r="H5047" s="1" t="s">
        <v>19621</v>
      </c>
      <c r="I5047" s="1" t="s">
        <v>16857</v>
      </c>
      <c r="J5047" s="1" t="s">
        <v>19737</v>
      </c>
    </row>
    <row r="5048" spans="1:10" x14ac:dyDescent="0.35">
      <c r="A5048" s="1" t="s">
        <v>19616</v>
      </c>
      <c r="B5048" s="1" t="s">
        <v>16851</v>
      </c>
      <c r="C5048" s="1" t="s">
        <v>160</v>
      </c>
      <c r="D5048" s="1" t="s">
        <v>19738</v>
      </c>
      <c r="E5048" s="1" t="s">
        <v>19739</v>
      </c>
      <c r="F5048" s="1" t="s">
        <v>19740</v>
      </c>
      <c r="G5048" s="1" t="s">
        <v>19620</v>
      </c>
      <c r="H5048" s="1" t="s">
        <v>19621</v>
      </c>
      <c r="I5048" s="1" t="s">
        <v>16857</v>
      </c>
      <c r="J5048" s="1" t="s">
        <v>19741</v>
      </c>
    </row>
    <row r="5049" spans="1:10" x14ac:dyDescent="0.35">
      <c r="A5049" s="1" t="s">
        <v>19616</v>
      </c>
      <c r="B5049" s="1" t="s">
        <v>16851</v>
      </c>
      <c r="C5049" s="1" t="s">
        <v>165</v>
      </c>
      <c r="D5049" s="1" t="s">
        <v>19742</v>
      </c>
      <c r="E5049" s="1" t="s">
        <v>19743</v>
      </c>
      <c r="F5049" s="1" t="s">
        <v>19744</v>
      </c>
      <c r="G5049" s="1" t="s">
        <v>19620</v>
      </c>
      <c r="H5049" s="1" t="s">
        <v>19621</v>
      </c>
      <c r="I5049" s="1" t="s">
        <v>16857</v>
      </c>
      <c r="J5049" s="1" t="s">
        <v>19745</v>
      </c>
    </row>
    <row r="5050" spans="1:10" x14ac:dyDescent="0.35">
      <c r="A5050" s="1" t="s">
        <v>19616</v>
      </c>
      <c r="B5050" s="1" t="s">
        <v>16851</v>
      </c>
      <c r="C5050" s="1" t="s">
        <v>170</v>
      </c>
      <c r="D5050" s="1" t="s">
        <v>19746</v>
      </c>
      <c r="E5050" s="1" t="s">
        <v>19747</v>
      </c>
      <c r="F5050" s="1" t="s">
        <v>19748</v>
      </c>
      <c r="G5050" s="1" t="s">
        <v>19620</v>
      </c>
      <c r="H5050" s="1" t="s">
        <v>19621</v>
      </c>
      <c r="I5050" s="1" t="s">
        <v>16857</v>
      </c>
      <c r="J5050" s="1" t="s">
        <v>19749</v>
      </c>
    </row>
    <row r="5051" spans="1:10" x14ac:dyDescent="0.35">
      <c r="A5051" s="1" t="s">
        <v>19750</v>
      </c>
      <c r="B5051" s="1" t="s">
        <v>16851</v>
      </c>
      <c r="C5051" s="1" t="s">
        <v>8</v>
      </c>
      <c r="D5051" s="1" t="s">
        <v>17198</v>
      </c>
      <c r="E5051" s="1" t="s">
        <v>19751</v>
      </c>
      <c r="F5051" s="1" t="s">
        <v>19752</v>
      </c>
      <c r="G5051" s="1" t="s">
        <v>19753</v>
      </c>
      <c r="H5051" s="1" t="s">
        <v>19754</v>
      </c>
      <c r="I5051" s="1" t="s">
        <v>16857</v>
      </c>
      <c r="J5051" s="1" t="s">
        <v>13</v>
      </c>
    </row>
    <row r="5052" spans="1:10" x14ac:dyDescent="0.35">
      <c r="A5052" s="1" t="s">
        <v>19750</v>
      </c>
      <c r="B5052" s="1" t="s">
        <v>16851</v>
      </c>
      <c r="C5052" s="1" t="s">
        <v>15</v>
      </c>
      <c r="D5052" s="1" t="s">
        <v>19755</v>
      </c>
      <c r="E5052" s="1" t="s">
        <v>19756</v>
      </c>
      <c r="F5052" s="1" t="s">
        <v>19757</v>
      </c>
      <c r="G5052" s="1" t="s">
        <v>19753</v>
      </c>
      <c r="H5052" s="1" t="s">
        <v>19754</v>
      </c>
      <c r="I5052" s="1" t="s">
        <v>16857</v>
      </c>
      <c r="J5052" s="1" t="s">
        <v>19758</v>
      </c>
    </row>
    <row r="5053" spans="1:10" x14ac:dyDescent="0.35">
      <c r="A5053" s="1" t="s">
        <v>19750</v>
      </c>
      <c r="B5053" s="1" t="s">
        <v>16851</v>
      </c>
      <c r="C5053" s="1" t="s">
        <v>20</v>
      </c>
      <c r="D5053" s="1" t="s">
        <v>837</v>
      </c>
      <c r="E5053" s="1" t="s">
        <v>19759</v>
      </c>
      <c r="F5053" s="1" t="s">
        <v>19760</v>
      </c>
      <c r="G5053" s="1" t="s">
        <v>19753</v>
      </c>
      <c r="H5053" s="1" t="s">
        <v>19754</v>
      </c>
      <c r="I5053" s="1" t="s">
        <v>16857</v>
      </c>
      <c r="J5053" s="1" t="s">
        <v>19761</v>
      </c>
    </row>
    <row r="5054" spans="1:10" x14ac:dyDescent="0.35">
      <c r="A5054" s="1" t="s">
        <v>19750</v>
      </c>
      <c r="B5054" s="1" t="s">
        <v>16851</v>
      </c>
      <c r="C5054" s="1" t="s">
        <v>25</v>
      </c>
      <c r="D5054" s="1" t="s">
        <v>19762</v>
      </c>
      <c r="E5054" s="1" t="s">
        <v>19763</v>
      </c>
      <c r="F5054" s="1" t="s">
        <v>19764</v>
      </c>
      <c r="G5054" s="1" t="s">
        <v>19753</v>
      </c>
      <c r="H5054" s="1" t="s">
        <v>19754</v>
      </c>
      <c r="I5054" s="1" t="s">
        <v>16857</v>
      </c>
      <c r="J5054" s="1" t="s">
        <v>19765</v>
      </c>
    </row>
    <row r="5055" spans="1:10" x14ac:dyDescent="0.35">
      <c r="A5055" s="1" t="s">
        <v>19750</v>
      </c>
      <c r="B5055" s="1" t="s">
        <v>16851</v>
      </c>
      <c r="C5055" s="1" t="s">
        <v>30</v>
      </c>
      <c r="D5055" s="1" t="s">
        <v>19766</v>
      </c>
      <c r="E5055" s="1" t="s">
        <v>19767</v>
      </c>
      <c r="F5055" s="1" t="s">
        <v>19768</v>
      </c>
      <c r="G5055" s="1" t="s">
        <v>19753</v>
      </c>
      <c r="H5055" s="1" t="s">
        <v>19754</v>
      </c>
      <c r="I5055" s="1" t="s">
        <v>16857</v>
      </c>
      <c r="J5055" s="1" t="s">
        <v>19769</v>
      </c>
    </row>
    <row r="5056" spans="1:10" x14ac:dyDescent="0.35">
      <c r="A5056" s="1" t="s">
        <v>19750</v>
      </c>
      <c r="B5056" s="1" t="s">
        <v>16851</v>
      </c>
      <c r="C5056" s="1" t="s">
        <v>35</v>
      </c>
      <c r="D5056" s="1" t="s">
        <v>19770</v>
      </c>
      <c r="E5056" s="1" t="s">
        <v>19771</v>
      </c>
      <c r="F5056" s="1" t="s">
        <v>19772</v>
      </c>
      <c r="G5056" s="1" t="s">
        <v>19753</v>
      </c>
      <c r="H5056" s="1" t="s">
        <v>19754</v>
      </c>
      <c r="I5056" s="1" t="s">
        <v>16857</v>
      </c>
      <c r="J5056" s="1" t="s">
        <v>19773</v>
      </c>
    </row>
    <row r="5057" spans="1:10" x14ac:dyDescent="0.35">
      <c r="A5057" s="1" t="s">
        <v>19750</v>
      </c>
      <c r="B5057" s="1" t="s">
        <v>16851</v>
      </c>
      <c r="C5057" s="1" t="s">
        <v>40</v>
      </c>
      <c r="D5057" s="1" t="s">
        <v>19774</v>
      </c>
      <c r="E5057" s="1" t="s">
        <v>19775</v>
      </c>
      <c r="F5057" s="1" t="s">
        <v>19776</v>
      </c>
      <c r="G5057" s="1" t="s">
        <v>19753</v>
      </c>
      <c r="H5057" s="1" t="s">
        <v>19754</v>
      </c>
      <c r="I5057" s="1" t="s">
        <v>16857</v>
      </c>
      <c r="J5057" s="1" t="s">
        <v>19777</v>
      </c>
    </row>
    <row r="5058" spans="1:10" x14ac:dyDescent="0.35">
      <c r="A5058" s="1" t="s">
        <v>19750</v>
      </c>
      <c r="B5058" s="1" t="s">
        <v>16851</v>
      </c>
      <c r="C5058" s="1" t="s">
        <v>45</v>
      </c>
      <c r="D5058" s="1" t="s">
        <v>19778</v>
      </c>
      <c r="E5058" s="1" t="s">
        <v>19779</v>
      </c>
      <c r="F5058" s="1" t="s">
        <v>19780</v>
      </c>
      <c r="G5058" s="1" t="s">
        <v>19753</v>
      </c>
      <c r="H5058" s="1" t="s">
        <v>19754</v>
      </c>
      <c r="I5058" s="1" t="s">
        <v>16857</v>
      </c>
      <c r="J5058" s="1" t="s">
        <v>19781</v>
      </c>
    </row>
    <row r="5059" spans="1:10" x14ac:dyDescent="0.35">
      <c r="A5059" s="1" t="s">
        <v>19750</v>
      </c>
      <c r="B5059" s="1" t="s">
        <v>16851</v>
      </c>
      <c r="C5059" s="1" t="s">
        <v>50</v>
      </c>
      <c r="D5059" s="1" t="s">
        <v>19782</v>
      </c>
      <c r="E5059" s="1" t="s">
        <v>19783</v>
      </c>
      <c r="F5059" s="1" t="s">
        <v>19784</v>
      </c>
      <c r="G5059" s="1" t="s">
        <v>19753</v>
      </c>
      <c r="H5059" s="1" t="s">
        <v>19754</v>
      </c>
      <c r="I5059" s="1" t="s">
        <v>16857</v>
      </c>
      <c r="J5059" s="1" t="s">
        <v>19785</v>
      </c>
    </row>
    <row r="5060" spans="1:10" x14ac:dyDescent="0.35">
      <c r="A5060" s="1" t="s">
        <v>19750</v>
      </c>
      <c r="B5060" s="1" t="s">
        <v>16851</v>
      </c>
      <c r="C5060" s="1" t="s">
        <v>55</v>
      </c>
      <c r="D5060" s="1" t="s">
        <v>19786</v>
      </c>
      <c r="E5060" s="1" t="s">
        <v>19787</v>
      </c>
      <c r="F5060" s="1" t="s">
        <v>19788</v>
      </c>
      <c r="G5060" s="1" t="s">
        <v>19753</v>
      </c>
      <c r="H5060" s="1" t="s">
        <v>19754</v>
      </c>
      <c r="I5060" s="1" t="s">
        <v>16857</v>
      </c>
      <c r="J5060" s="1" t="s">
        <v>19789</v>
      </c>
    </row>
    <row r="5061" spans="1:10" x14ac:dyDescent="0.35">
      <c r="A5061" s="1" t="s">
        <v>19750</v>
      </c>
      <c r="B5061" s="1" t="s">
        <v>16851</v>
      </c>
      <c r="C5061" s="1" t="s">
        <v>60</v>
      </c>
      <c r="D5061" s="1" t="s">
        <v>19790</v>
      </c>
      <c r="E5061" s="1" t="s">
        <v>19791</v>
      </c>
      <c r="F5061" s="1" t="s">
        <v>19792</v>
      </c>
      <c r="G5061" s="1" t="s">
        <v>19753</v>
      </c>
      <c r="H5061" s="1" t="s">
        <v>19754</v>
      </c>
      <c r="I5061" s="1" t="s">
        <v>16857</v>
      </c>
      <c r="J5061" s="1" t="s">
        <v>19793</v>
      </c>
    </row>
    <row r="5062" spans="1:10" x14ac:dyDescent="0.35">
      <c r="A5062" s="1" t="s">
        <v>19750</v>
      </c>
      <c r="B5062" s="1" t="s">
        <v>16851</v>
      </c>
      <c r="C5062" s="1" t="s">
        <v>65</v>
      </c>
      <c r="D5062" s="1" t="s">
        <v>19794</v>
      </c>
      <c r="E5062" s="1" t="s">
        <v>19795</v>
      </c>
      <c r="F5062" s="1" t="s">
        <v>19796</v>
      </c>
      <c r="G5062" s="1" t="s">
        <v>19753</v>
      </c>
      <c r="H5062" s="1" t="s">
        <v>19754</v>
      </c>
      <c r="I5062" s="1" t="s">
        <v>16857</v>
      </c>
      <c r="J5062" s="1" t="s">
        <v>19797</v>
      </c>
    </row>
    <row r="5063" spans="1:10" x14ac:dyDescent="0.35">
      <c r="A5063" s="1" t="s">
        <v>19750</v>
      </c>
      <c r="B5063" s="1" t="s">
        <v>16851</v>
      </c>
      <c r="C5063" s="1" t="s">
        <v>70</v>
      </c>
      <c r="D5063" s="1" t="s">
        <v>19798</v>
      </c>
      <c r="E5063" s="1" t="s">
        <v>19799</v>
      </c>
      <c r="F5063" s="1" t="s">
        <v>19800</v>
      </c>
      <c r="G5063" s="1" t="s">
        <v>19753</v>
      </c>
      <c r="H5063" s="1" t="s">
        <v>19754</v>
      </c>
      <c r="I5063" s="1" t="s">
        <v>16857</v>
      </c>
      <c r="J5063" s="1" t="s">
        <v>19801</v>
      </c>
    </row>
    <row r="5064" spans="1:10" x14ac:dyDescent="0.35">
      <c r="A5064" s="1" t="s">
        <v>19750</v>
      </c>
      <c r="B5064" s="1" t="s">
        <v>16851</v>
      </c>
      <c r="C5064" s="1" t="s">
        <v>75</v>
      </c>
      <c r="D5064" s="1" t="s">
        <v>19802</v>
      </c>
      <c r="E5064" s="1" t="s">
        <v>19803</v>
      </c>
      <c r="F5064" s="1" t="s">
        <v>19804</v>
      </c>
      <c r="G5064" s="1" t="s">
        <v>19753</v>
      </c>
      <c r="H5064" s="1" t="s">
        <v>19754</v>
      </c>
      <c r="I5064" s="1" t="s">
        <v>16857</v>
      </c>
      <c r="J5064" s="1" t="s">
        <v>19805</v>
      </c>
    </row>
    <row r="5065" spans="1:10" x14ac:dyDescent="0.35">
      <c r="A5065" s="1" t="s">
        <v>19750</v>
      </c>
      <c r="B5065" s="1" t="s">
        <v>16851</v>
      </c>
      <c r="C5065" s="1" t="s">
        <v>80</v>
      </c>
      <c r="D5065" s="1" t="s">
        <v>19806</v>
      </c>
      <c r="E5065" s="1" t="s">
        <v>19807</v>
      </c>
      <c r="F5065" s="1" t="s">
        <v>19808</v>
      </c>
      <c r="G5065" s="1" t="s">
        <v>19753</v>
      </c>
      <c r="H5065" s="1" t="s">
        <v>19754</v>
      </c>
      <c r="I5065" s="1" t="s">
        <v>16857</v>
      </c>
      <c r="J5065" s="1" t="s">
        <v>19809</v>
      </c>
    </row>
    <row r="5066" spans="1:10" x14ac:dyDescent="0.35">
      <c r="A5066" s="1" t="s">
        <v>19750</v>
      </c>
      <c r="B5066" s="1" t="s">
        <v>16851</v>
      </c>
      <c r="C5066" s="1" t="s">
        <v>85</v>
      </c>
      <c r="D5066" s="1" t="s">
        <v>19810</v>
      </c>
      <c r="E5066" s="1" t="s">
        <v>19811</v>
      </c>
      <c r="F5066" s="1" t="s">
        <v>19812</v>
      </c>
      <c r="G5066" s="1" t="s">
        <v>19753</v>
      </c>
      <c r="H5066" s="1" t="s">
        <v>19754</v>
      </c>
      <c r="I5066" s="1" t="s">
        <v>16857</v>
      </c>
      <c r="J5066" s="1" t="s">
        <v>19813</v>
      </c>
    </row>
    <row r="5067" spans="1:10" x14ac:dyDescent="0.35">
      <c r="A5067" s="1" t="s">
        <v>19750</v>
      </c>
      <c r="B5067" s="1" t="s">
        <v>16851</v>
      </c>
      <c r="C5067" s="1" t="s">
        <v>90</v>
      </c>
      <c r="D5067" s="1" t="s">
        <v>19814</v>
      </c>
      <c r="E5067" s="1" t="s">
        <v>19815</v>
      </c>
      <c r="F5067" s="1" t="s">
        <v>19816</v>
      </c>
      <c r="G5067" s="1" t="s">
        <v>19753</v>
      </c>
      <c r="H5067" s="1" t="s">
        <v>19754</v>
      </c>
      <c r="I5067" s="1" t="s">
        <v>16857</v>
      </c>
      <c r="J5067" s="1" t="s">
        <v>19817</v>
      </c>
    </row>
    <row r="5068" spans="1:10" x14ac:dyDescent="0.35">
      <c r="A5068" s="1" t="s">
        <v>19750</v>
      </c>
      <c r="B5068" s="1" t="s">
        <v>16851</v>
      </c>
      <c r="C5068" s="1" t="s">
        <v>95</v>
      </c>
      <c r="D5068" s="1" t="s">
        <v>19818</v>
      </c>
      <c r="E5068" s="1" t="s">
        <v>19819</v>
      </c>
      <c r="F5068" s="1" t="s">
        <v>19820</v>
      </c>
      <c r="G5068" s="1" t="s">
        <v>19753</v>
      </c>
      <c r="H5068" s="1" t="s">
        <v>19754</v>
      </c>
      <c r="I5068" s="1" t="s">
        <v>16857</v>
      </c>
      <c r="J5068" s="1" t="s">
        <v>19821</v>
      </c>
    </row>
    <row r="5069" spans="1:10" x14ac:dyDescent="0.35">
      <c r="A5069" s="1" t="s">
        <v>19750</v>
      </c>
      <c r="B5069" s="1" t="s">
        <v>16851</v>
      </c>
      <c r="C5069" s="1" t="s">
        <v>100</v>
      </c>
      <c r="D5069" s="1" t="s">
        <v>19822</v>
      </c>
      <c r="E5069" s="1" t="s">
        <v>19823</v>
      </c>
      <c r="F5069" s="1" t="s">
        <v>19824</v>
      </c>
      <c r="G5069" s="1" t="s">
        <v>19753</v>
      </c>
      <c r="H5069" s="1" t="s">
        <v>19754</v>
      </c>
      <c r="I5069" s="1" t="s">
        <v>16857</v>
      </c>
      <c r="J5069" s="1" t="s">
        <v>19825</v>
      </c>
    </row>
    <row r="5070" spans="1:10" x14ac:dyDescent="0.35">
      <c r="A5070" s="1" t="s">
        <v>19750</v>
      </c>
      <c r="B5070" s="1" t="s">
        <v>16851</v>
      </c>
      <c r="C5070" s="1" t="s">
        <v>105</v>
      </c>
      <c r="D5070" s="1" t="s">
        <v>19826</v>
      </c>
      <c r="E5070" s="1" t="s">
        <v>19827</v>
      </c>
      <c r="F5070" s="1" t="s">
        <v>19828</v>
      </c>
      <c r="G5070" s="1" t="s">
        <v>19753</v>
      </c>
      <c r="H5070" s="1" t="s">
        <v>19754</v>
      </c>
      <c r="I5070" s="1" t="s">
        <v>16857</v>
      </c>
      <c r="J5070" s="1" t="s">
        <v>19829</v>
      </c>
    </row>
    <row r="5071" spans="1:10" x14ac:dyDescent="0.35">
      <c r="A5071" s="1" t="s">
        <v>19750</v>
      </c>
      <c r="B5071" s="1" t="s">
        <v>16851</v>
      </c>
      <c r="C5071" s="1" t="s">
        <v>110</v>
      </c>
      <c r="D5071" s="1" t="s">
        <v>18899</v>
      </c>
      <c r="E5071" s="1" t="s">
        <v>19830</v>
      </c>
      <c r="F5071" s="1" t="s">
        <v>19831</v>
      </c>
      <c r="G5071" s="1" t="s">
        <v>19753</v>
      </c>
      <c r="H5071" s="1" t="s">
        <v>19754</v>
      </c>
      <c r="I5071" s="1" t="s">
        <v>16857</v>
      </c>
      <c r="J5071" s="1" t="s">
        <v>19832</v>
      </c>
    </row>
    <row r="5072" spans="1:10" x14ac:dyDescent="0.35">
      <c r="A5072" s="1" t="s">
        <v>19750</v>
      </c>
      <c r="B5072" s="1" t="s">
        <v>16851</v>
      </c>
      <c r="C5072" s="1" t="s">
        <v>115</v>
      </c>
      <c r="D5072" s="1" t="s">
        <v>19833</v>
      </c>
      <c r="E5072" s="1" t="s">
        <v>19834</v>
      </c>
      <c r="F5072" s="1" t="s">
        <v>19835</v>
      </c>
      <c r="G5072" s="1" t="s">
        <v>19753</v>
      </c>
      <c r="H5072" s="1" t="s">
        <v>19754</v>
      </c>
      <c r="I5072" s="1" t="s">
        <v>16857</v>
      </c>
      <c r="J5072" s="1" t="s">
        <v>19836</v>
      </c>
    </row>
    <row r="5073" spans="1:10" x14ac:dyDescent="0.35">
      <c r="A5073" s="1" t="s">
        <v>19750</v>
      </c>
      <c r="B5073" s="1" t="s">
        <v>16851</v>
      </c>
      <c r="C5073" s="1" t="s">
        <v>120</v>
      </c>
      <c r="D5073" s="1" t="s">
        <v>19837</v>
      </c>
      <c r="E5073" s="1" t="s">
        <v>19838</v>
      </c>
      <c r="F5073" s="1" t="s">
        <v>19839</v>
      </c>
      <c r="G5073" s="1" t="s">
        <v>19753</v>
      </c>
      <c r="H5073" s="1" t="s">
        <v>19754</v>
      </c>
      <c r="I5073" s="1" t="s">
        <v>16857</v>
      </c>
      <c r="J5073" s="1" t="s">
        <v>19840</v>
      </c>
    </row>
    <row r="5074" spans="1:10" x14ac:dyDescent="0.35">
      <c r="A5074" s="1" t="s">
        <v>19750</v>
      </c>
      <c r="B5074" s="1" t="s">
        <v>16851</v>
      </c>
      <c r="C5074" s="1" t="s">
        <v>125</v>
      </c>
      <c r="D5074" s="1" t="s">
        <v>17451</v>
      </c>
      <c r="E5074" s="1" t="s">
        <v>19841</v>
      </c>
      <c r="F5074" s="1" t="s">
        <v>19842</v>
      </c>
      <c r="G5074" s="1" t="s">
        <v>19753</v>
      </c>
      <c r="H5074" s="1" t="s">
        <v>19754</v>
      </c>
      <c r="I5074" s="1" t="s">
        <v>16857</v>
      </c>
      <c r="J5074" s="1" t="s">
        <v>19843</v>
      </c>
    </row>
    <row r="5075" spans="1:10" x14ac:dyDescent="0.35">
      <c r="A5075" s="1" t="s">
        <v>19750</v>
      </c>
      <c r="B5075" s="1" t="s">
        <v>16851</v>
      </c>
      <c r="C5075" s="1" t="s">
        <v>130</v>
      </c>
      <c r="D5075" s="1" t="s">
        <v>19844</v>
      </c>
      <c r="E5075" s="1" t="s">
        <v>19845</v>
      </c>
      <c r="F5075" s="1" t="s">
        <v>19846</v>
      </c>
      <c r="G5075" s="1" t="s">
        <v>19753</v>
      </c>
      <c r="H5075" s="1" t="s">
        <v>19754</v>
      </c>
      <c r="I5075" s="1" t="s">
        <v>16857</v>
      </c>
      <c r="J5075" s="1" t="s">
        <v>19847</v>
      </c>
    </row>
    <row r="5076" spans="1:10" x14ac:dyDescent="0.35">
      <c r="A5076" s="1" t="s">
        <v>19750</v>
      </c>
      <c r="B5076" s="1" t="s">
        <v>16851</v>
      </c>
      <c r="C5076" s="1" t="s">
        <v>135</v>
      </c>
      <c r="D5076" s="1" t="s">
        <v>19848</v>
      </c>
      <c r="E5076" s="1" t="s">
        <v>19849</v>
      </c>
      <c r="F5076" s="1" t="s">
        <v>19850</v>
      </c>
      <c r="G5076" s="1" t="s">
        <v>19753</v>
      </c>
      <c r="H5076" s="1" t="s">
        <v>19754</v>
      </c>
      <c r="I5076" s="1" t="s">
        <v>16857</v>
      </c>
      <c r="J5076" s="1" t="s">
        <v>19851</v>
      </c>
    </row>
    <row r="5077" spans="1:10" x14ac:dyDescent="0.35">
      <c r="A5077" s="1" t="s">
        <v>19750</v>
      </c>
      <c r="B5077" s="1" t="s">
        <v>16851</v>
      </c>
      <c r="C5077" s="1" t="s">
        <v>140</v>
      </c>
      <c r="D5077" s="1" t="s">
        <v>19852</v>
      </c>
      <c r="E5077" s="1" t="s">
        <v>19853</v>
      </c>
      <c r="F5077" s="1" t="s">
        <v>19854</v>
      </c>
      <c r="G5077" s="1" t="s">
        <v>19753</v>
      </c>
      <c r="H5077" s="1" t="s">
        <v>19754</v>
      </c>
      <c r="I5077" s="1" t="s">
        <v>16857</v>
      </c>
      <c r="J5077" s="1" t="s">
        <v>19855</v>
      </c>
    </row>
    <row r="5078" spans="1:10" x14ac:dyDescent="0.35">
      <c r="A5078" s="1" t="s">
        <v>19750</v>
      </c>
      <c r="B5078" s="1" t="s">
        <v>16851</v>
      </c>
      <c r="C5078" s="1" t="s">
        <v>145</v>
      </c>
      <c r="D5078" s="1" t="s">
        <v>19856</v>
      </c>
      <c r="E5078" s="1" t="s">
        <v>19857</v>
      </c>
      <c r="F5078" s="1" t="s">
        <v>19858</v>
      </c>
      <c r="G5078" s="1" t="s">
        <v>19753</v>
      </c>
      <c r="H5078" s="1" t="s">
        <v>19754</v>
      </c>
      <c r="I5078" s="1" t="s">
        <v>16857</v>
      </c>
      <c r="J5078" s="1" t="s">
        <v>19859</v>
      </c>
    </row>
    <row r="5079" spans="1:10" x14ac:dyDescent="0.35">
      <c r="A5079" s="1" t="s">
        <v>19750</v>
      </c>
      <c r="B5079" s="1" t="s">
        <v>16851</v>
      </c>
      <c r="C5079" s="1" t="s">
        <v>150</v>
      </c>
      <c r="D5079" s="1" t="s">
        <v>19860</v>
      </c>
      <c r="E5079" s="1" t="s">
        <v>19861</v>
      </c>
      <c r="F5079" s="1" t="s">
        <v>19862</v>
      </c>
      <c r="G5079" s="1" t="s">
        <v>19753</v>
      </c>
      <c r="H5079" s="1" t="s">
        <v>19754</v>
      </c>
      <c r="I5079" s="1" t="s">
        <v>16857</v>
      </c>
      <c r="J5079" s="1" t="s">
        <v>19863</v>
      </c>
    </row>
    <row r="5080" spans="1:10" x14ac:dyDescent="0.35">
      <c r="A5080" s="1" t="s">
        <v>19750</v>
      </c>
      <c r="B5080" s="1" t="s">
        <v>16851</v>
      </c>
      <c r="C5080" s="1" t="s">
        <v>155</v>
      </c>
      <c r="D5080" s="1" t="s">
        <v>19864</v>
      </c>
      <c r="E5080" s="1" t="s">
        <v>19865</v>
      </c>
      <c r="F5080" s="1" t="s">
        <v>19866</v>
      </c>
      <c r="G5080" s="1" t="s">
        <v>19753</v>
      </c>
      <c r="H5080" s="1" t="s">
        <v>19754</v>
      </c>
      <c r="I5080" s="1" t="s">
        <v>16857</v>
      </c>
      <c r="J5080" s="1" t="s">
        <v>19867</v>
      </c>
    </row>
    <row r="5081" spans="1:10" x14ac:dyDescent="0.35">
      <c r="A5081" s="1" t="s">
        <v>19750</v>
      </c>
      <c r="B5081" s="1" t="s">
        <v>16851</v>
      </c>
      <c r="C5081" s="1" t="s">
        <v>160</v>
      </c>
      <c r="D5081" s="1" t="s">
        <v>19868</v>
      </c>
      <c r="E5081" s="1" t="s">
        <v>19869</v>
      </c>
      <c r="F5081" s="1" t="s">
        <v>19870</v>
      </c>
      <c r="G5081" s="1" t="s">
        <v>19753</v>
      </c>
      <c r="H5081" s="1" t="s">
        <v>19754</v>
      </c>
      <c r="I5081" s="1" t="s">
        <v>16857</v>
      </c>
      <c r="J5081" s="1" t="s">
        <v>19871</v>
      </c>
    </row>
    <row r="5082" spans="1:10" x14ac:dyDescent="0.35">
      <c r="A5082" s="1" t="s">
        <v>19750</v>
      </c>
      <c r="B5082" s="1" t="s">
        <v>16851</v>
      </c>
      <c r="C5082" s="1" t="s">
        <v>165</v>
      </c>
      <c r="D5082" s="1" t="s">
        <v>17417</v>
      </c>
      <c r="E5082" s="1" t="s">
        <v>19872</v>
      </c>
      <c r="F5082" s="1" t="s">
        <v>19873</v>
      </c>
      <c r="G5082" s="1" t="s">
        <v>19753</v>
      </c>
      <c r="H5082" s="1" t="s">
        <v>19754</v>
      </c>
      <c r="I5082" s="1" t="s">
        <v>16857</v>
      </c>
      <c r="J5082" s="1" t="s">
        <v>19874</v>
      </c>
    </row>
    <row r="5083" spans="1:10" x14ac:dyDescent="0.35">
      <c r="A5083" s="1" t="s">
        <v>19750</v>
      </c>
      <c r="B5083" s="1" t="s">
        <v>16851</v>
      </c>
      <c r="C5083" s="1" t="s">
        <v>170</v>
      </c>
      <c r="D5083" s="1" t="s">
        <v>19875</v>
      </c>
      <c r="E5083" s="1" t="s">
        <v>19876</v>
      </c>
      <c r="F5083" s="1" t="s">
        <v>19877</v>
      </c>
      <c r="G5083" s="1" t="s">
        <v>19753</v>
      </c>
      <c r="H5083" s="1" t="s">
        <v>19754</v>
      </c>
      <c r="I5083" s="1" t="s">
        <v>16857</v>
      </c>
      <c r="J5083" s="1" t="s">
        <v>19878</v>
      </c>
    </row>
    <row r="5084" spans="1:10" x14ac:dyDescent="0.35">
      <c r="A5084" s="1" t="s">
        <v>19879</v>
      </c>
      <c r="B5084" s="1" t="s">
        <v>19880</v>
      </c>
      <c r="C5084" s="1" t="s">
        <v>8</v>
      </c>
      <c r="D5084" s="1" t="s">
        <v>19881</v>
      </c>
      <c r="E5084" s="1" t="s">
        <v>19882</v>
      </c>
      <c r="F5084" s="1" t="s">
        <v>19883</v>
      </c>
      <c r="G5084" s="1" t="s">
        <v>19884</v>
      </c>
      <c r="H5084" s="1" t="s">
        <v>19885</v>
      </c>
      <c r="I5084" s="1" t="s">
        <v>19886</v>
      </c>
      <c r="J5084" s="1" t="s">
        <v>13</v>
      </c>
    </row>
    <row r="5085" spans="1:10" x14ac:dyDescent="0.35">
      <c r="A5085" s="1" t="s">
        <v>19879</v>
      </c>
      <c r="B5085" s="1" t="s">
        <v>19880</v>
      </c>
      <c r="C5085" s="1" t="s">
        <v>15</v>
      </c>
      <c r="D5085" s="1" t="s">
        <v>19887</v>
      </c>
      <c r="E5085" s="1" t="s">
        <v>19888</v>
      </c>
      <c r="F5085" s="1" t="s">
        <v>19889</v>
      </c>
      <c r="G5085" s="1" t="s">
        <v>19884</v>
      </c>
      <c r="H5085" s="1" t="s">
        <v>19885</v>
      </c>
      <c r="I5085" s="1" t="s">
        <v>19886</v>
      </c>
      <c r="J5085" s="1" t="s">
        <v>19890</v>
      </c>
    </row>
    <row r="5086" spans="1:10" x14ac:dyDescent="0.35">
      <c r="A5086" s="1" t="s">
        <v>19879</v>
      </c>
      <c r="B5086" s="1" t="s">
        <v>19880</v>
      </c>
      <c r="C5086" s="1" t="s">
        <v>20</v>
      </c>
      <c r="D5086" s="1" t="s">
        <v>19891</v>
      </c>
      <c r="E5086" s="1" t="s">
        <v>19892</v>
      </c>
      <c r="F5086" s="1" t="s">
        <v>19893</v>
      </c>
      <c r="G5086" s="1" t="s">
        <v>19884</v>
      </c>
      <c r="H5086" s="1" t="s">
        <v>19885</v>
      </c>
      <c r="I5086" s="1" t="s">
        <v>19886</v>
      </c>
      <c r="J5086" s="1" t="s">
        <v>19894</v>
      </c>
    </row>
    <row r="5087" spans="1:10" x14ac:dyDescent="0.35">
      <c r="A5087" s="1" t="s">
        <v>19879</v>
      </c>
      <c r="B5087" s="1" t="s">
        <v>19880</v>
      </c>
      <c r="C5087" s="1" t="s">
        <v>25</v>
      </c>
      <c r="D5087" s="1" t="s">
        <v>19895</v>
      </c>
      <c r="E5087" s="1" t="s">
        <v>19896</v>
      </c>
      <c r="F5087" s="1" t="s">
        <v>19897</v>
      </c>
      <c r="G5087" s="1" t="s">
        <v>19884</v>
      </c>
      <c r="H5087" s="1" t="s">
        <v>19885</v>
      </c>
      <c r="I5087" s="1" t="s">
        <v>19886</v>
      </c>
      <c r="J5087" s="1" t="s">
        <v>19898</v>
      </c>
    </row>
    <row r="5088" spans="1:10" x14ac:dyDescent="0.35">
      <c r="A5088" s="1" t="s">
        <v>19879</v>
      </c>
      <c r="B5088" s="1" t="s">
        <v>19880</v>
      </c>
      <c r="C5088" s="1" t="s">
        <v>30</v>
      </c>
      <c r="D5088" s="1" t="s">
        <v>19899</v>
      </c>
      <c r="E5088" s="1" t="s">
        <v>19900</v>
      </c>
      <c r="F5088" s="1" t="s">
        <v>19901</v>
      </c>
      <c r="G5088" s="1" t="s">
        <v>19884</v>
      </c>
      <c r="H5088" s="1" t="s">
        <v>19885</v>
      </c>
      <c r="I5088" s="1" t="s">
        <v>19886</v>
      </c>
      <c r="J5088" s="1" t="s">
        <v>19902</v>
      </c>
    </row>
    <row r="5089" spans="1:10" x14ac:dyDescent="0.35">
      <c r="A5089" s="1" t="s">
        <v>19879</v>
      </c>
      <c r="B5089" s="1" t="s">
        <v>19880</v>
      </c>
      <c r="C5089" s="1" t="s">
        <v>35</v>
      </c>
      <c r="D5089" s="1" t="s">
        <v>19903</v>
      </c>
      <c r="E5089" s="1" t="s">
        <v>19904</v>
      </c>
      <c r="F5089" s="1" t="s">
        <v>19905</v>
      </c>
      <c r="G5089" s="1" t="s">
        <v>19884</v>
      </c>
      <c r="H5089" s="1" t="s">
        <v>19885</v>
      </c>
      <c r="I5089" s="1" t="s">
        <v>19886</v>
      </c>
      <c r="J5089" s="1" t="s">
        <v>19906</v>
      </c>
    </row>
    <row r="5090" spans="1:10" x14ac:dyDescent="0.35">
      <c r="A5090" s="1" t="s">
        <v>19879</v>
      </c>
      <c r="B5090" s="1" t="s">
        <v>19880</v>
      </c>
      <c r="C5090" s="1" t="s">
        <v>40</v>
      </c>
      <c r="D5090" s="1" t="s">
        <v>19907</v>
      </c>
      <c r="E5090" s="1" t="s">
        <v>19908</v>
      </c>
      <c r="F5090" s="1" t="s">
        <v>19909</v>
      </c>
      <c r="G5090" s="1" t="s">
        <v>19884</v>
      </c>
      <c r="H5090" s="1" t="s">
        <v>19885</v>
      </c>
      <c r="I5090" s="1" t="s">
        <v>19886</v>
      </c>
      <c r="J5090" s="1" t="s">
        <v>19910</v>
      </c>
    </row>
    <row r="5091" spans="1:10" x14ac:dyDescent="0.35">
      <c r="A5091" s="1" t="s">
        <v>19879</v>
      </c>
      <c r="B5091" s="1" t="s">
        <v>19880</v>
      </c>
      <c r="C5091" s="1" t="s">
        <v>45</v>
      </c>
      <c r="D5091" s="1" t="s">
        <v>19911</v>
      </c>
      <c r="E5091" s="1" t="s">
        <v>19912</v>
      </c>
      <c r="F5091" s="1" t="s">
        <v>19913</v>
      </c>
      <c r="G5091" s="1" t="s">
        <v>19884</v>
      </c>
      <c r="H5091" s="1" t="s">
        <v>19885</v>
      </c>
      <c r="I5091" s="1" t="s">
        <v>19886</v>
      </c>
      <c r="J5091" s="1" t="s">
        <v>19914</v>
      </c>
    </row>
    <row r="5092" spans="1:10" x14ac:dyDescent="0.35">
      <c r="A5092" s="1" t="s">
        <v>19879</v>
      </c>
      <c r="B5092" s="1" t="s">
        <v>19880</v>
      </c>
      <c r="C5092" s="1" t="s">
        <v>50</v>
      </c>
      <c r="D5092" s="1" t="s">
        <v>19915</v>
      </c>
      <c r="E5092" s="1" t="s">
        <v>19916</v>
      </c>
      <c r="F5092" s="1" t="s">
        <v>19917</v>
      </c>
      <c r="G5092" s="1" t="s">
        <v>19884</v>
      </c>
      <c r="H5092" s="1" t="s">
        <v>19885</v>
      </c>
      <c r="I5092" s="1" t="s">
        <v>19886</v>
      </c>
      <c r="J5092" s="1" t="s">
        <v>19918</v>
      </c>
    </row>
    <row r="5093" spans="1:10" x14ac:dyDescent="0.35">
      <c r="A5093" s="1" t="s">
        <v>19879</v>
      </c>
      <c r="B5093" s="1" t="s">
        <v>19880</v>
      </c>
      <c r="C5093" s="1" t="s">
        <v>55</v>
      </c>
      <c r="D5093" s="1" t="s">
        <v>19919</v>
      </c>
      <c r="E5093" s="1" t="s">
        <v>19920</v>
      </c>
      <c r="F5093" s="1" t="s">
        <v>19921</v>
      </c>
      <c r="G5093" s="1" t="s">
        <v>19884</v>
      </c>
      <c r="H5093" s="1" t="s">
        <v>19885</v>
      </c>
      <c r="I5093" s="1" t="s">
        <v>19886</v>
      </c>
      <c r="J5093" s="1" t="s">
        <v>19922</v>
      </c>
    </row>
    <row r="5094" spans="1:10" x14ac:dyDescent="0.35">
      <c r="A5094" s="1" t="s">
        <v>19879</v>
      </c>
      <c r="B5094" s="1" t="s">
        <v>19880</v>
      </c>
      <c r="C5094" s="1" t="s">
        <v>60</v>
      </c>
      <c r="D5094" s="1" t="s">
        <v>19923</v>
      </c>
      <c r="E5094" s="1" t="s">
        <v>19924</v>
      </c>
      <c r="F5094" s="1" t="s">
        <v>19925</v>
      </c>
      <c r="G5094" s="1" t="s">
        <v>19884</v>
      </c>
      <c r="H5094" s="1" t="s">
        <v>19885</v>
      </c>
      <c r="I5094" s="1" t="s">
        <v>19886</v>
      </c>
      <c r="J5094" s="1" t="s">
        <v>19926</v>
      </c>
    </row>
    <row r="5095" spans="1:10" x14ac:dyDescent="0.35">
      <c r="A5095" s="1" t="s">
        <v>19879</v>
      </c>
      <c r="B5095" s="1" t="s">
        <v>19880</v>
      </c>
      <c r="C5095" s="1" t="s">
        <v>65</v>
      </c>
      <c r="D5095" s="1" t="s">
        <v>19927</v>
      </c>
      <c r="E5095" s="1" t="s">
        <v>19928</v>
      </c>
      <c r="F5095" s="1" t="s">
        <v>19929</v>
      </c>
      <c r="G5095" s="1" t="s">
        <v>19884</v>
      </c>
      <c r="H5095" s="1" t="s">
        <v>19885</v>
      </c>
      <c r="I5095" s="1" t="s">
        <v>19886</v>
      </c>
      <c r="J5095" s="1" t="s">
        <v>19930</v>
      </c>
    </row>
    <row r="5096" spans="1:10" x14ac:dyDescent="0.35">
      <c r="A5096" s="1" t="s">
        <v>19879</v>
      </c>
      <c r="B5096" s="1" t="s">
        <v>19880</v>
      </c>
      <c r="C5096" s="1" t="s">
        <v>70</v>
      </c>
      <c r="D5096" s="1" t="s">
        <v>19931</v>
      </c>
      <c r="E5096" s="1" t="s">
        <v>19932</v>
      </c>
      <c r="F5096" s="1" t="s">
        <v>19933</v>
      </c>
      <c r="G5096" s="1" t="s">
        <v>19884</v>
      </c>
      <c r="H5096" s="1" t="s">
        <v>19885</v>
      </c>
      <c r="I5096" s="1" t="s">
        <v>19886</v>
      </c>
      <c r="J5096" s="1" t="s">
        <v>19934</v>
      </c>
    </row>
    <row r="5097" spans="1:10" x14ac:dyDescent="0.35">
      <c r="A5097" s="1" t="s">
        <v>19879</v>
      </c>
      <c r="B5097" s="1" t="s">
        <v>19880</v>
      </c>
      <c r="C5097" s="1" t="s">
        <v>75</v>
      </c>
      <c r="D5097" s="1" t="s">
        <v>19935</v>
      </c>
      <c r="E5097" s="1" t="s">
        <v>19936</v>
      </c>
      <c r="F5097" s="1" t="s">
        <v>19937</v>
      </c>
      <c r="G5097" s="1" t="s">
        <v>19884</v>
      </c>
      <c r="H5097" s="1" t="s">
        <v>19885</v>
      </c>
      <c r="I5097" s="1" t="s">
        <v>19886</v>
      </c>
      <c r="J5097" s="1" t="s">
        <v>19938</v>
      </c>
    </row>
    <row r="5098" spans="1:10" x14ac:dyDescent="0.35">
      <c r="A5098" s="1" t="s">
        <v>19879</v>
      </c>
      <c r="B5098" s="1" t="s">
        <v>19880</v>
      </c>
      <c r="C5098" s="1" t="s">
        <v>80</v>
      </c>
      <c r="D5098" s="1" t="s">
        <v>19939</v>
      </c>
      <c r="E5098" s="1" t="s">
        <v>19940</v>
      </c>
      <c r="F5098" s="1" t="s">
        <v>19941</v>
      </c>
      <c r="G5098" s="1" t="s">
        <v>19884</v>
      </c>
      <c r="H5098" s="1" t="s">
        <v>19885</v>
      </c>
      <c r="I5098" s="1" t="s">
        <v>19886</v>
      </c>
      <c r="J5098" s="1" t="s">
        <v>19942</v>
      </c>
    </row>
    <row r="5099" spans="1:10" x14ac:dyDescent="0.35">
      <c r="A5099" s="1" t="s">
        <v>19879</v>
      </c>
      <c r="B5099" s="1" t="s">
        <v>19880</v>
      </c>
      <c r="C5099" s="1" t="s">
        <v>85</v>
      </c>
      <c r="D5099" s="1" t="s">
        <v>19943</v>
      </c>
      <c r="E5099" s="1" t="s">
        <v>19944</v>
      </c>
      <c r="F5099" s="1" t="s">
        <v>19945</v>
      </c>
      <c r="G5099" s="1" t="s">
        <v>19884</v>
      </c>
      <c r="H5099" s="1" t="s">
        <v>19885</v>
      </c>
      <c r="I5099" s="1" t="s">
        <v>19886</v>
      </c>
      <c r="J5099" s="1" t="s">
        <v>19946</v>
      </c>
    </row>
    <row r="5100" spans="1:10" x14ac:dyDescent="0.35">
      <c r="A5100" s="1" t="s">
        <v>19879</v>
      </c>
      <c r="B5100" s="1" t="s">
        <v>19880</v>
      </c>
      <c r="C5100" s="1" t="s">
        <v>90</v>
      </c>
      <c r="D5100" s="1" t="s">
        <v>19947</v>
      </c>
      <c r="E5100" s="1" t="s">
        <v>19948</v>
      </c>
      <c r="F5100" s="1" t="s">
        <v>19949</v>
      </c>
      <c r="G5100" s="1" t="s">
        <v>19884</v>
      </c>
      <c r="H5100" s="1" t="s">
        <v>19885</v>
      </c>
      <c r="I5100" s="1" t="s">
        <v>19886</v>
      </c>
      <c r="J5100" s="1" t="s">
        <v>19950</v>
      </c>
    </row>
    <row r="5101" spans="1:10" x14ac:dyDescent="0.35">
      <c r="A5101" s="1" t="s">
        <v>19879</v>
      </c>
      <c r="B5101" s="1" t="s">
        <v>19880</v>
      </c>
      <c r="C5101" s="1" t="s">
        <v>95</v>
      </c>
      <c r="D5101" s="1" t="s">
        <v>19951</v>
      </c>
      <c r="E5101" s="1" t="s">
        <v>19952</v>
      </c>
      <c r="F5101" s="1" t="s">
        <v>19953</v>
      </c>
      <c r="G5101" s="1" t="s">
        <v>19884</v>
      </c>
      <c r="H5101" s="1" t="s">
        <v>19885</v>
      </c>
      <c r="I5101" s="1" t="s">
        <v>19886</v>
      </c>
      <c r="J5101" s="1" t="s">
        <v>19954</v>
      </c>
    </row>
    <row r="5102" spans="1:10" x14ac:dyDescent="0.35">
      <c r="A5102" s="1" t="s">
        <v>19879</v>
      </c>
      <c r="B5102" s="1" t="s">
        <v>19880</v>
      </c>
      <c r="C5102" s="1" t="s">
        <v>100</v>
      </c>
      <c r="D5102" s="1" t="s">
        <v>19955</v>
      </c>
      <c r="E5102" s="1" t="s">
        <v>19956</v>
      </c>
      <c r="F5102" s="1" t="s">
        <v>19957</v>
      </c>
      <c r="G5102" s="1" t="s">
        <v>19884</v>
      </c>
      <c r="H5102" s="1" t="s">
        <v>19885</v>
      </c>
      <c r="I5102" s="1" t="s">
        <v>19886</v>
      </c>
      <c r="J5102" s="1" t="s">
        <v>19958</v>
      </c>
    </row>
    <row r="5103" spans="1:10" x14ac:dyDescent="0.35">
      <c r="A5103" s="1" t="s">
        <v>19879</v>
      </c>
      <c r="B5103" s="1" t="s">
        <v>19880</v>
      </c>
      <c r="C5103" s="1" t="s">
        <v>105</v>
      </c>
      <c r="D5103" s="1" t="s">
        <v>19959</v>
      </c>
      <c r="E5103" s="1" t="s">
        <v>19960</v>
      </c>
      <c r="F5103" s="1" t="s">
        <v>19961</v>
      </c>
      <c r="G5103" s="1" t="s">
        <v>19884</v>
      </c>
      <c r="H5103" s="1" t="s">
        <v>19885</v>
      </c>
      <c r="I5103" s="1" t="s">
        <v>19886</v>
      </c>
      <c r="J5103" s="1" t="s">
        <v>19962</v>
      </c>
    </row>
    <row r="5104" spans="1:10" x14ac:dyDescent="0.35">
      <c r="A5104" s="1" t="s">
        <v>19879</v>
      </c>
      <c r="B5104" s="1" t="s">
        <v>19880</v>
      </c>
      <c r="C5104" s="1" t="s">
        <v>110</v>
      </c>
      <c r="D5104" s="1" t="s">
        <v>19963</v>
      </c>
      <c r="E5104" s="1" t="s">
        <v>15656</v>
      </c>
      <c r="F5104" s="1" t="s">
        <v>19964</v>
      </c>
      <c r="G5104" s="1" t="s">
        <v>19884</v>
      </c>
      <c r="H5104" s="1" t="s">
        <v>19885</v>
      </c>
      <c r="I5104" s="1" t="s">
        <v>19886</v>
      </c>
      <c r="J5104" s="1" t="s">
        <v>19965</v>
      </c>
    </row>
    <row r="5105" spans="1:10" x14ac:dyDescent="0.35">
      <c r="A5105" s="1" t="s">
        <v>19879</v>
      </c>
      <c r="B5105" s="1" t="s">
        <v>19880</v>
      </c>
      <c r="C5105" s="1" t="s">
        <v>115</v>
      </c>
      <c r="D5105" s="1" t="s">
        <v>19966</v>
      </c>
      <c r="E5105" s="1" t="s">
        <v>19967</v>
      </c>
      <c r="F5105" s="1" t="s">
        <v>19968</v>
      </c>
      <c r="G5105" s="1" t="s">
        <v>19884</v>
      </c>
      <c r="H5105" s="1" t="s">
        <v>19885</v>
      </c>
      <c r="I5105" s="1" t="s">
        <v>19886</v>
      </c>
      <c r="J5105" s="1" t="s">
        <v>19969</v>
      </c>
    </row>
    <row r="5106" spans="1:10" x14ac:dyDescent="0.35">
      <c r="A5106" s="1" t="s">
        <v>19879</v>
      </c>
      <c r="B5106" s="1" t="s">
        <v>19880</v>
      </c>
      <c r="C5106" s="1" t="s">
        <v>120</v>
      </c>
      <c r="D5106" s="1" t="s">
        <v>19970</v>
      </c>
      <c r="E5106" s="1" t="s">
        <v>15676</v>
      </c>
      <c r="F5106" s="1" t="s">
        <v>19971</v>
      </c>
      <c r="G5106" s="1" t="s">
        <v>19884</v>
      </c>
      <c r="H5106" s="1" t="s">
        <v>19885</v>
      </c>
      <c r="I5106" s="1" t="s">
        <v>19886</v>
      </c>
      <c r="J5106" s="1" t="s">
        <v>19972</v>
      </c>
    </row>
    <row r="5107" spans="1:10" x14ac:dyDescent="0.35">
      <c r="A5107" s="1" t="s">
        <v>19879</v>
      </c>
      <c r="B5107" s="1" t="s">
        <v>19880</v>
      </c>
      <c r="C5107" s="1" t="s">
        <v>125</v>
      </c>
      <c r="D5107" s="1" t="s">
        <v>19973</v>
      </c>
      <c r="E5107" s="1" t="s">
        <v>19974</v>
      </c>
      <c r="F5107" s="1" t="s">
        <v>19975</v>
      </c>
      <c r="G5107" s="1" t="s">
        <v>19884</v>
      </c>
      <c r="H5107" s="1" t="s">
        <v>19885</v>
      </c>
      <c r="I5107" s="1" t="s">
        <v>19886</v>
      </c>
      <c r="J5107" s="1" t="s">
        <v>19976</v>
      </c>
    </row>
    <row r="5108" spans="1:10" x14ac:dyDescent="0.35">
      <c r="A5108" s="1" t="s">
        <v>19879</v>
      </c>
      <c r="B5108" s="1" t="s">
        <v>19880</v>
      </c>
      <c r="C5108" s="1" t="s">
        <v>130</v>
      </c>
      <c r="D5108" s="1" t="s">
        <v>19977</v>
      </c>
      <c r="E5108" s="1" t="s">
        <v>19978</v>
      </c>
      <c r="F5108" s="1" t="s">
        <v>19979</v>
      </c>
      <c r="G5108" s="1" t="s">
        <v>19884</v>
      </c>
      <c r="H5108" s="1" t="s">
        <v>19885</v>
      </c>
      <c r="I5108" s="1" t="s">
        <v>19886</v>
      </c>
      <c r="J5108" s="1" t="s">
        <v>19980</v>
      </c>
    </row>
    <row r="5109" spans="1:10" x14ac:dyDescent="0.35">
      <c r="A5109" s="1" t="s">
        <v>19879</v>
      </c>
      <c r="B5109" s="1" t="s">
        <v>19880</v>
      </c>
      <c r="C5109" s="1" t="s">
        <v>135</v>
      </c>
      <c r="D5109" s="1" t="s">
        <v>19981</v>
      </c>
      <c r="E5109" s="1" t="s">
        <v>19982</v>
      </c>
      <c r="F5109" s="1" t="s">
        <v>19983</v>
      </c>
      <c r="G5109" s="1" t="s">
        <v>19884</v>
      </c>
      <c r="H5109" s="1" t="s">
        <v>19885</v>
      </c>
      <c r="I5109" s="1" t="s">
        <v>19886</v>
      </c>
      <c r="J5109" s="1" t="s">
        <v>19984</v>
      </c>
    </row>
    <row r="5110" spans="1:10" x14ac:dyDescent="0.35">
      <c r="A5110" s="1" t="s">
        <v>19879</v>
      </c>
      <c r="B5110" s="1" t="s">
        <v>19880</v>
      </c>
      <c r="C5110" s="1" t="s">
        <v>140</v>
      </c>
      <c r="D5110" s="1" t="s">
        <v>19985</v>
      </c>
      <c r="E5110" s="1" t="s">
        <v>19986</v>
      </c>
      <c r="F5110" s="1" t="s">
        <v>19987</v>
      </c>
      <c r="G5110" s="1" t="s">
        <v>19884</v>
      </c>
      <c r="H5110" s="1" t="s">
        <v>19885</v>
      </c>
      <c r="I5110" s="1" t="s">
        <v>19886</v>
      </c>
      <c r="J5110" s="1" t="s">
        <v>19988</v>
      </c>
    </row>
    <row r="5111" spans="1:10" x14ac:dyDescent="0.35">
      <c r="A5111" s="1" t="s">
        <v>19879</v>
      </c>
      <c r="B5111" s="1" t="s">
        <v>19880</v>
      </c>
      <c r="C5111" s="1" t="s">
        <v>145</v>
      </c>
      <c r="D5111" s="1" t="s">
        <v>19989</v>
      </c>
      <c r="E5111" s="1" t="s">
        <v>19990</v>
      </c>
      <c r="F5111" s="1" t="s">
        <v>19991</v>
      </c>
      <c r="G5111" s="1" t="s">
        <v>19884</v>
      </c>
      <c r="H5111" s="1" t="s">
        <v>19885</v>
      </c>
      <c r="I5111" s="1" t="s">
        <v>19886</v>
      </c>
      <c r="J5111" s="1" t="s">
        <v>19992</v>
      </c>
    </row>
    <row r="5112" spans="1:10" x14ac:dyDescent="0.35">
      <c r="A5112" s="1" t="s">
        <v>19879</v>
      </c>
      <c r="B5112" s="1" t="s">
        <v>19880</v>
      </c>
      <c r="C5112" s="1" t="s">
        <v>150</v>
      </c>
      <c r="D5112" s="1" t="s">
        <v>19993</v>
      </c>
      <c r="E5112" s="1" t="s">
        <v>19994</v>
      </c>
      <c r="F5112" s="1" t="s">
        <v>19995</v>
      </c>
      <c r="G5112" s="1" t="s">
        <v>19884</v>
      </c>
      <c r="H5112" s="1" t="s">
        <v>19885</v>
      </c>
      <c r="I5112" s="1" t="s">
        <v>19886</v>
      </c>
      <c r="J5112" s="1" t="s">
        <v>19996</v>
      </c>
    </row>
    <row r="5113" spans="1:10" x14ac:dyDescent="0.35">
      <c r="A5113" s="1" t="s">
        <v>19879</v>
      </c>
      <c r="B5113" s="1" t="s">
        <v>19880</v>
      </c>
      <c r="C5113" s="1" t="s">
        <v>155</v>
      </c>
      <c r="D5113" s="1" t="s">
        <v>19997</v>
      </c>
      <c r="E5113" s="1" t="s">
        <v>19998</v>
      </c>
      <c r="F5113" s="1" t="s">
        <v>19999</v>
      </c>
      <c r="G5113" s="1" t="s">
        <v>19884</v>
      </c>
      <c r="H5113" s="1" t="s">
        <v>19885</v>
      </c>
      <c r="I5113" s="1" t="s">
        <v>19886</v>
      </c>
      <c r="J5113" s="1" t="s">
        <v>20000</v>
      </c>
    </row>
    <row r="5114" spans="1:10" x14ac:dyDescent="0.35">
      <c r="A5114" s="1" t="s">
        <v>19879</v>
      </c>
      <c r="B5114" s="1" t="s">
        <v>19880</v>
      </c>
      <c r="C5114" s="1" t="s">
        <v>160</v>
      </c>
      <c r="D5114" s="1" t="s">
        <v>20001</v>
      </c>
      <c r="E5114" s="1" t="s">
        <v>20002</v>
      </c>
      <c r="F5114" s="1" t="s">
        <v>20003</v>
      </c>
      <c r="G5114" s="1" t="s">
        <v>19884</v>
      </c>
      <c r="H5114" s="1" t="s">
        <v>19885</v>
      </c>
      <c r="I5114" s="1" t="s">
        <v>19886</v>
      </c>
      <c r="J5114" s="1" t="s">
        <v>20004</v>
      </c>
    </row>
    <row r="5115" spans="1:10" x14ac:dyDescent="0.35">
      <c r="A5115" s="1" t="s">
        <v>19879</v>
      </c>
      <c r="B5115" s="1" t="s">
        <v>19880</v>
      </c>
      <c r="C5115" s="1" t="s">
        <v>165</v>
      </c>
      <c r="D5115" s="1" t="s">
        <v>20005</v>
      </c>
      <c r="E5115" s="1" t="s">
        <v>20006</v>
      </c>
      <c r="F5115" s="1" t="s">
        <v>20007</v>
      </c>
      <c r="G5115" s="1" t="s">
        <v>19884</v>
      </c>
      <c r="H5115" s="1" t="s">
        <v>19885</v>
      </c>
      <c r="I5115" s="1" t="s">
        <v>19886</v>
      </c>
      <c r="J5115" s="1" t="s">
        <v>20008</v>
      </c>
    </row>
    <row r="5116" spans="1:10" x14ac:dyDescent="0.35">
      <c r="A5116" s="1" t="s">
        <v>19879</v>
      </c>
      <c r="B5116" s="1" t="s">
        <v>19880</v>
      </c>
      <c r="C5116" s="1" t="s">
        <v>170</v>
      </c>
      <c r="D5116" s="1" t="s">
        <v>20009</v>
      </c>
      <c r="E5116" s="1" t="s">
        <v>20010</v>
      </c>
      <c r="F5116" s="1" t="s">
        <v>20011</v>
      </c>
      <c r="G5116" s="1" t="s">
        <v>19884</v>
      </c>
      <c r="H5116" s="1" t="s">
        <v>19885</v>
      </c>
      <c r="I5116" s="1" t="s">
        <v>19886</v>
      </c>
      <c r="J5116" s="1" t="s">
        <v>20012</v>
      </c>
    </row>
    <row r="5117" spans="1:10" x14ac:dyDescent="0.35">
      <c r="A5117" s="1" t="s">
        <v>20013</v>
      </c>
      <c r="B5117" s="1" t="s">
        <v>19880</v>
      </c>
      <c r="C5117" s="1" t="s">
        <v>8</v>
      </c>
      <c r="D5117" s="1" t="s">
        <v>20014</v>
      </c>
      <c r="E5117" s="1" t="s">
        <v>20015</v>
      </c>
      <c r="F5117" s="1" t="s">
        <v>20016</v>
      </c>
      <c r="G5117" s="1" t="s">
        <v>20017</v>
      </c>
      <c r="H5117" s="1" t="s">
        <v>20018</v>
      </c>
      <c r="I5117" s="1" t="s">
        <v>19886</v>
      </c>
      <c r="J5117" s="1" t="s">
        <v>13</v>
      </c>
    </row>
    <row r="5118" spans="1:10" x14ac:dyDescent="0.35">
      <c r="A5118" s="1" t="s">
        <v>20013</v>
      </c>
      <c r="B5118" s="1" t="s">
        <v>19880</v>
      </c>
      <c r="C5118" s="1" t="s">
        <v>15</v>
      </c>
      <c r="D5118" s="1" t="s">
        <v>20019</v>
      </c>
      <c r="E5118" s="1" t="s">
        <v>20020</v>
      </c>
      <c r="F5118" s="1" t="s">
        <v>20021</v>
      </c>
      <c r="G5118" s="1" t="s">
        <v>20017</v>
      </c>
      <c r="H5118" s="1" t="s">
        <v>20018</v>
      </c>
      <c r="I5118" s="1" t="s">
        <v>19886</v>
      </c>
      <c r="J5118" s="1" t="s">
        <v>20022</v>
      </c>
    </row>
    <row r="5119" spans="1:10" x14ac:dyDescent="0.35">
      <c r="A5119" s="1" t="s">
        <v>20013</v>
      </c>
      <c r="B5119" s="1" t="s">
        <v>19880</v>
      </c>
      <c r="C5119" s="1" t="s">
        <v>20</v>
      </c>
      <c r="D5119" s="1" t="s">
        <v>20023</v>
      </c>
      <c r="E5119" s="1" t="s">
        <v>20024</v>
      </c>
      <c r="F5119" s="1" t="s">
        <v>20025</v>
      </c>
      <c r="G5119" s="1" t="s">
        <v>20017</v>
      </c>
      <c r="H5119" s="1" t="s">
        <v>20018</v>
      </c>
      <c r="I5119" s="1" t="s">
        <v>19886</v>
      </c>
      <c r="J5119" s="1" t="s">
        <v>20026</v>
      </c>
    </row>
    <row r="5120" spans="1:10" x14ac:dyDescent="0.35">
      <c r="A5120" s="1" t="s">
        <v>20013</v>
      </c>
      <c r="B5120" s="1" t="s">
        <v>19880</v>
      </c>
      <c r="C5120" s="1" t="s">
        <v>25</v>
      </c>
      <c r="D5120" s="1" t="s">
        <v>20027</v>
      </c>
      <c r="E5120" s="1" t="s">
        <v>20028</v>
      </c>
      <c r="F5120" s="1" t="s">
        <v>20029</v>
      </c>
      <c r="G5120" s="1" t="s">
        <v>20017</v>
      </c>
      <c r="H5120" s="1" t="s">
        <v>20018</v>
      </c>
      <c r="I5120" s="1" t="s">
        <v>19886</v>
      </c>
      <c r="J5120" s="1" t="s">
        <v>20030</v>
      </c>
    </row>
    <row r="5121" spans="1:10" x14ac:dyDescent="0.35">
      <c r="A5121" s="1" t="s">
        <v>20013</v>
      </c>
      <c r="B5121" s="1" t="s">
        <v>19880</v>
      </c>
      <c r="C5121" s="1" t="s">
        <v>30</v>
      </c>
      <c r="D5121" s="1" t="s">
        <v>20031</v>
      </c>
      <c r="E5121" s="1" t="s">
        <v>20032</v>
      </c>
      <c r="F5121" s="1" t="s">
        <v>20033</v>
      </c>
      <c r="G5121" s="1" t="s">
        <v>20017</v>
      </c>
      <c r="H5121" s="1" t="s">
        <v>20018</v>
      </c>
      <c r="I5121" s="1" t="s">
        <v>19886</v>
      </c>
      <c r="J5121" s="1" t="s">
        <v>20034</v>
      </c>
    </row>
    <row r="5122" spans="1:10" x14ac:dyDescent="0.35">
      <c r="A5122" s="1" t="s">
        <v>20013</v>
      </c>
      <c r="B5122" s="1" t="s">
        <v>19880</v>
      </c>
      <c r="C5122" s="1" t="s">
        <v>35</v>
      </c>
      <c r="D5122" s="1" t="s">
        <v>20035</v>
      </c>
      <c r="E5122" s="1" t="s">
        <v>20036</v>
      </c>
      <c r="F5122" s="1" t="s">
        <v>20037</v>
      </c>
      <c r="G5122" s="1" t="s">
        <v>20017</v>
      </c>
      <c r="H5122" s="1" t="s">
        <v>20018</v>
      </c>
      <c r="I5122" s="1" t="s">
        <v>19886</v>
      </c>
      <c r="J5122" s="1" t="s">
        <v>20038</v>
      </c>
    </row>
    <row r="5123" spans="1:10" x14ac:dyDescent="0.35">
      <c r="A5123" s="1" t="s">
        <v>20013</v>
      </c>
      <c r="B5123" s="1" t="s">
        <v>19880</v>
      </c>
      <c r="C5123" s="1" t="s">
        <v>40</v>
      </c>
      <c r="D5123" s="1" t="s">
        <v>20039</v>
      </c>
      <c r="E5123" s="1" t="s">
        <v>20040</v>
      </c>
      <c r="F5123" s="1" t="s">
        <v>20041</v>
      </c>
      <c r="G5123" s="1" t="s">
        <v>20017</v>
      </c>
      <c r="H5123" s="1" t="s">
        <v>20018</v>
      </c>
      <c r="I5123" s="1" t="s">
        <v>19886</v>
      </c>
      <c r="J5123" s="1" t="s">
        <v>20042</v>
      </c>
    </row>
    <row r="5124" spans="1:10" x14ac:dyDescent="0.35">
      <c r="A5124" s="1" t="s">
        <v>20013</v>
      </c>
      <c r="B5124" s="1" t="s">
        <v>19880</v>
      </c>
      <c r="C5124" s="1" t="s">
        <v>45</v>
      </c>
      <c r="D5124" s="1" t="s">
        <v>20043</v>
      </c>
      <c r="E5124" s="1" t="s">
        <v>20044</v>
      </c>
      <c r="F5124" s="1" t="s">
        <v>20045</v>
      </c>
      <c r="G5124" s="1" t="s">
        <v>20017</v>
      </c>
      <c r="H5124" s="1" t="s">
        <v>20018</v>
      </c>
      <c r="I5124" s="1" t="s">
        <v>19886</v>
      </c>
      <c r="J5124" s="1" t="s">
        <v>20046</v>
      </c>
    </row>
    <row r="5125" spans="1:10" x14ac:dyDescent="0.35">
      <c r="A5125" s="1" t="s">
        <v>20013</v>
      </c>
      <c r="B5125" s="1" t="s">
        <v>19880</v>
      </c>
      <c r="C5125" s="1" t="s">
        <v>50</v>
      </c>
      <c r="D5125" s="1" t="s">
        <v>20047</v>
      </c>
      <c r="E5125" s="1" t="s">
        <v>20048</v>
      </c>
      <c r="F5125" s="1" t="s">
        <v>20049</v>
      </c>
      <c r="G5125" s="1" t="s">
        <v>20017</v>
      </c>
      <c r="H5125" s="1" t="s">
        <v>20018</v>
      </c>
      <c r="I5125" s="1" t="s">
        <v>19886</v>
      </c>
      <c r="J5125" s="1" t="s">
        <v>20050</v>
      </c>
    </row>
    <row r="5126" spans="1:10" x14ac:dyDescent="0.35">
      <c r="A5126" s="1" t="s">
        <v>20013</v>
      </c>
      <c r="B5126" s="1" t="s">
        <v>19880</v>
      </c>
      <c r="C5126" s="1" t="s">
        <v>55</v>
      </c>
      <c r="D5126" s="1" t="s">
        <v>20051</v>
      </c>
      <c r="E5126" s="1" t="s">
        <v>20052</v>
      </c>
      <c r="F5126" s="1" t="s">
        <v>20053</v>
      </c>
      <c r="G5126" s="1" t="s">
        <v>20017</v>
      </c>
      <c r="H5126" s="1" t="s">
        <v>20018</v>
      </c>
      <c r="I5126" s="1" t="s">
        <v>19886</v>
      </c>
      <c r="J5126" s="1" t="s">
        <v>20054</v>
      </c>
    </row>
    <row r="5127" spans="1:10" x14ac:dyDescent="0.35">
      <c r="A5127" s="1" t="s">
        <v>20013</v>
      </c>
      <c r="B5127" s="1" t="s">
        <v>19880</v>
      </c>
      <c r="C5127" s="1" t="s">
        <v>60</v>
      </c>
      <c r="D5127" s="1" t="s">
        <v>15179</v>
      </c>
      <c r="E5127" s="1" t="s">
        <v>20055</v>
      </c>
      <c r="F5127" s="1" t="s">
        <v>20056</v>
      </c>
      <c r="G5127" s="1" t="s">
        <v>20017</v>
      </c>
      <c r="H5127" s="1" t="s">
        <v>20018</v>
      </c>
      <c r="I5127" s="1" t="s">
        <v>19886</v>
      </c>
      <c r="J5127" s="1" t="s">
        <v>20057</v>
      </c>
    </row>
    <row r="5128" spans="1:10" x14ac:dyDescent="0.35">
      <c r="A5128" s="1" t="s">
        <v>20013</v>
      </c>
      <c r="B5128" s="1" t="s">
        <v>19880</v>
      </c>
      <c r="C5128" s="1" t="s">
        <v>65</v>
      </c>
      <c r="D5128" s="1" t="s">
        <v>20058</v>
      </c>
      <c r="E5128" s="1" t="s">
        <v>20059</v>
      </c>
      <c r="F5128" s="1" t="s">
        <v>20060</v>
      </c>
      <c r="G5128" s="1" t="s">
        <v>20017</v>
      </c>
      <c r="H5128" s="1" t="s">
        <v>20018</v>
      </c>
      <c r="I5128" s="1" t="s">
        <v>19886</v>
      </c>
      <c r="J5128" s="1" t="s">
        <v>20061</v>
      </c>
    </row>
    <row r="5129" spans="1:10" x14ac:dyDescent="0.35">
      <c r="A5129" s="1" t="s">
        <v>20013</v>
      </c>
      <c r="B5129" s="1" t="s">
        <v>19880</v>
      </c>
      <c r="C5129" s="1" t="s">
        <v>70</v>
      </c>
      <c r="D5129" s="1" t="s">
        <v>20062</v>
      </c>
      <c r="E5129" s="1" t="s">
        <v>20063</v>
      </c>
      <c r="F5129" s="1" t="s">
        <v>20064</v>
      </c>
      <c r="G5129" s="1" t="s">
        <v>20017</v>
      </c>
      <c r="H5129" s="1" t="s">
        <v>20018</v>
      </c>
      <c r="I5129" s="1" t="s">
        <v>19886</v>
      </c>
      <c r="J5129" s="1" t="s">
        <v>20065</v>
      </c>
    </row>
    <row r="5130" spans="1:10" x14ac:dyDescent="0.35">
      <c r="A5130" s="1" t="s">
        <v>20013</v>
      </c>
      <c r="B5130" s="1" t="s">
        <v>19880</v>
      </c>
      <c r="C5130" s="1" t="s">
        <v>75</v>
      </c>
      <c r="D5130" s="1" t="s">
        <v>20066</v>
      </c>
      <c r="E5130" s="1" t="s">
        <v>20067</v>
      </c>
      <c r="F5130" s="1" t="s">
        <v>20068</v>
      </c>
      <c r="G5130" s="1" t="s">
        <v>20017</v>
      </c>
      <c r="H5130" s="1" t="s">
        <v>20018</v>
      </c>
      <c r="I5130" s="1" t="s">
        <v>19886</v>
      </c>
      <c r="J5130" s="1" t="s">
        <v>20069</v>
      </c>
    </row>
    <row r="5131" spans="1:10" x14ac:dyDescent="0.35">
      <c r="A5131" s="1" t="s">
        <v>20013</v>
      </c>
      <c r="B5131" s="1" t="s">
        <v>19880</v>
      </c>
      <c r="C5131" s="1" t="s">
        <v>80</v>
      </c>
      <c r="D5131" s="1" t="s">
        <v>20070</v>
      </c>
      <c r="E5131" s="1" t="s">
        <v>20071</v>
      </c>
      <c r="F5131" s="1" t="s">
        <v>20072</v>
      </c>
      <c r="G5131" s="1" t="s">
        <v>20017</v>
      </c>
      <c r="H5131" s="1" t="s">
        <v>20018</v>
      </c>
      <c r="I5131" s="1" t="s">
        <v>19886</v>
      </c>
      <c r="J5131" s="1" t="s">
        <v>20073</v>
      </c>
    </row>
    <row r="5132" spans="1:10" x14ac:dyDescent="0.35">
      <c r="A5132" s="1" t="s">
        <v>20013</v>
      </c>
      <c r="B5132" s="1" t="s">
        <v>19880</v>
      </c>
      <c r="C5132" s="1" t="s">
        <v>85</v>
      </c>
      <c r="D5132" s="1" t="s">
        <v>20074</v>
      </c>
      <c r="E5132" s="1" t="s">
        <v>20075</v>
      </c>
      <c r="F5132" s="1" t="s">
        <v>20076</v>
      </c>
      <c r="G5132" s="1" t="s">
        <v>20017</v>
      </c>
      <c r="H5132" s="1" t="s">
        <v>20018</v>
      </c>
      <c r="I5132" s="1" t="s">
        <v>19886</v>
      </c>
      <c r="J5132" s="1" t="s">
        <v>20077</v>
      </c>
    </row>
    <row r="5133" spans="1:10" x14ac:dyDescent="0.35">
      <c r="A5133" s="1" t="s">
        <v>20013</v>
      </c>
      <c r="B5133" s="1" t="s">
        <v>19880</v>
      </c>
      <c r="C5133" s="1" t="s">
        <v>90</v>
      </c>
      <c r="D5133" s="1" t="s">
        <v>20078</v>
      </c>
      <c r="E5133" s="1" t="s">
        <v>20079</v>
      </c>
      <c r="F5133" s="1" t="s">
        <v>20080</v>
      </c>
      <c r="G5133" s="1" t="s">
        <v>20017</v>
      </c>
      <c r="H5133" s="1" t="s">
        <v>20018</v>
      </c>
      <c r="I5133" s="1" t="s">
        <v>19886</v>
      </c>
      <c r="J5133" s="1" t="s">
        <v>20081</v>
      </c>
    </row>
    <row r="5134" spans="1:10" x14ac:dyDescent="0.35">
      <c r="A5134" s="1" t="s">
        <v>20013</v>
      </c>
      <c r="B5134" s="1" t="s">
        <v>19880</v>
      </c>
      <c r="C5134" s="1" t="s">
        <v>95</v>
      </c>
      <c r="D5134" s="1" t="s">
        <v>20082</v>
      </c>
      <c r="E5134" s="1" t="s">
        <v>20083</v>
      </c>
      <c r="F5134" s="1" t="s">
        <v>20084</v>
      </c>
      <c r="G5134" s="1" t="s">
        <v>20017</v>
      </c>
      <c r="H5134" s="1" t="s">
        <v>20018</v>
      </c>
      <c r="I5134" s="1" t="s">
        <v>19886</v>
      </c>
      <c r="J5134" s="1" t="s">
        <v>20085</v>
      </c>
    </row>
    <row r="5135" spans="1:10" x14ac:dyDescent="0.35">
      <c r="A5135" s="1" t="s">
        <v>20013</v>
      </c>
      <c r="B5135" s="1" t="s">
        <v>19880</v>
      </c>
      <c r="C5135" s="1" t="s">
        <v>100</v>
      </c>
      <c r="D5135" s="1" t="s">
        <v>20086</v>
      </c>
      <c r="E5135" s="1" t="s">
        <v>20087</v>
      </c>
      <c r="F5135" s="1" t="s">
        <v>20088</v>
      </c>
      <c r="G5135" s="1" t="s">
        <v>20017</v>
      </c>
      <c r="H5135" s="1" t="s">
        <v>20018</v>
      </c>
      <c r="I5135" s="1" t="s">
        <v>19886</v>
      </c>
      <c r="J5135" s="1" t="s">
        <v>20089</v>
      </c>
    </row>
    <row r="5136" spans="1:10" x14ac:dyDescent="0.35">
      <c r="A5136" s="1" t="s">
        <v>20013</v>
      </c>
      <c r="B5136" s="1" t="s">
        <v>19880</v>
      </c>
      <c r="C5136" s="1" t="s">
        <v>105</v>
      </c>
      <c r="D5136" s="1" t="s">
        <v>20090</v>
      </c>
      <c r="E5136" s="1" t="s">
        <v>20091</v>
      </c>
      <c r="F5136" s="1" t="s">
        <v>20092</v>
      </c>
      <c r="G5136" s="1" t="s">
        <v>20017</v>
      </c>
      <c r="H5136" s="1" t="s">
        <v>20018</v>
      </c>
      <c r="I5136" s="1" t="s">
        <v>19886</v>
      </c>
      <c r="J5136" s="1" t="s">
        <v>20093</v>
      </c>
    </row>
    <row r="5137" spans="1:10" x14ac:dyDescent="0.35">
      <c r="A5137" s="1" t="s">
        <v>20013</v>
      </c>
      <c r="B5137" s="1" t="s">
        <v>19880</v>
      </c>
      <c r="C5137" s="1" t="s">
        <v>110</v>
      </c>
      <c r="D5137" s="1" t="s">
        <v>8550</v>
      </c>
      <c r="E5137" s="1" t="s">
        <v>20094</v>
      </c>
      <c r="F5137" s="1" t="s">
        <v>20095</v>
      </c>
      <c r="G5137" s="1" t="s">
        <v>20017</v>
      </c>
      <c r="H5137" s="1" t="s">
        <v>20018</v>
      </c>
      <c r="I5137" s="1" t="s">
        <v>19886</v>
      </c>
      <c r="J5137" s="1" t="s">
        <v>20096</v>
      </c>
    </row>
    <row r="5138" spans="1:10" x14ac:dyDescent="0.35">
      <c r="A5138" s="1" t="s">
        <v>20013</v>
      </c>
      <c r="B5138" s="1" t="s">
        <v>19880</v>
      </c>
      <c r="C5138" s="1" t="s">
        <v>115</v>
      </c>
      <c r="D5138" s="1" t="s">
        <v>20097</v>
      </c>
      <c r="E5138" s="1" t="s">
        <v>20098</v>
      </c>
      <c r="F5138" s="1" t="s">
        <v>20099</v>
      </c>
      <c r="G5138" s="1" t="s">
        <v>20017</v>
      </c>
      <c r="H5138" s="1" t="s">
        <v>20018</v>
      </c>
      <c r="I5138" s="1" t="s">
        <v>19886</v>
      </c>
      <c r="J5138" s="1" t="s">
        <v>20100</v>
      </c>
    </row>
    <row r="5139" spans="1:10" x14ac:dyDescent="0.35">
      <c r="A5139" s="1" t="s">
        <v>20013</v>
      </c>
      <c r="B5139" s="1" t="s">
        <v>19880</v>
      </c>
      <c r="C5139" s="1" t="s">
        <v>120</v>
      </c>
      <c r="D5139" s="1" t="s">
        <v>20101</v>
      </c>
      <c r="E5139" s="1" t="s">
        <v>20102</v>
      </c>
      <c r="F5139" s="1" t="s">
        <v>20103</v>
      </c>
      <c r="G5139" s="1" t="s">
        <v>20017</v>
      </c>
      <c r="H5139" s="1" t="s">
        <v>20018</v>
      </c>
      <c r="I5139" s="1" t="s">
        <v>19886</v>
      </c>
      <c r="J5139" s="1" t="s">
        <v>20104</v>
      </c>
    </row>
    <row r="5140" spans="1:10" x14ac:dyDescent="0.35">
      <c r="A5140" s="1" t="s">
        <v>20013</v>
      </c>
      <c r="B5140" s="1" t="s">
        <v>19880</v>
      </c>
      <c r="C5140" s="1" t="s">
        <v>125</v>
      </c>
      <c r="D5140" s="1" t="s">
        <v>20105</v>
      </c>
      <c r="E5140" s="1" t="s">
        <v>20106</v>
      </c>
      <c r="F5140" s="1" t="s">
        <v>20107</v>
      </c>
      <c r="G5140" s="1" t="s">
        <v>20017</v>
      </c>
      <c r="H5140" s="1" t="s">
        <v>20018</v>
      </c>
      <c r="I5140" s="1" t="s">
        <v>19886</v>
      </c>
      <c r="J5140" s="1" t="s">
        <v>20108</v>
      </c>
    </row>
    <row r="5141" spans="1:10" x14ac:dyDescent="0.35">
      <c r="A5141" s="1" t="s">
        <v>20013</v>
      </c>
      <c r="B5141" s="1" t="s">
        <v>19880</v>
      </c>
      <c r="C5141" s="1" t="s">
        <v>130</v>
      </c>
      <c r="D5141" s="1" t="s">
        <v>20109</v>
      </c>
      <c r="E5141" s="1" t="s">
        <v>20110</v>
      </c>
      <c r="F5141" s="1" t="s">
        <v>20111</v>
      </c>
      <c r="G5141" s="1" t="s">
        <v>20017</v>
      </c>
      <c r="H5141" s="1" t="s">
        <v>20018</v>
      </c>
      <c r="I5141" s="1" t="s">
        <v>19886</v>
      </c>
      <c r="J5141" s="1" t="s">
        <v>20112</v>
      </c>
    </row>
    <row r="5142" spans="1:10" x14ac:dyDescent="0.35">
      <c r="A5142" s="1" t="s">
        <v>20013</v>
      </c>
      <c r="B5142" s="1" t="s">
        <v>19880</v>
      </c>
      <c r="C5142" s="1" t="s">
        <v>135</v>
      </c>
      <c r="D5142" s="1" t="s">
        <v>20113</v>
      </c>
      <c r="E5142" s="1" t="s">
        <v>20114</v>
      </c>
      <c r="F5142" s="1" t="s">
        <v>20115</v>
      </c>
      <c r="G5142" s="1" t="s">
        <v>20017</v>
      </c>
      <c r="H5142" s="1" t="s">
        <v>20018</v>
      </c>
      <c r="I5142" s="1" t="s">
        <v>19886</v>
      </c>
      <c r="J5142" s="1" t="s">
        <v>20116</v>
      </c>
    </row>
    <row r="5143" spans="1:10" x14ac:dyDescent="0.35">
      <c r="A5143" s="1" t="s">
        <v>20013</v>
      </c>
      <c r="B5143" s="1" t="s">
        <v>19880</v>
      </c>
      <c r="C5143" s="1" t="s">
        <v>140</v>
      </c>
      <c r="D5143" s="1" t="s">
        <v>20117</v>
      </c>
      <c r="E5143" s="1" t="s">
        <v>20118</v>
      </c>
      <c r="F5143" s="1" t="s">
        <v>20119</v>
      </c>
      <c r="G5143" s="1" t="s">
        <v>20017</v>
      </c>
      <c r="H5143" s="1" t="s">
        <v>20018</v>
      </c>
      <c r="I5143" s="1" t="s">
        <v>19886</v>
      </c>
      <c r="J5143" s="1" t="s">
        <v>20120</v>
      </c>
    </row>
    <row r="5144" spans="1:10" x14ac:dyDescent="0.35">
      <c r="A5144" s="1" t="s">
        <v>20013</v>
      </c>
      <c r="B5144" s="1" t="s">
        <v>19880</v>
      </c>
      <c r="C5144" s="1" t="s">
        <v>145</v>
      </c>
      <c r="D5144" s="1" t="s">
        <v>20121</v>
      </c>
      <c r="E5144" s="1" t="s">
        <v>20122</v>
      </c>
      <c r="F5144" s="1" t="s">
        <v>20123</v>
      </c>
      <c r="G5144" s="1" t="s">
        <v>20017</v>
      </c>
      <c r="H5144" s="1" t="s">
        <v>20018</v>
      </c>
      <c r="I5144" s="1" t="s">
        <v>19886</v>
      </c>
      <c r="J5144" s="1" t="s">
        <v>20124</v>
      </c>
    </row>
    <row r="5145" spans="1:10" x14ac:dyDescent="0.35">
      <c r="A5145" s="1" t="s">
        <v>20013</v>
      </c>
      <c r="B5145" s="1" t="s">
        <v>19880</v>
      </c>
      <c r="C5145" s="1" t="s">
        <v>150</v>
      </c>
      <c r="D5145" s="1" t="s">
        <v>20125</v>
      </c>
      <c r="E5145" s="1" t="s">
        <v>20126</v>
      </c>
      <c r="F5145" s="1" t="s">
        <v>20127</v>
      </c>
      <c r="G5145" s="1" t="s">
        <v>20017</v>
      </c>
      <c r="H5145" s="1" t="s">
        <v>20018</v>
      </c>
      <c r="I5145" s="1" t="s">
        <v>19886</v>
      </c>
      <c r="J5145" s="1" t="s">
        <v>20128</v>
      </c>
    </row>
    <row r="5146" spans="1:10" x14ac:dyDescent="0.35">
      <c r="A5146" s="1" t="s">
        <v>20013</v>
      </c>
      <c r="B5146" s="1" t="s">
        <v>19880</v>
      </c>
      <c r="C5146" s="1" t="s">
        <v>155</v>
      </c>
      <c r="D5146" s="1" t="s">
        <v>5659</v>
      </c>
      <c r="E5146" s="1" t="s">
        <v>20129</v>
      </c>
      <c r="F5146" s="1" t="s">
        <v>20130</v>
      </c>
      <c r="G5146" s="1" t="s">
        <v>20017</v>
      </c>
      <c r="H5146" s="1" t="s">
        <v>20018</v>
      </c>
      <c r="I5146" s="1" t="s">
        <v>19886</v>
      </c>
      <c r="J5146" s="1" t="s">
        <v>20131</v>
      </c>
    </row>
    <row r="5147" spans="1:10" x14ac:dyDescent="0.35">
      <c r="A5147" s="1" t="s">
        <v>20013</v>
      </c>
      <c r="B5147" s="1" t="s">
        <v>19880</v>
      </c>
      <c r="C5147" s="1" t="s">
        <v>160</v>
      </c>
      <c r="D5147" s="1" t="s">
        <v>20132</v>
      </c>
      <c r="E5147" s="1" t="s">
        <v>20133</v>
      </c>
      <c r="F5147" s="1" t="s">
        <v>20134</v>
      </c>
      <c r="G5147" s="1" t="s">
        <v>20017</v>
      </c>
      <c r="H5147" s="1" t="s">
        <v>20018</v>
      </c>
      <c r="I5147" s="1" t="s">
        <v>19886</v>
      </c>
      <c r="J5147" s="1" t="s">
        <v>20135</v>
      </c>
    </row>
    <row r="5148" spans="1:10" x14ac:dyDescent="0.35">
      <c r="A5148" s="1" t="s">
        <v>20013</v>
      </c>
      <c r="B5148" s="1" t="s">
        <v>19880</v>
      </c>
      <c r="C5148" s="1" t="s">
        <v>165</v>
      </c>
      <c r="D5148" s="1" t="s">
        <v>20136</v>
      </c>
      <c r="E5148" s="1" t="s">
        <v>20137</v>
      </c>
      <c r="F5148" s="1" t="s">
        <v>20138</v>
      </c>
      <c r="G5148" s="1" t="s">
        <v>20017</v>
      </c>
      <c r="H5148" s="1" t="s">
        <v>20018</v>
      </c>
      <c r="I5148" s="1" t="s">
        <v>19886</v>
      </c>
      <c r="J5148" s="1" t="s">
        <v>20139</v>
      </c>
    </row>
    <row r="5149" spans="1:10" x14ac:dyDescent="0.35">
      <c r="A5149" s="1" t="s">
        <v>20013</v>
      </c>
      <c r="B5149" s="1" t="s">
        <v>19880</v>
      </c>
      <c r="C5149" s="1" t="s">
        <v>170</v>
      </c>
      <c r="D5149" s="1" t="s">
        <v>20140</v>
      </c>
      <c r="E5149" s="1" t="s">
        <v>20141</v>
      </c>
      <c r="F5149" s="1" t="s">
        <v>20142</v>
      </c>
      <c r="G5149" s="1" t="s">
        <v>20017</v>
      </c>
      <c r="H5149" s="1" t="s">
        <v>20018</v>
      </c>
      <c r="I5149" s="1" t="s">
        <v>19886</v>
      </c>
      <c r="J5149" s="1" t="s">
        <v>20143</v>
      </c>
    </row>
    <row r="5150" spans="1:10" x14ac:dyDescent="0.35">
      <c r="A5150" s="1" t="s">
        <v>20144</v>
      </c>
      <c r="B5150" s="1" t="s">
        <v>19880</v>
      </c>
      <c r="C5150" s="1" t="s">
        <v>8</v>
      </c>
      <c r="D5150" s="1" t="s">
        <v>20145</v>
      </c>
      <c r="E5150" s="1" t="s">
        <v>20146</v>
      </c>
      <c r="F5150" s="1" t="s">
        <v>20147</v>
      </c>
      <c r="G5150" s="1" t="s">
        <v>20148</v>
      </c>
      <c r="H5150" s="1" t="s">
        <v>20149</v>
      </c>
      <c r="I5150" s="1" t="s">
        <v>19886</v>
      </c>
      <c r="J5150" s="1" t="s">
        <v>13</v>
      </c>
    </row>
    <row r="5151" spans="1:10" x14ac:dyDescent="0.35">
      <c r="A5151" s="1" t="s">
        <v>20144</v>
      </c>
      <c r="B5151" s="1" t="s">
        <v>19880</v>
      </c>
      <c r="C5151" s="1" t="s">
        <v>15</v>
      </c>
      <c r="D5151" s="1" t="s">
        <v>20150</v>
      </c>
      <c r="E5151" s="1" t="s">
        <v>20151</v>
      </c>
      <c r="F5151" s="1" t="s">
        <v>20152</v>
      </c>
      <c r="G5151" s="1" t="s">
        <v>20148</v>
      </c>
      <c r="H5151" s="1" t="s">
        <v>20149</v>
      </c>
      <c r="I5151" s="1" t="s">
        <v>19886</v>
      </c>
      <c r="J5151" s="1" t="s">
        <v>20153</v>
      </c>
    </row>
    <row r="5152" spans="1:10" x14ac:dyDescent="0.35">
      <c r="A5152" s="1" t="s">
        <v>20144</v>
      </c>
      <c r="B5152" s="1" t="s">
        <v>19880</v>
      </c>
      <c r="C5152" s="1" t="s">
        <v>20</v>
      </c>
      <c r="D5152" s="1" t="s">
        <v>20154</v>
      </c>
      <c r="E5152" s="1" t="s">
        <v>20155</v>
      </c>
      <c r="F5152" s="1" t="s">
        <v>20156</v>
      </c>
      <c r="G5152" s="1" t="s">
        <v>20148</v>
      </c>
      <c r="H5152" s="1" t="s">
        <v>20149</v>
      </c>
      <c r="I5152" s="1" t="s">
        <v>19886</v>
      </c>
      <c r="J5152" s="1" t="s">
        <v>20157</v>
      </c>
    </row>
    <row r="5153" spans="1:10" x14ac:dyDescent="0.35">
      <c r="A5153" s="1" t="s">
        <v>20144</v>
      </c>
      <c r="B5153" s="1" t="s">
        <v>19880</v>
      </c>
      <c r="C5153" s="1" t="s">
        <v>25</v>
      </c>
      <c r="D5153" s="1" t="s">
        <v>20158</v>
      </c>
      <c r="E5153" s="1" t="s">
        <v>20159</v>
      </c>
      <c r="F5153" s="1" t="s">
        <v>20160</v>
      </c>
      <c r="G5153" s="1" t="s">
        <v>20148</v>
      </c>
      <c r="H5153" s="1" t="s">
        <v>20149</v>
      </c>
      <c r="I5153" s="1" t="s">
        <v>19886</v>
      </c>
      <c r="J5153" s="1" t="s">
        <v>20161</v>
      </c>
    </row>
    <row r="5154" spans="1:10" x14ac:dyDescent="0.35">
      <c r="A5154" s="1" t="s">
        <v>20144</v>
      </c>
      <c r="B5154" s="1" t="s">
        <v>19880</v>
      </c>
      <c r="C5154" s="1" t="s">
        <v>30</v>
      </c>
      <c r="D5154" s="1" t="s">
        <v>20162</v>
      </c>
      <c r="E5154" s="1" t="s">
        <v>20163</v>
      </c>
      <c r="F5154" s="1" t="s">
        <v>20164</v>
      </c>
      <c r="G5154" s="1" t="s">
        <v>20148</v>
      </c>
      <c r="H5154" s="1" t="s">
        <v>20149</v>
      </c>
      <c r="I5154" s="1" t="s">
        <v>19886</v>
      </c>
      <c r="J5154" s="1" t="s">
        <v>20165</v>
      </c>
    </row>
    <row r="5155" spans="1:10" x14ac:dyDescent="0.35">
      <c r="A5155" s="1" t="s">
        <v>20144</v>
      </c>
      <c r="B5155" s="1" t="s">
        <v>19880</v>
      </c>
      <c r="C5155" s="1" t="s">
        <v>35</v>
      </c>
      <c r="D5155" s="1" t="s">
        <v>20166</v>
      </c>
      <c r="E5155" s="1" t="s">
        <v>20167</v>
      </c>
      <c r="F5155" s="1" t="s">
        <v>20168</v>
      </c>
      <c r="G5155" s="1" t="s">
        <v>20148</v>
      </c>
      <c r="H5155" s="1" t="s">
        <v>20149</v>
      </c>
      <c r="I5155" s="1" t="s">
        <v>19886</v>
      </c>
      <c r="J5155" s="1" t="s">
        <v>20169</v>
      </c>
    </row>
    <row r="5156" spans="1:10" x14ac:dyDescent="0.35">
      <c r="A5156" s="1" t="s">
        <v>20144</v>
      </c>
      <c r="B5156" s="1" t="s">
        <v>19880</v>
      </c>
      <c r="C5156" s="1" t="s">
        <v>40</v>
      </c>
      <c r="D5156" s="1" t="s">
        <v>20170</v>
      </c>
      <c r="E5156" s="1" t="s">
        <v>20171</v>
      </c>
      <c r="F5156" s="1" t="s">
        <v>20172</v>
      </c>
      <c r="G5156" s="1" t="s">
        <v>20148</v>
      </c>
      <c r="H5156" s="1" t="s">
        <v>20149</v>
      </c>
      <c r="I5156" s="1" t="s">
        <v>19886</v>
      </c>
      <c r="J5156" s="1" t="s">
        <v>20173</v>
      </c>
    </row>
    <row r="5157" spans="1:10" x14ac:dyDescent="0.35">
      <c r="A5157" s="1" t="s">
        <v>20144</v>
      </c>
      <c r="B5157" s="1" t="s">
        <v>19880</v>
      </c>
      <c r="C5157" s="1" t="s">
        <v>45</v>
      </c>
      <c r="D5157" s="1" t="s">
        <v>20174</v>
      </c>
      <c r="E5157" s="1" t="s">
        <v>20175</v>
      </c>
      <c r="F5157" s="1" t="s">
        <v>20176</v>
      </c>
      <c r="G5157" s="1" t="s">
        <v>20148</v>
      </c>
      <c r="H5157" s="1" t="s">
        <v>20149</v>
      </c>
      <c r="I5157" s="1" t="s">
        <v>19886</v>
      </c>
      <c r="J5157" s="1" t="s">
        <v>20177</v>
      </c>
    </row>
    <row r="5158" spans="1:10" x14ac:dyDescent="0.35">
      <c r="A5158" s="1" t="s">
        <v>20144</v>
      </c>
      <c r="B5158" s="1" t="s">
        <v>19880</v>
      </c>
      <c r="C5158" s="1" t="s">
        <v>50</v>
      </c>
      <c r="D5158" s="1" t="s">
        <v>20178</v>
      </c>
      <c r="E5158" s="1" t="s">
        <v>20179</v>
      </c>
      <c r="F5158" s="1" t="s">
        <v>20180</v>
      </c>
      <c r="G5158" s="1" t="s">
        <v>20148</v>
      </c>
      <c r="H5158" s="1" t="s">
        <v>20149</v>
      </c>
      <c r="I5158" s="1" t="s">
        <v>19886</v>
      </c>
      <c r="J5158" s="1" t="s">
        <v>20181</v>
      </c>
    </row>
    <row r="5159" spans="1:10" x14ac:dyDescent="0.35">
      <c r="A5159" s="1" t="s">
        <v>20144</v>
      </c>
      <c r="B5159" s="1" t="s">
        <v>19880</v>
      </c>
      <c r="C5159" s="1" t="s">
        <v>55</v>
      </c>
      <c r="D5159" s="1" t="s">
        <v>20182</v>
      </c>
      <c r="E5159" s="1" t="s">
        <v>20183</v>
      </c>
      <c r="F5159" s="1" t="s">
        <v>20184</v>
      </c>
      <c r="G5159" s="1" t="s">
        <v>20148</v>
      </c>
      <c r="H5159" s="1" t="s">
        <v>20149</v>
      </c>
      <c r="I5159" s="1" t="s">
        <v>19886</v>
      </c>
      <c r="J5159" s="1" t="s">
        <v>20185</v>
      </c>
    </row>
    <row r="5160" spans="1:10" x14ac:dyDescent="0.35">
      <c r="A5160" s="1" t="s">
        <v>20144</v>
      </c>
      <c r="B5160" s="1" t="s">
        <v>19880</v>
      </c>
      <c r="C5160" s="1" t="s">
        <v>60</v>
      </c>
      <c r="D5160" s="1" t="s">
        <v>20186</v>
      </c>
      <c r="E5160" s="1" t="s">
        <v>20187</v>
      </c>
      <c r="F5160" s="1" t="s">
        <v>20188</v>
      </c>
      <c r="G5160" s="1" t="s">
        <v>20148</v>
      </c>
      <c r="H5160" s="1" t="s">
        <v>20149</v>
      </c>
      <c r="I5160" s="1" t="s">
        <v>19886</v>
      </c>
      <c r="J5160" s="1" t="s">
        <v>20189</v>
      </c>
    </row>
    <row r="5161" spans="1:10" x14ac:dyDescent="0.35">
      <c r="A5161" s="1" t="s">
        <v>20144</v>
      </c>
      <c r="B5161" s="1" t="s">
        <v>19880</v>
      </c>
      <c r="C5161" s="1" t="s">
        <v>65</v>
      </c>
      <c r="D5161" s="1" t="s">
        <v>20190</v>
      </c>
      <c r="E5161" s="1" t="s">
        <v>20191</v>
      </c>
      <c r="F5161" s="1" t="s">
        <v>20192</v>
      </c>
      <c r="G5161" s="1" t="s">
        <v>20148</v>
      </c>
      <c r="H5161" s="1" t="s">
        <v>20149</v>
      </c>
      <c r="I5161" s="1" t="s">
        <v>19886</v>
      </c>
      <c r="J5161" s="1" t="s">
        <v>20193</v>
      </c>
    </row>
    <row r="5162" spans="1:10" x14ac:dyDescent="0.35">
      <c r="A5162" s="1" t="s">
        <v>20144</v>
      </c>
      <c r="B5162" s="1" t="s">
        <v>19880</v>
      </c>
      <c r="C5162" s="1" t="s">
        <v>70</v>
      </c>
      <c r="D5162" s="1" t="s">
        <v>20194</v>
      </c>
      <c r="E5162" s="1" t="s">
        <v>20195</v>
      </c>
      <c r="F5162" s="1" t="s">
        <v>20196</v>
      </c>
      <c r="G5162" s="1" t="s">
        <v>20148</v>
      </c>
      <c r="H5162" s="1" t="s">
        <v>20149</v>
      </c>
      <c r="I5162" s="1" t="s">
        <v>19886</v>
      </c>
      <c r="J5162" s="1" t="s">
        <v>20197</v>
      </c>
    </row>
    <row r="5163" spans="1:10" x14ac:dyDescent="0.35">
      <c r="A5163" s="1" t="s">
        <v>20144</v>
      </c>
      <c r="B5163" s="1" t="s">
        <v>19880</v>
      </c>
      <c r="C5163" s="1" t="s">
        <v>75</v>
      </c>
      <c r="D5163" s="1" t="s">
        <v>20198</v>
      </c>
      <c r="E5163" s="1" t="s">
        <v>20199</v>
      </c>
      <c r="F5163" s="1" t="s">
        <v>20200</v>
      </c>
      <c r="G5163" s="1" t="s">
        <v>20148</v>
      </c>
      <c r="H5163" s="1" t="s">
        <v>20149</v>
      </c>
      <c r="I5163" s="1" t="s">
        <v>19886</v>
      </c>
      <c r="J5163" s="1" t="s">
        <v>20201</v>
      </c>
    </row>
    <row r="5164" spans="1:10" x14ac:dyDescent="0.35">
      <c r="A5164" s="1" t="s">
        <v>20144</v>
      </c>
      <c r="B5164" s="1" t="s">
        <v>19880</v>
      </c>
      <c r="C5164" s="1" t="s">
        <v>80</v>
      </c>
      <c r="D5164" s="1" t="s">
        <v>20202</v>
      </c>
      <c r="E5164" s="1" t="s">
        <v>20203</v>
      </c>
      <c r="F5164" s="1" t="s">
        <v>20204</v>
      </c>
      <c r="G5164" s="1" t="s">
        <v>20148</v>
      </c>
      <c r="H5164" s="1" t="s">
        <v>20149</v>
      </c>
      <c r="I5164" s="1" t="s">
        <v>19886</v>
      </c>
      <c r="J5164" s="1" t="s">
        <v>20205</v>
      </c>
    </row>
    <row r="5165" spans="1:10" x14ac:dyDescent="0.35">
      <c r="A5165" s="1" t="s">
        <v>20144</v>
      </c>
      <c r="B5165" s="1" t="s">
        <v>19880</v>
      </c>
      <c r="C5165" s="1" t="s">
        <v>85</v>
      </c>
      <c r="D5165" s="1" t="s">
        <v>20206</v>
      </c>
      <c r="E5165" s="1" t="s">
        <v>20207</v>
      </c>
      <c r="F5165" s="1" t="s">
        <v>20208</v>
      </c>
      <c r="G5165" s="1" t="s">
        <v>20148</v>
      </c>
      <c r="H5165" s="1" t="s">
        <v>20149</v>
      </c>
      <c r="I5165" s="1" t="s">
        <v>19886</v>
      </c>
      <c r="J5165" s="1" t="s">
        <v>20209</v>
      </c>
    </row>
    <row r="5166" spans="1:10" x14ac:dyDescent="0.35">
      <c r="A5166" s="1" t="s">
        <v>20144</v>
      </c>
      <c r="B5166" s="1" t="s">
        <v>19880</v>
      </c>
      <c r="C5166" s="1" t="s">
        <v>90</v>
      </c>
      <c r="D5166" s="1" t="s">
        <v>20210</v>
      </c>
      <c r="E5166" s="1" t="s">
        <v>20211</v>
      </c>
      <c r="F5166" s="1" t="s">
        <v>20212</v>
      </c>
      <c r="G5166" s="1" t="s">
        <v>20148</v>
      </c>
      <c r="H5166" s="1" t="s">
        <v>20149</v>
      </c>
      <c r="I5166" s="1" t="s">
        <v>19886</v>
      </c>
      <c r="J5166" s="1" t="s">
        <v>20213</v>
      </c>
    </row>
    <row r="5167" spans="1:10" x14ac:dyDescent="0.35">
      <c r="A5167" s="1" t="s">
        <v>20144</v>
      </c>
      <c r="B5167" s="1" t="s">
        <v>19880</v>
      </c>
      <c r="C5167" s="1" t="s">
        <v>95</v>
      </c>
      <c r="D5167" s="1" t="s">
        <v>20214</v>
      </c>
      <c r="E5167" s="1" t="s">
        <v>20215</v>
      </c>
      <c r="F5167" s="1" t="s">
        <v>20216</v>
      </c>
      <c r="G5167" s="1" t="s">
        <v>20148</v>
      </c>
      <c r="H5167" s="1" t="s">
        <v>20149</v>
      </c>
      <c r="I5167" s="1" t="s">
        <v>19886</v>
      </c>
      <c r="J5167" s="1" t="s">
        <v>20217</v>
      </c>
    </row>
    <row r="5168" spans="1:10" x14ac:dyDescent="0.35">
      <c r="A5168" s="1" t="s">
        <v>20144</v>
      </c>
      <c r="B5168" s="1" t="s">
        <v>19880</v>
      </c>
      <c r="C5168" s="1" t="s">
        <v>100</v>
      </c>
      <c r="D5168" s="1" t="s">
        <v>20218</v>
      </c>
      <c r="E5168" s="1" t="s">
        <v>20219</v>
      </c>
      <c r="F5168" s="1" t="s">
        <v>20220</v>
      </c>
      <c r="G5168" s="1" t="s">
        <v>20148</v>
      </c>
      <c r="H5168" s="1" t="s">
        <v>20149</v>
      </c>
      <c r="I5168" s="1" t="s">
        <v>19886</v>
      </c>
      <c r="J5168" s="1" t="s">
        <v>20221</v>
      </c>
    </row>
    <row r="5169" spans="1:10" x14ac:dyDescent="0.35">
      <c r="A5169" s="1" t="s">
        <v>20144</v>
      </c>
      <c r="B5169" s="1" t="s">
        <v>19880</v>
      </c>
      <c r="C5169" s="1" t="s">
        <v>105</v>
      </c>
      <c r="D5169" s="1" t="s">
        <v>20222</v>
      </c>
      <c r="E5169" s="1" t="s">
        <v>20223</v>
      </c>
      <c r="F5169" s="1" t="s">
        <v>20224</v>
      </c>
      <c r="G5169" s="1" t="s">
        <v>20148</v>
      </c>
      <c r="H5169" s="1" t="s">
        <v>20149</v>
      </c>
      <c r="I5169" s="1" t="s">
        <v>19886</v>
      </c>
      <c r="J5169" s="1" t="s">
        <v>20225</v>
      </c>
    </row>
    <row r="5170" spans="1:10" x14ac:dyDescent="0.35">
      <c r="A5170" s="1" t="s">
        <v>20144</v>
      </c>
      <c r="B5170" s="1" t="s">
        <v>19880</v>
      </c>
      <c r="C5170" s="1" t="s">
        <v>110</v>
      </c>
      <c r="D5170" s="1" t="s">
        <v>20226</v>
      </c>
      <c r="E5170" s="1" t="s">
        <v>20227</v>
      </c>
      <c r="F5170" s="1" t="s">
        <v>20228</v>
      </c>
      <c r="G5170" s="1" t="s">
        <v>20148</v>
      </c>
      <c r="H5170" s="1" t="s">
        <v>20149</v>
      </c>
      <c r="I5170" s="1" t="s">
        <v>19886</v>
      </c>
      <c r="J5170" s="1" t="s">
        <v>20229</v>
      </c>
    </row>
    <row r="5171" spans="1:10" x14ac:dyDescent="0.35">
      <c r="A5171" s="1" t="s">
        <v>20144</v>
      </c>
      <c r="B5171" s="1" t="s">
        <v>19880</v>
      </c>
      <c r="C5171" s="1" t="s">
        <v>115</v>
      </c>
      <c r="D5171" s="1" t="s">
        <v>20230</v>
      </c>
      <c r="E5171" s="1" t="s">
        <v>20231</v>
      </c>
      <c r="F5171" s="1" t="s">
        <v>20232</v>
      </c>
      <c r="G5171" s="1" t="s">
        <v>20148</v>
      </c>
      <c r="H5171" s="1" t="s">
        <v>20149</v>
      </c>
      <c r="I5171" s="1" t="s">
        <v>19886</v>
      </c>
      <c r="J5171" s="1" t="s">
        <v>20233</v>
      </c>
    </row>
    <row r="5172" spans="1:10" x14ac:dyDescent="0.35">
      <c r="A5172" s="1" t="s">
        <v>20144</v>
      </c>
      <c r="B5172" s="1" t="s">
        <v>19880</v>
      </c>
      <c r="C5172" s="1" t="s">
        <v>120</v>
      </c>
      <c r="D5172" s="1" t="s">
        <v>20234</v>
      </c>
      <c r="E5172" s="1" t="s">
        <v>20235</v>
      </c>
      <c r="F5172" s="1" t="s">
        <v>20236</v>
      </c>
      <c r="G5172" s="1" t="s">
        <v>20148</v>
      </c>
      <c r="H5172" s="1" t="s">
        <v>20149</v>
      </c>
      <c r="I5172" s="1" t="s">
        <v>19886</v>
      </c>
      <c r="J5172" s="1" t="s">
        <v>20237</v>
      </c>
    </row>
    <row r="5173" spans="1:10" x14ac:dyDescent="0.35">
      <c r="A5173" s="1" t="s">
        <v>20144</v>
      </c>
      <c r="B5173" s="1" t="s">
        <v>19880</v>
      </c>
      <c r="C5173" s="1" t="s">
        <v>125</v>
      </c>
      <c r="D5173" s="1" t="s">
        <v>20238</v>
      </c>
      <c r="E5173" s="1" t="s">
        <v>20239</v>
      </c>
      <c r="F5173" s="1" t="s">
        <v>20240</v>
      </c>
      <c r="G5173" s="1" t="s">
        <v>20148</v>
      </c>
      <c r="H5173" s="1" t="s">
        <v>20149</v>
      </c>
      <c r="I5173" s="1" t="s">
        <v>19886</v>
      </c>
      <c r="J5173" s="1" t="s">
        <v>20241</v>
      </c>
    </row>
    <row r="5174" spans="1:10" x14ac:dyDescent="0.35">
      <c r="A5174" s="1" t="s">
        <v>20144</v>
      </c>
      <c r="B5174" s="1" t="s">
        <v>19880</v>
      </c>
      <c r="C5174" s="1" t="s">
        <v>130</v>
      </c>
      <c r="D5174" s="1" t="s">
        <v>12836</v>
      </c>
      <c r="E5174" s="1" t="s">
        <v>20242</v>
      </c>
      <c r="F5174" s="1" t="s">
        <v>20243</v>
      </c>
      <c r="G5174" s="1" t="s">
        <v>20148</v>
      </c>
      <c r="H5174" s="1" t="s">
        <v>20149</v>
      </c>
      <c r="I5174" s="1" t="s">
        <v>19886</v>
      </c>
      <c r="J5174" s="1" t="s">
        <v>20244</v>
      </c>
    </row>
    <row r="5175" spans="1:10" x14ac:dyDescent="0.35">
      <c r="A5175" s="1" t="s">
        <v>20144</v>
      </c>
      <c r="B5175" s="1" t="s">
        <v>19880</v>
      </c>
      <c r="C5175" s="1" t="s">
        <v>135</v>
      </c>
      <c r="D5175" s="1" t="s">
        <v>20245</v>
      </c>
      <c r="E5175" s="1" t="s">
        <v>20246</v>
      </c>
      <c r="F5175" s="1" t="s">
        <v>20247</v>
      </c>
      <c r="G5175" s="1" t="s">
        <v>20148</v>
      </c>
      <c r="H5175" s="1" t="s">
        <v>20149</v>
      </c>
      <c r="I5175" s="1" t="s">
        <v>19886</v>
      </c>
      <c r="J5175" s="1" t="s">
        <v>20248</v>
      </c>
    </row>
    <row r="5176" spans="1:10" x14ac:dyDescent="0.35">
      <c r="A5176" s="1" t="s">
        <v>20144</v>
      </c>
      <c r="B5176" s="1" t="s">
        <v>19880</v>
      </c>
      <c r="C5176" s="1" t="s">
        <v>140</v>
      </c>
      <c r="D5176" s="1" t="s">
        <v>20249</v>
      </c>
      <c r="E5176" s="1" t="s">
        <v>20250</v>
      </c>
      <c r="F5176" s="1" t="s">
        <v>20251</v>
      </c>
      <c r="G5176" s="1" t="s">
        <v>20148</v>
      </c>
      <c r="H5176" s="1" t="s">
        <v>20149</v>
      </c>
      <c r="I5176" s="1" t="s">
        <v>19886</v>
      </c>
      <c r="J5176" s="1" t="s">
        <v>20252</v>
      </c>
    </row>
    <row r="5177" spans="1:10" x14ac:dyDescent="0.35">
      <c r="A5177" s="1" t="s">
        <v>20144</v>
      </c>
      <c r="B5177" s="1" t="s">
        <v>19880</v>
      </c>
      <c r="C5177" s="1" t="s">
        <v>145</v>
      </c>
      <c r="D5177" s="1" t="s">
        <v>20253</v>
      </c>
      <c r="E5177" s="1" t="s">
        <v>20254</v>
      </c>
      <c r="F5177" s="1" t="s">
        <v>20255</v>
      </c>
      <c r="G5177" s="1" t="s">
        <v>20148</v>
      </c>
      <c r="H5177" s="1" t="s">
        <v>20149</v>
      </c>
      <c r="I5177" s="1" t="s">
        <v>19886</v>
      </c>
      <c r="J5177" s="1" t="s">
        <v>20256</v>
      </c>
    </row>
    <row r="5178" spans="1:10" x14ac:dyDescent="0.35">
      <c r="A5178" s="1" t="s">
        <v>20144</v>
      </c>
      <c r="B5178" s="1" t="s">
        <v>19880</v>
      </c>
      <c r="C5178" s="1" t="s">
        <v>150</v>
      </c>
      <c r="D5178" s="1" t="s">
        <v>20257</v>
      </c>
      <c r="E5178" s="1" t="s">
        <v>20258</v>
      </c>
      <c r="F5178" s="1" t="s">
        <v>20259</v>
      </c>
      <c r="G5178" s="1" t="s">
        <v>20148</v>
      </c>
      <c r="H5178" s="1" t="s">
        <v>20149</v>
      </c>
      <c r="I5178" s="1" t="s">
        <v>19886</v>
      </c>
      <c r="J5178" s="1" t="s">
        <v>20260</v>
      </c>
    </row>
    <row r="5179" spans="1:10" x14ac:dyDescent="0.35">
      <c r="A5179" s="1" t="s">
        <v>20144</v>
      </c>
      <c r="B5179" s="1" t="s">
        <v>19880</v>
      </c>
      <c r="C5179" s="1" t="s">
        <v>155</v>
      </c>
      <c r="D5179" s="1" t="s">
        <v>20261</v>
      </c>
      <c r="E5179" s="1" t="s">
        <v>20262</v>
      </c>
      <c r="F5179" s="1" t="s">
        <v>20263</v>
      </c>
      <c r="G5179" s="1" t="s">
        <v>20148</v>
      </c>
      <c r="H5179" s="1" t="s">
        <v>20149</v>
      </c>
      <c r="I5179" s="1" t="s">
        <v>19886</v>
      </c>
      <c r="J5179" s="1" t="s">
        <v>20264</v>
      </c>
    </row>
    <row r="5180" spans="1:10" x14ac:dyDescent="0.35">
      <c r="A5180" s="1" t="s">
        <v>20144</v>
      </c>
      <c r="B5180" s="1" t="s">
        <v>19880</v>
      </c>
      <c r="C5180" s="1" t="s">
        <v>160</v>
      </c>
      <c r="D5180" s="1" t="s">
        <v>20265</v>
      </c>
      <c r="E5180" s="1" t="s">
        <v>20266</v>
      </c>
      <c r="F5180" s="1" t="s">
        <v>20267</v>
      </c>
      <c r="G5180" s="1" t="s">
        <v>20148</v>
      </c>
      <c r="H5180" s="1" t="s">
        <v>20149</v>
      </c>
      <c r="I5180" s="1" t="s">
        <v>19886</v>
      </c>
      <c r="J5180" s="1" t="s">
        <v>20268</v>
      </c>
    </row>
    <row r="5181" spans="1:10" x14ac:dyDescent="0.35">
      <c r="A5181" s="1" t="s">
        <v>20144</v>
      </c>
      <c r="B5181" s="1" t="s">
        <v>19880</v>
      </c>
      <c r="C5181" s="1" t="s">
        <v>165</v>
      </c>
      <c r="D5181" s="1" t="s">
        <v>20269</v>
      </c>
      <c r="E5181" s="1" t="s">
        <v>20270</v>
      </c>
      <c r="F5181" s="1" t="s">
        <v>20271</v>
      </c>
      <c r="G5181" s="1" t="s">
        <v>20148</v>
      </c>
      <c r="H5181" s="1" t="s">
        <v>20149</v>
      </c>
      <c r="I5181" s="1" t="s">
        <v>19886</v>
      </c>
      <c r="J5181" s="1" t="s">
        <v>20272</v>
      </c>
    </row>
    <row r="5182" spans="1:10" x14ac:dyDescent="0.35">
      <c r="A5182" s="1" t="s">
        <v>20144</v>
      </c>
      <c r="B5182" s="1" t="s">
        <v>19880</v>
      </c>
      <c r="C5182" s="1" t="s">
        <v>170</v>
      </c>
      <c r="D5182" s="1" t="s">
        <v>20273</v>
      </c>
      <c r="E5182" s="1" t="s">
        <v>20274</v>
      </c>
      <c r="F5182" s="1" t="s">
        <v>20275</v>
      </c>
      <c r="G5182" s="1" t="s">
        <v>20148</v>
      </c>
      <c r="H5182" s="1" t="s">
        <v>20149</v>
      </c>
      <c r="I5182" s="1" t="s">
        <v>19886</v>
      </c>
      <c r="J5182" s="1" t="s">
        <v>20276</v>
      </c>
    </row>
    <row r="5183" spans="1:10" x14ac:dyDescent="0.35">
      <c r="A5183" s="1" t="s">
        <v>20277</v>
      </c>
      <c r="B5183" s="1" t="s">
        <v>19880</v>
      </c>
      <c r="C5183" s="1" t="s">
        <v>8</v>
      </c>
      <c r="D5183" s="1" t="s">
        <v>20278</v>
      </c>
      <c r="E5183" s="1" t="s">
        <v>20279</v>
      </c>
      <c r="F5183" s="1" t="s">
        <v>20280</v>
      </c>
      <c r="G5183" s="1" t="s">
        <v>20281</v>
      </c>
      <c r="H5183" s="1" t="s">
        <v>20282</v>
      </c>
      <c r="I5183" s="1" t="s">
        <v>19886</v>
      </c>
      <c r="J5183" s="1" t="s">
        <v>13</v>
      </c>
    </row>
    <row r="5184" spans="1:10" x14ac:dyDescent="0.35">
      <c r="A5184" s="1" t="s">
        <v>20277</v>
      </c>
      <c r="B5184" s="1" t="s">
        <v>19880</v>
      </c>
      <c r="C5184" s="1" t="s">
        <v>15</v>
      </c>
      <c r="D5184" s="1" t="s">
        <v>20283</v>
      </c>
      <c r="E5184" s="1" t="s">
        <v>20284</v>
      </c>
      <c r="F5184" s="1" t="s">
        <v>20285</v>
      </c>
      <c r="G5184" s="1" t="s">
        <v>20281</v>
      </c>
      <c r="H5184" s="1" t="s">
        <v>20282</v>
      </c>
      <c r="I5184" s="1" t="s">
        <v>19886</v>
      </c>
      <c r="J5184" s="1" t="s">
        <v>20286</v>
      </c>
    </row>
    <row r="5185" spans="1:10" x14ac:dyDescent="0.35">
      <c r="A5185" s="1" t="s">
        <v>20277</v>
      </c>
      <c r="B5185" s="1" t="s">
        <v>19880</v>
      </c>
      <c r="C5185" s="1" t="s">
        <v>20</v>
      </c>
      <c r="D5185" s="1" t="s">
        <v>20287</v>
      </c>
      <c r="E5185" s="1" t="s">
        <v>20288</v>
      </c>
      <c r="F5185" s="1" t="s">
        <v>20289</v>
      </c>
      <c r="G5185" s="1" t="s">
        <v>20281</v>
      </c>
      <c r="H5185" s="1" t="s">
        <v>20282</v>
      </c>
      <c r="I5185" s="1" t="s">
        <v>19886</v>
      </c>
      <c r="J5185" s="1" t="s">
        <v>20290</v>
      </c>
    </row>
    <row r="5186" spans="1:10" x14ac:dyDescent="0.35">
      <c r="A5186" s="1" t="s">
        <v>20277</v>
      </c>
      <c r="B5186" s="1" t="s">
        <v>19880</v>
      </c>
      <c r="C5186" s="1" t="s">
        <v>25</v>
      </c>
      <c r="D5186" s="1" t="s">
        <v>20291</v>
      </c>
      <c r="E5186" s="1" t="s">
        <v>20292</v>
      </c>
      <c r="F5186" s="1" t="s">
        <v>20293</v>
      </c>
      <c r="G5186" s="1" t="s">
        <v>20281</v>
      </c>
      <c r="H5186" s="1" t="s">
        <v>20282</v>
      </c>
      <c r="I5186" s="1" t="s">
        <v>19886</v>
      </c>
      <c r="J5186" s="1" t="s">
        <v>20294</v>
      </c>
    </row>
    <row r="5187" spans="1:10" x14ac:dyDescent="0.35">
      <c r="A5187" s="1" t="s">
        <v>20277</v>
      </c>
      <c r="B5187" s="1" t="s">
        <v>19880</v>
      </c>
      <c r="C5187" s="1" t="s">
        <v>30</v>
      </c>
      <c r="D5187" s="1" t="s">
        <v>20295</v>
      </c>
      <c r="E5187" s="1" t="s">
        <v>20296</v>
      </c>
      <c r="F5187" s="1" t="s">
        <v>20297</v>
      </c>
      <c r="G5187" s="1" t="s">
        <v>20281</v>
      </c>
      <c r="H5187" s="1" t="s">
        <v>20282</v>
      </c>
      <c r="I5187" s="1" t="s">
        <v>19886</v>
      </c>
      <c r="J5187" s="1" t="s">
        <v>20298</v>
      </c>
    </row>
    <row r="5188" spans="1:10" x14ac:dyDescent="0.35">
      <c r="A5188" s="1" t="s">
        <v>20277</v>
      </c>
      <c r="B5188" s="1" t="s">
        <v>19880</v>
      </c>
      <c r="C5188" s="1" t="s">
        <v>35</v>
      </c>
      <c r="D5188" s="1" t="s">
        <v>20299</v>
      </c>
      <c r="E5188" s="1" t="s">
        <v>20300</v>
      </c>
      <c r="F5188" s="1" t="s">
        <v>20301</v>
      </c>
      <c r="G5188" s="1" t="s">
        <v>20281</v>
      </c>
      <c r="H5188" s="1" t="s">
        <v>20282</v>
      </c>
      <c r="I5188" s="1" t="s">
        <v>19886</v>
      </c>
      <c r="J5188" s="1" t="s">
        <v>20302</v>
      </c>
    </row>
    <row r="5189" spans="1:10" x14ac:dyDescent="0.35">
      <c r="A5189" s="1" t="s">
        <v>20277</v>
      </c>
      <c r="B5189" s="1" t="s">
        <v>19880</v>
      </c>
      <c r="C5189" s="1" t="s">
        <v>40</v>
      </c>
      <c r="D5189" s="1" t="s">
        <v>20303</v>
      </c>
      <c r="E5189" s="1" t="s">
        <v>20304</v>
      </c>
      <c r="F5189" s="1" t="s">
        <v>20305</v>
      </c>
      <c r="G5189" s="1" t="s">
        <v>20281</v>
      </c>
      <c r="H5189" s="1" t="s">
        <v>20282</v>
      </c>
      <c r="I5189" s="1" t="s">
        <v>19886</v>
      </c>
      <c r="J5189" s="1" t="s">
        <v>20306</v>
      </c>
    </row>
    <row r="5190" spans="1:10" x14ac:dyDescent="0.35">
      <c r="A5190" s="1" t="s">
        <v>20277</v>
      </c>
      <c r="B5190" s="1" t="s">
        <v>19880</v>
      </c>
      <c r="C5190" s="1" t="s">
        <v>45</v>
      </c>
      <c r="D5190" s="1" t="s">
        <v>20307</v>
      </c>
      <c r="E5190" s="1" t="s">
        <v>20308</v>
      </c>
      <c r="F5190" s="1" t="s">
        <v>20309</v>
      </c>
      <c r="G5190" s="1" t="s">
        <v>20281</v>
      </c>
      <c r="H5190" s="1" t="s">
        <v>20282</v>
      </c>
      <c r="I5190" s="1" t="s">
        <v>19886</v>
      </c>
      <c r="J5190" s="1" t="s">
        <v>20310</v>
      </c>
    </row>
    <row r="5191" spans="1:10" x14ac:dyDescent="0.35">
      <c r="A5191" s="1" t="s">
        <v>20277</v>
      </c>
      <c r="B5191" s="1" t="s">
        <v>19880</v>
      </c>
      <c r="C5191" s="1" t="s">
        <v>50</v>
      </c>
      <c r="D5191" s="1" t="s">
        <v>20311</v>
      </c>
      <c r="E5191" s="1" t="s">
        <v>20312</v>
      </c>
      <c r="F5191" s="1" t="s">
        <v>20313</v>
      </c>
      <c r="G5191" s="1" t="s">
        <v>20281</v>
      </c>
      <c r="H5191" s="1" t="s">
        <v>20282</v>
      </c>
      <c r="I5191" s="1" t="s">
        <v>19886</v>
      </c>
      <c r="J5191" s="1" t="s">
        <v>20314</v>
      </c>
    </row>
    <row r="5192" spans="1:10" x14ac:dyDescent="0.35">
      <c r="A5192" s="1" t="s">
        <v>20277</v>
      </c>
      <c r="B5192" s="1" t="s">
        <v>19880</v>
      </c>
      <c r="C5192" s="1" t="s">
        <v>55</v>
      </c>
      <c r="D5192" s="1" t="s">
        <v>20315</v>
      </c>
      <c r="E5192" s="1" t="s">
        <v>20316</v>
      </c>
      <c r="F5192" s="1" t="s">
        <v>20317</v>
      </c>
      <c r="G5192" s="1" t="s">
        <v>20281</v>
      </c>
      <c r="H5192" s="1" t="s">
        <v>20282</v>
      </c>
      <c r="I5192" s="1" t="s">
        <v>19886</v>
      </c>
      <c r="J5192" s="1" t="s">
        <v>20318</v>
      </c>
    </row>
    <row r="5193" spans="1:10" x14ac:dyDescent="0.35">
      <c r="A5193" s="1" t="s">
        <v>20277</v>
      </c>
      <c r="B5193" s="1" t="s">
        <v>19880</v>
      </c>
      <c r="C5193" s="1" t="s">
        <v>60</v>
      </c>
      <c r="D5193" s="1" t="s">
        <v>20319</v>
      </c>
      <c r="E5193" s="1" t="s">
        <v>20320</v>
      </c>
      <c r="F5193" s="1" t="s">
        <v>20321</v>
      </c>
      <c r="G5193" s="1" t="s">
        <v>20281</v>
      </c>
      <c r="H5193" s="1" t="s">
        <v>20282</v>
      </c>
      <c r="I5193" s="1" t="s">
        <v>19886</v>
      </c>
      <c r="J5193" s="1" t="s">
        <v>20322</v>
      </c>
    </row>
    <row r="5194" spans="1:10" x14ac:dyDescent="0.35">
      <c r="A5194" s="1" t="s">
        <v>20277</v>
      </c>
      <c r="B5194" s="1" t="s">
        <v>19880</v>
      </c>
      <c r="C5194" s="1" t="s">
        <v>65</v>
      </c>
      <c r="D5194" s="1" t="s">
        <v>20323</v>
      </c>
      <c r="E5194" s="1" t="s">
        <v>20324</v>
      </c>
      <c r="F5194" s="1" t="s">
        <v>20325</v>
      </c>
      <c r="G5194" s="1" t="s">
        <v>20281</v>
      </c>
      <c r="H5194" s="1" t="s">
        <v>20282</v>
      </c>
      <c r="I5194" s="1" t="s">
        <v>19886</v>
      </c>
      <c r="J5194" s="1" t="s">
        <v>20326</v>
      </c>
    </row>
    <row r="5195" spans="1:10" x14ac:dyDescent="0.35">
      <c r="A5195" s="1" t="s">
        <v>20277</v>
      </c>
      <c r="B5195" s="1" t="s">
        <v>19880</v>
      </c>
      <c r="C5195" s="1" t="s">
        <v>70</v>
      </c>
      <c r="D5195" s="1" t="s">
        <v>20327</v>
      </c>
      <c r="E5195" s="1" t="s">
        <v>20328</v>
      </c>
      <c r="F5195" s="1" t="s">
        <v>20329</v>
      </c>
      <c r="G5195" s="1" t="s">
        <v>20281</v>
      </c>
      <c r="H5195" s="1" t="s">
        <v>20282</v>
      </c>
      <c r="I5195" s="1" t="s">
        <v>19886</v>
      </c>
      <c r="J5195" s="1" t="s">
        <v>20330</v>
      </c>
    </row>
    <row r="5196" spans="1:10" x14ac:dyDescent="0.35">
      <c r="A5196" s="1" t="s">
        <v>20277</v>
      </c>
      <c r="B5196" s="1" t="s">
        <v>19880</v>
      </c>
      <c r="C5196" s="1" t="s">
        <v>75</v>
      </c>
      <c r="D5196" s="1" t="s">
        <v>20331</v>
      </c>
      <c r="E5196" s="1" t="s">
        <v>20332</v>
      </c>
      <c r="F5196" s="1" t="s">
        <v>20333</v>
      </c>
      <c r="G5196" s="1" t="s">
        <v>20281</v>
      </c>
      <c r="H5196" s="1" t="s">
        <v>20282</v>
      </c>
      <c r="I5196" s="1" t="s">
        <v>19886</v>
      </c>
      <c r="J5196" s="1" t="s">
        <v>20334</v>
      </c>
    </row>
    <row r="5197" spans="1:10" x14ac:dyDescent="0.35">
      <c r="A5197" s="1" t="s">
        <v>20277</v>
      </c>
      <c r="B5197" s="1" t="s">
        <v>19880</v>
      </c>
      <c r="C5197" s="1" t="s">
        <v>80</v>
      </c>
      <c r="D5197" s="1" t="s">
        <v>20335</v>
      </c>
      <c r="E5197" s="1" t="s">
        <v>20336</v>
      </c>
      <c r="F5197" s="1" t="s">
        <v>20337</v>
      </c>
      <c r="G5197" s="1" t="s">
        <v>20281</v>
      </c>
      <c r="H5197" s="1" t="s">
        <v>20282</v>
      </c>
      <c r="I5197" s="1" t="s">
        <v>19886</v>
      </c>
      <c r="J5197" s="1" t="s">
        <v>20338</v>
      </c>
    </row>
    <row r="5198" spans="1:10" x14ac:dyDescent="0.35">
      <c r="A5198" s="1" t="s">
        <v>20277</v>
      </c>
      <c r="B5198" s="1" t="s">
        <v>19880</v>
      </c>
      <c r="C5198" s="1" t="s">
        <v>85</v>
      </c>
      <c r="D5198" s="1" t="s">
        <v>20339</v>
      </c>
      <c r="E5198" s="1" t="s">
        <v>20340</v>
      </c>
      <c r="F5198" s="1" t="s">
        <v>20341</v>
      </c>
      <c r="G5198" s="1" t="s">
        <v>20281</v>
      </c>
      <c r="H5198" s="1" t="s">
        <v>20282</v>
      </c>
      <c r="I5198" s="1" t="s">
        <v>19886</v>
      </c>
      <c r="J5198" s="1" t="s">
        <v>20342</v>
      </c>
    </row>
    <row r="5199" spans="1:10" x14ac:dyDescent="0.35">
      <c r="A5199" s="1" t="s">
        <v>20277</v>
      </c>
      <c r="B5199" s="1" t="s">
        <v>19880</v>
      </c>
      <c r="C5199" s="1" t="s">
        <v>90</v>
      </c>
      <c r="D5199" s="1" t="s">
        <v>20343</v>
      </c>
      <c r="E5199" s="1" t="s">
        <v>20344</v>
      </c>
      <c r="F5199" s="1" t="s">
        <v>20345</v>
      </c>
      <c r="G5199" s="1" t="s">
        <v>20281</v>
      </c>
      <c r="H5199" s="1" t="s">
        <v>20282</v>
      </c>
      <c r="I5199" s="1" t="s">
        <v>19886</v>
      </c>
      <c r="J5199" s="1" t="s">
        <v>20346</v>
      </c>
    </row>
    <row r="5200" spans="1:10" x14ac:dyDescent="0.35">
      <c r="A5200" s="1" t="s">
        <v>20277</v>
      </c>
      <c r="B5200" s="1" t="s">
        <v>19880</v>
      </c>
      <c r="C5200" s="1" t="s">
        <v>95</v>
      </c>
      <c r="D5200" s="1" t="s">
        <v>20347</v>
      </c>
      <c r="E5200" s="1" t="s">
        <v>20348</v>
      </c>
      <c r="F5200" s="1" t="s">
        <v>20349</v>
      </c>
      <c r="G5200" s="1" t="s">
        <v>20281</v>
      </c>
      <c r="H5200" s="1" t="s">
        <v>20282</v>
      </c>
      <c r="I5200" s="1" t="s">
        <v>19886</v>
      </c>
      <c r="J5200" s="1" t="s">
        <v>20350</v>
      </c>
    </row>
    <row r="5201" spans="1:10" x14ac:dyDescent="0.35">
      <c r="A5201" s="1" t="s">
        <v>20277</v>
      </c>
      <c r="B5201" s="1" t="s">
        <v>19880</v>
      </c>
      <c r="C5201" s="1" t="s">
        <v>100</v>
      </c>
      <c r="D5201" s="1" t="s">
        <v>20351</v>
      </c>
      <c r="E5201" s="1" t="s">
        <v>20352</v>
      </c>
      <c r="F5201" s="1" t="s">
        <v>20353</v>
      </c>
      <c r="G5201" s="1" t="s">
        <v>20281</v>
      </c>
      <c r="H5201" s="1" t="s">
        <v>20282</v>
      </c>
      <c r="I5201" s="1" t="s">
        <v>19886</v>
      </c>
      <c r="J5201" s="1" t="s">
        <v>20354</v>
      </c>
    </row>
    <row r="5202" spans="1:10" x14ac:dyDescent="0.35">
      <c r="A5202" s="1" t="s">
        <v>20277</v>
      </c>
      <c r="B5202" s="1" t="s">
        <v>19880</v>
      </c>
      <c r="C5202" s="1" t="s">
        <v>105</v>
      </c>
      <c r="D5202" s="1" t="s">
        <v>20355</v>
      </c>
      <c r="E5202" s="1" t="s">
        <v>20356</v>
      </c>
      <c r="F5202" s="1" t="s">
        <v>20357</v>
      </c>
      <c r="G5202" s="1" t="s">
        <v>20281</v>
      </c>
      <c r="H5202" s="1" t="s">
        <v>20282</v>
      </c>
      <c r="I5202" s="1" t="s">
        <v>19886</v>
      </c>
      <c r="J5202" s="1" t="s">
        <v>20358</v>
      </c>
    </row>
    <row r="5203" spans="1:10" x14ac:dyDescent="0.35">
      <c r="A5203" s="1" t="s">
        <v>20277</v>
      </c>
      <c r="B5203" s="1" t="s">
        <v>19880</v>
      </c>
      <c r="C5203" s="1" t="s">
        <v>110</v>
      </c>
      <c r="D5203" s="1" t="s">
        <v>20359</v>
      </c>
      <c r="E5203" s="1" t="s">
        <v>20360</v>
      </c>
      <c r="F5203" s="1" t="s">
        <v>20361</v>
      </c>
      <c r="G5203" s="1" t="s">
        <v>20281</v>
      </c>
      <c r="H5203" s="1" t="s">
        <v>20282</v>
      </c>
      <c r="I5203" s="1" t="s">
        <v>19886</v>
      </c>
      <c r="J5203" s="1" t="s">
        <v>20362</v>
      </c>
    </row>
    <row r="5204" spans="1:10" x14ac:dyDescent="0.35">
      <c r="A5204" s="1" t="s">
        <v>20277</v>
      </c>
      <c r="B5204" s="1" t="s">
        <v>19880</v>
      </c>
      <c r="C5204" s="1" t="s">
        <v>115</v>
      </c>
      <c r="D5204" s="1" t="s">
        <v>20363</v>
      </c>
      <c r="E5204" s="1" t="s">
        <v>20364</v>
      </c>
      <c r="F5204" s="1" t="s">
        <v>20365</v>
      </c>
      <c r="G5204" s="1" t="s">
        <v>20281</v>
      </c>
      <c r="H5204" s="1" t="s">
        <v>20282</v>
      </c>
      <c r="I5204" s="1" t="s">
        <v>19886</v>
      </c>
      <c r="J5204" s="1" t="s">
        <v>20366</v>
      </c>
    </row>
    <row r="5205" spans="1:10" x14ac:dyDescent="0.35">
      <c r="A5205" s="1" t="s">
        <v>20277</v>
      </c>
      <c r="B5205" s="1" t="s">
        <v>19880</v>
      </c>
      <c r="C5205" s="1" t="s">
        <v>120</v>
      </c>
      <c r="D5205" s="1" t="s">
        <v>20367</v>
      </c>
      <c r="E5205" s="1" t="s">
        <v>20368</v>
      </c>
      <c r="F5205" s="1" t="s">
        <v>20369</v>
      </c>
      <c r="G5205" s="1" t="s">
        <v>20281</v>
      </c>
      <c r="H5205" s="1" t="s">
        <v>20282</v>
      </c>
      <c r="I5205" s="1" t="s">
        <v>19886</v>
      </c>
      <c r="J5205" s="1" t="s">
        <v>20370</v>
      </c>
    </row>
    <row r="5206" spans="1:10" x14ac:dyDescent="0.35">
      <c r="A5206" s="1" t="s">
        <v>20277</v>
      </c>
      <c r="B5206" s="1" t="s">
        <v>19880</v>
      </c>
      <c r="C5206" s="1" t="s">
        <v>125</v>
      </c>
      <c r="D5206" s="1" t="s">
        <v>20371</v>
      </c>
      <c r="E5206" s="1" t="s">
        <v>20372</v>
      </c>
      <c r="F5206" s="1" t="s">
        <v>20373</v>
      </c>
      <c r="G5206" s="1" t="s">
        <v>20281</v>
      </c>
      <c r="H5206" s="1" t="s">
        <v>20282</v>
      </c>
      <c r="I5206" s="1" t="s">
        <v>19886</v>
      </c>
      <c r="J5206" s="1" t="s">
        <v>20374</v>
      </c>
    </row>
    <row r="5207" spans="1:10" x14ac:dyDescent="0.35">
      <c r="A5207" s="1" t="s">
        <v>20277</v>
      </c>
      <c r="B5207" s="1" t="s">
        <v>19880</v>
      </c>
      <c r="C5207" s="1" t="s">
        <v>130</v>
      </c>
      <c r="D5207" s="1" t="s">
        <v>20375</v>
      </c>
      <c r="E5207" s="1" t="s">
        <v>20376</v>
      </c>
      <c r="F5207" s="1" t="s">
        <v>20377</v>
      </c>
      <c r="G5207" s="1" t="s">
        <v>20281</v>
      </c>
      <c r="H5207" s="1" t="s">
        <v>20282</v>
      </c>
      <c r="I5207" s="1" t="s">
        <v>19886</v>
      </c>
      <c r="J5207" s="1" t="s">
        <v>20378</v>
      </c>
    </row>
    <row r="5208" spans="1:10" x14ac:dyDescent="0.35">
      <c r="A5208" s="1" t="s">
        <v>20277</v>
      </c>
      <c r="B5208" s="1" t="s">
        <v>19880</v>
      </c>
      <c r="C5208" s="1" t="s">
        <v>135</v>
      </c>
      <c r="D5208" s="1" t="s">
        <v>20379</v>
      </c>
      <c r="E5208" s="1" t="s">
        <v>20380</v>
      </c>
      <c r="F5208" s="1" t="s">
        <v>20381</v>
      </c>
      <c r="G5208" s="1" t="s">
        <v>20281</v>
      </c>
      <c r="H5208" s="1" t="s">
        <v>20282</v>
      </c>
      <c r="I5208" s="1" t="s">
        <v>19886</v>
      </c>
      <c r="J5208" s="1" t="s">
        <v>20382</v>
      </c>
    </row>
    <row r="5209" spans="1:10" x14ac:dyDescent="0.35">
      <c r="A5209" s="1" t="s">
        <v>20277</v>
      </c>
      <c r="B5209" s="1" t="s">
        <v>19880</v>
      </c>
      <c r="C5209" s="1" t="s">
        <v>140</v>
      </c>
      <c r="D5209" s="1" t="s">
        <v>20383</v>
      </c>
      <c r="E5209" s="1" t="s">
        <v>20384</v>
      </c>
      <c r="F5209" s="1" t="s">
        <v>20385</v>
      </c>
      <c r="G5209" s="1" t="s">
        <v>20281</v>
      </c>
      <c r="H5209" s="1" t="s">
        <v>20282</v>
      </c>
      <c r="I5209" s="1" t="s">
        <v>19886</v>
      </c>
      <c r="J5209" s="1" t="s">
        <v>20386</v>
      </c>
    </row>
    <row r="5210" spans="1:10" x14ac:dyDescent="0.35">
      <c r="A5210" s="1" t="s">
        <v>20277</v>
      </c>
      <c r="B5210" s="1" t="s">
        <v>19880</v>
      </c>
      <c r="C5210" s="1" t="s">
        <v>145</v>
      </c>
      <c r="D5210" s="1" t="s">
        <v>20387</v>
      </c>
      <c r="E5210" s="1" t="s">
        <v>20388</v>
      </c>
      <c r="F5210" s="1" t="s">
        <v>20389</v>
      </c>
      <c r="G5210" s="1" t="s">
        <v>20281</v>
      </c>
      <c r="H5210" s="1" t="s">
        <v>20282</v>
      </c>
      <c r="I5210" s="1" t="s">
        <v>19886</v>
      </c>
      <c r="J5210" s="1" t="s">
        <v>20390</v>
      </c>
    </row>
    <row r="5211" spans="1:10" x14ac:dyDescent="0.35">
      <c r="A5211" s="1" t="s">
        <v>20277</v>
      </c>
      <c r="B5211" s="1" t="s">
        <v>19880</v>
      </c>
      <c r="C5211" s="1" t="s">
        <v>150</v>
      </c>
      <c r="D5211" s="1" t="s">
        <v>20391</v>
      </c>
      <c r="E5211" s="1" t="s">
        <v>20392</v>
      </c>
      <c r="F5211" s="1" t="s">
        <v>20393</v>
      </c>
      <c r="G5211" s="1" t="s">
        <v>20281</v>
      </c>
      <c r="H5211" s="1" t="s">
        <v>20282</v>
      </c>
      <c r="I5211" s="1" t="s">
        <v>19886</v>
      </c>
      <c r="J5211" s="1" t="s">
        <v>20394</v>
      </c>
    </row>
    <row r="5212" spans="1:10" x14ac:dyDescent="0.35">
      <c r="A5212" s="1" t="s">
        <v>20277</v>
      </c>
      <c r="B5212" s="1" t="s">
        <v>19880</v>
      </c>
      <c r="C5212" s="1" t="s">
        <v>155</v>
      </c>
      <c r="D5212" s="1" t="s">
        <v>20395</v>
      </c>
      <c r="E5212" s="1" t="s">
        <v>20396</v>
      </c>
      <c r="F5212" s="1" t="s">
        <v>20397</v>
      </c>
      <c r="G5212" s="1" t="s">
        <v>20281</v>
      </c>
      <c r="H5212" s="1" t="s">
        <v>20282</v>
      </c>
      <c r="I5212" s="1" t="s">
        <v>19886</v>
      </c>
      <c r="J5212" s="1" t="s">
        <v>20398</v>
      </c>
    </row>
    <row r="5213" spans="1:10" x14ac:dyDescent="0.35">
      <c r="A5213" s="1" t="s">
        <v>20277</v>
      </c>
      <c r="B5213" s="1" t="s">
        <v>19880</v>
      </c>
      <c r="C5213" s="1" t="s">
        <v>160</v>
      </c>
      <c r="D5213" s="1" t="s">
        <v>20399</v>
      </c>
      <c r="E5213" s="1" t="s">
        <v>20400</v>
      </c>
      <c r="F5213" s="1" t="s">
        <v>20401</v>
      </c>
      <c r="G5213" s="1" t="s">
        <v>20281</v>
      </c>
      <c r="H5213" s="1" t="s">
        <v>20282</v>
      </c>
      <c r="I5213" s="1" t="s">
        <v>19886</v>
      </c>
      <c r="J5213" s="1" t="s">
        <v>20402</v>
      </c>
    </row>
    <row r="5214" spans="1:10" x14ac:dyDescent="0.35">
      <c r="A5214" s="1" t="s">
        <v>20277</v>
      </c>
      <c r="B5214" s="1" t="s">
        <v>19880</v>
      </c>
      <c r="C5214" s="1" t="s">
        <v>165</v>
      </c>
      <c r="D5214" s="1" t="s">
        <v>20403</v>
      </c>
      <c r="E5214" s="1" t="s">
        <v>20404</v>
      </c>
      <c r="F5214" s="1" t="s">
        <v>20405</v>
      </c>
      <c r="G5214" s="1" t="s">
        <v>20281</v>
      </c>
      <c r="H5214" s="1" t="s">
        <v>20282</v>
      </c>
      <c r="I5214" s="1" t="s">
        <v>19886</v>
      </c>
      <c r="J5214" s="1" t="s">
        <v>20406</v>
      </c>
    </row>
    <row r="5215" spans="1:10" x14ac:dyDescent="0.35">
      <c r="A5215" s="1" t="s">
        <v>20277</v>
      </c>
      <c r="B5215" s="1" t="s">
        <v>19880</v>
      </c>
      <c r="C5215" s="1" t="s">
        <v>170</v>
      </c>
      <c r="D5215" s="1" t="s">
        <v>20407</v>
      </c>
      <c r="E5215" s="1" t="s">
        <v>20408</v>
      </c>
      <c r="F5215" s="1" t="s">
        <v>20409</v>
      </c>
      <c r="G5215" s="1" t="s">
        <v>20281</v>
      </c>
      <c r="H5215" s="1" t="s">
        <v>20282</v>
      </c>
      <c r="I5215" s="1" t="s">
        <v>19886</v>
      </c>
      <c r="J5215" s="1" t="s">
        <v>20410</v>
      </c>
    </row>
    <row r="5216" spans="1:10" x14ac:dyDescent="0.35">
      <c r="A5216" s="1" t="s">
        <v>20411</v>
      </c>
      <c r="B5216" s="1" t="s">
        <v>19880</v>
      </c>
      <c r="C5216" s="1" t="s">
        <v>8</v>
      </c>
      <c r="D5216" s="1" t="s">
        <v>11107</v>
      </c>
      <c r="E5216" s="1" t="s">
        <v>20412</v>
      </c>
      <c r="F5216" s="1" t="s">
        <v>20413</v>
      </c>
      <c r="G5216" s="1" t="s">
        <v>20414</v>
      </c>
      <c r="H5216" s="1" t="s">
        <v>20415</v>
      </c>
      <c r="I5216" s="1" t="s">
        <v>19886</v>
      </c>
      <c r="J5216" s="1" t="s">
        <v>13</v>
      </c>
    </row>
    <row r="5217" spans="1:10" x14ac:dyDescent="0.35">
      <c r="A5217" s="1" t="s">
        <v>20411</v>
      </c>
      <c r="B5217" s="1" t="s">
        <v>19880</v>
      </c>
      <c r="C5217" s="1" t="s">
        <v>15</v>
      </c>
      <c r="D5217" s="1" t="s">
        <v>20416</v>
      </c>
      <c r="E5217" s="1" t="s">
        <v>20417</v>
      </c>
      <c r="F5217" s="1" t="s">
        <v>20418</v>
      </c>
      <c r="G5217" s="1" t="s">
        <v>20414</v>
      </c>
      <c r="H5217" s="1" t="s">
        <v>20415</v>
      </c>
      <c r="I5217" s="1" t="s">
        <v>19886</v>
      </c>
      <c r="J5217" s="1" t="s">
        <v>20419</v>
      </c>
    </row>
    <row r="5218" spans="1:10" x14ac:dyDescent="0.35">
      <c r="A5218" s="1" t="s">
        <v>20411</v>
      </c>
      <c r="B5218" s="1" t="s">
        <v>19880</v>
      </c>
      <c r="C5218" s="1" t="s">
        <v>20</v>
      </c>
      <c r="D5218" s="1" t="s">
        <v>20420</v>
      </c>
      <c r="E5218" s="1" t="s">
        <v>20421</v>
      </c>
      <c r="F5218" s="1" t="s">
        <v>20422</v>
      </c>
      <c r="G5218" s="1" t="s">
        <v>20414</v>
      </c>
      <c r="H5218" s="1" t="s">
        <v>20415</v>
      </c>
      <c r="I5218" s="1" t="s">
        <v>19886</v>
      </c>
      <c r="J5218" s="1" t="s">
        <v>20423</v>
      </c>
    </row>
    <row r="5219" spans="1:10" x14ac:dyDescent="0.35">
      <c r="A5219" s="1" t="s">
        <v>20411</v>
      </c>
      <c r="B5219" s="1" t="s">
        <v>19880</v>
      </c>
      <c r="C5219" s="1" t="s">
        <v>25</v>
      </c>
      <c r="D5219" s="1" t="s">
        <v>20424</v>
      </c>
      <c r="E5219" s="1" t="s">
        <v>20425</v>
      </c>
      <c r="F5219" s="1" t="s">
        <v>20426</v>
      </c>
      <c r="G5219" s="1" t="s">
        <v>20414</v>
      </c>
      <c r="H5219" s="1" t="s">
        <v>20415</v>
      </c>
      <c r="I5219" s="1" t="s">
        <v>19886</v>
      </c>
      <c r="J5219" s="1" t="s">
        <v>20427</v>
      </c>
    </row>
    <row r="5220" spans="1:10" x14ac:dyDescent="0.35">
      <c r="A5220" s="1" t="s">
        <v>20411</v>
      </c>
      <c r="B5220" s="1" t="s">
        <v>19880</v>
      </c>
      <c r="C5220" s="1" t="s">
        <v>30</v>
      </c>
      <c r="D5220" s="1" t="s">
        <v>20428</v>
      </c>
      <c r="E5220" s="1" t="s">
        <v>20429</v>
      </c>
      <c r="F5220" s="1" t="s">
        <v>20430</v>
      </c>
      <c r="G5220" s="1" t="s">
        <v>20414</v>
      </c>
      <c r="H5220" s="1" t="s">
        <v>20415</v>
      </c>
      <c r="I5220" s="1" t="s">
        <v>19886</v>
      </c>
      <c r="J5220" s="1" t="s">
        <v>20431</v>
      </c>
    </row>
    <row r="5221" spans="1:10" x14ac:dyDescent="0.35">
      <c r="A5221" s="1" t="s">
        <v>20411</v>
      </c>
      <c r="B5221" s="1" t="s">
        <v>19880</v>
      </c>
      <c r="C5221" s="1" t="s">
        <v>35</v>
      </c>
      <c r="D5221" s="1" t="s">
        <v>20432</v>
      </c>
      <c r="E5221" s="1" t="s">
        <v>20433</v>
      </c>
      <c r="F5221" s="1" t="s">
        <v>20434</v>
      </c>
      <c r="G5221" s="1" t="s">
        <v>20414</v>
      </c>
      <c r="H5221" s="1" t="s">
        <v>20415</v>
      </c>
      <c r="I5221" s="1" t="s">
        <v>19886</v>
      </c>
      <c r="J5221" s="1" t="s">
        <v>20435</v>
      </c>
    </row>
    <row r="5222" spans="1:10" x14ac:dyDescent="0.35">
      <c r="A5222" s="1" t="s">
        <v>20411</v>
      </c>
      <c r="B5222" s="1" t="s">
        <v>19880</v>
      </c>
      <c r="C5222" s="1" t="s">
        <v>40</v>
      </c>
      <c r="D5222" s="1" t="s">
        <v>20436</v>
      </c>
      <c r="E5222" s="1" t="s">
        <v>20437</v>
      </c>
      <c r="F5222" s="1" t="s">
        <v>20438</v>
      </c>
      <c r="G5222" s="1" t="s">
        <v>20414</v>
      </c>
      <c r="H5222" s="1" t="s">
        <v>20415</v>
      </c>
      <c r="I5222" s="1" t="s">
        <v>19886</v>
      </c>
      <c r="J5222" s="1" t="s">
        <v>20439</v>
      </c>
    </row>
    <row r="5223" spans="1:10" x14ac:dyDescent="0.35">
      <c r="A5223" s="1" t="s">
        <v>20411</v>
      </c>
      <c r="B5223" s="1" t="s">
        <v>19880</v>
      </c>
      <c r="C5223" s="1" t="s">
        <v>45</v>
      </c>
      <c r="D5223" s="1" t="s">
        <v>20440</v>
      </c>
      <c r="E5223" s="1" t="s">
        <v>20441</v>
      </c>
      <c r="F5223" s="1" t="s">
        <v>20442</v>
      </c>
      <c r="G5223" s="1" t="s">
        <v>20414</v>
      </c>
      <c r="H5223" s="1" t="s">
        <v>20415</v>
      </c>
      <c r="I5223" s="1" t="s">
        <v>19886</v>
      </c>
      <c r="J5223" s="1" t="s">
        <v>20443</v>
      </c>
    </row>
    <row r="5224" spans="1:10" x14ac:dyDescent="0.35">
      <c r="A5224" s="1" t="s">
        <v>20411</v>
      </c>
      <c r="B5224" s="1" t="s">
        <v>19880</v>
      </c>
      <c r="C5224" s="1" t="s">
        <v>50</v>
      </c>
      <c r="D5224" s="1" t="s">
        <v>20444</v>
      </c>
      <c r="E5224" s="1" t="s">
        <v>20445</v>
      </c>
      <c r="F5224" s="1" t="s">
        <v>20446</v>
      </c>
      <c r="G5224" s="1" t="s">
        <v>20414</v>
      </c>
      <c r="H5224" s="1" t="s">
        <v>20415</v>
      </c>
      <c r="I5224" s="1" t="s">
        <v>19886</v>
      </c>
      <c r="J5224" s="1" t="s">
        <v>20447</v>
      </c>
    </row>
    <row r="5225" spans="1:10" x14ac:dyDescent="0.35">
      <c r="A5225" s="1" t="s">
        <v>20411</v>
      </c>
      <c r="B5225" s="1" t="s">
        <v>19880</v>
      </c>
      <c r="C5225" s="1" t="s">
        <v>55</v>
      </c>
      <c r="D5225" s="1" t="s">
        <v>20448</v>
      </c>
      <c r="E5225" s="1" t="s">
        <v>20449</v>
      </c>
      <c r="F5225" s="1" t="s">
        <v>20450</v>
      </c>
      <c r="G5225" s="1" t="s">
        <v>20414</v>
      </c>
      <c r="H5225" s="1" t="s">
        <v>20415</v>
      </c>
      <c r="I5225" s="1" t="s">
        <v>19886</v>
      </c>
      <c r="J5225" s="1" t="s">
        <v>20451</v>
      </c>
    </row>
    <row r="5226" spans="1:10" x14ac:dyDescent="0.35">
      <c r="A5226" s="1" t="s">
        <v>20411</v>
      </c>
      <c r="B5226" s="1" t="s">
        <v>19880</v>
      </c>
      <c r="C5226" s="1" t="s">
        <v>60</v>
      </c>
      <c r="D5226" s="1" t="s">
        <v>20452</v>
      </c>
      <c r="E5226" s="1" t="s">
        <v>20453</v>
      </c>
      <c r="F5226" s="1" t="s">
        <v>20454</v>
      </c>
      <c r="G5226" s="1" t="s">
        <v>20414</v>
      </c>
      <c r="H5226" s="1" t="s">
        <v>20415</v>
      </c>
      <c r="I5226" s="1" t="s">
        <v>19886</v>
      </c>
      <c r="J5226" s="1" t="s">
        <v>20455</v>
      </c>
    </row>
    <row r="5227" spans="1:10" x14ac:dyDescent="0.35">
      <c r="A5227" s="1" t="s">
        <v>20411</v>
      </c>
      <c r="B5227" s="1" t="s">
        <v>19880</v>
      </c>
      <c r="C5227" s="1" t="s">
        <v>65</v>
      </c>
      <c r="D5227" s="1" t="s">
        <v>20456</v>
      </c>
      <c r="E5227" s="1" t="s">
        <v>20457</v>
      </c>
      <c r="F5227" s="1" t="s">
        <v>20458</v>
      </c>
      <c r="G5227" s="1" t="s">
        <v>20414</v>
      </c>
      <c r="H5227" s="1" t="s">
        <v>20415</v>
      </c>
      <c r="I5227" s="1" t="s">
        <v>19886</v>
      </c>
      <c r="J5227" s="1" t="s">
        <v>20459</v>
      </c>
    </row>
    <row r="5228" spans="1:10" x14ac:dyDescent="0.35">
      <c r="A5228" s="1" t="s">
        <v>20411</v>
      </c>
      <c r="B5228" s="1" t="s">
        <v>19880</v>
      </c>
      <c r="C5228" s="1" t="s">
        <v>70</v>
      </c>
      <c r="D5228" s="1" t="s">
        <v>20460</v>
      </c>
      <c r="E5228" s="1" t="s">
        <v>20461</v>
      </c>
      <c r="F5228" s="1" t="s">
        <v>20462</v>
      </c>
      <c r="G5228" s="1" t="s">
        <v>20414</v>
      </c>
      <c r="H5228" s="1" t="s">
        <v>20415</v>
      </c>
      <c r="I5228" s="1" t="s">
        <v>19886</v>
      </c>
      <c r="J5228" s="1" t="s">
        <v>20463</v>
      </c>
    </row>
    <row r="5229" spans="1:10" x14ac:dyDescent="0.35">
      <c r="A5229" s="1" t="s">
        <v>20411</v>
      </c>
      <c r="B5229" s="1" t="s">
        <v>19880</v>
      </c>
      <c r="C5229" s="1" t="s">
        <v>75</v>
      </c>
      <c r="D5229" s="1" t="s">
        <v>20464</v>
      </c>
      <c r="E5229" s="1" t="s">
        <v>20465</v>
      </c>
      <c r="F5229" s="1" t="s">
        <v>20466</v>
      </c>
      <c r="G5229" s="1" t="s">
        <v>20414</v>
      </c>
      <c r="H5229" s="1" t="s">
        <v>20415</v>
      </c>
      <c r="I5229" s="1" t="s">
        <v>19886</v>
      </c>
      <c r="J5229" s="1" t="s">
        <v>20467</v>
      </c>
    </row>
    <row r="5230" spans="1:10" x14ac:dyDescent="0.35">
      <c r="A5230" s="1" t="s">
        <v>20411</v>
      </c>
      <c r="B5230" s="1" t="s">
        <v>19880</v>
      </c>
      <c r="C5230" s="1" t="s">
        <v>80</v>
      </c>
      <c r="D5230" s="1" t="s">
        <v>20468</v>
      </c>
      <c r="E5230" s="1" t="s">
        <v>20469</v>
      </c>
      <c r="F5230" s="1" t="s">
        <v>20470</v>
      </c>
      <c r="G5230" s="1" t="s">
        <v>20414</v>
      </c>
      <c r="H5230" s="1" t="s">
        <v>20415</v>
      </c>
      <c r="I5230" s="1" t="s">
        <v>19886</v>
      </c>
      <c r="J5230" s="1" t="s">
        <v>20471</v>
      </c>
    </row>
    <row r="5231" spans="1:10" x14ac:dyDescent="0.35">
      <c r="A5231" s="1" t="s">
        <v>20411</v>
      </c>
      <c r="B5231" s="1" t="s">
        <v>19880</v>
      </c>
      <c r="C5231" s="1" t="s">
        <v>85</v>
      </c>
      <c r="D5231" s="1" t="s">
        <v>20472</v>
      </c>
      <c r="E5231" s="1" t="s">
        <v>20473</v>
      </c>
      <c r="F5231" s="1" t="s">
        <v>20474</v>
      </c>
      <c r="G5231" s="1" t="s">
        <v>20414</v>
      </c>
      <c r="H5231" s="1" t="s">
        <v>20415</v>
      </c>
      <c r="I5231" s="1" t="s">
        <v>19886</v>
      </c>
      <c r="J5231" s="1" t="s">
        <v>20475</v>
      </c>
    </row>
    <row r="5232" spans="1:10" x14ac:dyDescent="0.35">
      <c r="A5232" s="1" t="s">
        <v>20411</v>
      </c>
      <c r="B5232" s="1" t="s">
        <v>19880</v>
      </c>
      <c r="C5232" s="1" t="s">
        <v>90</v>
      </c>
      <c r="D5232" s="1" t="s">
        <v>20476</v>
      </c>
      <c r="E5232" s="1" t="s">
        <v>20477</v>
      </c>
      <c r="F5232" s="1" t="s">
        <v>20478</v>
      </c>
      <c r="G5232" s="1" t="s">
        <v>20414</v>
      </c>
      <c r="H5232" s="1" t="s">
        <v>20415</v>
      </c>
      <c r="I5232" s="1" t="s">
        <v>19886</v>
      </c>
      <c r="J5232" s="1" t="s">
        <v>20479</v>
      </c>
    </row>
    <row r="5233" spans="1:10" x14ac:dyDescent="0.35">
      <c r="A5233" s="1" t="s">
        <v>20411</v>
      </c>
      <c r="B5233" s="1" t="s">
        <v>19880</v>
      </c>
      <c r="C5233" s="1" t="s">
        <v>95</v>
      </c>
      <c r="D5233" s="1" t="s">
        <v>20480</v>
      </c>
      <c r="E5233" s="1" t="s">
        <v>20481</v>
      </c>
      <c r="F5233" s="1" t="s">
        <v>20482</v>
      </c>
      <c r="G5233" s="1" t="s">
        <v>20414</v>
      </c>
      <c r="H5233" s="1" t="s">
        <v>20415</v>
      </c>
      <c r="I5233" s="1" t="s">
        <v>19886</v>
      </c>
      <c r="J5233" s="1" t="s">
        <v>20483</v>
      </c>
    </row>
    <row r="5234" spans="1:10" x14ac:dyDescent="0.35">
      <c r="A5234" s="1" t="s">
        <v>20411</v>
      </c>
      <c r="B5234" s="1" t="s">
        <v>19880</v>
      </c>
      <c r="C5234" s="1" t="s">
        <v>100</v>
      </c>
      <c r="D5234" s="1" t="s">
        <v>20484</v>
      </c>
      <c r="E5234" s="1" t="s">
        <v>20485</v>
      </c>
      <c r="F5234" s="1" t="s">
        <v>20486</v>
      </c>
      <c r="G5234" s="1" t="s">
        <v>20414</v>
      </c>
      <c r="H5234" s="1" t="s">
        <v>20415</v>
      </c>
      <c r="I5234" s="1" t="s">
        <v>19886</v>
      </c>
      <c r="J5234" s="1" t="s">
        <v>20487</v>
      </c>
    </row>
    <row r="5235" spans="1:10" x14ac:dyDescent="0.35">
      <c r="A5235" s="1" t="s">
        <v>20411</v>
      </c>
      <c r="B5235" s="1" t="s">
        <v>19880</v>
      </c>
      <c r="C5235" s="1" t="s">
        <v>105</v>
      </c>
      <c r="D5235" s="1" t="s">
        <v>20488</v>
      </c>
      <c r="E5235" s="1" t="s">
        <v>20489</v>
      </c>
      <c r="F5235" s="1" t="s">
        <v>20490</v>
      </c>
      <c r="G5235" s="1" t="s">
        <v>20414</v>
      </c>
      <c r="H5235" s="1" t="s">
        <v>20415</v>
      </c>
      <c r="I5235" s="1" t="s">
        <v>19886</v>
      </c>
      <c r="J5235" s="1" t="s">
        <v>20491</v>
      </c>
    </row>
    <row r="5236" spans="1:10" x14ac:dyDescent="0.35">
      <c r="A5236" s="1" t="s">
        <v>20411</v>
      </c>
      <c r="B5236" s="1" t="s">
        <v>19880</v>
      </c>
      <c r="C5236" s="1" t="s">
        <v>110</v>
      </c>
      <c r="D5236" s="1" t="s">
        <v>20492</v>
      </c>
      <c r="E5236" s="1" t="s">
        <v>20493</v>
      </c>
      <c r="F5236" s="1" t="s">
        <v>20494</v>
      </c>
      <c r="G5236" s="1" t="s">
        <v>20414</v>
      </c>
      <c r="H5236" s="1" t="s">
        <v>20415</v>
      </c>
      <c r="I5236" s="1" t="s">
        <v>19886</v>
      </c>
      <c r="J5236" s="1" t="s">
        <v>20495</v>
      </c>
    </row>
    <row r="5237" spans="1:10" x14ac:dyDescent="0.35">
      <c r="A5237" s="1" t="s">
        <v>20411</v>
      </c>
      <c r="B5237" s="1" t="s">
        <v>19880</v>
      </c>
      <c r="C5237" s="1" t="s">
        <v>115</v>
      </c>
      <c r="D5237" s="1" t="s">
        <v>20496</v>
      </c>
      <c r="E5237" s="1" t="s">
        <v>20497</v>
      </c>
      <c r="F5237" s="1" t="s">
        <v>20498</v>
      </c>
      <c r="G5237" s="1" t="s">
        <v>20414</v>
      </c>
      <c r="H5237" s="1" t="s">
        <v>20415</v>
      </c>
      <c r="I5237" s="1" t="s">
        <v>19886</v>
      </c>
      <c r="J5237" s="1" t="s">
        <v>20499</v>
      </c>
    </row>
    <row r="5238" spans="1:10" x14ac:dyDescent="0.35">
      <c r="A5238" s="1" t="s">
        <v>20411</v>
      </c>
      <c r="B5238" s="1" t="s">
        <v>19880</v>
      </c>
      <c r="C5238" s="1" t="s">
        <v>120</v>
      </c>
      <c r="D5238" s="1" t="s">
        <v>20500</v>
      </c>
      <c r="E5238" s="1" t="s">
        <v>20501</v>
      </c>
      <c r="F5238" s="1" t="s">
        <v>20502</v>
      </c>
      <c r="G5238" s="1" t="s">
        <v>20414</v>
      </c>
      <c r="H5238" s="1" t="s">
        <v>20415</v>
      </c>
      <c r="I5238" s="1" t="s">
        <v>19886</v>
      </c>
      <c r="J5238" s="1" t="s">
        <v>20503</v>
      </c>
    </row>
    <row r="5239" spans="1:10" x14ac:dyDescent="0.35">
      <c r="A5239" s="1" t="s">
        <v>20411</v>
      </c>
      <c r="B5239" s="1" t="s">
        <v>19880</v>
      </c>
      <c r="C5239" s="1" t="s">
        <v>125</v>
      </c>
      <c r="D5239" s="1" t="s">
        <v>20504</v>
      </c>
      <c r="E5239" s="1" t="s">
        <v>20505</v>
      </c>
      <c r="F5239" s="1" t="s">
        <v>20506</v>
      </c>
      <c r="G5239" s="1" t="s">
        <v>20414</v>
      </c>
      <c r="H5239" s="1" t="s">
        <v>20415</v>
      </c>
      <c r="I5239" s="1" t="s">
        <v>19886</v>
      </c>
      <c r="J5239" s="1" t="s">
        <v>20507</v>
      </c>
    </row>
    <row r="5240" spans="1:10" x14ac:dyDescent="0.35">
      <c r="A5240" s="1" t="s">
        <v>20411</v>
      </c>
      <c r="B5240" s="1" t="s">
        <v>19880</v>
      </c>
      <c r="C5240" s="1" t="s">
        <v>130</v>
      </c>
      <c r="D5240" s="1" t="s">
        <v>20508</v>
      </c>
      <c r="E5240" s="1" t="s">
        <v>20509</v>
      </c>
      <c r="F5240" s="1" t="s">
        <v>20510</v>
      </c>
      <c r="G5240" s="1" t="s">
        <v>20414</v>
      </c>
      <c r="H5240" s="1" t="s">
        <v>20415</v>
      </c>
      <c r="I5240" s="1" t="s">
        <v>19886</v>
      </c>
      <c r="J5240" s="1" t="s">
        <v>20511</v>
      </c>
    </row>
    <row r="5241" spans="1:10" x14ac:dyDescent="0.35">
      <c r="A5241" s="1" t="s">
        <v>20411</v>
      </c>
      <c r="B5241" s="1" t="s">
        <v>19880</v>
      </c>
      <c r="C5241" s="1" t="s">
        <v>135</v>
      </c>
      <c r="D5241" s="1" t="s">
        <v>20512</v>
      </c>
      <c r="E5241" s="1" t="s">
        <v>20513</v>
      </c>
      <c r="F5241" s="1" t="s">
        <v>20514</v>
      </c>
      <c r="G5241" s="1" t="s">
        <v>20414</v>
      </c>
      <c r="H5241" s="1" t="s">
        <v>20415</v>
      </c>
      <c r="I5241" s="1" t="s">
        <v>19886</v>
      </c>
      <c r="J5241" s="1" t="s">
        <v>20515</v>
      </c>
    </row>
    <row r="5242" spans="1:10" x14ac:dyDescent="0.35">
      <c r="A5242" s="1" t="s">
        <v>20411</v>
      </c>
      <c r="B5242" s="1" t="s">
        <v>19880</v>
      </c>
      <c r="C5242" s="1" t="s">
        <v>140</v>
      </c>
      <c r="D5242" s="1" t="s">
        <v>20516</v>
      </c>
      <c r="E5242" s="1" t="s">
        <v>20517</v>
      </c>
      <c r="F5242" s="1" t="s">
        <v>20518</v>
      </c>
      <c r="G5242" s="1" t="s">
        <v>20414</v>
      </c>
      <c r="H5242" s="1" t="s">
        <v>20415</v>
      </c>
      <c r="I5242" s="1" t="s">
        <v>19886</v>
      </c>
      <c r="J5242" s="1" t="s">
        <v>20519</v>
      </c>
    </row>
    <row r="5243" spans="1:10" x14ac:dyDescent="0.35">
      <c r="A5243" s="1" t="s">
        <v>20411</v>
      </c>
      <c r="B5243" s="1" t="s">
        <v>19880</v>
      </c>
      <c r="C5243" s="1" t="s">
        <v>145</v>
      </c>
      <c r="D5243" s="1" t="s">
        <v>20520</v>
      </c>
      <c r="E5243" s="1" t="s">
        <v>20521</v>
      </c>
      <c r="F5243" s="1" t="s">
        <v>20522</v>
      </c>
      <c r="G5243" s="1" t="s">
        <v>20414</v>
      </c>
      <c r="H5243" s="1" t="s">
        <v>20415</v>
      </c>
      <c r="I5243" s="1" t="s">
        <v>19886</v>
      </c>
      <c r="J5243" s="1" t="s">
        <v>20523</v>
      </c>
    </row>
    <row r="5244" spans="1:10" x14ac:dyDescent="0.35">
      <c r="A5244" s="1" t="s">
        <v>20411</v>
      </c>
      <c r="B5244" s="1" t="s">
        <v>19880</v>
      </c>
      <c r="C5244" s="1" t="s">
        <v>150</v>
      </c>
      <c r="D5244" s="1" t="s">
        <v>20524</v>
      </c>
      <c r="E5244" s="1" t="s">
        <v>20525</v>
      </c>
      <c r="F5244" s="1" t="s">
        <v>20526</v>
      </c>
      <c r="G5244" s="1" t="s">
        <v>20414</v>
      </c>
      <c r="H5244" s="1" t="s">
        <v>20415</v>
      </c>
      <c r="I5244" s="1" t="s">
        <v>19886</v>
      </c>
      <c r="J5244" s="1" t="s">
        <v>20527</v>
      </c>
    </row>
    <row r="5245" spans="1:10" x14ac:dyDescent="0.35">
      <c r="A5245" s="1" t="s">
        <v>20411</v>
      </c>
      <c r="B5245" s="1" t="s">
        <v>19880</v>
      </c>
      <c r="C5245" s="1" t="s">
        <v>155</v>
      </c>
      <c r="D5245" s="1" t="s">
        <v>20528</v>
      </c>
      <c r="E5245" s="1" t="s">
        <v>20529</v>
      </c>
      <c r="F5245" s="1" t="s">
        <v>20530</v>
      </c>
      <c r="G5245" s="1" t="s">
        <v>20414</v>
      </c>
      <c r="H5245" s="1" t="s">
        <v>20415</v>
      </c>
      <c r="I5245" s="1" t="s">
        <v>19886</v>
      </c>
      <c r="J5245" s="1" t="s">
        <v>20531</v>
      </c>
    </row>
    <row r="5246" spans="1:10" x14ac:dyDescent="0.35">
      <c r="A5246" s="1" t="s">
        <v>20411</v>
      </c>
      <c r="B5246" s="1" t="s">
        <v>19880</v>
      </c>
      <c r="C5246" s="1" t="s">
        <v>160</v>
      </c>
      <c r="D5246" s="1" t="s">
        <v>20532</v>
      </c>
      <c r="E5246" s="1" t="s">
        <v>20533</v>
      </c>
      <c r="F5246" s="1" t="s">
        <v>20534</v>
      </c>
      <c r="G5246" s="1" t="s">
        <v>20414</v>
      </c>
      <c r="H5246" s="1" t="s">
        <v>20415</v>
      </c>
      <c r="I5246" s="1" t="s">
        <v>19886</v>
      </c>
      <c r="J5246" s="1" t="s">
        <v>20535</v>
      </c>
    </row>
    <row r="5247" spans="1:10" x14ac:dyDescent="0.35">
      <c r="A5247" s="1" t="s">
        <v>20411</v>
      </c>
      <c r="B5247" s="1" t="s">
        <v>19880</v>
      </c>
      <c r="C5247" s="1" t="s">
        <v>165</v>
      </c>
      <c r="D5247" s="1" t="s">
        <v>20536</v>
      </c>
      <c r="E5247" s="1" t="s">
        <v>20537</v>
      </c>
      <c r="F5247" s="1" t="s">
        <v>20538</v>
      </c>
      <c r="G5247" s="1" t="s">
        <v>20414</v>
      </c>
      <c r="H5247" s="1" t="s">
        <v>20415</v>
      </c>
      <c r="I5247" s="1" t="s">
        <v>19886</v>
      </c>
      <c r="J5247" s="1" t="s">
        <v>20539</v>
      </c>
    </row>
    <row r="5248" spans="1:10" x14ac:dyDescent="0.35">
      <c r="A5248" s="1" t="s">
        <v>20411</v>
      </c>
      <c r="B5248" s="1" t="s">
        <v>19880</v>
      </c>
      <c r="C5248" s="1" t="s">
        <v>170</v>
      </c>
      <c r="D5248" s="1" t="s">
        <v>20540</v>
      </c>
      <c r="E5248" s="1" t="s">
        <v>20541</v>
      </c>
      <c r="F5248" s="1" t="s">
        <v>20542</v>
      </c>
      <c r="G5248" s="1" t="s">
        <v>20414</v>
      </c>
      <c r="H5248" s="1" t="s">
        <v>20415</v>
      </c>
      <c r="I5248" s="1" t="s">
        <v>19886</v>
      </c>
      <c r="J5248" s="1" t="s">
        <v>20543</v>
      </c>
    </row>
    <row r="5249" spans="1:10" x14ac:dyDescent="0.35">
      <c r="A5249" s="1" t="s">
        <v>20544</v>
      </c>
      <c r="B5249" s="1" t="s">
        <v>19880</v>
      </c>
      <c r="C5249" s="1" t="s">
        <v>8</v>
      </c>
      <c r="D5249" s="1" t="s">
        <v>20545</v>
      </c>
      <c r="E5249" s="1" t="s">
        <v>20546</v>
      </c>
      <c r="F5249" s="1" t="s">
        <v>20547</v>
      </c>
      <c r="G5249" s="1" t="s">
        <v>20548</v>
      </c>
      <c r="H5249" s="1" t="s">
        <v>20549</v>
      </c>
      <c r="I5249" s="1" t="s">
        <v>19886</v>
      </c>
      <c r="J5249" s="1" t="s">
        <v>13</v>
      </c>
    </row>
    <row r="5250" spans="1:10" x14ac:dyDescent="0.35">
      <c r="A5250" s="1" t="s">
        <v>20544</v>
      </c>
      <c r="B5250" s="1" t="s">
        <v>19880</v>
      </c>
      <c r="C5250" s="1" t="s">
        <v>15</v>
      </c>
      <c r="D5250" s="1" t="s">
        <v>20550</v>
      </c>
      <c r="E5250" s="1" t="s">
        <v>20551</v>
      </c>
      <c r="F5250" s="1" t="s">
        <v>20552</v>
      </c>
      <c r="G5250" s="1" t="s">
        <v>20548</v>
      </c>
      <c r="H5250" s="1" t="s">
        <v>20549</v>
      </c>
      <c r="I5250" s="1" t="s">
        <v>19886</v>
      </c>
      <c r="J5250" s="1" t="s">
        <v>20553</v>
      </c>
    </row>
    <row r="5251" spans="1:10" x14ac:dyDescent="0.35">
      <c r="A5251" s="1" t="s">
        <v>20544</v>
      </c>
      <c r="B5251" s="1" t="s">
        <v>19880</v>
      </c>
      <c r="C5251" s="1" t="s">
        <v>20</v>
      </c>
      <c r="D5251" s="1" t="s">
        <v>20554</v>
      </c>
      <c r="E5251" s="1" t="s">
        <v>20555</v>
      </c>
      <c r="F5251" s="1" t="s">
        <v>20556</v>
      </c>
      <c r="G5251" s="1" t="s">
        <v>20548</v>
      </c>
      <c r="H5251" s="1" t="s">
        <v>20549</v>
      </c>
      <c r="I5251" s="1" t="s">
        <v>19886</v>
      </c>
      <c r="J5251" s="1" t="s">
        <v>20557</v>
      </c>
    </row>
    <row r="5252" spans="1:10" x14ac:dyDescent="0.35">
      <c r="A5252" s="1" t="s">
        <v>20544</v>
      </c>
      <c r="B5252" s="1" t="s">
        <v>19880</v>
      </c>
      <c r="C5252" s="1" t="s">
        <v>25</v>
      </c>
      <c r="D5252" s="1" t="s">
        <v>20558</v>
      </c>
      <c r="E5252" s="1" t="s">
        <v>20559</v>
      </c>
      <c r="F5252" s="1" t="s">
        <v>20560</v>
      </c>
      <c r="G5252" s="1" t="s">
        <v>20548</v>
      </c>
      <c r="H5252" s="1" t="s">
        <v>20549</v>
      </c>
      <c r="I5252" s="1" t="s">
        <v>19886</v>
      </c>
      <c r="J5252" s="1" t="s">
        <v>20561</v>
      </c>
    </row>
    <row r="5253" spans="1:10" x14ac:dyDescent="0.35">
      <c r="A5253" s="1" t="s">
        <v>20544</v>
      </c>
      <c r="B5253" s="1" t="s">
        <v>19880</v>
      </c>
      <c r="C5253" s="1" t="s">
        <v>30</v>
      </c>
      <c r="D5253" s="1" t="s">
        <v>20562</v>
      </c>
      <c r="E5253" s="1" t="s">
        <v>20563</v>
      </c>
      <c r="F5253" s="1" t="s">
        <v>20564</v>
      </c>
      <c r="G5253" s="1" t="s">
        <v>20548</v>
      </c>
      <c r="H5253" s="1" t="s">
        <v>20549</v>
      </c>
      <c r="I5253" s="1" t="s">
        <v>19886</v>
      </c>
      <c r="J5253" s="1" t="s">
        <v>20565</v>
      </c>
    </row>
    <row r="5254" spans="1:10" x14ac:dyDescent="0.35">
      <c r="A5254" s="1" t="s">
        <v>20544</v>
      </c>
      <c r="B5254" s="1" t="s">
        <v>19880</v>
      </c>
      <c r="C5254" s="1" t="s">
        <v>35</v>
      </c>
      <c r="D5254" s="1" t="s">
        <v>20566</v>
      </c>
      <c r="E5254" s="1" t="s">
        <v>20567</v>
      </c>
      <c r="F5254" s="1" t="s">
        <v>20568</v>
      </c>
      <c r="G5254" s="1" t="s">
        <v>20548</v>
      </c>
      <c r="H5254" s="1" t="s">
        <v>20549</v>
      </c>
      <c r="I5254" s="1" t="s">
        <v>19886</v>
      </c>
      <c r="J5254" s="1" t="s">
        <v>20569</v>
      </c>
    </row>
    <row r="5255" spans="1:10" x14ac:dyDescent="0.35">
      <c r="A5255" s="1" t="s">
        <v>20544</v>
      </c>
      <c r="B5255" s="1" t="s">
        <v>19880</v>
      </c>
      <c r="C5255" s="1" t="s">
        <v>40</v>
      </c>
      <c r="D5255" s="1" t="s">
        <v>20570</v>
      </c>
      <c r="E5255" s="1" t="s">
        <v>20571</v>
      </c>
      <c r="F5255" s="1" t="s">
        <v>20572</v>
      </c>
      <c r="G5255" s="1" t="s">
        <v>20548</v>
      </c>
      <c r="H5255" s="1" t="s">
        <v>20549</v>
      </c>
      <c r="I5255" s="1" t="s">
        <v>19886</v>
      </c>
      <c r="J5255" s="1" t="s">
        <v>20573</v>
      </c>
    </row>
    <row r="5256" spans="1:10" x14ac:dyDescent="0.35">
      <c r="A5256" s="1" t="s">
        <v>20544</v>
      </c>
      <c r="B5256" s="1" t="s">
        <v>19880</v>
      </c>
      <c r="C5256" s="1" t="s">
        <v>45</v>
      </c>
      <c r="D5256" s="1" t="s">
        <v>20574</v>
      </c>
      <c r="E5256" s="1" t="s">
        <v>20575</v>
      </c>
      <c r="F5256" s="1" t="s">
        <v>20576</v>
      </c>
      <c r="G5256" s="1" t="s">
        <v>20548</v>
      </c>
      <c r="H5256" s="1" t="s">
        <v>20549</v>
      </c>
      <c r="I5256" s="1" t="s">
        <v>19886</v>
      </c>
      <c r="J5256" s="1" t="s">
        <v>20577</v>
      </c>
    </row>
    <row r="5257" spans="1:10" x14ac:dyDescent="0.35">
      <c r="A5257" s="1" t="s">
        <v>20544</v>
      </c>
      <c r="B5257" s="1" t="s">
        <v>19880</v>
      </c>
      <c r="C5257" s="1" t="s">
        <v>50</v>
      </c>
      <c r="D5257" s="1" t="s">
        <v>20578</v>
      </c>
      <c r="E5257" s="1" t="s">
        <v>20579</v>
      </c>
      <c r="F5257" s="1" t="s">
        <v>20580</v>
      </c>
      <c r="G5257" s="1" t="s">
        <v>20548</v>
      </c>
      <c r="H5257" s="1" t="s">
        <v>20549</v>
      </c>
      <c r="I5257" s="1" t="s">
        <v>19886</v>
      </c>
      <c r="J5257" s="1" t="s">
        <v>20581</v>
      </c>
    </row>
    <row r="5258" spans="1:10" x14ac:dyDescent="0.35">
      <c r="A5258" s="1" t="s">
        <v>20544</v>
      </c>
      <c r="B5258" s="1" t="s">
        <v>19880</v>
      </c>
      <c r="C5258" s="1" t="s">
        <v>55</v>
      </c>
      <c r="D5258" s="1" t="s">
        <v>20582</v>
      </c>
      <c r="E5258" s="1" t="s">
        <v>20583</v>
      </c>
      <c r="F5258" s="1" t="s">
        <v>20584</v>
      </c>
      <c r="G5258" s="1" t="s">
        <v>20548</v>
      </c>
      <c r="H5258" s="1" t="s">
        <v>20549</v>
      </c>
      <c r="I5258" s="1" t="s">
        <v>19886</v>
      </c>
      <c r="J5258" s="1" t="s">
        <v>20585</v>
      </c>
    </row>
    <row r="5259" spans="1:10" x14ac:dyDescent="0.35">
      <c r="A5259" s="1" t="s">
        <v>20544</v>
      </c>
      <c r="B5259" s="1" t="s">
        <v>19880</v>
      </c>
      <c r="C5259" s="1" t="s">
        <v>60</v>
      </c>
      <c r="D5259" s="1" t="s">
        <v>20586</v>
      </c>
      <c r="E5259" s="1" t="s">
        <v>20587</v>
      </c>
      <c r="F5259" s="1" t="s">
        <v>20588</v>
      </c>
      <c r="G5259" s="1" t="s">
        <v>20548</v>
      </c>
      <c r="H5259" s="1" t="s">
        <v>20549</v>
      </c>
      <c r="I5259" s="1" t="s">
        <v>19886</v>
      </c>
      <c r="J5259" s="1" t="s">
        <v>20589</v>
      </c>
    </row>
    <row r="5260" spans="1:10" x14ac:dyDescent="0.35">
      <c r="A5260" s="1" t="s">
        <v>20544</v>
      </c>
      <c r="B5260" s="1" t="s">
        <v>19880</v>
      </c>
      <c r="C5260" s="1" t="s">
        <v>65</v>
      </c>
      <c r="D5260" s="1" t="s">
        <v>20590</v>
      </c>
      <c r="E5260" s="1" t="s">
        <v>20591</v>
      </c>
      <c r="F5260" s="1" t="s">
        <v>20592</v>
      </c>
      <c r="G5260" s="1" t="s">
        <v>20548</v>
      </c>
      <c r="H5260" s="1" t="s">
        <v>20549</v>
      </c>
      <c r="I5260" s="1" t="s">
        <v>19886</v>
      </c>
      <c r="J5260" s="1" t="s">
        <v>20593</v>
      </c>
    </row>
    <row r="5261" spans="1:10" x14ac:dyDescent="0.35">
      <c r="A5261" s="1" t="s">
        <v>20544</v>
      </c>
      <c r="B5261" s="1" t="s">
        <v>19880</v>
      </c>
      <c r="C5261" s="1" t="s">
        <v>70</v>
      </c>
      <c r="D5261" s="1" t="s">
        <v>20594</v>
      </c>
      <c r="E5261" s="1" t="s">
        <v>20595</v>
      </c>
      <c r="F5261" s="1" t="s">
        <v>20596</v>
      </c>
      <c r="G5261" s="1" t="s">
        <v>20548</v>
      </c>
      <c r="H5261" s="1" t="s">
        <v>20549</v>
      </c>
      <c r="I5261" s="1" t="s">
        <v>19886</v>
      </c>
      <c r="J5261" s="1" t="s">
        <v>20597</v>
      </c>
    </row>
    <row r="5262" spans="1:10" x14ac:dyDescent="0.35">
      <c r="A5262" s="1" t="s">
        <v>20544</v>
      </c>
      <c r="B5262" s="1" t="s">
        <v>19880</v>
      </c>
      <c r="C5262" s="1" t="s">
        <v>75</v>
      </c>
      <c r="D5262" s="1" t="s">
        <v>20598</v>
      </c>
      <c r="E5262" s="1" t="s">
        <v>20599</v>
      </c>
      <c r="F5262" s="1" t="s">
        <v>20600</v>
      </c>
      <c r="G5262" s="1" t="s">
        <v>20548</v>
      </c>
      <c r="H5262" s="1" t="s">
        <v>20549</v>
      </c>
      <c r="I5262" s="1" t="s">
        <v>19886</v>
      </c>
      <c r="J5262" s="1" t="s">
        <v>20601</v>
      </c>
    </row>
    <row r="5263" spans="1:10" x14ac:dyDescent="0.35">
      <c r="A5263" s="1" t="s">
        <v>20544</v>
      </c>
      <c r="B5263" s="1" t="s">
        <v>19880</v>
      </c>
      <c r="C5263" s="1" t="s">
        <v>80</v>
      </c>
      <c r="D5263" s="1" t="s">
        <v>20602</v>
      </c>
      <c r="E5263" s="1" t="s">
        <v>20603</v>
      </c>
      <c r="F5263" s="1" t="s">
        <v>20604</v>
      </c>
      <c r="G5263" s="1" t="s">
        <v>20548</v>
      </c>
      <c r="H5263" s="1" t="s">
        <v>20549</v>
      </c>
      <c r="I5263" s="1" t="s">
        <v>19886</v>
      </c>
      <c r="J5263" s="1" t="s">
        <v>20605</v>
      </c>
    </row>
    <row r="5264" spans="1:10" x14ac:dyDescent="0.35">
      <c r="A5264" s="1" t="s">
        <v>20544</v>
      </c>
      <c r="B5264" s="1" t="s">
        <v>19880</v>
      </c>
      <c r="C5264" s="1" t="s">
        <v>85</v>
      </c>
      <c r="D5264" s="1" t="s">
        <v>20606</v>
      </c>
      <c r="E5264" s="1" t="s">
        <v>20607</v>
      </c>
      <c r="F5264" s="1" t="s">
        <v>20608</v>
      </c>
      <c r="G5264" s="1" t="s">
        <v>20548</v>
      </c>
      <c r="H5264" s="1" t="s">
        <v>20549</v>
      </c>
      <c r="I5264" s="1" t="s">
        <v>19886</v>
      </c>
      <c r="J5264" s="1" t="s">
        <v>20609</v>
      </c>
    </row>
    <row r="5265" spans="1:10" x14ac:dyDescent="0.35">
      <c r="A5265" s="1" t="s">
        <v>20544</v>
      </c>
      <c r="B5265" s="1" t="s">
        <v>19880</v>
      </c>
      <c r="C5265" s="1" t="s">
        <v>90</v>
      </c>
      <c r="D5265" s="1" t="s">
        <v>20610</v>
      </c>
      <c r="E5265" s="1" t="s">
        <v>20611</v>
      </c>
      <c r="F5265" s="1" t="s">
        <v>20612</v>
      </c>
      <c r="G5265" s="1" t="s">
        <v>20548</v>
      </c>
      <c r="H5265" s="1" t="s">
        <v>20549</v>
      </c>
      <c r="I5265" s="1" t="s">
        <v>19886</v>
      </c>
      <c r="J5265" s="1" t="s">
        <v>20613</v>
      </c>
    </row>
    <row r="5266" spans="1:10" x14ac:dyDescent="0.35">
      <c r="A5266" s="1" t="s">
        <v>20544</v>
      </c>
      <c r="B5266" s="1" t="s">
        <v>19880</v>
      </c>
      <c r="C5266" s="1" t="s">
        <v>95</v>
      </c>
      <c r="D5266" s="1" t="s">
        <v>20614</v>
      </c>
      <c r="E5266" s="1" t="s">
        <v>20615</v>
      </c>
      <c r="F5266" s="1" t="s">
        <v>20616</v>
      </c>
      <c r="G5266" s="1" t="s">
        <v>20548</v>
      </c>
      <c r="H5266" s="1" t="s">
        <v>20549</v>
      </c>
      <c r="I5266" s="1" t="s">
        <v>19886</v>
      </c>
      <c r="J5266" s="1" t="s">
        <v>20617</v>
      </c>
    </row>
    <row r="5267" spans="1:10" x14ac:dyDescent="0.35">
      <c r="A5267" s="1" t="s">
        <v>20544</v>
      </c>
      <c r="B5267" s="1" t="s">
        <v>19880</v>
      </c>
      <c r="C5267" s="1" t="s">
        <v>100</v>
      </c>
      <c r="D5267" s="1" t="s">
        <v>20618</v>
      </c>
      <c r="E5267" s="1" t="s">
        <v>20619</v>
      </c>
      <c r="F5267" s="1" t="s">
        <v>20620</v>
      </c>
      <c r="G5267" s="1" t="s">
        <v>20548</v>
      </c>
      <c r="H5267" s="1" t="s">
        <v>20549</v>
      </c>
      <c r="I5267" s="1" t="s">
        <v>19886</v>
      </c>
      <c r="J5267" s="1" t="s">
        <v>20621</v>
      </c>
    </row>
    <row r="5268" spans="1:10" x14ac:dyDescent="0.35">
      <c r="A5268" s="1" t="s">
        <v>20544</v>
      </c>
      <c r="B5268" s="1" t="s">
        <v>19880</v>
      </c>
      <c r="C5268" s="1" t="s">
        <v>105</v>
      </c>
      <c r="D5268" s="1" t="s">
        <v>20622</v>
      </c>
      <c r="E5268" s="1" t="s">
        <v>20623</v>
      </c>
      <c r="F5268" s="1" t="s">
        <v>20624</v>
      </c>
      <c r="G5268" s="1" t="s">
        <v>20548</v>
      </c>
      <c r="H5268" s="1" t="s">
        <v>20549</v>
      </c>
      <c r="I5268" s="1" t="s">
        <v>19886</v>
      </c>
      <c r="J5268" s="1" t="s">
        <v>20625</v>
      </c>
    </row>
    <row r="5269" spans="1:10" x14ac:dyDescent="0.35">
      <c r="A5269" s="1" t="s">
        <v>20544</v>
      </c>
      <c r="B5269" s="1" t="s">
        <v>19880</v>
      </c>
      <c r="C5269" s="1" t="s">
        <v>110</v>
      </c>
      <c r="D5269" s="1" t="s">
        <v>20626</v>
      </c>
      <c r="E5269" s="1" t="s">
        <v>20627</v>
      </c>
      <c r="F5269" s="1" t="s">
        <v>20628</v>
      </c>
      <c r="G5269" s="1" t="s">
        <v>20548</v>
      </c>
      <c r="H5269" s="1" t="s">
        <v>20549</v>
      </c>
      <c r="I5269" s="1" t="s">
        <v>19886</v>
      </c>
      <c r="J5269" s="1" t="s">
        <v>20629</v>
      </c>
    </row>
    <row r="5270" spans="1:10" x14ac:dyDescent="0.35">
      <c r="A5270" s="1" t="s">
        <v>20544</v>
      </c>
      <c r="B5270" s="1" t="s">
        <v>19880</v>
      </c>
      <c r="C5270" s="1" t="s">
        <v>115</v>
      </c>
      <c r="D5270" s="1" t="s">
        <v>20630</v>
      </c>
      <c r="E5270" s="1" t="s">
        <v>20631</v>
      </c>
      <c r="F5270" s="1" t="s">
        <v>20632</v>
      </c>
      <c r="G5270" s="1" t="s">
        <v>20548</v>
      </c>
      <c r="H5270" s="1" t="s">
        <v>20549</v>
      </c>
      <c r="I5270" s="1" t="s">
        <v>19886</v>
      </c>
      <c r="J5270" s="1" t="s">
        <v>20633</v>
      </c>
    </row>
    <row r="5271" spans="1:10" x14ac:dyDescent="0.35">
      <c r="A5271" s="1" t="s">
        <v>20544</v>
      </c>
      <c r="B5271" s="1" t="s">
        <v>19880</v>
      </c>
      <c r="C5271" s="1" t="s">
        <v>120</v>
      </c>
      <c r="D5271" s="1" t="s">
        <v>20634</v>
      </c>
      <c r="E5271" s="1" t="s">
        <v>20635</v>
      </c>
      <c r="F5271" s="1" t="s">
        <v>20636</v>
      </c>
      <c r="G5271" s="1" t="s">
        <v>20548</v>
      </c>
      <c r="H5271" s="1" t="s">
        <v>20549</v>
      </c>
      <c r="I5271" s="1" t="s">
        <v>19886</v>
      </c>
      <c r="J5271" s="1" t="s">
        <v>20637</v>
      </c>
    </row>
    <row r="5272" spans="1:10" x14ac:dyDescent="0.35">
      <c r="A5272" s="1" t="s">
        <v>20544</v>
      </c>
      <c r="B5272" s="1" t="s">
        <v>19880</v>
      </c>
      <c r="C5272" s="1" t="s">
        <v>125</v>
      </c>
      <c r="D5272" s="1" t="s">
        <v>20638</v>
      </c>
      <c r="E5272" s="1" t="s">
        <v>20639</v>
      </c>
      <c r="F5272" s="1" t="s">
        <v>20640</v>
      </c>
      <c r="G5272" s="1" t="s">
        <v>20548</v>
      </c>
      <c r="H5272" s="1" t="s">
        <v>20549</v>
      </c>
      <c r="I5272" s="1" t="s">
        <v>19886</v>
      </c>
      <c r="J5272" s="1" t="s">
        <v>20641</v>
      </c>
    </row>
    <row r="5273" spans="1:10" x14ac:dyDescent="0.35">
      <c r="A5273" s="1" t="s">
        <v>20544</v>
      </c>
      <c r="B5273" s="1" t="s">
        <v>19880</v>
      </c>
      <c r="C5273" s="1" t="s">
        <v>130</v>
      </c>
      <c r="D5273" s="1" t="s">
        <v>20642</v>
      </c>
      <c r="E5273" s="1" t="s">
        <v>20643</v>
      </c>
      <c r="F5273" s="1" t="s">
        <v>20644</v>
      </c>
      <c r="G5273" s="1" t="s">
        <v>20548</v>
      </c>
      <c r="H5273" s="1" t="s">
        <v>20549</v>
      </c>
      <c r="I5273" s="1" t="s">
        <v>19886</v>
      </c>
      <c r="J5273" s="1" t="s">
        <v>20645</v>
      </c>
    </row>
    <row r="5274" spans="1:10" x14ac:dyDescent="0.35">
      <c r="A5274" s="1" t="s">
        <v>20544</v>
      </c>
      <c r="B5274" s="1" t="s">
        <v>19880</v>
      </c>
      <c r="C5274" s="1" t="s">
        <v>135</v>
      </c>
      <c r="D5274" s="1" t="s">
        <v>20646</v>
      </c>
      <c r="E5274" s="1" t="s">
        <v>20647</v>
      </c>
      <c r="F5274" s="1" t="s">
        <v>20648</v>
      </c>
      <c r="G5274" s="1" t="s">
        <v>20548</v>
      </c>
      <c r="H5274" s="1" t="s">
        <v>20549</v>
      </c>
      <c r="I5274" s="1" t="s">
        <v>19886</v>
      </c>
      <c r="J5274" s="1" t="s">
        <v>20649</v>
      </c>
    </row>
    <row r="5275" spans="1:10" x14ac:dyDescent="0.35">
      <c r="A5275" s="1" t="s">
        <v>20544</v>
      </c>
      <c r="B5275" s="1" t="s">
        <v>19880</v>
      </c>
      <c r="C5275" s="1" t="s">
        <v>140</v>
      </c>
      <c r="D5275" s="1" t="s">
        <v>20650</v>
      </c>
      <c r="E5275" s="1" t="s">
        <v>20651</v>
      </c>
      <c r="F5275" s="1" t="s">
        <v>20652</v>
      </c>
      <c r="G5275" s="1" t="s">
        <v>20548</v>
      </c>
      <c r="H5275" s="1" t="s">
        <v>20549</v>
      </c>
      <c r="I5275" s="1" t="s">
        <v>19886</v>
      </c>
      <c r="J5275" s="1" t="s">
        <v>20653</v>
      </c>
    </row>
    <row r="5276" spans="1:10" x14ac:dyDescent="0.35">
      <c r="A5276" s="1" t="s">
        <v>20544</v>
      </c>
      <c r="B5276" s="1" t="s">
        <v>19880</v>
      </c>
      <c r="C5276" s="1" t="s">
        <v>145</v>
      </c>
      <c r="D5276" s="1" t="s">
        <v>20654</v>
      </c>
      <c r="E5276" s="1" t="s">
        <v>20655</v>
      </c>
      <c r="F5276" s="1" t="s">
        <v>20656</v>
      </c>
      <c r="G5276" s="1" t="s">
        <v>20548</v>
      </c>
      <c r="H5276" s="1" t="s">
        <v>20549</v>
      </c>
      <c r="I5276" s="1" t="s">
        <v>19886</v>
      </c>
      <c r="J5276" s="1" t="s">
        <v>20657</v>
      </c>
    </row>
    <row r="5277" spans="1:10" x14ac:dyDescent="0.35">
      <c r="A5277" s="1" t="s">
        <v>20544</v>
      </c>
      <c r="B5277" s="1" t="s">
        <v>19880</v>
      </c>
      <c r="C5277" s="1" t="s">
        <v>150</v>
      </c>
      <c r="D5277" s="1" t="s">
        <v>20658</v>
      </c>
      <c r="E5277" s="1" t="s">
        <v>20659</v>
      </c>
      <c r="F5277" s="1" t="s">
        <v>20660</v>
      </c>
      <c r="G5277" s="1" t="s">
        <v>20548</v>
      </c>
      <c r="H5277" s="1" t="s">
        <v>20549</v>
      </c>
      <c r="I5277" s="1" t="s">
        <v>19886</v>
      </c>
      <c r="J5277" s="1" t="s">
        <v>20661</v>
      </c>
    </row>
    <row r="5278" spans="1:10" x14ac:dyDescent="0.35">
      <c r="A5278" s="1" t="s">
        <v>20544</v>
      </c>
      <c r="B5278" s="1" t="s">
        <v>19880</v>
      </c>
      <c r="C5278" s="1" t="s">
        <v>155</v>
      </c>
      <c r="D5278" s="1" t="s">
        <v>20662</v>
      </c>
      <c r="E5278" s="1" t="s">
        <v>20663</v>
      </c>
      <c r="F5278" s="1" t="s">
        <v>20664</v>
      </c>
      <c r="G5278" s="1" t="s">
        <v>20548</v>
      </c>
      <c r="H5278" s="1" t="s">
        <v>20549</v>
      </c>
      <c r="I5278" s="1" t="s">
        <v>19886</v>
      </c>
      <c r="J5278" s="1" t="s">
        <v>20665</v>
      </c>
    </row>
    <row r="5279" spans="1:10" x14ac:dyDescent="0.35">
      <c r="A5279" s="1" t="s">
        <v>20544</v>
      </c>
      <c r="B5279" s="1" t="s">
        <v>19880</v>
      </c>
      <c r="C5279" s="1" t="s">
        <v>160</v>
      </c>
      <c r="D5279" s="1" t="s">
        <v>20666</v>
      </c>
      <c r="E5279" s="1" t="s">
        <v>20667</v>
      </c>
      <c r="F5279" s="1" t="s">
        <v>20668</v>
      </c>
      <c r="G5279" s="1" t="s">
        <v>20548</v>
      </c>
      <c r="H5279" s="1" t="s">
        <v>20549</v>
      </c>
      <c r="I5279" s="1" t="s">
        <v>19886</v>
      </c>
      <c r="J5279" s="1" t="s">
        <v>20669</v>
      </c>
    </row>
    <row r="5280" spans="1:10" x14ac:dyDescent="0.35">
      <c r="A5280" s="1" t="s">
        <v>20544</v>
      </c>
      <c r="B5280" s="1" t="s">
        <v>19880</v>
      </c>
      <c r="C5280" s="1" t="s">
        <v>165</v>
      </c>
      <c r="D5280" s="1" t="s">
        <v>20670</v>
      </c>
      <c r="E5280" s="1" t="s">
        <v>20671</v>
      </c>
      <c r="F5280" s="1" t="s">
        <v>20672</v>
      </c>
      <c r="G5280" s="1" t="s">
        <v>20548</v>
      </c>
      <c r="H5280" s="1" t="s">
        <v>20549</v>
      </c>
      <c r="I5280" s="1" t="s">
        <v>19886</v>
      </c>
      <c r="J5280" s="1" t="s">
        <v>20673</v>
      </c>
    </row>
    <row r="5281" spans="1:10" x14ac:dyDescent="0.35">
      <c r="A5281" s="1" t="s">
        <v>20544</v>
      </c>
      <c r="B5281" s="1" t="s">
        <v>19880</v>
      </c>
      <c r="C5281" s="1" t="s">
        <v>170</v>
      </c>
      <c r="D5281" s="1" t="s">
        <v>20674</v>
      </c>
      <c r="E5281" s="1" t="s">
        <v>20675</v>
      </c>
      <c r="F5281" s="1" t="s">
        <v>20676</v>
      </c>
      <c r="G5281" s="1" t="s">
        <v>20548</v>
      </c>
      <c r="H5281" s="1" t="s">
        <v>20549</v>
      </c>
      <c r="I5281" s="1" t="s">
        <v>19886</v>
      </c>
      <c r="J5281" s="1" t="s">
        <v>20677</v>
      </c>
    </row>
    <row r="5282" spans="1:10" x14ac:dyDescent="0.35">
      <c r="A5282" s="1" t="s">
        <v>20678</v>
      </c>
      <c r="B5282" s="1" t="s">
        <v>19880</v>
      </c>
      <c r="C5282" s="1" t="s">
        <v>8</v>
      </c>
      <c r="D5282" s="1" t="s">
        <v>20679</v>
      </c>
      <c r="E5282" s="1" t="s">
        <v>20680</v>
      </c>
      <c r="F5282" s="1" t="s">
        <v>20681</v>
      </c>
      <c r="G5282" s="1" t="s">
        <v>20682</v>
      </c>
      <c r="H5282" s="1" t="s">
        <v>20683</v>
      </c>
      <c r="I5282" s="1" t="s">
        <v>19886</v>
      </c>
      <c r="J5282" s="1" t="s">
        <v>13</v>
      </c>
    </row>
    <row r="5283" spans="1:10" x14ac:dyDescent="0.35">
      <c r="A5283" s="1" t="s">
        <v>20678</v>
      </c>
      <c r="B5283" s="1" t="s">
        <v>19880</v>
      </c>
      <c r="C5283" s="1" t="s">
        <v>15</v>
      </c>
      <c r="D5283" s="1" t="s">
        <v>20684</v>
      </c>
      <c r="E5283" s="1" t="s">
        <v>20685</v>
      </c>
      <c r="F5283" s="1" t="s">
        <v>20686</v>
      </c>
      <c r="G5283" s="1" t="s">
        <v>20682</v>
      </c>
      <c r="H5283" s="1" t="s">
        <v>20683</v>
      </c>
      <c r="I5283" s="1" t="s">
        <v>19886</v>
      </c>
      <c r="J5283" s="1" t="s">
        <v>20687</v>
      </c>
    </row>
    <row r="5284" spans="1:10" x14ac:dyDescent="0.35">
      <c r="A5284" s="1" t="s">
        <v>20678</v>
      </c>
      <c r="B5284" s="1" t="s">
        <v>19880</v>
      </c>
      <c r="C5284" s="1" t="s">
        <v>20</v>
      </c>
      <c r="D5284" s="1" t="s">
        <v>20688</v>
      </c>
      <c r="E5284" s="1" t="s">
        <v>20689</v>
      </c>
      <c r="F5284" s="1" t="s">
        <v>20690</v>
      </c>
      <c r="G5284" s="1" t="s">
        <v>20682</v>
      </c>
      <c r="H5284" s="1" t="s">
        <v>20683</v>
      </c>
      <c r="I5284" s="1" t="s">
        <v>19886</v>
      </c>
      <c r="J5284" s="1" t="s">
        <v>20691</v>
      </c>
    </row>
    <row r="5285" spans="1:10" x14ac:dyDescent="0.35">
      <c r="A5285" s="1" t="s">
        <v>20678</v>
      </c>
      <c r="B5285" s="1" t="s">
        <v>19880</v>
      </c>
      <c r="C5285" s="1" t="s">
        <v>25</v>
      </c>
      <c r="D5285" s="1" t="s">
        <v>20692</v>
      </c>
      <c r="E5285" s="1" t="s">
        <v>20693</v>
      </c>
      <c r="F5285" s="1" t="s">
        <v>20694</v>
      </c>
      <c r="G5285" s="1" t="s">
        <v>20682</v>
      </c>
      <c r="H5285" s="1" t="s">
        <v>20683</v>
      </c>
      <c r="I5285" s="1" t="s">
        <v>19886</v>
      </c>
      <c r="J5285" s="1" t="s">
        <v>20695</v>
      </c>
    </row>
    <row r="5286" spans="1:10" x14ac:dyDescent="0.35">
      <c r="A5286" s="1" t="s">
        <v>20678</v>
      </c>
      <c r="B5286" s="1" t="s">
        <v>19880</v>
      </c>
      <c r="C5286" s="1" t="s">
        <v>30</v>
      </c>
      <c r="D5286" s="1" t="s">
        <v>20696</v>
      </c>
      <c r="E5286" s="1" t="s">
        <v>20697</v>
      </c>
      <c r="F5286" s="1" t="s">
        <v>20698</v>
      </c>
      <c r="G5286" s="1" t="s">
        <v>20682</v>
      </c>
      <c r="H5286" s="1" t="s">
        <v>20683</v>
      </c>
      <c r="I5286" s="1" t="s">
        <v>19886</v>
      </c>
      <c r="J5286" s="1" t="s">
        <v>20699</v>
      </c>
    </row>
    <row r="5287" spans="1:10" x14ac:dyDescent="0.35">
      <c r="A5287" s="1" t="s">
        <v>20678</v>
      </c>
      <c r="B5287" s="1" t="s">
        <v>19880</v>
      </c>
      <c r="C5287" s="1" t="s">
        <v>35</v>
      </c>
      <c r="D5287" s="1" t="s">
        <v>20700</v>
      </c>
      <c r="E5287" s="1" t="s">
        <v>20701</v>
      </c>
      <c r="F5287" s="1" t="s">
        <v>20702</v>
      </c>
      <c r="G5287" s="1" t="s">
        <v>20682</v>
      </c>
      <c r="H5287" s="1" t="s">
        <v>20683</v>
      </c>
      <c r="I5287" s="1" t="s">
        <v>19886</v>
      </c>
      <c r="J5287" s="1" t="s">
        <v>20703</v>
      </c>
    </row>
    <row r="5288" spans="1:10" x14ac:dyDescent="0.35">
      <c r="A5288" s="1" t="s">
        <v>20678</v>
      </c>
      <c r="B5288" s="1" t="s">
        <v>19880</v>
      </c>
      <c r="C5288" s="1" t="s">
        <v>40</v>
      </c>
      <c r="D5288" s="1" t="s">
        <v>20704</v>
      </c>
      <c r="E5288" s="1" t="s">
        <v>20705</v>
      </c>
      <c r="F5288" s="1" t="s">
        <v>20706</v>
      </c>
      <c r="G5288" s="1" t="s">
        <v>20682</v>
      </c>
      <c r="H5288" s="1" t="s">
        <v>20683</v>
      </c>
      <c r="I5288" s="1" t="s">
        <v>19886</v>
      </c>
      <c r="J5288" s="1" t="s">
        <v>20707</v>
      </c>
    </row>
    <row r="5289" spans="1:10" x14ac:dyDescent="0.35">
      <c r="A5289" s="1" t="s">
        <v>20678</v>
      </c>
      <c r="B5289" s="1" t="s">
        <v>19880</v>
      </c>
      <c r="C5289" s="1" t="s">
        <v>45</v>
      </c>
      <c r="D5289" s="1" t="s">
        <v>20708</v>
      </c>
      <c r="E5289" s="1" t="s">
        <v>20709</v>
      </c>
      <c r="F5289" s="1" t="s">
        <v>20710</v>
      </c>
      <c r="G5289" s="1" t="s">
        <v>20682</v>
      </c>
      <c r="H5289" s="1" t="s">
        <v>20683</v>
      </c>
      <c r="I5289" s="1" t="s">
        <v>19886</v>
      </c>
      <c r="J5289" s="1" t="s">
        <v>20711</v>
      </c>
    </row>
    <row r="5290" spans="1:10" x14ac:dyDescent="0.35">
      <c r="A5290" s="1" t="s">
        <v>20678</v>
      </c>
      <c r="B5290" s="1" t="s">
        <v>19880</v>
      </c>
      <c r="C5290" s="1" t="s">
        <v>50</v>
      </c>
      <c r="D5290" s="1" t="s">
        <v>20712</v>
      </c>
      <c r="E5290" s="1" t="s">
        <v>20713</v>
      </c>
      <c r="F5290" s="1" t="s">
        <v>20714</v>
      </c>
      <c r="G5290" s="1" t="s">
        <v>20682</v>
      </c>
      <c r="H5290" s="1" t="s">
        <v>20683</v>
      </c>
      <c r="I5290" s="1" t="s">
        <v>19886</v>
      </c>
      <c r="J5290" s="1" t="s">
        <v>20715</v>
      </c>
    </row>
    <row r="5291" spans="1:10" x14ac:dyDescent="0.35">
      <c r="A5291" s="1" t="s">
        <v>20678</v>
      </c>
      <c r="B5291" s="1" t="s">
        <v>19880</v>
      </c>
      <c r="C5291" s="1" t="s">
        <v>55</v>
      </c>
      <c r="D5291" s="1" t="s">
        <v>20716</v>
      </c>
      <c r="E5291" s="1" t="s">
        <v>20717</v>
      </c>
      <c r="F5291" s="1" t="s">
        <v>20718</v>
      </c>
      <c r="G5291" s="1" t="s">
        <v>20682</v>
      </c>
      <c r="H5291" s="1" t="s">
        <v>20683</v>
      </c>
      <c r="I5291" s="1" t="s">
        <v>19886</v>
      </c>
      <c r="J5291" s="1" t="s">
        <v>20719</v>
      </c>
    </row>
    <row r="5292" spans="1:10" x14ac:dyDescent="0.35">
      <c r="A5292" s="1" t="s">
        <v>20678</v>
      </c>
      <c r="B5292" s="1" t="s">
        <v>19880</v>
      </c>
      <c r="C5292" s="1" t="s">
        <v>60</v>
      </c>
      <c r="D5292" s="1" t="s">
        <v>20720</v>
      </c>
      <c r="E5292" s="1" t="s">
        <v>20721</v>
      </c>
      <c r="F5292" s="1" t="s">
        <v>20722</v>
      </c>
      <c r="G5292" s="1" t="s">
        <v>20682</v>
      </c>
      <c r="H5292" s="1" t="s">
        <v>20683</v>
      </c>
      <c r="I5292" s="1" t="s">
        <v>19886</v>
      </c>
      <c r="J5292" s="1" t="s">
        <v>20723</v>
      </c>
    </row>
    <row r="5293" spans="1:10" x14ac:dyDescent="0.35">
      <c r="A5293" s="1" t="s">
        <v>20678</v>
      </c>
      <c r="B5293" s="1" t="s">
        <v>19880</v>
      </c>
      <c r="C5293" s="1" t="s">
        <v>65</v>
      </c>
      <c r="D5293" s="1" t="s">
        <v>20724</v>
      </c>
      <c r="E5293" s="1" t="s">
        <v>20725</v>
      </c>
      <c r="F5293" s="1" t="s">
        <v>20726</v>
      </c>
      <c r="G5293" s="1" t="s">
        <v>20682</v>
      </c>
      <c r="H5293" s="1" t="s">
        <v>20683</v>
      </c>
      <c r="I5293" s="1" t="s">
        <v>19886</v>
      </c>
      <c r="J5293" s="1" t="s">
        <v>20727</v>
      </c>
    </row>
    <row r="5294" spans="1:10" x14ac:dyDescent="0.35">
      <c r="A5294" s="1" t="s">
        <v>20678</v>
      </c>
      <c r="B5294" s="1" t="s">
        <v>19880</v>
      </c>
      <c r="C5294" s="1" t="s">
        <v>70</v>
      </c>
      <c r="D5294" s="1" t="s">
        <v>20728</v>
      </c>
      <c r="E5294" s="1" t="s">
        <v>20729</v>
      </c>
      <c r="F5294" s="1" t="s">
        <v>20730</v>
      </c>
      <c r="G5294" s="1" t="s">
        <v>20682</v>
      </c>
      <c r="H5294" s="1" t="s">
        <v>20683</v>
      </c>
      <c r="I5294" s="1" t="s">
        <v>19886</v>
      </c>
      <c r="J5294" s="1" t="s">
        <v>20731</v>
      </c>
    </row>
    <row r="5295" spans="1:10" x14ac:dyDescent="0.35">
      <c r="A5295" s="1" t="s">
        <v>20678</v>
      </c>
      <c r="B5295" s="1" t="s">
        <v>19880</v>
      </c>
      <c r="C5295" s="1" t="s">
        <v>75</v>
      </c>
      <c r="D5295" s="1" t="s">
        <v>20732</v>
      </c>
      <c r="E5295" s="1" t="s">
        <v>20733</v>
      </c>
      <c r="F5295" s="1" t="s">
        <v>20734</v>
      </c>
      <c r="G5295" s="1" t="s">
        <v>20682</v>
      </c>
      <c r="H5295" s="1" t="s">
        <v>20683</v>
      </c>
      <c r="I5295" s="1" t="s">
        <v>19886</v>
      </c>
      <c r="J5295" s="1" t="s">
        <v>20735</v>
      </c>
    </row>
    <row r="5296" spans="1:10" x14ac:dyDescent="0.35">
      <c r="A5296" s="1" t="s">
        <v>20678</v>
      </c>
      <c r="B5296" s="1" t="s">
        <v>19880</v>
      </c>
      <c r="C5296" s="1" t="s">
        <v>80</v>
      </c>
      <c r="D5296" s="1" t="s">
        <v>20736</v>
      </c>
      <c r="E5296" s="1" t="s">
        <v>20737</v>
      </c>
      <c r="F5296" s="1" t="s">
        <v>20738</v>
      </c>
      <c r="G5296" s="1" t="s">
        <v>20682</v>
      </c>
      <c r="H5296" s="1" t="s">
        <v>20683</v>
      </c>
      <c r="I5296" s="1" t="s">
        <v>19886</v>
      </c>
      <c r="J5296" s="1" t="s">
        <v>20739</v>
      </c>
    </row>
    <row r="5297" spans="1:10" x14ac:dyDescent="0.35">
      <c r="A5297" s="1" t="s">
        <v>20678</v>
      </c>
      <c r="B5297" s="1" t="s">
        <v>19880</v>
      </c>
      <c r="C5297" s="1" t="s">
        <v>85</v>
      </c>
      <c r="D5297" s="1" t="s">
        <v>20740</v>
      </c>
      <c r="E5297" s="1" t="s">
        <v>20741</v>
      </c>
      <c r="F5297" s="1" t="s">
        <v>20742</v>
      </c>
      <c r="G5297" s="1" t="s">
        <v>20682</v>
      </c>
      <c r="H5297" s="1" t="s">
        <v>20683</v>
      </c>
      <c r="I5297" s="1" t="s">
        <v>19886</v>
      </c>
      <c r="J5297" s="1" t="s">
        <v>20743</v>
      </c>
    </row>
    <row r="5298" spans="1:10" x14ac:dyDescent="0.35">
      <c r="A5298" s="1" t="s">
        <v>20678</v>
      </c>
      <c r="B5298" s="1" t="s">
        <v>19880</v>
      </c>
      <c r="C5298" s="1" t="s">
        <v>90</v>
      </c>
      <c r="D5298" s="1" t="s">
        <v>20744</v>
      </c>
      <c r="E5298" s="1" t="s">
        <v>20745</v>
      </c>
      <c r="F5298" s="1" t="s">
        <v>20746</v>
      </c>
      <c r="G5298" s="1" t="s">
        <v>20682</v>
      </c>
      <c r="H5298" s="1" t="s">
        <v>20683</v>
      </c>
      <c r="I5298" s="1" t="s">
        <v>19886</v>
      </c>
      <c r="J5298" s="1" t="s">
        <v>20747</v>
      </c>
    </row>
    <row r="5299" spans="1:10" x14ac:dyDescent="0.35">
      <c r="A5299" s="1" t="s">
        <v>20678</v>
      </c>
      <c r="B5299" s="1" t="s">
        <v>19880</v>
      </c>
      <c r="C5299" s="1" t="s">
        <v>95</v>
      </c>
      <c r="D5299" s="1" t="s">
        <v>20748</v>
      </c>
      <c r="E5299" s="1" t="s">
        <v>20749</v>
      </c>
      <c r="F5299" s="1" t="s">
        <v>20750</v>
      </c>
      <c r="G5299" s="1" t="s">
        <v>20682</v>
      </c>
      <c r="H5299" s="1" t="s">
        <v>20683</v>
      </c>
      <c r="I5299" s="1" t="s">
        <v>19886</v>
      </c>
      <c r="J5299" s="1" t="s">
        <v>20751</v>
      </c>
    </row>
    <row r="5300" spans="1:10" x14ac:dyDescent="0.35">
      <c r="A5300" s="1" t="s">
        <v>20678</v>
      </c>
      <c r="B5300" s="1" t="s">
        <v>19880</v>
      </c>
      <c r="C5300" s="1" t="s">
        <v>100</v>
      </c>
      <c r="D5300" s="1" t="s">
        <v>20752</v>
      </c>
      <c r="E5300" s="1" t="s">
        <v>20753</v>
      </c>
      <c r="F5300" s="1" t="s">
        <v>20754</v>
      </c>
      <c r="G5300" s="1" t="s">
        <v>20682</v>
      </c>
      <c r="H5300" s="1" t="s">
        <v>20683</v>
      </c>
      <c r="I5300" s="1" t="s">
        <v>19886</v>
      </c>
      <c r="J5300" s="1" t="s">
        <v>20755</v>
      </c>
    </row>
    <row r="5301" spans="1:10" x14ac:dyDescent="0.35">
      <c r="A5301" s="1" t="s">
        <v>20678</v>
      </c>
      <c r="B5301" s="1" t="s">
        <v>19880</v>
      </c>
      <c r="C5301" s="1" t="s">
        <v>105</v>
      </c>
      <c r="D5301" s="1" t="s">
        <v>20756</v>
      </c>
      <c r="E5301" s="1" t="s">
        <v>20757</v>
      </c>
      <c r="F5301" s="1" t="s">
        <v>20758</v>
      </c>
      <c r="G5301" s="1" t="s">
        <v>20682</v>
      </c>
      <c r="H5301" s="1" t="s">
        <v>20683</v>
      </c>
      <c r="I5301" s="1" t="s">
        <v>19886</v>
      </c>
      <c r="J5301" s="1" t="s">
        <v>20759</v>
      </c>
    </row>
    <row r="5302" spans="1:10" x14ac:dyDescent="0.35">
      <c r="A5302" s="1" t="s">
        <v>20678</v>
      </c>
      <c r="B5302" s="1" t="s">
        <v>19880</v>
      </c>
      <c r="C5302" s="1" t="s">
        <v>110</v>
      </c>
      <c r="D5302" s="1" t="s">
        <v>20760</v>
      </c>
      <c r="E5302" s="1" t="s">
        <v>20761</v>
      </c>
      <c r="F5302" s="1" t="s">
        <v>20762</v>
      </c>
      <c r="G5302" s="1" t="s">
        <v>20682</v>
      </c>
      <c r="H5302" s="1" t="s">
        <v>20683</v>
      </c>
      <c r="I5302" s="1" t="s">
        <v>19886</v>
      </c>
      <c r="J5302" s="1" t="s">
        <v>20763</v>
      </c>
    </row>
    <row r="5303" spans="1:10" x14ac:dyDescent="0.35">
      <c r="A5303" s="1" t="s">
        <v>20678</v>
      </c>
      <c r="B5303" s="1" t="s">
        <v>19880</v>
      </c>
      <c r="C5303" s="1" t="s">
        <v>115</v>
      </c>
      <c r="D5303" s="1" t="s">
        <v>20764</v>
      </c>
      <c r="E5303" s="1" t="s">
        <v>20765</v>
      </c>
      <c r="F5303" s="1" t="s">
        <v>20766</v>
      </c>
      <c r="G5303" s="1" t="s">
        <v>20682</v>
      </c>
      <c r="H5303" s="1" t="s">
        <v>20683</v>
      </c>
      <c r="I5303" s="1" t="s">
        <v>19886</v>
      </c>
      <c r="J5303" s="1" t="s">
        <v>20767</v>
      </c>
    </row>
    <row r="5304" spans="1:10" x14ac:dyDescent="0.35">
      <c r="A5304" s="1" t="s">
        <v>20678</v>
      </c>
      <c r="B5304" s="1" t="s">
        <v>19880</v>
      </c>
      <c r="C5304" s="1" t="s">
        <v>120</v>
      </c>
      <c r="D5304" s="1" t="s">
        <v>20768</v>
      </c>
      <c r="E5304" s="1" t="s">
        <v>20769</v>
      </c>
      <c r="F5304" s="1" t="s">
        <v>20770</v>
      </c>
      <c r="G5304" s="1" t="s">
        <v>20682</v>
      </c>
      <c r="H5304" s="1" t="s">
        <v>20683</v>
      </c>
      <c r="I5304" s="1" t="s">
        <v>19886</v>
      </c>
      <c r="J5304" s="1" t="s">
        <v>20771</v>
      </c>
    </row>
    <row r="5305" spans="1:10" x14ac:dyDescent="0.35">
      <c r="A5305" s="1" t="s">
        <v>20678</v>
      </c>
      <c r="B5305" s="1" t="s">
        <v>19880</v>
      </c>
      <c r="C5305" s="1" t="s">
        <v>125</v>
      </c>
      <c r="D5305" s="1" t="s">
        <v>20772</v>
      </c>
      <c r="E5305" s="1" t="s">
        <v>20773</v>
      </c>
      <c r="F5305" s="1" t="s">
        <v>20774</v>
      </c>
      <c r="G5305" s="1" t="s">
        <v>20682</v>
      </c>
      <c r="H5305" s="1" t="s">
        <v>20683</v>
      </c>
      <c r="I5305" s="1" t="s">
        <v>19886</v>
      </c>
      <c r="J5305" s="1" t="s">
        <v>20775</v>
      </c>
    </row>
    <row r="5306" spans="1:10" x14ac:dyDescent="0.35">
      <c r="A5306" s="1" t="s">
        <v>20678</v>
      </c>
      <c r="B5306" s="1" t="s">
        <v>19880</v>
      </c>
      <c r="C5306" s="1" t="s">
        <v>130</v>
      </c>
      <c r="D5306" s="1" t="s">
        <v>20776</v>
      </c>
      <c r="E5306" s="1" t="s">
        <v>20777</v>
      </c>
      <c r="F5306" s="1" t="s">
        <v>20778</v>
      </c>
      <c r="G5306" s="1" t="s">
        <v>20682</v>
      </c>
      <c r="H5306" s="1" t="s">
        <v>20683</v>
      </c>
      <c r="I5306" s="1" t="s">
        <v>19886</v>
      </c>
      <c r="J5306" s="1" t="s">
        <v>20779</v>
      </c>
    </row>
    <row r="5307" spans="1:10" x14ac:dyDescent="0.35">
      <c r="A5307" s="1" t="s">
        <v>20678</v>
      </c>
      <c r="B5307" s="1" t="s">
        <v>19880</v>
      </c>
      <c r="C5307" s="1" t="s">
        <v>135</v>
      </c>
      <c r="D5307" s="1" t="s">
        <v>20780</v>
      </c>
      <c r="E5307" s="1" t="s">
        <v>20781</v>
      </c>
      <c r="F5307" s="1" t="s">
        <v>20782</v>
      </c>
      <c r="G5307" s="1" t="s">
        <v>20682</v>
      </c>
      <c r="H5307" s="1" t="s">
        <v>20683</v>
      </c>
      <c r="I5307" s="1" t="s">
        <v>19886</v>
      </c>
      <c r="J5307" s="1" t="s">
        <v>20783</v>
      </c>
    </row>
    <row r="5308" spans="1:10" x14ac:dyDescent="0.35">
      <c r="A5308" s="1" t="s">
        <v>20678</v>
      </c>
      <c r="B5308" s="1" t="s">
        <v>19880</v>
      </c>
      <c r="C5308" s="1" t="s">
        <v>140</v>
      </c>
      <c r="D5308" s="1" t="s">
        <v>20784</v>
      </c>
      <c r="E5308" s="1" t="s">
        <v>20785</v>
      </c>
      <c r="F5308" s="1" t="s">
        <v>20786</v>
      </c>
      <c r="G5308" s="1" t="s">
        <v>20682</v>
      </c>
      <c r="H5308" s="1" t="s">
        <v>20683</v>
      </c>
      <c r="I5308" s="1" t="s">
        <v>19886</v>
      </c>
      <c r="J5308" s="1" t="s">
        <v>20787</v>
      </c>
    </row>
    <row r="5309" spans="1:10" x14ac:dyDescent="0.35">
      <c r="A5309" s="1" t="s">
        <v>20678</v>
      </c>
      <c r="B5309" s="1" t="s">
        <v>19880</v>
      </c>
      <c r="C5309" s="1" t="s">
        <v>145</v>
      </c>
      <c r="D5309" s="1" t="s">
        <v>20788</v>
      </c>
      <c r="E5309" s="1" t="s">
        <v>20789</v>
      </c>
      <c r="F5309" s="1" t="s">
        <v>20790</v>
      </c>
      <c r="G5309" s="1" t="s">
        <v>20682</v>
      </c>
      <c r="H5309" s="1" t="s">
        <v>20683</v>
      </c>
      <c r="I5309" s="1" t="s">
        <v>19886</v>
      </c>
      <c r="J5309" s="1" t="s">
        <v>20791</v>
      </c>
    </row>
    <row r="5310" spans="1:10" x14ac:dyDescent="0.35">
      <c r="A5310" s="1" t="s">
        <v>20678</v>
      </c>
      <c r="B5310" s="1" t="s">
        <v>19880</v>
      </c>
      <c r="C5310" s="1" t="s">
        <v>150</v>
      </c>
      <c r="D5310" s="1" t="s">
        <v>20792</v>
      </c>
      <c r="E5310" s="1" t="s">
        <v>20793</v>
      </c>
      <c r="F5310" s="1" t="s">
        <v>20794</v>
      </c>
      <c r="G5310" s="1" t="s">
        <v>20682</v>
      </c>
      <c r="H5310" s="1" t="s">
        <v>20683</v>
      </c>
      <c r="I5310" s="1" t="s">
        <v>19886</v>
      </c>
      <c r="J5310" s="1" t="s">
        <v>20795</v>
      </c>
    </row>
    <row r="5311" spans="1:10" x14ac:dyDescent="0.35">
      <c r="A5311" s="1" t="s">
        <v>20678</v>
      </c>
      <c r="B5311" s="1" t="s">
        <v>19880</v>
      </c>
      <c r="C5311" s="1" t="s">
        <v>155</v>
      </c>
      <c r="D5311" s="1" t="s">
        <v>20796</v>
      </c>
      <c r="E5311" s="1" t="s">
        <v>20797</v>
      </c>
      <c r="F5311" s="1" t="s">
        <v>20798</v>
      </c>
      <c r="G5311" s="1" t="s">
        <v>20682</v>
      </c>
      <c r="H5311" s="1" t="s">
        <v>20683</v>
      </c>
      <c r="I5311" s="1" t="s">
        <v>19886</v>
      </c>
      <c r="J5311" s="1" t="s">
        <v>20799</v>
      </c>
    </row>
    <row r="5312" spans="1:10" x14ac:dyDescent="0.35">
      <c r="A5312" s="1" t="s">
        <v>20678</v>
      </c>
      <c r="B5312" s="1" t="s">
        <v>19880</v>
      </c>
      <c r="C5312" s="1" t="s">
        <v>160</v>
      </c>
      <c r="D5312" s="1" t="s">
        <v>20800</v>
      </c>
      <c r="E5312" s="1" t="s">
        <v>20801</v>
      </c>
      <c r="F5312" s="1" t="s">
        <v>20802</v>
      </c>
      <c r="G5312" s="1" t="s">
        <v>20682</v>
      </c>
      <c r="H5312" s="1" t="s">
        <v>20683</v>
      </c>
      <c r="I5312" s="1" t="s">
        <v>19886</v>
      </c>
      <c r="J5312" s="1" t="s">
        <v>20803</v>
      </c>
    </row>
    <row r="5313" spans="1:10" x14ac:dyDescent="0.35">
      <c r="A5313" s="1" t="s">
        <v>20678</v>
      </c>
      <c r="B5313" s="1" t="s">
        <v>19880</v>
      </c>
      <c r="C5313" s="1" t="s">
        <v>165</v>
      </c>
      <c r="D5313" s="1" t="s">
        <v>20804</v>
      </c>
      <c r="E5313" s="1" t="s">
        <v>20805</v>
      </c>
      <c r="F5313" s="1" t="s">
        <v>20806</v>
      </c>
      <c r="G5313" s="1" t="s">
        <v>20682</v>
      </c>
      <c r="H5313" s="1" t="s">
        <v>20683</v>
      </c>
      <c r="I5313" s="1" t="s">
        <v>19886</v>
      </c>
      <c r="J5313" s="1" t="s">
        <v>20807</v>
      </c>
    </row>
    <row r="5314" spans="1:10" x14ac:dyDescent="0.35">
      <c r="A5314" s="1" t="s">
        <v>20678</v>
      </c>
      <c r="B5314" s="1" t="s">
        <v>19880</v>
      </c>
      <c r="C5314" s="1" t="s">
        <v>170</v>
      </c>
      <c r="D5314" s="1" t="s">
        <v>20808</v>
      </c>
      <c r="E5314" s="1" t="s">
        <v>20809</v>
      </c>
      <c r="F5314" s="1" t="s">
        <v>20810</v>
      </c>
      <c r="G5314" s="1" t="s">
        <v>20682</v>
      </c>
      <c r="H5314" s="1" t="s">
        <v>20683</v>
      </c>
      <c r="I5314" s="1" t="s">
        <v>19886</v>
      </c>
      <c r="J5314" s="1" t="s">
        <v>20811</v>
      </c>
    </row>
    <row r="5315" spans="1:10" x14ac:dyDescent="0.35">
      <c r="A5315" s="1" t="s">
        <v>20812</v>
      </c>
      <c r="B5315" s="1" t="s">
        <v>19880</v>
      </c>
      <c r="C5315" s="1" t="s">
        <v>8</v>
      </c>
      <c r="D5315" s="1" t="s">
        <v>20813</v>
      </c>
      <c r="E5315" s="1" t="s">
        <v>20814</v>
      </c>
      <c r="F5315" s="1" t="s">
        <v>20815</v>
      </c>
      <c r="G5315" s="1" t="s">
        <v>20816</v>
      </c>
      <c r="H5315" s="1" t="s">
        <v>20817</v>
      </c>
      <c r="I5315" s="1" t="s">
        <v>19886</v>
      </c>
      <c r="J5315" s="1" t="s">
        <v>13</v>
      </c>
    </row>
    <row r="5316" spans="1:10" x14ac:dyDescent="0.35">
      <c r="A5316" s="1" t="s">
        <v>20812</v>
      </c>
      <c r="B5316" s="1" t="s">
        <v>19880</v>
      </c>
      <c r="C5316" s="1" t="s">
        <v>15</v>
      </c>
      <c r="D5316" s="1" t="s">
        <v>20818</v>
      </c>
      <c r="E5316" s="1" t="s">
        <v>20819</v>
      </c>
      <c r="F5316" s="1" t="s">
        <v>20820</v>
      </c>
      <c r="G5316" s="1" t="s">
        <v>20816</v>
      </c>
      <c r="H5316" s="1" t="s">
        <v>20817</v>
      </c>
      <c r="I5316" s="1" t="s">
        <v>19886</v>
      </c>
      <c r="J5316" s="1" t="s">
        <v>20821</v>
      </c>
    </row>
    <row r="5317" spans="1:10" x14ac:dyDescent="0.35">
      <c r="A5317" s="1" t="s">
        <v>20812</v>
      </c>
      <c r="B5317" s="1" t="s">
        <v>19880</v>
      </c>
      <c r="C5317" s="1" t="s">
        <v>20</v>
      </c>
      <c r="D5317" s="1" t="s">
        <v>20822</v>
      </c>
      <c r="E5317" s="1" t="s">
        <v>20823</v>
      </c>
      <c r="F5317" s="1" t="s">
        <v>20824</v>
      </c>
      <c r="G5317" s="1" t="s">
        <v>20816</v>
      </c>
      <c r="H5317" s="1" t="s">
        <v>20817</v>
      </c>
      <c r="I5317" s="1" t="s">
        <v>19886</v>
      </c>
      <c r="J5317" s="1" t="s">
        <v>20825</v>
      </c>
    </row>
    <row r="5318" spans="1:10" x14ac:dyDescent="0.35">
      <c r="A5318" s="1" t="s">
        <v>20812</v>
      </c>
      <c r="B5318" s="1" t="s">
        <v>19880</v>
      </c>
      <c r="C5318" s="1" t="s">
        <v>25</v>
      </c>
      <c r="D5318" s="1" t="s">
        <v>20826</v>
      </c>
      <c r="E5318" s="1" t="s">
        <v>20827</v>
      </c>
      <c r="F5318" s="1" t="s">
        <v>20828</v>
      </c>
      <c r="G5318" s="1" t="s">
        <v>20816</v>
      </c>
      <c r="H5318" s="1" t="s">
        <v>20817</v>
      </c>
      <c r="I5318" s="1" t="s">
        <v>19886</v>
      </c>
      <c r="J5318" s="1" t="s">
        <v>20829</v>
      </c>
    </row>
    <row r="5319" spans="1:10" x14ac:dyDescent="0.35">
      <c r="A5319" s="1" t="s">
        <v>20812</v>
      </c>
      <c r="B5319" s="1" t="s">
        <v>19880</v>
      </c>
      <c r="C5319" s="1" t="s">
        <v>30</v>
      </c>
      <c r="D5319" s="1" t="s">
        <v>20830</v>
      </c>
      <c r="E5319" s="1" t="s">
        <v>20831</v>
      </c>
      <c r="F5319" s="1" t="s">
        <v>20832</v>
      </c>
      <c r="G5319" s="1" t="s">
        <v>20816</v>
      </c>
      <c r="H5319" s="1" t="s">
        <v>20817</v>
      </c>
      <c r="I5319" s="1" t="s">
        <v>19886</v>
      </c>
      <c r="J5319" s="1" t="s">
        <v>20833</v>
      </c>
    </row>
    <row r="5320" spans="1:10" x14ac:dyDescent="0.35">
      <c r="A5320" s="1" t="s">
        <v>20812</v>
      </c>
      <c r="B5320" s="1" t="s">
        <v>19880</v>
      </c>
      <c r="C5320" s="1" t="s">
        <v>35</v>
      </c>
      <c r="D5320" s="1" t="s">
        <v>20834</v>
      </c>
      <c r="E5320" s="1" t="s">
        <v>20835</v>
      </c>
      <c r="F5320" s="1" t="s">
        <v>20836</v>
      </c>
      <c r="G5320" s="1" t="s">
        <v>20816</v>
      </c>
      <c r="H5320" s="1" t="s">
        <v>20817</v>
      </c>
      <c r="I5320" s="1" t="s">
        <v>19886</v>
      </c>
      <c r="J5320" s="1" t="s">
        <v>20837</v>
      </c>
    </row>
    <row r="5321" spans="1:10" x14ac:dyDescent="0.35">
      <c r="A5321" s="1" t="s">
        <v>20812</v>
      </c>
      <c r="B5321" s="1" t="s">
        <v>19880</v>
      </c>
      <c r="C5321" s="1" t="s">
        <v>40</v>
      </c>
      <c r="D5321" s="1" t="s">
        <v>20838</v>
      </c>
      <c r="E5321" s="1" t="s">
        <v>20839</v>
      </c>
      <c r="F5321" s="1" t="s">
        <v>20840</v>
      </c>
      <c r="G5321" s="1" t="s">
        <v>20816</v>
      </c>
      <c r="H5321" s="1" t="s">
        <v>20817</v>
      </c>
      <c r="I5321" s="1" t="s">
        <v>19886</v>
      </c>
      <c r="J5321" s="1" t="s">
        <v>20841</v>
      </c>
    </row>
    <row r="5322" spans="1:10" x14ac:dyDescent="0.35">
      <c r="A5322" s="1" t="s">
        <v>20812</v>
      </c>
      <c r="B5322" s="1" t="s">
        <v>19880</v>
      </c>
      <c r="C5322" s="1" t="s">
        <v>45</v>
      </c>
      <c r="D5322" s="1" t="s">
        <v>20842</v>
      </c>
      <c r="E5322" s="1" t="s">
        <v>20843</v>
      </c>
      <c r="F5322" s="1" t="s">
        <v>20844</v>
      </c>
      <c r="G5322" s="1" t="s">
        <v>20816</v>
      </c>
      <c r="H5322" s="1" t="s">
        <v>20817</v>
      </c>
      <c r="I5322" s="1" t="s">
        <v>19886</v>
      </c>
      <c r="J5322" s="1" t="s">
        <v>20845</v>
      </c>
    </row>
    <row r="5323" spans="1:10" x14ac:dyDescent="0.35">
      <c r="A5323" s="1" t="s">
        <v>20812</v>
      </c>
      <c r="B5323" s="1" t="s">
        <v>19880</v>
      </c>
      <c r="C5323" s="1" t="s">
        <v>50</v>
      </c>
      <c r="D5323" s="1" t="s">
        <v>20846</v>
      </c>
      <c r="E5323" s="1" t="s">
        <v>20847</v>
      </c>
      <c r="F5323" s="1" t="s">
        <v>20848</v>
      </c>
      <c r="G5323" s="1" t="s">
        <v>20816</v>
      </c>
      <c r="H5323" s="1" t="s">
        <v>20817</v>
      </c>
      <c r="I5323" s="1" t="s">
        <v>19886</v>
      </c>
      <c r="J5323" s="1" t="s">
        <v>20849</v>
      </c>
    </row>
    <row r="5324" spans="1:10" x14ac:dyDescent="0.35">
      <c r="A5324" s="1" t="s">
        <v>20812</v>
      </c>
      <c r="B5324" s="1" t="s">
        <v>19880</v>
      </c>
      <c r="C5324" s="1" t="s">
        <v>55</v>
      </c>
      <c r="D5324" s="1" t="s">
        <v>20850</v>
      </c>
      <c r="E5324" s="1" t="s">
        <v>20851</v>
      </c>
      <c r="F5324" s="1" t="s">
        <v>20852</v>
      </c>
      <c r="G5324" s="1" t="s">
        <v>20816</v>
      </c>
      <c r="H5324" s="1" t="s">
        <v>20817</v>
      </c>
      <c r="I5324" s="1" t="s">
        <v>19886</v>
      </c>
      <c r="J5324" s="1" t="s">
        <v>20853</v>
      </c>
    </row>
    <row r="5325" spans="1:10" x14ac:dyDescent="0.35">
      <c r="A5325" s="1" t="s">
        <v>20812</v>
      </c>
      <c r="B5325" s="1" t="s">
        <v>19880</v>
      </c>
      <c r="C5325" s="1" t="s">
        <v>60</v>
      </c>
      <c r="D5325" s="1" t="s">
        <v>20854</v>
      </c>
      <c r="E5325" s="1" t="s">
        <v>20855</v>
      </c>
      <c r="F5325" s="1" t="s">
        <v>20856</v>
      </c>
      <c r="G5325" s="1" t="s">
        <v>20816</v>
      </c>
      <c r="H5325" s="1" t="s">
        <v>20817</v>
      </c>
      <c r="I5325" s="1" t="s">
        <v>19886</v>
      </c>
      <c r="J5325" s="1" t="s">
        <v>20857</v>
      </c>
    </row>
    <row r="5326" spans="1:10" x14ac:dyDescent="0.35">
      <c r="A5326" s="1" t="s">
        <v>20812</v>
      </c>
      <c r="B5326" s="1" t="s">
        <v>19880</v>
      </c>
      <c r="C5326" s="1" t="s">
        <v>65</v>
      </c>
      <c r="D5326" s="1" t="s">
        <v>12738</v>
      </c>
      <c r="E5326" s="1" t="s">
        <v>20858</v>
      </c>
      <c r="F5326" s="1" t="s">
        <v>20859</v>
      </c>
      <c r="G5326" s="1" t="s">
        <v>20816</v>
      </c>
      <c r="H5326" s="1" t="s">
        <v>20817</v>
      </c>
      <c r="I5326" s="1" t="s">
        <v>19886</v>
      </c>
      <c r="J5326" s="1" t="s">
        <v>20860</v>
      </c>
    </row>
    <row r="5327" spans="1:10" x14ac:dyDescent="0.35">
      <c r="A5327" s="1" t="s">
        <v>20812</v>
      </c>
      <c r="B5327" s="1" t="s">
        <v>19880</v>
      </c>
      <c r="C5327" s="1" t="s">
        <v>70</v>
      </c>
      <c r="D5327" s="1" t="s">
        <v>20861</v>
      </c>
      <c r="E5327" s="1" t="s">
        <v>20862</v>
      </c>
      <c r="F5327" s="1" t="s">
        <v>20863</v>
      </c>
      <c r="G5327" s="1" t="s">
        <v>20816</v>
      </c>
      <c r="H5327" s="1" t="s">
        <v>20817</v>
      </c>
      <c r="I5327" s="1" t="s">
        <v>19886</v>
      </c>
      <c r="J5327" s="1" t="s">
        <v>20864</v>
      </c>
    </row>
    <row r="5328" spans="1:10" x14ac:dyDescent="0.35">
      <c r="A5328" s="1" t="s">
        <v>20812</v>
      </c>
      <c r="B5328" s="1" t="s">
        <v>19880</v>
      </c>
      <c r="C5328" s="1" t="s">
        <v>75</v>
      </c>
      <c r="D5328" s="1" t="s">
        <v>20865</v>
      </c>
      <c r="E5328" s="1" t="s">
        <v>20866</v>
      </c>
      <c r="F5328" s="1" t="s">
        <v>20867</v>
      </c>
      <c r="G5328" s="1" t="s">
        <v>20816</v>
      </c>
      <c r="H5328" s="1" t="s">
        <v>20817</v>
      </c>
      <c r="I5328" s="1" t="s">
        <v>19886</v>
      </c>
      <c r="J5328" s="1" t="s">
        <v>20868</v>
      </c>
    </row>
    <row r="5329" spans="1:10" x14ac:dyDescent="0.35">
      <c r="A5329" s="1" t="s">
        <v>20812</v>
      </c>
      <c r="B5329" s="1" t="s">
        <v>19880</v>
      </c>
      <c r="C5329" s="1" t="s">
        <v>80</v>
      </c>
      <c r="D5329" s="1" t="s">
        <v>20869</v>
      </c>
      <c r="E5329" s="1" t="s">
        <v>20870</v>
      </c>
      <c r="F5329" s="1" t="s">
        <v>20871</v>
      </c>
      <c r="G5329" s="1" t="s">
        <v>20816</v>
      </c>
      <c r="H5329" s="1" t="s">
        <v>20817</v>
      </c>
      <c r="I5329" s="1" t="s">
        <v>19886</v>
      </c>
      <c r="J5329" s="1" t="s">
        <v>20872</v>
      </c>
    </row>
    <row r="5330" spans="1:10" x14ac:dyDescent="0.35">
      <c r="A5330" s="1" t="s">
        <v>20812</v>
      </c>
      <c r="B5330" s="1" t="s">
        <v>19880</v>
      </c>
      <c r="C5330" s="1" t="s">
        <v>85</v>
      </c>
      <c r="D5330" s="1" t="s">
        <v>20873</v>
      </c>
      <c r="E5330" s="1" t="s">
        <v>20874</v>
      </c>
      <c r="F5330" s="1" t="s">
        <v>20875</v>
      </c>
      <c r="G5330" s="1" t="s">
        <v>20816</v>
      </c>
      <c r="H5330" s="1" t="s">
        <v>20817</v>
      </c>
      <c r="I5330" s="1" t="s">
        <v>19886</v>
      </c>
      <c r="J5330" s="1" t="s">
        <v>20876</v>
      </c>
    </row>
    <row r="5331" spans="1:10" x14ac:dyDescent="0.35">
      <c r="A5331" s="1" t="s">
        <v>20812</v>
      </c>
      <c r="B5331" s="1" t="s">
        <v>19880</v>
      </c>
      <c r="C5331" s="1" t="s">
        <v>90</v>
      </c>
      <c r="D5331" s="1" t="s">
        <v>20877</v>
      </c>
      <c r="E5331" s="1" t="s">
        <v>20878</v>
      </c>
      <c r="F5331" s="1" t="s">
        <v>20879</v>
      </c>
      <c r="G5331" s="1" t="s">
        <v>20816</v>
      </c>
      <c r="H5331" s="1" t="s">
        <v>20817</v>
      </c>
      <c r="I5331" s="1" t="s">
        <v>19886</v>
      </c>
      <c r="J5331" s="1" t="s">
        <v>20880</v>
      </c>
    </row>
    <row r="5332" spans="1:10" x14ac:dyDescent="0.35">
      <c r="A5332" s="1" t="s">
        <v>20812</v>
      </c>
      <c r="B5332" s="1" t="s">
        <v>19880</v>
      </c>
      <c r="C5332" s="1" t="s">
        <v>95</v>
      </c>
      <c r="D5332" s="1" t="s">
        <v>20881</v>
      </c>
      <c r="E5332" s="1" t="s">
        <v>20882</v>
      </c>
      <c r="F5332" s="1" t="s">
        <v>20883</v>
      </c>
      <c r="G5332" s="1" t="s">
        <v>20816</v>
      </c>
      <c r="H5332" s="1" t="s">
        <v>20817</v>
      </c>
      <c r="I5332" s="1" t="s">
        <v>19886</v>
      </c>
      <c r="J5332" s="1" t="s">
        <v>20884</v>
      </c>
    </row>
    <row r="5333" spans="1:10" x14ac:dyDescent="0.35">
      <c r="A5333" s="1" t="s">
        <v>20812</v>
      </c>
      <c r="B5333" s="1" t="s">
        <v>19880</v>
      </c>
      <c r="C5333" s="1" t="s">
        <v>100</v>
      </c>
      <c r="D5333" s="1" t="s">
        <v>20885</v>
      </c>
      <c r="E5333" s="1" t="s">
        <v>20886</v>
      </c>
      <c r="F5333" s="1" t="s">
        <v>20887</v>
      </c>
      <c r="G5333" s="1" t="s">
        <v>20816</v>
      </c>
      <c r="H5333" s="1" t="s">
        <v>20817</v>
      </c>
      <c r="I5333" s="1" t="s">
        <v>19886</v>
      </c>
      <c r="J5333" s="1" t="s">
        <v>20888</v>
      </c>
    </row>
    <row r="5334" spans="1:10" x14ac:dyDescent="0.35">
      <c r="A5334" s="1" t="s">
        <v>20812</v>
      </c>
      <c r="B5334" s="1" t="s">
        <v>19880</v>
      </c>
      <c r="C5334" s="1" t="s">
        <v>105</v>
      </c>
      <c r="D5334" s="1" t="s">
        <v>20889</v>
      </c>
      <c r="E5334" s="1" t="s">
        <v>20890</v>
      </c>
      <c r="F5334" s="1" t="s">
        <v>20891</v>
      </c>
      <c r="G5334" s="1" t="s">
        <v>20816</v>
      </c>
      <c r="H5334" s="1" t="s">
        <v>20817</v>
      </c>
      <c r="I5334" s="1" t="s">
        <v>19886</v>
      </c>
      <c r="J5334" s="1" t="s">
        <v>20892</v>
      </c>
    </row>
    <row r="5335" spans="1:10" x14ac:dyDescent="0.35">
      <c r="A5335" s="1" t="s">
        <v>20812</v>
      </c>
      <c r="B5335" s="1" t="s">
        <v>19880</v>
      </c>
      <c r="C5335" s="1" t="s">
        <v>110</v>
      </c>
      <c r="D5335" s="1" t="s">
        <v>20893</v>
      </c>
      <c r="E5335" s="1" t="s">
        <v>20894</v>
      </c>
      <c r="F5335" s="1" t="s">
        <v>20895</v>
      </c>
      <c r="G5335" s="1" t="s">
        <v>20816</v>
      </c>
      <c r="H5335" s="1" t="s">
        <v>20817</v>
      </c>
      <c r="I5335" s="1" t="s">
        <v>19886</v>
      </c>
      <c r="J5335" s="1" t="s">
        <v>20896</v>
      </c>
    </row>
    <row r="5336" spans="1:10" x14ac:dyDescent="0.35">
      <c r="A5336" s="1" t="s">
        <v>20812</v>
      </c>
      <c r="B5336" s="1" t="s">
        <v>19880</v>
      </c>
      <c r="C5336" s="1" t="s">
        <v>115</v>
      </c>
      <c r="D5336" s="1" t="s">
        <v>20897</v>
      </c>
      <c r="E5336" s="1" t="s">
        <v>20898</v>
      </c>
      <c r="F5336" s="1" t="s">
        <v>20899</v>
      </c>
      <c r="G5336" s="1" t="s">
        <v>20816</v>
      </c>
      <c r="H5336" s="1" t="s">
        <v>20817</v>
      </c>
      <c r="I5336" s="1" t="s">
        <v>19886</v>
      </c>
      <c r="J5336" s="1" t="s">
        <v>20900</v>
      </c>
    </row>
    <row r="5337" spans="1:10" x14ac:dyDescent="0.35">
      <c r="A5337" s="1" t="s">
        <v>20812</v>
      </c>
      <c r="B5337" s="1" t="s">
        <v>19880</v>
      </c>
      <c r="C5337" s="1" t="s">
        <v>120</v>
      </c>
      <c r="D5337" s="1" t="s">
        <v>20901</v>
      </c>
      <c r="E5337" s="1" t="s">
        <v>20902</v>
      </c>
      <c r="F5337" s="1" t="s">
        <v>20903</v>
      </c>
      <c r="G5337" s="1" t="s">
        <v>20816</v>
      </c>
      <c r="H5337" s="1" t="s">
        <v>20817</v>
      </c>
      <c r="I5337" s="1" t="s">
        <v>19886</v>
      </c>
      <c r="J5337" s="1" t="s">
        <v>20904</v>
      </c>
    </row>
    <row r="5338" spans="1:10" x14ac:dyDescent="0.35">
      <c r="A5338" s="1" t="s">
        <v>20812</v>
      </c>
      <c r="B5338" s="1" t="s">
        <v>19880</v>
      </c>
      <c r="C5338" s="1" t="s">
        <v>125</v>
      </c>
      <c r="D5338" s="1" t="s">
        <v>20905</v>
      </c>
      <c r="E5338" s="1" t="s">
        <v>20906</v>
      </c>
      <c r="F5338" s="1" t="s">
        <v>20907</v>
      </c>
      <c r="G5338" s="1" t="s">
        <v>20816</v>
      </c>
      <c r="H5338" s="1" t="s">
        <v>20817</v>
      </c>
      <c r="I5338" s="1" t="s">
        <v>19886</v>
      </c>
      <c r="J5338" s="1" t="s">
        <v>20908</v>
      </c>
    </row>
    <row r="5339" spans="1:10" x14ac:dyDescent="0.35">
      <c r="A5339" s="1" t="s">
        <v>20812</v>
      </c>
      <c r="B5339" s="1" t="s">
        <v>19880</v>
      </c>
      <c r="C5339" s="1" t="s">
        <v>130</v>
      </c>
      <c r="D5339" s="1" t="s">
        <v>20909</v>
      </c>
      <c r="E5339" s="1" t="s">
        <v>20910</v>
      </c>
      <c r="F5339" s="1" t="s">
        <v>20911</v>
      </c>
      <c r="G5339" s="1" t="s">
        <v>20816</v>
      </c>
      <c r="H5339" s="1" t="s">
        <v>20817</v>
      </c>
      <c r="I5339" s="1" t="s">
        <v>19886</v>
      </c>
      <c r="J5339" s="1" t="s">
        <v>20912</v>
      </c>
    </row>
    <row r="5340" spans="1:10" x14ac:dyDescent="0.35">
      <c r="A5340" s="1" t="s">
        <v>20812</v>
      </c>
      <c r="B5340" s="1" t="s">
        <v>19880</v>
      </c>
      <c r="C5340" s="1" t="s">
        <v>135</v>
      </c>
      <c r="D5340" s="1" t="s">
        <v>20913</v>
      </c>
      <c r="E5340" s="1" t="s">
        <v>20914</v>
      </c>
      <c r="F5340" s="1" t="s">
        <v>20915</v>
      </c>
      <c r="G5340" s="1" t="s">
        <v>20816</v>
      </c>
      <c r="H5340" s="1" t="s">
        <v>20817</v>
      </c>
      <c r="I5340" s="1" t="s">
        <v>19886</v>
      </c>
      <c r="J5340" s="1" t="s">
        <v>20916</v>
      </c>
    </row>
    <row r="5341" spans="1:10" x14ac:dyDescent="0.35">
      <c r="A5341" s="1" t="s">
        <v>20812</v>
      </c>
      <c r="B5341" s="1" t="s">
        <v>19880</v>
      </c>
      <c r="C5341" s="1" t="s">
        <v>140</v>
      </c>
      <c r="D5341" s="1" t="s">
        <v>20917</v>
      </c>
      <c r="E5341" s="1" t="s">
        <v>20918</v>
      </c>
      <c r="F5341" s="1" t="s">
        <v>20919</v>
      </c>
      <c r="G5341" s="1" t="s">
        <v>20816</v>
      </c>
      <c r="H5341" s="1" t="s">
        <v>20817</v>
      </c>
      <c r="I5341" s="1" t="s">
        <v>19886</v>
      </c>
      <c r="J5341" s="1" t="s">
        <v>20920</v>
      </c>
    </row>
    <row r="5342" spans="1:10" x14ac:dyDescent="0.35">
      <c r="A5342" s="1" t="s">
        <v>20812</v>
      </c>
      <c r="B5342" s="1" t="s">
        <v>19880</v>
      </c>
      <c r="C5342" s="1" t="s">
        <v>145</v>
      </c>
      <c r="D5342" s="1" t="s">
        <v>20921</v>
      </c>
      <c r="E5342" s="1" t="s">
        <v>20922</v>
      </c>
      <c r="F5342" s="1" t="s">
        <v>20923</v>
      </c>
      <c r="G5342" s="1" t="s">
        <v>20816</v>
      </c>
      <c r="H5342" s="1" t="s">
        <v>20817</v>
      </c>
      <c r="I5342" s="1" t="s">
        <v>19886</v>
      </c>
      <c r="J5342" s="1" t="s">
        <v>20924</v>
      </c>
    </row>
    <row r="5343" spans="1:10" x14ac:dyDescent="0.35">
      <c r="A5343" s="1" t="s">
        <v>20812</v>
      </c>
      <c r="B5343" s="1" t="s">
        <v>19880</v>
      </c>
      <c r="C5343" s="1" t="s">
        <v>150</v>
      </c>
      <c r="D5343" s="1" t="s">
        <v>20925</v>
      </c>
      <c r="E5343" s="1" t="s">
        <v>20926</v>
      </c>
      <c r="F5343" s="1" t="s">
        <v>20927</v>
      </c>
      <c r="G5343" s="1" t="s">
        <v>20816</v>
      </c>
      <c r="H5343" s="1" t="s">
        <v>20817</v>
      </c>
      <c r="I5343" s="1" t="s">
        <v>19886</v>
      </c>
      <c r="J5343" s="1" t="s">
        <v>20928</v>
      </c>
    </row>
    <row r="5344" spans="1:10" x14ac:dyDescent="0.35">
      <c r="A5344" s="1" t="s">
        <v>20812</v>
      </c>
      <c r="B5344" s="1" t="s">
        <v>19880</v>
      </c>
      <c r="C5344" s="1" t="s">
        <v>155</v>
      </c>
      <c r="D5344" s="1" t="s">
        <v>20929</v>
      </c>
      <c r="E5344" s="1" t="s">
        <v>20930</v>
      </c>
      <c r="F5344" s="1" t="s">
        <v>20931</v>
      </c>
      <c r="G5344" s="1" t="s">
        <v>20816</v>
      </c>
      <c r="H5344" s="1" t="s">
        <v>20817</v>
      </c>
      <c r="I5344" s="1" t="s">
        <v>19886</v>
      </c>
      <c r="J5344" s="1" t="s">
        <v>20932</v>
      </c>
    </row>
    <row r="5345" spans="1:10" x14ac:dyDescent="0.35">
      <c r="A5345" s="1" t="s">
        <v>20812</v>
      </c>
      <c r="B5345" s="1" t="s">
        <v>19880</v>
      </c>
      <c r="C5345" s="1" t="s">
        <v>160</v>
      </c>
      <c r="D5345" s="1" t="s">
        <v>20933</v>
      </c>
      <c r="E5345" s="1" t="s">
        <v>20934</v>
      </c>
      <c r="F5345" s="1" t="s">
        <v>20935</v>
      </c>
      <c r="G5345" s="1" t="s">
        <v>20816</v>
      </c>
      <c r="H5345" s="1" t="s">
        <v>20817</v>
      </c>
      <c r="I5345" s="1" t="s">
        <v>19886</v>
      </c>
      <c r="J5345" s="1" t="s">
        <v>20936</v>
      </c>
    </row>
    <row r="5346" spans="1:10" x14ac:dyDescent="0.35">
      <c r="A5346" s="1" t="s">
        <v>20812</v>
      </c>
      <c r="B5346" s="1" t="s">
        <v>19880</v>
      </c>
      <c r="C5346" s="1" t="s">
        <v>165</v>
      </c>
      <c r="D5346" s="1" t="s">
        <v>20937</v>
      </c>
      <c r="E5346" s="1" t="s">
        <v>20938</v>
      </c>
      <c r="F5346" s="1" t="s">
        <v>20939</v>
      </c>
      <c r="G5346" s="1" t="s">
        <v>20816</v>
      </c>
      <c r="H5346" s="1" t="s">
        <v>20817</v>
      </c>
      <c r="I5346" s="1" t="s">
        <v>19886</v>
      </c>
      <c r="J5346" s="1" t="s">
        <v>20940</v>
      </c>
    </row>
    <row r="5347" spans="1:10" x14ac:dyDescent="0.35">
      <c r="A5347" s="1" t="s">
        <v>20812</v>
      </c>
      <c r="B5347" s="1" t="s">
        <v>19880</v>
      </c>
      <c r="C5347" s="1" t="s">
        <v>170</v>
      </c>
      <c r="D5347" s="1" t="s">
        <v>20941</v>
      </c>
      <c r="E5347" s="1" t="s">
        <v>20942</v>
      </c>
      <c r="F5347" s="1" t="s">
        <v>20943</v>
      </c>
      <c r="G5347" s="1" t="s">
        <v>20816</v>
      </c>
      <c r="H5347" s="1" t="s">
        <v>20817</v>
      </c>
      <c r="I5347" s="1" t="s">
        <v>19886</v>
      </c>
      <c r="J5347" s="1" t="s">
        <v>20944</v>
      </c>
    </row>
    <row r="5348" spans="1:10" x14ac:dyDescent="0.35">
      <c r="A5348" s="1" t="s">
        <v>20945</v>
      </c>
      <c r="B5348" s="1" t="s">
        <v>20946</v>
      </c>
      <c r="C5348" s="1" t="s">
        <v>8</v>
      </c>
      <c r="D5348" s="1" t="s">
        <v>20947</v>
      </c>
      <c r="E5348" s="1" t="s">
        <v>20948</v>
      </c>
      <c r="F5348" s="1" t="s">
        <v>20949</v>
      </c>
      <c r="G5348" s="1" t="s">
        <v>20950</v>
      </c>
      <c r="H5348" s="1" t="s">
        <v>20951</v>
      </c>
      <c r="I5348" s="1" t="s">
        <v>20952</v>
      </c>
      <c r="J5348" s="1" t="s">
        <v>13</v>
      </c>
    </row>
    <row r="5349" spans="1:10" x14ac:dyDescent="0.35">
      <c r="A5349" s="1" t="s">
        <v>20945</v>
      </c>
      <c r="B5349" s="1" t="s">
        <v>20946</v>
      </c>
      <c r="C5349" s="1" t="s">
        <v>15</v>
      </c>
      <c r="D5349" s="1" t="s">
        <v>20953</v>
      </c>
      <c r="E5349" s="1" t="s">
        <v>20954</v>
      </c>
      <c r="F5349" s="1" t="s">
        <v>20955</v>
      </c>
      <c r="G5349" s="1" t="s">
        <v>20950</v>
      </c>
      <c r="H5349" s="1" t="s">
        <v>20951</v>
      </c>
      <c r="I5349" s="1" t="s">
        <v>20952</v>
      </c>
      <c r="J5349" s="1" t="s">
        <v>20956</v>
      </c>
    </row>
    <row r="5350" spans="1:10" x14ac:dyDescent="0.35">
      <c r="A5350" s="1" t="s">
        <v>20945</v>
      </c>
      <c r="B5350" s="1" t="s">
        <v>20946</v>
      </c>
      <c r="C5350" s="1" t="s">
        <v>20</v>
      </c>
      <c r="D5350" s="1" t="s">
        <v>20957</v>
      </c>
      <c r="E5350" s="1" t="s">
        <v>20958</v>
      </c>
      <c r="F5350" s="1" t="s">
        <v>20959</v>
      </c>
      <c r="G5350" s="1" t="s">
        <v>20950</v>
      </c>
      <c r="H5350" s="1" t="s">
        <v>20951</v>
      </c>
      <c r="I5350" s="1" t="s">
        <v>20952</v>
      </c>
      <c r="J5350" s="1" t="s">
        <v>20960</v>
      </c>
    </row>
    <row r="5351" spans="1:10" x14ac:dyDescent="0.35">
      <c r="A5351" s="1" t="s">
        <v>20945</v>
      </c>
      <c r="B5351" s="1" t="s">
        <v>20946</v>
      </c>
      <c r="C5351" s="1" t="s">
        <v>25</v>
      </c>
      <c r="D5351" s="1" t="s">
        <v>20961</v>
      </c>
      <c r="E5351" s="1" t="s">
        <v>20962</v>
      </c>
      <c r="F5351" s="1" t="s">
        <v>20963</v>
      </c>
      <c r="G5351" s="1" t="s">
        <v>20950</v>
      </c>
      <c r="H5351" s="1" t="s">
        <v>20951</v>
      </c>
      <c r="I5351" s="1" t="s">
        <v>20952</v>
      </c>
      <c r="J5351" s="1" t="s">
        <v>20964</v>
      </c>
    </row>
    <row r="5352" spans="1:10" x14ac:dyDescent="0.35">
      <c r="A5352" s="1" t="s">
        <v>20945</v>
      </c>
      <c r="B5352" s="1" t="s">
        <v>20946</v>
      </c>
      <c r="C5352" s="1" t="s">
        <v>30</v>
      </c>
      <c r="D5352" s="1" t="s">
        <v>20528</v>
      </c>
      <c r="E5352" s="1" t="s">
        <v>20965</v>
      </c>
      <c r="F5352" s="1" t="s">
        <v>20966</v>
      </c>
      <c r="G5352" s="1" t="s">
        <v>20950</v>
      </c>
      <c r="H5352" s="1" t="s">
        <v>20951</v>
      </c>
      <c r="I5352" s="1" t="s">
        <v>20952</v>
      </c>
      <c r="J5352" s="1" t="s">
        <v>20967</v>
      </c>
    </row>
    <row r="5353" spans="1:10" x14ac:dyDescent="0.35">
      <c r="A5353" s="1" t="s">
        <v>20945</v>
      </c>
      <c r="B5353" s="1" t="s">
        <v>20946</v>
      </c>
      <c r="C5353" s="1" t="s">
        <v>35</v>
      </c>
      <c r="D5353" s="1" t="s">
        <v>20968</v>
      </c>
      <c r="E5353" s="1" t="s">
        <v>20969</v>
      </c>
      <c r="F5353" s="1" t="s">
        <v>20970</v>
      </c>
      <c r="G5353" s="1" t="s">
        <v>20950</v>
      </c>
      <c r="H5353" s="1" t="s">
        <v>20951</v>
      </c>
      <c r="I5353" s="1" t="s">
        <v>20952</v>
      </c>
      <c r="J5353" s="1" t="s">
        <v>20971</v>
      </c>
    </row>
    <row r="5354" spans="1:10" x14ac:dyDescent="0.35">
      <c r="A5354" s="1" t="s">
        <v>20945</v>
      </c>
      <c r="B5354" s="1" t="s">
        <v>20946</v>
      </c>
      <c r="C5354" s="1" t="s">
        <v>40</v>
      </c>
      <c r="D5354" s="1" t="s">
        <v>20972</v>
      </c>
      <c r="E5354" s="1" t="s">
        <v>20973</v>
      </c>
      <c r="F5354" s="1" t="s">
        <v>20974</v>
      </c>
      <c r="G5354" s="1" t="s">
        <v>20950</v>
      </c>
      <c r="H5354" s="1" t="s">
        <v>20951</v>
      </c>
      <c r="I5354" s="1" t="s">
        <v>20952</v>
      </c>
      <c r="J5354" s="1" t="s">
        <v>20975</v>
      </c>
    </row>
    <row r="5355" spans="1:10" x14ac:dyDescent="0.35">
      <c r="A5355" s="1" t="s">
        <v>20945</v>
      </c>
      <c r="B5355" s="1" t="s">
        <v>20946</v>
      </c>
      <c r="C5355" s="1" t="s">
        <v>45</v>
      </c>
      <c r="D5355" s="1" t="s">
        <v>20976</v>
      </c>
      <c r="E5355" s="1" t="s">
        <v>20977</v>
      </c>
      <c r="F5355" s="1" t="s">
        <v>20978</v>
      </c>
      <c r="G5355" s="1" t="s">
        <v>20950</v>
      </c>
      <c r="H5355" s="1" t="s">
        <v>20951</v>
      </c>
      <c r="I5355" s="1" t="s">
        <v>20952</v>
      </c>
      <c r="J5355" s="1" t="s">
        <v>20979</v>
      </c>
    </row>
    <row r="5356" spans="1:10" x14ac:dyDescent="0.35">
      <c r="A5356" s="1" t="s">
        <v>20945</v>
      </c>
      <c r="B5356" s="1" t="s">
        <v>20946</v>
      </c>
      <c r="C5356" s="1" t="s">
        <v>50</v>
      </c>
      <c r="D5356" s="1" t="s">
        <v>20980</v>
      </c>
      <c r="E5356" s="1" t="s">
        <v>20981</v>
      </c>
      <c r="F5356" s="1" t="s">
        <v>20982</v>
      </c>
      <c r="G5356" s="1" t="s">
        <v>20950</v>
      </c>
      <c r="H5356" s="1" t="s">
        <v>20951</v>
      </c>
      <c r="I5356" s="1" t="s">
        <v>20952</v>
      </c>
      <c r="J5356" s="1" t="s">
        <v>20983</v>
      </c>
    </row>
    <row r="5357" spans="1:10" x14ac:dyDescent="0.35">
      <c r="A5357" s="1" t="s">
        <v>20945</v>
      </c>
      <c r="B5357" s="1" t="s">
        <v>20946</v>
      </c>
      <c r="C5357" s="1" t="s">
        <v>55</v>
      </c>
      <c r="D5357" s="1" t="s">
        <v>20984</v>
      </c>
      <c r="E5357" s="1" t="s">
        <v>20985</v>
      </c>
      <c r="F5357" s="1" t="s">
        <v>20986</v>
      </c>
      <c r="G5357" s="1" t="s">
        <v>20950</v>
      </c>
      <c r="H5357" s="1" t="s">
        <v>20951</v>
      </c>
      <c r="I5357" s="1" t="s">
        <v>20952</v>
      </c>
      <c r="J5357" s="1" t="s">
        <v>20987</v>
      </c>
    </row>
    <row r="5358" spans="1:10" x14ac:dyDescent="0.35">
      <c r="A5358" s="1" t="s">
        <v>20945</v>
      </c>
      <c r="B5358" s="1" t="s">
        <v>20946</v>
      </c>
      <c r="C5358" s="1" t="s">
        <v>60</v>
      </c>
      <c r="D5358" s="1" t="s">
        <v>20988</v>
      </c>
      <c r="E5358" s="1" t="s">
        <v>20989</v>
      </c>
      <c r="F5358" s="1" t="s">
        <v>20990</v>
      </c>
      <c r="G5358" s="1" t="s">
        <v>20950</v>
      </c>
      <c r="H5358" s="1" t="s">
        <v>20951</v>
      </c>
      <c r="I5358" s="1" t="s">
        <v>20952</v>
      </c>
      <c r="J5358" s="1" t="s">
        <v>20991</v>
      </c>
    </row>
    <row r="5359" spans="1:10" x14ac:dyDescent="0.35">
      <c r="A5359" s="1" t="s">
        <v>20945</v>
      </c>
      <c r="B5359" s="1" t="s">
        <v>20946</v>
      </c>
      <c r="C5359" s="1" t="s">
        <v>65</v>
      </c>
      <c r="D5359" s="1" t="s">
        <v>20992</v>
      </c>
      <c r="E5359" s="1" t="s">
        <v>20993</v>
      </c>
      <c r="F5359" s="1" t="s">
        <v>20994</v>
      </c>
      <c r="G5359" s="1" t="s">
        <v>20950</v>
      </c>
      <c r="H5359" s="1" t="s">
        <v>20951</v>
      </c>
      <c r="I5359" s="1" t="s">
        <v>20952</v>
      </c>
      <c r="J5359" s="1" t="s">
        <v>20995</v>
      </c>
    </row>
    <row r="5360" spans="1:10" x14ac:dyDescent="0.35">
      <c r="A5360" s="1" t="s">
        <v>20945</v>
      </c>
      <c r="B5360" s="1" t="s">
        <v>20946</v>
      </c>
      <c r="C5360" s="1" t="s">
        <v>70</v>
      </c>
      <c r="D5360" s="1" t="s">
        <v>20996</v>
      </c>
      <c r="E5360" s="1" t="s">
        <v>20997</v>
      </c>
      <c r="F5360" s="1" t="s">
        <v>20998</v>
      </c>
      <c r="G5360" s="1" t="s">
        <v>20950</v>
      </c>
      <c r="H5360" s="1" t="s">
        <v>20951</v>
      </c>
      <c r="I5360" s="1" t="s">
        <v>20952</v>
      </c>
      <c r="J5360" s="1" t="s">
        <v>20999</v>
      </c>
    </row>
    <row r="5361" spans="1:10" x14ac:dyDescent="0.35">
      <c r="A5361" s="1" t="s">
        <v>20945</v>
      </c>
      <c r="B5361" s="1" t="s">
        <v>20946</v>
      </c>
      <c r="C5361" s="1" t="s">
        <v>75</v>
      </c>
      <c r="D5361" s="1" t="s">
        <v>21000</v>
      </c>
      <c r="E5361" s="1" t="s">
        <v>21001</v>
      </c>
      <c r="F5361" s="1" t="s">
        <v>21002</v>
      </c>
      <c r="G5361" s="1" t="s">
        <v>20950</v>
      </c>
      <c r="H5361" s="1" t="s">
        <v>20951</v>
      </c>
      <c r="I5361" s="1" t="s">
        <v>20952</v>
      </c>
      <c r="J5361" s="1" t="s">
        <v>21003</v>
      </c>
    </row>
    <row r="5362" spans="1:10" x14ac:dyDescent="0.35">
      <c r="A5362" s="1" t="s">
        <v>20945</v>
      </c>
      <c r="B5362" s="1" t="s">
        <v>20946</v>
      </c>
      <c r="C5362" s="1" t="s">
        <v>80</v>
      </c>
      <c r="D5362" s="1" t="s">
        <v>21004</v>
      </c>
      <c r="E5362" s="1" t="s">
        <v>21005</v>
      </c>
      <c r="F5362" s="1" t="s">
        <v>21006</v>
      </c>
      <c r="G5362" s="1" t="s">
        <v>20950</v>
      </c>
      <c r="H5362" s="1" t="s">
        <v>20951</v>
      </c>
      <c r="I5362" s="1" t="s">
        <v>20952</v>
      </c>
      <c r="J5362" s="1" t="s">
        <v>21007</v>
      </c>
    </row>
    <row r="5363" spans="1:10" x14ac:dyDescent="0.35">
      <c r="A5363" s="1" t="s">
        <v>20945</v>
      </c>
      <c r="B5363" s="1" t="s">
        <v>20946</v>
      </c>
      <c r="C5363" s="1" t="s">
        <v>85</v>
      </c>
      <c r="D5363" s="1" t="s">
        <v>21008</v>
      </c>
      <c r="E5363" s="1" t="s">
        <v>21009</v>
      </c>
      <c r="F5363" s="1" t="s">
        <v>4247</v>
      </c>
      <c r="G5363" s="1" t="s">
        <v>20950</v>
      </c>
      <c r="H5363" s="1" t="s">
        <v>20951</v>
      </c>
      <c r="I5363" s="1" t="s">
        <v>20952</v>
      </c>
      <c r="J5363" s="1" t="s">
        <v>21010</v>
      </c>
    </row>
    <row r="5364" spans="1:10" x14ac:dyDescent="0.35">
      <c r="A5364" s="1" t="s">
        <v>20945</v>
      </c>
      <c r="B5364" s="1" t="s">
        <v>20946</v>
      </c>
      <c r="C5364" s="1" t="s">
        <v>90</v>
      </c>
      <c r="D5364" s="1" t="s">
        <v>21011</v>
      </c>
      <c r="E5364" s="1" t="s">
        <v>21012</v>
      </c>
      <c r="F5364" s="1" t="s">
        <v>21013</v>
      </c>
      <c r="G5364" s="1" t="s">
        <v>20950</v>
      </c>
      <c r="H5364" s="1" t="s">
        <v>20951</v>
      </c>
      <c r="I5364" s="1" t="s">
        <v>20952</v>
      </c>
      <c r="J5364" s="1" t="s">
        <v>21014</v>
      </c>
    </row>
    <row r="5365" spans="1:10" x14ac:dyDescent="0.35">
      <c r="A5365" s="1" t="s">
        <v>20945</v>
      </c>
      <c r="B5365" s="1" t="s">
        <v>20946</v>
      </c>
      <c r="C5365" s="1" t="s">
        <v>95</v>
      </c>
      <c r="D5365" s="1" t="s">
        <v>21015</v>
      </c>
      <c r="E5365" s="1" t="s">
        <v>21016</v>
      </c>
      <c r="F5365" s="1" t="s">
        <v>21017</v>
      </c>
      <c r="G5365" s="1" t="s">
        <v>20950</v>
      </c>
      <c r="H5365" s="1" t="s">
        <v>20951</v>
      </c>
      <c r="I5365" s="1" t="s">
        <v>20952</v>
      </c>
      <c r="J5365" s="1" t="s">
        <v>21018</v>
      </c>
    </row>
    <row r="5366" spans="1:10" x14ac:dyDescent="0.35">
      <c r="A5366" s="1" t="s">
        <v>20945</v>
      </c>
      <c r="B5366" s="1" t="s">
        <v>20946</v>
      </c>
      <c r="C5366" s="1" t="s">
        <v>100</v>
      </c>
      <c r="D5366" s="1" t="s">
        <v>21019</v>
      </c>
      <c r="E5366" s="1" t="s">
        <v>21020</v>
      </c>
      <c r="F5366" s="1" t="s">
        <v>21021</v>
      </c>
      <c r="G5366" s="1" t="s">
        <v>20950</v>
      </c>
      <c r="H5366" s="1" t="s">
        <v>20951</v>
      </c>
      <c r="I5366" s="1" t="s">
        <v>20952</v>
      </c>
      <c r="J5366" s="1" t="s">
        <v>21022</v>
      </c>
    </row>
    <row r="5367" spans="1:10" x14ac:dyDescent="0.35">
      <c r="A5367" s="1" t="s">
        <v>20945</v>
      </c>
      <c r="B5367" s="1" t="s">
        <v>20946</v>
      </c>
      <c r="C5367" s="1" t="s">
        <v>105</v>
      </c>
      <c r="D5367" s="1" t="s">
        <v>21023</v>
      </c>
      <c r="E5367" s="1" t="s">
        <v>20948</v>
      </c>
      <c r="F5367" s="1" t="s">
        <v>21024</v>
      </c>
      <c r="G5367" s="1" t="s">
        <v>20950</v>
      </c>
      <c r="H5367" s="1" t="s">
        <v>20951</v>
      </c>
      <c r="I5367" s="1" t="s">
        <v>20952</v>
      </c>
      <c r="J5367" s="1" t="s">
        <v>21025</v>
      </c>
    </row>
    <row r="5368" spans="1:10" x14ac:dyDescent="0.35">
      <c r="A5368" s="1" t="s">
        <v>20945</v>
      </c>
      <c r="B5368" s="1" t="s">
        <v>20946</v>
      </c>
      <c r="C5368" s="1" t="s">
        <v>110</v>
      </c>
      <c r="D5368" s="1" t="s">
        <v>21026</v>
      </c>
      <c r="E5368" s="1" t="s">
        <v>21027</v>
      </c>
      <c r="F5368" s="1" t="s">
        <v>21028</v>
      </c>
      <c r="G5368" s="1" t="s">
        <v>20950</v>
      </c>
      <c r="H5368" s="1" t="s">
        <v>20951</v>
      </c>
      <c r="I5368" s="1" t="s">
        <v>20952</v>
      </c>
      <c r="J5368" s="1" t="s">
        <v>21029</v>
      </c>
    </row>
    <row r="5369" spans="1:10" x14ac:dyDescent="0.35">
      <c r="A5369" s="1" t="s">
        <v>20945</v>
      </c>
      <c r="B5369" s="1" t="s">
        <v>20946</v>
      </c>
      <c r="C5369" s="1" t="s">
        <v>115</v>
      </c>
      <c r="D5369" s="1" t="s">
        <v>21030</v>
      </c>
      <c r="E5369" s="1" t="s">
        <v>21031</v>
      </c>
      <c r="F5369" s="1" t="s">
        <v>15607</v>
      </c>
      <c r="G5369" s="1" t="s">
        <v>20950</v>
      </c>
      <c r="H5369" s="1" t="s">
        <v>20951</v>
      </c>
      <c r="I5369" s="1" t="s">
        <v>20952</v>
      </c>
      <c r="J5369" s="1" t="s">
        <v>21032</v>
      </c>
    </row>
    <row r="5370" spans="1:10" x14ac:dyDescent="0.35">
      <c r="A5370" s="1" t="s">
        <v>20945</v>
      </c>
      <c r="B5370" s="1" t="s">
        <v>20946</v>
      </c>
      <c r="C5370" s="1" t="s">
        <v>120</v>
      </c>
      <c r="D5370" s="1" t="s">
        <v>21033</v>
      </c>
      <c r="E5370" s="1" t="s">
        <v>21034</v>
      </c>
      <c r="F5370" s="1" t="s">
        <v>21035</v>
      </c>
      <c r="G5370" s="1" t="s">
        <v>20950</v>
      </c>
      <c r="H5370" s="1" t="s">
        <v>20951</v>
      </c>
      <c r="I5370" s="1" t="s">
        <v>20952</v>
      </c>
      <c r="J5370" s="1" t="s">
        <v>21036</v>
      </c>
    </row>
    <row r="5371" spans="1:10" x14ac:dyDescent="0.35">
      <c r="A5371" s="1" t="s">
        <v>20945</v>
      </c>
      <c r="B5371" s="1" t="s">
        <v>20946</v>
      </c>
      <c r="C5371" s="1" t="s">
        <v>125</v>
      </c>
      <c r="D5371" s="1" t="s">
        <v>21037</v>
      </c>
      <c r="E5371" s="1" t="s">
        <v>21038</v>
      </c>
      <c r="F5371" s="1" t="s">
        <v>21039</v>
      </c>
      <c r="G5371" s="1" t="s">
        <v>20950</v>
      </c>
      <c r="H5371" s="1" t="s">
        <v>20951</v>
      </c>
      <c r="I5371" s="1" t="s">
        <v>20952</v>
      </c>
      <c r="J5371" s="1" t="s">
        <v>21040</v>
      </c>
    </row>
    <row r="5372" spans="1:10" x14ac:dyDescent="0.35">
      <c r="A5372" s="1" t="s">
        <v>20945</v>
      </c>
      <c r="B5372" s="1" t="s">
        <v>20946</v>
      </c>
      <c r="C5372" s="1" t="s">
        <v>130</v>
      </c>
      <c r="D5372" s="1" t="s">
        <v>21041</v>
      </c>
      <c r="E5372" s="1" t="s">
        <v>21042</v>
      </c>
      <c r="F5372" s="1" t="s">
        <v>21043</v>
      </c>
      <c r="G5372" s="1" t="s">
        <v>20950</v>
      </c>
      <c r="H5372" s="1" t="s">
        <v>20951</v>
      </c>
      <c r="I5372" s="1" t="s">
        <v>20952</v>
      </c>
      <c r="J5372" s="1" t="s">
        <v>21044</v>
      </c>
    </row>
    <row r="5373" spans="1:10" x14ac:dyDescent="0.35">
      <c r="A5373" s="1" t="s">
        <v>20945</v>
      </c>
      <c r="B5373" s="1" t="s">
        <v>20946</v>
      </c>
      <c r="C5373" s="1" t="s">
        <v>135</v>
      </c>
      <c r="D5373" s="1" t="s">
        <v>21045</v>
      </c>
      <c r="E5373" s="1" t="s">
        <v>21046</v>
      </c>
      <c r="F5373" s="1" t="s">
        <v>15169</v>
      </c>
      <c r="G5373" s="1" t="s">
        <v>20950</v>
      </c>
      <c r="H5373" s="1" t="s">
        <v>20951</v>
      </c>
      <c r="I5373" s="1" t="s">
        <v>20952</v>
      </c>
      <c r="J5373" s="1" t="s">
        <v>21047</v>
      </c>
    </row>
    <row r="5374" spans="1:10" x14ac:dyDescent="0.35">
      <c r="A5374" s="1" t="s">
        <v>20945</v>
      </c>
      <c r="B5374" s="1" t="s">
        <v>20946</v>
      </c>
      <c r="C5374" s="1" t="s">
        <v>140</v>
      </c>
      <c r="D5374" s="1" t="s">
        <v>21048</v>
      </c>
      <c r="E5374" s="1" t="s">
        <v>21049</v>
      </c>
      <c r="F5374" s="1" t="s">
        <v>21050</v>
      </c>
      <c r="G5374" s="1" t="s">
        <v>20950</v>
      </c>
      <c r="H5374" s="1" t="s">
        <v>20951</v>
      </c>
      <c r="I5374" s="1" t="s">
        <v>20952</v>
      </c>
      <c r="J5374" s="1" t="s">
        <v>21051</v>
      </c>
    </row>
    <row r="5375" spans="1:10" x14ac:dyDescent="0.35">
      <c r="A5375" s="1" t="s">
        <v>20945</v>
      </c>
      <c r="B5375" s="1" t="s">
        <v>20946</v>
      </c>
      <c r="C5375" s="1" t="s">
        <v>145</v>
      </c>
      <c r="D5375" s="1" t="s">
        <v>21052</v>
      </c>
      <c r="E5375" s="1" t="s">
        <v>21046</v>
      </c>
      <c r="F5375" s="1" t="s">
        <v>21053</v>
      </c>
      <c r="G5375" s="1" t="s">
        <v>20950</v>
      </c>
      <c r="H5375" s="1" t="s">
        <v>20951</v>
      </c>
      <c r="I5375" s="1" t="s">
        <v>20952</v>
      </c>
      <c r="J5375" s="1" t="s">
        <v>21054</v>
      </c>
    </row>
    <row r="5376" spans="1:10" x14ac:dyDescent="0.35">
      <c r="A5376" s="1" t="s">
        <v>20945</v>
      </c>
      <c r="B5376" s="1" t="s">
        <v>20946</v>
      </c>
      <c r="C5376" s="1" t="s">
        <v>150</v>
      </c>
      <c r="D5376" s="1" t="s">
        <v>21055</v>
      </c>
      <c r="E5376" s="1" t="s">
        <v>21056</v>
      </c>
      <c r="F5376" s="1" t="s">
        <v>21057</v>
      </c>
      <c r="G5376" s="1" t="s">
        <v>20950</v>
      </c>
      <c r="H5376" s="1" t="s">
        <v>20951</v>
      </c>
      <c r="I5376" s="1" t="s">
        <v>20952</v>
      </c>
      <c r="J5376" s="1" t="s">
        <v>21058</v>
      </c>
    </row>
    <row r="5377" spans="1:10" x14ac:dyDescent="0.35">
      <c r="A5377" s="1" t="s">
        <v>20945</v>
      </c>
      <c r="B5377" s="1" t="s">
        <v>20946</v>
      </c>
      <c r="C5377" s="1" t="s">
        <v>155</v>
      </c>
      <c r="D5377" s="1" t="s">
        <v>21059</v>
      </c>
      <c r="E5377" s="1" t="s">
        <v>21060</v>
      </c>
      <c r="F5377" s="1" t="s">
        <v>21061</v>
      </c>
      <c r="G5377" s="1" t="s">
        <v>20950</v>
      </c>
      <c r="H5377" s="1" t="s">
        <v>20951</v>
      </c>
      <c r="I5377" s="1" t="s">
        <v>20952</v>
      </c>
      <c r="J5377" s="1" t="s">
        <v>21062</v>
      </c>
    </row>
    <row r="5378" spans="1:10" x14ac:dyDescent="0.35">
      <c r="A5378" s="1" t="s">
        <v>20945</v>
      </c>
      <c r="B5378" s="1" t="s">
        <v>20946</v>
      </c>
      <c r="C5378" s="1" t="s">
        <v>160</v>
      </c>
      <c r="D5378" s="1" t="s">
        <v>21063</v>
      </c>
      <c r="E5378" s="1" t="s">
        <v>21064</v>
      </c>
      <c r="F5378" s="1" t="s">
        <v>21065</v>
      </c>
      <c r="G5378" s="1" t="s">
        <v>20950</v>
      </c>
      <c r="H5378" s="1" t="s">
        <v>20951</v>
      </c>
      <c r="I5378" s="1" t="s">
        <v>20952</v>
      </c>
      <c r="J5378" s="1" t="s">
        <v>21066</v>
      </c>
    </row>
    <row r="5379" spans="1:10" x14ac:dyDescent="0.35">
      <c r="A5379" s="1" t="s">
        <v>20945</v>
      </c>
      <c r="B5379" s="1" t="s">
        <v>20946</v>
      </c>
      <c r="C5379" s="1" t="s">
        <v>165</v>
      </c>
      <c r="D5379" s="1" t="s">
        <v>21067</v>
      </c>
      <c r="E5379" s="1" t="s">
        <v>21068</v>
      </c>
      <c r="F5379" s="1" t="s">
        <v>21069</v>
      </c>
      <c r="G5379" s="1" t="s">
        <v>20950</v>
      </c>
      <c r="H5379" s="1" t="s">
        <v>20951</v>
      </c>
      <c r="I5379" s="1" t="s">
        <v>20952</v>
      </c>
      <c r="J5379" s="1" t="s">
        <v>21070</v>
      </c>
    </row>
    <row r="5380" spans="1:10" x14ac:dyDescent="0.35">
      <c r="A5380" s="1" t="s">
        <v>20945</v>
      </c>
      <c r="B5380" s="1" t="s">
        <v>20946</v>
      </c>
      <c r="C5380" s="1" t="s">
        <v>170</v>
      </c>
      <c r="D5380" s="1" t="s">
        <v>21071</v>
      </c>
      <c r="E5380" s="1" t="s">
        <v>21072</v>
      </c>
      <c r="F5380" s="1" t="s">
        <v>21073</v>
      </c>
      <c r="G5380" s="1" t="s">
        <v>20950</v>
      </c>
      <c r="H5380" s="1" t="s">
        <v>20951</v>
      </c>
      <c r="I5380" s="1" t="s">
        <v>20952</v>
      </c>
      <c r="J5380" s="1" t="s">
        <v>21074</v>
      </c>
    </row>
    <row r="5381" spans="1:10" x14ac:dyDescent="0.35">
      <c r="A5381" s="1" t="s">
        <v>21075</v>
      </c>
      <c r="B5381" s="1" t="s">
        <v>20946</v>
      </c>
      <c r="C5381" s="1" t="s">
        <v>8</v>
      </c>
      <c r="D5381" s="1" t="s">
        <v>21076</v>
      </c>
      <c r="E5381" s="1" t="s">
        <v>21077</v>
      </c>
      <c r="F5381" s="1" t="s">
        <v>21078</v>
      </c>
      <c r="G5381" s="1" t="s">
        <v>21079</v>
      </c>
      <c r="H5381" s="1" t="s">
        <v>21080</v>
      </c>
      <c r="I5381" s="1" t="s">
        <v>20952</v>
      </c>
      <c r="J5381" s="1" t="s">
        <v>13</v>
      </c>
    </row>
    <row r="5382" spans="1:10" x14ac:dyDescent="0.35">
      <c r="A5382" s="1" t="s">
        <v>21075</v>
      </c>
      <c r="B5382" s="1" t="s">
        <v>20946</v>
      </c>
      <c r="C5382" s="1" t="s">
        <v>15</v>
      </c>
      <c r="D5382" s="1" t="s">
        <v>21081</v>
      </c>
      <c r="E5382" s="1" t="s">
        <v>21082</v>
      </c>
      <c r="F5382" s="1" t="s">
        <v>21083</v>
      </c>
      <c r="G5382" s="1" t="s">
        <v>21079</v>
      </c>
      <c r="H5382" s="1" t="s">
        <v>21080</v>
      </c>
      <c r="I5382" s="1" t="s">
        <v>20952</v>
      </c>
      <c r="J5382" s="1" t="s">
        <v>21084</v>
      </c>
    </row>
    <row r="5383" spans="1:10" x14ac:dyDescent="0.35">
      <c r="A5383" s="1" t="s">
        <v>21075</v>
      </c>
      <c r="B5383" s="1" t="s">
        <v>20946</v>
      </c>
      <c r="C5383" s="1" t="s">
        <v>20</v>
      </c>
      <c r="D5383" s="1" t="s">
        <v>21085</v>
      </c>
      <c r="E5383" s="1" t="s">
        <v>21086</v>
      </c>
      <c r="F5383" s="1" t="s">
        <v>21087</v>
      </c>
      <c r="G5383" s="1" t="s">
        <v>21079</v>
      </c>
      <c r="H5383" s="1" t="s">
        <v>21080</v>
      </c>
      <c r="I5383" s="1" t="s">
        <v>20952</v>
      </c>
      <c r="J5383" s="1" t="s">
        <v>21088</v>
      </c>
    </row>
    <row r="5384" spans="1:10" x14ac:dyDescent="0.35">
      <c r="A5384" s="1" t="s">
        <v>21075</v>
      </c>
      <c r="B5384" s="1" t="s">
        <v>20946</v>
      </c>
      <c r="C5384" s="1" t="s">
        <v>25</v>
      </c>
      <c r="D5384" s="1" t="s">
        <v>21089</v>
      </c>
      <c r="E5384" s="1" t="s">
        <v>21090</v>
      </c>
      <c r="F5384" s="1" t="s">
        <v>20011</v>
      </c>
      <c r="G5384" s="1" t="s">
        <v>21079</v>
      </c>
      <c r="H5384" s="1" t="s">
        <v>21080</v>
      </c>
      <c r="I5384" s="1" t="s">
        <v>20952</v>
      </c>
      <c r="J5384" s="1" t="s">
        <v>21091</v>
      </c>
    </row>
    <row r="5385" spans="1:10" x14ac:dyDescent="0.35">
      <c r="A5385" s="1" t="s">
        <v>21075</v>
      </c>
      <c r="B5385" s="1" t="s">
        <v>20946</v>
      </c>
      <c r="C5385" s="1" t="s">
        <v>30</v>
      </c>
      <c r="D5385" s="1" t="s">
        <v>21092</v>
      </c>
      <c r="E5385" s="1" t="s">
        <v>21093</v>
      </c>
      <c r="F5385" s="1" t="s">
        <v>21094</v>
      </c>
      <c r="G5385" s="1" t="s">
        <v>21079</v>
      </c>
      <c r="H5385" s="1" t="s">
        <v>21080</v>
      </c>
      <c r="I5385" s="1" t="s">
        <v>20952</v>
      </c>
      <c r="J5385" s="1" t="s">
        <v>21095</v>
      </c>
    </row>
    <row r="5386" spans="1:10" x14ac:dyDescent="0.35">
      <c r="A5386" s="1" t="s">
        <v>21075</v>
      </c>
      <c r="B5386" s="1" t="s">
        <v>20946</v>
      </c>
      <c r="C5386" s="1" t="s">
        <v>35</v>
      </c>
      <c r="D5386" s="1" t="s">
        <v>21096</v>
      </c>
      <c r="E5386" s="1" t="s">
        <v>21097</v>
      </c>
      <c r="F5386" s="1" t="s">
        <v>21098</v>
      </c>
      <c r="G5386" s="1" t="s">
        <v>21079</v>
      </c>
      <c r="H5386" s="1" t="s">
        <v>21080</v>
      </c>
      <c r="I5386" s="1" t="s">
        <v>20952</v>
      </c>
      <c r="J5386" s="1" t="s">
        <v>21099</v>
      </c>
    </row>
    <row r="5387" spans="1:10" x14ac:dyDescent="0.35">
      <c r="A5387" s="1" t="s">
        <v>21075</v>
      </c>
      <c r="B5387" s="1" t="s">
        <v>20946</v>
      </c>
      <c r="C5387" s="1" t="s">
        <v>40</v>
      </c>
      <c r="D5387" s="1" t="s">
        <v>21100</v>
      </c>
      <c r="E5387" s="1" t="s">
        <v>21101</v>
      </c>
      <c r="F5387" s="1" t="s">
        <v>21102</v>
      </c>
      <c r="G5387" s="1" t="s">
        <v>21079</v>
      </c>
      <c r="H5387" s="1" t="s">
        <v>21080</v>
      </c>
      <c r="I5387" s="1" t="s">
        <v>20952</v>
      </c>
      <c r="J5387" s="1" t="s">
        <v>21103</v>
      </c>
    </row>
    <row r="5388" spans="1:10" x14ac:dyDescent="0.35">
      <c r="A5388" s="1" t="s">
        <v>21075</v>
      </c>
      <c r="B5388" s="1" t="s">
        <v>20946</v>
      </c>
      <c r="C5388" s="1" t="s">
        <v>45</v>
      </c>
      <c r="D5388" s="1" t="s">
        <v>21104</v>
      </c>
      <c r="E5388" s="1" t="s">
        <v>21105</v>
      </c>
      <c r="F5388" s="1" t="s">
        <v>21106</v>
      </c>
      <c r="G5388" s="1" t="s">
        <v>21079</v>
      </c>
      <c r="H5388" s="1" t="s">
        <v>21080</v>
      </c>
      <c r="I5388" s="1" t="s">
        <v>20952</v>
      </c>
      <c r="J5388" s="1" t="s">
        <v>21107</v>
      </c>
    </row>
    <row r="5389" spans="1:10" x14ac:dyDescent="0.35">
      <c r="A5389" s="1" t="s">
        <v>21075</v>
      </c>
      <c r="B5389" s="1" t="s">
        <v>20946</v>
      </c>
      <c r="C5389" s="1" t="s">
        <v>50</v>
      </c>
      <c r="D5389" s="1" t="s">
        <v>21108</v>
      </c>
      <c r="E5389" s="1" t="s">
        <v>21109</v>
      </c>
      <c r="F5389" s="1" t="s">
        <v>21110</v>
      </c>
      <c r="G5389" s="1" t="s">
        <v>21079</v>
      </c>
      <c r="H5389" s="1" t="s">
        <v>21080</v>
      </c>
      <c r="I5389" s="1" t="s">
        <v>20952</v>
      </c>
      <c r="J5389" s="1" t="s">
        <v>21111</v>
      </c>
    </row>
    <row r="5390" spans="1:10" x14ac:dyDescent="0.35">
      <c r="A5390" s="1" t="s">
        <v>21075</v>
      </c>
      <c r="B5390" s="1" t="s">
        <v>20946</v>
      </c>
      <c r="C5390" s="1" t="s">
        <v>55</v>
      </c>
      <c r="D5390" s="1" t="s">
        <v>21112</v>
      </c>
      <c r="E5390" s="1" t="s">
        <v>21113</v>
      </c>
      <c r="F5390" s="1" t="s">
        <v>21114</v>
      </c>
      <c r="G5390" s="1" t="s">
        <v>21079</v>
      </c>
      <c r="H5390" s="1" t="s">
        <v>21080</v>
      </c>
      <c r="I5390" s="1" t="s">
        <v>20952</v>
      </c>
      <c r="J5390" s="1" t="s">
        <v>21115</v>
      </c>
    </row>
    <row r="5391" spans="1:10" x14ac:dyDescent="0.35">
      <c r="A5391" s="1" t="s">
        <v>21075</v>
      </c>
      <c r="B5391" s="1" t="s">
        <v>20946</v>
      </c>
      <c r="C5391" s="1" t="s">
        <v>60</v>
      </c>
      <c r="D5391" s="1" t="s">
        <v>21116</v>
      </c>
      <c r="E5391" s="1" t="s">
        <v>21117</v>
      </c>
      <c r="F5391" s="1" t="s">
        <v>21065</v>
      </c>
      <c r="G5391" s="1" t="s">
        <v>21079</v>
      </c>
      <c r="H5391" s="1" t="s">
        <v>21080</v>
      </c>
      <c r="I5391" s="1" t="s">
        <v>20952</v>
      </c>
      <c r="J5391" s="1" t="s">
        <v>21118</v>
      </c>
    </row>
    <row r="5392" spans="1:10" x14ac:dyDescent="0.35">
      <c r="A5392" s="1" t="s">
        <v>21075</v>
      </c>
      <c r="B5392" s="1" t="s">
        <v>20946</v>
      </c>
      <c r="C5392" s="1" t="s">
        <v>65</v>
      </c>
      <c r="D5392" s="1" t="s">
        <v>21119</v>
      </c>
      <c r="E5392" s="1" t="s">
        <v>21120</v>
      </c>
      <c r="F5392" s="1" t="s">
        <v>21121</v>
      </c>
      <c r="G5392" s="1" t="s">
        <v>21079</v>
      </c>
      <c r="H5392" s="1" t="s">
        <v>21080</v>
      </c>
      <c r="I5392" s="1" t="s">
        <v>20952</v>
      </c>
      <c r="J5392" s="1" t="s">
        <v>21122</v>
      </c>
    </row>
    <row r="5393" spans="1:10" x14ac:dyDescent="0.35">
      <c r="A5393" s="1" t="s">
        <v>21075</v>
      </c>
      <c r="B5393" s="1" t="s">
        <v>20946</v>
      </c>
      <c r="C5393" s="1" t="s">
        <v>70</v>
      </c>
      <c r="D5393" s="1" t="s">
        <v>21123</v>
      </c>
      <c r="E5393" s="1" t="s">
        <v>21124</v>
      </c>
      <c r="F5393" s="1" t="s">
        <v>21125</v>
      </c>
      <c r="G5393" s="1" t="s">
        <v>21079</v>
      </c>
      <c r="H5393" s="1" t="s">
        <v>21080</v>
      </c>
      <c r="I5393" s="1" t="s">
        <v>20952</v>
      </c>
      <c r="J5393" s="1" t="s">
        <v>21126</v>
      </c>
    </row>
    <row r="5394" spans="1:10" x14ac:dyDescent="0.35">
      <c r="A5394" s="1" t="s">
        <v>21075</v>
      </c>
      <c r="B5394" s="1" t="s">
        <v>20946</v>
      </c>
      <c r="C5394" s="1" t="s">
        <v>75</v>
      </c>
      <c r="D5394" s="1" t="s">
        <v>21127</v>
      </c>
      <c r="E5394" s="1" t="s">
        <v>21128</v>
      </c>
      <c r="F5394" s="1" t="s">
        <v>21129</v>
      </c>
      <c r="G5394" s="1" t="s">
        <v>21079</v>
      </c>
      <c r="H5394" s="1" t="s">
        <v>21080</v>
      </c>
      <c r="I5394" s="1" t="s">
        <v>20952</v>
      </c>
      <c r="J5394" s="1" t="s">
        <v>21130</v>
      </c>
    </row>
    <row r="5395" spans="1:10" x14ac:dyDescent="0.35">
      <c r="A5395" s="1" t="s">
        <v>21075</v>
      </c>
      <c r="B5395" s="1" t="s">
        <v>20946</v>
      </c>
      <c r="C5395" s="1" t="s">
        <v>80</v>
      </c>
      <c r="D5395" s="1" t="s">
        <v>21131</v>
      </c>
      <c r="E5395" s="1" t="s">
        <v>21132</v>
      </c>
      <c r="F5395" s="1" t="s">
        <v>21133</v>
      </c>
      <c r="G5395" s="1" t="s">
        <v>21079</v>
      </c>
      <c r="H5395" s="1" t="s">
        <v>21080</v>
      </c>
      <c r="I5395" s="1" t="s">
        <v>20952</v>
      </c>
      <c r="J5395" s="1" t="s">
        <v>21134</v>
      </c>
    </row>
    <row r="5396" spans="1:10" x14ac:dyDescent="0.35">
      <c r="A5396" s="1" t="s">
        <v>21075</v>
      </c>
      <c r="B5396" s="1" t="s">
        <v>20946</v>
      </c>
      <c r="C5396" s="1" t="s">
        <v>85</v>
      </c>
      <c r="D5396" s="1" t="s">
        <v>21135</v>
      </c>
      <c r="E5396" s="1" t="s">
        <v>21136</v>
      </c>
      <c r="F5396" s="1" t="s">
        <v>21137</v>
      </c>
      <c r="G5396" s="1" t="s">
        <v>21079</v>
      </c>
      <c r="H5396" s="1" t="s">
        <v>21080</v>
      </c>
      <c r="I5396" s="1" t="s">
        <v>20952</v>
      </c>
      <c r="J5396" s="1" t="s">
        <v>21138</v>
      </c>
    </row>
    <row r="5397" spans="1:10" x14ac:dyDescent="0.35">
      <c r="A5397" s="1" t="s">
        <v>21075</v>
      </c>
      <c r="B5397" s="1" t="s">
        <v>20946</v>
      </c>
      <c r="C5397" s="1" t="s">
        <v>90</v>
      </c>
      <c r="D5397" s="1" t="s">
        <v>21139</v>
      </c>
      <c r="E5397" s="1" t="s">
        <v>21140</v>
      </c>
      <c r="F5397" s="1" t="s">
        <v>21141</v>
      </c>
      <c r="G5397" s="1" t="s">
        <v>21079</v>
      </c>
      <c r="H5397" s="1" t="s">
        <v>21080</v>
      </c>
      <c r="I5397" s="1" t="s">
        <v>20952</v>
      </c>
      <c r="J5397" s="1" t="s">
        <v>21142</v>
      </c>
    </row>
    <row r="5398" spans="1:10" x14ac:dyDescent="0.35">
      <c r="A5398" s="1" t="s">
        <v>21075</v>
      </c>
      <c r="B5398" s="1" t="s">
        <v>20946</v>
      </c>
      <c r="C5398" s="1" t="s">
        <v>95</v>
      </c>
      <c r="D5398" s="1" t="s">
        <v>21143</v>
      </c>
      <c r="E5398" s="1" t="s">
        <v>21144</v>
      </c>
      <c r="F5398" s="1" t="s">
        <v>21145</v>
      </c>
      <c r="G5398" s="1" t="s">
        <v>21079</v>
      </c>
      <c r="H5398" s="1" t="s">
        <v>21080</v>
      </c>
      <c r="I5398" s="1" t="s">
        <v>20952</v>
      </c>
      <c r="J5398" s="1" t="s">
        <v>21146</v>
      </c>
    </row>
    <row r="5399" spans="1:10" x14ac:dyDescent="0.35">
      <c r="A5399" s="1" t="s">
        <v>21075</v>
      </c>
      <c r="B5399" s="1" t="s">
        <v>20946</v>
      </c>
      <c r="C5399" s="1" t="s">
        <v>100</v>
      </c>
      <c r="D5399" s="1" t="s">
        <v>21147</v>
      </c>
      <c r="E5399" s="1" t="s">
        <v>21148</v>
      </c>
      <c r="F5399" s="1" t="s">
        <v>21149</v>
      </c>
      <c r="G5399" s="1" t="s">
        <v>21079</v>
      </c>
      <c r="H5399" s="1" t="s">
        <v>21080</v>
      </c>
      <c r="I5399" s="1" t="s">
        <v>20952</v>
      </c>
      <c r="J5399" s="1" t="s">
        <v>21150</v>
      </c>
    </row>
    <row r="5400" spans="1:10" x14ac:dyDescent="0.35">
      <c r="A5400" s="1" t="s">
        <v>21075</v>
      </c>
      <c r="B5400" s="1" t="s">
        <v>20946</v>
      </c>
      <c r="C5400" s="1" t="s">
        <v>105</v>
      </c>
      <c r="D5400" s="1" t="s">
        <v>21151</v>
      </c>
      <c r="E5400" s="1" t="s">
        <v>21077</v>
      </c>
      <c r="F5400" s="1" t="s">
        <v>21152</v>
      </c>
      <c r="G5400" s="1" t="s">
        <v>21079</v>
      </c>
      <c r="H5400" s="1" t="s">
        <v>21080</v>
      </c>
      <c r="I5400" s="1" t="s">
        <v>20952</v>
      </c>
      <c r="J5400" s="1" t="s">
        <v>21153</v>
      </c>
    </row>
    <row r="5401" spans="1:10" x14ac:dyDescent="0.35">
      <c r="A5401" s="1" t="s">
        <v>21075</v>
      </c>
      <c r="B5401" s="1" t="s">
        <v>20946</v>
      </c>
      <c r="C5401" s="1" t="s">
        <v>110</v>
      </c>
      <c r="D5401" s="1" t="s">
        <v>21154</v>
      </c>
      <c r="E5401" s="1" t="s">
        <v>21155</v>
      </c>
      <c r="F5401" s="1" t="s">
        <v>21156</v>
      </c>
      <c r="G5401" s="1" t="s">
        <v>21079</v>
      </c>
      <c r="H5401" s="1" t="s">
        <v>21080</v>
      </c>
      <c r="I5401" s="1" t="s">
        <v>20952</v>
      </c>
      <c r="J5401" s="1" t="s">
        <v>21157</v>
      </c>
    </row>
    <row r="5402" spans="1:10" x14ac:dyDescent="0.35">
      <c r="A5402" s="1" t="s">
        <v>21075</v>
      </c>
      <c r="B5402" s="1" t="s">
        <v>20946</v>
      </c>
      <c r="C5402" s="1" t="s">
        <v>115</v>
      </c>
      <c r="D5402" s="1" t="s">
        <v>21158</v>
      </c>
      <c r="E5402" s="1" t="s">
        <v>21159</v>
      </c>
      <c r="F5402" s="1" t="s">
        <v>21160</v>
      </c>
      <c r="G5402" s="1" t="s">
        <v>21079</v>
      </c>
      <c r="H5402" s="1" t="s">
        <v>21080</v>
      </c>
      <c r="I5402" s="1" t="s">
        <v>20952</v>
      </c>
      <c r="J5402" s="1" t="s">
        <v>21161</v>
      </c>
    </row>
    <row r="5403" spans="1:10" x14ac:dyDescent="0.35">
      <c r="A5403" s="1" t="s">
        <v>21075</v>
      </c>
      <c r="B5403" s="1" t="s">
        <v>20946</v>
      </c>
      <c r="C5403" s="1" t="s">
        <v>120</v>
      </c>
      <c r="D5403" s="1" t="s">
        <v>21162</v>
      </c>
      <c r="E5403" s="1" t="s">
        <v>21163</v>
      </c>
      <c r="F5403" s="1" t="s">
        <v>21164</v>
      </c>
      <c r="G5403" s="1" t="s">
        <v>21079</v>
      </c>
      <c r="H5403" s="1" t="s">
        <v>21080</v>
      </c>
      <c r="I5403" s="1" t="s">
        <v>20952</v>
      </c>
      <c r="J5403" s="1" t="s">
        <v>21165</v>
      </c>
    </row>
    <row r="5404" spans="1:10" x14ac:dyDescent="0.35">
      <c r="A5404" s="1" t="s">
        <v>21075</v>
      </c>
      <c r="B5404" s="1" t="s">
        <v>20946</v>
      </c>
      <c r="C5404" s="1" t="s">
        <v>125</v>
      </c>
      <c r="D5404" s="1" t="s">
        <v>21166</v>
      </c>
      <c r="E5404" s="1" t="s">
        <v>21132</v>
      </c>
      <c r="F5404" s="1" t="s">
        <v>21167</v>
      </c>
      <c r="G5404" s="1" t="s">
        <v>21079</v>
      </c>
      <c r="H5404" s="1" t="s">
        <v>21080</v>
      </c>
      <c r="I5404" s="1" t="s">
        <v>20952</v>
      </c>
      <c r="J5404" s="1" t="s">
        <v>21168</v>
      </c>
    </row>
    <row r="5405" spans="1:10" x14ac:dyDescent="0.35">
      <c r="A5405" s="1" t="s">
        <v>21075</v>
      </c>
      <c r="B5405" s="1" t="s">
        <v>20946</v>
      </c>
      <c r="C5405" s="1" t="s">
        <v>130</v>
      </c>
      <c r="D5405" s="1" t="s">
        <v>21169</v>
      </c>
      <c r="E5405" s="1" t="s">
        <v>21170</v>
      </c>
      <c r="F5405" s="1" t="s">
        <v>21171</v>
      </c>
      <c r="G5405" s="1" t="s">
        <v>21079</v>
      </c>
      <c r="H5405" s="1" t="s">
        <v>21080</v>
      </c>
      <c r="I5405" s="1" t="s">
        <v>20952</v>
      </c>
      <c r="J5405" s="1" t="s">
        <v>21172</v>
      </c>
    </row>
    <row r="5406" spans="1:10" x14ac:dyDescent="0.35">
      <c r="A5406" s="1" t="s">
        <v>21075</v>
      </c>
      <c r="B5406" s="1" t="s">
        <v>20946</v>
      </c>
      <c r="C5406" s="1" t="s">
        <v>135</v>
      </c>
      <c r="D5406" s="1" t="s">
        <v>21173</v>
      </c>
      <c r="E5406" s="1" t="s">
        <v>21174</v>
      </c>
      <c r="F5406" s="1" t="s">
        <v>21175</v>
      </c>
      <c r="G5406" s="1" t="s">
        <v>21079</v>
      </c>
      <c r="H5406" s="1" t="s">
        <v>21080</v>
      </c>
      <c r="I5406" s="1" t="s">
        <v>20952</v>
      </c>
      <c r="J5406" s="1" t="s">
        <v>21176</v>
      </c>
    </row>
    <row r="5407" spans="1:10" x14ac:dyDescent="0.35">
      <c r="A5407" s="1" t="s">
        <v>21075</v>
      </c>
      <c r="B5407" s="1" t="s">
        <v>20946</v>
      </c>
      <c r="C5407" s="1" t="s">
        <v>140</v>
      </c>
      <c r="D5407" s="1" t="s">
        <v>21177</v>
      </c>
      <c r="E5407" s="1" t="s">
        <v>21178</v>
      </c>
      <c r="F5407" s="1" t="s">
        <v>21179</v>
      </c>
      <c r="G5407" s="1" t="s">
        <v>21079</v>
      </c>
      <c r="H5407" s="1" t="s">
        <v>21080</v>
      </c>
      <c r="I5407" s="1" t="s">
        <v>20952</v>
      </c>
      <c r="J5407" s="1" t="s">
        <v>21180</v>
      </c>
    </row>
    <row r="5408" spans="1:10" x14ac:dyDescent="0.35">
      <c r="A5408" s="1" t="s">
        <v>21075</v>
      </c>
      <c r="B5408" s="1" t="s">
        <v>20946</v>
      </c>
      <c r="C5408" s="1" t="s">
        <v>145</v>
      </c>
      <c r="D5408" s="1" t="s">
        <v>21181</v>
      </c>
      <c r="E5408" s="1" t="s">
        <v>21182</v>
      </c>
      <c r="F5408" s="1" t="s">
        <v>21183</v>
      </c>
      <c r="G5408" s="1" t="s">
        <v>21079</v>
      </c>
      <c r="H5408" s="1" t="s">
        <v>21080</v>
      </c>
      <c r="I5408" s="1" t="s">
        <v>20952</v>
      </c>
      <c r="J5408" s="1" t="s">
        <v>21184</v>
      </c>
    </row>
    <row r="5409" spans="1:10" x14ac:dyDescent="0.35">
      <c r="A5409" s="1" t="s">
        <v>21075</v>
      </c>
      <c r="B5409" s="1" t="s">
        <v>20946</v>
      </c>
      <c r="C5409" s="1" t="s">
        <v>150</v>
      </c>
      <c r="D5409" s="1" t="s">
        <v>21185</v>
      </c>
      <c r="E5409" s="1" t="s">
        <v>21186</v>
      </c>
      <c r="F5409" s="1" t="s">
        <v>21187</v>
      </c>
      <c r="G5409" s="1" t="s">
        <v>21079</v>
      </c>
      <c r="H5409" s="1" t="s">
        <v>21080</v>
      </c>
      <c r="I5409" s="1" t="s">
        <v>20952</v>
      </c>
      <c r="J5409" s="1" t="s">
        <v>21188</v>
      </c>
    </row>
    <row r="5410" spans="1:10" x14ac:dyDescent="0.35">
      <c r="A5410" s="1" t="s">
        <v>21075</v>
      </c>
      <c r="B5410" s="1" t="s">
        <v>20946</v>
      </c>
      <c r="C5410" s="1" t="s">
        <v>155</v>
      </c>
      <c r="D5410" s="1" t="s">
        <v>21189</v>
      </c>
      <c r="E5410" s="1" t="s">
        <v>21190</v>
      </c>
      <c r="F5410" s="1" t="s">
        <v>21191</v>
      </c>
      <c r="G5410" s="1" t="s">
        <v>21079</v>
      </c>
      <c r="H5410" s="1" t="s">
        <v>21080</v>
      </c>
      <c r="I5410" s="1" t="s">
        <v>20952</v>
      </c>
      <c r="J5410" s="1" t="s">
        <v>21192</v>
      </c>
    </row>
    <row r="5411" spans="1:10" x14ac:dyDescent="0.35">
      <c r="A5411" s="1" t="s">
        <v>21075</v>
      </c>
      <c r="B5411" s="1" t="s">
        <v>20946</v>
      </c>
      <c r="C5411" s="1" t="s">
        <v>160</v>
      </c>
      <c r="D5411" s="1" t="s">
        <v>21193</v>
      </c>
      <c r="E5411" s="1" t="s">
        <v>21117</v>
      </c>
      <c r="F5411" s="1" t="s">
        <v>21194</v>
      </c>
      <c r="G5411" s="1" t="s">
        <v>21079</v>
      </c>
      <c r="H5411" s="1" t="s">
        <v>21080</v>
      </c>
      <c r="I5411" s="1" t="s">
        <v>20952</v>
      </c>
      <c r="J5411" s="1" t="s">
        <v>21195</v>
      </c>
    </row>
    <row r="5412" spans="1:10" x14ac:dyDescent="0.35">
      <c r="A5412" s="1" t="s">
        <v>21075</v>
      </c>
      <c r="B5412" s="1" t="s">
        <v>20946</v>
      </c>
      <c r="C5412" s="1" t="s">
        <v>165</v>
      </c>
      <c r="D5412" s="1" t="s">
        <v>21196</v>
      </c>
      <c r="E5412" s="1" t="s">
        <v>21197</v>
      </c>
      <c r="F5412" s="1" t="s">
        <v>21198</v>
      </c>
      <c r="G5412" s="1" t="s">
        <v>21079</v>
      </c>
      <c r="H5412" s="1" t="s">
        <v>21080</v>
      </c>
      <c r="I5412" s="1" t="s">
        <v>20952</v>
      </c>
      <c r="J5412" s="1" t="s">
        <v>21199</v>
      </c>
    </row>
    <row r="5413" spans="1:10" x14ac:dyDescent="0.35">
      <c r="A5413" s="1" t="s">
        <v>21075</v>
      </c>
      <c r="B5413" s="1" t="s">
        <v>20946</v>
      </c>
      <c r="C5413" s="1" t="s">
        <v>170</v>
      </c>
      <c r="D5413" s="1" t="s">
        <v>21200</v>
      </c>
      <c r="E5413" s="1" t="s">
        <v>21201</v>
      </c>
      <c r="F5413" s="1" t="s">
        <v>21202</v>
      </c>
      <c r="G5413" s="1" t="s">
        <v>21079</v>
      </c>
      <c r="H5413" s="1" t="s">
        <v>21080</v>
      </c>
      <c r="I5413" s="1" t="s">
        <v>20952</v>
      </c>
      <c r="J5413" s="1" t="s">
        <v>21203</v>
      </c>
    </row>
    <row r="5414" spans="1:10" x14ac:dyDescent="0.35">
      <c r="A5414" s="1" t="s">
        <v>21204</v>
      </c>
      <c r="B5414" s="1" t="s">
        <v>20946</v>
      </c>
      <c r="C5414" s="1" t="s">
        <v>8</v>
      </c>
      <c r="D5414" s="1" t="s">
        <v>21205</v>
      </c>
      <c r="E5414" s="1" t="s">
        <v>21206</v>
      </c>
      <c r="F5414" s="1" t="s">
        <v>21207</v>
      </c>
      <c r="G5414" s="1" t="s">
        <v>21208</v>
      </c>
      <c r="H5414" s="1" t="s">
        <v>21209</v>
      </c>
      <c r="I5414" s="1" t="s">
        <v>20952</v>
      </c>
      <c r="J5414" s="1" t="s">
        <v>13</v>
      </c>
    </row>
    <row r="5415" spans="1:10" x14ac:dyDescent="0.35">
      <c r="A5415" s="1" t="s">
        <v>21204</v>
      </c>
      <c r="B5415" s="1" t="s">
        <v>20946</v>
      </c>
      <c r="C5415" s="1" t="s">
        <v>15</v>
      </c>
      <c r="D5415" s="1" t="s">
        <v>21210</v>
      </c>
      <c r="E5415" s="1" t="s">
        <v>21211</v>
      </c>
      <c r="F5415" s="1" t="s">
        <v>21212</v>
      </c>
      <c r="G5415" s="1" t="s">
        <v>21208</v>
      </c>
      <c r="H5415" s="1" t="s">
        <v>21209</v>
      </c>
      <c r="I5415" s="1" t="s">
        <v>20952</v>
      </c>
      <c r="J5415" s="1" t="s">
        <v>21213</v>
      </c>
    </row>
    <row r="5416" spans="1:10" x14ac:dyDescent="0.35">
      <c r="A5416" s="1" t="s">
        <v>21204</v>
      </c>
      <c r="B5416" s="1" t="s">
        <v>20946</v>
      </c>
      <c r="C5416" s="1" t="s">
        <v>20</v>
      </c>
      <c r="D5416" s="1" t="s">
        <v>21214</v>
      </c>
      <c r="E5416" s="1" t="s">
        <v>21215</v>
      </c>
      <c r="F5416" s="1" t="s">
        <v>21216</v>
      </c>
      <c r="G5416" s="1" t="s">
        <v>21208</v>
      </c>
      <c r="H5416" s="1" t="s">
        <v>21209</v>
      </c>
      <c r="I5416" s="1" t="s">
        <v>20952</v>
      </c>
      <c r="J5416" s="1" t="s">
        <v>21217</v>
      </c>
    </row>
    <row r="5417" spans="1:10" x14ac:dyDescent="0.35">
      <c r="A5417" s="1" t="s">
        <v>21204</v>
      </c>
      <c r="B5417" s="1" t="s">
        <v>20946</v>
      </c>
      <c r="C5417" s="1" t="s">
        <v>25</v>
      </c>
      <c r="D5417" s="1" t="s">
        <v>21218</v>
      </c>
      <c r="E5417" s="1" t="s">
        <v>21219</v>
      </c>
      <c r="F5417" s="1" t="s">
        <v>21220</v>
      </c>
      <c r="G5417" s="1" t="s">
        <v>21208</v>
      </c>
      <c r="H5417" s="1" t="s">
        <v>21209</v>
      </c>
      <c r="I5417" s="1" t="s">
        <v>20952</v>
      </c>
      <c r="J5417" s="1" t="s">
        <v>21221</v>
      </c>
    </row>
    <row r="5418" spans="1:10" x14ac:dyDescent="0.35">
      <c r="A5418" s="1" t="s">
        <v>21204</v>
      </c>
      <c r="B5418" s="1" t="s">
        <v>20946</v>
      </c>
      <c r="C5418" s="1" t="s">
        <v>30</v>
      </c>
      <c r="D5418" s="1" t="s">
        <v>21222</v>
      </c>
      <c r="E5418" s="1" t="s">
        <v>21223</v>
      </c>
      <c r="F5418" s="1" t="s">
        <v>21224</v>
      </c>
      <c r="G5418" s="1" t="s">
        <v>21208</v>
      </c>
      <c r="H5418" s="1" t="s">
        <v>21209</v>
      </c>
      <c r="I5418" s="1" t="s">
        <v>20952</v>
      </c>
      <c r="J5418" s="1" t="s">
        <v>21225</v>
      </c>
    </row>
    <row r="5419" spans="1:10" x14ac:dyDescent="0.35">
      <c r="A5419" s="1" t="s">
        <v>21204</v>
      </c>
      <c r="B5419" s="1" t="s">
        <v>20946</v>
      </c>
      <c r="C5419" s="1" t="s">
        <v>35</v>
      </c>
      <c r="D5419" s="1" t="s">
        <v>21226</v>
      </c>
      <c r="E5419" s="1" t="s">
        <v>21227</v>
      </c>
      <c r="F5419" s="1" t="s">
        <v>21228</v>
      </c>
      <c r="G5419" s="1" t="s">
        <v>21208</v>
      </c>
      <c r="H5419" s="1" t="s">
        <v>21209</v>
      </c>
      <c r="I5419" s="1" t="s">
        <v>20952</v>
      </c>
      <c r="J5419" s="1" t="s">
        <v>21229</v>
      </c>
    </row>
    <row r="5420" spans="1:10" x14ac:dyDescent="0.35">
      <c r="A5420" s="1" t="s">
        <v>21204</v>
      </c>
      <c r="B5420" s="1" t="s">
        <v>20946</v>
      </c>
      <c r="C5420" s="1" t="s">
        <v>40</v>
      </c>
      <c r="D5420" s="1" t="s">
        <v>21230</v>
      </c>
      <c r="E5420" s="1" t="s">
        <v>21231</v>
      </c>
      <c r="F5420" s="1" t="s">
        <v>21232</v>
      </c>
      <c r="G5420" s="1" t="s">
        <v>21208</v>
      </c>
      <c r="H5420" s="1" t="s">
        <v>21209</v>
      </c>
      <c r="I5420" s="1" t="s">
        <v>20952</v>
      </c>
      <c r="J5420" s="1" t="s">
        <v>21233</v>
      </c>
    </row>
    <row r="5421" spans="1:10" x14ac:dyDescent="0.35">
      <c r="A5421" s="1" t="s">
        <v>21204</v>
      </c>
      <c r="B5421" s="1" t="s">
        <v>20946</v>
      </c>
      <c r="C5421" s="1" t="s">
        <v>45</v>
      </c>
      <c r="D5421" s="1" t="s">
        <v>21234</v>
      </c>
      <c r="E5421" s="1" t="s">
        <v>21235</v>
      </c>
      <c r="F5421" s="1" t="s">
        <v>21236</v>
      </c>
      <c r="G5421" s="1" t="s">
        <v>21208</v>
      </c>
      <c r="H5421" s="1" t="s">
        <v>21209</v>
      </c>
      <c r="I5421" s="1" t="s">
        <v>20952</v>
      </c>
      <c r="J5421" s="1" t="s">
        <v>21237</v>
      </c>
    </row>
    <row r="5422" spans="1:10" x14ac:dyDescent="0.35">
      <c r="A5422" s="1" t="s">
        <v>21204</v>
      </c>
      <c r="B5422" s="1" t="s">
        <v>20946</v>
      </c>
      <c r="C5422" s="1" t="s">
        <v>50</v>
      </c>
      <c r="D5422" s="1" t="s">
        <v>21238</v>
      </c>
      <c r="E5422" s="1" t="s">
        <v>21239</v>
      </c>
      <c r="F5422" s="1" t="s">
        <v>21240</v>
      </c>
      <c r="G5422" s="1" t="s">
        <v>21208</v>
      </c>
      <c r="H5422" s="1" t="s">
        <v>21209</v>
      </c>
      <c r="I5422" s="1" t="s">
        <v>20952</v>
      </c>
      <c r="J5422" s="1" t="s">
        <v>21241</v>
      </c>
    </row>
    <row r="5423" spans="1:10" x14ac:dyDescent="0.35">
      <c r="A5423" s="1" t="s">
        <v>21204</v>
      </c>
      <c r="B5423" s="1" t="s">
        <v>20946</v>
      </c>
      <c r="C5423" s="1" t="s">
        <v>55</v>
      </c>
      <c r="D5423" s="1" t="s">
        <v>21242</v>
      </c>
      <c r="E5423" s="1" t="s">
        <v>21243</v>
      </c>
      <c r="F5423" s="1" t="s">
        <v>21244</v>
      </c>
      <c r="G5423" s="1" t="s">
        <v>21208</v>
      </c>
      <c r="H5423" s="1" t="s">
        <v>21209</v>
      </c>
      <c r="I5423" s="1" t="s">
        <v>20952</v>
      </c>
      <c r="J5423" s="1" t="s">
        <v>21245</v>
      </c>
    </row>
    <row r="5424" spans="1:10" x14ac:dyDescent="0.35">
      <c r="A5424" s="1" t="s">
        <v>21204</v>
      </c>
      <c r="B5424" s="1" t="s">
        <v>20946</v>
      </c>
      <c r="C5424" s="1" t="s">
        <v>60</v>
      </c>
      <c r="D5424" s="1" t="s">
        <v>21246</v>
      </c>
      <c r="E5424" s="1" t="s">
        <v>21247</v>
      </c>
      <c r="F5424" s="1" t="s">
        <v>21248</v>
      </c>
      <c r="G5424" s="1" t="s">
        <v>21208</v>
      </c>
      <c r="H5424" s="1" t="s">
        <v>21209</v>
      </c>
      <c r="I5424" s="1" t="s">
        <v>20952</v>
      </c>
      <c r="J5424" s="1" t="s">
        <v>21249</v>
      </c>
    </row>
    <row r="5425" spans="1:10" x14ac:dyDescent="0.35">
      <c r="A5425" s="1" t="s">
        <v>21204</v>
      </c>
      <c r="B5425" s="1" t="s">
        <v>20946</v>
      </c>
      <c r="C5425" s="1" t="s">
        <v>65</v>
      </c>
      <c r="D5425" s="1" t="s">
        <v>21250</v>
      </c>
      <c r="E5425" s="1" t="s">
        <v>21251</v>
      </c>
      <c r="F5425" s="1" t="s">
        <v>21252</v>
      </c>
      <c r="G5425" s="1" t="s">
        <v>21208</v>
      </c>
      <c r="H5425" s="1" t="s">
        <v>21209</v>
      </c>
      <c r="I5425" s="1" t="s">
        <v>20952</v>
      </c>
      <c r="J5425" s="1" t="s">
        <v>21253</v>
      </c>
    </row>
    <row r="5426" spans="1:10" x14ac:dyDescent="0.35">
      <c r="A5426" s="1" t="s">
        <v>21204</v>
      </c>
      <c r="B5426" s="1" t="s">
        <v>20946</v>
      </c>
      <c r="C5426" s="1" t="s">
        <v>70</v>
      </c>
      <c r="D5426" s="1" t="s">
        <v>21254</v>
      </c>
      <c r="E5426" s="1" t="s">
        <v>21255</v>
      </c>
      <c r="F5426" s="1" t="s">
        <v>21256</v>
      </c>
      <c r="G5426" s="1" t="s">
        <v>21208</v>
      </c>
      <c r="H5426" s="1" t="s">
        <v>21209</v>
      </c>
      <c r="I5426" s="1" t="s">
        <v>20952</v>
      </c>
      <c r="J5426" s="1" t="s">
        <v>21257</v>
      </c>
    </row>
    <row r="5427" spans="1:10" x14ac:dyDescent="0.35">
      <c r="A5427" s="1" t="s">
        <v>21204</v>
      </c>
      <c r="B5427" s="1" t="s">
        <v>20946</v>
      </c>
      <c r="C5427" s="1" t="s">
        <v>75</v>
      </c>
      <c r="D5427" s="1" t="s">
        <v>21258</v>
      </c>
      <c r="E5427" s="1" t="s">
        <v>21259</v>
      </c>
      <c r="F5427" s="1" t="s">
        <v>21260</v>
      </c>
      <c r="G5427" s="1" t="s">
        <v>21208</v>
      </c>
      <c r="H5427" s="1" t="s">
        <v>21209</v>
      </c>
      <c r="I5427" s="1" t="s">
        <v>20952</v>
      </c>
      <c r="J5427" s="1" t="s">
        <v>21261</v>
      </c>
    </row>
    <row r="5428" spans="1:10" x14ac:dyDescent="0.35">
      <c r="A5428" s="1" t="s">
        <v>21204</v>
      </c>
      <c r="B5428" s="1" t="s">
        <v>20946</v>
      </c>
      <c r="C5428" s="1" t="s">
        <v>80</v>
      </c>
      <c r="D5428" s="1" t="s">
        <v>21262</v>
      </c>
      <c r="E5428" s="1" t="s">
        <v>21263</v>
      </c>
      <c r="F5428" s="1" t="s">
        <v>21264</v>
      </c>
      <c r="G5428" s="1" t="s">
        <v>21208</v>
      </c>
      <c r="H5428" s="1" t="s">
        <v>21209</v>
      </c>
      <c r="I5428" s="1" t="s">
        <v>20952</v>
      </c>
      <c r="J5428" s="1" t="s">
        <v>21265</v>
      </c>
    </row>
    <row r="5429" spans="1:10" x14ac:dyDescent="0.35">
      <c r="A5429" s="1" t="s">
        <v>21204</v>
      </c>
      <c r="B5429" s="1" t="s">
        <v>20946</v>
      </c>
      <c r="C5429" s="1" t="s">
        <v>85</v>
      </c>
      <c r="D5429" s="1" t="s">
        <v>21266</v>
      </c>
      <c r="E5429" s="1" t="s">
        <v>21267</v>
      </c>
      <c r="F5429" s="1" t="s">
        <v>21268</v>
      </c>
      <c r="G5429" s="1" t="s">
        <v>21208</v>
      </c>
      <c r="H5429" s="1" t="s">
        <v>21209</v>
      </c>
      <c r="I5429" s="1" t="s">
        <v>20952</v>
      </c>
      <c r="J5429" s="1" t="s">
        <v>21269</v>
      </c>
    </row>
    <row r="5430" spans="1:10" x14ac:dyDescent="0.35">
      <c r="A5430" s="1" t="s">
        <v>21204</v>
      </c>
      <c r="B5430" s="1" t="s">
        <v>20946</v>
      </c>
      <c r="C5430" s="1" t="s">
        <v>90</v>
      </c>
      <c r="D5430" s="1" t="s">
        <v>21270</v>
      </c>
      <c r="E5430" s="1" t="s">
        <v>21271</v>
      </c>
      <c r="F5430" s="1" t="s">
        <v>21272</v>
      </c>
      <c r="G5430" s="1" t="s">
        <v>21208</v>
      </c>
      <c r="H5430" s="1" t="s">
        <v>21209</v>
      </c>
      <c r="I5430" s="1" t="s">
        <v>20952</v>
      </c>
      <c r="J5430" s="1" t="s">
        <v>21273</v>
      </c>
    </row>
    <row r="5431" spans="1:10" x14ac:dyDescent="0.35">
      <c r="A5431" s="1" t="s">
        <v>21204</v>
      </c>
      <c r="B5431" s="1" t="s">
        <v>20946</v>
      </c>
      <c r="C5431" s="1" t="s">
        <v>95</v>
      </c>
      <c r="D5431" s="1" t="s">
        <v>21274</v>
      </c>
      <c r="E5431" s="1" t="s">
        <v>21275</v>
      </c>
      <c r="F5431" s="1" t="s">
        <v>21276</v>
      </c>
      <c r="G5431" s="1" t="s">
        <v>21208</v>
      </c>
      <c r="H5431" s="1" t="s">
        <v>21209</v>
      </c>
      <c r="I5431" s="1" t="s">
        <v>20952</v>
      </c>
      <c r="J5431" s="1" t="s">
        <v>21277</v>
      </c>
    </row>
    <row r="5432" spans="1:10" x14ac:dyDescent="0.35">
      <c r="A5432" s="1" t="s">
        <v>21204</v>
      </c>
      <c r="B5432" s="1" t="s">
        <v>20946</v>
      </c>
      <c r="C5432" s="1" t="s">
        <v>100</v>
      </c>
      <c r="D5432" s="1" t="s">
        <v>21278</v>
      </c>
      <c r="E5432" s="1" t="s">
        <v>21279</v>
      </c>
      <c r="F5432" s="1" t="s">
        <v>21280</v>
      </c>
      <c r="G5432" s="1" t="s">
        <v>21208</v>
      </c>
      <c r="H5432" s="1" t="s">
        <v>21209</v>
      </c>
      <c r="I5432" s="1" t="s">
        <v>20952</v>
      </c>
      <c r="J5432" s="1" t="s">
        <v>21281</v>
      </c>
    </row>
    <row r="5433" spans="1:10" x14ac:dyDescent="0.35">
      <c r="A5433" s="1" t="s">
        <v>21204</v>
      </c>
      <c r="B5433" s="1" t="s">
        <v>20946</v>
      </c>
      <c r="C5433" s="1" t="s">
        <v>105</v>
      </c>
      <c r="D5433" s="1" t="s">
        <v>21282</v>
      </c>
      <c r="E5433" s="1" t="s">
        <v>21283</v>
      </c>
      <c r="F5433" s="1" t="s">
        <v>21284</v>
      </c>
      <c r="G5433" s="1" t="s">
        <v>21208</v>
      </c>
      <c r="H5433" s="1" t="s">
        <v>21209</v>
      </c>
      <c r="I5433" s="1" t="s">
        <v>20952</v>
      </c>
      <c r="J5433" s="1" t="s">
        <v>21285</v>
      </c>
    </row>
    <row r="5434" spans="1:10" x14ac:dyDescent="0.35">
      <c r="A5434" s="1" t="s">
        <v>21204</v>
      </c>
      <c r="B5434" s="1" t="s">
        <v>20946</v>
      </c>
      <c r="C5434" s="1" t="s">
        <v>110</v>
      </c>
      <c r="D5434" s="1" t="s">
        <v>21286</v>
      </c>
      <c r="E5434" s="1" t="s">
        <v>21287</v>
      </c>
      <c r="F5434" s="1" t="s">
        <v>21288</v>
      </c>
      <c r="G5434" s="1" t="s">
        <v>21208</v>
      </c>
      <c r="H5434" s="1" t="s">
        <v>21209</v>
      </c>
      <c r="I5434" s="1" t="s">
        <v>20952</v>
      </c>
      <c r="J5434" s="1" t="s">
        <v>21289</v>
      </c>
    </row>
    <row r="5435" spans="1:10" x14ac:dyDescent="0.35">
      <c r="A5435" s="1" t="s">
        <v>21204</v>
      </c>
      <c r="B5435" s="1" t="s">
        <v>20946</v>
      </c>
      <c r="C5435" s="1" t="s">
        <v>115</v>
      </c>
      <c r="D5435" s="1" t="s">
        <v>21290</v>
      </c>
      <c r="E5435" s="1" t="s">
        <v>21291</v>
      </c>
      <c r="F5435" s="1" t="s">
        <v>21292</v>
      </c>
      <c r="G5435" s="1" t="s">
        <v>21208</v>
      </c>
      <c r="H5435" s="1" t="s">
        <v>21209</v>
      </c>
      <c r="I5435" s="1" t="s">
        <v>20952</v>
      </c>
      <c r="J5435" s="1" t="s">
        <v>21293</v>
      </c>
    </row>
    <row r="5436" spans="1:10" x14ac:dyDescent="0.35">
      <c r="A5436" s="1" t="s">
        <v>21204</v>
      </c>
      <c r="B5436" s="1" t="s">
        <v>20946</v>
      </c>
      <c r="C5436" s="1" t="s">
        <v>120</v>
      </c>
      <c r="D5436" s="1" t="s">
        <v>21294</v>
      </c>
      <c r="E5436" s="1" t="s">
        <v>21295</v>
      </c>
      <c r="F5436" s="1" t="s">
        <v>21296</v>
      </c>
      <c r="G5436" s="1" t="s">
        <v>21208</v>
      </c>
      <c r="H5436" s="1" t="s">
        <v>21209</v>
      </c>
      <c r="I5436" s="1" t="s">
        <v>20952</v>
      </c>
      <c r="J5436" s="1" t="s">
        <v>21297</v>
      </c>
    </row>
    <row r="5437" spans="1:10" x14ac:dyDescent="0.35">
      <c r="A5437" s="1" t="s">
        <v>21204</v>
      </c>
      <c r="B5437" s="1" t="s">
        <v>20946</v>
      </c>
      <c r="C5437" s="1" t="s">
        <v>125</v>
      </c>
      <c r="D5437" s="1" t="s">
        <v>21298</v>
      </c>
      <c r="E5437" s="1" t="s">
        <v>21299</v>
      </c>
      <c r="F5437" s="1" t="s">
        <v>21300</v>
      </c>
      <c r="G5437" s="1" t="s">
        <v>21208</v>
      </c>
      <c r="H5437" s="1" t="s">
        <v>21209</v>
      </c>
      <c r="I5437" s="1" t="s">
        <v>20952</v>
      </c>
      <c r="J5437" s="1" t="s">
        <v>21301</v>
      </c>
    </row>
    <row r="5438" spans="1:10" x14ac:dyDescent="0.35">
      <c r="A5438" s="1" t="s">
        <v>21204</v>
      </c>
      <c r="B5438" s="1" t="s">
        <v>20946</v>
      </c>
      <c r="C5438" s="1" t="s">
        <v>130</v>
      </c>
      <c r="D5438" s="1" t="s">
        <v>21302</v>
      </c>
      <c r="E5438" s="1" t="s">
        <v>21303</v>
      </c>
      <c r="F5438" s="1" t="s">
        <v>21304</v>
      </c>
      <c r="G5438" s="1" t="s">
        <v>21208</v>
      </c>
      <c r="H5438" s="1" t="s">
        <v>21209</v>
      </c>
      <c r="I5438" s="1" t="s">
        <v>20952</v>
      </c>
      <c r="J5438" s="1" t="s">
        <v>21305</v>
      </c>
    </row>
    <row r="5439" spans="1:10" x14ac:dyDescent="0.35">
      <c r="A5439" s="1" t="s">
        <v>21204</v>
      </c>
      <c r="B5439" s="1" t="s">
        <v>20946</v>
      </c>
      <c r="C5439" s="1" t="s">
        <v>135</v>
      </c>
      <c r="D5439" s="1" t="s">
        <v>21306</v>
      </c>
      <c r="E5439" s="1" t="s">
        <v>21307</v>
      </c>
      <c r="F5439" s="1" t="s">
        <v>21308</v>
      </c>
      <c r="G5439" s="1" t="s">
        <v>21208</v>
      </c>
      <c r="H5439" s="1" t="s">
        <v>21209</v>
      </c>
      <c r="I5439" s="1" t="s">
        <v>20952</v>
      </c>
      <c r="J5439" s="1" t="s">
        <v>21309</v>
      </c>
    </row>
    <row r="5440" spans="1:10" x14ac:dyDescent="0.35">
      <c r="A5440" s="1" t="s">
        <v>21204</v>
      </c>
      <c r="B5440" s="1" t="s">
        <v>20946</v>
      </c>
      <c r="C5440" s="1" t="s">
        <v>140</v>
      </c>
      <c r="D5440" s="1" t="s">
        <v>21310</v>
      </c>
      <c r="E5440" s="1" t="s">
        <v>21311</v>
      </c>
      <c r="F5440" s="1" t="s">
        <v>21312</v>
      </c>
      <c r="G5440" s="1" t="s">
        <v>21208</v>
      </c>
      <c r="H5440" s="1" t="s">
        <v>21209</v>
      </c>
      <c r="I5440" s="1" t="s">
        <v>20952</v>
      </c>
      <c r="J5440" s="1" t="s">
        <v>21313</v>
      </c>
    </row>
    <row r="5441" spans="1:10" x14ac:dyDescent="0.35">
      <c r="A5441" s="1" t="s">
        <v>21204</v>
      </c>
      <c r="B5441" s="1" t="s">
        <v>20946</v>
      </c>
      <c r="C5441" s="1" t="s">
        <v>145</v>
      </c>
      <c r="D5441" s="1" t="s">
        <v>21314</v>
      </c>
      <c r="E5441" s="1" t="s">
        <v>21315</v>
      </c>
      <c r="F5441" s="1" t="s">
        <v>21316</v>
      </c>
      <c r="G5441" s="1" t="s">
        <v>21208</v>
      </c>
      <c r="H5441" s="1" t="s">
        <v>21209</v>
      </c>
      <c r="I5441" s="1" t="s">
        <v>20952</v>
      </c>
      <c r="J5441" s="1" t="s">
        <v>21317</v>
      </c>
    </row>
    <row r="5442" spans="1:10" x14ac:dyDescent="0.35">
      <c r="A5442" s="1" t="s">
        <v>21204</v>
      </c>
      <c r="B5442" s="1" t="s">
        <v>20946</v>
      </c>
      <c r="C5442" s="1" t="s">
        <v>150</v>
      </c>
      <c r="D5442" s="1" t="s">
        <v>21318</v>
      </c>
      <c r="E5442" s="1" t="s">
        <v>14678</v>
      </c>
      <c r="F5442" s="1" t="s">
        <v>21319</v>
      </c>
      <c r="G5442" s="1" t="s">
        <v>21208</v>
      </c>
      <c r="H5442" s="1" t="s">
        <v>21209</v>
      </c>
      <c r="I5442" s="1" t="s">
        <v>20952</v>
      </c>
      <c r="J5442" s="1" t="s">
        <v>21320</v>
      </c>
    </row>
    <row r="5443" spans="1:10" x14ac:dyDescent="0.35">
      <c r="A5443" s="1" t="s">
        <v>21204</v>
      </c>
      <c r="B5443" s="1" t="s">
        <v>20946</v>
      </c>
      <c r="C5443" s="1" t="s">
        <v>155</v>
      </c>
      <c r="D5443" s="1" t="s">
        <v>21321</v>
      </c>
      <c r="E5443" s="1" t="s">
        <v>21322</v>
      </c>
      <c r="F5443" s="1" t="s">
        <v>21323</v>
      </c>
      <c r="G5443" s="1" t="s">
        <v>21208</v>
      </c>
      <c r="H5443" s="1" t="s">
        <v>21209</v>
      </c>
      <c r="I5443" s="1" t="s">
        <v>20952</v>
      </c>
      <c r="J5443" s="1" t="s">
        <v>21324</v>
      </c>
    </row>
    <row r="5444" spans="1:10" x14ac:dyDescent="0.35">
      <c r="A5444" s="1" t="s">
        <v>21204</v>
      </c>
      <c r="B5444" s="1" t="s">
        <v>20946</v>
      </c>
      <c r="C5444" s="1" t="s">
        <v>160</v>
      </c>
      <c r="D5444" s="1" t="s">
        <v>21325</v>
      </c>
      <c r="E5444" s="1" t="s">
        <v>21326</v>
      </c>
      <c r="F5444" s="1" t="s">
        <v>21327</v>
      </c>
      <c r="G5444" s="1" t="s">
        <v>21208</v>
      </c>
      <c r="H5444" s="1" t="s">
        <v>21209</v>
      </c>
      <c r="I5444" s="1" t="s">
        <v>20952</v>
      </c>
      <c r="J5444" s="1" t="s">
        <v>21328</v>
      </c>
    </row>
    <row r="5445" spans="1:10" x14ac:dyDescent="0.35">
      <c r="A5445" s="1" t="s">
        <v>21204</v>
      </c>
      <c r="B5445" s="1" t="s">
        <v>20946</v>
      </c>
      <c r="C5445" s="1" t="s">
        <v>165</v>
      </c>
      <c r="D5445" s="1" t="s">
        <v>21329</v>
      </c>
      <c r="E5445" s="1" t="s">
        <v>21330</v>
      </c>
      <c r="F5445" s="1" t="s">
        <v>21331</v>
      </c>
      <c r="G5445" s="1" t="s">
        <v>21208</v>
      </c>
      <c r="H5445" s="1" t="s">
        <v>21209</v>
      </c>
      <c r="I5445" s="1" t="s">
        <v>20952</v>
      </c>
      <c r="J5445" s="1" t="s">
        <v>21332</v>
      </c>
    </row>
    <row r="5446" spans="1:10" x14ac:dyDescent="0.35">
      <c r="A5446" s="1" t="s">
        <v>21204</v>
      </c>
      <c r="B5446" s="1" t="s">
        <v>20946</v>
      </c>
      <c r="C5446" s="1" t="s">
        <v>170</v>
      </c>
      <c r="D5446" s="1" t="s">
        <v>21333</v>
      </c>
      <c r="E5446" s="1" t="s">
        <v>21334</v>
      </c>
      <c r="F5446" s="1" t="s">
        <v>21335</v>
      </c>
      <c r="G5446" s="1" t="s">
        <v>21208</v>
      </c>
      <c r="H5446" s="1" t="s">
        <v>21209</v>
      </c>
      <c r="I5446" s="1" t="s">
        <v>20952</v>
      </c>
      <c r="J5446" s="1" t="s">
        <v>21336</v>
      </c>
    </row>
    <row r="5447" spans="1:10" x14ac:dyDescent="0.35">
      <c r="A5447" s="1" t="s">
        <v>21337</v>
      </c>
      <c r="B5447" s="1" t="s">
        <v>20946</v>
      </c>
      <c r="C5447" s="1" t="s">
        <v>8</v>
      </c>
      <c r="D5447" s="1" t="s">
        <v>21338</v>
      </c>
      <c r="E5447" s="1" t="s">
        <v>21339</v>
      </c>
      <c r="F5447" s="1" t="s">
        <v>21340</v>
      </c>
      <c r="G5447" s="1" t="s">
        <v>21341</v>
      </c>
      <c r="H5447" s="1" t="s">
        <v>21342</v>
      </c>
      <c r="I5447" s="1" t="s">
        <v>20952</v>
      </c>
      <c r="J5447" s="1" t="s">
        <v>13</v>
      </c>
    </row>
    <row r="5448" spans="1:10" x14ac:dyDescent="0.35">
      <c r="A5448" s="1" t="s">
        <v>21337</v>
      </c>
      <c r="B5448" s="1" t="s">
        <v>20946</v>
      </c>
      <c r="C5448" s="1" t="s">
        <v>15</v>
      </c>
      <c r="D5448" s="1" t="s">
        <v>21343</v>
      </c>
      <c r="E5448" s="1" t="s">
        <v>21344</v>
      </c>
      <c r="F5448" s="1" t="s">
        <v>21345</v>
      </c>
      <c r="G5448" s="1" t="s">
        <v>21341</v>
      </c>
      <c r="H5448" s="1" t="s">
        <v>21342</v>
      </c>
      <c r="I5448" s="1" t="s">
        <v>20952</v>
      </c>
      <c r="J5448" s="1" t="s">
        <v>21346</v>
      </c>
    </row>
    <row r="5449" spans="1:10" x14ac:dyDescent="0.35">
      <c r="A5449" s="1" t="s">
        <v>21337</v>
      </c>
      <c r="B5449" s="1" t="s">
        <v>20946</v>
      </c>
      <c r="C5449" s="1" t="s">
        <v>20</v>
      </c>
      <c r="D5449" s="1" t="s">
        <v>20424</v>
      </c>
      <c r="E5449" s="1" t="s">
        <v>21347</v>
      </c>
      <c r="F5449" s="1" t="s">
        <v>21348</v>
      </c>
      <c r="G5449" s="1" t="s">
        <v>21341</v>
      </c>
      <c r="H5449" s="1" t="s">
        <v>21342</v>
      </c>
      <c r="I5449" s="1" t="s">
        <v>20952</v>
      </c>
      <c r="J5449" s="1" t="s">
        <v>21349</v>
      </c>
    </row>
    <row r="5450" spans="1:10" x14ac:dyDescent="0.35">
      <c r="A5450" s="1" t="s">
        <v>21337</v>
      </c>
      <c r="B5450" s="1" t="s">
        <v>20946</v>
      </c>
      <c r="C5450" s="1" t="s">
        <v>25</v>
      </c>
      <c r="D5450" s="1" t="s">
        <v>21350</v>
      </c>
      <c r="E5450" s="1" t="s">
        <v>21351</v>
      </c>
      <c r="F5450" s="1" t="s">
        <v>21352</v>
      </c>
      <c r="G5450" s="1" t="s">
        <v>21341</v>
      </c>
      <c r="H5450" s="1" t="s">
        <v>21342</v>
      </c>
      <c r="I5450" s="1" t="s">
        <v>20952</v>
      </c>
      <c r="J5450" s="1" t="s">
        <v>21353</v>
      </c>
    </row>
    <row r="5451" spans="1:10" x14ac:dyDescent="0.35">
      <c r="A5451" s="1" t="s">
        <v>21337</v>
      </c>
      <c r="B5451" s="1" t="s">
        <v>20946</v>
      </c>
      <c r="C5451" s="1" t="s">
        <v>30</v>
      </c>
      <c r="D5451" s="1" t="s">
        <v>21354</v>
      </c>
      <c r="E5451" s="1" t="s">
        <v>21355</v>
      </c>
      <c r="F5451" s="1" t="s">
        <v>21356</v>
      </c>
      <c r="G5451" s="1" t="s">
        <v>21341</v>
      </c>
      <c r="H5451" s="1" t="s">
        <v>21342</v>
      </c>
      <c r="I5451" s="1" t="s">
        <v>20952</v>
      </c>
      <c r="J5451" s="1" t="s">
        <v>21357</v>
      </c>
    </row>
    <row r="5452" spans="1:10" x14ac:dyDescent="0.35">
      <c r="A5452" s="1" t="s">
        <v>21337</v>
      </c>
      <c r="B5452" s="1" t="s">
        <v>20946</v>
      </c>
      <c r="C5452" s="1" t="s">
        <v>35</v>
      </c>
      <c r="D5452" s="1" t="s">
        <v>21358</v>
      </c>
      <c r="E5452" s="1" t="s">
        <v>21359</v>
      </c>
      <c r="F5452" s="1" t="s">
        <v>21360</v>
      </c>
      <c r="G5452" s="1" t="s">
        <v>21341</v>
      </c>
      <c r="H5452" s="1" t="s">
        <v>21342</v>
      </c>
      <c r="I5452" s="1" t="s">
        <v>20952</v>
      </c>
      <c r="J5452" s="1" t="s">
        <v>21361</v>
      </c>
    </row>
    <row r="5453" spans="1:10" x14ac:dyDescent="0.35">
      <c r="A5453" s="1" t="s">
        <v>21337</v>
      </c>
      <c r="B5453" s="1" t="s">
        <v>20946</v>
      </c>
      <c r="C5453" s="1" t="s">
        <v>40</v>
      </c>
      <c r="D5453" s="1" t="s">
        <v>21362</v>
      </c>
      <c r="E5453" s="1" t="s">
        <v>21363</v>
      </c>
      <c r="F5453" s="1" t="s">
        <v>21364</v>
      </c>
      <c r="G5453" s="1" t="s">
        <v>21341</v>
      </c>
      <c r="H5453" s="1" t="s">
        <v>21342</v>
      </c>
      <c r="I5453" s="1" t="s">
        <v>20952</v>
      </c>
      <c r="J5453" s="1" t="s">
        <v>21365</v>
      </c>
    </row>
    <row r="5454" spans="1:10" x14ac:dyDescent="0.35">
      <c r="A5454" s="1" t="s">
        <v>21337</v>
      </c>
      <c r="B5454" s="1" t="s">
        <v>20946</v>
      </c>
      <c r="C5454" s="1" t="s">
        <v>45</v>
      </c>
      <c r="D5454" s="1" t="s">
        <v>21366</v>
      </c>
      <c r="E5454" s="1" t="s">
        <v>21367</v>
      </c>
      <c r="F5454" s="1" t="s">
        <v>21368</v>
      </c>
      <c r="G5454" s="1" t="s">
        <v>21341</v>
      </c>
      <c r="H5454" s="1" t="s">
        <v>21342</v>
      </c>
      <c r="I5454" s="1" t="s">
        <v>20952</v>
      </c>
      <c r="J5454" s="1" t="s">
        <v>21369</v>
      </c>
    </row>
    <row r="5455" spans="1:10" x14ac:dyDescent="0.35">
      <c r="A5455" s="1" t="s">
        <v>21337</v>
      </c>
      <c r="B5455" s="1" t="s">
        <v>20946</v>
      </c>
      <c r="C5455" s="1" t="s">
        <v>50</v>
      </c>
      <c r="D5455" s="1" t="s">
        <v>21370</v>
      </c>
      <c r="E5455" s="1" t="s">
        <v>21371</v>
      </c>
      <c r="F5455" s="1" t="s">
        <v>21372</v>
      </c>
      <c r="G5455" s="1" t="s">
        <v>21341</v>
      </c>
      <c r="H5455" s="1" t="s">
        <v>21342</v>
      </c>
      <c r="I5455" s="1" t="s">
        <v>20952</v>
      </c>
      <c r="J5455" s="1" t="s">
        <v>21373</v>
      </c>
    </row>
    <row r="5456" spans="1:10" x14ac:dyDescent="0.35">
      <c r="A5456" s="1" t="s">
        <v>21337</v>
      </c>
      <c r="B5456" s="1" t="s">
        <v>20946</v>
      </c>
      <c r="C5456" s="1" t="s">
        <v>55</v>
      </c>
      <c r="D5456" s="1" t="s">
        <v>21374</v>
      </c>
      <c r="E5456" s="1" t="s">
        <v>21375</v>
      </c>
      <c r="F5456" s="1" t="s">
        <v>21376</v>
      </c>
      <c r="G5456" s="1" t="s">
        <v>21341</v>
      </c>
      <c r="H5456" s="1" t="s">
        <v>21342</v>
      </c>
      <c r="I5456" s="1" t="s">
        <v>20952</v>
      </c>
      <c r="J5456" s="1" t="s">
        <v>21377</v>
      </c>
    </row>
    <row r="5457" spans="1:10" x14ac:dyDescent="0.35">
      <c r="A5457" s="1" t="s">
        <v>21337</v>
      </c>
      <c r="B5457" s="1" t="s">
        <v>20946</v>
      </c>
      <c r="C5457" s="1" t="s">
        <v>60</v>
      </c>
      <c r="D5457" s="1" t="s">
        <v>21378</v>
      </c>
      <c r="E5457" s="1" t="s">
        <v>21379</v>
      </c>
      <c r="F5457" s="1" t="s">
        <v>21380</v>
      </c>
      <c r="G5457" s="1" t="s">
        <v>21341</v>
      </c>
      <c r="H5457" s="1" t="s">
        <v>21342</v>
      </c>
      <c r="I5457" s="1" t="s">
        <v>20952</v>
      </c>
      <c r="J5457" s="1" t="s">
        <v>21381</v>
      </c>
    </row>
    <row r="5458" spans="1:10" x14ac:dyDescent="0.35">
      <c r="A5458" s="1" t="s">
        <v>21337</v>
      </c>
      <c r="B5458" s="1" t="s">
        <v>20946</v>
      </c>
      <c r="C5458" s="1" t="s">
        <v>65</v>
      </c>
      <c r="D5458" s="1" t="s">
        <v>21382</v>
      </c>
      <c r="E5458" s="1" t="s">
        <v>21383</v>
      </c>
      <c r="F5458" s="1" t="s">
        <v>21384</v>
      </c>
      <c r="G5458" s="1" t="s">
        <v>21341</v>
      </c>
      <c r="H5458" s="1" t="s">
        <v>21342</v>
      </c>
      <c r="I5458" s="1" t="s">
        <v>20952</v>
      </c>
      <c r="J5458" s="1" t="s">
        <v>21385</v>
      </c>
    </row>
    <row r="5459" spans="1:10" x14ac:dyDescent="0.35">
      <c r="A5459" s="1" t="s">
        <v>21337</v>
      </c>
      <c r="B5459" s="1" t="s">
        <v>20946</v>
      </c>
      <c r="C5459" s="1" t="s">
        <v>70</v>
      </c>
      <c r="D5459" s="1" t="s">
        <v>21386</v>
      </c>
      <c r="E5459" s="1" t="s">
        <v>21387</v>
      </c>
      <c r="F5459" s="1" t="s">
        <v>21388</v>
      </c>
      <c r="G5459" s="1" t="s">
        <v>21341</v>
      </c>
      <c r="H5459" s="1" t="s">
        <v>21342</v>
      </c>
      <c r="I5459" s="1" t="s">
        <v>20952</v>
      </c>
      <c r="J5459" s="1" t="s">
        <v>21389</v>
      </c>
    </row>
    <row r="5460" spans="1:10" x14ac:dyDescent="0.35">
      <c r="A5460" s="1" t="s">
        <v>21337</v>
      </c>
      <c r="B5460" s="1" t="s">
        <v>20946</v>
      </c>
      <c r="C5460" s="1" t="s">
        <v>75</v>
      </c>
      <c r="D5460" s="1" t="s">
        <v>21390</v>
      </c>
      <c r="E5460" s="1" t="s">
        <v>21391</v>
      </c>
      <c r="F5460" s="1" t="s">
        <v>21392</v>
      </c>
      <c r="G5460" s="1" t="s">
        <v>21341</v>
      </c>
      <c r="H5460" s="1" t="s">
        <v>21342</v>
      </c>
      <c r="I5460" s="1" t="s">
        <v>20952</v>
      </c>
      <c r="J5460" s="1" t="s">
        <v>21393</v>
      </c>
    </row>
    <row r="5461" spans="1:10" x14ac:dyDescent="0.35">
      <c r="A5461" s="1" t="s">
        <v>21337</v>
      </c>
      <c r="B5461" s="1" t="s">
        <v>20946</v>
      </c>
      <c r="C5461" s="1" t="s">
        <v>80</v>
      </c>
      <c r="D5461" s="1" t="s">
        <v>21394</v>
      </c>
      <c r="E5461" s="1" t="s">
        <v>21395</v>
      </c>
      <c r="F5461" s="1" t="s">
        <v>21396</v>
      </c>
      <c r="G5461" s="1" t="s">
        <v>21341</v>
      </c>
      <c r="H5461" s="1" t="s">
        <v>21342</v>
      </c>
      <c r="I5461" s="1" t="s">
        <v>20952</v>
      </c>
      <c r="J5461" s="1" t="s">
        <v>21397</v>
      </c>
    </row>
    <row r="5462" spans="1:10" x14ac:dyDescent="0.35">
      <c r="A5462" s="1" t="s">
        <v>21337</v>
      </c>
      <c r="B5462" s="1" t="s">
        <v>20946</v>
      </c>
      <c r="C5462" s="1" t="s">
        <v>85</v>
      </c>
      <c r="D5462" s="1" t="s">
        <v>21398</v>
      </c>
      <c r="E5462" s="1" t="s">
        <v>21399</v>
      </c>
      <c r="F5462" s="1" t="s">
        <v>21400</v>
      </c>
      <c r="G5462" s="1" t="s">
        <v>21341</v>
      </c>
      <c r="H5462" s="1" t="s">
        <v>21342</v>
      </c>
      <c r="I5462" s="1" t="s">
        <v>20952</v>
      </c>
      <c r="J5462" s="1" t="s">
        <v>21401</v>
      </c>
    </row>
    <row r="5463" spans="1:10" x14ac:dyDescent="0.35">
      <c r="A5463" s="1" t="s">
        <v>21337</v>
      </c>
      <c r="B5463" s="1" t="s">
        <v>20946</v>
      </c>
      <c r="C5463" s="1" t="s">
        <v>90</v>
      </c>
      <c r="D5463" s="1" t="s">
        <v>21402</v>
      </c>
      <c r="E5463" s="1" t="s">
        <v>21403</v>
      </c>
      <c r="F5463" s="1" t="s">
        <v>21404</v>
      </c>
      <c r="G5463" s="1" t="s">
        <v>21341</v>
      </c>
      <c r="H5463" s="1" t="s">
        <v>21342</v>
      </c>
      <c r="I5463" s="1" t="s">
        <v>20952</v>
      </c>
      <c r="J5463" s="1" t="s">
        <v>21405</v>
      </c>
    </row>
    <row r="5464" spans="1:10" x14ac:dyDescent="0.35">
      <c r="A5464" s="1" t="s">
        <v>21337</v>
      </c>
      <c r="B5464" s="1" t="s">
        <v>20946</v>
      </c>
      <c r="C5464" s="1" t="s">
        <v>95</v>
      </c>
      <c r="D5464" s="1" t="s">
        <v>21406</v>
      </c>
      <c r="E5464" s="1" t="s">
        <v>21407</v>
      </c>
      <c r="F5464" s="1" t="s">
        <v>21408</v>
      </c>
      <c r="G5464" s="1" t="s">
        <v>21341</v>
      </c>
      <c r="H5464" s="1" t="s">
        <v>21342</v>
      </c>
      <c r="I5464" s="1" t="s">
        <v>20952</v>
      </c>
      <c r="J5464" s="1" t="s">
        <v>21409</v>
      </c>
    </row>
    <row r="5465" spans="1:10" x14ac:dyDescent="0.35">
      <c r="A5465" s="1" t="s">
        <v>21337</v>
      </c>
      <c r="B5465" s="1" t="s">
        <v>20946</v>
      </c>
      <c r="C5465" s="1" t="s">
        <v>100</v>
      </c>
      <c r="D5465" s="1" t="s">
        <v>21410</v>
      </c>
      <c r="E5465" s="1" t="s">
        <v>21411</v>
      </c>
      <c r="F5465" s="1" t="s">
        <v>21412</v>
      </c>
      <c r="G5465" s="1" t="s">
        <v>21341</v>
      </c>
      <c r="H5465" s="1" t="s">
        <v>21342</v>
      </c>
      <c r="I5465" s="1" t="s">
        <v>20952</v>
      </c>
      <c r="J5465" s="1" t="s">
        <v>21413</v>
      </c>
    </row>
    <row r="5466" spans="1:10" x14ac:dyDescent="0.35">
      <c r="A5466" s="1" t="s">
        <v>21337</v>
      </c>
      <c r="B5466" s="1" t="s">
        <v>20946</v>
      </c>
      <c r="C5466" s="1" t="s">
        <v>105</v>
      </c>
      <c r="D5466" s="1" t="s">
        <v>21414</v>
      </c>
      <c r="E5466" s="1" t="s">
        <v>21415</v>
      </c>
      <c r="F5466" s="1" t="s">
        <v>21416</v>
      </c>
      <c r="G5466" s="1" t="s">
        <v>21341</v>
      </c>
      <c r="H5466" s="1" t="s">
        <v>21342</v>
      </c>
      <c r="I5466" s="1" t="s">
        <v>20952</v>
      </c>
      <c r="J5466" s="1" t="s">
        <v>21417</v>
      </c>
    </row>
    <row r="5467" spans="1:10" x14ac:dyDescent="0.35">
      <c r="A5467" s="1" t="s">
        <v>21337</v>
      </c>
      <c r="B5467" s="1" t="s">
        <v>20946</v>
      </c>
      <c r="C5467" s="1" t="s">
        <v>110</v>
      </c>
      <c r="D5467" s="1" t="s">
        <v>21418</v>
      </c>
      <c r="E5467" s="1" t="s">
        <v>21419</v>
      </c>
      <c r="F5467" s="1" t="s">
        <v>21420</v>
      </c>
      <c r="G5467" s="1" t="s">
        <v>21341</v>
      </c>
      <c r="H5467" s="1" t="s">
        <v>21342</v>
      </c>
      <c r="I5467" s="1" t="s">
        <v>20952</v>
      </c>
      <c r="J5467" s="1" t="s">
        <v>21421</v>
      </c>
    </row>
    <row r="5468" spans="1:10" x14ac:dyDescent="0.35">
      <c r="A5468" s="1" t="s">
        <v>21337</v>
      </c>
      <c r="B5468" s="1" t="s">
        <v>20946</v>
      </c>
      <c r="C5468" s="1" t="s">
        <v>115</v>
      </c>
      <c r="D5468" s="1" t="s">
        <v>21422</v>
      </c>
      <c r="E5468" s="1" t="s">
        <v>21423</v>
      </c>
      <c r="F5468" s="1" t="s">
        <v>21424</v>
      </c>
      <c r="G5468" s="1" t="s">
        <v>21341</v>
      </c>
      <c r="H5468" s="1" t="s">
        <v>21342</v>
      </c>
      <c r="I5468" s="1" t="s">
        <v>20952</v>
      </c>
      <c r="J5468" s="1" t="s">
        <v>21425</v>
      </c>
    </row>
    <row r="5469" spans="1:10" x14ac:dyDescent="0.35">
      <c r="A5469" s="1" t="s">
        <v>21337</v>
      </c>
      <c r="B5469" s="1" t="s">
        <v>20946</v>
      </c>
      <c r="C5469" s="1" t="s">
        <v>120</v>
      </c>
      <c r="D5469" s="1" t="s">
        <v>21426</v>
      </c>
      <c r="E5469" s="1" t="s">
        <v>21427</v>
      </c>
      <c r="F5469" s="1" t="s">
        <v>21428</v>
      </c>
      <c r="G5469" s="1" t="s">
        <v>21341</v>
      </c>
      <c r="H5469" s="1" t="s">
        <v>21342</v>
      </c>
      <c r="I5469" s="1" t="s">
        <v>20952</v>
      </c>
      <c r="J5469" s="1" t="s">
        <v>21429</v>
      </c>
    </row>
    <row r="5470" spans="1:10" x14ac:dyDescent="0.35">
      <c r="A5470" s="1" t="s">
        <v>21337</v>
      </c>
      <c r="B5470" s="1" t="s">
        <v>20946</v>
      </c>
      <c r="C5470" s="1" t="s">
        <v>125</v>
      </c>
      <c r="D5470" s="1" t="s">
        <v>21430</v>
      </c>
      <c r="E5470" s="1" t="s">
        <v>21431</v>
      </c>
      <c r="F5470" s="1" t="s">
        <v>21432</v>
      </c>
      <c r="G5470" s="1" t="s">
        <v>21341</v>
      </c>
      <c r="H5470" s="1" t="s">
        <v>21342</v>
      </c>
      <c r="I5470" s="1" t="s">
        <v>20952</v>
      </c>
      <c r="J5470" s="1" t="s">
        <v>21433</v>
      </c>
    </row>
    <row r="5471" spans="1:10" x14ac:dyDescent="0.35">
      <c r="A5471" s="1" t="s">
        <v>21337</v>
      </c>
      <c r="B5471" s="1" t="s">
        <v>20946</v>
      </c>
      <c r="C5471" s="1" t="s">
        <v>130</v>
      </c>
      <c r="D5471" s="1" t="s">
        <v>21434</v>
      </c>
      <c r="E5471" s="1" t="s">
        <v>21435</v>
      </c>
      <c r="F5471" s="1" t="s">
        <v>21436</v>
      </c>
      <c r="G5471" s="1" t="s">
        <v>21341</v>
      </c>
      <c r="H5471" s="1" t="s">
        <v>21342</v>
      </c>
      <c r="I5471" s="1" t="s">
        <v>20952</v>
      </c>
      <c r="J5471" s="1" t="s">
        <v>21437</v>
      </c>
    </row>
    <row r="5472" spans="1:10" x14ac:dyDescent="0.35">
      <c r="A5472" s="1" t="s">
        <v>21337</v>
      </c>
      <c r="B5472" s="1" t="s">
        <v>20946</v>
      </c>
      <c r="C5472" s="1" t="s">
        <v>135</v>
      </c>
      <c r="D5472" s="1" t="s">
        <v>21438</v>
      </c>
      <c r="E5472" s="1" t="s">
        <v>21439</v>
      </c>
      <c r="F5472" s="1" t="s">
        <v>21440</v>
      </c>
      <c r="G5472" s="1" t="s">
        <v>21341</v>
      </c>
      <c r="H5472" s="1" t="s">
        <v>21342</v>
      </c>
      <c r="I5472" s="1" t="s">
        <v>20952</v>
      </c>
      <c r="J5472" s="1" t="s">
        <v>21441</v>
      </c>
    </row>
    <row r="5473" spans="1:10" x14ac:dyDescent="0.35">
      <c r="A5473" s="1" t="s">
        <v>21337</v>
      </c>
      <c r="B5473" s="1" t="s">
        <v>20946</v>
      </c>
      <c r="C5473" s="1" t="s">
        <v>140</v>
      </c>
      <c r="D5473" s="1" t="s">
        <v>21442</v>
      </c>
      <c r="E5473" s="1" t="s">
        <v>21443</v>
      </c>
      <c r="F5473" s="1" t="s">
        <v>21444</v>
      </c>
      <c r="G5473" s="1" t="s">
        <v>21341</v>
      </c>
      <c r="H5473" s="1" t="s">
        <v>21342</v>
      </c>
      <c r="I5473" s="1" t="s">
        <v>20952</v>
      </c>
      <c r="J5473" s="1" t="s">
        <v>21445</v>
      </c>
    </row>
    <row r="5474" spans="1:10" x14ac:dyDescent="0.35">
      <c r="A5474" s="1" t="s">
        <v>21337</v>
      </c>
      <c r="B5474" s="1" t="s">
        <v>20946</v>
      </c>
      <c r="C5474" s="1" t="s">
        <v>145</v>
      </c>
      <c r="D5474" s="1" t="s">
        <v>21446</v>
      </c>
      <c r="E5474" s="1" t="s">
        <v>21447</v>
      </c>
      <c r="F5474" s="1" t="s">
        <v>21448</v>
      </c>
      <c r="G5474" s="1" t="s">
        <v>21341</v>
      </c>
      <c r="H5474" s="1" t="s">
        <v>21342</v>
      </c>
      <c r="I5474" s="1" t="s">
        <v>20952</v>
      </c>
      <c r="J5474" s="1" t="s">
        <v>21449</v>
      </c>
    </row>
    <row r="5475" spans="1:10" x14ac:dyDescent="0.35">
      <c r="A5475" s="1" t="s">
        <v>21337</v>
      </c>
      <c r="B5475" s="1" t="s">
        <v>20946</v>
      </c>
      <c r="C5475" s="1" t="s">
        <v>150</v>
      </c>
      <c r="D5475" s="1" t="s">
        <v>21450</v>
      </c>
      <c r="E5475" s="1" t="s">
        <v>21451</v>
      </c>
      <c r="F5475" s="1" t="s">
        <v>21452</v>
      </c>
      <c r="G5475" s="1" t="s">
        <v>21341</v>
      </c>
      <c r="H5475" s="1" t="s">
        <v>21342</v>
      </c>
      <c r="I5475" s="1" t="s">
        <v>20952</v>
      </c>
      <c r="J5475" s="1" t="s">
        <v>21453</v>
      </c>
    </row>
    <row r="5476" spans="1:10" x14ac:dyDescent="0.35">
      <c r="A5476" s="1" t="s">
        <v>21337</v>
      </c>
      <c r="B5476" s="1" t="s">
        <v>20946</v>
      </c>
      <c r="C5476" s="1" t="s">
        <v>155</v>
      </c>
      <c r="D5476" s="1" t="s">
        <v>21454</v>
      </c>
      <c r="E5476" s="1" t="s">
        <v>21455</v>
      </c>
      <c r="F5476" s="1" t="s">
        <v>21456</v>
      </c>
      <c r="G5476" s="1" t="s">
        <v>21341</v>
      </c>
      <c r="H5476" s="1" t="s">
        <v>21342</v>
      </c>
      <c r="I5476" s="1" t="s">
        <v>20952</v>
      </c>
      <c r="J5476" s="1" t="s">
        <v>21457</v>
      </c>
    </row>
    <row r="5477" spans="1:10" x14ac:dyDescent="0.35">
      <c r="A5477" s="1" t="s">
        <v>21337</v>
      </c>
      <c r="B5477" s="1" t="s">
        <v>20946</v>
      </c>
      <c r="C5477" s="1" t="s">
        <v>160</v>
      </c>
      <c r="D5477" s="1" t="s">
        <v>21458</v>
      </c>
      <c r="E5477" s="1" t="s">
        <v>21459</v>
      </c>
      <c r="F5477" s="1" t="s">
        <v>21460</v>
      </c>
      <c r="G5477" s="1" t="s">
        <v>21341</v>
      </c>
      <c r="H5477" s="1" t="s">
        <v>21342</v>
      </c>
      <c r="I5477" s="1" t="s">
        <v>20952</v>
      </c>
      <c r="J5477" s="1" t="s">
        <v>21461</v>
      </c>
    </row>
    <row r="5478" spans="1:10" x14ac:dyDescent="0.35">
      <c r="A5478" s="1" t="s">
        <v>21337</v>
      </c>
      <c r="B5478" s="1" t="s">
        <v>20946</v>
      </c>
      <c r="C5478" s="1" t="s">
        <v>165</v>
      </c>
      <c r="D5478" s="1" t="s">
        <v>21462</v>
      </c>
      <c r="E5478" s="1" t="s">
        <v>21463</v>
      </c>
      <c r="F5478" s="1" t="s">
        <v>21464</v>
      </c>
      <c r="G5478" s="1" t="s">
        <v>21341</v>
      </c>
      <c r="H5478" s="1" t="s">
        <v>21342</v>
      </c>
      <c r="I5478" s="1" t="s">
        <v>20952</v>
      </c>
      <c r="J5478" s="1" t="s">
        <v>21465</v>
      </c>
    </row>
    <row r="5479" spans="1:10" x14ac:dyDescent="0.35">
      <c r="A5479" s="1" t="s">
        <v>21337</v>
      </c>
      <c r="B5479" s="1" t="s">
        <v>20946</v>
      </c>
      <c r="C5479" s="1" t="s">
        <v>170</v>
      </c>
      <c r="D5479" s="1" t="s">
        <v>21466</v>
      </c>
      <c r="E5479" s="1" t="s">
        <v>21467</v>
      </c>
      <c r="F5479" s="1" t="s">
        <v>21468</v>
      </c>
      <c r="G5479" s="1" t="s">
        <v>21341</v>
      </c>
      <c r="H5479" s="1" t="s">
        <v>21342</v>
      </c>
      <c r="I5479" s="1" t="s">
        <v>20952</v>
      </c>
      <c r="J5479" s="1" t="s">
        <v>21469</v>
      </c>
    </row>
    <row r="5480" spans="1:10" x14ac:dyDescent="0.35">
      <c r="A5480" s="1" t="s">
        <v>21470</v>
      </c>
      <c r="B5480" s="1" t="s">
        <v>20946</v>
      </c>
      <c r="C5480" s="1" t="s">
        <v>8</v>
      </c>
      <c r="D5480" s="1" t="s">
        <v>21471</v>
      </c>
      <c r="E5480" s="1" t="s">
        <v>21472</v>
      </c>
      <c r="F5480" s="1" t="s">
        <v>21473</v>
      </c>
      <c r="G5480" s="1" t="s">
        <v>21474</v>
      </c>
      <c r="H5480" s="1" t="s">
        <v>21475</v>
      </c>
      <c r="I5480" s="1" t="s">
        <v>20952</v>
      </c>
      <c r="J5480" s="1" t="s">
        <v>13</v>
      </c>
    </row>
    <row r="5481" spans="1:10" x14ac:dyDescent="0.35">
      <c r="A5481" s="1" t="s">
        <v>21470</v>
      </c>
      <c r="B5481" s="1" t="s">
        <v>20946</v>
      </c>
      <c r="C5481" s="1" t="s">
        <v>15</v>
      </c>
      <c r="D5481" s="1" t="s">
        <v>21476</v>
      </c>
      <c r="E5481" s="1" t="s">
        <v>21477</v>
      </c>
      <c r="F5481" s="1" t="s">
        <v>21478</v>
      </c>
      <c r="G5481" s="1" t="s">
        <v>21474</v>
      </c>
      <c r="H5481" s="1" t="s">
        <v>21475</v>
      </c>
      <c r="I5481" s="1" t="s">
        <v>20952</v>
      </c>
      <c r="J5481" s="1" t="s">
        <v>21479</v>
      </c>
    </row>
    <row r="5482" spans="1:10" x14ac:dyDescent="0.35">
      <c r="A5482" s="1" t="s">
        <v>21470</v>
      </c>
      <c r="B5482" s="1" t="s">
        <v>20946</v>
      </c>
      <c r="C5482" s="1" t="s">
        <v>20</v>
      </c>
      <c r="D5482" s="1" t="s">
        <v>21480</v>
      </c>
      <c r="E5482" s="1" t="s">
        <v>21481</v>
      </c>
      <c r="F5482" s="1" t="s">
        <v>21482</v>
      </c>
      <c r="G5482" s="1" t="s">
        <v>21474</v>
      </c>
      <c r="H5482" s="1" t="s">
        <v>21475</v>
      </c>
      <c r="I5482" s="1" t="s">
        <v>20952</v>
      </c>
      <c r="J5482" s="1" t="s">
        <v>21483</v>
      </c>
    </row>
    <row r="5483" spans="1:10" x14ac:dyDescent="0.35">
      <c r="A5483" s="1" t="s">
        <v>21470</v>
      </c>
      <c r="B5483" s="1" t="s">
        <v>20946</v>
      </c>
      <c r="C5483" s="1" t="s">
        <v>25</v>
      </c>
      <c r="D5483" s="1" t="s">
        <v>21484</v>
      </c>
      <c r="E5483" s="1" t="s">
        <v>21485</v>
      </c>
      <c r="F5483" s="1" t="s">
        <v>21486</v>
      </c>
      <c r="G5483" s="1" t="s">
        <v>21474</v>
      </c>
      <c r="H5483" s="1" t="s">
        <v>21475</v>
      </c>
      <c r="I5483" s="1" t="s">
        <v>20952</v>
      </c>
      <c r="J5483" s="1" t="s">
        <v>21487</v>
      </c>
    </row>
    <row r="5484" spans="1:10" x14ac:dyDescent="0.35">
      <c r="A5484" s="1" t="s">
        <v>21470</v>
      </c>
      <c r="B5484" s="1" t="s">
        <v>20946</v>
      </c>
      <c r="C5484" s="1" t="s">
        <v>30</v>
      </c>
      <c r="D5484" s="1" t="s">
        <v>21488</v>
      </c>
      <c r="E5484" s="1" t="s">
        <v>21489</v>
      </c>
      <c r="F5484" s="1" t="s">
        <v>21490</v>
      </c>
      <c r="G5484" s="1" t="s">
        <v>21474</v>
      </c>
      <c r="H5484" s="1" t="s">
        <v>21475</v>
      </c>
      <c r="I5484" s="1" t="s">
        <v>20952</v>
      </c>
      <c r="J5484" s="1" t="s">
        <v>21491</v>
      </c>
    </row>
    <row r="5485" spans="1:10" x14ac:dyDescent="0.35">
      <c r="A5485" s="1" t="s">
        <v>21470</v>
      </c>
      <c r="B5485" s="1" t="s">
        <v>20946</v>
      </c>
      <c r="C5485" s="1" t="s">
        <v>35</v>
      </c>
      <c r="D5485" s="1" t="s">
        <v>21492</v>
      </c>
      <c r="E5485" s="1" t="s">
        <v>21493</v>
      </c>
      <c r="F5485" s="1" t="s">
        <v>21494</v>
      </c>
      <c r="G5485" s="1" t="s">
        <v>21474</v>
      </c>
      <c r="H5485" s="1" t="s">
        <v>21475</v>
      </c>
      <c r="I5485" s="1" t="s">
        <v>20952</v>
      </c>
      <c r="J5485" s="1" t="s">
        <v>21495</v>
      </c>
    </row>
    <row r="5486" spans="1:10" x14ac:dyDescent="0.35">
      <c r="A5486" s="1" t="s">
        <v>21470</v>
      </c>
      <c r="B5486" s="1" t="s">
        <v>20946</v>
      </c>
      <c r="C5486" s="1" t="s">
        <v>40</v>
      </c>
      <c r="D5486" s="1" t="s">
        <v>21496</v>
      </c>
      <c r="E5486" s="1" t="s">
        <v>21497</v>
      </c>
      <c r="F5486" s="1" t="s">
        <v>21498</v>
      </c>
      <c r="G5486" s="1" t="s">
        <v>21474</v>
      </c>
      <c r="H5486" s="1" t="s">
        <v>21475</v>
      </c>
      <c r="I5486" s="1" t="s">
        <v>20952</v>
      </c>
      <c r="J5486" s="1" t="s">
        <v>21499</v>
      </c>
    </row>
    <row r="5487" spans="1:10" x14ac:dyDescent="0.35">
      <c r="A5487" s="1" t="s">
        <v>21470</v>
      </c>
      <c r="B5487" s="1" t="s">
        <v>20946</v>
      </c>
      <c r="C5487" s="1" t="s">
        <v>45</v>
      </c>
      <c r="D5487" s="1" t="s">
        <v>21500</v>
      </c>
      <c r="E5487" s="1" t="s">
        <v>21501</v>
      </c>
      <c r="F5487" s="1" t="s">
        <v>21502</v>
      </c>
      <c r="G5487" s="1" t="s">
        <v>21474</v>
      </c>
      <c r="H5487" s="1" t="s">
        <v>21475</v>
      </c>
      <c r="I5487" s="1" t="s">
        <v>20952</v>
      </c>
      <c r="J5487" s="1" t="s">
        <v>21503</v>
      </c>
    </row>
    <row r="5488" spans="1:10" x14ac:dyDescent="0.35">
      <c r="A5488" s="1" t="s">
        <v>21470</v>
      </c>
      <c r="B5488" s="1" t="s">
        <v>20946</v>
      </c>
      <c r="C5488" s="1" t="s">
        <v>50</v>
      </c>
      <c r="D5488" s="1" t="s">
        <v>21504</v>
      </c>
      <c r="E5488" s="1" t="s">
        <v>21505</v>
      </c>
      <c r="F5488" s="1" t="s">
        <v>21506</v>
      </c>
      <c r="G5488" s="1" t="s">
        <v>21474</v>
      </c>
      <c r="H5488" s="1" t="s">
        <v>21475</v>
      </c>
      <c r="I5488" s="1" t="s">
        <v>20952</v>
      </c>
      <c r="J5488" s="1" t="s">
        <v>21507</v>
      </c>
    </row>
    <row r="5489" spans="1:10" x14ac:dyDescent="0.35">
      <c r="A5489" s="1" t="s">
        <v>21470</v>
      </c>
      <c r="B5489" s="1" t="s">
        <v>20946</v>
      </c>
      <c r="C5489" s="1" t="s">
        <v>55</v>
      </c>
      <c r="D5489" s="1" t="s">
        <v>21508</v>
      </c>
      <c r="E5489" s="1" t="s">
        <v>21509</v>
      </c>
      <c r="F5489" s="1" t="s">
        <v>21510</v>
      </c>
      <c r="G5489" s="1" t="s">
        <v>21474</v>
      </c>
      <c r="H5489" s="1" t="s">
        <v>21475</v>
      </c>
      <c r="I5489" s="1" t="s">
        <v>20952</v>
      </c>
      <c r="J5489" s="1" t="s">
        <v>21511</v>
      </c>
    </row>
    <row r="5490" spans="1:10" x14ac:dyDescent="0.35">
      <c r="A5490" s="1" t="s">
        <v>21470</v>
      </c>
      <c r="B5490" s="1" t="s">
        <v>20946</v>
      </c>
      <c r="C5490" s="1" t="s">
        <v>60</v>
      </c>
      <c r="D5490" s="1" t="s">
        <v>21512</v>
      </c>
      <c r="E5490" s="1" t="s">
        <v>21513</v>
      </c>
      <c r="F5490" s="1" t="s">
        <v>21514</v>
      </c>
      <c r="G5490" s="1" t="s">
        <v>21474</v>
      </c>
      <c r="H5490" s="1" t="s">
        <v>21475</v>
      </c>
      <c r="I5490" s="1" t="s">
        <v>20952</v>
      </c>
      <c r="J5490" s="1" t="s">
        <v>21515</v>
      </c>
    </row>
    <row r="5491" spans="1:10" x14ac:dyDescent="0.35">
      <c r="A5491" s="1" t="s">
        <v>21470</v>
      </c>
      <c r="B5491" s="1" t="s">
        <v>20946</v>
      </c>
      <c r="C5491" s="1" t="s">
        <v>65</v>
      </c>
      <c r="D5491" s="1" t="s">
        <v>21516</v>
      </c>
      <c r="E5491" s="1" t="s">
        <v>21517</v>
      </c>
      <c r="F5491" s="1" t="s">
        <v>21518</v>
      </c>
      <c r="G5491" s="1" t="s">
        <v>21474</v>
      </c>
      <c r="H5491" s="1" t="s">
        <v>21475</v>
      </c>
      <c r="I5491" s="1" t="s">
        <v>20952</v>
      </c>
      <c r="J5491" s="1" t="s">
        <v>21519</v>
      </c>
    </row>
    <row r="5492" spans="1:10" x14ac:dyDescent="0.35">
      <c r="A5492" s="1" t="s">
        <v>21470</v>
      </c>
      <c r="B5492" s="1" t="s">
        <v>20946</v>
      </c>
      <c r="C5492" s="1" t="s">
        <v>70</v>
      </c>
      <c r="D5492" s="1" t="s">
        <v>21520</v>
      </c>
      <c r="E5492" s="1" t="s">
        <v>21521</v>
      </c>
      <c r="F5492" s="1" t="s">
        <v>21522</v>
      </c>
      <c r="G5492" s="1" t="s">
        <v>21474</v>
      </c>
      <c r="H5492" s="1" t="s">
        <v>21475</v>
      </c>
      <c r="I5492" s="1" t="s">
        <v>20952</v>
      </c>
      <c r="J5492" s="1" t="s">
        <v>21523</v>
      </c>
    </row>
    <row r="5493" spans="1:10" x14ac:dyDescent="0.35">
      <c r="A5493" s="1" t="s">
        <v>21470</v>
      </c>
      <c r="B5493" s="1" t="s">
        <v>20946</v>
      </c>
      <c r="C5493" s="1" t="s">
        <v>75</v>
      </c>
      <c r="D5493" s="1" t="s">
        <v>21524</v>
      </c>
      <c r="E5493" s="1" t="s">
        <v>21525</v>
      </c>
      <c r="F5493" s="1" t="s">
        <v>21526</v>
      </c>
      <c r="G5493" s="1" t="s">
        <v>21474</v>
      </c>
      <c r="H5493" s="1" t="s">
        <v>21475</v>
      </c>
      <c r="I5493" s="1" t="s">
        <v>20952</v>
      </c>
      <c r="J5493" s="1" t="s">
        <v>21527</v>
      </c>
    </row>
    <row r="5494" spans="1:10" x14ac:dyDescent="0.35">
      <c r="A5494" s="1" t="s">
        <v>21470</v>
      </c>
      <c r="B5494" s="1" t="s">
        <v>20946</v>
      </c>
      <c r="C5494" s="1" t="s">
        <v>80</v>
      </c>
      <c r="D5494" s="1" t="s">
        <v>21528</v>
      </c>
      <c r="E5494" s="1" t="s">
        <v>21529</v>
      </c>
      <c r="F5494" s="1" t="s">
        <v>21530</v>
      </c>
      <c r="G5494" s="1" t="s">
        <v>21474</v>
      </c>
      <c r="H5494" s="1" t="s">
        <v>21475</v>
      </c>
      <c r="I5494" s="1" t="s">
        <v>20952</v>
      </c>
      <c r="J5494" s="1" t="s">
        <v>21531</v>
      </c>
    </row>
    <row r="5495" spans="1:10" x14ac:dyDescent="0.35">
      <c r="A5495" s="1" t="s">
        <v>21470</v>
      </c>
      <c r="B5495" s="1" t="s">
        <v>20946</v>
      </c>
      <c r="C5495" s="1" t="s">
        <v>85</v>
      </c>
      <c r="D5495" s="1" t="s">
        <v>21532</v>
      </c>
      <c r="E5495" s="1" t="s">
        <v>21533</v>
      </c>
      <c r="F5495" s="1" t="s">
        <v>21534</v>
      </c>
      <c r="G5495" s="1" t="s">
        <v>21474</v>
      </c>
      <c r="H5495" s="1" t="s">
        <v>21475</v>
      </c>
      <c r="I5495" s="1" t="s">
        <v>20952</v>
      </c>
      <c r="J5495" s="1" t="s">
        <v>21535</v>
      </c>
    </row>
    <row r="5496" spans="1:10" x14ac:dyDescent="0.35">
      <c r="A5496" s="1" t="s">
        <v>21470</v>
      </c>
      <c r="B5496" s="1" t="s">
        <v>20946</v>
      </c>
      <c r="C5496" s="1" t="s">
        <v>90</v>
      </c>
      <c r="D5496" s="1" t="s">
        <v>21536</v>
      </c>
      <c r="E5496" s="1" t="s">
        <v>21537</v>
      </c>
      <c r="F5496" s="1" t="s">
        <v>21538</v>
      </c>
      <c r="G5496" s="1" t="s">
        <v>21474</v>
      </c>
      <c r="H5496" s="1" t="s">
        <v>21475</v>
      </c>
      <c r="I5496" s="1" t="s">
        <v>20952</v>
      </c>
      <c r="J5496" s="1" t="s">
        <v>21539</v>
      </c>
    </row>
    <row r="5497" spans="1:10" x14ac:dyDescent="0.35">
      <c r="A5497" s="1" t="s">
        <v>21470</v>
      </c>
      <c r="B5497" s="1" t="s">
        <v>20946</v>
      </c>
      <c r="C5497" s="1" t="s">
        <v>95</v>
      </c>
      <c r="D5497" s="1" t="s">
        <v>21540</v>
      </c>
      <c r="E5497" s="1" t="s">
        <v>21541</v>
      </c>
      <c r="F5497" s="1" t="s">
        <v>21542</v>
      </c>
      <c r="G5497" s="1" t="s">
        <v>21474</v>
      </c>
      <c r="H5497" s="1" t="s">
        <v>21475</v>
      </c>
      <c r="I5497" s="1" t="s">
        <v>20952</v>
      </c>
      <c r="J5497" s="1" t="s">
        <v>21543</v>
      </c>
    </row>
    <row r="5498" spans="1:10" x14ac:dyDescent="0.35">
      <c r="A5498" s="1" t="s">
        <v>21470</v>
      </c>
      <c r="B5498" s="1" t="s">
        <v>20946</v>
      </c>
      <c r="C5498" s="1" t="s">
        <v>100</v>
      </c>
      <c r="D5498" s="1" t="s">
        <v>21544</v>
      </c>
      <c r="E5498" s="1" t="s">
        <v>21545</v>
      </c>
      <c r="F5498" s="1" t="s">
        <v>21546</v>
      </c>
      <c r="G5498" s="1" t="s">
        <v>21474</v>
      </c>
      <c r="H5498" s="1" t="s">
        <v>21475</v>
      </c>
      <c r="I5498" s="1" t="s">
        <v>20952</v>
      </c>
      <c r="J5498" s="1" t="s">
        <v>21547</v>
      </c>
    </row>
    <row r="5499" spans="1:10" x14ac:dyDescent="0.35">
      <c r="A5499" s="1" t="s">
        <v>21470</v>
      </c>
      <c r="B5499" s="1" t="s">
        <v>20946</v>
      </c>
      <c r="C5499" s="1" t="s">
        <v>105</v>
      </c>
      <c r="D5499" s="1" t="s">
        <v>21548</v>
      </c>
      <c r="E5499" s="1" t="s">
        <v>21549</v>
      </c>
      <c r="F5499" s="1" t="s">
        <v>21550</v>
      </c>
      <c r="G5499" s="1" t="s">
        <v>21474</v>
      </c>
      <c r="H5499" s="1" t="s">
        <v>21475</v>
      </c>
      <c r="I5499" s="1" t="s">
        <v>20952</v>
      </c>
      <c r="J5499" s="1" t="s">
        <v>21551</v>
      </c>
    </row>
    <row r="5500" spans="1:10" x14ac:dyDescent="0.35">
      <c r="A5500" s="1" t="s">
        <v>21470</v>
      </c>
      <c r="B5500" s="1" t="s">
        <v>20946</v>
      </c>
      <c r="C5500" s="1" t="s">
        <v>110</v>
      </c>
      <c r="D5500" s="1" t="s">
        <v>21552</v>
      </c>
      <c r="E5500" s="1" t="s">
        <v>21553</v>
      </c>
      <c r="F5500" s="1" t="s">
        <v>21554</v>
      </c>
      <c r="G5500" s="1" t="s">
        <v>21474</v>
      </c>
      <c r="H5500" s="1" t="s">
        <v>21475</v>
      </c>
      <c r="I5500" s="1" t="s">
        <v>20952</v>
      </c>
      <c r="J5500" s="1" t="s">
        <v>21555</v>
      </c>
    </row>
    <row r="5501" spans="1:10" x14ac:dyDescent="0.35">
      <c r="A5501" s="1" t="s">
        <v>21470</v>
      </c>
      <c r="B5501" s="1" t="s">
        <v>20946</v>
      </c>
      <c r="C5501" s="1" t="s">
        <v>115</v>
      </c>
      <c r="D5501" s="1" t="s">
        <v>21556</v>
      </c>
      <c r="E5501" s="1" t="s">
        <v>21557</v>
      </c>
      <c r="F5501" s="1" t="s">
        <v>21558</v>
      </c>
      <c r="G5501" s="1" t="s">
        <v>21474</v>
      </c>
      <c r="H5501" s="1" t="s">
        <v>21475</v>
      </c>
      <c r="I5501" s="1" t="s">
        <v>20952</v>
      </c>
      <c r="J5501" s="1" t="s">
        <v>21559</v>
      </c>
    </row>
    <row r="5502" spans="1:10" x14ac:dyDescent="0.35">
      <c r="A5502" s="1" t="s">
        <v>21470</v>
      </c>
      <c r="B5502" s="1" t="s">
        <v>20946</v>
      </c>
      <c r="C5502" s="1" t="s">
        <v>120</v>
      </c>
      <c r="D5502" s="1" t="s">
        <v>21560</v>
      </c>
      <c r="E5502" s="1" t="s">
        <v>21561</v>
      </c>
      <c r="F5502" s="1" t="s">
        <v>21562</v>
      </c>
      <c r="G5502" s="1" t="s">
        <v>21474</v>
      </c>
      <c r="H5502" s="1" t="s">
        <v>21475</v>
      </c>
      <c r="I5502" s="1" t="s">
        <v>20952</v>
      </c>
      <c r="J5502" s="1" t="s">
        <v>21563</v>
      </c>
    </row>
    <row r="5503" spans="1:10" x14ac:dyDescent="0.35">
      <c r="A5503" s="1" t="s">
        <v>21470</v>
      </c>
      <c r="B5503" s="1" t="s">
        <v>20946</v>
      </c>
      <c r="C5503" s="1" t="s">
        <v>125</v>
      </c>
      <c r="D5503" s="1" t="s">
        <v>21564</v>
      </c>
      <c r="E5503" s="1" t="s">
        <v>21565</v>
      </c>
      <c r="F5503" s="1" t="s">
        <v>21566</v>
      </c>
      <c r="G5503" s="1" t="s">
        <v>21474</v>
      </c>
      <c r="H5503" s="1" t="s">
        <v>21475</v>
      </c>
      <c r="I5503" s="1" t="s">
        <v>20952</v>
      </c>
      <c r="J5503" s="1" t="s">
        <v>21567</v>
      </c>
    </row>
    <row r="5504" spans="1:10" x14ac:dyDescent="0.35">
      <c r="A5504" s="1" t="s">
        <v>21470</v>
      </c>
      <c r="B5504" s="1" t="s">
        <v>20946</v>
      </c>
      <c r="C5504" s="1" t="s">
        <v>130</v>
      </c>
      <c r="D5504" s="1" t="s">
        <v>21568</v>
      </c>
      <c r="E5504" s="1" t="s">
        <v>21569</v>
      </c>
      <c r="F5504" s="1" t="s">
        <v>21570</v>
      </c>
      <c r="G5504" s="1" t="s">
        <v>21474</v>
      </c>
      <c r="H5504" s="1" t="s">
        <v>21475</v>
      </c>
      <c r="I5504" s="1" t="s">
        <v>20952</v>
      </c>
      <c r="J5504" s="1" t="s">
        <v>21571</v>
      </c>
    </row>
    <row r="5505" spans="1:10" x14ac:dyDescent="0.35">
      <c r="A5505" s="1" t="s">
        <v>21470</v>
      </c>
      <c r="B5505" s="1" t="s">
        <v>20946</v>
      </c>
      <c r="C5505" s="1" t="s">
        <v>135</v>
      </c>
      <c r="D5505" s="1" t="s">
        <v>21572</v>
      </c>
      <c r="E5505" s="1" t="s">
        <v>21557</v>
      </c>
      <c r="F5505" s="1" t="s">
        <v>21573</v>
      </c>
      <c r="G5505" s="1" t="s">
        <v>21474</v>
      </c>
      <c r="H5505" s="1" t="s">
        <v>21475</v>
      </c>
      <c r="I5505" s="1" t="s">
        <v>20952</v>
      </c>
      <c r="J5505" s="1" t="s">
        <v>21574</v>
      </c>
    </row>
    <row r="5506" spans="1:10" x14ac:dyDescent="0.35">
      <c r="A5506" s="1" t="s">
        <v>21470</v>
      </c>
      <c r="B5506" s="1" t="s">
        <v>20946</v>
      </c>
      <c r="C5506" s="1" t="s">
        <v>140</v>
      </c>
      <c r="D5506" s="1" t="s">
        <v>21575</v>
      </c>
      <c r="E5506" s="1" t="s">
        <v>21576</v>
      </c>
      <c r="F5506" s="1" t="s">
        <v>21577</v>
      </c>
      <c r="G5506" s="1" t="s">
        <v>21474</v>
      </c>
      <c r="H5506" s="1" t="s">
        <v>21475</v>
      </c>
      <c r="I5506" s="1" t="s">
        <v>20952</v>
      </c>
      <c r="J5506" s="1" t="s">
        <v>21578</v>
      </c>
    </row>
    <row r="5507" spans="1:10" x14ac:dyDescent="0.35">
      <c r="A5507" s="1" t="s">
        <v>21470</v>
      </c>
      <c r="B5507" s="1" t="s">
        <v>20946</v>
      </c>
      <c r="C5507" s="1" t="s">
        <v>145</v>
      </c>
      <c r="D5507" s="1" t="s">
        <v>21579</v>
      </c>
      <c r="E5507" s="1" t="s">
        <v>21580</v>
      </c>
      <c r="F5507" s="1" t="s">
        <v>21581</v>
      </c>
      <c r="G5507" s="1" t="s">
        <v>21474</v>
      </c>
      <c r="H5507" s="1" t="s">
        <v>21475</v>
      </c>
      <c r="I5507" s="1" t="s">
        <v>20952</v>
      </c>
      <c r="J5507" s="1" t="s">
        <v>21582</v>
      </c>
    </row>
    <row r="5508" spans="1:10" x14ac:dyDescent="0.35">
      <c r="A5508" s="1" t="s">
        <v>21470</v>
      </c>
      <c r="B5508" s="1" t="s">
        <v>20946</v>
      </c>
      <c r="C5508" s="1" t="s">
        <v>150</v>
      </c>
      <c r="D5508" s="1" t="s">
        <v>21583</v>
      </c>
      <c r="E5508" s="1" t="s">
        <v>21584</v>
      </c>
      <c r="F5508" s="1" t="s">
        <v>21585</v>
      </c>
      <c r="G5508" s="1" t="s">
        <v>21474</v>
      </c>
      <c r="H5508" s="1" t="s">
        <v>21475</v>
      </c>
      <c r="I5508" s="1" t="s">
        <v>20952</v>
      </c>
      <c r="J5508" s="1" t="s">
        <v>21586</v>
      </c>
    </row>
    <row r="5509" spans="1:10" x14ac:dyDescent="0.35">
      <c r="A5509" s="1" t="s">
        <v>21470</v>
      </c>
      <c r="B5509" s="1" t="s">
        <v>20946</v>
      </c>
      <c r="C5509" s="1" t="s">
        <v>155</v>
      </c>
      <c r="D5509" s="1" t="s">
        <v>21587</v>
      </c>
      <c r="E5509" s="1" t="s">
        <v>21588</v>
      </c>
      <c r="F5509" s="1" t="s">
        <v>21589</v>
      </c>
      <c r="G5509" s="1" t="s">
        <v>21474</v>
      </c>
      <c r="H5509" s="1" t="s">
        <v>21475</v>
      </c>
      <c r="I5509" s="1" t="s">
        <v>20952</v>
      </c>
      <c r="J5509" s="1" t="s">
        <v>21590</v>
      </c>
    </row>
    <row r="5510" spans="1:10" x14ac:dyDescent="0.35">
      <c r="A5510" s="1" t="s">
        <v>21470</v>
      </c>
      <c r="B5510" s="1" t="s">
        <v>20946</v>
      </c>
      <c r="C5510" s="1" t="s">
        <v>160</v>
      </c>
      <c r="D5510" s="1" t="s">
        <v>21591</v>
      </c>
      <c r="E5510" s="1" t="s">
        <v>21592</v>
      </c>
      <c r="F5510" s="1" t="s">
        <v>21593</v>
      </c>
      <c r="G5510" s="1" t="s">
        <v>21474</v>
      </c>
      <c r="H5510" s="1" t="s">
        <v>21475</v>
      </c>
      <c r="I5510" s="1" t="s">
        <v>20952</v>
      </c>
      <c r="J5510" s="1" t="s">
        <v>21594</v>
      </c>
    </row>
    <row r="5511" spans="1:10" x14ac:dyDescent="0.35">
      <c r="A5511" s="1" t="s">
        <v>21470</v>
      </c>
      <c r="B5511" s="1" t="s">
        <v>20946</v>
      </c>
      <c r="C5511" s="1" t="s">
        <v>165</v>
      </c>
      <c r="D5511" s="1" t="s">
        <v>21595</v>
      </c>
      <c r="E5511" s="1" t="s">
        <v>21596</v>
      </c>
      <c r="F5511" s="1" t="s">
        <v>12151</v>
      </c>
      <c r="G5511" s="1" t="s">
        <v>21474</v>
      </c>
      <c r="H5511" s="1" t="s">
        <v>21475</v>
      </c>
      <c r="I5511" s="1" t="s">
        <v>20952</v>
      </c>
      <c r="J5511" s="1" t="s">
        <v>21597</v>
      </c>
    </row>
    <row r="5512" spans="1:10" x14ac:dyDescent="0.35">
      <c r="A5512" s="1" t="s">
        <v>21470</v>
      </c>
      <c r="B5512" s="1" t="s">
        <v>20946</v>
      </c>
      <c r="C5512" s="1" t="s">
        <v>170</v>
      </c>
      <c r="D5512" s="1" t="s">
        <v>21598</v>
      </c>
      <c r="E5512" s="1" t="s">
        <v>21599</v>
      </c>
      <c r="F5512" s="1" t="s">
        <v>4270</v>
      </c>
      <c r="G5512" s="1" t="s">
        <v>21474</v>
      </c>
      <c r="H5512" s="1" t="s">
        <v>21475</v>
      </c>
      <c r="I5512" s="1" t="s">
        <v>20952</v>
      </c>
      <c r="J5512" s="1" t="s">
        <v>21600</v>
      </c>
    </row>
    <row r="5513" spans="1:10" x14ac:dyDescent="0.35">
      <c r="A5513" s="1" t="s">
        <v>21601</v>
      </c>
      <c r="B5513" s="1" t="s">
        <v>20946</v>
      </c>
      <c r="C5513" s="1" t="s">
        <v>8</v>
      </c>
      <c r="D5513" s="1" t="s">
        <v>21602</v>
      </c>
      <c r="E5513" s="1" t="s">
        <v>21603</v>
      </c>
      <c r="F5513" s="1" t="s">
        <v>21604</v>
      </c>
      <c r="G5513" s="1" t="s">
        <v>21605</v>
      </c>
      <c r="H5513" s="1" t="s">
        <v>21606</v>
      </c>
      <c r="I5513" s="1" t="s">
        <v>20952</v>
      </c>
      <c r="J5513" s="1" t="s">
        <v>13</v>
      </c>
    </row>
    <row r="5514" spans="1:10" x14ac:dyDescent="0.35">
      <c r="A5514" s="1" t="s">
        <v>21601</v>
      </c>
      <c r="B5514" s="1" t="s">
        <v>20946</v>
      </c>
      <c r="C5514" s="1" t="s">
        <v>15</v>
      </c>
      <c r="D5514" s="1" t="s">
        <v>21607</v>
      </c>
      <c r="E5514" s="1" t="s">
        <v>21608</v>
      </c>
      <c r="F5514" s="1" t="s">
        <v>21609</v>
      </c>
      <c r="G5514" s="1" t="s">
        <v>21605</v>
      </c>
      <c r="H5514" s="1" t="s">
        <v>21606</v>
      </c>
      <c r="I5514" s="1" t="s">
        <v>20952</v>
      </c>
      <c r="J5514" s="1" t="s">
        <v>21610</v>
      </c>
    </row>
    <row r="5515" spans="1:10" x14ac:dyDescent="0.35">
      <c r="A5515" s="1" t="s">
        <v>21601</v>
      </c>
      <c r="B5515" s="1" t="s">
        <v>20946</v>
      </c>
      <c r="C5515" s="1" t="s">
        <v>20</v>
      </c>
      <c r="D5515" s="1" t="s">
        <v>21611</v>
      </c>
      <c r="E5515" s="1" t="s">
        <v>21612</v>
      </c>
      <c r="F5515" s="1" t="s">
        <v>21613</v>
      </c>
      <c r="G5515" s="1" t="s">
        <v>21605</v>
      </c>
      <c r="H5515" s="1" t="s">
        <v>21606</v>
      </c>
      <c r="I5515" s="1" t="s">
        <v>20952</v>
      </c>
      <c r="J5515" s="1" t="s">
        <v>21614</v>
      </c>
    </row>
    <row r="5516" spans="1:10" x14ac:dyDescent="0.35">
      <c r="A5516" s="1" t="s">
        <v>21601</v>
      </c>
      <c r="B5516" s="1" t="s">
        <v>20946</v>
      </c>
      <c r="C5516" s="1" t="s">
        <v>25</v>
      </c>
      <c r="D5516" s="1" t="s">
        <v>21615</v>
      </c>
      <c r="E5516" s="1" t="s">
        <v>21616</v>
      </c>
      <c r="F5516" s="1" t="s">
        <v>21617</v>
      </c>
      <c r="G5516" s="1" t="s">
        <v>21605</v>
      </c>
      <c r="H5516" s="1" t="s">
        <v>21606</v>
      </c>
      <c r="I5516" s="1" t="s">
        <v>20952</v>
      </c>
      <c r="J5516" s="1" t="s">
        <v>21618</v>
      </c>
    </row>
    <row r="5517" spans="1:10" x14ac:dyDescent="0.35">
      <c r="A5517" s="1" t="s">
        <v>21601</v>
      </c>
      <c r="B5517" s="1" t="s">
        <v>20946</v>
      </c>
      <c r="C5517" s="1" t="s">
        <v>30</v>
      </c>
      <c r="D5517" s="1" t="s">
        <v>21619</v>
      </c>
      <c r="E5517" s="1" t="s">
        <v>21620</v>
      </c>
      <c r="F5517" s="1" t="s">
        <v>21621</v>
      </c>
      <c r="G5517" s="1" t="s">
        <v>21605</v>
      </c>
      <c r="H5517" s="1" t="s">
        <v>21606</v>
      </c>
      <c r="I5517" s="1" t="s">
        <v>20952</v>
      </c>
      <c r="J5517" s="1" t="s">
        <v>21622</v>
      </c>
    </row>
    <row r="5518" spans="1:10" x14ac:dyDescent="0.35">
      <c r="A5518" s="1" t="s">
        <v>21601</v>
      </c>
      <c r="B5518" s="1" t="s">
        <v>20946</v>
      </c>
      <c r="C5518" s="1" t="s">
        <v>35</v>
      </c>
      <c r="D5518" s="1" t="s">
        <v>21623</v>
      </c>
      <c r="E5518" s="1" t="s">
        <v>21624</v>
      </c>
      <c r="F5518" s="1" t="s">
        <v>21625</v>
      </c>
      <c r="G5518" s="1" t="s">
        <v>21605</v>
      </c>
      <c r="H5518" s="1" t="s">
        <v>21606</v>
      </c>
      <c r="I5518" s="1" t="s">
        <v>20952</v>
      </c>
      <c r="J5518" s="1" t="s">
        <v>21626</v>
      </c>
    </row>
    <row r="5519" spans="1:10" x14ac:dyDescent="0.35">
      <c r="A5519" s="1" t="s">
        <v>21601</v>
      </c>
      <c r="B5519" s="1" t="s">
        <v>20946</v>
      </c>
      <c r="C5519" s="1" t="s">
        <v>40</v>
      </c>
      <c r="D5519" s="1" t="s">
        <v>21627</v>
      </c>
      <c r="E5519" s="1" t="s">
        <v>21628</v>
      </c>
      <c r="F5519" s="1" t="s">
        <v>21629</v>
      </c>
      <c r="G5519" s="1" t="s">
        <v>21605</v>
      </c>
      <c r="H5519" s="1" t="s">
        <v>21606</v>
      </c>
      <c r="I5519" s="1" t="s">
        <v>20952</v>
      </c>
      <c r="J5519" s="1" t="s">
        <v>21630</v>
      </c>
    </row>
    <row r="5520" spans="1:10" x14ac:dyDescent="0.35">
      <c r="A5520" s="1" t="s">
        <v>21601</v>
      </c>
      <c r="B5520" s="1" t="s">
        <v>20946</v>
      </c>
      <c r="C5520" s="1" t="s">
        <v>45</v>
      </c>
      <c r="D5520" s="1" t="s">
        <v>21631</v>
      </c>
      <c r="E5520" s="1" t="s">
        <v>21632</v>
      </c>
      <c r="F5520" s="1" t="s">
        <v>21633</v>
      </c>
      <c r="G5520" s="1" t="s">
        <v>21605</v>
      </c>
      <c r="H5520" s="1" t="s">
        <v>21606</v>
      </c>
      <c r="I5520" s="1" t="s">
        <v>20952</v>
      </c>
      <c r="J5520" s="1" t="s">
        <v>21634</v>
      </c>
    </row>
    <row r="5521" spans="1:10" x14ac:dyDescent="0.35">
      <c r="A5521" s="1" t="s">
        <v>21601</v>
      </c>
      <c r="B5521" s="1" t="s">
        <v>20946</v>
      </c>
      <c r="C5521" s="1" t="s">
        <v>50</v>
      </c>
      <c r="D5521" s="1" t="s">
        <v>21635</v>
      </c>
      <c r="E5521" s="1" t="s">
        <v>21636</v>
      </c>
      <c r="F5521" s="1" t="s">
        <v>21637</v>
      </c>
      <c r="G5521" s="1" t="s">
        <v>21605</v>
      </c>
      <c r="H5521" s="1" t="s">
        <v>21606</v>
      </c>
      <c r="I5521" s="1" t="s">
        <v>20952</v>
      </c>
      <c r="J5521" s="1" t="s">
        <v>21638</v>
      </c>
    </row>
    <row r="5522" spans="1:10" x14ac:dyDescent="0.35">
      <c r="A5522" s="1" t="s">
        <v>21601</v>
      </c>
      <c r="B5522" s="1" t="s">
        <v>20946</v>
      </c>
      <c r="C5522" s="1" t="s">
        <v>55</v>
      </c>
      <c r="D5522" s="1" t="s">
        <v>21639</v>
      </c>
      <c r="E5522" s="1" t="s">
        <v>21640</v>
      </c>
      <c r="F5522" s="1" t="s">
        <v>21641</v>
      </c>
      <c r="G5522" s="1" t="s">
        <v>21605</v>
      </c>
      <c r="H5522" s="1" t="s">
        <v>21606</v>
      </c>
      <c r="I5522" s="1" t="s">
        <v>20952</v>
      </c>
      <c r="J5522" s="1" t="s">
        <v>21642</v>
      </c>
    </row>
    <row r="5523" spans="1:10" x14ac:dyDescent="0.35">
      <c r="A5523" s="1" t="s">
        <v>21601</v>
      </c>
      <c r="B5523" s="1" t="s">
        <v>20946</v>
      </c>
      <c r="C5523" s="1" t="s">
        <v>60</v>
      </c>
      <c r="D5523" s="1" t="s">
        <v>21643</v>
      </c>
      <c r="E5523" s="1" t="s">
        <v>21644</v>
      </c>
      <c r="F5523" s="1" t="s">
        <v>21645</v>
      </c>
      <c r="G5523" s="1" t="s">
        <v>21605</v>
      </c>
      <c r="H5523" s="1" t="s">
        <v>21606</v>
      </c>
      <c r="I5523" s="1" t="s">
        <v>20952</v>
      </c>
      <c r="J5523" s="1" t="s">
        <v>21646</v>
      </c>
    </row>
    <row r="5524" spans="1:10" x14ac:dyDescent="0.35">
      <c r="A5524" s="1" t="s">
        <v>21601</v>
      </c>
      <c r="B5524" s="1" t="s">
        <v>20946</v>
      </c>
      <c r="C5524" s="1" t="s">
        <v>65</v>
      </c>
      <c r="D5524" s="1" t="s">
        <v>21647</v>
      </c>
      <c r="E5524" s="1" t="s">
        <v>21648</v>
      </c>
      <c r="F5524" s="1" t="s">
        <v>21649</v>
      </c>
      <c r="G5524" s="1" t="s">
        <v>21605</v>
      </c>
      <c r="H5524" s="1" t="s">
        <v>21606</v>
      </c>
      <c r="I5524" s="1" t="s">
        <v>20952</v>
      </c>
      <c r="J5524" s="1" t="s">
        <v>21650</v>
      </c>
    </row>
    <row r="5525" spans="1:10" x14ac:dyDescent="0.35">
      <c r="A5525" s="1" t="s">
        <v>21601</v>
      </c>
      <c r="B5525" s="1" t="s">
        <v>20946</v>
      </c>
      <c r="C5525" s="1" t="s">
        <v>70</v>
      </c>
      <c r="D5525" s="1" t="s">
        <v>21651</v>
      </c>
      <c r="E5525" s="1" t="s">
        <v>21652</v>
      </c>
      <c r="F5525" s="1" t="s">
        <v>21653</v>
      </c>
      <c r="G5525" s="1" t="s">
        <v>21605</v>
      </c>
      <c r="H5525" s="1" t="s">
        <v>21606</v>
      </c>
      <c r="I5525" s="1" t="s">
        <v>20952</v>
      </c>
      <c r="J5525" s="1" t="s">
        <v>21654</v>
      </c>
    </row>
    <row r="5526" spans="1:10" x14ac:dyDescent="0.35">
      <c r="A5526" s="1" t="s">
        <v>21601</v>
      </c>
      <c r="B5526" s="1" t="s">
        <v>20946</v>
      </c>
      <c r="C5526" s="1" t="s">
        <v>75</v>
      </c>
      <c r="D5526" s="1" t="s">
        <v>21655</v>
      </c>
      <c r="E5526" s="1" t="s">
        <v>21656</v>
      </c>
      <c r="F5526" s="1" t="s">
        <v>21657</v>
      </c>
      <c r="G5526" s="1" t="s">
        <v>21605</v>
      </c>
      <c r="H5526" s="1" t="s">
        <v>21606</v>
      </c>
      <c r="I5526" s="1" t="s">
        <v>20952</v>
      </c>
      <c r="J5526" s="1" t="s">
        <v>21658</v>
      </c>
    </row>
    <row r="5527" spans="1:10" x14ac:dyDescent="0.35">
      <c r="A5527" s="1" t="s">
        <v>21601</v>
      </c>
      <c r="B5527" s="1" t="s">
        <v>20946</v>
      </c>
      <c r="C5527" s="1" t="s">
        <v>80</v>
      </c>
      <c r="D5527" s="1" t="s">
        <v>21659</v>
      </c>
      <c r="E5527" s="1" t="s">
        <v>21660</v>
      </c>
      <c r="F5527" s="1" t="s">
        <v>21661</v>
      </c>
      <c r="G5527" s="1" t="s">
        <v>21605</v>
      </c>
      <c r="H5527" s="1" t="s">
        <v>21606</v>
      </c>
      <c r="I5527" s="1" t="s">
        <v>20952</v>
      </c>
      <c r="J5527" s="1" t="s">
        <v>21662</v>
      </c>
    </row>
    <row r="5528" spans="1:10" x14ac:dyDescent="0.35">
      <c r="A5528" s="1" t="s">
        <v>21601</v>
      </c>
      <c r="B5528" s="1" t="s">
        <v>20946</v>
      </c>
      <c r="C5528" s="1" t="s">
        <v>85</v>
      </c>
      <c r="D5528" s="1" t="s">
        <v>21663</v>
      </c>
      <c r="E5528" s="1" t="s">
        <v>21664</v>
      </c>
      <c r="F5528" s="1" t="s">
        <v>21665</v>
      </c>
      <c r="G5528" s="1" t="s">
        <v>21605</v>
      </c>
      <c r="H5528" s="1" t="s">
        <v>21606</v>
      </c>
      <c r="I5528" s="1" t="s">
        <v>20952</v>
      </c>
      <c r="J5528" s="1" t="s">
        <v>21666</v>
      </c>
    </row>
    <row r="5529" spans="1:10" x14ac:dyDescent="0.35">
      <c r="A5529" s="1" t="s">
        <v>21601</v>
      </c>
      <c r="B5529" s="1" t="s">
        <v>20946</v>
      </c>
      <c r="C5529" s="1" t="s">
        <v>90</v>
      </c>
      <c r="D5529" s="1" t="s">
        <v>21667</v>
      </c>
      <c r="E5529" s="1" t="s">
        <v>21668</v>
      </c>
      <c r="F5529" s="1" t="s">
        <v>21669</v>
      </c>
      <c r="G5529" s="1" t="s">
        <v>21605</v>
      </c>
      <c r="H5529" s="1" t="s">
        <v>21606</v>
      </c>
      <c r="I5529" s="1" t="s">
        <v>20952</v>
      </c>
      <c r="J5529" s="1" t="s">
        <v>21670</v>
      </c>
    </row>
    <row r="5530" spans="1:10" x14ac:dyDescent="0.35">
      <c r="A5530" s="1" t="s">
        <v>21601</v>
      </c>
      <c r="B5530" s="1" t="s">
        <v>20946</v>
      </c>
      <c r="C5530" s="1" t="s">
        <v>95</v>
      </c>
      <c r="D5530" s="1" t="s">
        <v>21671</v>
      </c>
      <c r="E5530" s="1" t="s">
        <v>21672</v>
      </c>
      <c r="F5530" s="1" t="s">
        <v>21673</v>
      </c>
      <c r="G5530" s="1" t="s">
        <v>21605</v>
      </c>
      <c r="H5530" s="1" t="s">
        <v>21606</v>
      </c>
      <c r="I5530" s="1" t="s">
        <v>20952</v>
      </c>
      <c r="J5530" s="1" t="s">
        <v>21674</v>
      </c>
    </row>
    <row r="5531" spans="1:10" x14ac:dyDescent="0.35">
      <c r="A5531" s="1" t="s">
        <v>21601</v>
      </c>
      <c r="B5531" s="1" t="s">
        <v>20946</v>
      </c>
      <c r="C5531" s="1" t="s">
        <v>100</v>
      </c>
      <c r="D5531" s="1" t="s">
        <v>21675</v>
      </c>
      <c r="E5531" s="1" t="s">
        <v>21676</v>
      </c>
      <c r="F5531" s="1" t="s">
        <v>21677</v>
      </c>
      <c r="G5531" s="1" t="s">
        <v>21605</v>
      </c>
      <c r="H5531" s="1" t="s">
        <v>21606</v>
      </c>
      <c r="I5531" s="1" t="s">
        <v>20952</v>
      </c>
      <c r="J5531" s="1" t="s">
        <v>21678</v>
      </c>
    </row>
    <row r="5532" spans="1:10" x14ac:dyDescent="0.35">
      <c r="A5532" s="1" t="s">
        <v>21601</v>
      </c>
      <c r="B5532" s="1" t="s">
        <v>20946</v>
      </c>
      <c r="C5532" s="1" t="s">
        <v>105</v>
      </c>
      <c r="D5532" s="1" t="s">
        <v>21679</v>
      </c>
      <c r="E5532" s="1" t="s">
        <v>21680</v>
      </c>
      <c r="F5532" s="1" t="s">
        <v>21681</v>
      </c>
      <c r="G5532" s="1" t="s">
        <v>21605</v>
      </c>
      <c r="H5532" s="1" t="s">
        <v>21606</v>
      </c>
      <c r="I5532" s="1" t="s">
        <v>20952</v>
      </c>
      <c r="J5532" s="1" t="s">
        <v>21682</v>
      </c>
    </row>
    <row r="5533" spans="1:10" x14ac:dyDescent="0.35">
      <c r="A5533" s="1" t="s">
        <v>21601</v>
      </c>
      <c r="B5533" s="1" t="s">
        <v>20946</v>
      </c>
      <c r="C5533" s="1" t="s">
        <v>110</v>
      </c>
      <c r="D5533" s="1" t="s">
        <v>21683</v>
      </c>
      <c r="E5533" s="1" t="s">
        <v>21684</v>
      </c>
      <c r="F5533" s="1" t="s">
        <v>21685</v>
      </c>
      <c r="G5533" s="1" t="s">
        <v>21605</v>
      </c>
      <c r="H5533" s="1" t="s">
        <v>21606</v>
      </c>
      <c r="I5533" s="1" t="s">
        <v>20952</v>
      </c>
      <c r="J5533" s="1" t="s">
        <v>21686</v>
      </c>
    </row>
    <row r="5534" spans="1:10" x14ac:dyDescent="0.35">
      <c r="A5534" s="1" t="s">
        <v>21601</v>
      </c>
      <c r="B5534" s="1" t="s">
        <v>20946</v>
      </c>
      <c r="C5534" s="1" t="s">
        <v>115</v>
      </c>
      <c r="D5534" s="1" t="s">
        <v>21687</v>
      </c>
      <c r="E5534" s="1" t="s">
        <v>21688</v>
      </c>
      <c r="F5534" s="1" t="s">
        <v>21689</v>
      </c>
      <c r="G5534" s="1" t="s">
        <v>21605</v>
      </c>
      <c r="H5534" s="1" t="s">
        <v>21606</v>
      </c>
      <c r="I5534" s="1" t="s">
        <v>20952</v>
      </c>
      <c r="J5534" s="1" t="s">
        <v>21690</v>
      </c>
    </row>
    <row r="5535" spans="1:10" x14ac:dyDescent="0.35">
      <c r="A5535" s="1" t="s">
        <v>21601</v>
      </c>
      <c r="B5535" s="1" t="s">
        <v>20946</v>
      </c>
      <c r="C5535" s="1" t="s">
        <v>120</v>
      </c>
      <c r="D5535" s="1" t="s">
        <v>21691</v>
      </c>
      <c r="E5535" s="1" t="s">
        <v>21692</v>
      </c>
      <c r="F5535" s="1" t="s">
        <v>21693</v>
      </c>
      <c r="G5535" s="1" t="s">
        <v>21605</v>
      </c>
      <c r="H5535" s="1" t="s">
        <v>21606</v>
      </c>
      <c r="I5535" s="1" t="s">
        <v>20952</v>
      </c>
      <c r="J5535" s="1" t="s">
        <v>21694</v>
      </c>
    </row>
    <row r="5536" spans="1:10" x14ac:dyDescent="0.35">
      <c r="A5536" s="1" t="s">
        <v>21601</v>
      </c>
      <c r="B5536" s="1" t="s">
        <v>20946</v>
      </c>
      <c r="C5536" s="1" t="s">
        <v>125</v>
      </c>
      <c r="D5536" s="1" t="s">
        <v>21695</v>
      </c>
      <c r="E5536" s="1" t="s">
        <v>21696</v>
      </c>
      <c r="F5536" s="1" t="s">
        <v>21697</v>
      </c>
      <c r="G5536" s="1" t="s">
        <v>21605</v>
      </c>
      <c r="H5536" s="1" t="s">
        <v>21606</v>
      </c>
      <c r="I5536" s="1" t="s">
        <v>20952</v>
      </c>
      <c r="J5536" s="1" t="s">
        <v>21698</v>
      </c>
    </row>
    <row r="5537" spans="1:10" x14ac:dyDescent="0.35">
      <c r="A5537" s="1" t="s">
        <v>21601</v>
      </c>
      <c r="B5537" s="1" t="s">
        <v>20946</v>
      </c>
      <c r="C5537" s="1" t="s">
        <v>130</v>
      </c>
      <c r="D5537" s="1" t="s">
        <v>21699</v>
      </c>
      <c r="E5537" s="1" t="s">
        <v>21700</v>
      </c>
      <c r="F5537" s="1" t="s">
        <v>21701</v>
      </c>
      <c r="G5537" s="1" t="s">
        <v>21605</v>
      </c>
      <c r="H5537" s="1" t="s">
        <v>21606</v>
      </c>
      <c r="I5537" s="1" t="s">
        <v>20952</v>
      </c>
      <c r="J5537" s="1" t="s">
        <v>21702</v>
      </c>
    </row>
    <row r="5538" spans="1:10" x14ac:dyDescent="0.35">
      <c r="A5538" s="1" t="s">
        <v>21601</v>
      </c>
      <c r="B5538" s="1" t="s">
        <v>20946</v>
      </c>
      <c r="C5538" s="1" t="s">
        <v>135</v>
      </c>
      <c r="D5538" s="1" t="s">
        <v>21703</v>
      </c>
      <c r="E5538" s="1" t="s">
        <v>21704</v>
      </c>
      <c r="F5538" s="1" t="s">
        <v>21705</v>
      </c>
      <c r="G5538" s="1" t="s">
        <v>21605</v>
      </c>
      <c r="H5538" s="1" t="s">
        <v>21606</v>
      </c>
      <c r="I5538" s="1" t="s">
        <v>20952</v>
      </c>
      <c r="J5538" s="1" t="s">
        <v>21706</v>
      </c>
    </row>
    <row r="5539" spans="1:10" x14ac:dyDescent="0.35">
      <c r="A5539" s="1" t="s">
        <v>21601</v>
      </c>
      <c r="B5539" s="1" t="s">
        <v>20946</v>
      </c>
      <c r="C5539" s="1" t="s">
        <v>140</v>
      </c>
      <c r="D5539" s="1" t="s">
        <v>21707</v>
      </c>
      <c r="E5539" s="1" t="s">
        <v>21708</v>
      </c>
      <c r="F5539" s="1" t="s">
        <v>21709</v>
      </c>
      <c r="G5539" s="1" t="s">
        <v>21605</v>
      </c>
      <c r="H5539" s="1" t="s">
        <v>21606</v>
      </c>
      <c r="I5539" s="1" t="s">
        <v>20952</v>
      </c>
      <c r="J5539" s="1" t="s">
        <v>21710</v>
      </c>
    </row>
    <row r="5540" spans="1:10" x14ac:dyDescent="0.35">
      <c r="A5540" s="1" t="s">
        <v>21601</v>
      </c>
      <c r="B5540" s="1" t="s">
        <v>20946</v>
      </c>
      <c r="C5540" s="1" t="s">
        <v>145</v>
      </c>
      <c r="D5540" s="1" t="s">
        <v>21711</v>
      </c>
      <c r="E5540" s="1" t="s">
        <v>21712</v>
      </c>
      <c r="F5540" s="1" t="s">
        <v>21713</v>
      </c>
      <c r="G5540" s="1" t="s">
        <v>21605</v>
      </c>
      <c r="H5540" s="1" t="s">
        <v>21606</v>
      </c>
      <c r="I5540" s="1" t="s">
        <v>20952</v>
      </c>
      <c r="J5540" s="1" t="s">
        <v>21714</v>
      </c>
    </row>
    <row r="5541" spans="1:10" x14ac:dyDescent="0.35">
      <c r="A5541" s="1" t="s">
        <v>21601</v>
      </c>
      <c r="B5541" s="1" t="s">
        <v>20946</v>
      </c>
      <c r="C5541" s="1" t="s">
        <v>150</v>
      </c>
      <c r="D5541" s="1" t="s">
        <v>21715</v>
      </c>
      <c r="E5541" s="1" t="s">
        <v>21716</v>
      </c>
      <c r="F5541" s="1" t="s">
        <v>21717</v>
      </c>
      <c r="G5541" s="1" t="s">
        <v>21605</v>
      </c>
      <c r="H5541" s="1" t="s">
        <v>21606</v>
      </c>
      <c r="I5541" s="1" t="s">
        <v>20952</v>
      </c>
      <c r="J5541" s="1" t="s">
        <v>21718</v>
      </c>
    </row>
    <row r="5542" spans="1:10" x14ac:dyDescent="0.35">
      <c r="A5542" s="1" t="s">
        <v>21601</v>
      </c>
      <c r="B5542" s="1" t="s">
        <v>20946</v>
      </c>
      <c r="C5542" s="1" t="s">
        <v>155</v>
      </c>
      <c r="D5542" s="1" t="s">
        <v>21719</v>
      </c>
      <c r="E5542" s="1" t="s">
        <v>21720</v>
      </c>
      <c r="F5542" s="1" t="s">
        <v>21721</v>
      </c>
      <c r="G5542" s="1" t="s">
        <v>21605</v>
      </c>
      <c r="H5542" s="1" t="s">
        <v>21606</v>
      </c>
      <c r="I5542" s="1" t="s">
        <v>20952</v>
      </c>
      <c r="J5542" s="1" t="s">
        <v>21722</v>
      </c>
    </row>
    <row r="5543" spans="1:10" x14ac:dyDescent="0.35">
      <c r="A5543" s="1" t="s">
        <v>21601</v>
      </c>
      <c r="B5543" s="1" t="s">
        <v>20946</v>
      </c>
      <c r="C5543" s="1" t="s">
        <v>160</v>
      </c>
      <c r="D5543" s="1" t="s">
        <v>21723</v>
      </c>
      <c r="E5543" s="1" t="s">
        <v>21724</v>
      </c>
      <c r="F5543" s="1" t="s">
        <v>21725</v>
      </c>
      <c r="G5543" s="1" t="s">
        <v>21605</v>
      </c>
      <c r="H5543" s="1" t="s">
        <v>21606</v>
      </c>
      <c r="I5543" s="1" t="s">
        <v>20952</v>
      </c>
      <c r="J5543" s="1" t="s">
        <v>21726</v>
      </c>
    </row>
    <row r="5544" spans="1:10" x14ac:dyDescent="0.35">
      <c r="A5544" s="1" t="s">
        <v>21601</v>
      </c>
      <c r="B5544" s="1" t="s">
        <v>20946</v>
      </c>
      <c r="C5544" s="1" t="s">
        <v>165</v>
      </c>
      <c r="D5544" s="1" t="s">
        <v>21727</v>
      </c>
      <c r="E5544" s="1" t="s">
        <v>21728</v>
      </c>
      <c r="F5544" s="1" t="s">
        <v>21729</v>
      </c>
      <c r="G5544" s="1" t="s">
        <v>21605</v>
      </c>
      <c r="H5544" s="1" t="s">
        <v>21606</v>
      </c>
      <c r="I5544" s="1" t="s">
        <v>20952</v>
      </c>
      <c r="J5544" s="1" t="s">
        <v>21730</v>
      </c>
    </row>
    <row r="5545" spans="1:10" x14ac:dyDescent="0.35">
      <c r="A5545" s="1" t="s">
        <v>21601</v>
      </c>
      <c r="B5545" s="1" t="s">
        <v>20946</v>
      </c>
      <c r="C5545" s="1" t="s">
        <v>170</v>
      </c>
      <c r="D5545" s="1" t="s">
        <v>21731</v>
      </c>
      <c r="E5545" s="1" t="s">
        <v>21732</v>
      </c>
      <c r="F5545" s="1" t="s">
        <v>21733</v>
      </c>
      <c r="G5545" s="1" t="s">
        <v>21605</v>
      </c>
      <c r="H5545" s="1" t="s">
        <v>21606</v>
      </c>
      <c r="I5545" s="1" t="s">
        <v>20952</v>
      </c>
      <c r="J5545" s="1" t="s">
        <v>21734</v>
      </c>
    </row>
    <row r="5546" spans="1:10" x14ac:dyDescent="0.35">
      <c r="A5546" s="1" t="s">
        <v>21735</v>
      </c>
      <c r="B5546" s="1" t="s">
        <v>20946</v>
      </c>
      <c r="C5546" s="1" t="s">
        <v>8</v>
      </c>
      <c r="D5546" s="1" t="s">
        <v>21736</v>
      </c>
      <c r="E5546" s="1" t="s">
        <v>21737</v>
      </c>
      <c r="F5546" s="1" t="s">
        <v>21738</v>
      </c>
      <c r="G5546" s="1" t="s">
        <v>21739</v>
      </c>
      <c r="H5546" s="1" t="s">
        <v>21740</v>
      </c>
      <c r="I5546" s="1" t="s">
        <v>20952</v>
      </c>
      <c r="J5546" s="1" t="s">
        <v>13</v>
      </c>
    </row>
    <row r="5547" spans="1:10" x14ac:dyDescent="0.35">
      <c r="A5547" s="1" t="s">
        <v>21735</v>
      </c>
      <c r="B5547" s="1" t="s">
        <v>20946</v>
      </c>
      <c r="C5547" s="1" t="s">
        <v>15</v>
      </c>
      <c r="D5547" s="1" t="s">
        <v>21741</v>
      </c>
      <c r="E5547" s="1" t="s">
        <v>21742</v>
      </c>
      <c r="F5547" s="1" t="s">
        <v>21743</v>
      </c>
      <c r="G5547" s="1" t="s">
        <v>21739</v>
      </c>
      <c r="H5547" s="1" t="s">
        <v>21740</v>
      </c>
      <c r="I5547" s="1" t="s">
        <v>20952</v>
      </c>
      <c r="J5547" s="1" t="s">
        <v>21744</v>
      </c>
    </row>
    <row r="5548" spans="1:10" x14ac:dyDescent="0.35">
      <c r="A5548" s="1" t="s">
        <v>21735</v>
      </c>
      <c r="B5548" s="1" t="s">
        <v>20946</v>
      </c>
      <c r="C5548" s="1" t="s">
        <v>20</v>
      </c>
      <c r="D5548" s="1" t="s">
        <v>21745</v>
      </c>
      <c r="E5548" s="1" t="s">
        <v>21746</v>
      </c>
      <c r="F5548" s="1" t="s">
        <v>15236</v>
      </c>
      <c r="G5548" s="1" t="s">
        <v>21739</v>
      </c>
      <c r="H5548" s="1" t="s">
        <v>21740</v>
      </c>
      <c r="I5548" s="1" t="s">
        <v>20952</v>
      </c>
      <c r="J5548" s="1" t="s">
        <v>21747</v>
      </c>
    </row>
    <row r="5549" spans="1:10" x14ac:dyDescent="0.35">
      <c r="A5549" s="1" t="s">
        <v>21735</v>
      </c>
      <c r="B5549" s="1" t="s">
        <v>20946</v>
      </c>
      <c r="C5549" s="1" t="s">
        <v>25</v>
      </c>
      <c r="D5549" s="1" t="s">
        <v>21748</v>
      </c>
      <c r="E5549" s="1" t="s">
        <v>21749</v>
      </c>
      <c r="F5549" s="1" t="s">
        <v>21750</v>
      </c>
      <c r="G5549" s="1" t="s">
        <v>21739</v>
      </c>
      <c r="H5549" s="1" t="s">
        <v>21740</v>
      </c>
      <c r="I5549" s="1" t="s">
        <v>20952</v>
      </c>
      <c r="J5549" s="1" t="s">
        <v>21751</v>
      </c>
    </row>
    <row r="5550" spans="1:10" x14ac:dyDescent="0.35">
      <c r="A5550" s="1" t="s">
        <v>21735</v>
      </c>
      <c r="B5550" s="1" t="s">
        <v>20946</v>
      </c>
      <c r="C5550" s="1" t="s">
        <v>30</v>
      </c>
      <c r="D5550" s="1" t="s">
        <v>21752</v>
      </c>
      <c r="E5550" s="1" t="s">
        <v>21753</v>
      </c>
      <c r="F5550" s="1" t="s">
        <v>21754</v>
      </c>
      <c r="G5550" s="1" t="s">
        <v>21739</v>
      </c>
      <c r="H5550" s="1" t="s">
        <v>21740</v>
      </c>
      <c r="I5550" s="1" t="s">
        <v>20952</v>
      </c>
      <c r="J5550" s="1" t="s">
        <v>21755</v>
      </c>
    </row>
    <row r="5551" spans="1:10" x14ac:dyDescent="0.35">
      <c r="A5551" s="1" t="s">
        <v>21735</v>
      </c>
      <c r="B5551" s="1" t="s">
        <v>20946</v>
      </c>
      <c r="C5551" s="1" t="s">
        <v>35</v>
      </c>
      <c r="D5551" s="1" t="s">
        <v>21756</v>
      </c>
      <c r="E5551" s="1" t="s">
        <v>21757</v>
      </c>
      <c r="F5551" s="1" t="s">
        <v>15333</v>
      </c>
      <c r="G5551" s="1" t="s">
        <v>21739</v>
      </c>
      <c r="H5551" s="1" t="s">
        <v>21740</v>
      </c>
      <c r="I5551" s="1" t="s">
        <v>20952</v>
      </c>
      <c r="J5551" s="1" t="s">
        <v>21758</v>
      </c>
    </row>
    <row r="5552" spans="1:10" x14ac:dyDescent="0.35">
      <c r="A5552" s="1" t="s">
        <v>21735</v>
      </c>
      <c r="B5552" s="1" t="s">
        <v>20946</v>
      </c>
      <c r="C5552" s="1" t="s">
        <v>40</v>
      </c>
      <c r="D5552" s="1" t="s">
        <v>21759</v>
      </c>
      <c r="E5552" s="1" t="s">
        <v>21760</v>
      </c>
      <c r="F5552" s="1" t="s">
        <v>21761</v>
      </c>
      <c r="G5552" s="1" t="s">
        <v>21739</v>
      </c>
      <c r="H5552" s="1" t="s">
        <v>21740</v>
      </c>
      <c r="I5552" s="1" t="s">
        <v>20952</v>
      </c>
      <c r="J5552" s="1" t="s">
        <v>21762</v>
      </c>
    </row>
    <row r="5553" spans="1:10" x14ac:dyDescent="0.35">
      <c r="A5553" s="1" t="s">
        <v>21735</v>
      </c>
      <c r="B5553" s="1" t="s">
        <v>20946</v>
      </c>
      <c r="C5553" s="1" t="s">
        <v>45</v>
      </c>
      <c r="D5553" s="1" t="s">
        <v>21763</v>
      </c>
      <c r="E5553" s="1" t="s">
        <v>21764</v>
      </c>
      <c r="F5553" s="1" t="s">
        <v>21765</v>
      </c>
      <c r="G5553" s="1" t="s">
        <v>21739</v>
      </c>
      <c r="H5553" s="1" t="s">
        <v>21740</v>
      </c>
      <c r="I5553" s="1" t="s">
        <v>20952</v>
      </c>
      <c r="J5553" s="1" t="s">
        <v>21766</v>
      </c>
    </row>
    <row r="5554" spans="1:10" x14ac:dyDescent="0.35">
      <c r="A5554" s="1" t="s">
        <v>21735</v>
      </c>
      <c r="B5554" s="1" t="s">
        <v>20946</v>
      </c>
      <c r="C5554" s="1" t="s">
        <v>50</v>
      </c>
      <c r="D5554" s="1" t="s">
        <v>21767</v>
      </c>
      <c r="E5554" s="1" t="s">
        <v>21768</v>
      </c>
      <c r="F5554" s="1" t="s">
        <v>21769</v>
      </c>
      <c r="G5554" s="1" t="s">
        <v>21739</v>
      </c>
      <c r="H5554" s="1" t="s">
        <v>21740</v>
      </c>
      <c r="I5554" s="1" t="s">
        <v>20952</v>
      </c>
      <c r="J5554" s="1" t="s">
        <v>21770</v>
      </c>
    </row>
    <row r="5555" spans="1:10" x14ac:dyDescent="0.35">
      <c r="A5555" s="1" t="s">
        <v>21735</v>
      </c>
      <c r="B5555" s="1" t="s">
        <v>20946</v>
      </c>
      <c r="C5555" s="1" t="s">
        <v>55</v>
      </c>
      <c r="D5555" s="1" t="s">
        <v>21771</v>
      </c>
      <c r="E5555" s="1" t="s">
        <v>21772</v>
      </c>
      <c r="F5555" s="1" t="s">
        <v>21773</v>
      </c>
      <c r="G5555" s="1" t="s">
        <v>21739</v>
      </c>
      <c r="H5555" s="1" t="s">
        <v>21740</v>
      </c>
      <c r="I5555" s="1" t="s">
        <v>20952</v>
      </c>
      <c r="J5555" s="1" t="s">
        <v>21774</v>
      </c>
    </row>
    <row r="5556" spans="1:10" x14ac:dyDescent="0.35">
      <c r="A5556" s="1" t="s">
        <v>21735</v>
      </c>
      <c r="B5556" s="1" t="s">
        <v>20946</v>
      </c>
      <c r="C5556" s="1" t="s">
        <v>60</v>
      </c>
      <c r="D5556" s="1" t="s">
        <v>21775</v>
      </c>
      <c r="E5556" s="1" t="s">
        <v>21776</v>
      </c>
      <c r="F5556" s="1" t="s">
        <v>15446</v>
      </c>
      <c r="G5556" s="1" t="s">
        <v>21739</v>
      </c>
      <c r="H5556" s="1" t="s">
        <v>21740</v>
      </c>
      <c r="I5556" s="1" t="s">
        <v>20952</v>
      </c>
      <c r="J5556" s="1" t="s">
        <v>21777</v>
      </c>
    </row>
    <row r="5557" spans="1:10" x14ac:dyDescent="0.35">
      <c r="A5557" s="1" t="s">
        <v>21735</v>
      </c>
      <c r="B5557" s="1" t="s">
        <v>20946</v>
      </c>
      <c r="C5557" s="1" t="s">
        <v>65</v>
      </c>
      <c r="D5557" s="1" t="s">
        <v>21778</v>
      </c>
      <c r="E5557" s="1" t="s">
        <v>21779</v>
      </c>
      <c r="F5557" s="1" t="s">
        <v>21780</v>
      </c>
      <c r="G5557" s="1" t="s">
        <v>21739</v>
      </c>
      <c r="H5557" s="1" t="s">
        <v>21740</v>
      </c>
      <c r="I5557" s="1" t="s">
        <v>20952</v>
      </c>
      <c r="J5557" s="1" t="s">
        <v>21781</v>
      </c>
    </row>
    <row r="5558" spans="1:10" x14ac:dyDescent="0.35">
      <c r="A5558" s="1" t="s">
        <v>21735</v>
      </c>
      <c r="B5558" s="1" t="s">
        <v>20946</v>
      </c>
      <c r="C5558" s="1" t="s">
        <v>70</v>
      </c>
      <c r="D5558" s="1" t="s">
        <v>21782</v>
      </c>
      <c r="E5558" s="1" t="s">
        <v>21783</v>
      </c>
      <c r="F5558" s="1" t="s">
        <v>21784</v>
      </c>
      <c r="G5558" s="1" t="s">
        <v>21739</v>
      </c>
      <c r="H5558" s="1" t="s">
        <v>21740</v>
      </c>
      <c r="I5558" s="1" t="s">
        <v>20952</v>
      </c>
      <c r="J5558" s="1" t="s">
        <v>21785</v>
      </c>
    </row>
    <row r="5559" spans="1:10" x14ac:dyDescent="0.35">
      <c r="A5559" s="1" t="s">
        <v>21735</v>
      </c>
      <c r="B5559" s="1" t="s">
        <v>20946</v>
      </c>
      <c r="C5559" s="1" t="s">
        <v>75</v>
      </c>
      <c r="D5559" s="1" t="s">
        <v>21786</v>
      </c>
      <c r="E5559" s="1" t="s">
        <v>21787</v>
      </c>
      <c r="F5559" s="1" t="s">
        <v>21788</v>
      </c>
      <c r="G5559" s="1" t="s">
        <v>21739</v>
      </c>
      <c r="H5559" s="1" t="s">
        <v>21740</v>
      </c>
      <c r="I5559" s="1" t="s">
        <v>20952</v>
      </c>
      <c r="J5559" s="1" t="s">
        <v>21789</v>
      </c>
    </row>
    <row r="5560" spans="1:10" x14ac:dyDescent="0.35">
      <c r="A5560" s="1" t="s">
        <v>21735</v>
      </c>
      <c r="B5560" s="1" t="s">
        <v>20946</v>
      </c>
      <c r="C5560" s="1" t="s">
        <v>80</v>
      </c>
      <c r="D5560" s="1" t="s">
        <v>21790</v>
      </c>
      <c r="E5560" s="1" t="s">
        <v>21791</v>
      </c>
      <c r="F5560" s="1" t="s">
        <v>21792</v>
      </c>
      <c r="G5560" s="1" t="s">
        <v>21739</v>
      </c>
      <c r="H5560" s="1" t="s">
        <v>21740</v>
      </c>
      <c r="I5560" s="1" t="s">
        <v>20952</v>
      </c>
      <c r="J5560" s="1" t="s">
        <v>21793</v>
      </c>
    </row>
    <row r="5561" spans="1:10" x14ac:dyDescent="0.35">
      <c r="A5561" s="1" t="s">
        <v>21735</v>
      </c>
      <c r="B5561" s="1" t="s">
        <v>20946</v>
      </c>
      <c r="C5561" s="1" t="s">
        <v>85</v>
      </c>
      <c r="D5561" s="1" t="s">
        <v>21794</v>
      </c>
      <c r="E5561" s="1" t="s">
        <v>21795</v>
      </c>
      <c r="F5561" s="1" t="s">
        <v>21796</v>
      </c>
      <c r="G5561" s="1" t="s">
        <v>21739</v>
      </c>
      <c r="H5561" s="1" t="s">
        <v>21740</v>
      </c>
      <c r="I5561" s="1" t="s">
        <v>20952</v>
      </c>
      <c r="J5561" s="1" t="s">
        <v>21797</v>
      </c>
    </row>
    <row r="5562" spans="1:10" x14ac:dyDescent="0.35">
      <c r="A5562" s="1" t="s">
        <v>21735</v>
      </c>
      <c r="B5562" s="1" t="s">
        <v>20946</v>
      </c>
      <c r="C5562" s="1" t="s">
        <v>90</v>
      </c>
      <c r="D5562" s="1" t="s">
        <v>21798</v>
      </c>
      <c r="E5562" s="1" t="s">
        <v>21799</v>
      </c>
      <c r="F5562" s="1" t="s">
        <v>21800</v>
      </c>
      <c r="G5562" s="1" t="s">
        <v>21739</v>
      </c>
      <c r="H5562" s="1" t="s">
        <v>21740</v>
      </c>
      <c r="I5562" s="1" t="s">
        <v>20952</v>
      </c>
      <c r="J5562" s="1" t="s">
        <v>21801</v>
      </c>
    </row>
    <row r="5563" spans="1:10" x14ac:dyDescent="0.35">
      <c r="A5563" s="1" t="s">
        <v>21735</v>
      </c>
      <c r="B5563" s="1" t="s">
        <v>20946</v>
      </c>
      <c r="C5563" s="1" t="s">
        <v>95</v>
      </c>
      <c r="D5563" s="1" t="s">
        <v>21802</v>
      </c>
      <c r="E5563" s="1" t="s">
        <v>21803</v>
      </c>
      <c r="F5563" s="1" t="s">
        <v>21804</v>
      </c>
      <c r="G5563" s="1" t="s">
        <v>21739</v>
      </c>
      <c r="H5563" s="1" t="s">
        <v>21740</v>
      </c>
      <c r="I5563" s="1" t="s">
        <v>20952</v>
      </c>
      <c r="J5563" s="1" t="s">
        <v>21805</v>
      </c>
    </row>
    <row r="5564" spans="1:10" x14ac:dyDescent="0.35">
      <c r="A5564" s="1" t="s">
        <v>21735</v>
      </c>
      <c r="B5564" s="1" t="s">
        <v>20946</v>
      </c>
      <c r="C5564" s="1" t="s">
        <v>100</v>
      </c>
      <c r="D5564" s="1" t="s">
        <v>21806</v>
      </c>
      <c r="E5564" s="1" t="s">
        <v>21807</v>
      </c>
      <c r="F5564" s="1" t="s">
        <v>21808</v>
      </c>
      <c r="G5564" s="1" t="s">
        <v>21739</v>
      </c>
      <c r="H5564" s="1" t="s">
        <v>21740</v>
      </c>
      <c r="I5564" s="1" t="s">
        <v>20952</v>
      </c>
      <c r="J5564" s="1" t="s">
        <v>21809</v>
      </c>
    </row>
    <row r="5565" spans="1:10" x14ac:dyDescent="0.35">
      <c r="A5565" s="1" t="s">
        <v>21735</v>
      </c>
      <c r="B5565" s="1" t="s">
        <v>20946</v>
      </c>
      <c r="C5565" s="1" t="s">
        <v>105</v>
      </c>
      <c r="D5565" s="1" t="s">
        <v>21810</v>
      </c>
      <c r="E5565" s="1" t="s">
        <v>21811</v>
      </c>
      <c r="F5565" s="1" t="s">
        <v>21812</v>
      </c>
      <c r="G5565" s="1" t="s">
        <v>21739</v>
      </c>
      <c r="H5565" s="1" t="s">
        <v>21740</v>
      </c>
      <c r="I5565" s="1" t="s">
        <v>20952</v>
      </c>
      <c r="J5565" s="1" t="s">
        <v>21813</v>
      </c>
    </row>
    <row r="5566" spans="1:10" x14ac:dyDescent="0.35">
      <c r="A5566" s="1" t="s">
        <v>21735</v>
      </c>
      <c r="B5566" s="1" t="s">
        <v>20946</v>
      </c>
      <c r="C5566" s="1" t="s">
        <v>110</v>
      </c>
      <c r="D5566" s="1" t="s">
        <v>21814</v>
      </c>
      <c r="E5566" s="1" t="s">
        <v>21815</v>
      </c>
      <c r="F5566" s="1" t="s">
        <v>21816</v>
      </c>
      <c r="G5566" s="1" t="s">
        <v>21739</v>
      </c>
      <c r="H5566" s="1" t="s">
        <v>21740</v>
      </c>
      <c r="I5566" s="1" t="s">
        <v>20952</v>
      </c>
      <c r="J5566" s="1" t="s">
        <v>21817</v>
      </c>
    </row>
    <row r="5567" spans="1:10" x14ac:dyDescent="0.35">
      <c r="A5567" s="1" t="s">
        <v>21735</v>
      </c>
      <c r="B5567" s="1" t="s">
        <v>20946</v>
      </c>
      <c r="C5567" s="1" t="s">
        <v>115</v>
      </c>
      <c r="D5567" s="1" t="s">
        <v>21818</v>
      </c>
      <c r="E5567" s="1" t="s">
        <v>12801</v>
      </c>
      <c r="F5567" s="1" t="s">
        <v>21819</v>
      </c>
      <c r="G5567" s="1" t="s">
        <v>21739</v>
      </c>
      <c r="H5567" s="1" t="s">
        <v>21740</v>
      </c>
      <c r="I5567" s="1" t="s">
        <v>20952</v>
      </c>
      <c r="J5567" s="1" t="s">
        <v>21820</v>
      </c>
    </row>
    <row r="5568" spans="1:10" x14ac:dyDescent="0.35">
      <c r="A5568" s="1" t="s">
        <v>21735</v>
      </c>
      <c r="B5568" s="1" t="s">
        <v>20946</v>
      </c>
      <c r="C5568" s="1" t="s">
        <v>120</v>
      </c>
      <c r="D5568" s="1" t="s">
        <v>21821</v>
      </c>
      <c r="E5568" s="1" t="s">
        <v>21822</v>
      </c>
      <c r="F5568" s="1" t="s">
        <v>21823</v>
      </c>
      <c r="G5568" s="1" t="s">
        <v>21739</v>
      </c>
      <c r="H5568" s="1" t="s">
        <v>21740</v>
      </c>
      <c r="I5568" s="1" t="s">
        <v>20952</v>
      </c>
      <c r="J5568" s="1" t="s">
        <v>21824</v>
      </c>
    </row>
    <row r="5569" spans="1:10" x14ac:dyDescent="0.35">
      <c r="A5569" s="1" t="s">
        <v>21735</v>
      </c>
      <c r="B5569" s="1" t="s">
        <v>20946</v>
      </c>
      <c r="C5569" s="1" t="s">
        <v>125</v>
      </c>
      <c r="D5569" s="1" t="s">
        <v>21825</v>
      </c>
      <c r="E5569" s="1" t="s">
        <v>21826</v>
      </c>
      <c r="F5569" s="1" t="s">
        <v>21827</v>
      </c>
      <c r="G5569" s="1" t="s">
        <v>21739</v>
      </c>
      <c r="H5569" s="1" t="s">
        <v>21740</v>
      </c>
      <c r="I5569" s="1" t="s">
        <v>20952</v>
      </c>
      <c r="J5569" s="1" t="s">
        <v>21828</v>
      </c>
    </row>
    <row r="5570" spans="1:10" x14ac:dyDescent="0.35">
      <c r="A5570" s="1" t="s">
        <v>21735</v>
      </c>
      <c r="B5570" s="1" t="s">
        <v>20946</v>
      </c>
      <c r="C5570" s="1" t="s">
        <v>130</v>
      </c>
      <c r="D5570" s="1" t="s">
        <v>21829</v>
      </c>
      <c r="E5570" s="1" t="s">
        <v>21830</v>
      </c>
      <c r="F5570" s="1" t="s">
        <v>21831</v>
      </c>
      <c r="G5570" s="1" t="s">
        <v>21739</v>
      </c>
      <c r="H5570" s="1" t="s">
        <v>21740</v>
      </c>
      <c r="I5570" s="1" t="s">
        <v>20952</v>
      </c>
      <c r="J5570" s="1" t="s">
        <v>21832</v>
      </c>
    </row>
    <row r="5571" spans="1:10" x14ac:dyDescent="0.35">
      <c r="A5571" s="1" t="s">
        <v>21735</v>
      </c>
      <c r="B5571" s="1" t="s">
        <v>20946</v>
      </c>
      <c r="C5571" s="1" t="s">
        <v>135</v>
      </c>
      <c r="D5571" s="1" t="s">
        <v>21833</v>
      </c>
      <c r="E5571" s="1" t="s">
        <v>21834</v>
      </c>
      <c r="F5571" s="1" t="s">
        <v>21835</v>
      </c>
      <c r="G5571" s="1" t="s">
        <v>21739</v>
      </c>
      <c r="H5571" s="1" t="s">
        <v>21740</v>
      </c>
      <c r="I5571" s="1" t="s">
        <v>20952</v>
      </c>
      <c r="J5571" s="1" t="s">
        <v>21836</v>
      </c>
    </row>
    <row r="5572" spans="1:10" x14ac:dyDescent="0.35">
      <c r="A5572" s="1" t="s">
        <v>21735</v>
      </c>
      <c r="B5572" s="1" t="s">
        <v>20946</v>
      </c>
      <c r="C5572" s="1" t="s">
        <v>140</v>
      </c>
      <c r="D5572" s="1" t="s">
        <v>21837</v>
      </c>
      <c r="E5572" s="1" t="s">
        <v>16094</v>
      </c>
      <c r="F5572" s="1" t="s">
        <v>21838</v>
      </c>
      <c r="G5572" s="1" t="s">
        <v>21739</v>
      </c>
      <c r="H5572" s="1" t="s">
        <v>21740</v>
      </c>
      <c r="I5572" s="1" t="s">
        <v>20952</v>
      </c>
      <c r="J5572" s="1" t="s">
        <v>21839</v>
      </c>
    </row>
    <row r="5573" spans="1:10" x14ac:dyDescent="0.35">
      <c r="A5573" s="1" t="s">
        <v>21735</v>
      </c>
      <c r="B5573" s="1" t="s">
        <v>20946</v>
      </c>
      <c r="C5573" s="1" t="s">
        <v>145</v>
      </c>
      <c r="D5573" s="1" t="s">
        <v>21840</v>
      </c>
      <c r="E5573" s="1" t="s">
        <v>21841</v>
      </c>
      <c r="F5573" s="1" t="s">
        <v>21842</v>
      </c>
      <c r="G5573" s="1" t="s">
        <v>21739</v>
      </c>
      <c r="H5573" s="1" t="s">
        <v>21740</v>
      </c>
      <c r="I5573" s="1" t="s">
        <v>20952</v>
      </c>
      <c r="J5573" s="1" t="s">
        <v>21843</v>
      </c>
    </row>
    <row r="5574" spans="1:10" x14ac:dyDescent="0.35">
      <c r="A5574" s="1" t="s">
        <v>21735</v>
      </c>
      <c r="B5574" s="1" t="s">
        <v>20946</v>
      </c>
      <c r="C5574" s="1" t="s">
        <v>150</v>
      </c>
      <c r="D5574" s="1" t="s">
        <v>21844</v>
      </c>
      <c r="E5574" s="1" t="s">
        <v>21845</v>
      </c>
      <c r="F5574" s="1" t="s">
        <v>21846</v>
      </c>
      <c r="G5574" s="1" t="s">
        <v>21739</v>
      </c>
      <c r="H5574" s="1" t="s">
        <v>21740</v>
      </c>
      <c r="I5574" s="1" t="s">
        <v>20952</v>
      </c>
      <c r="J5574" s="1" t="s">
        <v>21847</v>
      </c>
    </row>
    <row r="5575" spans="1:10" x14ac:dyDescent="0.35">
      <c r="A5575" s="1" t="s">
        <v>21735</v>
      </c>
      <c r="B5575" s="1" t="s">
        <v>20946</v>
      </c>
      <c r="C5575" s="1" t="s">
        <v>155</v>
      </c>
      <c r="D5575" s="1" t="s">
        <v>21848</v>
      </c>
      <c r="E5575" s="1" t="s">
        <v>21849</v>
      </c>
      <c r="F5575" s="1" t="s">
        <v>21850</v>
      </c>
      <c r="G5575" s="1" t="s">
        <v>21739</v>
      </c>
      <c r="H5575" s="1" t="s">
        <v>21740</v>
      </c>
      <c r="I5575" s="1" t="s">
        <v>20952</v>
      </c>
      <c r="J5575" s="1" t="s">
        <v>21851</v>
      </c>
    </row>
    <row r="5576" spans="1:10" x14ac:dyDescent="0.35">
      <c r="A5576" s="1" t="s">
        <v>21735</v>
      </c>
      <c r="B5576" s="1" t="s">
        <v>20946</v>
      </c>
      <c r="C5576" s="1" t="s">
        <v>160</v>
      </c>
      <c r="D5576" s="1" t="s">
        <v>21852</v>
      </c>
      <c r="E5576" s="1" t="s">
        <v>21853</v>
      </c>
      <c r="F5576" s="1" t="s">
        <v>21854</v>
      </c>
      <c r="G5576" s="1" t="s">
        <v>21739</v>
      </c>
      <c r="H5576" s="1" t="s">
        <v>21740</v>
      </c>
      <c r="I5576" s="1" t="s">
        <v>20952</v>
      </c>
      <c r="J5576" s="1" t="s">
        <v>21855</v>
      </c>
    </row>
    <row r="5577" spans="1:10" x14ac:dyDescent="0.35">
      <c r="A5577" s="1" t="s">
        <v>21735</v>
      </c>
      <c r="B5577" s="1" t="s">
        <v>20946</v>
      </c>
      <c r="C5577" s="1" t="s">
        <v>165</v>
      </c>
      <c r="D5577" s="1" t="s">
        <v>21856</v>
      </c>
      <c r="E5577" s="1" t="s">
        <v>12845</v>
      </c>
      <c r="F5577" s="1" t="s">
        <v>21857</v>
      </c>
      <c r="G5577" s="1" t="s">
        <v>21739</v>
      </c>
      <c r="H5577" s="1" t="s">
        <v>21740</v>
      </c>
      <c r="I5577" s="1" t="s">
        <v>20952</v>
      </c>
      <c r="J5577" s="1" t="s">
        <v>21858</v>
      </c>
    </row>
    <row r="5578" spans="1:10" x14ac:dyDescent="0.35">
      <c r="A5578" s="1" t="s">
        <v>21735</v>
      </c>
      <c r="B5578" s="1" t="s">
        <v>20946</v>
      </c>
      <c r="C5578" s="1" t="s">
        <v>170</v>
      </c>
      <c r="D5578" s="1" t="s">
        <v>21859</v>
      </c>
      <c r="E5578" s="1" t="s">
        <v>21860</v>
      </c>
      <c r="F5578" s="1" t="s">
        <v>21861</v>
      </c>
      <c r="G5578" s="1" t="s">
        <v>21739</v>
      </c>
      <c r="H5578" s="1" t="s">
        <v>21740</v>
      </c>
      <c r="I5578" s="1" t="s">
        <v>20952</v>
      </c>
      <c r="J5578" s="1" t="s">
        <v>21862</v>
      </c>
    </row>
    <row r="5579" spans="1:10" x14ac:dyDescent="0.35">
      <c r="A5579" s="1" t="s">
        <v>21863</v>
      </c>
      <c r="B5579" s="1" t="s">
        <v>20946</v>
      </c>
      <c r="C5579" s="1" t="s">
        <v>8</v>
      </c>
      <c r="D5579" s="1" t="s">
        <v>21864</v>
      </c>
      <c r="E5579" s="1" t="s">
        <v>21865</v>
      </c>
      <c r="F5579" s="1" t="s">
        <v>21866</v>
      </c>
      <c r="G5579" s="1" t="s">
        <v>21867</v>
      </c>
      <c r="H5579" s="1" t="s">
        <v>21868</v>
      </c>
      <c r="I5579" s="1" t="s">
        <v>20952</v>
      </c>
      <c r="J5579" s="1" t="s">
        <v>13</v>
      </c>
    </row>
    <row r="5580" spans="1:10" x14ac:dyDescent="0.35">
      <c r="A5580" s="1" t="s">
        <v>21863</v>
      </c>
      <c r="B5580" s="1" t="s">
        <v>20946</v>
      </c>
      <c r="C5580" s="1" t="s">
        <v>15</v>
      </c>
      <c r="D5580" s="1" t="s">
        <v>21869</v>
      </c>
      <c r="E5580" s="1" t="s">
        <v>21870</v>
      </c>
      <c r="F5580" s="1" t="s">
        <v>21871</v>
      </c>
      <c r="G5580" s="1" t="s">
        <v>21867</v>
      </c>
      <c r="H5580" s="1" t="s">
        <v>21868</v>
      </c>
      <c r="I5580" s="1" t="s">
        <v>20952</v>
      </c>
      <c r="J5580" s="1" t="s">
        <v>21872</v>
      </c>
    </row>
    <row r="5581" spans="1:10" x14ac:dyDescent="0.35">
      <c r="A5581" s="1" t="s">
        <v>21863</v>
      </c>
      <c r="B5581" s="1" t="s">
        <v>20946</v>
      </c>
      <c r="C5581" s="1" t="s">
        <v>20</v>
      </c>
      <c r="D5581" s="1" t="s">
        <v>21873</v>
      </c>
      <c r="E5581" s="1" t="s">
        <v>21190</v>
      </c>
      <c r="F5581" s="1" t="s">
        <v>21874</v>
      </c>
      <c r="G5581" s="1" t="s">
        <v>21867</v>
      </c>
      <c r="H5581" s="1" t="s">
        <v>21868</v>
      </c>
      <c r="I5581" s="1" t="s">
        <v>20952</v>
      </c>
      <c r="J5581" s="1" t="s">
        <v>21875</v>
      </c>
    </row>
    <row r="5582" spans="1:10" x14ac:dyDescent="0.35">
      <c r="A5582" s="1" t="s">
        <v>21863</v>
      </c>
      <c r="B5582" s="1" t="s">
        <v>20946</v>
      </c>
      <c r="C5582" s="1" t="s">
        <v>25</v>
      </c>
      <c r="D5582" s="1" t="s">
        <v>21876</v>
      </c>
      <c r="E5582" s="1" t="s">
        <v>21815</v>
      </c>
      <c r="F5582" s="1" t="s">
        <v>21877</v>
      </c>
      <c r="G5582" s="1" t="s">
        <v>21867</v>
      </c>
      <c r="H5582" s="1" t="s">
        <v>21868</v>
      </c>
      <c r="I5582" s="1" t="s">
        <v>20952</v>
      </c>
      <c r="J5582" s="1" t="s">
        <v>21878</v>
      </c>
    </row>
    <row r="5583" spans="1:10" x14ac:dyDescent="0.35">
      <c r="A5583" s="1" t="s">
        <v>21863</v>
      </c>
      <c r="B5583" s="1" t="s">
        <v>20946</v>
      </c>
      <c r="C5583" s="1" t="s">
        <v>30</v>
      </c>
      <c r="D5583" s="1" t="s">
        <v>21879</v>
      </c>
      <c r="E5583" s="1" t="s">
        <v>21737</v>
      </c>
      <c r="F5583" s="1" t="s">
        <v>21880</v>
      </c>
      <c r="G5583" s="1" t="s">
        <v>21867</v>
      </c>
      <c r="H5583" s="1" t="s">
        <v>21868</v>
      </c>
      <c r="I5583" s="1" t="s">
        <v>20952</v>
      </c>
      <c r="J5583" s="1" t="s">
        <v>21881</v>
      </c>
    </row>
    <row r="5584" spans="1:10" x14ac:dyDescent="0.35">
      <c r="A5584" s="1" t="s">
        <v>21863</v>
      </c>
      <c r="B5584" s="1" t="s">
        <v>20946</v>
      </c>
      <c r="C5584" s="1" t="s">
        <v>35</v>
      </c>
      <c r="D5584" s="1" t="s">
        <v>21882</v>
      </c>
      <c r="E5584" s="1" t="s">
        <v>21883</v>
      </c>
      <c r="F5584" s="1" t="s">
        <v>21884</v>
      </c>
      <c r="G5584" s="1" t="s">
        <v>21867</v>
      </c>
      <c r="H5584" s="1" t="s">
        <v>21868</v>
      </c>
      <c r="I5584" s="1" t="s">
        <v>20952</v>
      </c>
      <c r="J5584" s="1" t="s">
        <v>21885</v>
      </c>
    </row>
    <row r="5585" spans="1:10" x14ac:dyDescent="0.35">
      <c r="A5585" s="1" t="s">
        <v>21863</v>
      </c>
      <c r="B5585" s="1" t="s">
        <v>20946</v>
      </c>
      <c r="C5585" s="1" t="s">
        <v>40</v>
      </c>
      <c r="D5585" s="1" t="s">
        <v>21886</v>
      </c>
      <c r="E5585" s="1" t="s">
        <v>21580</v>
      </c>
      <c r="F5585" s="1" t="s">
        <v>21887</v>
      </c>
      <c r="G5585" s="1" t="s">
        <v>21867</v>
      </c>
      <c r="H5585" s="1" t="s">
        <v>21868</v>
      </c>
      <c r="I5585" s="1" t="s">
        <v>20952</v>
      </c>
      <c r="J5585" s="1" t="s">
        <v>21888</v>
      </c>
    </row>
    <row r="5586" spans="1:10" x14ac:dyDescent="0.35">
      <c r="A5586" s="1" t="s">
        <v>21863</v>
      </c>
      <c r="B5586" s="1" t="s">
        <v>20946</v>
      </c>
      <c r="C5586" s="1" t="s">
        <v>45</v>
      </c>
      <c r="D5586" s="1" t="s">
        <v>21889</v>
      </c>
      <c r="E5586" s="1" t="s">
        <v>21890</v>
      </c>
      <c r="F5586" s="1" t="s">
        <v>21891</v>
      </c>
      <c r="G5586" s="1" t="s">
        <v>21867</v>
      </c>
      <c r="H5586" s="1" t="s">
        <v>21868</v>
      </c>
      <c r="I5586" s="1" t="s">
        <v>20952</v>
      </c>
      <c r="J5586" s="1" t="s">
        <v>21892</v>
      </c>
    </row>
    <row r="5587" spans="1:10" x14ac:dyDescent="0.35">
      <c r="A5587" s="1" t="s">
        <v>21863</v>
      </c>
      <c r="B5587" s="1" t="s">
        <v>20946</v>
      </c>
      <c r="C5587" s="1" t="s">
        <v>50</v>
      </c>
      <c r="D5587" s="1" t="s">
        <v>21893</v>
      </c>
      <c r="E5587" s="1" t="s">
        <v>21894</v>
      </c>
      <c r="F5587" s="1" t="s">
        <v>21895</v>
      </c>
      <c r="G5587" s="1" t="s">
        <v>21867</v>
      </c>
      <c r="H5587" s="1" t="s">
        <v>21868</v>
      </c>
      <c r="I5587" s="1" t="s">
        <v>20952</v>
      </c>
      <c r="J5587" s="1" t="s">
        <v>21896</v>
      </c>
    </row>
    <row r="5588" spans="1:10" x14ac:dyDescent="0.35">
      <c r="A5588" s="1" t="s">
        <v>21863</v>
      </c>
      <c r="B5588" s="1" t="s">
        <v>20946</v>
      </c>
      <c r="C5588" s="1" t="s">
        <v>55</v>
      </c>
      <c r="D5588" s="1" t="s">
        <v>21897</v>
      </c>
      <c r="E5588" s="1" t="s">
        <v>21898</v>
      </c>
      <c r="F5588" s="1" t="s">
        <v>21899</v>
      </c>
      <c r="G5588" s="1" t="s">
        <v>21867</v>
      </c>
      <c r="H5588" s="1" t="s">
        <v>21868</v>
      </c>
      <c r="I5588" s="1" t="s">
        <v>20952</v>
      </c>
      <c r="J5588" s="1" t="s">
        <v>21900</v>
      </c>
    </row>
    <row r="5589" spans="1:10" x14ac:dyDescent="0.35">
      <c r="A5589" s="1" t="s">
        <v>21863</v>
      </c>
      <c r="B5589" s="1" t="s">
        <v>20946</v>
      </c>
      <c r="C5589" s="1" t="s">
        <v>60</v>
      </c>
      <c r="D5589" s="1" t="s">
        <v>21901</v>
      </c>
      <c r="E5589" s="1" t="s">
        <v>21902</v>
      </c>
      <c r="F5589" s="1" t="s">
        <v>21903</v>
      </c>
      <c r="G5589" s="1" t="s">
        <v>21867</v>
      </c>
      <c r="H5589" s="1" t="s">
        <v>21868</v>
      </c>
      <c r="I5589" s="1" t="s">
        <v>20952</v>
      </c>
      <c r="J5589" s="1" t="s">
        <v>21904</v>
      </c>
    </row>
    <row r="5590" spans="1:10" x14ac:dyDescent="0.35">
      <c r="A5590" s="1" t="s">
        <v>21863</v>
      </c>
      <c r="B5590" s="1" t="s">
        <v>20946</v>
      </c>
      <c r="C5590" s="1" t="s">
        <v>65</v>
      </c>
      <c r="D5590" s="1" t="s">
        <v>21905</v>
      </c>
      <c r="E5590" s="1" t="s">
        <v>21906</v>
      </c>
      <c r="F5590" s="1" t="s">
        <v>21907</v>
      </c>
      <c r="G5590" s="1" t="s">
        <v>21867</v>
      </c>
      <c r="H5590" s="1" t="s">
        <v>21868</v>
      </c>
      <c r="I5590" s="1" t="s">
        <v>20952</v>
      </c>
      <c r="J5590" s="1" t="s">
        <v>21908</v>
      </c>
    </row>
    <row r="5591" spans="1:10" x14ac:dyDescent="0.35">
      <c r="A5591" s="1" t="s">
        <v>21863</v>
      </c>
      <c r="B5591" s="1" t="s">
        <v>20946</v>
      </c>
      <c r="C5591" s="1" t="s">
        <v>70</v>
      </c>
      <c r="D5591" s="1" t="s">
        <v>21909</v>
      </c>
      <c r="E5591" s="1" t="s">
        <v>21910</v>
      </c>
      <c r="F5591" s="1" t="s">
        <v>21911</v>
      </c>
      <c r="G5591" s="1" t="s">
        <v>21867</v>
      </c>
      <c r="H5591" s="1" t="s">
        <v>21868</v>
      </c>
      <c r="I5591" s="1" t="s">
        <v>20952</v>
      </c>
      <c r="J5591" s="1" t="s">
        <v>21912</v>
      </c>
    </row>
    <row r="5592" spans="1:10" x14ac:dyDescent="0.35">
      <c r="A5592" s="1" t="s">
        <v>21863</v>
      </c>
      <c r="B5592" s="1" t="s">
        <v>20946</v>
      </c>
      <c r="C5592" s="1" t="s">
        <v>75</v>
      </c>
      <c r="D5592" s="1" t="s">
        <v>21913</v>
      </c>
      <c r="E5592" s="1" t="s">
        <v>21182</v>
      </c>
      <c r="F5592" s="1" t="s">
        <v>21914</v>
      </c>
      <c r="G5592" s="1" t="s">
        <v>21867</v>
      </c>
      <c r="H5592" s="1" t="s">
        <v>21868</v>
      </c>
      <c r="I5592" s="1" t="s">
        <v>20952</v>
      </c>
      <c r="J5592" s="1" t="s">
        <v>21915</v>
      </c>
    </row>
    <row r="5593" spans="1:10" x14ac:dyDescent="0.35">
      <c r="A5593" s="1" t="s">
        <v>21863</v>
      </c>
      <c r="B5593" s="1" t="s">
        <v>20946</v>
      </c>
      <c r="C5593" s="1" t="s">
        <v>80</v>
      </c>
      <c r="D5593" s="1" t="s">
        <v>21916</v>
      </c>
      <c r="E5593" s="1" t="s">
        <v>21917</v>
      </c>
      <c r="F5593" s="1" t="s">
        <v>21918</v>
      </c>
      <c r="G5593" s="1" t="s">
        <v>21867</v>
      </c>
      <c r="H5593" s="1" t="s">
        <v>21868</v>
      </c>
      <c r="I5593" s="1" t="s">
        <v>20952</v>
      </c>
      <c r="J5593" s="1" t="s">
        <v>21919</v>
      </c>
    </row>
    <row r="5594" spans="1:10" x14ac:dyDescent="0.35">
      <c r="A5594" s="1" t="s">
        <v>21863</v>
      </c>
      <c r="B5594" s="1" t="s">
        <v>20946</v>
      </c>
      <c r="C5594" s="1" t="s">
        <v>85</v>
      </c>
      <c r="D5594" s="1" t="s">
        <v>21920</v>
      </c>
      <c r="E5594" s="1" t="s">
        <v>21921</v>
      </c>
      <c r="F5594" s="1" t="s">
        <v>21922</v>
      </c>
      <c r="G5594" s="1" t="s">
        <v>21867</v>
      </c>
      <c r="H5594" s="1" t="s">
        <v>21868</v>
      </c>
      <c r="I5594" s="1" t="s">
        <v>20952</v>
      </c>
      <c r="J5594" s="1" t="s">
        <v>21923</v>
      </c>
    </row>
    <row r="5595" spans="1:10" x14ac:dyDescent="0.35">
      <c r="A5595" s="1" t="s">
        <v>21863</v>
      </c>
      <c r="B5595" s="1" t="s">
        <v>20946</v>
      </c>
      <c r="C5595" s="1" t="s">
        <v>90</v>
      </c>
      <c r="D5595" s="1" t="s">
        <v>21924</v>
      </c>
      <c r="E5595" s="1" t="s">
        <v>21925</v>
      </c>
      <c r="F5595" s="1" t="s">
        <v>21926</v>
      </c>
      <c r="G5595" s="1" t="s">
        <v>21867</v>
      </c>
      <c r="H5595" s="1" t="s">
        <v>21868</v>
      </c>
      <c r="I5595" s="1" t="s">
        <v>20952</v>
      </c>
      <c r="J5595" s="1" t="s">
        <v>21927</v>
      </c>
    </row>
    <row r="5596" spans="1:10" x14ac:dyDescent="0.35">
      <c r="A5596" s="1" t="s">
        <v>21863</v>
      </c>
      <c r="B5596" s="1" t="s">
        <v>20946</v>
      </c>
      <c r="C5596" s="1" t="s">
        <v>95</v>
      </c>
      <c r="D5596" s="1" t="s">
        <v>21928</v>
      </c>
      <c r="E5596" s="1" t="s">
        <v>21929</v>
      </c>
      <c r="F5596" s="1" t="s">
        <v>21930</v>
      </c>
      <c r="G5596" s="1" t="s">
        <v>21867</v>
      </c>
      <c r="H5596" s="1" t="s">
        <v>21868</v>
      </c>
      <c r="I5596" s="1" t="s">
        <v>20952</v>
      </c>
      <c r="J5596" s="1" t="s">
        <v>21931</v>
      </c>
    </row>
    <row r="5597" spans="1:10" x14ac:dyDescent="0.35">
      <c r="A5597" s="1" t="s">
        <v>21863</v>
      </c>
      <c r="B5597" s="1" t="s">
        <v>20946</v>
      </c>
      <c r="C5597" s="1" t="s">
        <v>100</v>
      </c>
      <c r="D5597" s="1" t="s">
        <v>21932</v>
      </c>
      <c r="E5597" s="1" t="s">
        <v>21933</v>
      </c>
      <c r="F5597" s="1" t="s">
        <v>21934</v>
      </c>
      <c r="G5597" s="1" t="s">
        <v>21867</v>
      </c>
      <c r="H5597" s="1" t="s">
        <v>21868</v>
      </c>
      <c r="I5597" s="1" t="s">
        <v>20952</v>
      </c>
      <c r="J5597" s="1" t="s">
        <v>21935</v>
      </c>
    </row>
    <row r="5598" spans="1:10" x14ac:dyDescent="0.35">
      <c r="A5598" s="1" t="s">
        <v>21863</v>
      </c>
      <c r="B5598" s="1" t="s">
        <v>20946</v>
      </c>
      <c r="C5598" s="1" t="s">
        <v>105</v>
      </c>
      <c r="D5598" s="1" t="s">
        <v>21936</v>
      </c>
      <c r="E5598" s="1" t="s">
        <v>21937</v>
      </c>
      <c r="F5598" s="1" t="s">
        <v>21938</v>
      </c>
      <c r="G5598" s="1" t="s">
        <v>21867</v>
      </c>
      <c r="H5598" s="1" t="s">
        <v>21868</v>
      </c>
      <c r="I5598" s="1" t="s">
        <v>20952</v>
      </c>
      <c r="J5598" s="1" t="s">
        <v>21939</v>
      </c>
    </row>
    <row r="5599" spans="1:10" x14ac:dyDescent="0.35">
      <c r="A5599" s="1" t="s">
        <v>21863</v>
      </c>
      <c r="B5599" s="1" t="s">
        <v>20946</v>
      </c>
      <c r="C5599" s="1" t="s">
        <v>110</v>
      </c>
      <c r="D5599" s="1" t="s">
        <v>21940</v>
      </c>
      <c r="E5599" s="1" t="s">
        <v>21941</v>
      </c>
      <c r="F5599" s="1" t="s">
        <v>21942</v>
      </c>
      <c r="G5599" s="1" t="s">
        <v>21867</v>
      </c>
      <c r="H5599" s="1" t="s">
        <v>21868</v>
      </c>
      <c r="I5599" s="1" t="s">
        <v>20952</v>
      </c>
      <c r="J5599" s="1" t="s">
        <v>21943</v>
      </c>
    </row>
    <row r="5600" spans="1:10" x14ac:dyDescent="0.35">
      <c r="A5600" s="1" t="s">
        <v>21863</v>
      </c>
      <c r="B5600" s="1" t="s">
        <v>20946</v>
      </c>
      <c r="C5600" s="1" t="s">
        <v>115</v>
      </c>
      <c r="D5600" s="1" t="s">
        <v>21944</v>
      </c>
      <c r="E5600" s="1" t="s">
        <v>21945</v>
      </c>
      <c r="F5600" s="1" t="s">
        <v>21946</v>
      </c>
      <c r="G5600" s="1" t="s">
        <v>21867</v>
      </c>
      <c r="H5600" s="1" t="s">
        <v>21868</v>
      </c>
      <c r="I5600" s="1" t="s">
        <v>20952</v>
      </c>
      <c r="J5600" s="1" t="s">
        <v>21947</v>
      </c>
    </row>
    <row r="5601" spans="1:10" x14ac:dyDescent="0.35">
      <c r="A5601" s="1" t="s">
        <v>21863</v>
      </c>
      <c r="B5601" s="1" t="s">
        <v>20946</v>
      </c>
      <c r="C5601" s="1" t="s">
        <v>120</v>
      </c>
      <c r="D5601" s="1" t="s">
        <v>21948</v>
      </c>
      <c r="E5601" s="1" t="s">
        <v>21937</v>
      </c>
      <c r="F5601" s="1" t="s">
        <v>21949</v>
      </c>
      <c r="G5601" s="1" t="s">
        <v>21867</v>
      </c>
      <c r="H5601" s="1" t="s">
        <v>21868</v>
      </c>
      <c r="I5601" s="1" t="s">
        <v>20952</v>
      </c>
      <c r="J5601" s="1" t="s">
        <v>21950</v>
      </c>
    </row>
    <row r="5602" spans="1:10" x14ac:dyDescent="0.35">
      <c r="A5602" s="1" t="s">
        <v>21863</v>
      </c>
      <c r="B5602" s="1" t="s">
        <v>20946</v>
      </c>
      <c r="C5602" s="1" t="s">
        <v>125</v>
      </c>
      <c r="D5602" s="1" t="s">
        <v>21951</v>
      </c>
      <c r="E5602" s="1" t="s">
        <v>21952</v>
      </c>
      <c r="F5602" s="1" t="s">
        <v>21953</v>
      </c>
      <c r="G5602" s="1" t="s">
        <v>21867</v>
      </c>
      <c r="H5602" s="1" t="s">
        <v>21868</v>
      </c>
      <c r="I5602" s="1" t="s">
        <v>20952</v>
      </c>
      <c r="J5602" s="1" t="s">
        <v>21954</v>
      </c>
    </row>
    <row r="5603" spans="1:10" x14ac:dyDescent="0.35">
      <c r="A5603" s="1" t="s">
        <v>21863</v>
      </c>
      <c r="B5603" s="1" t="s">
        <v>20946</v>
      </c>
      <c r="C5603" s="1" t="s">
        <v>130</v>
      </c>
      <c r="D5603" s="1" t="s">
        <v>21955</v>
      </c>
      <c r="E5603" s="1" t="s">
        <v>21956</v>
      </c>
      <c r="F5603" s="1" t="s">
        <v>21957</v>
      </c>
      <c r="G5603" s="1" t="s">
        <v>21867</v>
      </c>
      <c r="H5603" s="1" t="s">
        <v>21868</v>
      </c>
      <c r="I5603" s="1" t="s">
        <v>20952</v>
      </c>
      <c r="J5603" s="1" t="s">
        <v>21958</v>
      </c>
    </row>
    <row r="5604" spans="1:10" x14ac:dyDescent="0.35">
      <c r="A5604" s="1" t="s">
        <v>21863</v>
      </c>
      <c r="B5604" s="1" t="s">
        <v>20946</v>
      </c>
      <c r="C5604" s="1" t="s">
        <v>135</v>
      </c>
      <c r="D5604" s="1" t="s">
        <v>21959</v>
      </c>
      <c r="E5604" s="1" t="s">
        <v>21960</v>
      </c>
      <c r="F5604" s="1" t="s">
        <v>21961</v>
      </c>
      <c r="G5604" s="1" t="s">
        <v>21867</v>
      </c>
      <c r="H5604" s="1" t="s">
        <v>21868</v>
      </c>
      <c r="I5604" s="1" t="s">
        <v>20952</v>
      </c>
      <c r="J5604" s="1" t="s">
        <v>21962</v>
      </c>
    </row>
    <row r="5605" spans="1:10" x14ac:dyDescent="0.35">
      <c r="A5605" s="1" t="s">
        <v>21863</v>
      </c>
      <c r="B5605" s="1" t="s">
        <v>20946</v>
      </c>
      <c r="C5605" s="1" t="s">
        <v>140</v>
      </c>
      <c r="D5605" s="1" t="s">
        <v>21963</v>
      </c>
      <c r="E5605" s="1" t="s">
        <v>21964</v>
      </c>
      <c r="F5605" s="1" t="s">
        <v>21965</v>
      </c>
      <c r="G5605" s="1" t="s">
        <v>21867</v>
      </c>
      <c r="H5605" s="1" t="s">
        <v>21868</v>
      </c>
      <c r="I5605" s="1" t="s">
        <v>20952</v>
      </c>
      <c r="J5605" s="1" t="s">
        <v>21966</v>
      </c>
    </row>
    <row r="5606" spans="1:10" x14ac:dyDescent="0.35">
      <c r="A5606" s="1" t="s">
        <v>21863</v>
      </c>
      <c r="B5606" s="1" t="s">
        <v>20946</v>
      </c>
      <c r="C5606" s="1" t="s">
        <v>145</v>
      </c>
      <c r="D5606" s="1" t="s">
        <v>21967</v>
      </c>
      <c r="E5606" s="1" t="s">
        <v>21853</v>
      </c>
      <c r="F5606" s="1" t="s">
        <v>21968</v>
      </c>
      <c r="G5606" s="1" t="s">
        <v>21867</v>
      </c>
      <c r="H5606" s="1" t="s">
        <v>21868</v>
      </c>
      <c r="I5606" s="1" t="s">
        <v>20952</v>
      </c>
      <c r="J5606" s="1" t="s">
        <v>21969</v>
      </c>
    </row>
    <row r="5607" spans="1:10" x14ac:dyDescent="0.35">
      <c r="A5607" s="1" t="s">
        <v>21863</v>
      </c>
      <c r="B5607" s="1" t="s">
        <v>20946</v>
      </c>
      <c r="C5607" s="1" t="s">
        <v>150</v>
      </c>
      <c r="D5607" s="1" t="s">
        <v>21218</v>
      </c>
      <c r="E5607" s="1" t="s">
        <v>21970</v>
      </c>
      <c r="F5607" s="1" t="s">
        <v>21971</v>
      </c>
      <c r="G5607" s="1" t="s">
        <v>21867</v>
      </c>
      <c r="H5607" s="1" t="s">
        <v>21868</v>
      </c>
      <c r="I5607" s="1" t="s">
        <v>20952</v>
      </c>
      <c r="J5607" s="1" t="s">
        <v>21972</v>
      </c>
    </row>
    <row r="5608" spans="1:10" x14ac:dyDescent="0.35">
      <c r="A5608" s="1" t="s">
        <v>21863</v>
      </c>
      <c r="B5608" s="1" t="s">
        <v>20946</v>
      </c>
      <c r="C5608" s="1" t="s">
        <v>155</v>
      </c>
      <c r="D5608" s="1" t="s">
        <v>21973</v>
      </c>
      <c r="E5608" s="1" t="s">
        <v>21974</v>
      </c>
      <c r="F5608" s="1" t="s">
        <v>21975</v>
      </c>
      <c r="G5608" s="1" t="s">
        <v>21867</v>
      </c>
      <c r="H5608" s="1" t="s">
        <v>21868</v>
      </c>
      <c r="I5608" s="1" t="s">
        <v>20952</v>
      </c>
      <c r="J5608" s="1" t="s">
        <v>21976</v>
      </c>
    </row>
    <row r="5609" spans="1:10" x14ac:dyDescent="0.35">
      <c r="A5609" s="1" t="s">
        <v>21863</v>
      </c>
      <c r="B5609" s="1" t="s">
        <v>20946</v>
      </c>
      <c r="C5609" s="1" t="s">
        <v>160</v>
      </c>
      <c r="D5609" s="1" t="s">
        <v>21977</v>
      </c>
      <c r="E5609" s="1" t="s">
        <v>12864</v>
      </c>
      <c r="F5609" s="1" t="s">
        <v>21978</v>
      </c>
      <c r="G5609" s="1" t="s">
        <v>21867</v>
      </c>
      <c r="H5609" s="1" t="s">
        <v>21868</v>
      </c>
      <c r="I5609" s="1" t="s">
        <v>20952</v>
      </c>
      <c r="J5609" s="1" t="s">
        <v>21979</v>
      </c>
    </row>
    <row r="5610" spans="1:10" x14ac:dyDescent="0.35">
      <c r="A5610" s="1" t="s">
        <v>21863</v>
      </c>
      <c r="B5610" s="1" t="s">
        <v>20946</v>
      </c>
      <c r="C5610" s="1" t="s">
        <v>165</v>
      </c>
      <c r="D5610" s="1" t="s">
        <v>21980</v>
      </c>
      <c r="E5610" s="1" t="s">
        <v>21981</v>
      </c>
      <c r="F5610" s="1" t="s">
        <v>21982</v>
      </c>
      <c r="G5610" s="1" t="s">
        <v>21867</v>
      </c>
      <c r="H5610" s="1" t="s">
        <v>21868</v>
      </c>
      <c r="I5610" s="1" t="s">
        <v>20952</v>
      </c>
      <c r="J5610" s="1" t="s">
        <v>21983</v>
      </c>
    </row>
    <row r="5611" spans="1:10" x14ac:dyDescent="0.35">
      <c r="A5611" s="1" t="s">
        <v>21863</v>
      </c>
      <c r="B5611" s="1" t="s">
        <v>20946</v>
      </c>
      <c r="C5611" s="1" t="s">
        <v>170</v>
      </c>
      <c r="D5611" s="1" t="s">
        <v>21984</v>
      </c>
      <c r="E5611" s="1" t="s">
        <v>21985</v>
      </c>
      <c r="F5611" s="1" t="s">
        <v>21986</v>
      </c>
      <c r="G5611" s="1" t="s">
        <v>21867</v>
      </c>
      <c r="H5611" s="1" t="s">
        <v>21868</v>
      </c>
      <c r="I5611" s="1" t="s">
        <v>20952</v>
      </c>
      <c r="J5611" s="1" t="s">
        <v>21987</v>
      </c>
    </row>
    <row r="5612" spans="1:10" x14ac:dyDescent="0.35">
      <c r="A5612" s="1" t="s">
        <v>21988</v>
      </c>
      <c r="B5612" s="1" t="s">
        <v>20946</v>
      </c>
      <c r="C5612" s="1" t="s">
        <v>8</v>
      </c>
      <c r="D5612" s="1" t="s">
        <v>21989</v>
      </c>
      <c r="E5612" s="1" t="s">
        <v>21990</v>
      </c>
      <c r="F5612" s="1" t="s">
        <v>21991</v>
      </c>
      <c r="G5612" s="1" t="s">
        <v>21992</v>
      </c>
      <c r="H5612" s="1" t="s">
        <v>21993</v>
      </c>
      <c r="I5612" s="1" t="s">
        <v>20952</v>
      </c>
      <c r="J5612" s="1" t="s">
        <v>13</v>
      </c>
    </row>
    <row r="5613" spans="1:10" x14ac:dyDescent="0.35">
      <c r="A5613" s="1" t="s">
        <v>21988</v>
      </c>
      <c r="B5613" s="1" t="s">
        <v>20946</v>
      </c>
      <c r="C5613" s="1" t="s">
        <v>15</v>
      </c>
      <c r="D5613" s="1" t="s">
        <v>21994</v>
      </c>
      <c r="E5613" s="1" t="s">
        <v>21995</v>
      </c>
      <c r="F5613" s="1" t="s">
        <v>21996</v>
      </c>
      <c r="G5613" s="1" t="s">
        <v>21992</v>
      </c>
      <c r="H5613" s="1" t="s">
        <v>21993</v>
      </c>
      <c r="I5613" s="1" t="s">
        <v>20952</v>
      </c>
      <c r="J5613" s="1" t="s">
        <v>21997</v>
      </c>
    </row>
    <row r="5614" spans="1:10" x14ac:dyDescent="0.35">
      <c r="A5614" s="1" t="s">
        <v>21988</v>
      </c>
      <c r="B5614" s="1" t="s">
        <v>20946</v>
      </c>
      <c r="C5614" s="1" t="s">
        <v>20</v>
      </c>
      <c r="D5614" s="1" t="s">
        <v>21998</v>
      </c>
      <c r="E5614" s="1" t="s">
        <v>21999</v>
      </c>
      <c r="F5614" s="1" t="s">
        <v>22000</v>
      </c>
      <c r="G5614" s="1" t="s">
        <v>21992</v>
      </c>
      <c r="H5614" s="1" t="s">
        <v>21993</v>
      </c>
      <c r="I5614" s="1" t="s">
        <v>20952</v>
      </c>
      <c r="J5614" s="1" t="s">
        <v>22001</v>
      </c>
    </row>
    <row r="5615" spans="1:10" x14ac:dyDescent="0.35">
      <c r="A5615" s="1" t="s">
        <v>21988</v>
      </c>
      <c r="B5615" s="1" t="s">
        <v>20946</v>
      </c>
      <c r="C5615" s="1" t="s">
        <v>25</v>
      </c>
      <c r="D5615" s="1" t="s">
        <v>22002</v>
      </c>
      <c r="E5615" s="1" t="s">
        <v>22003</v>
      </c>
      <c r="F5615" s="1" t="s">
        <v>22004</v>
      </c>
      <c r="G5615" s="1" t="s">
        <v>21992</v>
      </c>
      <c r="H5615" s="1" t="s">
        <v>21993</v>
      </c>
      <c r="I5615" s="1" t="s">
        <v>20952</v>
      </c>
      <c r="J5615" s="1" t="s">
        <v>22005</v>
      </c>
    </row>
    <row r="5616" spans="1:10" x14ac:dyDescent="0.35">
      <c r="A5616" s="1" t="s">
        <v>21988</v>
      </c>
      <c r="B5616" s="1" t="s">
        <v>20946</v>
      </c>
      <c r="C5616" s="1" t="s">
        <v>30</v>
      </c>
      <c r="D5616" s="1" t="s">
        <v>22006</v>
      </c>
      <c r="E5616" s="1" t="s">
        <v>12766</v>
      </c>
      <c r="F5616" s="1" t="s">
        <v>22007</v>
      </c>
      <c r="G5616" s="1" t="s">
        <v>21992</v>
      </c>
      <c r="H5616" s="1" t="s">
        <v>21993</v>
      </c>
      <c r="I5616" s="1" t="s">
        <v>20952</v>
      </c>
      <c r="J5616" s="1" t="s">
        <v>22008</v>
      </c>
    </row>
    <row r="5617" spans="1:10" x14ac:dyDescent="0.35">
      <c r="A5617" s="1" t="s">
        <v>21988</v>
      </c>
      <c r="B5617" s="1" t="s">
        <v>20946</v>
      </c>
      <c r="C5617" s="1" t="s">
        <v>35</v>
      </c>
      <c r="D5617" s="1" t="s">
        <v>22009</v>
      </c>
      <c r="E5617" s="1" t="s">
        <v>22010</v>
      </c>
      <c r="F5617" s="1" t="s">
        <v>22011</v>
      </c>
      <c r="G5617" s="1" t="s">
        <v>21992</v>
      </c>
      <c r="H5617" s="1" t="s">
        <v>21993</v>
      </c>
      <c r="I5617" s="1" t="s">
        <v>20952</v>
      </c>
      <c r="J5617" s="1" t="s">
        <v>22012</v>
      </c>
    </row>
    <row r="5618" spans="1:10" x14ac:dyDescent="0.35">
      <c r="A5618" s="1" t="s">
        <v>21988</v>
      </c>
      <c r="B5618" s="1" t="s">
        <v>20946</v>
      </c>
      <c r="C5618" s="1" t="s">
        <v>40</v>
      </c>
      <c r="D5618" s="1" t="s">
        <v>22013</v>
      </c>
      <c r="E5618" s="1" t="s">
        <v>22014</v>
      </c>
      <c r="F5618" s="1" t="s">
        <v>22015</v>
      </c>
      <c r="G5618" s="1" t="s">
        <v>21992</v>
      </c>
      <c r="H5618" s="1" t="s">
        <v>21993</v>
      </c>
      <c r="I5618" s="1" t="s">
        <v>20952</v>
      </c>
      <c r="J5618" s="1" t="s">
        <v>22016</v>
      </c>
    </row>
    <row r="5619" spans="1:10" x14ac:dyDescent="0.35">
      <c r="A5619" s="1" t="s">
        <v>21988</v>
      </c>
      <c r="B5619" s="1" t="s">
        <v>20946</v>
      </c>
      <c r="C5619" s="1" t="s">
        <v>45</v>
      </c>
      <c r="D5619" s="1" t="s">
        <v>22017</v>
      </c>
      <c r="E5619" s="1" t="s">
        <v>22018</v>
      </c>
      <c r="F5619" s="1" t="s">
        <v>22019</v>
      </c>
      <c r="G5619" s="1" t="s">
        <v>21992</v>
      </c>
      <c r="H5619" s="1" t="s">
        <v>21993</v>
      </c>
      <c r="I5619" s="1" t="s">
        <v>20952</v>
      </c>
      <c r="J5619" s="1" t="s">
        <v>22020</v>
      </c>
    </row>
    <row r="5620" spans="1:10" x14ac:dyDescent="0.35">
      <c r="A5620" s="1" t="s">
        <v>21988</v>
      </c>
      <c r="B5620" s="1" t="s">
        <v>20946</v>
      </c>
      <c r="C5620" s="1" t="s">
        <v>50</v>
      </c>
      <c r="D5620" s="1" t="s">
        <v>22021</v>
      </c>
      <c r="E5620" s="1" t="s">
        <v>22022</v>
      </c>
      <c r="F5620" s="1" t="s">
        <v>22023</v>
      </c>
      <c r="G5620" s="1" t="s">
        <v>21992</v>
      </c>
      <c r="H5620" s="1" t="s">
        <v>21993</v>
      </c>
      <c r="I5620" s="1" t="s">
        <v>20952</v>
      </c>
      <c r="J5620" s="1" t="s">
        <v>22024</v>
      </c>
    </row>
    <row r="5621" spans="1:10" x14ac:dyDescent="0.35">
      <c r="A5621" s="1" t="s">
        <v>21988</v>
      </c>
      <c r="B5621" s="1" t="s">
        <v>20946</v>
      </c>
      <c r="C5621" s="1" t="s">
        <v>55</v>
      </c>
      <c r="D5621" s="1" t="s">
        <v>22025</v>
      </c>
      <c r="E5621" s="1" t="s">
        <v>22026</v>
      </c>
      <c r="F5621" s="1" t="s">
        <v>22027</v>
      </c>
      <c r="G5621" s="1" t="s">
        <v>21992</v>
      </c>
      <c r="H5621" s="1" t="s">
        <v>21993</v>
      </c>
      <c r="I5621" s="1" t="s">
        <v>20952</v>
      </c>
      <c r="J5621" s="1" t="s">
        <v>22028</v>
      </c>
    </row>
    <row r="5622" spans="1:10" x14ac:dyDescent="0.35">
      <c r="A5622" s="1" t="s">
        <v>21988</v>
      </c>
      <c r="B5622" s="1" t="s">
        <v>20946</v>
      </c>
      <c r="C5622" s="1" t="s">
        <v>60</v>
      </c>
      <c r="D5622" s="1" t="s">
        <v>22029</v>
      </c>
      <c r="E5622" s="1" t="s">
        <v>12868</v>
      </c>
      <c r="F5622" s="1" t="s">
        <v>22030</v>
      </c>
      <c r="G5622" s="1" t="s">
        <v>21992</v>
      </c>
      <c r="H5622" s="1" t="s">
        <v>21993</v>
      </c>
      <c r="I5622" s="1" t="s">
        <v>20952</v>
      </c>
      <c r="J5622" s="1" t="s">
        <v>22031</v>
      </c>
    </row>
    <row r="5623" spans="1:10" x14ac:dyDescent="0.35">
      <c r="A5623" s="1" t="s">
        <v>21988</v>
      </c>
      <c r="B5623" s="1" t="s">
        <v>20946</v>
      </c>
      <c r="C5623" s="1" t="s">
        <v>65</v>
      </c>
      <c r="D5623" s="1" t="s">
        <v>22032</v>
      </c>
      <c r="E5623" s="1" t="s">
        <v>22026</v>
      </c>
      <c r="F5623" s="1" t="s">
        <v>22033</v>
      </c>
      <c r="G5623" s="1" t="s">
        <v>21992</v>
      </c>
      <c r="H5623" s="1" t="s">
        <v>21993</v>
      </c>
      <c r="I5623" s="1" t="s">
        <v>20952</v>
      </c>
      <c r="J5623" s="1" t="s">
        <v>22034</v>
      </c>
    </row>
    <row r="5624" spans="1:10" x14ac:dyDescent="0.35">
      <c r="A5624" s="1" t="s">
        <v>21988</v>
      </c>
      <c r="B5624" s="1" t="s">
        <v>20946</v>
      </c>
      <c r="C5624" s="1" t="s">
        <v>70</v>
      </c>
      <c r="D5624" s="1" t="s">
        <v>22035</v>
      </c>
      <c r="E5624" s="1" t="s">
        <v>22036</v>
      </c>
      <c r="F5624" s="1" t="s">
        <v>22037</v>
      </c>
      <c r="G5624" s="1" t="s">
        <v>21992</v>
      </c>
      <c r="H5624" s="1" t="s">
        <v>21993</v>
      </c>
      <c r="I5624" s="1" t="s">
        <v>20952</v>
      </c>
      <c r="J5624" s="1" t="s">
        <v>22038</v>
      </c>
    </row>
    <row r="5625" spans="1:10" x14ac:dyDescent="0.35">
      <c r="A5625" s="1" t="s">
        <v>21988</v>
      </c>
      <c r="B5625" s="1" t="s">
        <v>20946</v>
      </c>
      <c r="C5625" s="1" t="s">
        <v>75</v>
      </c>
      <c r="D5625" s="1" t="s">
        <v>22039</v>
      </c>
      <c r="E5625" s="1" t="s">
        <v>22040</v>
      </c>
      <c r="F5625" s="1" t="s">
        <v>22041</v>
      </c>
      <c r="G5625" s="1" t="s">
        <v>21992</v>
      </c>
      <c r="H5625" s="1" t="s">
        <v>21993</v>
      </c>
      <c r="I5625" s="1" t="s">
        <v>20952</v>
      </c>
      <c r="J5625" s="1" t="s">
        <v>22042</v>
      </c>
    </row>
    <row r="5626" spans="1:10" x14ac:dyDescent="0.35">
      <c r="A5626" s="1" t="s">
        <v>21988</v>
      </c>
      <c r="B5626" s="1" t="s">
        <v>20946</v>
      </c>
      <c r="C5626" s="1" t="s">
        <v>80</v>
      </c>
      <c r="D5626" s="1" t="s">
        <v>22043</v>
      </c>
      <c r="E5626" s="1" t="s">
        <v>22044</v>
      </c>
      <c r="F5626" s="1" t="s">
        <v>22045</v>
      </c>
      <c r="G5626" s="1" t="s">
        <v>21992</v>
      </c>
      <c r="H5626" s="1" t="s">
        <v>21993</v>
      </c>
      <c r="I5626" s="1" t="s">
        <v>20952</v>
      </c>
      <c r="J5626" s="1" t="s">
        <v>22046</v>
      </c>
    </row>
    <row r="5627" spans="1:10" x14ac:dyDescent="0.35">
      <c r="A5627" s="1" t="s">
        <v>21988</v>
      </c>
      <c r="B5627" s="1" t="s">
        <v>20946</v>
      </c>
      <c r="C5627" s="1" t="s">
        <v>85</v>
      </c>
      <c r="D5627" s="1" t="s">
        <v>22047</v>
      </c>
      <c r="E5627" s="1" t="s">
        <v>22048</v>
      </c>
      <c r="F5627" s="1" t="s">
        <v>22049</v>
      </c>
      <c r="G5627" s="1" t="s">
        <v>21992</v>
      </c>
      <c r="H5627" s="1" t="s">
        <v>21993</v>
      </c>
      <c r="I5627" s="1" t="s">
        <v>20952</v>
      </c>
      <c r="J5627" s="1" t="s">
        <v>22050</v>
      </c>
    </row>
    <row r="5628" spans="1:10" x14ac:dyDescent="0.35">
      <c r="A5628" s="1" t="s">
        <v>21988</v>
      </c>
      <c r="B5628" s="1" t="s">
        <v>20946</v>
      </c>
      <c r="C5628" s="1" t="s">
        <v>90</v>
      </c>
      <c r="D5628" s="1" t="s">
        <v>22051</v>
      </c>
      <c r="E5628" s="1" t="s">
        <v>22052</v>
      </c>
      <c r="F5628" s="1" t="s">
        <v>22053</v>
      </c>
      <c r="G5628" s="1" t="s">
        <v>21992</v>
      </c>
      <c r="H5628" s="1" t="s">
        <v>21993</v>
      </c>
      <c r="I5628" s="1" t="s">
        <v>20952</v>
      </c>
      <c r="J5628" s="1" t="s">
        <v>22054</v>
      </c>
    </row>
    <row r="5629" spans="1:10" x14ac:dyDescent="0.35">
      <c r="A5629" s="1" t="s">
        <v>21988</v>
      </c>
      <c r="B5629" s="1" t="s">
        <v>20946</v>
      </c>
      <c r="C5629" s="1" t="s">
        <v>95</v>
      </c>
      <c r="D5629" s="1" t="s">
        <v>22055</v>
      </c>
      <c r="E5629" s="1" t="s">
        <v>22056</v>
      </c>
      <c r="F5629" s="1" t="s">
        <v>22057</v>
      </c>
      <c r="G5629" s="1" t="s">
        <v>21992</v>
      </c>
      <c r="H5629" s="1" t="s">
        <v>21993</v>
      </c>
      <c r="I5629" s="1" t="s">
        <v>20952</v>
      </c>
      <c r="J5629" s="1" t="s">
        <v>22058</v>
      </c>
    </row>
    <row r="5630" spans="1:10" x14ac:dyDescent="0.35">
      <c r="A5630" s="1" t="s">
        <v>21988</v>
      </c>
      <c r="B5630" s="1" t="s">
        <v>20946</v>
      </c>
      <c r="C5630" s="1" t="s">
        <v>100</v>
      </c>
      <c r="D5630" s="1" t="s">
        <v>5887</v>
      </c>
      <c r="E5630" s="1" t="s">
        <v>21764</v>
      </c>
      <c r="F5630" s="1" t="s">
        <v>22059</v>
      </c>
      <c r="G5630" s="1" t="s">
        <v>21992</v>
      </c>
      <c r="H5630" s="1" t="s">
        <v>21993</v>
      </c>
      <c r="I5630" s="1" t="s">
        <v>20952</v>
      </c>
      <c r="J5630" s="1" t="s">
        <v>22060</v>
      </c>
    </row>
    <row r="5631" spans="1:10" x14ac:dyDescent="0.35">
      <c r="A5631" s="1" t="s">
        <v>21988</v>
      </c>
      <c r="B5631" s="1" t="s">
        <v>20946</v>
      </c>
      <c r="C5631" s="1" t="s">
        <v>105</v>
      </c>
      <c r="D5631" s="1" t="s">
        <v>22061</v>
      </c>
      <c r="E5631" s="1" t="s">
        <v>21170</v>
      </c>
      <c r="F5631" s="1" t="s">
        <v>22062</v>
      </c>
      <c r="G5631" s="1" t="s">
        <v>21992</v>
      </c>
      <c r="H5631" s="1" t="s">
        <v>21993</v>
      </c>
      <c r="I5631" s="1" t="s">
        <v>20952</v>
      </c>
      <c r="J5631" s="1" t="s">
        <v>22063</v>
      </c>
    </row>
    <row r="5632" spans="1:10" x14ac:dyDescent="0.35">
      <c r="A5632" s="1" t="s">
        <v>21988</v>
      </c>
      <c r="B5632" s="1" t="s">
        <v>20946</v>
      </c>
      <c r="C5632" s="1" t="s">
        <v>110</v>
      </c>
      <c r="D5632" s="1" t="s">
        <v>22064</v>
      </c>
      <c r="E5632" s="1" t="s">
        <v>22065</v>
      </c>
      <c r="F5632" s="1" t="s">
        <v>22066</v>
      </c>
      <c r="G5632" s="1" t="s">
        <v>21992</v>
      </c>
      <c r="H5632" s="1" t="s">
        <v>21993</v>
      </c>
      <c r="I5632" s="1" t="s">
        <v>20952</v>
      </c>
      <c r="J5632" s="1" t="s">
        <v>22067</v>
      </c>
    </row>
    <row r="5633" spans="1:10" x14ac:dyDescent="0.35">
      <c r="A5633" s="1" t="s">
        <v>21988</v>
      </c>
      <c r="B5633" s="1" t="s">
        <v>20946</v>
      </c>
      <c r="C5633" s="1" t="s">
        <v>115</v>
      </c>
      <c r="D5633" s="1" t="s">
        <v>22068</v>
      </c>
      <c r="E5633" s="1" t="s">
        <v>15217</v>
      </c>
      <c r="F5633" s="1" t="s">
        <v>22069</v>
      </c>
      <c r="G5633" s="1" t="s">
        <v>21992</v>
      </c>
      <c r="H5633" s="1" t="s">
        <v>21993</v>
      </c>
      <c r="I5633" s="1" t="s">
        <v>20952</v>
      </c>
      <c r="J5633" s="1" t="s">
        <v>22070</v>
      </c>
    </row>
    <row r="5634" spans="1:10" x14ac:dyDescent="0.35">
      <c r="A5634" s="1" t="s">
        <v>21988</v>
      </c>
      <c r="B5634" s="1" t="s">
        <v>20946</v>
      </c>
      <c r="C5634" s="1" t="s">
        <v>120</v>
      </c>
      <c r="D5634" s="1" t="s">
        <v>22071</v>
      </c>
      <c r="E5634" s="1" t="s">
        <v>22072</v>
      </c>
      <c r="F5634" s="1" t="s">
        <v>22073</v>
      </c>
      <c r="G5634" s="1" t="s">
        <v>21992</v>
      </c>
      <c r="H5634" s="1" t="s">
        <v>21993</v>
      </c>
      <c r="I5634" s="1" t="s">
        <v>20952</v>
      </c>
      <c r="J5634" s="1" t="s">
        <v>22074</v>
      </c>
    </row>
    <row r="5635" spans="1:10" x14ac:dyDescent="0.35">
      <c r="A5635" s="1" t="s">
        <v>21988</v>
      </c>
      <c r="B5635" s="1" t="s">
        <v>20946</v>
      </c>
      <c r="C5635" s="1" t="s">
        <v>125</v>
      </c>
      <c r="D5635" s="1" t="s">
        <v>22075</v>
      </c>
      <c r="E5635" s="1" t="s">
        <v>22076</v>
      </c>
      <c r="F5635" s="1" t="s">
        <v>22077</v>
      </c>
      <c r="G5635" s="1" t="s">
        <v>21992</v>
      </c>
      <c r="H5635" s="1" t="s">
        <v>21993</v>
      </c>
      <c r="I5635" s="1" t="s">
        <v>20952</v>
      </c>
      <c r="J5635" s="1" t="s">
        <v>22078</v>
      </c>
    </row>
    <row r="5636" spans="1:10" x14ac:dyDescent="0.35">
      <c r="A5636" s="1" t="s">
        <v>21988</v>
      </c>
      <c r="B5636" s="1" t="s">
        <v>20946</v>
      </c>
      <c r="C5636" s="1" t="s">
        <v>130</v>
      </c>
      <c r="D5636" s="1" t="s">
        <v>22079</v>
      </c>
      <c r="E5636" s="1" t="s">
        <v>22080</v>
      </c>
      <c r="F5636" s="1" t="s">
        <v>22081</v>
      </c>
      <c r="G5636" s="1" t="s">
        <v>21992</v>
      </c>
      <c r="H5636" s="1" t="s">
        <v>21993</v>
      </c>
      <c r="I5636" s="1" t="s">
        <v>20952</v>
      </c>
      <c r="J5636" s="1" t="s">
        <v>22082</v>
      </c>
    </row>
    <row r="5637" spans="1:10" x14ac:dyDescent="0.35">
      <c r="A5637" s="1" t="s">
        <v>21988</v>
      </c>
      <c r="B5637" s="1" t="s">
        <v>20946</v>
      </c>
      <c r="C5637" s="1" t="s">
        <v>135</v>
      </c>
      <c r="D5637" s="1" t="s">
        <v>22083</v>
      </c>
      <c r="E5637" s="1" t="s">
        <v>16090</v>
      </c>
      <c r="F5637" s="1" t="s">
        <v>22084</v>
      </c>
      <c r="G5637" s="1" t="s">
        <v>21992</v>
      </c>
      <c r="H5637" s="1" t="s">
        <v>21993</v>
      </c>
      <c r="I5637" s="1" t="s">
        <v>20952</v>
      </c>
      <c r="J5637" s="1" t="s">
        <v>22085</v>
      </c>
    </row>
    <row r="5638" spans="1:10" x14ac:dyDescent="0.35">
      <c r="A5638" s="1" t="s">
        <v>21988</v>
      </c>
      <c r="B5638" s="1" t="s">
        <v>20946</v>
      </c>
      <c r="C5638" s="1" t="s">
        <v>140</v>
      </c>
      <c r="D5638" s="1" t="s">
        <v>22086</v>
      </c>
      <c r="E5638" s="1" t="s">
        <v>22087</v>
      </c>
      <c r="F5638" s="1" t="s">
        <v>22088</v>
      </c>
      <c r="G5638" s="1" t="s">
        <v>21992</v>
      </c>
      <c r="H5638" s="1" t="s">
        <v>21993</v>
      </c>
      <c r="I5638" s="1" t="s">
        <v>20952</v>
      </c>
      <c r="J5638" s="1" t="s">
        <v>22089</v>
      </c>
    </row>
    <row r="5639" spans="1:10" x14ac:dyDescent="0.35">
      <c r="A5639" s="1" t="s">
        <v>21988</v>
      </c>
      <c r="B5639" s="1" t="s">
        <v>20946</v>
      </c>
      <c r="C5639" s="1" t="s">
        <v>145</v>
      </c>
      <c r="D5639" s="1" t="s">
        <v>22090</v>
      </c>
      <c r="E5639" s="1" t="s">
        <v>22091</v>
      </c>
      <c r="F5639" s="1" t="s">
        <v>22092</v>
      </c>
      <c r="G5639" s="1" t="s">
        <v>21992</v>
      </c>
      <c r="H5639" s="1" t="s">
        <v>21993</v>
      </c>
      <c r="I5639" s="1" t="s">
        <v>20952</v>
      </c>
      <c r="J5639" s="1" t="s">
        <v>22093</v>
      </c>
    </row>
    <row r="5640" spans="1:10" x14ac:dyDescent="0.35">
      <c r="A5640" s="1" t="s">
        <v>21988</v>
      </c>
      <c r="B5640" s="1" t="s">
        <v>20946</v>
      </c>
      <c r="C5640" s="1" t="s">
        <v>150</v>
      </c>
      <c r="D5640" s="1" t="s">
        <v>22094</v>
      </c>
      <c r="E5640" s="1" t="s">
        <v>22095</v>
      </c>
      <c r="F5640" s="1" t="s">
        <v>22096</v>
      </c>
      <c r="G5640" s="1" t="s">
        <v>21992</v>
      </c>
      <c r="H5640" s="1" t="s">
        <v>21993</v>
      </c>
      <c r="I5640" s="1" t="s">
        <v>20952</v>
      </c>
      <c r="J5640" s="1" t="s">
        <v>22097</v>
      </c>
    </row>
    <row r="5641" spans="1:10" x14ac:dyDescent="0.35">
      <c r="A5641" s="1" t="s">
        <v>21988</v>
      </c>
      <c r="B5641" s="1" t="s">
        <v>20946</v>
      </c>
      <c r="C5641" s="1" t="s">
        <v>155</v>
      </c>
      <c r="D5641" s="1" t="s">
        <v>22098</v>
      </c>
      <c r="E5641" s="1" t="s">
        <v>22099</v>
      </c>
      <c r="F5641" s="1" t="s">
        <v>22100</v>
      </c>
      <c r="G5641" s="1" t="s">
        <v>21992</v>
      </c>
      <c r="H5641" s="1" t="s">
        <v>21993</v>
      </c>
      <c r="I5641" s="1" t="s">
        <v>20952</v>
      </c>
      <c r="J5641" s="1" t="s">
        <v>22101</v>
      </c>
    </row>
    <row r="5642" spans="1:10" x14ac:dyDescent="0.35">
      <c r="A5642" s="1" t="s">
        <v>21988</v>
      </c>
      <c r="B5642" s="1" t="s">
        <v>20946</v>
      </c>
      <c r="C5642" s="1" t="s">
        <v>160</v>
      </c>
      <c r="D5642" s="1" t="s">
        <v>22102</v>
      </c>
      <c r="E5642" s="1" t="s">
        <v>22103</v>
      </c>
      <c r="F5642" s="1" t="s">
        <v>22104</v>
      </c>
      <c r="G5642" s="1" t="s">
        <v>21992</v>
      </c>
      <c r="H5642" s="1" t="s">
        <v>21993</v>
      </c>
      <c r="I5642" s="1" t="s">
        <v>20952</v>
      </c>
      <c r="J5642" s="1" t="s">
        <v>22105</v>
      </c>
    </row>
    <row r="5643" spans="1:10" x14ac:dyDescent="0.35">
      <c r="A5643" s="1" t="s">
        <v>21988</v>
      </c>
      <c r="B5643" s="1" t="s">
        <v>20946</v>
      </c>
      <c r="C5643" s="1" t="s">
        <v>165</v>
      </c>
      <c r="D5643" s="1" t="s">
        <v>22106</v>
      </c>
      <c r="E5643" s="1" t="s">
        <v>21201</v>
      </c>
      <c r="F5643" s="1" t="s">
        <v>22107</v>
      </c>
      <c r="G5643" s="1" t="s">
        <v>21992</v>
      </c>
      <c r="H5643" s="1" t="s">
        <v>21993</v>
      </c>
      <c r="I5643" s="1" t="s">
        <v>20952</v>
      </c>
      <c r="J5643" s="1" t="s">
        <v>22108</v>
      </c>
    </row>
    <row r="5644" spans="1:10" x14ac:dyDescent="0.35">
      <c r="A5644" s="1" t="s">
        <v>21988</v>
      </c>
      <c r="B5644" s="1" t="s">
        <v>20946</v>
      </c>
      <c r="C5644" s="1" t="s">
        <v>170</v>
      </c>
      <c r="D5644" s="1" t="s">
        <v>4858</v>
      </c>
      <c r="E5644" s="1" t="s">
        <v>22109</v>
      </c>
      <c r="F5644" s="1" t="s">
        <v>22110</v>
      </c>
      <c r="G5644" s="1" t="s">
        <v>21992</v>
      </c>
      <c r="H5644" s="1" t="s">
        <v>21993</v>
      </c>
      <c r="I5644" s="1" t="s">
        <v>20952</v>
      </c>
      <c r="J5644" s="1" t="s">
        <v>22111</v>
      </c>
    </row>
    <row r="5645" spans="1:10" x14ac:dyDescent="0.35">
      <c r="A5645" s="1" t="s">
        <v>22112</v>
      </c>
      <c r="B5645" s="1" t="s">
        <v>20946</v>
      </c>
      <c r="C5645" s="1" t="s">
        <v>8</v>
      </c>
      <c r="D5645" s="1" t="s">
        <v>22113</v>
      </c>
      <c r="E5645" s="1" t="s">
        <v>22114</v>
      </c>
      <c r="F5645" s="1" t="s">
        <v>22115</v>
      </c>
      <c r="G5645" s="1" t="s">
        <v>22116</v>
      </c>
      <c r="H5645" s="1" t="s">
        <v>22117</v>
      </c>
      <c r="I5645" s="1" t="s">
        <v>20952</v>
      </c>
      <c r="J5645" s="1" t="s">
        <v>13</v>
      </c>
    </row>
    <row r="5646" spans="1:10" x14ac:dyDescent="0.35">
      <c r="A5646" s="1" t="s">
        <v>22112</v>
      </c>
      <c r="B5646" s="1" t="s">
        <v>20946</v>
      </c>
      <c r="C5646" s="1" t="s">
        <v>15</v>
      </c>
      <c r="D5646" s="1" t="s">
        <v>22118</v>
      </c>
      <c r="E5646" s="1" t="s">
        <v>22119</v>
      </c>
      <c r="F5646" s="1" t="s">
        <v>22120</v>
      </c>
      <c r="G5646" s="1" t="s">
        <v>22116</v>
      </c>
      <c r="H5646" s="1" t="s">
        <v>22117</v>
      </c>
      <c r="I5646" s="1" t="s">
        <v>20952</v>
      </c>
      <c r="J5646" s="1" t="s">
        <v>22121</v>
      </c>
    </row>
    <row r="5647" spans="1:10" x14ac:dyDescent="0.35">
      <c r="A5647" s="1" t="s">
        <v>22112</v>
      </c>
      <c r="B5647" s="1" t="s">
        <v>20946</v>
      </c>
      <c r="C5647" s="1" t="s">
        <v>20</v>
      </c>
      <c r="D5647" s="1" t="s">
        <v>3276</v>
      </c>
      <c r="E5647" s="1" t="s">
        <v>22122</v>
      </c>
      <c r="F5647" s="1" t="s">
        <v>22123</v>
      </c>
      <c r="G5647" s="1" t="s">
        <v>22116</v>
      </c>
      <c r="H5647" s="1" t="s">
        <v>22117</v>
      </c>
      <c r="I5647" s="1" t="s">
        <v>20952</v>
      </c>
      <c r="J5647" s="1" t="s">
        <v>22124</v>
      </c>
    </row>
    <row r="5648" spans="1:10" x14ac:dyDescent="0.35">
      <c r="A5648" s="1" t="s">
        <v>22112</v>
      </c>
      <c r="B5648" s="1" t="s">
        <v>20946</v>
      </c>
      <c r="C5648" s="1" t="s">
        <v>25</v>
      </c>
      <c r="D5648" s="1" t="s">
        <v>22125</v>
      </c>
      <c r="E5648" s="1" t="s">
        <v>22126</v>
      </c>
      <c r="F5648" s="1" t="s">
        <v>22127</v>
      </c>
      <c r="G5648" s="1" t="s">
        <v>22116</v>
      </c>
      <c r="H5648" s="1" t="s">
        <v>22117</v>
      </c>
      <c r="I5648" s="1" t="s">
        <v>20952</v>
      </c>
      <c r="J5648" s="1" t="s">
        <v>22128</v>
      </c>
    </row>
    <row r="5649" spans="1:10" x14ac:dyDescent="0.35">
      <c r="A5649" s="1" t="s">
        <v>22112</v>
      </c>
      <c r="B5649" s="1" t="s">
        <v>20946</v>
      </c>
      <c r="C5649" s="1" t="s">
        <v>30</v>
      </c>
      <c r="D5649" s="1" t="s">
        <v>22129</v>
      </c>
      <c r="E5649" s="1" t="s">
        <v>22130</v>
      </c>
      <c r="F5649" s="1" t="s">
        <v>22131</v>
      </c>
      <c r="G5649" s="1" t="s">
        <v>22116</v>
      </c>
      <c r="H5649" s="1" t="s">
        <v>22117</v>
      </c>
      <c r="I5649" s="1" t="s">
        <v>20952</v>
      </c>
      <c r="J5649" s="1" t="s">
        <v>22132</v>
      </c>
    </row>
    <row r="5650" spans="1:10" x14ac:dyDescent="0.35">
      <c r="A5650" s="1" t="s">
        <v>22112</v>
      </c>
      <c r="B5650" s="1" t="s">
        <v>20946</v>
      </c>
      <c r="C5650" s="1" t="s">
        <v>35</v>
      </c>
      <c r="D5650" s="1" t="s">
        <v>22133</v>
      </c>
      <c r="E5650" s="1" t="s">
        <v>22134</v>
      </c>
      <c r="F5650" s="1" t="s">
        <v>22135</v>
      </c>
      <c r="G5650" s="1" t="s">
        <v>22116</v>
      </c>
      <c r="H5650" s="1" t="s">
        <v>22117</v>
      </c>
      <c r="I5650" s="1" t="s">
        <v>20952</v>
      </c>
      <c r="J5650" s="1" t="s">
        <v>22136</v>
      </c>
    </row>
    <row r="5651" spans="1:10" x14ac:dyDescent="0.35">
      <c r="A5651" s="1" t="s">
        <v>22112</v>
      </c>
      <c r="B5651" s="1" t="s">
        <v>20946</v>
      </c>
      <c r="C5651" s="1" t="s">
        <v>40</v>
      </c>
      <c r="D5651" s="1" t="s">
        <v>22137</v>
      </c>
      <c r="E5651" s="1" t="s">
        <v>22138</v>
      </c>
      <c r="F5651" s="1" t="s">
        <v>22139</v>
      </c>
      <c r="G5651" s="1" t="s">
        <v>22116</v>
      </c>
      <c r="H5651" s="1" t="s">
        <v>22117</v>
      </c>
      <c r="I5651" s="1" t="s">
        <v>20952</v>
      </c>
      <c r="J5651" s="1" t="s">
        <v>22140</v>
      </c>
    </row>
    <row r="5652" spans="1:10" x14ac:dyDescent="0.35">
      <c r="A5652" s="1" t="s">
        <v>22112</v>
      </c>
      <c r="B5652" s="1" t="s">
        <v>20946</v>
      </c>
      <c r="C5652" s="1" t="s">
        <v>45</v>
      </c>
      <c r="D5652" s="1" t="s">
        <v>22141</v>
      </c>
      <c r="E5652" s="1" t="s">
        <v>22142</v>
      </c>
      <c r="F5652" s="1" t="s">
        <v>22143</v>
      </c>
      <c r="G5652" s="1" t="s">
        <v>22116</v>
      </c>
      <c r="H5652" s="1" t="s">
        <v>22117</v>
      </c>
      <c r="I5652" s="1" t="s">
        <v>20952</v>
      </c>
      <c r="J5652" s="1" t="s">
        <v>22144</v>
      </c>
    </row>
    <row r="5653" spans="1:10" x14ac:dyDescent="0.35">
      <c r="A5653" s="1" t="s">
        <v>22112</v>
      </c>
      <c r="B5653" s="1" t="s">
        <v>20946</v>
      </c>
      <c r="C5653" s="1" t="s">
        <v>50</v>
      </c>
      <c r="D5653" s="1" t="s">
        <v>22145</v>
      </c>
      <c r="E5653" s="1" t="s">
        <v>22146</v>
      </c>
      <c r="F5653" s="1" t="s">
        <v>22147</v>
      </c>
      <c r="G5653" s="1" t="s">
        <v>22116</v>
      </c>
      <c r="H5653" s="1" t="s">
        <v>22117</v>
      </c>
      <c r="I5653" s="1" t="s">
        <v>20952</v>
      </c>
      <c r="J5653" s="1" t="s">
        <v>22148</v>
      </c>
    </row>
    <row r="5654" spans="1:10" x14ac:dyDescent="0.35">
      <c r="A5654" s="1" t="s">
        <v>22112</v>
      </c>
      <c r="B5654" s="1" t="s">
        <v>20946</v>
      </c>
      <c r="C5654" s="1" t="s">
        <v>55</v>
      </c>
      <c r="D5654" s="1" t="s">
        <v>22149</v>
      </c>
      <c r="E5654" s="1" t="s">
        <v>22150</v>
      </c>
      <c r="F5654" s="1" t="s">
        <v>22151</v>
      </c>
      <c r="G5654" s="1" t="s">
        <v>22116</v>
      </c>
      <c r="H5654" s="1" t="s">
        <v>22117</v>
      </c>
      <c r="I5654" s="1" t="s">
        <v>20952</v>
      </c>
      <c r="J5654" s="1" t="s">
        <v>22152</v>
      </c>
    </row>
    <row r="5655" spans="1:10" x14ac:dyDescent="0.35">
      <c r="A5655" s="1" t="s">
        <v>22112</v>
      </c>
      <c r="B5655" s="1" t="s">
        <v>20946</v>
      </c>
      <c r="C5655" s="1" t="s">
        <v>60</v>
      </c>
      <c r="D5655" s="1" t="s">
        <v>22153</v>
      </c>
      <c r="E5655" s="1" t="s">
        <v>22154</v>
      </c>
      <c r="F5655" s="1" t="s">
        <v>22155</v>
      </c>
      <c r="G5655" s="1" t="s">
        <v>22116</v>
      </c>
      <c r="H5655" s="1" t="s">
        <v>22117</v>
      </c>
      <c r="I5655" s="1" t="s">
        <v>20952</v>
      </c>
      <c r="J5655" s="1" t="s">
        <v>22156</v>
      </c>
    </row>
    <row r="5656" spans="1:10" x14ac:dyDescent="0.35">
      <c r="A5656" s="1" t="s">
        <v>22112</v>
      </c>
      <c r="B5656" s="1" t="s">
        <v>20946</v>
      </c>
      <c r="C5656" s="1" t="s">
        <v>65</v>
      </c>
      <c r="D5656" s="1" t="s">
        <v>22157</v>
      </c>
      <c r="E5656" s="1" t="s">
        <v>22158</v>
      </c>
      <c r="F5656" s="1" t="s">
        <v>22159</v>
      </c>
      <c r="G5656" s="1" t="s">
        <v>22116</v>
      </c>
      <c r="H5656" s="1" t="s">
        <v>22117</v>
      </c>
      <c r="I5656" s="1" t="s">
        <v>20952</v>
      </c>
      <c r="J5656" s="1" t="s">
        <v>22160</v>
      </c>
    </row>
    <row r="5657" spans="1:10" x14ac:dyDescent="0.35">
      <c r="A5657" s="1" t="s">
        <v>22112</v>
      </c>
      <c r="B5657" s="1" t="s">
        <v>20946</v>
      </c>
      <c r="C5657" s="1" t="s">
        <v>70</v>
      </c>
      <c r="D5657" s="1" t="s">
        <v>22161</v>
      </c>
      <c r="E5657" s="1" t="s">
        <v>22162</v>
      </c>
      <c r="F5657" s="1" t="s">
        <v>22163</v>
      </c>
      <c r="G5657" s="1" t="s">
        <v>22116</v>
      </c>
      <c r="H5657" s="1" t="s">
        <v>22117</v>
      </c>
      <c r="I5657" s="1" t="s">
        <v>20952</v>
      </c>
      <c r="J5657" s="1" t="s">
        <v>22164</v>
      </c>
    </row>
    <row r="5658" spans="1:10" x14ac:dyDescent="0.35">
      <c r="A5658" s="1" t="s">
        <v>22112</v>
      </c>
      <c r="B5658" s="1" t="s">
        <v>20946</v>
      </c>
      <c r="C5658" s="1" t="s">
        <v>75</v>
      </c>
      <c r="D5658" s="1" t="s">
        <v>22165</v>
      </c>
      <c r="E5658" s="1" t="s">
        <v>22166</v>
      </c>
      <c r="F5658" s="1" t="s">
        <v>22167</v>
      </c>
      <c r="G5658" s="1" t="s">
        <v>22116</v>
      </c>
      <c r="H5658" s="1" t="s">
        <v>22117</v>
      </c>
      <c r="I5658" s="1" t="s">
        <v>20952</v>
      </c>
      <c r="J5658" s="1" t="s">
        <v>22168</v>
      </c>
    </row>
    <row r="5659" spans="1:10" x14ac:dyDescent="0.35">
      <c r="A5659" s="1" t="s">
        <v>22112</v>
      </c>
      <c r="B5659" s="1" t="s">
        <v>20946</v>
      </c>
      <c r="C5659" s="1" t="s">
        <v>80</v>
      </c>
      <c r="D5659" s="1" t="s">
        <v>22169</v>
      </c>
      <c r="E5659" s="1" t="s">
        <v>22170</v>
      </c>
      <c r="F5659" s="1" t="s">
        <v>22171</v>
      </c>
      <c r="G5659" s="1" t="s">
        <v>22116</v>
      </c>
      <c r="H5659" s="1" t="s">
        <v>22117</v>
      </c>
      <c r="I5659" s="1" t="s">
        <v>20952</v>
      </c>
      <c r="J5659" s="1" t="s">
        <v>22172</v>
      </c>
    </row>
    <row r="5660" spans="1:10" x14ac:dyDescent="0.35">
      <c r="A5660" s="1" t="s">
        <v>22112</v>
      </c>
      <c r="B5660" s="1" t="s">
        <v>20946</v>
      </c>
      <c r="C5660" s="1" t="s">
        <v>85</v>
      </c>
      <c r="D5660" s="1" t="s">
        <v>22173</v>
      </c>
      <c r="E5660" s="1" t="s">
        <v>22174</v>
      </c>
      <c r="F5660" s="1" t="s">
        <v>22175</v>
      </c>
      <c r="G5660" s="1" t="s">
        <v>22116</v>
      </c>
      <c r="H5660" s="1" t="s">
        <v>22117</v>
      </c>
      <c r="I5660" s="1" t="s">
        <v>20952</v>
      </c>
      <c r="J5660" s="1" t="s">
        <v>22176</v>
      </c>
    </row>
    <row r="5661" spans="1:10" x14ac:dyDescent="0.35">
      <c r="A5661" s="1" t="s">
        <v>22112</v>
      </c>
      <c r="B5661" s="1" t="s">
        <v>20946</v>
      </c>
      <c r="C5661" s="1" t="s">
        <v>90</v>
      </c>
      <c r="D5661" s="1" t="s">
        <v>22177</v>
      </c>
      <c r="E5661" s="1" t="s">
        <v>22178</v>
      </c>
      <c r="F5661" s="1" t="s">
        <v>22179</v>
      </c>
      <c r="G5661" s="1" t="s">
        <v>22116</v>
      </c>
      <c r="H5661" s="1" t="s">
        <v>22117</v>
      </c>
      <c r="I5661" s="1" t="s">
        <v>20952</v>
      </c>
      <c r="J5661" s="1" t="s">
        <v>22180</v>
      </c>
    </row>
    <row r="5662" spans="1:10" x14ac:dyDescent="0.35">
      <c r="A5662" s="1" t="s">
        <v>22112</v>
      </c>
      <c r="B5662" s="1" t="s">
        <v>20946</v>
      </c>
      <c r="C5662" s="1" t="s">
        <v>95</v>
      </c>
      <c r="D5662" s="1" t="s">
        <v>22181</v>
      </c>
      <c r="E5662" s="1" t="s">
        <v>22182</v>
      </c>
      <c r="F5662" s="1" t="s">
        <v>22183</v>
      </c>
      <c r="G5662" s="1" t="s">
        <v>22116</v>
      </c>
      <c r="H5662" s="1" t="s">
        <v>22117</v>
      </c>
      <c r="I5662" s="1" t="s">
        <v>20952</v>
      </c>
      <c r="J5662" s="1" t="s">
        <v>22184</v>
      </c>
    </row>
    <row r="5663" spans="1:10" x14ac:dyDescent="0.35">
      <c r="A5663" s="1" t="s">
        <v>22112</v>
      </c>
      <c r="B5663" s="1" t="s">
        <v>20946</v>
      </c>
      <c r="C5663" s="1" t="s">
        <v>100</v>
      </c>
      <c r="D5663" s="1" t="s">
        <v>22185</v>
      </c>
      <c r="E5663" s="1" t="s">
        <v>22186</v>
      </c>
      <c r="F5663" s="1" t="s">
        <v>22187</v>
      </c>
      <c r="G5663" s="1" t="s">
        <v>22116</v>
      </c>
      <c r="H5663" s="1" t="s">
        <v>22117</v>
      </c>
      <c r="I5663" s="1" t="s">
        <v>20952</v>
      </c>
      <c r="J5663" s="1" t="s">
        <v>22188</v>
      </c>
    </row>
    <row r="5664" spans="1:10" x14ac:dyDescent="0.35">
      <c r="A5664" s="1" t="s">
        <v>22112</v>
      </c>
      <c r="B5664" s="1" t="s">
        <v>20946</v>
      </c>
      <c r="C5664" s="1" t="s">
        <v>105</v>
      </c>
      <c r="D5664" s="1" t="s">
        <v>22189</v>
      </c>
      <c r="E5664" s="1" t="s">
        <v>22190</v>
      </c>
      <c r="F5664" s="1" t="s">
        <v>22191</v>
      </c>
      <c r="G5664" s="1" t="s">
        <v>22116</v>
      </c>
      <c r="H5664" s="1" t="s">
        <v>22117</v>
      </c>
      <c r="I5664" s="1" t="s">
        <v>20952</v>
      </c>
      <c r="J5664" s="1" t="s">
        <v>22192</v>
      </c>
    </row>
    <row r="5665" spans="1:10" x14ac:dyDescent="0.35">
      <c r="A5665" s="1" t="s">
        <v>22112</v>
      </c>
      <c r="B5665" s="1" t="s">
        <v>20946</v>
      </c>
      <c r="C5665" s="1" t="s">
        <v>110</v>
      </c>
      <c r="D5665" s="1" t="s">
        <v>22193</v>
      </c>
      <c r="E5665" s="1" t="s">
        <v>22194</v>
      </c>
      <c r="F5665" s="1" t="s">
        <v>22195</v>
      </c>
      <c r="G5665" s="1" t="s">
        <v>22116</v>
      </c>
      <c r="H5665" s="1" t="s">
        <v>22117</v>
      </c>
      <c r="I5665" s="1" t="s">
        <v>20952</v>
      </c>
      <c r="J5665" s="1" t="s">
        <v>22196</v>
      </c>
    </row>
    <row r="5666" spans="1:10" x14ac:dyDescent="0.35">
      <c r="A5666" s="1" t="s">
        <v>22112</v>
      </c>
      <c r="B5666" s="1" t="s">
        <v>20946</v>
      </c>
      <c r="C5666" s="1" t="s">
        <v>115</v>
      </c>
      <c r="D5666" s="1" t="s">
        <v>22197</v>
      </c>
      <c r="E5666" s="1" t="s">
        <v>22198</v>
      </c>
      <c r="F5666" s="1" t="s">
        <v>22199</v>
      </c>
      <c r="G5666" s="1" t="s">
        <v>22116</v>
      </c>
      <c r="H5666" s="1" t="s">
        <v>22117</v>
      </c>
      <c r="I5666" s="1" t="s">
        <v>20952</v>
      </c>
      <c r="J5666" s="1" t="s">
        <v>22200</v>
      </c>
    </row>
    <row r="5667" spans="1:10" x14ac:dyDescent="0.35">
      <c r="A5667" s="1" t="s">
        <v>22112</v>
      </c>
      <c r="B5667" s="1" t="s">
        <v>20946</v>
      </c>
      <c r="C5667" s="1" t="s">
        <v>120</v>
      </c>
      <c r="D5667" s="1" t="s">
        <v>22201</v>
      </c>
      <c r="E5667" s="1" t="s">
        <v>22202</v>
      </c>
      <c r="F5667" s="1" t="s">
        <v>22203</v>
      </c>
      <c r="G5667" s="1" t="s">
        <v>22116</v>
      </c>
      <c r="H5667" s="1" t="s">
        <v>22117</v>
      </c>
      <c r="I5667" s="1" t="s">
        <v>20952</v>
      </c>
      <c r="J5667" s="1" t="s">
        <v>22204</v>
      </c>
    </row>
    <row r="5668" spans="1:10" x14ac:dyDescent="0.35">
      <c r="A5668" s="1" t="s">
        <v>22112</v>
      </c>
      <c r="B5668" s="1" t="s">
        <v>20946</v>
      </c>
      <c r="C5668" s="1" t="s">
        <v>125</v>
      </c>
      <c r="D5668" s="1" t="s">
        <v>22205</v>
      </c>
      <c r="E5668" s="1" t="s">
        <v>22206</v>
      </c>
      <c r="F5668" s="1" t="s">
        <v>22207</v>
      </c>
      <c r="G5668" s="1" t="s">
        <v>22116</v>
      </c>
      <c r="H5668" s="1" t="s">
        <v>22117</v>
      </c>
      <c r="I5668" s="1" t="s">
        <v>20952</v>
      </c>
      <c r="J5668" s="1" t="s">
        <v>22208</v>
      </c>
    </row>
    <row r="5669" spans="1:10" x14ac:dyDescent="0.35">
      <c r="A5669" s="1" t="s">
        <v>22112</v>
      </c>
      <c r="B5669" s="1" t="s">
        <v>20946</v>
      </c>
      <c r="C5669" s="1" t="s">
        <v>130</v>
      </c>
      <c r="D5669" s="1" t="s">
        <v>22209</v>
      </c>
      <c r="E5669" s="1" t="s">
        <v>22210</v>
      </c>
      <c r="F5669" s="1" t="s">
        <v>22211</v>
      </c>
      <c r="G5669" s="1" t="s">
        <v>22116</v>
      </c>
      <c r="H5669" s="1" t="s">
        <v>22117</v>
      </c>
      <c r="I5669" s="1" t="s">
        <v>20952</v>
      </c>
      <c r="J5669" s="1" t="s">
        <v>22212</v>
      </c>
    </row>
    <row r="5670" spans="1:10" x14ac:dyDescent="0.35">
      <c r="A5670" s="1" t="s">
        <v>22112</v>
      </c>
      <c r="B5670" s="1" t="s">
        <v>20946</v>
      </c>
      <c r="C5670" s="1" t="s">
        <v>135</v>
      </c>
      <c r="D5670" s="1" t="s">
        <v>22213</v>
      </c>
      <c r="E5670" s="1" t="s">
        <v>22214</v>
      </c>
      <c r="F5670" s="1" t="s">
        <v>22215</v>
      </c>
      <c r="G5670" s="1" t="s">
        <v>22116</v>
      </c>
      <c r="H5670" s="1" t="s">
        <v>22117</v>
      </c>
      <c r="I5670" s="1" t="s">
        <v>20952</v>
      </c>
      <c r="J5670" s="1" t="s">
        <v>22216</v>
      </c>
    </row>
    <row r="5671" spans="1:10" x14ac:dyDescent="0.35">
      <c r="A5671" s="1" t="s">
        <v>22112</v>
      </c>
      <c r="B5671" s="1" t="s">
        <v>20946</v>
      </c>
      <c r="C5671" s="1" t="s">
        <v>140</v>
      </c>
      <c r="D5671" s="1" t="s">
        <v>22217</v>
      </c>
      <c r="E5671" s="1" t="s">
        <v>22218</v>
      </c>
      <c r="F5671" s="1" t="s">
        <v>22219</v>
      </c>
      <c r="G5671" s="1" t="s">
        <v>22116</v>
      </c>
      <c r="H5671" s="1" t="s">
        <v>22117</v>
      </c>
      <c r="I5671" s="1" t="s">
        <v>20952</v>
      </c>
      <c r="J5671" s="1" t="s">
        <v>22220</v>
      </c>
    </row>
    <row r="5672" spans="1:10" x14ac:dyDescent="0.35">
      <c r="A5672" s="1" t="s">
        <v>22112</v>
      </c>
      <c r="B5672" s="1" t="s">
        <v>20946</v>
      </c>
      <c r="C5672" s="1" t="s">
        <v>145</v>
      </c>
      <c r="D5672" s="1" t="s">
        <v>22221</v>
      </c>
      <c r="E5672" s="1" t="s">
        <v>22222</v>
      </c>
      <c r="F5672" s="1" t="s">
        <v>22223</v>
      </c>
      <c r="G5672" s="1" t="s">
        <v>22116</v>
      </c>
      <c r="H5672" s="1" t="s">
        <v>22117</v>
      </c>
      <c r="I5672" s="1" t="s">
        <v>20952</v>
      </c>
      <c r="J5672" s="1" t="s">
        <v>22224</v>
      </c>
    </row>
    <row r="5673" spans="1:10" x14ac:dyDescent="0.35">
      <c r="A5673" s="1" t="s">
        <v>22112</v>
      </c>
      <c r="B5673" s="1" t="s">
        <v>20946</v>
      </c>
      <c r="C5673" s="1" t="s">
        <v>150</v>
      </c>
      <c r="D5673" s="1" t="s">
        <v>22225</v>
      </c>
      <c r="E5673" s="1" t="s">
        <v>22226</v>
      </c>
      <c r="F5673" s="1" t="s">
        <v>22227</v>
      </c>
      <c r="G5673" s="1" t="s">
        <v>22116</v>
      </c>
      <c r="H5673" s="1" t="s">
        <v>22117</v>
      </c>
      <c r="I5673" s="1" t="s">
        <v>20952</v>
      </c>
      <c r="J5673" s="1" t="s">
        <v>22228</v>
      </c>
    </row>
    <row r="5674" spans="1:10" x14ac:dyDescent="0.35">
      <c r="A5674" s="1" t="s">
        <v>22112</v>
      </c>
      <c r="B5674" s="1" t="s">
        <v>20946</v>
      </c>
      <c r="C5674" s="1" t="s">
        <v>155</v>
      </c>
      <c r="D5674" s="1" t="s">
        <v>22229</v>
      </c>
      <c r="E5674" s="1" t="s">
        <v>22230</v>
      </c>
      <c r="F5674" s="1" t="s">
        <v>22231</v>
      </c>
      <c r="G5674" s="1" t="s">
        <v>22116</v>
      </c>
      <c r="H5674" s="1" t="s">
        <v>22117</v>
      </c>
      <c r="I5674" s="1" t="s">
        <v>20952</v>
      </c>
      <c r="J5674" s="1" t="s">
        <v>22232</v>
      </c>
    </row>
    <row r="5675" spans="1:10" x14ac:dyDescent="0.35">
      <c r="A5675" s="1" t="s">
        <v>22112</v>
      </c>
      <c r="B5675" s="1" t="s">
        <v>20946</v>
      </c>
      <c r="C5675" s="1" t="s">
        <v>160</v>
      </c>
      <c r="D5675" s="1" t="s">
        <v>22233</v>
      </c>
      <c r="E5675" s="1" t="s">
        <v>22234</v>
      </c>
      <c r="F5675" s="1" t="s">
        <v>22235</v>
      </c>
      <c r="G5675" s="1" t="s">
        <v>22116</v>
      </c>
      <c r="H5675" s="1" t="s">
        <v>22117</v>
      </c>
      <c r="I5675" s="1" t="s">
        <v>20952</v>
      </c>
      <c r="J5675" s="1" t="s">
        <v>22236</v>
      </c>
    </row>
    <row r="5676" spans="1:10" x14ac:dyDescent="0.35">
      <c r="A5676" s="1" t="s">
        <v>22112</v>
      </c>
      <c r="B5676" s="1" t="s">
        <v>20946</v>
      </c>
      <c r="C5676" s="1" t="s">
        <v>165</v>
      </c>
      <c r="D5676" s="1" t="s">
        <v>22237</v>
      </c>
      <c r="E5676" s="1" t="s">
        <v>22238</v>
      </c>
      <c r="F5676" s="1" t="s">
        <v>22239</v>
      </c>
      <c r="G5676" s="1" t="s">
        <v>22116</v>
      </c>
      <c r="H5676" s="1" t="s">
        <v>22117</v>
      </c>
      <c r="I5676" s="1" t="s">
        <v>20952</v>
      </c>
      <c r="J5676" s="1" t="s">
        <v>22240</v>
      </c>
    </row>
    <row r="5677" spans="1:10" x14ac:dyDescent="0.35">
      <c r="A5677" s="1" t="s">
        <v>22112</v>
      </c>
      <c r="B5677" s="1" t="s">
        <v>20946</v>
      </c>
      <c r="C5677" s="1" t="s">
        <v>170</v>
      </c>
      <c r="D5677" s="1" t="s">
        <v>22241</v>
      </c>
      <c r="E5677" s="1" t="s">
        <v>22242</v>
      </c>
      <c r="F5677" s="1" t="s">
        <v>22243</v>
      </c>
      <c r="G5677" s="1" t="s">
        <v>22116</v>
      </c>
      <c r="H5677" s="1" t="s">
        <v>22117</v>
      </c>
      <c r="I5677" s="1" t="s">
        <v>20952</v>
      </c>
      <c r="J5677" s="1" t="s">
        <v>22244</v>
      </c>
    </row>
    <row r="5678" spans="1:10" x14ac:dyDescent="0.35">
      <c r="A5678" s="1" t="s">
        <v>22245</v>
      </c>
      <c r="B5678" s="1" t="s">
        <v>20946</v>
      </c>
      <c r="C5678" s="1" t="s">
        <v>8</v>
      </c>
      <c r="D5678" s="1" t="s">
        <v>22246</v>
      </c>
      <c r="E5678" s="1" t="s">
        <v>22247</v>
      </c>
      <c r="F5678" s="1" t="s">
        <v>22248</v>
      </c>
      <c r="G5678" s="1" t="s">
        <v>22249</v>
      </c>
      <c r="H5678" s="1" t="s">
        <v>22250</v>
      </c>
      <c r="I5678" s="1" t="s">
        <v>20952</v>
      </c>
      <c r="J5678" s="1" t="s">
        <v>13</v>
      </c>
    </row>
    <row r="5679" spans="1:10" x14ac:dyDescent="0.35">
      <c r="A5679" s="1" t="s">
        <v>22245</v>
      </c>
      <c r="B5679" s="1" t="s">
        <v>20946</v>
      </c>
      <c r="C5679" s="1" t="s">
        <v>15</v>
      </c>
      <c r="D5679" s="1" t="s">
        <v>22251</v>
      </c>
      <c r="E5679" s="1" t="s">
        <v>21970</v>
      </c>
      <c r="F5679" s="1" t="s">
        <v>22252</v>
      </c>
      <c r="G5679" s="1" t="s">
        <v>22249</v>
      </c>
      <c r="H5679" s="1" t="s">
        <v>22250</v>
      </c>
      <c r="I5679" s="1" t="s">
        <v>20952</v>
      </c>
      <c r="J5679" s="1" t="s">
        <v>22253</v>
      </c>
    </row>
    <row r="5680" spans="1:10" x14ac:dyDescent="0.35">
      <c r="A5680" s="1" t="s">
        <v>22245</v>
      </c>
      <c r="B5680" s="1" t="s">
        <v>20946</v>
      </c>
      <c r="C5680" s="1" t="s">
        <v>20</v>
      </c>
      <c r="D5680" s="1" t="s">
        <v>22254</v>
      </c>
      <c r="E5680" s="1" t="s">
        <v>22255</v>
      </c>
      <c r="F5680" s="1" t="s">
        <v>22256</v>
      </c>
      <c r="G5680" s="1" t="s">
        <v>22249</v>
      </c>
      <c r="H5680" s="1" t="s">
        <v>22250</v>
      </c>
      <c r="I5680" s="1" t="s">
        <v>20952</v>
      </c>
      <c r="J5680" s="1" t="s">
        <v>22257</v>
      </c>
    </row>
    <row r="5681" spans="1:10" x14ac:dyDescent="0.35">
      <c r="A5681" s="1" t="s">
        <v>22245</v>
      </c>
      <c r="B5681" s="1" t="s">
        <v>20946</v>
      </c>
      <c r="C5681" s="1" t="s">
        <v>25</v>
      </c>
      <c r="D5681" s="1" t="s">
        <v>22258</v>
      </c>
      <c r="E5681" s="1" t="s">
        <v>22259</v>
      </c>
      <c r="F5681" s="1" t="s">
        <v>22260</v>
      </c>
      <c r="G5681" s="1" t="s">
        <v>22249</v>
      </c>
      <c r="H5681" s="1" t="s">
        <v>22250</v>
      </c>
      <c r="I5681" s="1" t="s">
        <v>20952</v>
      </c>
      <c r="J5681" s="1" t="s">
        <v>22261</v>
      </c>
    </row>
    <row r="5682" spans="1:10" x14ac:dyDescent="0.35">
      <c r="A5682" s="1" t="s">
        <v>22245</v>
      </c>
      <c r="B5682" s="1" t="s">
        <v>20946</v>
      </c>
      <c r="C5682" s="1" t="s">
        <v>30</v>
      </c>
      <c r="D5682" s="1" t="s">
        <v>22262</v>
      </c>
      <c r="E5682" s="1" t="s">
        <v>22263</v>
      </c>
      <c r="F5682" s="1" t="s">
        <v>22264</v>
      </c>
      <c r="G5682" s="1" t="s">
        <v>22249</v>
      </c>
      <c r="H5682" s="1" t="s">
        <v>22250</v>
      </c>
      <c r="I5682" s="1" t="s">
        <v>20952</v>
      </c>
      <c r="J5682" s="1" t="s">
        <v>22265</v>
      </c>
    </row>
    <row r="5683" spans="1:10" x14ac:dyDescent="0.35">
      <c r="A5683" s="1" t="s">
        <v>22245</v>
      </c>
      <c r="B5683" s="1" t="s">
        <v>20946</v>
      </c>
      <c r="C5683" s="1" t="s">
        <v>35</v>
      </c>
      <c r="D5683" s="1" t="s">
        <v>22266</v>
      </c>
      <c r="E5683" s="1" t="s">
        <v>22267</v>
      </c>
      <c r="F5683" s="1" t="s">
        <v>22268</v>
      </c>
      <c r="G5683" s="1" t="s">
        <v>22249</v>
      </c>
      <c r="H5683" s="1" t="s">
        <v>22250</v>
      </c>
      <c r="I5683" s="1" t="s">
        <v>20952</v>
      </c>
      <c r="J5683" s="1" t="s">
        <v>22269</v>
      </c>
    </row>
    <row r="5684" spans="1:10" x14ac:dyDescent="0.35">
      <c r="A5684" s="1" t="s">
        <v>22245</v>
      </c>
      <c r="B5684" s="1" t="s">
        <v>20946</v>
      </c>
      <c r="C5684" s="1" t="s">
        <v>40</v>
      </c>
      <c r="D5684" s="1" t="s">
        <v>22270</v>
      </c>
      <c r="E5684" s="1" t="s">
        <v>21937</v>
      </c>
      <c r="F5684" s="1" t="s">
        <v>22271</v>
      </c>
      <c r="G5684" s="1" t="s">
        <v>22249</v>
      </c>
      <c r="H5684" s="1" t="s">
        <v>22250</v>
      </c>
      <c r="I5684" s="1" t="s">
        <v>20952</v>
      </c>
      <c r="J5684" s="1" t="s">
        <v>22272</v>
      </c>
    </row>
    <row r="5685" spans="1:10" x14ac:dyDescent="0.35">
      <c r="A5685" s="1" t="s">
        <v>22245</v>
      </c>
      <c r="B5685" s="1" t="s">
        <v>20946</v>
      </c>
      <c r="C5685" s="1" t="s">
        <v>45</v>
      </c>
      <c r="D5685" s="1" t="s">
        <v>22273</v>
      </c>
      <c r="E5685" s="1" t="s">
        <v>22274</v>
      </c>
      <c r="F5685" s="1" t="s">
        <v>22275</v>
      </c>
      <c r="G5685" s="1" t="s">
        <v>22249</v>
      </c>
      <c r="H5685" s="1" t="s">
        <v>22250</v>
      </c>
      <c r="I5685" s="1" t="s">
        <v>20952</v>
      </c>
      <c r="J5685" s="1" t="s">
        <v>22276</v>
      </c>
    </row>
    <row r="5686" spans="1:10" x14ac:dyDescent="0.35">
      <c r="A5686" s="1" t="s">
        <v>22245</v>
      </c>
      <c r="B5686" s="1" t="s">
        <v>20946</v>
      </c>
      <c r="C5686" s="1" t="s">
        <v>50</v>
      </c>
      <c r="D5686" s="1" t="s">
        <v>22277</v>
      </c>
      <c r="E5686" s="1" t="s">
        <v>22278</v>
      </c>
      <c r="F5686" s="1" t="s">
        <v>22279</v>
      </c>
      <c r="G5686" s="1" t="s">
        <v>22249</v>
      </c>
      <c r="H5686" s="1" t="s">
        <v>22250</v>
      </c>
      <c r="I5686" s="1" t="s">
        <v>20952</v>
      </c>
      <c r="J5686" s="1" t="s">
        <v>22280</v>
      </c>
    </row>
    <row r="5687" spans="1:10" x14ac:dyDescent="0.35">
      <c r="A5687" s="1" t="s">
        <v>22245</v>
      </c>
      <c r="B5687" s="1" t="s">
        <v>20946</v>
      </c>
      <c r="C5687" s="1" t="s">
        <v>55</v>
      </c>
      <c r="D5687" s="1" t="s">
        <v>22281</v>
      </c>
      <c r="E5687" s="1" t="s">
        <v>22282</v>
      </c>
      <c r="F5687" s="1" t="s">
        <v>22283</v>
      </c>
      <c r="G5687" s="1" t="s">
        <v>22249</v>
      </c>
      <c r="H5687" s="1" t="s">
        <v>22250</v>
      </c>
      <c r="I5687" s="1" t="s">
        <v>20952</v>
      </c>
      <c r="J5687" s="1" t="s">
        <v>22284</v>
      </c>
    </row>
    <row r="5688" spans="1:10" x14ac:dyDescent="0.35">
      <c r="A5688" s="1" t="s">
        <v>22245</v>
      </c>
      <c r="B5688" s="1" t="s">
        <v>20946</v>
      </c>
      <c r="C5688" s="1" t="s">
        <v>60</v>
      </c>
      <c r="D5688" s="1" t="s">
        <v>22285</v>
      </c>
      <c r="E5688" s="1" t="s">
        <v>22286</v>
      </c>
      <c r="F5688" s="1" t="s">
        <v>22287</v>
      </c>
      <c r="G5688" s="1" t="s">
        <v>22249</v>
      </c>
      <c r="H5688" s="1" t="s">
        <v>22250</v>
      </c>
      <c r="I5688" s="1" t="s">
        <v>20952</v>
      </c>
      <c r="J5688" s="1" t="s">
        <v>22288</v>
      </c>
    </row>
    <row r="5689" spans="1:10" x14ac:dyDescent="0.35">
      <c r="A5689" s="1" t="s">
        <v>22245</v>
      </c>
      <c r="B5689" s="1" t="s">
        <v>20946</v>
      </c>
      <c r="C5689" s="1" t="s">
        <v>65</v>
      </c>
      <c r="D5689" s="1" t="s">
        <v>22289</v>
      </c>
      <c r="E5689" s="1" t="s">
        <v>22290</v>
      </c>
      <c r="F5689" s="1" t="s">
        <v>22291</v>
      </c>
      <c r="G5689" s="1" t="s">
        <v>22249</v>
      </c>
      <c r="H5689" s="1" t="s">
        <v>22250</v>
      </c>
      <c r="I5689" s="1" t="s">
        <v>20952</v>
      </c>
      <c r="J5689" s="1" t="s">
        <v>22292</v>
      </c>
    </row>
    <row r="5690" spans="1:10" x14ac:dyDescent="0.35">
      <c r="A5690" s="1" t="s">
        <v>22245</v>
      </c>
      <c r="B5690" s="1" t="s">
        <v>20946</v>
      </c>
      <c r="C5690" s="1" t="s">
        <v>70</v>
      </c>
      <c r="D5690" s="1" t="s">
        <v>22293</v>
      </c>
      <c r="E5690" s="1" t="s">
        <v>22294</v>
      </c>
      <c r="F5690" s="1" t="s">
        <v>22295</v>
      </c>
      <c r="G5690" s="1" t="s">
        <v>22249</v>
      </c>
      <c r="H5690" s="1" t="s">
        <v>22250</v>
      </c>
      <c r="I5690" s="1" t="s">
        <v>20952</v>
      </c>
      <c r="J5690" s="1" t="s">
        <v>22296</v>
      </c>
    </row>
    <row r="5691" spans="1:10" x14ac:dyDescent="0.35">
      <c r="A5691" s="1" t="s">
        <v>22245</v>
      </c>
      <c r="B5691" s="1" t="s">
        <v>20946</v>
      </c>
      <c r="C5691" s="1" t="s">
        <v>75</v>
      </c>
      <c r="D5691" s="1" t="s">
        <v>22297</v>
      </c>
      <c r="E5691" s="1" t="s">
        <v>22298</v>
      </c>
      <c r="F5691" s="1" t="s">
        <v>22299</v>
      </c>
      <c r="G5691" s="1" t="s">
        <v>22249</v>
      </c>
      <c r="H5691" s="1" t="s">
        <v>22250</v>
      </c>
      <c r="I5691" s="1" t="s">
        <v>20952</v>
      </c>
      <c r="J5691" s="1" t="s">
        <v>22300</v>
      </c>
    </row>
    <row r="5692" spans="1:10" x14ac:dyDescent="0.35">
      <c r="A5692" s="1" t="s">
        <v>22245</v>
      </c>
      <c r="B5692" s="1" t="s">
        <v>20946</v>
      </c>
      <c r="C5692" s="1" t="s">
        <v>80</v>
      </c>
      <c r="D5692" s="1" t="s">
        <v>22301</v>
      </c>
      <c r="E5692" s="1" t="s">
        <v>22302</v>
      </c>
      <c r="F5692" s="1" t="s">
        <v>22303</v>
      </c>
      <c r="G5692" s="1" t="s">
        <v>22249</v>
      </c>
      <c r="H5692" s="1" t="s">
        <v>22250</v>
      </c>
      <c r="I5692" s="1" t="s">
        <v>20952</v>
      </c>
      <c r="J5692" s="1" t="s">
        <v>22304</v>
      </c>
    </row>
    <row r="5693" spans="1:10" x14ac:dyDescent="0.35">
      <c r="A5693" s="1" t="s">
        <v>22245</v>
      </c>
      <c r="B5693" s="1" t="s">
        <v>20946</v>
      </c>
      <c r="C5693" s="1" t="s">
        <v>85</v>
      </c>
      <c r="D5693" s="1" t="s">
        <v>22305</v>
      </c>
      <c r="E5693" s="1" t="s">
        <v>16105</v>
      </c>
      <c r="F5693" s="1" t="s">
        <v>22306</v>
      </c>
      <c r="G5693" s="1" t="s">
        <v>22249</v>
      </c>
      <c r="H5693" s="1" t="s">
        <v>22250</v>
      </c>
      <c r="I5693" s="1" t="s">
        <v>20952</v>
      </c>
      <c r="J5693" s="1" t="s">
        <v>22307</v>
      </c>
    </row>
    <row r="5694" spans="1:10" x14ac:dyDescent="0.35">
      <c r="A5694" s="1" t="s">
        <v>22245</v>
      </c>
      <c r="B5694" s="1" t="s">
        <v>20946</v>
      </c>
      <c r="C5694" s="1" t="s">
        <v>90</v>
      </c>
      <c r="D5694" s="1" t="s">
        <v>22308</v>
      </c>
      <c r="E5694" s="1" t="s">
        <v>22309</v>
      </c>
      <c r="F5694" s="1" t="s">
        <v>22310</v>
      </c>
      <c r="G5694" s="1" t="s">
        <v>22249</v>
      </c>
      <c r="H5694" s="1" t="s">
        <v>22250</v>
      </c>
      <c r="I5694" s="1" t="s">
        <v>20952</v>
      </c>
      <c r="J5694" s="1" t="s">
        <v>22311</v>
      </c>
    </row>
    <row r="5695" spans="1:10" x14ac:dyDescent="0.35">
      <c r="A5695" s="1" t="s">
        <v>22245</v>
      </c>
      <c r="B5695" s="1" t="s">
        <v>20946</v>
      </c>
      <c r="C5695" s="1" t="s">
        <v>95</v>
      </c>
      <c r="D5695" s="1" t="s">
        <v>22312</v>
      </c>
      <c r="E5695" s="1" t="s">
        <v>22313</v>
      </c>
      <c r="F5695" s="1" t="s">
        <v>22314</v>
      </c>
      <c r="G5695" s="1" t="s">
        <v>22249</v>
      </c>
      <c r="H5695" s="1" t="s">
        <v>22250</v>
      </c>
      <c r="I5695" s="1" t="s">
        <v>20952</v>
      </c>
      <c r="J5695" s="1" t="s">
        <v>22315</v>
      </c>
    </row>
    <row r="5696" spans="1:10" x14ac:dyDescent="0.35">
      <c r="A5696" s="1" t="s">
        <v>22245</v>
      </c>
      <c r="B5696" s="1" t="s">
        <v>20946</v>
      </c>
      <c r="C5696" s="1" t="s">
        <v>100</v>
      </c>
      <c r="D5696" s="1" t="s">
        <v>22316</v>
      </c>
      <c r="E5696" s="1" t="s">
        <v>22317</v>
      </c>
      <c r="F5696" s="1" t="s">
        <v>22318</v>
      </c>
      <c r="G5696" s="1" t="s">
        <v>22249</v>
      </c>
      <c r="H5696" s="1" t="s">
        <v>22250</v>
      </c>
      <c r="I5696" s="1" t="s">
        <v>20952</v>
      </c>
      <c r="J5696" s="1" t="s">
        <v>22319</v>
      </c>
    </row>
    <row r="5697" spans="1:10" x14ac:dyDescent="0.35">
      <c r="A5697" s="1" t="s">
        <v>22245</v>
      </c>
      <c r="B5697" s="1" t="s">
        <v>20946</v>
      </c>
      <c r="C5697" s="1" t="s">
        <v>105</v>
      </c>
      <c r="D5697" s="1" t="s">
        <v>20476</v>
      </c>
      <c r="E5697" s="1" t="s">
        <v>22320</v>
      </c>
      <c r="F5697" s="1" t="s">
        <v>22321</v>
      </c>
      <c r="G5697" s="1" t="s">
        <v>22249</v>
      </c>
      <c r="H5697" s="1" t="s">
        <v>22250</v>
      </c>
      <c r="I5697" s="1" t="s">
        <v>20952</v>
      </c>
      <c r="J5697" s="1" t="s">
        <v>22322</v>
      </c>
    </row>
    <row r="5698" spans="1:10" x14ac:dyDescent="0.35">
      <c r="A5698" s="1" t="s">
        <v>22245</v>
      </c>
      <c r="B5698" s="1" t="s">
        <v>20946</v>
      </c>
      <c r="C5698" s="1" t="s">
        <v>110</v>
      </c>
      <c r="D5698" s="1" t="s">
        <v>22323</v>
      </c>
      <c r="E5698" s="1" t="s">
        <v>22324</v>
      </c>
      <c r="F5698" s="1" t="s">
        <v>22325</v>
      </c>
      <c r="G5698" s="1" t="s">
        <v>22249</v>
      </c>
      <c r="H5698" s="1" t="s">
        <v>22250</v>
      </c>
      <c r="I5698" s="1" t="s">
        <v>20952</v>
      </c>
      <c r="J5698" s="1" t="s">
        <v>22326</v>
      </c>
    </row>
    <row r="5699" spans="1:10" x14ac:dyDescent="0.35">
      <c r="A5699" s="1" t="s">
        <v>22245</v>
      </c>
      <c r="B5699" s="1" t="s">
        <v>20946</v>
      </c>
      <c r="C5699" s="1" t="s">
        <v>115</v>
      </c>
      <c r="D5699" s="1" t="s">
        <v>22327</v>
      </c>
      <c r="E5699" s="1" t="s">
        <v>22328</v>
      </c>
      <c r="F5699" s="1" t="s">
        <v>22329</v>
      </c>
      <c r="G5699" s="1" t="s">
        <v>22249</v>
      </c>
      <c r="H5699" s="1" t="s">
        <v>22250</v>
      </c>
      <c r="I5699" s="1" t="s">
        <v>20952</v>
      </c>
      <c r="J5699" s="1" t="s">
        <v>22330</v>
      </c>
    </row>
    <row r="5700" spans="1:10" x14ac:dyDescent="0.35">
      <c r="A5700" s="1" t="s">
        <v>22245</v>
      </c>
      <c r="B5700" s="1" t="s">
        <v>20946</v>
      </c>
      <c r="C5700" s="1" t="s">
        <v>120</v>
      </c>
      <c r="D5700" s="1" t="s">
        <v>22331</v>
      </c>
      <c r="E5700" s="1" t="s">
        <v>22320</v>
      </c>
      <c r="F5700" s="1" t="s">
        <v>22332</v>
      </c>
      <c r="G5700" s="1" t="s">
        <v>22249</v>
      </c>
      <c r="H5700" s="1" t="s">
        <v>22250</v>
      </c>
      <c r="I5700" s="1" t="s">
        <v>20952</v>
      </c>
      <c r="J5700" s="1" t="s">
        <v>22333</v>
      </c>
    </row>
    <row r="5701" spans="1:10" x14ac:dyDescent="0.35">
      <c r="A5701" s="1" t="s">
        <v>22245</v>
      </c>
      <c r="B5701" s="1" t="s">
        <v>20946</v>
      </c>
      <c r="C5701" s="1" t="s">
        <v>125</v>
      </c>
      <c r="D5701" s="1" t="s">
        <v>22334</v>
      </c>
      <c r="E5701" s="1" t="s">
        <v>22335</v>
      </c>
      <c r="F5701" s="1" t="s">
        <v>22336</v>
      </c>
      <c r="G5701" s="1" t="s">
        <v>22249</v>
      </c>
      <c r="H5701" s="1" t="s">
        <v>22250</v>
      </c>
      <c r="I5701" s="1" t="s">
        <v>20952</v>
      </c>
      <c r="J5701" s="1" t="s">
        <v>22337</v>
      </c>
    </row>
    <row r="5702" spans="1:10" x14ac:dyDescent="0.35">
      <c r="A5702" s="1" t="s">
        <v>22245</v>
      </c>
      <c r="B5702" s="1" t="s">
        <v>20946</v>
      </c>
      <c r="C5702" s="1" t="s">
        <v>130</v>
      </c>
      <c r="D5702" s="1" t="s">
        <v>22338</v>
      </c>
      <c r="E5702" s="1" t="s">
        <v>22339</v>
      </c>
      <c r="F5702" s="1" t="s">
        <v>21982</v>
      </c>
      <c r="G5702" s="1" t="s">
        <v>22249</v>
      </c>
      <c r="H5702" s="1" t="s">
        <v>22250</v>
      </c>
      <c r="I5702" s="1" t="s">
        <v>20952</v>
      </c>
      <c r="J5702" s="1" t="s">
        <v>22340</v>
      </c>
    </row>
    <row r="5703" spans="1:10" x14ac:dyDescent="0.35">
      <c r="A5703" s="1" t="s">
        <v>22245</v>
      </c>
      <c r="B5703" s="1" t="s">
        <v>20946</v>
      </c>
      <c r="C5703" s="1" t="s">
        <v>135</v>
      </c>
      <c r="D5703" s="1" t="s">
        <v>22341</v>
      </c>
      <c r="E5703" s="1" t="s">
        <v>15440</v>
      </c>
      <c r="F5703" s="1" t="s">
        <v>22342</v>
      </c>
      <c r="G5703" s="1" t="s">
        <v>22249</v>
      </c>
      <c r="H5703" s="1" t="s">
        <v>22250</v>
      </c>
      <c r="I5703" s="1" t="s">
        <v>20952</v>
      </c>
      <c r="J5703" s="1" t="s">
        <v>22343</v>
      </c>
    </row>
    <row r="5704" spans="1:10" x14ac:dyDescent="0.35">
      <c r="A5704" s="1" t="s">
        <v>22245</v>
      </c>
      <c r="B5704" s="1" t="s">
        <v>20946</v>
      </c>
      <c r="C5704" s="1" t="s">
        <v>140</v>
      </c>
      <c r="D5704" s="1" t="s">
        <v>22344</v>
      </c>
      <c r="E5704" s="1" t="s">
        <v>22345</v>
      </c>
      <c r="F5704" s="1" t="s">
        <v>22346</v>
      </c>
      <c r="G5704" s="1" t="s">
        <v>22249</v>
      </c>
      <c r="H5704" s="1" t="s">
        <v>22250</v>
      </c>
      <c r="I5704" s="1" t="s">
        <v>20952</v>
      </c>
      <c r="J5704" s="1" t="s">
        <v>22347</v>
      </c>
    </row>
    <row r="5705" spans="1:10" x14ac:dyDescent="0.35">
      <c r="A5705" s="1" t="s">
        <v>22245</v>
      </c>
      <c r="B5705" s="1" t="s">
        <v>20946</v>
      </c>
      <c r="C5705" s="1" t="s">
        <v>145</v>
      </c>
      <c r="D5705" s="1" t="s">
        <v>22348</v>
      </c>
      <c r="E5705" s="1" t="s">
        <v>22349</v>
      </c>
      <c r="F5705" s="1" t="s">
        <v>22350</v>
      </c>
      <c r="G5705" s="1" t="s">
        <v>22249</v>
      </c>
      <c r="H5705" s="1" t="s">
        <v>22250</v>
      </c>
      <c r="I5705" s="1" t="s">
        <v>20952</v>
      </c>
      <c r="J5705" s="1" t="s">
        <v>22351</v>
      </c>
    </row>
    <row r="5706" spans="1:10" x14ac:dyDescent="0.35">
      <c r="A5706" s="1" t="s">
        <v>22245</v>
      </c>
      <c r="B5706" s="1" t="s">
        <v>20946</v>
      </c>
      <c r="C5706" s="1" t="s">
        <v>150</v>
      </c>
      <c r="D5706" s="1" t="s">
        <v>20760</v>
      </c>
      <c r="E5706" s="1" t="s">
        <v>15588</v>
      </c>
      <c r="F5706" s="1" t="s">
        <v>22352</v>
      </c>
      <c r="G5706" s="1" t="s">
        <v>22249</v>
      </c>
      <c r="H5706" s="1" t="s">
        <v>22250</v>
      </c>
      <c r="I5706" s="1" t="s">
        <v>20952</v>
      </c>
      <c r="J5706" s="1" t="s">
        <v>22353</v>
      </c>
    </row>
    <row r="5707" spans="1:10" x14ac:dyDescent="0.35">
      <c r="A5707" s="1" t="s">
        <v>22245</v>
      </c>
      <c r="B5707" s="1" t="s">
        <v>20946</v>
      </c>
      <c r="C5707" s="1" t="s">
        <v>155</v>
      </c>
      <c r="D5707" s="1" t="s">
        <v>22354</v>
      </c>
      <c r="E5707" s="1" t="s">
        <v>22355</v>
      </c>
      <c r="F5707" s="1" t="s">
        <v>22356</v>
      </c>
      <c r="G5707" s="1" t="s">
        <v>22249</v>
      </c>
      <c r="H5707" s="1" t="s">
        <v>22250</v>
      </c>
      <c r="I5707" s="1" t="s">
        <v>20952</v>
      </c>
      <c r="J5707" s="1" t="s">
        <v>22357</v>
      </c>
    </row>
    <row r="5708" spans="1:10" x14ac:dyDescent="0.35">
      <c r="A5708" s="1" t="s">
        <v>22245</v>
      </c>
      <c r="B5708" s="1" t="s">
        <v>20946</v>
      </c>
      <c r="C5708" s="1" t="s">
        <v>160</v>
      </c>
      <c r="D5708" s="1" t="s">
        <v>22358</v>
      </c>
      <c r="E5708" s="1" t="s">
        <v>22359</v>
      </c>
      <c r="F5708" s="1" t="s">
        <v>22360</v>
      </c>
      <c r="G5708" s="1" t="s">
        <v>22249</v>
      </c>
      <c r="H5708" s="1" t="s">
        <v>22250</v>
      </c>
      <c r="I5708" s="1" t="s">
        <v>20952</v>
      </c>
      <c r="J5708" s="1" t="s">
        <v>22361</v>
      </c>
    </row>
    <row r="5709" spans="1:10" x14ac:dyDescent="0.35">
      <c r="A5709" s="1" t="s">
        <v>22245</v>
      </c>
      <c r="B5709" s="1" t="s">
        <v>20946</v>
      </c>
      <c r="C5709" s="1" t="s">
        <v>165</v>
      </c>
      <c r="D5709" s="1" t="s">
        <v>22362</v>
      </c>
      <c r="E5709" s="1" t="s">
        <v>22363</v>
      </c>
      <c r="F5709" s="1" t="s">
        <v>22364</v>
      </c>
      <c r="G5709" s="1" t="s">
        <v>22249</v>
      </c>
      <c r="H5709" s="1" t="s">
        <v>22250</v>
      </c>
      <c r="I5709" s="1" t="s">
        <v>20952</v>
      </c>
      <c r="J5709" s="1" t="s">
        <v>22365</v>
      </c>
    </row>
    <row r="5710" spans="1:10" x14ac:dyDescent="0.35">
      <c r="A5710" s="1" t="s">
        <v>22245</v>
      </c>
      <c r="B5710" s="1" t="s">
        <v>20946</v>
      </c>
      <c r="C5710" s="1" t="s">
        <v>170</v>
      </c>
      <c r="D5710" s="1" t="s">
        <v>22366</v>
      </c>
      <c r="E5710" s="1" t="s">
        <v>22367</v>
      </c>
      <c r="F5710" s="1" t="s">
        <v>22368</v>
      </c>
      <c r="G5710" s="1" t="s">
        <v>22249</v>
      </c>
      <c r="H5710" s="1" t="s">
        <v>22250</v>
      </c>
      <c r="I5710" s="1" t="s">
        <v>20952</v>
      </c>
      <c r="J5710" s="1" t="s">
        <v>22369</v>
      </c>
    </row>
    <row r="5711" spans="1:10" x14ac:dyDescent="0.35">
      <c r="A5711" s="1" t="s">
        <v>22370</v>
      </c>
      <c r="B5711" s="1" t="s">
        <v>20946</v>
      </c>
      <c r="C5711" s="1" t="s">
        <v>8</v>
      </c>
      <c r="D5711" s="1" t="s">
        <v>22371</v>
      </c>
      <c r="E5711" s="1" t="s">
        <v>22372</v>
      </c>
      <c r="F5711" s="1" t="s">
        <v>22373</v>
      </c>
      <c r="G5711" s="1" t="s">
        <v>22374</v>
      </c>
      <c r="H5711" s="1" t="s">
        <v>22375</v>
      </c>
      <c r="I5711" s="1" t="s">
        <v>20952</v>
      </c>
      <c r="J5711" s="1" t="s">
        <v>13</v>
      </c>
    </row>
    <row r="5712" spans="1:10" x14ac:dyDescent="0.35">
      <c r="A5712" s="1" t="s">
        <v>22370</v>
      </c>
      <c r="B5712" s="1" t="s">
        <v>20946</v>
      </c>
      <c r="C5712" s="1" t="s">
        <v>15</v>
      </c>
      <c r="D5712" s="1" t="s">
        <v>22376</v>
      </c>
      <c r="E5712" s="1" t="s">
        <v>22377</v>
      </c>
      <c r="F5712" s="1" t="s">
        <v>22378</v>
      </c>
      <c r="G5712" s="1" t="s">
        <v>22374</v>
      </c>
      <c r="H5712" s="1" t="s">
        <v>22375</v>
      </c>
      <c r="I5712" s="1" t="s">
        <v>20952</v>
      </c>
      <c r="J5712" s="1" t="s">
        <v>22379</v>
      </c>
    </row>
    <row r="5713" spans="1:10" x14ac:dyDescent="0.35">
      <c r="A5713" s="1" t="s">
        <v>22370</v>
      </c>
      <c r="B5713" s="1" t="s">
        <v>20946</v>
      </c>
      <c r="C5713" s="1" t="s">
        <v>20</v>
      </c>
      <c r="D5713" s="1" t="s">
        <v>22380</v>
      </c>
      <c r="E5713" s="1" t="s">
        <v>22381</v>
      </c>
      <c r="F5713" s="1" t="s">
        <v>22382</v>
      </c>
      <c r="G5713" s="1" t="s">
        <v>22374</v>
      </c>
      <c r="H5713" s="1" t="s">
        <v>22375</v>
      </c>
      <c r="I5713" s="1" t="s">
        <v>20952</v>
      </c>
      <c r="J5713" s="1" t="s">
        <v>22383</v>
      </c>
    </row>
    <row r="5714" spans="1:10" x14ac:dyDescent="0.35">
      <c r="A5714" s="1" t="s">
        <v>22370</v>
      </c>
      <c r="B5714" s="1" t="s">
        <v>20946</v>
      </c>
      <c r="C5714" s="1" t="s">
        <v>25</v>
      </c>
      <c r="D5714" s="1" t="s">
        <v>14327</v>
      </c>
      <c r="E5714" s="1" t="s">
        <v>22384</v>
      </c>
      <c r="F5714" s="1" t="s">
        <v>22385</v>
      </c>
      <c r="G5714" s="1" t="s">
        <v>22374</v>
      </c>
      <c r="H5714" s="1" t="s">
        <v>22375</v>
      </c>
      <c r="I5714" s="1" t="s">
        <v>20952</v>
      </c>
      <c r="J5714" s="1" t="s">
        <v>22386</v>
      </c>
    </row>
    <row r="5715" spans="1:10" x14ac:dyDescent="0.35">
      <c r="A5715" s="1" t="s">
        <v>22370</v>
      </c>
      <c r="B5715" s="1" t="s">
        <v>20946</v>
      </c>
      <c r="C5715" s="1" t="s">
        <v>30</v>
      </c>
      <c r="D5715" s="1" t="s">
        <v>22387</v>
      </c>
      <c r="E5715" s="1" t="s">
        <v>22388</v>
      </c>
      <c r="F5715" s="1" t="s">
        <v>22389</v>
      </c>
      <c r="G5715" s="1" t="s">
        <v>22374</v>
      </c>
      <c r="H5715" s="1" t="s">
        <v>22375</v>
      </c>
      <c r="I5715" s="1" t="s">
        <v>20952</v>
      </c>
      <c r="J5715" s="1" t="s">
        <v>22390</v>
      </c>
    </row>
    <row r="5716" spans="1:10" x14ac:dyDescent="0.35">
      <c r="A5716" s="1" t="s">
        <v>22370</v>
      </c>
      <c r="B5716" s="1" t="s">
        <v>20946</v>
      </c>
      <c r="C5716" s="1" t="s">
        <v>35</v>
      </c>
      <c r="D5716" s="1" t="s">
        <v>22391</v>
      </c>
      <c r="E5716" s="1" t="s">
        <v>22392</v>
      </c>
      <c r="F5716" s="1" t="s">
        <v>22393</v>
      </c>
      <c r="G5716" s="1" t="s">
        <v>22374</v>
      </c>
      <c r="H5716" s="1" t="s">
        <v>22375</v>
      </c>
      <c r="I5716" s="1" t="s">
        <v>20952</v>
      </c>
      <c r="J5716" s="1" t="s">
        <v>22394</v>
      </c>
    </row>
    <row r="5717" spans="1:10" x14ac:dyDescent="0.35">
      <c r="A5717" s="1" t="s">
        <v>22370</v>
      </c>
      <c r="B5717" s="1" t="s">
        <v>20946</v>
      </c>
      <c r="C5717" s="1" t="s">
        <v>40</v>
      </c>
      <c r="D5717" s="1" t="s">
        <v>22395</v>
      </c>
      <c r="E5717" s="1" t="s">
        <v>22396</v>
      </c>
      <c r="F5717" s="1" t="s">
        <v>22397</v>
      </c>
      <c r="G5717" s="1" t="s">
        <v>22374</v>
      </c>
      <c r="H5717" s="1" t="s">
        <v>22375</v>
      </c>
      <c r="I5717" s="1" t="s">
        <v>20952</v>
      </c>
      <c r="J5717" s="1" t="s">
        <v>22398</v>
      </c>
    </row>
    <row r="5718" spans="1:10" x14ac:dyDescent="0.35">
      <c r="A5718" s="1" t="s">
        <v>22370</v>
      </c>
      <c r="B5718" s="1" t="s">
        <v>20946</v>
      </c>
      <c r="C5718" s="1" t="s">
        <v>45</v>
      </c>
      <c r="D5718" s="1" t="s">
        <v>22399</v>
      </c>
      <c r="E5718" s="1" t="s">
        <v>22400</v>
      </c>
      <c r="F5718" s="1" t="s">
        <v>22401</v>
      </c>
      <c r="G5718" s="1" t="s">
        <v>22374</v>
      </c>
      <c r="H5718" s="1" t="s">
        <v>22375</v>
      </c>
      <c r="I5718" s="1" t="s">
        <v>20952</v>
      </c>
      <c r="J5718" s="1" t="s">
        <v>22402</v>
      </c>
    </row>
    <row r="5719" spans="1:10" x14ac:dyDescent="0.35">
      <c r="A5719" s="1" t="s">
        <v>22370</v>
      </c>
      <c r="B5719" s="1" t="s">
        <v>20946</v>
      </c>
      <c r="C5719" s="1" t="s">
        <v>50</v>
      </c>
      <c r="D5719" s="1" t="s">
        <v>22403</v>
      </c>
      <c r="E5719" s="1" t="s">
        <v>22404</v>
      </c>
      <c r="F5719" s="1" t="s">
        <v>22405</v>
      </c>
      <c r="G5719" s="1" t="s">
        <v>22374</v>
      </c>
      <c r="H5719" s="1" t="s">
        <v>22375</v>
      </c>
      <c r="I5719" s="1" t="s">
        <v>20952</v>
      </c>
      <c r="J5719" s="1" t="s">
        <v>22406</v>
      </c>
    </row>
    <row r="5720" spans="1:10" x14ac:dyDescent="0.35">
      <c r="A5720" s="1" t="s">
        <v>22370</v>
      </c>
      <c r="B5720" s="1" t="s">
        <v>20946</v>
      </c>
      <c r="C5720" s="1" t="s">
        <v>55</v>
      </c>
      <c r="D5720" s="1" t="s">
        <v>22407</v>
      </c>
      <c r="E5720" s="1" t="s">
        <v>22408</v>
      </c>
      <c r="F5720" s="1" t="s">
        <v>22409</v>
      </c>
      <c r="G5720" s="1" t="s">
        <v>22374</v>
      </c>
      <c r="H5720" s="1" t="s">
        <v>22375</v>
      </c>
      <c r="I5720" s="1" t="s">
        <v>20952</v>
      </c>
      <c r="J5720" s="1" t="s">
        <v>22410</v>
      </c>
    </row>
    <row r="5721" spans="1:10" x14ac:dyDescent="0.35">
      <c r="A5721" s="1" t="s">
        <v>22370</v>
      </c>
      <c r="B5721" s="1" t="s">
        <v>20946</v>
      </c>
      <c r="C5721" s="1" t="s">
        <v>60</v>
      </c>
      <c r="D5721" s="1" t="s">
        <v>22411</v>
      </c>
      <c r="E5721" s="1" t="s">
        <v>22412</v>
      </c>
      <c r="F5721" s="1" t="s">
        <v>22413</v>
      </c>
      <c r="G5721" s="1" t="s">
        <v>22374</v>
      </c>
      <c r="H5721" s="1" t="s">
        <v>22375</v>
      </c>
      <c r="I5721" s="1" t="s">
        <v>20952</v>
      </c>
      <c r="J5721" s="1" t="s">
        <v>22414</v>
      </c>
    </row>
    <row r="5722" spans="1:10" x14ac:dyDescent="0.35">
      <c r="A5722" s="1" t="s">
        <v>22370</v>
      </c>
      <c r="B5722" s="1" t="s">
        <v>20946</v>
      </c>
      <c r="C5722" s="1" t="s">
        <v>65</v>
      </c>
      <c r="D5722" s="1" t="s">
        <v>22415</v>
      </c>
      <c r="E5722" s="1" t="s">
        <v>22416</v>
      </c>
      <c r="F5722" s="1" t="s">
        <v>22417</v>
      </c>
      <c r="G5722" s="1" t="s">
        <v>22374</v>
      </c>
      <c r="H5722" s="1" t="s">
        <v>22375</v>
      </c>
      <c r="I5722" s="1" t="s">
        <v>20952</v>
      </c>
      <c r="J5722" s="1" t="s">
        <v>22418</v>
      </c>
    </row>
    <row r="5723" spans="1:10" x14ac:dyDescent="0.35">
      <c r="A5723" s="1" t="s">
        <v>22370</v>
      </c>
      <c r="B5723" s="1" t="s">
        <v>20946</v>
      </c>
      <c r="C5723" s="1" t="s">
        <v>70</v>
      </c>
      <c r="D5723" s="1" t="s">
        <v>22419</v>
      </c>
      <c r="E5723" s="1" t="s">
        <v>22420</v>
      </c>
      <c r="F5723" s="1" t="s">
        <v>22421</v>
      </c>
      <c r="G5723" s="1" t="s">
        <v>22374</v>
      </c>
      <c r="H5723" s="1" t="s">
        <v>22375</v>
      </c>
      <c r="I5723" s="1" t="s">
        <v>20952</v>
      </c>
      <c r="J5723" s="1" t="s">
        <v>22422</v>
      </c>
    </row>
    <row r="5724" spans="1:10" x14ac:dyDescent="0.35">
      <c r="A5724" s="1" t="s">
        <v>22370</v>
      </c>
      <c r="B5724" s="1" t="s">
        <v>20946</v>
      </c>
      <c r="C5724" s="1" t="s">
        <v>75</v>
      </c>
      <c r="D5724" s="1" t="s">
        <v>22423</v>
      </c>
      <c r="E5724" s="1" t="s">
        <v>22424</v>
      </c>
      <c r="F5724" s="1" t="s">
        <v>22425</v>
      </c>
      <c r="G5724" s="1" t="s">
        <v>22374</v>
      </c>
      <c r="H5724" s="1" t="s">
        <v>22375</v>
      </c>
      <c r="I5724" s="1" t="s">
        <v>20952</v>
      </c>
      <c r="J5724" s="1" t="s">
        <v>22426</v>
      </c>
    </row>
    <row r="5725" spans="1:10" x14ac:dyDescent="0.35">
      <c r="A5725" s="1" t="s">
        <v>22370</v>
      </c>
      <c r="B5725" s="1" t="s">
        <v>20946</v>
      </c>
      <c r="C5725" s="1" t="s">
        <v>80</v>
      </c>
      <c r="D5725" s="1" t="s">
        <v>22427</v>
      </c>
      <c r="E5725" s="1" t="s">
        <v>14718</v>
      </c>
      <c r="F5725" s="1" t="s">
        <v>22428</v>
      </c>
      <c r="G5725" s="1" t="s">
        <v>22374</v>
      </c>
      <c r="H5725" s="1" t="s">
        <v>22375</v>
      </c>
      <c r="I5725" s="1" t="s">
        <v>20952</v>
      </c>
      <c r="J5725" s="1" t="s">
        <v>22429</v>
      </c>
    </row>
    <row r="5726" spans="1:10" x14ac:dyDescent="0.35">
      <c r="A5726" s="1" t="s">
        <v>22370</v>
      </c>
      <c r="B5726" s="1" t="s">
        <v>20946</v>
      </c>
      <c r="C5726" s="1" t="s">
        <v>85</v>
      </c>
      <c r="D5726" s="1" t="s">
        <v>22430</v>
      </c>
      <c r="E5726" s="1" t="s">
        <v>20997</v>
      </c>
      <c r="F5726" s="1" t="s">
        <v>22431</v>
      </c>
      <c r="G5726" s="1" t="s">
        <v>22374</v>
      </c>
      <c r="H5726" s="1" t="s">
        <v>22375</v>
      </c>
      <c r="I5726" s="1" t="s">
        <v>20952</v>
      </c>
      <c r="J5726" s="1" t="s">
        <v>22432</v>
      </c>
    </row>
    <row r="5727" spans="1:10" x14ac:dyDescent="0.35">
      <c r="A5727" s="1" t="s">
        <v>22370</v>
      </c>
      <c r="B5727" s="1" t="s">
        <v>20946</v>
      </c>
      <c r="C5727" s="1" t="s">
        <v>90</v>
      </c>
      <c r="D5727" s="1" t="s">
        <v>22433</v>
      </c>
      <c r="E5727" s="1" t="s">
        <v>22434</v>
      </c>
      <c r="F5727" s="1" t="s">
        <v>22435</v>
      </c>
      <c r="G5727" s="1" t="s">
        <v>22374</v>
      </c>
      <c r="H5727" s="1" t="s">
        <v>22375</v>
      </c>
      <c r="I5727" s="1" t="s">
        <v>20952</v>
      </c>
      <c r="J5727" s="1" t="s">
        <v>22436</v>
      </c>
    </row>
    <row r="5728" spans="1:10" x14ac:dyDescent="0.35">
      <c r="A5728" s="1" t="s">
        <v>22370</v>
      </c>
      <c r="B5728" s="1" t="s">
        <v>20946</v>
      </c>
      <c r="C5728" s="1" t="s">
        <v>95</v>
      </c>
      <c r="D5728" s="1" t="s">
        <v>22437</v>
      </c>
      <c r="E5728" s="1" t="s">
        <v>22438</v>
      </c>
      <c r="F5728" s="1" t="s">
        <v>22439</v>
      </c>
      <c r="G5728" s="1" t="s">
        <v>22374</v>
      </c>
      <c r="H5728" s="1" t="s">
        <v>22375</v>
      </c>
      <c r="I5728" s="1" t="s">
        <v>20952</v>
      </c>
      <c r="J5728" s="1" t="s">
        <v>22440</v>
      </c>
    </row>
    <row r="5729" spans="1:10" x14ac:dyDescent="0.35">
      <c r="A5729" s="1" t="s">
        <v>22370</v>
      </c>
      <c r="B5729" s="1" t="s">
        <v>20946</v>
      </c>
      <c r="C5729" s="1" t="s">
        <v>100</v>
      </c>
      <c r="D5729" s="1" t="s">
        <v>22441</v>
      </c>
      <c r="E5729" s="1" t="s">
        <v>22442</v>
      </c>
      <c r="F5729" s="1" t="s">
        <v>22443</v>
      </c>
      <c r="G5729" s="1" t="s">
        <v>22374</v>
      </c>
      <c r="H5729" s="1" t="s">
        <v>22375</v>
      </c>
      <c r="I5729" s="1" t="s">
        <v>20952</v>
      </c>
      <c r="J5729" s="1" t="s">
        <v>22444</v>
      </c>
    </row>
    <row r="5730" spans="1:10" x14ac:dyDescent="0.35">
      <c r="A5730" s="1" t="s">
        <v>22370</v>
      </c>
      <c r="B5730" s="1" t="s">
        <v>20946</v>
      </c>
      <c r="C5730" s="1" t="s">
        <v>105</v>
      </c>
      <c r="D5730" s="1" t="s">
        <v>21913</v>
      </c>
      <c r="E5730" s="1" t="s">
        <v>22445</v>
      </c>
      <c r="F5730" s="1" t="s">
        <v>22446</v>
      </c>
      <c r="G5730" s="1" t="s">
        <v>22374</v>
      </c>
      <c r="H5730" s="1" t="s">
        <v>22375</v>
      </c>
      <c r="I5730" s="1" t="s">
        <v>20952</v>
      </c>
      <c r="J5730" s="1" t="s">
        <v>22447</v>
      </c>
    </row>
    <row r="5731" spans="1:10" x14ac:dyDescent="0.35">
      <c r="A5731" s="1" t="s">
        <v>22370</v>
      </c>
      <c r="B5731" s="1" t="s">
        <v>20946</v>
      </c>
      <c r="C5731" s="1" t="s">
        <v>110</v>
      </c>
      <c r="D5731" s="1" t="s">
        <v>22448</v>
      </c>
      <c r="E5731" s="1" t="s">
        <v>22449</v>
      </c>
      <c r="F5731" s="1" t="s">
        <v>22450</v>
      </c>
      <c r="G5731" s="1" t="s">
        <v>22374</v>
      </c>
      <c r="H5731" s="1" t="s">
        <v>22375</v>
      </c>
      <c r="I5731" s="1" t="s">
        <v>20952</v>
      </c>
      <c r="J5731" s="1" t="s">
        <v>22451</v>
      </c>
    </row>
    <row r="5732" spans="1:10" x14ac:dyDescent="0.35">
      <c r="A5732" s="1" t="s">
        <v>22370</v>
      </c>
      <c r="B5732" s="1" t="s">
        <v>20946</v>
      </c>
      <c r="C5732" s="1" t="s">
        <v>115</v>
      </c>
      <c r="D5732" s="1" t="s">
        <v>22452</v>
      </c>
      <c r="E5732" s="1" t="s">
        <v>22453</v>
      </c>
      <c r="F5732" s="1" t="s">
        <v>22454</v>
      </c>
      <c r="G5732" s="1" t="s">
        <v>22374</v>
      </c>
      <c r="H5732" s="1" t="s">
        <v>22375</v>
      </c>
      <c r="I5732" s="1" t="s">
        <v>20952</v>
      </c>
      <c r="J5732" s="1" t="s">
        <v>22455</v>
      </c>
    </row>
    <row r="5733" spans="1:10" x14ac:dyDescent="0.35">
      <c r="A5733" s="1" t="s">
        <v>22370</v>
      </c>
      <c r="B5733" s="1" t="s">
        <v>20946</v>
      </c>
      <c r="C5733" s="1" t="s">
        <v>120</v>
      </c>
      <c r="D5733" s="1" t="s">
        <v>22456</v>
      </c>
      <c r="E5733" s="1" t="s">
        <v>22457</v>
      </c>
      <c r="F5733" s="1" t="s">
        <v>22458</v>
      </c>
      <c r="G5733" s="1" t="s">
        <v>22374</v>
      </c>
      <c r="H5733" s="1" t="s">
        <v>22375</v>
      </c>
      <c r="I5733" s="1" t="s">
        <v>20952</v>
      </c>
      <c r="J5733" s="1" t="s">
        <v>22459</v>
      </c>
    </row>
    <row r="5734" spans="1:10" x14ac:dyDescent="0.35">
      <c r="A5734" s="1" t="s">
        <v>22370</v>
      </c>
      <c r="B5734" s="1" t="s">
        <v>20946</v>
      </c>
      <c r="C5734" s="1" t="s">
        <v>125</v>
      </c>
      <c r="D5734" s="1" t="s">
        <v>22460</v>
      </c>
      <c r="E5734" s="1" t="s">
        <v>21517</v>
      </c>
      <c r="F5734" s="1" t="s">
        <v>22461</v>
      </c>
      <c r="G5734" s="1" t="s">
        <v>22374</v>
      </c>
      <c r="H5734" s="1" t="s">
        <v>22375</v>
      </c>
      <c r="I5734" s="1" t="s">
        <v>20952</v>
      </c>
      <c r="J5734" s="1" t="s">
        <v>22462</v>
      </c>
    </row>
    <row r="5735" spans="1:10" x14ac:dyDescent="0.35">
      <c r="A5735" s="1" t="s">
        <v>22370</v>
      </c>
      <c r="B5735" s="1" t="s">
        <v>20946</v>
      </c>
      <c r="C5735" s="1" t="s">
        <v>130</v>
      </c>
      <c r="D5735" s="1" t="s">
        <v>22463</v>
      </c>
      <c r="E5735" s="1" t="s">
        <v>22464</v>
      </c>
      <c r="F5735" s="1" t="s">
        <v>22465</v>
      </c>
      <c r="G5735" s="1" t="s">
        <v>22374</v>
      </c>
      <c r="H5735" s="1" t="s">
        <v>22375</v>
      </c>
      <c r="I5735" s="1" t="s">
        <v>20952</v>
      </c>
      <c r="J5735" s="1" t="s">
        <v>22466</v>
      </c>
    </row>
    <row r="5736" spans="1:10" x14ac:dyDescent="0.35">
      <c r="A5736" s="1" t="s">
        <v>22370</v>
      </c>
      <c r="B5736" s="1" t="s">
        <v>20946</v>
      </c>
      <c r="C5736" s="1" t="s">
        <v>135</v>
      </c>
      <c r="D5736" s="1" t="s">
        <v>22467</v>
      </c>
      <c r="E5736" s="1" t="s">
        <v>22468</v>
      </c>
      <c r="F5736" s="1" t="s">
        <v>22469</v>
      </c>
      <c r="G5736" s="1" t="s">
        <v>22374</v>
      </c>
      <c r="H5736" s="1" t="s">
        <v>22375</v>
      </c>
      <c r="I5736" s="1" t="s">
        <v>20952</v>
      </c>
      <c r="J5736" s="1" t="s">
        <v>22470</v>
      </c>
    </row>
    <row r="5737" spans="1:10" x14ac:dyDescent="0.35">
      <c r="A5737" s="1" t="s">
        <v>22370</v>
      </c>
      <c r="B5737" s="1" t="s">
        <v>20946</v>
      </c>
      <c r="C5737" s="1" t="s">
        <v>140</v>
      </c>
      <c r="D5737" s="1" t="s">
        <v>22471</v>
      </c>
      <c r="E5737" s="1" t="s">
        <v>21509</v>
      </c>
      <c r="F5737" s="1" t="s">
        <v>22472</v>
      </c>
      <c r="G5737" s="1" t="s">
        <v>22374</v>
      </c>
      <c r="H5737" s="1" t="s">
        <v>22375</v>
      </c>
      <c r="I5737" s="1" t="s">
        <v>20952</v>
      </c>
      <c r="J5737" s="1" t="s">
        <v>22473</v>
      </c>
    </row>
    <row r="5738" spans="1:10" x14ac:dyDescent="0.35">
      <c r="A5738" s="1" t="s">
        <v>22370</v>
      </c>
      <c r="B5738" s="1" t="s">
        <v>20946</v>
      </c>
      <c r="C5738" s="1" t="s">
        <v>145</v>
      </c>
      <c r="D5738" s="1" t="s">
        <v>22474</v>
      </c>
      <c r="E5738" s="1" t="s">
        <v>22475</v>
      </c>
      <c r="F5738" s="1" t="s">
        <v>22476</v>
      </c>
      <c r="G5738" s="1" t="s">
        <v>22374</v>
      </c>
      <c r="H5738" s="1" t="s">
        <v>22375</v>
      </c>
      <c r="I5738" s="1" t="s">
        <v>20952</v>
      </c>
      <c r="J5738" s="1" t="s">
        <v>22477</v>
      </c>
    </row>
    <row r="5739" spans="1:10" x14ac:dyDescent="0.35">
      <c r="A5739" s="1" t="s">
        <v>22370</v>
      </c>
      <c r="B5739" s="1" t="s">
        <v>20946</v>
      </c>
      <c r="C5739" s="1" t="s">
        <v>150</v>
      </c>
      <c r="D5739" s="1" t="s">
        <v>22478</v>
      </c>
      <c r="E5739" s="1" t="s">
        <v>22479</v>
      </c>
      <c r="F5739" s="1" t="s">
        <v>22480</v>
      </c>
      <c r="G5739" s="1" t="s">
        <v>22374</v>
      </c>
      <c r="H5739" s="1" t="s">
        <v>22375</v>
      </c>
      <c r="I5739" s="1" t="s">
        <v>20952</v>
      </c>
      <c r="J5739" s="1" t="s">
        <v>22481</v>
      </c>
    </row>
    <row r="5740" spans="1:10" x14ac:dyDescent="0.35">
      <c r="A5740" s="1" t="s">
        <v>22370</v>
      </c>
      <c r="B5740" s="1" t="s">
        <v>20946</v>
      </c>
      <c r="C5740" s="1" t="s">
        <v>155</v>
      </c>
      <c r="D5740" s="1" t="s">
        <v>22482</v>
      </c>
      <c r="E5740" s="1" t="s">
        <v>22483</v>
      </c>
      <c r="F5740" s="1" t="s">
        <v>22484</v>
      </c>
      <c r="G5740" s="1" t="s">
        <v>22374</v>
      </c>
      <c r="H5740" s="1" t="s">
        <v>22375</v>
      </c>
      <c r="I5740" s="1" t="s">
        <v>20952</v>
      </c>
      <c r="J5740" s="1" t="s">
        <v>22485</v>
      </c>
    </row>
    <row r="5741" spans="1:10" x14ac:dyDescent="0.35">
      <c r="A5741" s="1" t="s">
        <v>22370</v>
      </c>
      <c r="B5741" s="1" t="s">
        <v>20946</v>
      </c>
      <c r="C5741" s="1" t="s">
        <v>160</v>
      </c>
      <c r="D5741" s="1" t="s">
        <v>22486</v>
      </c>
      <c r="E5741" s="1" t="s">
        <v>22487</v>
      </c>
      <c r="F5741" s="1" t="s">
        <v>22488</v>
      </c>
      <c r="G5741" s="1" t="s">
        <v>22374</v>
      </c>
      <c r="H5741" s="1" t="s">
        <v>22375</v>
      </c>
      <c r="I5741" s="1" t="s">
        <v>20952</v>
      </c>
      <c r="J5741" s="1" t="s">
        <v>22489</v>
      </c>
    </row>
    <row r="5742" spans="1:10" x14ac:dyDescent="0.35">
      <c r="A5742" s="1" t="s">
        <v>22370</v>
      </c>
      <c r="B5742" s="1" t="s">
        <v>20946</v>
      </c>
      <c r="C5742" s="1" t="s">
        <v>165</v>
      </c>
      <c r="D5742" s="1" t="s">
        <v>22490</v>
      </c>
      <c r="E5742" s="1" t="s">
        <v>22381</v>
      </c>
      <c r="F5742" s="1" t="s">
        <v>22491</v>
      </c>
      <c r="G5742" s="1" t="s">
        <v>22374</v>
      </c>
      <c r="H5742" s="1" t="s">
        <v>22375</v>
      </c>
      <c r="I5742" s="1" t="s">
        <v>20952</v>
      </c>
      <c r="J5742" s="1" t="s">
        <v>22492</v>
      </c>
    </row>
    <row r="5743" spans="1:10" x14ac:dyDescent="0.35">
      <c r="A5743" s="1" t="s">
        <v>22370</v>
      </c>
      <c r="B5743" s="1" t="s">
        <v>20946</v>
      </c>
      <c r="C5743" s="1" t="s">
        <v>170</v>
      </c>
      <c r="D5743" s="1" t="s">
        <v>22493</v>
      </c>
      <c r="E5743" s="1" t="s">
        <v>22494</v>
      </c>
      <c r="F5743" s="1" t="s">
        <v>22495</v>
      </c>
      <c r="G5743" s="1" t="s">
        <v>22374</v>
      </c>
      <c r="H5743" s="1" t="s">
        <v>22375</v>
      </c>
      <c r="I5743" s="1" t="s">
        <v>20952</v>
      </c>
      <c r="J5743" s="1" t="s">
        <v>22496</v>
      </c>
    </row>
    <row r="5744" spans="1:10" x14ac:dyDescent="0.35">
      <c r="A5744" s="1" t="s">
        <v>22497</v>
      </c>
      <c r="B5744" s="1" t="s">
        <v>20946</v>
      </c>
      <c r="C5744" s="1" t="s">
        <v>8</v>
      </c>
      <c r="D5744" s="1" t="s">
        <v>22498</v>
      </c>
      <c r="E5744" s="1" t="s">
        <v>22499</v>
      </c>
      <c r="F5744" s="1" t="s">
        <v>22500</v>
      </c>
      <c r="G5744" s="1" t="s">
        <v>22501</v>
      </c>
      <c r="H5744" s="1" t="s">
        <v>22502</v>
      </c>
      <c r="I5744" s="1" t="s">
        <v>20952</v>
      </c>
      <c r="J5744" s="1" t="s">
        <v>13</v>
      </c>
    </row>
    <row r="5745" spans="1:10" x14ac:dyDescent="0.35">
      <c r="A5745" s="1" t="s">
        <v>22497</v>
      </c>
      <c r="B5745" s="1" t="s">
        <v>20946</v>
      </c>
      <c r="C5745" s="1" t="s">
        <v>15</v>
      </c>
      <c r="D5745" s="1" t="s">
        <v>22503</v>
      </c>
      <c r="E5745" s="1" t="s">
        <v>22504</v>
      </c>
      <c r="F5745" s="1" t="s">
        <v>22505</v>
      </c>
      <c r="G5745" s="1" t="s">
        <v>22501</v>
      </c>
      <c r="H5745" s="1" t="s">
        <v>22502</v>
      </c>
      <c r="I5745" s="1" t="s">
        <v>20952</v>
      </c>
      <c r="J5745" s="1" t="s">
        <v>22506</v>
      </c>
    </row>
    <row r="5746" spans="1:10" x14ac:dyDescent="0.35">
      <c r="A5746" s="1" t="s">
        <v>22497</v>
      </c>
      <c r="B5746" s="1" t="s">
        <v>20946</v>
      </c>
      <c r="C5746" s="1" t="s">
        <v>20</v>
      </c>
      <c r="D5746" s="1" t="s">
        <v>22507</v>
      </c>
      <c r="E5746" s="1" t="s">
        <v>22508</v>
      </c>
      <c r="F5746" s="1" t="s">
        <v>22509</v>
      </c>
      <c r="G5746" s="1" t="s">
        <v>22501</v>
      </c>
      <c r="H5746" s="1" t="s">
        <v>22502</v>
      </c>
      <c r="I5746" s="1" t="s">
        <v>20952</v>
      </c>
      <c r="J5746" s="1" t="s">
        <v>22510</v>
      </c>
    </row>
    <row r="5747" spans="1:10" x14ac:dyDescent="0.35">
      <c r="A5747" s="1" t="s">
        <v>22497</v>
      </c>
      <c r="B5747" s="1" t="s">
        <v>20946</v>
      </c>
      <c r="C5747" s="1" t="s">
        <v>25</v>
      </c>
      <c r="D5747" s="1" t="s">
        <v>22511</v>
      </c>
      <c r="E5747" s="1" t="s">
        <v>22512</v>
      </c>
      <c r="F5747" s="1" t="s">
        <v>22513</v>
      </c>
      <c r="G5747" s="1" t="s">
        <v>22501</v>
      </c>
      <c r="H5747" s="1" t="s">
        <v>22502</v>
      </c>
      <c r="I5747" s="1" t="s">
        <v>20952</v>
      </c>
      <c r="J5747" s="1" t="s">
        <v>22514</v>
      </c>
    </row>
    <row r="5748" spans="1:10" x14ac:dyDescent="0.35">
      <c r="A5748" s="1" t="s">
        <v>22497</v>
      </c>
      <c r="B5748" s="1" t="s">
        <v>20946</v>
      </c>
      <c r="C5748" s="1" t="s">
        <v>30</v>
      </c>
      <c r="D5748" s="1" t="s">
        <v>22515</v>
      </c>
      <c r="E5748" s="1" t="s">
        <v>22516</v>
      </c>
      <c r="F5748" s="1" t="s">
        <v>22517</v>
      </c>
      <c r="G5748" s="1" t="s">
        <v>22501</v>
      </c>
      <c r="H5748" s="1" t="s">
        <v>22502</v>
      </c>
      <c r="I5748" s="1" t="s">
        <v>20952</v>
      </c>
      <c r="J5748" s="1" t="s">
        <v>22518</v>
      </c>
    </row>
    <row r="5749" spans="1:10" x14ac:dyDescent="0.35">
      <c r="A5749" s="1" t="s">
        <v>22497</v>
      </c>
      <c r="B5749" s="1" t="s">
        <v>20946</v>
      </c>
      <c r="C5749" s="1" t="s">
        <v>35</v>
      </c>
      <c r="D5749" s="1" t="s">
        <v>22519</v>
      </c>
      <c r="E5749" s="1" t="s">
        <v>22520</v>
      </c>
      <c r="F5749" s="1" t="s">
        <v>22521</v>
      </c>
      <c r="G5749" s="1" t="s">
        <v>22501</v>
      </c>
      <c r="H5749" s="1" t="s">
        <v>22502</v>
      </c>
      <c r="I5749" s="1" t="s">
        <v>20952</v>
      </c>
      <c r="J5749" s="1" t="s">
        <v>22522</v>
      </c>
    </row>
    <row r="5750" spans="1:10" x14ac:dyDescent="0.35">
      <c r="A5750" s="1" t="s">
        <v>22497</v>
      </c>
      <c r="B5750" s="1" t="s">
        <v>20946</v>
      </c>
      <c r="C5750" s="1" t="s">
        <v>40</v>
      </c>
      <c r="D5750" s="1" t="s">
        <v>22523</v>
      </c>
      <c r="E5750" s="1" t="s">
        <v>22524</v>
      </c>
      <c r="F5750" s="1" t="s">
        <v>22525</v>
      </c>
      <c r="G5750" s="1" t="s">
        <v>22501</v>
      </c>
      <c r="H5750" s="1" t="s">
        <v>22502</v>
      </c>
      <c r="I5750" s="1" t="s">
        <v>20952</v>
      </c>
      <c r="J5750" s="1" t="s">
        <v>22526</v>
      </c>
    </row>
    <row r="5751" spans="1:10" x14ac:dyDescent="0.35">
      <c r="A5751" s="1" t="s">
        <v>22497</v>
      </c>
      <c r="B5751" s="1" t="s">
        <v>20946</v>
      </c>
      <c r="C5751" s="1" t="s">
        <v>45</v>
      </c>
      <c r="D5751" s="1" t="s">
        <v>22527</v>
      </c>
      <c r="E5751" s="1" t="s">
        <v>22528</v>
      </c>
      <c r="F5751" s="1" t="s">
        <v>22529</v>
      </c>
      <c r="G5751" s="1" t="s">
        <v>22501</v>
      </c>
      <c r="H5751" s="1" t="s">
        <v>22502</v>
      </c>
      <c r="I5751" s="1" t="s">
        <v>20952</v>
      </c>
      <c r="J5751" s="1" t="s">
        <v>22530</v>
      </c>
    </row>
    <row r="5752" spans="1:10" x14ac:dyDescent="0.35">
      <c r="A5752" s="1" t="s">
        <v>22497</v>
      </c>
      <c r="B5752" s="1" t="s">
        <v>20946</v>
      </c>
      <c r="C5752" s="1" t="s">
        <v>50</v>
      </c>
      <c r="D5752" s="1" t="s">
        <v>22531</v>
      </c>
      <c r="E5752" s="1" t="s">
        <v>22532</v>
      </c>
      <c r="F5752" s="1" t="s">
        <v>22533</v>
      </c>
      <c r="G5752" s="1" t="s">
        <v>22501</v>
      </c>
      <c r="H5752" s="1" t="s">
        <v>22502</v>
      </c>
      <c r="I5752" s="1" t="s">
        <v>20952</v>
      </c>
      <c r="J5752" s="1" t="s">
        <v>22534</v>
      </c>
    </row>
    <row r="5753" spans="1:10" x14ac:dyDescent="0.35">
      <c r="A5753" s="1" t="s">
        <v>22497</v>
      </c>
      <c r="B5753" s="1" t="s">
        <v>20946</v>
      </c>
      <c r="C5753" s="1" t="s">
        <v>55</v>
      </c>
      <c r="D5753" s="1" t="s">
        <v>22535</v>
      </c>
      <c r="E5753" s="1" t="s">
        <v>22536</v>
      </c>
      <c r="F5753" s="1" t="s">
        <v>22537</v>
      </c>
      <c r="G5753" s="1" t="s">
        <v>22501</v>
      </c>
      <c r="H5753" s="1" t="s">
        <v>22502</v>
      </c>
      <c r="I5753" s="1" t="s">
        <v>20952</v>
      </c>
      <c r="J5753" s="1" t="s">
        <v>22538</v>
      </c>
    </row>
    <row r="5754" spans="1:10" x14ac:dyDescent="0.35">
      <c r="A5754" s="1" t="s">
        <v>22497</v>
      </c>
      <c r="B5754" s="1" t="s">
        <v>20946</v>
      </c>
      <c r="C5754" s="1" t="s">
        <v>60</v>
      </c>
      <c r="D5754" s="1" t="s">
        <v>22539</v>
      </c>
      <c r="E5754" s="1" t="s">
        <v>22540</v>
      </c>
      <c r="F5754" s="1" t="s">
        <v>22541</v>
      </c>
      <c r="G5754" s="1" t="s">
        <v>22501</v>
      </c>
      <c r="H5754" s="1" t="s">
        <v>22502</v>
      </c>
      <c r="I5754" s="1" t="s">
        <v>20952</v>
      </c>
      <c r="J5754" s="1" t="s">
        <v>22542</v>
      </c>
    </row>
    <row r="5755" spans="1:10" x14ac:dyDescent="0.35">
      <c r="A5755" s="1" t="s">
        <v>22497</v>
      </c>
      <c r="B5755" s="1" t="s">
        <v>20946</v>
      </c>
      <c r="C5755" s="1" t="s">
        <v>65</v>
      </c>
      <c r="D5755" s="1" t="s">
        <v>22543</v>
      </c>
      <c r="E5755" s="1" t="s">
        <v>22544</v>
      </c>
      <c r="F5755" s="1" t="s">
        <v>22545</v>
      </c>
      <c r="G5755" s="1" t="s">
        <v>22501</v>
      </c>
      <c r="H5755" s="1" t="s">
        <v>22502</v>
      </c>
      <c r="I5755" s="1" t="s">
        <v>20952</v>
      </c>
      <c r="J5755" s="1" t="s">
        <v>22546</v>
      </c>
    </row>
    <row r="5756" spans="1:10" x14ac:dyDescent="0.35">
      <c r="A5756" s="1" t="s">
        <v>22497</v>
      </c>
      <c r="B5756" s="1" t="s">
        <v>20946</v>
      </c>
      <c r="C5756" s="1" t="s">
        <v>70</v>
      </c>
      <c r="D5756" s="1" t="s">
        <v>22547</v>
      </c>
      <c r="E5756" s="1" t="s">
        <v>22548</v>
      </c>
      <c r="F5756" s="1" t="s">
        <v>22549</v>
      </c>
      <c r="G5756" s="1" t="s">
        <v>22501</v>
      </c>
      <c r="H5756" s="1" t="s">
        <v>22502</v>
      </c>
      <c r="I5756" s="1" t="s">
        <v>20952</v>
      </c>
      <c r="J5756" s="1" t="s">
        <v>22550</v>
      </c>
    </row>
    <row r="5757" spans="1:10" x14ac:dyDescent="0.35">
      <c r="A5757" s="1" t="s">
        <v>22497</v>
      </c>
      <c r="B5757" s="1" t="s">
        <v>20946</v>
      </c>
      <c r="C5757" s="1" t="s">
        <v>75</v>
      </c>
      <c r="D5757" s="1" t="s">
        <v>22551</v>
      </c>
      <c r="E5757" s="1" t="s">
        <v>22552</v>
      </c>
      <c r="F5757" s="1" t="s">
        <v>22553</v>
      </c>
      <c r="G5757" s="1" t="s">
        <v>22501</v>
      </c>
      <c r="H5757" s="1" t="s">
        <v>22502</v>
      </c>
      <c r="I5757" s="1" t="s">
        <v>20952</v>
      </c>
      <c r="J5757" s="1" t="s">
        <v>22554</v>
      </c>
    </row>
    <row r="5758" spans="1:10" x14ac:dyDescent="0.35">
      <c r="A5758" s="1" t="s">
        <v>22497</v>
      </c>
      <c r="B5758" s="1" t="s">
        <v>20946</v>
      </c>
      <c r="C5758" s="1" t="s">
        <v>80</v>
      </c>
      <c r="D5758" s="1" t="s">
        <v>22555</v>
      </c>
      <c r="E5758" s="1" t="s">
        <v>22556</v>
      </c>
      <c r="F5758" s="1" t="s">
        <v>22557</v>
      </c>
      <c r="G5758" s="1" t="s">
        <v>22501</v>
      </c>
      <c r="H5758" s="1" t="s">
        <v>22502</v>
      </c>
      <c r="I5758" s="1" t="s">
        <v>20952</v>
      </c>
      <c r="J5758" s="1" t="s">
        <v>22558</v>
      </c>
    </row>
    <row r="5759" spans="1:10" x14ac:dyDescent="0.35">
      <c r="A5759" s="1" t="s">
        <v>22497</v>
      </c>
      <c r="B5759" s="1" t="s">
        <v>20946</v>
      </c>
      <c r="C5759" s="1" t="s">
        <v>85</v>
      </c>
      <c r="D5759" s="1" t="s">
        <v>22559</v>
      </c>
      <c r="E5759" s="1" t="s">
        <v>22560</v>
      </c>
      <c r="F5759" s="1" t="s">
        <v>22561</v>
      </c>
      <c r="G5759" s="1" t="s">
        <v>22501</v>
      </c>
      <c r="H5759" s="1" t="s">
        <v>22502</v>
      </c>
      <c r="I5759" s="1" t="s">
        <v>20952</v>
      </c>
      <c r="J5759" s="1" t="s">
        <v>22562</v>
      </c>
    </row>
    <row r="5760" spans="1:10" x14ac:dyDescent="0.35">
      <c r="A5760" s="1" t="s">
        <v>22497</v>
      </c>
      <c r="B5760" s="1" t="s">
        <v>20946</v>
      </c>
      <c r="C5760" s="1" t="s">
        <v>90</v>
      </c>
      <c r="D5760" s="1" t="s">
        <v>22563</v>
      </c>
      <c r="E5760" s="1" t="s">
        <v>22564</v>
      </c>
      <c r="F5760" s="1" t="s">
        <v>22565</v>
      </c>
      <c r="G5760" s="1" t="s">
        <v>22501</v>
      </c>
      <c r="H5760" s="1" t="s">
        <v>22502</v>
      </c>
      <c r="I5760" s="1" t="s">
        <v>20952</v>
      </c>
      <c r="J5760" s="1" t="s">
        <v>22566</v>
      </c>
    </row>
    <row r="5761" spans="1:10" x14ac:dyDescent="0.35">
      <c r="A5761" s="1" t="s">
        <v>22497</v>
      </c>
      <c r="B5761" s="1" t="s">
        <v>20946</v>
      </c>
      <c r="C5761" s="1" t="s">
        <v>95</v>
      </c>
      <c r="D5761" s="1" t="s">
        <v>22567</v>
      </c>
      <c r="E5761" s="1" t="s">
        <v>22568</v>
      </c>
      <c r="F5761" s="1" t="s">
        <v>22569</v>
      </c>
      <c r="G5761" s="1" t="s">
        <v>22501</v>
      </c>
      <c r="H5761" s="1" t="s">
        <v>22502</v>
      </c>
      <c r="I5761" s="1" t="s">
        <v>20952</v>
      </c>
      <c r="J5761" s="1" t="s">
        <v>22570</v>
      </c>
    </row>
    <row r="5762" spans="1:10" x14ac:dyDescent="0.35">
      <c r="A5762" s="1" t="s">
        <v>22497</v>
      </c>
      <c r="B5762" s="1" t="s">
        <v>20946</v>
      </c>
      <c r="C5762" s="1" t="s">
        <v>100</v>
      </c>
      <c r="D5762" s="1" t="s">
        <v>22571</v>
      </c>
      <c r="E5762" s="1" t="s">
        <v>22572</v>
      </c>
      <c r="F5762" s="1" t="s">
        <v>22573</v>
      </c>
      <c r="G5762" s="1" t="s">
        <v>22501</v>
      </c>
      <c r="H5762" s="1" t="s">
        <v>22502</v>
      </c>
      <c r="I5762" s="1" t="s">
        <v>20952</v>
      </c>
      <c r="J5762" s="1" t="s">
        <v>22574</v>
      </c>
    </row>
    <row r="5763" spans="1:10" x14ac:dyDescent="0.35">
      <c r="A5763" s="1" t="s">
        <v>22497</v>
      </c>
      <c r="B5763" s="1" t="s">
        <v>20946</v>
      </c>
      <c r="C5763" s="1" t="s">
        <v>105</v>
      </c>
      <c r="D5763" s="1" t="s">
        <v>22575</v>
      </c>
      <c r="E5763" s="1" t="s">
        <v>22576</v>
      </c>
      <c r="F5763" s="1" t="s">
        <v>22577</v>
      </c>
      <c r="G5763" s="1" t="s">
        <v>22501</v>
      </c>
      <c r="H5763" s="1" t="s">
        <v>22502</v>
      </c>
      <c r="I5763" s="1" t="s">
        <v>20952</v>
      </c>
      <c r="J5763" s="1" t="s">
        <v>22578</v>
      </c>
    </row>
    <row r="5764" spans="1:10" x14ac:dyDescent="0.35">
      <c r="A5764" s="1" t="s">
        <v>22497</v>
      </c>
      <c r="B5764" s="1" t="s">
        <v>20946</v>
      </c>
      <c r="C5764" s="1" t="s">
        <v>110</v>
      </c>
      <c r="D5764" s="1" t="s">
        <v>22579</v>
      </c>
      <c r="E5764" s="1" t="s">
        <v>22580</v>
      </c>
      <c r="F5764" s="1" t="s">
        <v>22581</v>
      </c>
      <c r="G5764" s="1" t="s">
        <v>22501</v>
      </c>
      <c r="H5764" s="1" t="s">
        <v>22502</v>
      </c>
      <c r="I5764" s="1" t="s">
        <v>20952</v>
      </c>
      <c r="J5764" s="1" t="s">
        <v>22582</v>
      </c>
    </row>
    <row r="5765" spans="1:10" x14ac:dyDescent="0.35">
      <c r="A5765" s="1" t="s">
        <v>22497</v>
      </c>
      <c r="B5765" s="1" t="s">
        <v>20946</v>
      </c>
      <c r="C5765" s="1" t="s">
        <v>115</v>
      </c>
      <c r="D5765" s="1" t="s">
        <v>22583</v>
      </c>
      <c r="E5765" s="1" t="s">
        <v>22584</v>
      </c>
      <c r="F5765" s="1" t="s">
        <v>22585</v>
      </c>
      <c r="G5765" s="1" t="s">
        <v>22501</v>
      </c>
      <c r="H5765" s="1" t="s">
        <v>22502</v>
      </c>
      <c r="I5765" s="1" t="s">
        <v>20952</v>
      </c>
      <c r="J5765" s="1" t="s">
        <v>22586</v>
      </c>
    </row>
    <row r="5766" spans="1:10" x14ac:dyDescent="0.35">
      <c r="A5766" s="1" t="s">
        <v>22497</v>
      </c>
      <c r="B5766" s="1" t="s">
        <v>20946</v>
      </c>
      <c r="C5766" s="1" t="s">
        <v>120</v>
      </c>
      <c r="D5766" s="1" t="s">
        <v>22587</v>
      </c>
      <c r="E5766" s="1" t="s">
        <v>22588</v>
      </c>
      <c r="F5766" s="1" t="s">
        <v>22589</v>
      </c>
      <c r="G5766" s="1" t="s">
        <v>22501</v>
      </c>
      <c r="H5766" s="1" t="s">
        <v>22502</v>
      </c>
      <c r="I5766" s="1" t="s">
        <v>20952</v>
      </c>
      <c r="J5766" s="1" t="s">
        <v>22590</v>
      </c>
    </row>
    <row r="5767" spans="1:10" x14ac:dyDescent="0.35">
      <c r="A5767" s="1" t="s">
        <v>22497</v>
      </c>
      <c r="B5767" s="1" t="s">
        <v>20946</v>
      </c>
      <c r="C5767" s="1" t="s">
        <v>125</v>
      </c>
      <c r="D5767" s="1" t="s">
        <v>16743</v>
      </c>
      <c r="E5767" s="1" t="s">
        <v>22591</v>
      </c>
      <c r="F5767" s="1" t="s">
        <v>22592</v>
      </c>
      <c r="G5767" s="1" t="s">
        <v>22501</v>
      </c>
      <c r="H5767" s="1" t="s">
        <v>22502</v>
      </c>
      <c r="I5767" s="1" t="s">
        <v>20952</v>
      </c>
      <c r="J5767" s="1" t="s">
        <v>22593</v>
      </c>
    </row>
    <row r="5768" spans="1:10" x14ac:dyDescent="0.35">
      <c r="A5768" s="1" t="s">
        <v>22497</v>
      </c>
      <c r="B5768" s="1" t="s">
        <v>20946</v>
      </c>
      <c r="C5768" s="1" t="s">
        <v>130</v>
      </c>
      <c r="D5768" s="1" t="s">
        <v>22594</v>
      </c>
      <c r="E5768" s="1" t="s">
        <v>22595</v>
      </c>
      <c r="F5768" s="1" t="s">
        <v>22596</v>
      </c>
      <c r="G5768" s="1" t="s">
        <v>22501</v>
      </c>
      <c r="H5768" s="1" t="s">
        <v>22502</v>
      </c>
      <c r="I5768" s="1" t="s">
        <v>20952</v>
      </c>
      <c r="J5768" s="1" t="s">
        <v>22597</v>
      </c>
    </row>
    <row r="5769" spans="1:10" x14ac:dyDescent="0.35">
      <c r="A5769" s="1" t="s">
        <v>22497</v>
      </c>
      <c r="B5769" s="1" t="s">
        <v>20946</v>
      </c>
      <c r="C5769" s="1" t="s">
        <v>135</v>
      </c>
      <c r="D5769" s="1" t="s">
        <v>22598</v>
      </c>
      <c r="E5769" s="1" t="s">
        <v>22599</v>
      </c>
      <c r="F5769" s="1" t="s">
        <v>22600</v>
      </c>
      <c r="G5769" s="1" t="s">
        <v>22501</v>
      </c>
      <c r="H5769" s="1" t="s">
        <v>22502</v>
      </c>
      <c r="I5769" s="1" t="s">
        <v>20952</v>
      </c>
      <c r="J5769" s="1" t="s">
        <v>22601</v>
      </c>
    </row>
    <row r="5770" spans="1:10" x14ac:dyDescent="0.35">
      <c r="A5770" s="1" t="s">
        <v>22497</v>
      </c>
      <c r="B5770" s="1" t="s">
        <v>20946</v>
      </c>
      <c r="C5770" s="1" t="s">
        <v>140</v>
      </c>
      <c r="D5770" s="1" t="s">
        <v>22602</v>
      </c>
      <c r="E5770" s="1" t="s">
        <v>22603</v>
      </c>
      <c r="F5770" s="1" t="s">
        <v>22604</v>
      </c>
      <c r="G5770" s="1" t="s">
        <v>22501</v>
      </c>
      <c r="H5770" s="1" t="s">
        <v>22502</v>
      </c>
      <c r="I5770" s="1" t="s">
        <v>20952</v>
      </c>
      <c r="J5770" s="1" t="s">
        <v>22605</v>
      </c>
    </row>
    <row r="5771" spans="1:10" x14ac:dyDescent="0.35">
      <c r="A5771" s="1" t="s">
        <v>22497</v>
      </c>
      <c r="B5771" s="1" t="s">
        <v>20946</v>
      </c>
      <c r="C5771" s="1" t="s">
        <v>145</v>
      </c>
      <c r="D5771" s="1" t="s">
        <v>22606</v>
      </c>
      <c r="E5771" s="1" t="s">
        <v>22607</v>
      </c>
      <c r="F5771" s="1" t="s">
        <v>22608</v>
      </c>
      <c r="G5771" s="1" t="s">
        <v>22501</v>
      </c>
      <c r="H5771" s="1" t="s">
        <v>22502</v>
      </c>
      <c r="I5771" s="1" t="s">
        <v>20952</v>
      </c>
      <c r="J5771" s="1" t="s">
        <v>22609</v>
      </c>
    </row>
    <row r="5772" spans="1:10" x14ac:dyDescent="0.35">
      <c r="A5772" s="1" t="s">
        <v>22497</v>
      </c>
      <c r="B5772" s="1" t="s">
        <v>20946</v>
      </c>
      <c r="C5772" s="1" t="s">
        <v>150</v>
      </c>
      <c r="D5772" s="1" t="s">
        <v>22610</v>
      </c>
      <c r="E5772" s="1" t="s">
        <v>22611</v>
      </c>
      <c r="F5772" s="1" t="s">
        <v>22612</v>
      </c>
      <c r="G5772" s="1" t="s">
        <v>22501</v>
      </c>
      <c r="H5772" s="1" t="s">
        <v>22502</v>
      </c>
      <c r="I5772" s="1" t="s">
        <v>20952</v>
      </c>
      <c r="J5772" s="1" t="s">
        <v>22613</v>
      </c>
    </row>
    <row r="5773" spans="1:10" x14ac:dyDescent="0.35">
      <c r="A5773" s="1" t="s">
        <v>22497</v>
      </c>
      <c r="B5773" s="1" t="s">
        <v>20946</v>
      </c>
      <c r="C5773" s="1" t="s">
        <v>155</v>
      </c>
      <c r="D5773" s="1" t="s">
        <v>22614</v>
      </c>
      <c r="E5773" s="1" t="s">
        <v>22615</v>
      </c>
      <c r="F5773" s="1" t="s">
        <v>22616</v>
      </c>
      <c r="G5773" s="1" t="s">
        <v>22501</v>
      </c>
      <c r="H5773" s="1" t="s">
        <v>22502</v>
      </c>
      <c r="I5773" s="1" t="s">
        <v>20952</v>
      </c>
      <c r="J5773" s="1" t="s">
        <v>22617</v>
      </c>
    </row>
    <row r="5774" spans="1:10" x14ac:dyDescent="0.35">
      <c r="A5774" s="1" t="s">
        <v>22497</v>
      </c>
      <c r="B5774" s="1" t="s">
        <v>20946</v>
      </c>
      <c r="C5774" s="1" t="s">
        <v>160</v>
      </c>
      <c r="D5774" s="1" t="s">
        <v>22618</v>
      </c>
      <c r="E5774" s="1" t="s">
        <v>22619</v>
      </c>
      <c r="F5774" s="1" t="s">
        <v>22620</v>
      </c>
      <c r="G5774" s="1" t="s">
        <v>22501</v>
      </c>
      <c r="H5774" s="1" t="s">
        <v>22502</v>
      </c>
      <c r="I5774" s="1" t="s">
        <v>20952</v>
      </c>
      <c r="J5774" s="1" t="s">
        <v>22621</v>
      </c>
    </row>
    <row r="5775" spans="1:10" x14ac:dyDescent="0.35">
      <c r="A5775" s="1" t="s">
        <v>22497</v>
      </c>
      <c r="B5775" s="1" t="s">
        <v>20946</v>
      </c>
      <c r="C5775" s="1" t="s">
        <v>165</v>
      </c>
      <c r="D5775" s="1" t="s">
        <v>22622</v>
      </c>
      <c r="E5775" s="1" t="s">
        <v>22623</v>
      </c>
      <c r="F5775" s="1" t="s">
        <v>22624</v>
      </c>
      <c r="G5775" s="1" t="s">
        <v>22501</v>
      </c>
      <c r="H5775" s="1" t="s">
        <v>22502</v>
      </c>
      <c r="I5775" s="1" t="s">
        <v>20952</v>
      </c>
      <c r="J5775" s="1" t="s">
        <v>22625</v>
      </c>
    </row>
    <row r="5776" spans="1:10" x14ac:dyDescent="0.35">
      <c r="A5776" s="1" t="s">
        <v>22497</v>
      </c>
      <c r="B5776" s="1" t="s">
        <v>20946</v>
      </c>
      <c r="C5776" s="1" t="s">
        <v>170</v>
      </c>
      <c r="D5776" s="1" t="s">
        <v>22626</v>
      </c>
      <c r="E5776" s="1" t="s">
        <v>22627</v>
      </c>
      <c r="F5776" s="1" t="s">
        <v>22628</v>
      </c>
      <c r="G5776" s="1" t="s">
        <v>22501</v>
      </c>
      <c r="H5776" s="1" t="s">
        <v>22502</v>
      </c>
      <c r="I5776" s="1" t="s">
        <v>20952</v>
      </c>
      <c r="J5776" s="1" t="s">
        <v>22629</v>
      </c>
    </row>
    <row r="5777" spans="1:10" x14ac:dyDescent="0.35">
      <c r="A5777" s="1" t="s">
        <v>22630</v>
      </c>
      <c r="B5777" s="1" t="s">
        <v>20946</v>
      </c>
      <c r="C5777" s="1" t="s">
        <v>8</v>
      </c>
      <c r="D5777" s="1" t="s">
        <v>22631</v>
      </c>
      <c r="E5777" s="1" t="s">
        <v>22632</v>
      </c>
      <c r="F5777" s="1" t="s">
        <v>22633</v>
      </c>
      <c r="G5777" s="1" t="s">
        <v>22634</v>
      </c>
      <c r="H5777" s="1" t="s">
        <v>22635</v>
      </c>
      <c r="I5777" s="1" t="s">
        <v>20952</v>
      </c>
      <c r="J5777" s="1" t="s">
        <v>13</v>
      </c>
    </row>
    <row r="5778" spans="1:10" x14ac:dyDescent="0.35">
      <c r="A5778" s="1" t="s">
        <v>22630</v>
      </c>
      <c r="B5778" s="1" t="s">
        <v>20946</v>
      </c>
      <c r="C5778" s="1" t="s">
        <v>15</v>
      </c>
      <c r="D5778" s="1" t="s">
        <v>22636</v>
      </c>
      <c r="E5778" s="1" t="s">
        <v>22637</v>
      </c>
      <c r="F5778" s="1" t="s">
        <v>22638</v>
      </c>
      <c r="G5778" s="1" t="s">
        <v>22634</v>
      </c>
      <c r="H5778" s="1" t="s">
        <v>22635</v>
      </c>
      <c r="I5778" s="1" t="s">
        <v>20952</v>
      </c>
      <c r="J5778" s="1" t="s">
        <v>22639</v>
      </c>
    </row>
    <row r="5779" spans="1:10" x14ac:dyDescent="0.35">
      <c r="A5779" s="1" t="s">
        <v>22630</v>
      </c>
      <c r="B5779" s="1" t="s">
        <v>20946</v>
      </c>
      <c r="C5779" s="1" t="s">
        <v>20</v>
      </c>
      <c r="D5779" s="1" t="s">
        <v>22640</v>
      </c>
      <c r="E5779" s="1" t="s">
        <v>22641</v>
      </c>
      <c r="F5779" s="1" t="s">
        <v>22642</v>
      </c>
      <c r="G5779" s="1" t="s">
        <v>22634</v>
      </c>
      <c r="H5779" s="1" t="s">
        <v>22635</v>
      </c>
      <c r="I5779" s="1" t="s">
        <v>20952</v>
      </c>
      <c r="J5779" s="1" t="s">
        <v>22643</v>
      </c>
    </row>
    <row r="5780" spans="1:10" x14ac:dyDescent="0.35">
      <c r="A5780" s="1" t="s">
        <v>22630</v>
      </c>
      <c r="B5780" s="1" t="s">
        <v>20946</v>
      </c>
      <c r="C5780" s="1" t="s">
        <v>25</v>
      </c>
      <c r="D5780" s="1" t="s">
        <v>22644</v>
      </c>
      <c r="E5780" s="1" t="s">
        <v>22645</v>
      </c>
      <c r="F5780" s="1" t="s">
        <v>22646</v>
      </c>
      <c r="G5780" s="1" t="s">
        <v>22634</v>
      </c>
      <c r="H5780" s="1" t="s">
        <v>22635</v>
      </c>
      <c r="I5780" s="1" t="s">
        <v>20952</v>
      </c>
      <c r="J5780" s="1" t="s">
        <v>22647</v>
      </c>
    </row>
    <row r="5781" spans="1:10" x14ac:dyDescent="0.35">
      <c r="A5781" s="1" t="s">
        <v>22630</v>
      </c>
      <c r="B5781" s="1" t="s">
        <v>20946</v>
      </c>
      <c r="C5781" s="1" t="s">
        <v>30</v>
      </c>
      <c r="D5781" s="1" t="s">
        <v>22648</v>
      </c>
      <c r="E5781" s="1" t="s">
        <v>22649</v>
      </c>
      <c r="F5781" s="1" t="s">
        <v>22650</v>
      </c>
      <c r="G5781" s="1" t="s">
        <v>22634</v>
      </c>
      <c r="H5781" s="1" t="s">
        <v>22635</v>
      </c>
      <c r="I5781" s="1" t="s">
        <v>20952</v>
      </c>
      <c r="J5781" s="1" t="s">
        <v>22651</v>
      </c>
    </row>
    <row r="5782" spans="1:10" x14ac:dyDescent="0.35">
      <c r="A5782" s="1" t="s">
        <v>22630</v>
      </c>
      <c r="B5782" s="1" t="s">
        <v>20946</v>
      </c>
      <c r="C5782" s="1" t="s">
        <v>35</v>
      </c>
      <c r="D5782" s="1" t="s">
        <v>22652</v>
      </c>
      <c r="E5782" s="1" t="s">
        <v>22653</v>
      </c>
      <c r="F5782" s="1" t="s">
        <v>22654</v>
      </c>
      <c r="G5782" s="1" t="s">
        <v>22634</v>
      </c>
      <c r="H5782" s="1" t="s">
        <v>22635</v>
      </c>
      <c r="I5782" s="1" t="s">
        <v>20952</v>
      </c>
      <c r="J5782" s="1" t="s">
        <v>22655</v>
      </c>
    </row>
    <row r="5783" spans="1:10" x14ac:dyDescent="0.35">
      <c r="A5783" s="1" t="s">
        <v>22630</v>
      </c>
      <c r="B5783" s="1" t="s">
        <v>20946</v>
      </c>
      <c r="C5783" s="1" t="s">
        <v>40</v>
      </c>
      <c r="D5783" s="1" t="s">
        <v>22656</v>
      </c>
      <c r="E5783" s="1" t="s">
        <v>22657</v>
      </c>
      <c r="F5783" s="1" t="s">
        <v>22658</v>
      </c>
      <c r="G5783" s="1" t="s">
        <v>22634</v>
      </c>
      <c r="H5783" s="1" t="s">
        <v>22635</v>
      </c>
      <c r="I5783" s="1" t="s">
        <v>20952</v>
      </c>
      <c r="J5783" s="1" t="s">
        <v>22659</v>
      </c>
    </row>
    <row r="5784" spans="1:10" x14ac:dyDescent="0.35">
      <c r="A5784" s="1" t="s">
        <v>22630</v>
      </c>
      <c r="B5784" s="1" t="s">
        <v>20946</v>
      </c>
      <c r="C5784" s="1" t="s">
        <v>45</v>
      </c>
      <c r="D5784" s="1" t="s">
        <v>22660</v>
      </c>
      <c r="E5784" s="1" t="s">
        <v>22661</v>
      </c>
      <c r="F5784" s="1" t="s">
        <v>22662</v>
      </c>
      <c r="G5784" s="1" t="s">
        <v>22634</v>
      </c>
      <c r="H5784" s="1" t="s">
        <v>22635</v>
      </c>
      <c r="I5784" s="1" t="s">
        <v>20952</v>
      </c>
      <c r="J5784" s="1" t="s">
        <v>22663</v>
      </c>
    </row>
    <row r="5785" spans="1:10" x14ac:dyDescent="0.35">
      <c r="A5785" s="1" t="s">
        <v>22630</v>
      </c>
      <c r="B5785" s="1" t="s">
        <v>20946</v>
      </c>
      <c r="C5785" s="1" t="s">
        <v>50</v>
      </c>
      <c r="D5785" s="1" t="s">
        <v>22664</v>
      </c>
      <c r="E5785" s="1" t="s">
        <v>20958</v>
      </c>
      <c r="F5785" s="1" t="s">
        <v>22665</v>
      </c>
      <c r="G5785" s="1" t="s">
        <v>22634</v>
      </c>
      <c r="H5785" s="1" t="s">
        <v>22635</v>
      </c>
      <c r="I5785" s="1" t="s">
        <v>20952</v>
      </c>
      <c r="J5785" s="1" t="s">
        <v>22666</v>
      </c>
    </row>
    <row r="5786" spans="1:10" x14ac:dyDescent="0.35">
      <c r="A5786" s="1" t="s">
        <v>22630</v>
      </c>
      <c r="B5786" s="1" t="s">
        <v>20946</v>
      </c>
      <c r="C5786" s="1" t="s">
        <v>55</v>
      </c>
      <c r="D5786" s="1" t="s">
        <v>22667</v>
      </c>
      <c r="E5786" s="1" t="s">
        <v>22668</v>
      </c>
      <c r="F5786" s="1" t="s">
        <v>22669</v>
      </c>
      <c r="G5786" s="1" t="s">
        <v>22634</v>
      </c>
      <c r="H5786" s="1" t="s">
        <v>22635</v>
      </c>
      <c r="I5786" s="1" t="s">
        <v>20952</v>
      </c>
      <c r="J5786" s="1" t="s">
        <v>22670</v>
      </c>
    </row>
    <row r="5787" spans="1:10" x14ac:dyDescent="0.35">
      <c r="A5787" s="1" t="s">
        <v>22630</v>
      </c>
      <c r="B5787" s="1" t="s">
        <v>20946</v>
      </c>
      <c r="C5787" s="1" t="s">
        <v>60</v>
      </c>
      <c r="D5787" s="1" t="s">
        <v>22671</v>
      </c>
      <c r="E5787" s="1" t="s">
        <v>22672</v>
      </c>
      <c r="F5787" s="1" t="s">
        <v>22673</v>
      </c>
      <c r="G5787" s="1" t="s">
        <v>22634</v>
      </c>
      <c r="H5787" s="1" t="s">
        <v>22635</v>
      </c>
      <c r="I5787" s="1" t="s">
        <v>20952</v>
      </c>
      <c r="J5787" s="1" t="s">
        <v>22674</v>
      </c>
    </row>
    <row r="5788" spans="1:10" x14ac:dyDescent="0.35">
      <c r="A5788" s="1" t="s">
        <v>22630</v>
      </c>
      <c r="B5788" s="1" t="s">
        <v>20946</v>
      </c>
      <c r="C5788" s="1" t="s">
        <v>65</v>
      </c>
      <c r="D5788" s="1" t="s">
        <v>22675</v>
      </c>
      <c r="E5788" s="1" t="s">
        <v>20977</v>
      </c>
      <c r="F5788" s="1" t="s">
        <v>22676</v>
      </c>
      <c r="G5788" s="1" t="s">
        <v>22634</v>
      </c>
      <c r="H5788" s="1" t="s">
        <v>22635</v>
      </c>
      <c r="I5788" s="1" t="s">
        <v>20952</v>
      </c>
      <c r="J5788" s="1" t="s">
        <v>22677</v>
      </c>
    </row>
    <row r="5789" spans="1:10" x14ac:dyDescent="0.35">
      <c r="A5789" s="1" t="s">
        <v>22630</v>
      </c>
      <c r="B5789" s="1" t="s">
        <v>20946</v>
      </c>
      <c r="C5789" s="1" t="s">
        <v>70</v>
      </c>
      <c r="D5789" s="1" t="s">
        <v>22678</v>
      </c>
      <c r="E5789" s="1" t="s">
        <v>22679</v>
      </c>
      <c r="F5789" s="1" t="s">
        <v>22680</v>
      </c>
      <c r="G5789" s="1" t="s">
        <v>22634</v>
      </c>
      <c r="H5789" s="1" t="s">
        <v>22635</v>
      </c>
      <c r="I5789" s="1" t="s">
        <v>20952</v>
      </c>
      <c r="J5789" s="1" t="s">
        <v>22681</v>
      </c>
    </row>
    <row r="5790" spans="1:10" x14ac:dyDescent="0.35">
      <c r="A5790" s="1" t="s">
        <v>22630</v>
      </c>
      <c r="B5790" s="1" t="s">
        <v>20946</v>
      </c>
      <c r="C5790" s="1" t="s">
        <v>75</v>
      </c>
      <c r="D5790" s="1" t="s">
        <v>22682</v>
      </c>
      <c r="E5790" s="1" t="s">
        <v>22683</v>
      </c>
      <c r="F5790" s="1" t="s">
        <v>22684</v>
      </c>
      <c r="G5790" s="1" t="s">
        <v>22634</v>
      </c>
      <c r="H5790" s="1" t="s">
        <v>22635</v>
      </c>
      <c r="I5790" s="1" t="s">
        <v>20952</v>
      </c>
      <c r="J5790" s="1" t="s">
        <v>22685</v>
      </c>
    </row>
    <row r="5791" spans="1:10" x14ac:dyDescent="0.35">
      <c r="A5791" s="1" t="s">
        <v>22630</v>
      </c>
      <c r="B5791" s="1" t="s">
        <v>20946</v>
      </c>
      <c r="C5791" s="1" t="s">
        <v>80</v>
      </c>
      <c r="D5791" s="1" t="s">
        <v>22686</v>
      </c>
      <c r="E5791" s="1" t="s">
        <v>22687</v>
      </c>
      <c r="F5791" s="1" t="s">
        <v>22688</v>
      </c>
      <c r="G5791" s="1" t="s">
        <v>22634</v>
      </c>
      <c r="H5791" s="1" t="s">
        <v>22635</v>
      </c>
      <c r="I5791" s="1" t="s">
        <v>20952</v>
      </c>
      <c r="J5791" s="1" t="s">
        <v>22689</v>
      </c>
    </row>
    <row r="5792" spans="1:10" x14ac:dyDescent="0.35">
      <c r="A5792" s="1" t="s">
        <v>22630</v>
      </c>
      <c r="B5792" s="1" t="s">
        <v>20946</v>
      </c>
      <c r="C5792" s="1" t="s">
        <v>85</v>
      </c>
      <c r="D5792" s="1" t="s">
        <v>22690</v>
      </c>
      <c r="E5792" s="1" t="s">
        <v>22691</v>
      </c>
      <c r="F5792" s="1" t="s">
        <v>22692</v>
      </c>
      <c r="G5792" s="1" t="s">
        <v>22634</v>
      </c>
      <c r="H5792" s="1" t="s">
        <v>22635</v>
      </c>
      <c r="I5792" s="1" t="s">
        <v>20952</v>
      </c>
      <c r="J5792" s="1" t="s">
        <v>22693</v>
      </c>
    </row>
    <row r="5793" spans="1:10" x14ac:dyDescent="0.35">
      <c r="A5793" s="1" t="s">
        <v>22630</v>
      </c>
      <c r="B5793" s="1" t="s">
        <v>20946</v>
      </c>
      <c r="C5793" s="1" t="s">
        <v>90</v>
      </c>
      <c r="D5793" s="1" t="s">
        <v>22694</v>
      </c>
      <c r="E5793" s="1" t="s">
        <v>22695</v>
      </c>
      <c r="F5793" s="1" t="s">
        <v>22696</v>
      </c>
      <c r="G5793" s="1" t="s">
        <v>22634</v>
      </c>
      <c r="H5793" s="1" t="s">
        <v>22635</v>
      </c>
      <c r="I5793" s="1" t="s">
        <v>20952</v>
      </c>
      <c r="J5793" s="1" t="s">
        <v>22697</v>
      </c>
    </row>
    <row r="5794" spans="1:10" x14ac:dyDescent="0.35">
      <c r="A5794" s="1" t="s">
        <v>22630</v>
      </c>
      <c r="B5794" s="1" t="s">
        <v>20946</v>
      </c>
      <c r="C5794" s="1" t="s">
        <v>95</v>
      </c>
      <c r="D5794" s="1" t="s">
        <v>22698</v>
      </c>
      <c r="E5794" s="1" t="s">
        <v>22699</v>
      </c>
      <c r="F5794" s="1" t="s">
        <v>22700</v>
      </c>
      <c r="G5794" s="1" t="s">
        <v>22634</v>
      </c>
      <c r="H5794" s="1" t="s">
        <v>22635</v>
      </c>
      <c r="I5794" s="1" t="s">
        <v>20952</v>
      </c>
      <c r="J5794" s="1" t="s">
        <v>22701</v>
      </c>
    </row>
    <row r="5795" spans="1:10" x14ac:dyDescent="0.35">
      <c r="A5795" s="1" t="s">
        <v>22630</v>
      </c>
      <c r="B5795" s="1" t="s">
        <v>20946</v>
      </c>
      <c r="C5795" s="1" t="s">
        <v>100</v>
      </c>
      <c r="D5795" s="1" t="s">
        <v>22702</v>
      </c>
      <c r="E5795" s="1" t="s">
        <v>21299</v>
      </c>
      <c r="F5795" s="1" t="s">
        <v>22703</v>
      </c>
      <c r="G5795" s="1" t="s">
        <v>22634</v>
      </c>
      <c r="H5795" s="1" t="s">
        <v>22635</v>
      </c>
      <c r="I5795" s="1" t="s">
        <v>20952</v>
      </c>
      <c r="J5795" s="1" t="s">
        <v>22704</v>
      </c>
    </row>
    <row r="5796" spans="1:10" x14ac:dyDescent="0.35">
      <c r="A5796" s="1" t="s">
        <v>22630</v>
      </c>
      <c r="B5796" s="1" t="s">
        <v>20946</v>
      </c>
      <c r="C5796" s="1" t="s">
        <v>105</v>
      </c>
      <c r="D5796" s="1" t="s">
        <v>22705</v>
      </c>
      <c r="E5796" s="1" t="s">
        <v>22706</v>
      </c>
      <c r="F5796" s="1" t="s">
        <v>22707</v>
      </c>
      <c r="G5796" s="1" t="s">
        <v>22634</v>
      </c>
      <c r="H5796" s="1" t="s">
        <v>22635</v>
      </c>
      <c r="I5796" s="1" t="s">
        <v>20952</v>
      </c>
      <c r="J5796" s="1" t="s">
        <v>22708</v>
      </c>
    </row>
    <row r="5797" spans="1:10" x14ac:dyDescent="0.35">
      <c r="A5797" s="1" t="s">
        <v>22630</v>
      </c>
      <c r="B5797" s="1" t="s">
        <v>20946</v>
      </c>
      <c r="C5797" s="1" t="s">
        <v>110</v>
      </c>
      <c r="D5797" s="1" t="s">
        <v>22709</v>
      </c>
      <c r="E5797" s="1" t="s">
        <v>22710</v>
      </c>
      <c r="F5797" s="1" t="s">
        <v>22711</v>
      </c>
      <c r="G5797" s="1" t="s">
        <v>22634</v>
      </c>
      <c r="H5797" s="1" t="s">
        <v>22635</v>
      </c>
      <c r="I5797" s="1" t="s">
        <v>20952</v>
      </c>
      <c r="J5797" s="1" t="s">
        <v>22712</v>
      </c>
    </row>
    <row r="5798" spans="1:10" x14ac:dyDescent="0.35">
      <c r="A5798" s="1" t="s">
        <v>22630</v>
      </c>
      <c r="B5798" s="1" t="s">
        <v>20946</v>
      </c>
      <c r="C5798" s="1" t="s">
        <v>115</v>
      </c>
      <c r="D5798" s="1" t="s">
        <v>22713</v>
      </c>
      <c r="E5798" s="1" t="s">
        <v>22392</v>
      </c>
      <c r="F5798" s="1" t="s">
        <v>22714</v>
      </c>
      <c r="G5798" s="1" t="s">
        <v>22634</v>
      </c>
      <c r="H5798" s="1" t="s">
        <v>22635</v>
      </c>
      <c r="I5798" s="1" t="s">
        <v>20952</v>
      </c>
      <c r="J5798" s="1" t="s">
        <v>22715</v>
      </c>
    </row>
    <row r="5799" spans="1:10" x14ac:dyDescent="0.35">
      <c r="A5799" s="1" t="s">
        <v>22630</v>
      </c>
      <c r="B5799" s="1" t="s">
        <v>20946</v>
      </c>
      <c r="C5799" s="1" t="s">
        <v>120</v>
      </c>
      <c r="D5799" s="1" t="s">
        <v>22716</v>
      </c>
      <c r="E5799" s="1" t="s">
        <v>22706</v>
      </c>
      <c r="F5799" s="1" t="s">
        <v>22717</v>
      </c>
      <c r="G5799" s="1" t="s">
        <v>22634</v>
      </c>
      <c r="H5799" s="1" t="s">
        <v>22635</v>
      </c>
      <c r="I5799" s="1" t="s">
        <v>20952</v>
      </c>
      <c r="J5799" s="1" t="s">
        <v>22718</v>
      </c>
    </row>
    <row r="5800" spans="1:10" x14ac:dyDescent="0.35">
      <c r="A5800" s="1" t="s">
        <v>22630</v>
      </c>
      <c r="B5800" s="1" t="s">
        <v>20946</v>
      </c>
      <c r="C5800" s="1" t="s">
        <v>125</v>
      </c>
      <c r="D5800" s="1" t="s">
        <v>22719</v>
      </c>
      <c r="E5800" s="1" t="s">
        <v>22396</v>
      </c>
      <c r="F5800" s="1" t="s">
        <v>22720</v>
      </c>
      <c r="G5800" s="1" t="s">
        <v>22634</v>
      </c>
      <c r="H5800" s="1" t="s">
        <v>22635</v>
      </c>
      <c r="I5800" s="1" t="s">
        <v>20952</v>
      </c>
      <c r="J5800" s="1" t="s">
        <v>22721</v>
      </c>
    </row>
    <row r="5801" spans="1:10" x14ac:dyDescent="0.35">
      <c r="A5801" s="1" t="s">
        <v>22630</v>
      </c>
      <c r="B5801" s="1" t="s">
        <v>20946</v>
      </c>
      <c r="C5801" s="1" t="s">
        <v>130</v>
      </c>
      <c r="D5801" s="1" t="s">
        <v>22722</v>
      </c>
      <c r="E5801" s="1" t="s">
        <v>22723</v>
      </c>
      <c r="F5801" s="1" t="s">
        <v>22724</v>
      </c>
      <c r="G5801" s="1" t="s">
        <v>22634</v>
      </c>
      <c r="H5801" s="1" t="s">
        <v>22635</v>
      </c>
      <c r="I5801" s="1" t="s">
        <v>20952</v>
      </c>
      <c r="J5801" s="1" t="s">
        <v>22725</v>
      </c>
    </row>
    <row r="5802" spans="1:10" x14ac:dyDescent="0.35">
      <c r="A5802" s="1" t="s">
        <v>22630</v>
      </c>
      <c r="B5802" s="1" t="s">
        <v>20946</v>
      </c>
      <c r="C5802" s="1" t="s">
        <v>135</v>
      </c>
      <c r="D5802" s="1" t="s">
        <v>22726</v>
      </c>
      <c r="E5802" s="1" t="s">
        <v>22727</v>
      </c>
      <c r="F5802" s="1" t="s">
        <v>22728</v>
      </c>
      <c r="G5802" s="1" t="s">
        <v>22634</v>
      </c>
      <c r="H5802" s="1" t="s">
        <v>22635</v>
      </c>
      <c r="I5802" s="1" t="s">
        <v>20952</v>
      </c>
      <c r="J5802" s="1" t="s">
        <v>22729</v>
      </c>
    </row>
    <row r="5803" spans="1:10" x14ac:dyDescent="0.35">
      <c r="A5803" s="1" t="s">
        <v>22630</v>
      </c>
      <c r="B5803" s="1" t="s">
        <v>20946</v>
      </c>
      <c r="C5803" s="1" t="s">
        <v>140</v>
      </c>
      <c r="D5803" s="1" t="s">
        <v>22730</v>
      </c>
      <c r="E5803" s="1" t="s">
        <v>22731</v>
      </c>
      <c r="F5803" s="1" t="s">
        <v>22732</v>
      </c>
      <c r="G5803" s="1" t="s">
        <v>22634</v>
      </c>
      <c r="H5803" s="1" t="s">
        <v>22635</v>
      </c>
      <c r="I5803" s="1" t="s">
        <v>20952</v>
      </c>
      <c r="J5803" s="1" t="s">
        <v>22733</v>
      </c>
    </row>
    <row r="5804" spans="1:10" x14ac:dyDescent="0.35">
      <c r="A5804" s="1" t="s">
        <v>22630</v>
      </c>
      <c r="B5804" s="1" t="s">
        <v>20946</v>
      </c>
      <c r="C5804" s="1" t="s">
        <v>145</v>
      </c>
      <c r="D5804" s="1" t="s">
        <v>22734</v>
      </c>
      <c r="E5804" s="1" t="s">
        <v>22735</v>
      </c>
      <c r="F5804" s="1" t="s">
        <v>22736</v>
      </c>
      <c r="G5804" s="1" t="s">
        <v>22634</v>
      </c>
      <c r="H5804" s="1" t="s">
        <v>22635</v>
      </c>
      <c r="I5804" s="1" t="s">
        <v>20952</v>
      </c>
      <c r="J5804" s="1" t="s">
        <v>22737</v>
      </c>
    </row>
    <row r="5805" spans="1:10" x14ac:dyDescent="0.35">
      <c r="A5805" s="1" t="s">
        <v>22630</v>
      </c>
      <c r="B5805" s="1" t="s">
        <v>20946</v>
      </c>
      <c r="C5805" s="1" t="s">
        <v>150</v>
      </c>
      <c r="D5805" s="1" t="s">
        <v>22738</v>
      </c>
      <c r="E5805" s="1" t="s">
        <v>22739</v>
      </c>
      <c r="F5805" s="1" t="s">
        <v>22740</v>
      </c>
      <c r="G5805" s="1" t="s">
        <v>22634</v>
      </c>
      <c r="H5805" s="1" t="s">
        <v>22635</v>
      </c>
      <c r="I5805" s="1" t="s">
        <v>20952</v>
      </c>
      <c r="J5805" s="1" t="s">
        <v>22741</v>
      </c>
    </row>
    <row r="5806" spans="1:10" x14ac:dyDescent="0.35">
      <c r="A5806" s="1" t="s">
        <v>22630</v>
      </c>
      <c r="B5806" s="1" t="s">
        <v>20946</v>
      </c>
      <c r="C5806" s="1" t="s">
        <v>155</v>
      </c>
      <c r="D5806" s="1" t="s">
        <v>22742</v>
      </c>
      <c r="E5806" s="1" t="s">
        <v>22743</v>
      </c>
      <c r="F5806" s="1" t="s">
        <v>22744</v>
      </c>
      <c r="G5806" s="1" t="s">
        <v>22634</v>
      </c>
      <c r="H5806" s="1" t="s">
        <v>22635</v>
      </c>
      <c r="I5806" s="1" t="s">
        <v>20952</v>
      </c>
      <c r="J5806" s="1" t="s">
        <v>22745</v>
      </c>
    </row>
    <row r="5807" spans="1:10" x14ac:dyDescent="0.35">
      <c r="A5807" s="1" t="s">
        <v>22630</v>
      </c>
      <c r="B5807" s="1" t="s">
        <v>20946</v>
      </c>
      <c r="C5807" s="1" t="s">
        <v>160</v>
      </c>
      <c r="D5807" s="1" t="s">
        <v>22746</v>
      </c>
      <c r="E5807" s="1" t="s">
        <v>22747</v>
      </c>
      <c r="F5807" s="1" t="s">
        <v>22748</v>
      </c>
      <c r="G5807" s="1" t="s">
        <v>22634</v>
      </c>
      <c r="H5807" s="1" t="s">
        <v>22635</v>
      </c>
      <c r="I5807" s="1" t="s">
        <v>20952</v>
      </c>
      <c r="J5807" s="1" t="s">
        <v>22749</v>
      </c>
    </row>
    <row r="5808" spans="1:10" x14ac:dyDescent="0.35">
      <c r="A5808" s="1" t="s">
        <v>22630</v>
      </c>
      <c r="B5808" s="1" t="s">
        <v>20946</v>
      </c>
      <c r="C5808" s="1" t="s">
        <v>165</v>
      </c>
      <c r="D5808" s="1" t="s">
        <v>22750</v>
      </c>
      <c r="E5808" s="1" t="s">
        <v>22751</v>
      </c>
      <c r="F5808" s="1" t="s">
        <v>12802</v>
      </c>
      <c r="G5808" s="1" t="s">
        <v>22634</v>
      </c>
      <c r="H5808" s="1" t="s">
        <v>22635</v>
      </c>
      <c r="I5808" s="1" t="s">
        <v>20952</v>
      </c>
      <c r="J5808" s="1" t="s">
        <v>22752</v>
      </c>
    </row>
    <row r="5809" spans="1:10" x14ac:dyDescent="0.35">
      <c r="A5809" s="1" t="s">
        <v>22630</v>
      </c>
      <c r="B5809" s="1" t="s">
        <v>20946</v>
      </c>
      <c r="C5809" s="1" t="s">
        <v>170</v>
      </c>
      <c r="D5809" s="1" t="s">
        <v>22753</v>
      </c>
      <c r="E5809" s="1" t="s">
        <v>22754</v>
      </c>
      <c r="F5809" s="1" t="s">
        <v>22755</v>
      </c>
      <c r="G5809" s="1" t="s">
        <v>22634</v>
      </c>
      <c r="H5809" s="1" t="s">
        <v>22635</v>
      </c>
      <c r="I5809" s="1" t="s">
        <v>20952</v>
      </c>
      <c r="J5809" s="1" t="s">
        <v>22756</v>
      </c>
    </row>
    <row r="5810" spans="1:10" x14ac:dyDescent="0.35">
      <c r="A5810" s="1" t="s">
        <v>22757</v>
      </c>
      <c r="B5810" s="1" t="s">
        <v>20946</v>
      </c>
      <c r="C5810" s="1" t="s">
        <v>8</v>
      </c>
      <c r="D5810" s="1" t="s">
        <v>22758</v>
      </c>
      <c r="E5810" s="1" t="s">
        <v>22759</v>
      </c>
      <c r="F5810" s="1" t="s">
        <v>22760</v>
      </c>
      <c r="G5810" s="1" t="s">
        <v>22761</v>
      </c>
      <c r="H5810" s="1" t="s">
        <v>22762</v>
      </c>
      <c r="I5810" s="1" t="s">
        <v>20952</v>
      </c>
      <c r="J5810" s="1" t="s">
        <v>13</v>
      </c>
    </row>
    <row r="5811" spans="1:10" x14ac:dyDescent="0.35">
      <c r="A5811" s="1" t="s">
        <v>22757</v>
      </c>
      <c r="B5811" s="1" t="s">
        <v>20946</v>
      </c>
      <c r="C5811" s="1" t="s">
        <v>15</v>
      </c>
      <c r="D5811" s="1" t="s">
        <v>22763</v>
      </c>
      <c r="E5811" s="1" t="s">
        <v>22764</v>
      </c>
      <c r="F5811" s="1" t="s">
        <v>22765</v>
      </c>
      <c r="G5811" s="1" t="s">
        <v>22761</v>
      </c>
      <c r="H5811" s="1" t="s">
        <v>22762</v>
      </c>
      <c r="I5811" s="1" t="s">
        <v>20952</v>
      </c>
      <c r="J5811" s="1" t="s">
        <v>22766</v>
      </c>
    </row>
    <row r="5812" spans="1:10" x14ac:dyDescent="0.35">
      <c r="A5812" s="1" t="s">
        <v>22757</v>
      </c>
      <c r="B5812" s="1" t="s">
        <v>20946</v>
      </c>
      <c r="C5812" s="1" t="s">
        <v>20</v>
      </c>
      <c r="D5812" s="1" t="s">
        <v>22767</v>
      </c>
      <c r="E5812" s="1" t="s">
        <v>22768</v>
      </c>
      <c r="F5812" s="1" t="s">
        <v>22769</v>
      </c>
      <c r="G5812" s="1" t="s">
        <v>22761</v>
      </c>
      <c r="H5812" s="1" t="s">
        <v>22762</v>
      </c>
      <c r="I5812" s="1" t="s">
        <v>20952</v>
      </c>
      <c r="J5812" s="1" t="s">
        <v>22770</v>
      </c>
    </row>
    <row r="5813" spans="1:10" x14ac:dyDescent="0.35">
      <c r="A5813" s="1" t="s">
        <v>22757</v>
      </c>
      <c r="B5813" s="1" t="s">
        <v>20946</v>
      </c>
      <c r="C5813" s="1" t="s">
        <v>25</v>
      </c>
      <c r="D5813" s="1" t="s">
        <v>22771</v>
      </c>
      <c r="E5813" s="1" t="s">
        <v>22772</v>
      </c>
      <c r="F5813" s="1" t="s">
        <v>22773</v>
      </c>
      <c r="G5813" s="1" t="s">
        <v>22761</v>
      </c>
      <c r="H5813" s="1" t="s">
        <v>22762</v>
      </c>
      <c r="I5813" s="1" t="s">
        <v>20952</v>
      </c>
      <c r="J5813" s="1" t="s">
        <v>22774</v>
      </c>
    </row>
    <row r="5814" spans="1:10" x14ac:dyDescent="0.35">
      <c r="A5814" s="1" t="s">
        <v>22757</v>
      </c>
      <c r="B5814" s="1" t="s">
        <v>20946</v>
      </c>
      <c r="C5814" s="1" t="s">
        <v>30</v>
      </c>
      <c r="D5814" s="1" t="s">
        <v>22775</v>
      </c>
      <c r="E5814" s="1" t="s">
        <v>22776</v>
      </c>
      <c r="F5814" s="1" t="s">
        <v>22777</v>
      </c>
      <c r="G5814" s="1" t="s">
        <v>22761</v>
      </c>
      <c r="H5814" s="1" t="s">
        <v>22762</v>
      </c>
      <c r="I5814" s="1" t="s">
        <v>20952</v>
      </c>
      <c r="J5814" s="1" t="s">
        <v>22778</v>
      </c>
    </row>
    <row r="5815" spans="1:10" x14ac:dyDescent="0.35">
      <c r="A5815" s="1" t="s">
        <v>22757</v>
      </c>
      <c r="B5815" s="1" t="s">
        <v>20946</v>
      </c>
      <c r="C5815" s="1" t="s">
        <v>35</v>
      </c>
      <c r="D5815" s="1" t="s">
        <v>2770</v>
      </c>
      <c r="E5815" s="1" t="s">
        <v>22779</v>
      </c>
      <c r="F5815" s="1" t="s">
        <v>22780</v>
      </c>
      <c r="G5815" s="1" t="s">
        <v>22761</v>
      </c>
      <c r="H5815" s="1" t="s">
        <v>22762</v>
      </c>
      <c r="I5815" s="1" t="s">
        <v>20952</v>
      </c>
      <c r="J5815" s="1" t="s">
        <v>22781</v>
      </c>
    </row>
    <row r="5816" spans="1:10" x14ac:dyDescent="0.35">
      <c r="A5816" s="1" t="s">
        <v>22757</v>
      </c>
      <c r="B5816" s="1" t="s">
        <v>20946</v>
      </c>
      <c r="C5816" s="1" t="s">
        <v>40</v>
      </c>
      <c r="D5816" s="1" t="s">
        <v>22782</v>
      </c>
      <c r="E5816" s="1" t="s">
        <v>22783</v>
      </c>
      <c r="F5816" s="1" t="s">
        <v>22784</v>
      </c>
      <c r="G5816" s="1" t="s">
        <v>22761</v>
      </c>
      <c r="H5816" s="1" t="s">
        <v>22762</v>
      </c>
      <c r="I5816" s="1" t="s">
        <v>20952</v>
      </c>
      <c r="J5816" s="1" t="s">
        <v>22785</v>
      </c>
    </row>
    <row r="5817" spans="1:10" x14ac:dyDescent="0.35">
      <c r="A5817" s="1" t="s">
        <v>22757</v>
      </c>
      <c r="B5817" s="1" t="s">
        <v>20946</v>
      </c>
      <c r="C5817" s="1" t="s">
        <v>45</v>
      </c>
      <c r="D5817" s="1" t="s">
        <v>22786</v>
      </c>
      <c r="E5817" s="1" t="s">
        <v>22787</v>
      </c>
      <c r="F5817" s="1" t="s">
        <v>22788</v>
      </c>
      <c r="G5817" s="1" t="s">
        <v>22761</v>
      </c>
      <c r="H5817" s="1" t="s">
        <v>22762</v>
      </c>
      <c r="I5817" s="1" t="s">
        <v>20952</v>
      </c>
      <c r="J5817" s="1" t="s">
        <v>22789</v>
      </c>
    </row>
    <row r="5818" spans="1:10" x14ac:dyDescent="0.35">
      <c r="A5818" s="1" t="s">
        <v>22757</v>
      </c>
      <c r="B5818" s="1" t="s">
        <v>20946</v>
      </c>
      <c r="C5818" s="1" t="s">
        <v>50</v>
      </c>
      <c r="D5818" s="1" t="s">
        <v>22790</v>
      </c>
      <c r="E5818" s="1" t="s">
        <v>22791</v>
      </c>
      <c r="F5818" s="1" t="s">
        <v>22792</v>
      </c>
      <c r="G5818" s="1" t="s">
        <v>22761</v>
      </c>
      <c r="H5818" s="1" t="s">
        <v>22762</v>
      </c>
      <c r="I5818" s="1" t="s">
        <v>20952</v>
      </c>
      <c r="J5818" s="1" t="s">
        <v>22793</v>
      </c>
    </row>
    <row r="5819" spans="1:10" x14ac:dyDescent="0.35">
      <c r="A5819" s="1" t="s">
        <v>22757</v>
      </c>
      <c r="B5819" s="1" t="s">
        <v>20946</v>
      </c>
      <c r="C5819" s="1" t="s">
        <v>55</v>
      </c>
      <c r="D5819" s="1" t="s">
        <v>22794</v>
      </c>
      <c r="E5819" s="1" t="s">
        <v>22795</v>
      </c>
      <c r="F5819" s="1" t="s">
        <v>22796</v>
      </c>
      <c r="G5819" s="1" t="s">
        <v>22761</v>
      </c>
      <c r="H5819" s="1" t="s">
        <v>22762</v>
      </c>
      <c r="I5819" s="1" t="s">
        <v>20952</v>
      </c>
      <c r="J5819" s="1" t="s">
        <v>22797</v>
      </c>
    </row>
    <row r="5820" spans="1:10" x14ac:dyDescent="0.35">
      <c r="A5820" s="1" t="s">
        <v>22757</v>
      </c>
      <c r="B5820" s="1" t="s">
        <v>20946</v>
      </c>
      <c r="C5820" s="1" t="s">
        <v>60</v>
      </c>
      <c r="D5820" s="1" t="s">
        <v>22798</v>
      </c>
      <c r="E5820" s="1" t="s">
        <v>22799</v>
      </c>
      <c r="F5820" s="1" t="s">
        <v>22800</v>
      </c>
      <c r="G5820" s="1" t="s">
        <v>22761</v>
      </c>
      <c r="H5820" s="1" t="s">
        <v>22762</v>
      </c>
      <c r="I5820" s="1" t="s">
        <v>20952</v>
      </c>
      <c r="J5820" s="1" t="s">
        <v>22801</v>
      </c>
    </row>
    <row r="5821" spans="1:10" x14ac:dyDescent="0.35">
      <c r="A5821" s="1" t="s">
        <v>22757</v>
      </c>
      <c r="B5821" s="1" t="s">
        <v>20946</v>
      </c>
      <c r="C5821" s="1" t="s">
        <v>65</v>
      </c>
      <c r="D5821" s="1" t="s">
        <v>22802</v>
      </c>
      <c r="E5821" s="1" t="s">
        <v>22803</v>
      </c>
      <c r="F5821" s="1" t="s">
        <v>16854</v>
      </c>
      <c r="G5821" s="1" t="s">
        <v>22761</v>
      </c>
      <c r="H5821" s="1" t="s">
        <v>22762</v>
      </c>
      <c r="I5821" s="1" t="s">
        <v>20952</v>
      </c>
      <c r="J5821" s="1" t="s">
        <v>22804</v>
      </c>
    </row>
    <row r="5822" spans="1:10" x14ac:dyDescent="0.35">
      <c r="A5822" s="1" t="s">
        <v>22757</v>
      </c>
      <c r="B5822" s="1" t="s">
        <v>20946</v>
      </c>
      <c r="C5822" s="1" t="s">
        <v>70</v>
      </c>
      <c r="D5822" s="1" t="s">
        <v>21218</v>
      </c>
      <c r="E5822" s="1" t="s">
        <v>22805</v>
      </c>
      <c r="F5822" s="1" t="s">
        <v>22806</v>
      </c>
      <c r="G5822" s="1" t="s">
        <v>22761</v>
      </c>
      <c r="H5822" s="1" t="s">
        <v>22762</v>
      </c>
      <c r="I5822" s="1" t="s">
        <v>20952</v>
      </c>
      <c r="J5822" s="1" t="s">
        <v>22807</v>
      </c>
    </row>
    <row r="5823" spans="1:10" x14ac:dyDescent="0.35">
      <c r="A5823" s="1" t="s">
        <v>22757</v>
      </c>
      <c r="B5823" s="1" t="s">
        <v>20946</v>
      </c>
      <c r="C5823" s="1" t="s">
        <v>75</v>
      </c>
      <c r="D5823" s="1" t="s">
        <v>22808</v>
      </c>
      <c r="E5823" s="1" t="s">
        <v>22809</v>
      </c>
      <c r="F5823" s="1" t="s">
        <v>22810</v>
      </c>
      <c r="G5823" s="1" t="s">
        <v>22761</v>
      </c>
      <c r="H5823" s="1" t="s">
        <v>22762</v>
      </c>
      <c r="I5823" s="1" t="s">
        <v>20952</v>
      </c>
      <c r="J5823" s="1" t="s">
        <v>22811</v>
      </c>
    </row>
    <row r="5824" spans="1:10" x14ac:dyDescent="0.35">
      <c r="A5824" s="1" t="s">
        <v>22757</v>
      </c>
      <c r="B5824" s="1" t="s">
        <v>20946</v>
      </c>
      <c r="C5824" s="1" t="s">
        <v>80</v>
      </c>
      <c r="D5824" s="1" t="s">
        <v>21426</v>
      </c>
      <c r="E5824" s="1" t="s">
        <v>22812</v>
      </c>
      <c r="F5824" s="1" t="s">
        <v>22813</v>
      </c>
      <c r="G5824" s="1" t="s">
        <v>22761</v>
      </c>
      <c r="H5824" s="1" t="s">
        <v>22762</v>
      </c>
      <c r="I5824" s="1" t="s">
        <v>20952</v>
      </c>
      <c r="J5824" s="1" t="s">
        <v>22814</v>
      </c>
    </row>
    <row r="5825" spans="1:10" x14ac:dyDescent="0.35">
      <c r="A5825" s="1" t="s">
        <v>22757</v>
      </c>
      <c r="B5825" s="1" t="s">
        <v>20946</v>
      </c>
      <c r="C5825" s="1" t="s">
        <v>85</v>
      </c>
      <c r="D5825" s="1" t="s">
        <v>22815</v>
      </c>
      <c r="E5825" s="1" t="s">
        <v>22816</v>
      </c>
      <c r="F5825" s="1" t="s">
        <v>22817</v>
      </c>
      <c r="G5825" s="1" t="s">
        <v>22761</v>
      </c>
      <c r="H5825" s="1" t="s">
        <v>22762</v>
      </c>
      <c r="I5825" s="1" t="s">
        <v>20952</v>
      </c>
      <c r="J5825" s="1" t="s">
        <v>22818</v>
      </c>
    </row>
    <row r="5826" spans="1:10" x14ac:dyDescent="0.35">
      <c r="A5826" s="1" t="s">
        <v>22757</v>
      </c>
      <c r="B5826" s="1" t="s">
        <v>20946</v>
      </c>
      <c r="C5826" s="1" t="s">
        <v>90</v>
      </c>
      <c r="D5826" s="1" t="s">
        <v>22819</v>
      </c>
      <c r="E5826" s="1" t="s">
        <v>22820</v>
      </c>
      <c r="F5826" s="1" t="s">
        <v>22821</v>
      </c>
      <c r="G5826" s="1" t="s">
        <v>22761</v>
      </c>
      <c r="H5826" s="1" t="s">
        <v>22762</v>
      </c>
      <c r="I5826" s="1" t="s">
        <v>20952</v>
      </c>
      <c r="J5826" s="1" t="s">
        <v>22822</v>
      </c>
    </row>
    <row r="5827" spans="1:10" x14ac:dyDescent="0.35">
      <c r="A5827" s="1" t="s">
        <v>22757</v>
      </c>
      <c r="B5827" s="1" t="s">
        <v>20946</v>
      </c>
      <c r="C5827" s="1" t="s">
        <v>95</v>
      </c>
      <c r="D5827" s="1" t="s">
        <v>22823</v>
      </c>
      <c r="E5827" s="1" t="s">
        <v>22824</v>
      </c>
      <c r="F5827" s="1" t="s">
        <v>22825</v>
      </c>
      <c r="G5827" s="1" t="s">
        <v>22761</v>
      </c>
      <c r="H5827" s="1" t="s">
        <v>22762</v>
      </c>
      <c r="I5827" s="1" t="s">
        <v>20952</v>
      </c>
      <c r="J5827" s="1" t="s">
        <v>22826</v>
      </c>
    </row>
    <row r="5828" spans="1:10" x14ac:dyDescent="0.35">
      <c r="A5828" s="1" t="s">
        <v>22757</v>
      </c>
      <c r="B5828" s="1" t="s">
        <v>20946</v>
      </c>
      <c r="C5828" s="1" t="s">
        <v>100</v>
      </c>
      <c r="D5828" s="1" t="s">
        <v>22827</v>
      </c>
      <c r="E5828" s="1" t="s">
        <v>22828</v>
      </c>
      <c r="F5828" s="1" t="s">
        <v>22829</v>
      </c>
      <c r="G5828" s="1" t="s">
        <v>22761</v>
      </c>
      <c r="H5828" s="1" t="s">
        <v>22762</v>
      </c>
      <c r="I5828" s="1" t="s">
        <v>20952</v>
      </c>
      <c r="J5828" s="1" t="s">
        <v>22830</v>
      </c>
    </row>
    <row r="5829" spans="1:10" x14ac:dyDescent="0.35">
      <c r="A5829" s="1" t="s">
        <v>22757</v>
      </c>
      <c r="B5829" s="1" t="s">
        <v>20946</v>
      </c>
      <c r="C5829" s="1" t="s">
        <v>105</v>
      </c>
      <c r="D5829" s="1" t="s">
        <v>22831</v>
      </c>
      <c r="E5829" s="1" t="s">
        <v>22832</v>
      </c>
      <c r="F5829" s="1" t="s">
        <v>22833</v>
      </c>
      <c r="G5829" s="1" t="s">
        <v>22761</v>
      </c>
      <c r="H5829" s="1" t="s">
        <v>22762</v>
      </c>
      <c r="I5829" s="1" t="s">
        <v>20952</v>
      </c>
      <c r="J5829" s="1" t="s">
        <v>22834</v>
      </c>
    </row>
    <row r="5830" spans="1:10" x14ac:dyDescent="0.35">
      <c r="A5830" s="1" t="s">
        <v>22757</v>
      </c>
      <c r="B5830" s="1" t="s">
        <v>20946</v>
      </c>
      <c r="C5830" s="1" t="s">
        <v>110</v>
      </c>
      <c r="D5830" s="1" t="s">
        <v>22835</v>
      </c>
      <c r="E5830" s="1" t="s">
        <v>22836</v>
      </c>
      <c r="F5830" s="1" t="s">
        <v>22837</v>
      </c>
      <c r="G5830" s="1" t="s">
        <v>22761</v>
      </c>
      <c r="H5830" s="1" t="s">
        <v>22762</v>
      </c>
      <c r="I5830" s="1" t="s">
        <v>20952</v>
      </c>
      <c r="J5830" s="1" t="s">
        <v>22838</v>
      </c>
    </row>
    <row r="5831" spans="1:10" x14ac:dyDescent="0.35">
      <c r="A5831" s="1" t="s">
        <v>22757</v>
      </c>
      <c r="B5831" s="1" t="s">
        <v>20946</v>
      </c>
      <c r="C5831" s="1" t="s">
        <v>115</v>
      </c>
      <c r="D5831" s="1" t="s">
        <v>22839</v>
      </c>
      <c r="E5831" s="1" t="s">
        <v>22840</v>
      </c>
      <c r="F5831" s="1" t="s">
        <v>22841</v>
      </c>
      <c r="G5831" s="1" t="s">
        <v>22761</v>
      </c>
      <c r="H5831" s="1" t="s">
        <v>22762</v>
      </c>
      <c r="I5831" s="1" t="s">
        <v>20952</v>
      </c>
      <c r="J5831" s="1" t="s">
        <v>22842</v>
      </c>
    </row>
    <row r="5832" spans="1:10" x14ac:dyDescent="0.35">
      <c r="A5832" s="1" t="s">
        <v>22757</v>
      </c>
      <c r="B5832" s="1" t="s">
        <v>20946</v>
      </c>
      <c r="C5832" s="1" t="s">
        <v>120</v>
      </c>
      <c r="D5832" s="1" t="s">
        <v>22843</v>
      </c>
      <c r="E5832" s="1" t="s">
        <v>22844</v>
      </c>
      <c r="F5832" s="1" t="s">
        <v>22845</v>
      </c>
      <c r="G5832" s="1" t="s">
        <v>22761</v>
      </c>
      <c r="H5832" s="1" t="s">
        <v>22762</v>
      </c>
      <c r="I5832" s="1" t="s">
        <v>20952</v>
      </c>
      <c r="J5832" s="1" t="s">
        <v>22846</v>
      </c>
    </row>
    <row r="5833" spans="1:10" x14ac:dyDescent="0.35">
      <c r="A5833" s="1" t="s">
        <v>22757</v>
      </c>
      <c r="B5833" s="1" t="s">
        <v>20946</v>
      </c>
      <c r="C5833" s="1" t="s">
        <v>125</v>
      </c>
      <c r="D5833" s="1" t="s">
        <v>22847</v>
      </c>
      <c r="E5833" s="1" t="s">
        <v>22848</v>
      </c>
      <c r="F5833" s="1" t="s">
        <v>22849</v>
      </c>
      <c r="G5833" s="1" t="s">
        <v>22761</v>
      </c>
      <c r="H5833" s="1" t="s">
        <v>22762</v>
      </c>
      <c r="I5833" s="1" t="s">
        <v>20952</v>
      </c>
      <c r="J5833" s="1" t="s">
        <v>22850</v>
      </c>
    </row>
    <row r="5834" spans="1:10" x14ac:dyDescent="0.35">
      <c r="A5834" s="1" t="s">
        <v>22757</v>
      </c>
      <c r="B5834" s="1" t="s">
        <v>20946</v>
      </c>
      <c r="C5834" s="1" t="s">
        <v>130</v>
      </c>
      <c r="D5834" s="1" t="s">
        <v>22851</v>
      </c>
      <c r="E5834" s="1" t="s">
        <v>22852</v>
      </c>
      <c r="F5834" s="1" t="s">
        <v>22853</v>
      </c>
      <c r="G5834" s="1" t="s">
        <v>22761</v>
      </c>
      <c r="H5834" s="1" t="s">
        <v>22762</v>
      </c>
      <c r="I5834" s="1" t="s">
        <v>20952</v>
      </c>
      <c r="J5834" s="1" t="s">
        <v>22854</v>
      </c>
    </row>
    <row r="5835" spans="1:10" x14ac:dyDescent="0.35">
      <c r="A5835" s="1" t="s">
        <v>22757</v>
      </c>
      <c r="B5835" s="1" t="s">
        <v>20946</v>
      </c>
      <c r="C5835" s="1" t="s">
        <v>135</v>
      </c>
      <c r="D5835" s="1" t="s">
        <v>22855</v>
      </c>
      <c r="E5835" s="1" t="s">
        <v>22856</v>
      </c>
      <c r="F5835" s="1" t="s">
        <v>22857</v>
      </c>
      <c r="G5835" s="1" t="s">
        <v>22761</v>
      </c>
      <c r="H5835" s="1" t="s">
        <v>22762</v>
      </c>
      <c r="I5835" s="1" t="s">
        <v>20952</v>
      </c>
      <c r="J5835" s="1" t="s">
        <v>22858</v>
      </c>
    </row>
    <row r="5836" spans="1:10" x14ac:dyDescent="0.35">
      <c r="A5836" s="1" t="s">
        <v>22757</v>
      </c>
      <c r="B5836" s="1" t="s">
        <v>20946</v>
      </c>
      <c r="C5836" s="1" t="s">
        <v>140</v>
      </c>
      <c r="D5836" s="1" t="s">
        <v>22859</v>
      </c>
      <c r="E5836" s="1" t="s">
        <v>22860</v>
      </c>
      <c r="F5836" s="1" t="s">
        <v>22861</v>
      </c>
      <c r="G5836" s="1" t="s">
        <v>22761</v>
      </c>
      <c r="H5836" s="1" t="s">
        <v>22762</v>
      </c>
      <c r="I5836" s="1" t="s">
        <v>20952</v>
      </c>
      <c r="J5836" s="1" t="s">
        <v>22862</v>
      </c>
    </row>
    <row r="5837" spans="1:10" x14ac:dyDescent="0.35">
      <c r="A5837" s="1" t="s">
        <v>22757</v>
      </c>
      <c r="B5837" s="1" t="s">
        <v>20946</v>
      </c>
      <c r="C5837" s="1" t="s">
        <v>145</v>
      </c>
      <c r="D5837" s="1" t="s">
        <v>22863</v>
      </c>
      <c r="E5837" s="1" t="s">
        <v>22864</v>
      </c>
      <c r="F5837" s="1" t="s">
        <v>22865</v>
      </c>
      <c r="G5837" s="1" t="s">
        <v>22761</v>
      </c>
      <c r="H5837" s="1" t="s">
        <v>22762</v>
      </c>
      <c r="I5837" s="1" t="s">
        <v>20952</v>
      </c>
      <c r="J5837" s="1" t="s">
        <v>22866</v>
      </c>
    </row>
    <row r="5838" spans="1:10" x14ac:dyDescent="0.35">
      <c r="A5838" s="1" t="s">
        <v>22757</v>
      </c>
      <c r="B5838" s="1" t="s">
        <v>20946</v>
      </c>
      <c r="C5838" s="1" t="s">
        <v>150</v>
      </c>
      <c r="D5838" s="1" t="s">
        <v>22867</v>
      </c>
      <c r="E5838" s="1" t="s">
        <v>22868</v>
      </c>
      <c r="F5838" s="1" t="s">
        <v>22869</v>
      </c>
      <c r="G5838" s="1" t="s">
        <v>22761</v>
      </c>
      <c r="H5838" s="1" t="s">
        <v>22762</v>
      </c>
      <c r="I5838" s="1" t="s">
        <v>20952</v>
      </c>
      <c r="J5838" s="1" t="s">
        <v>22870</v>
      </c>
    </row>
    <row r="5839" spans="1:10" x14ac:dyDescent="0.35">
      <c r="A5839" s="1" t="s">
        <v>22757</v>
      </c>
      <c r="B5839" s="1" t="s">
        <v>20946</v>
      </c>
      <c r="C5839" s="1" t="s">
        <v>155</v>
      </c>
      <c r="D5839" s="1" t="s">
        <v>22871</v>
      </c>
      <c r="E5839" s="1" t="s">
        <v>22872</v>
      </c>
      <c r="F5839" s="1" t="s">
        <v>22873</v>
      </c>
      <c r="G5839" s="1" t="s">
        <v>22761</v>
      </c>
      <c r="H5839" s="1" t="s">
        <v>22762</v>
      </c>
      <c r="I5839" s="1" t="s">
        <v>20952</v>
      </c>
      <c r="J5839" s="1" t="s">
        <v>22874</v>
      </c>
    </row>
    <row r="5840" spans="1:10" x14ac:dyDescent="0.35">
      <c r="A5840" s="1" t="s">
        <v>22757</v>
      </c>
      <c r="B5840" s="1" t="s">
        <v>20946</v>
      </c>
      <c r="C5840" s="1" t="s">
        <v>160</v>
      </c>
      <c r="D5840" s="1" t="s">
        <v>22875</v>
      </c>
      <c r="E5840" s="1" t="s">
        <v>22876</v>
      </c>
      <c r="F5840" s="1" t="s">
        <v>22877</v>
      </c>
      <c r="G5840" s="1" t="s">
        <v>22761</v>
      </c>
      <c r="H5840" s="1" t="s">
        <v>22762</v>
      </c>
      <c r="I5840" s="1" t="s">
        <v>20952</v>
      </c>
      <c r="J5840" s="1" t="s">
        <v>22878</v>
      </c>
    </row>
    <row r="5841" spans="1:10" x14ac:dyDescent="0.35">
      <c r="A5841" s="1" t="s">
        <v>22757</v>
      </c>
      <c r="B5841" s="1" t="s">
        <v>20946</v>
      </c>
      <c r="C5841" s="1" t="s">
        <v>165</v>
      </c>
      <c r="D5841" s="1" t="s">
        <v>22879</v>
      </c>
      <c r="E5841" s="1" t="s">
        <v>22880</v>
      </c>
      <c r="F5841" s="1" t="s">
        <v>22881</v>
      </c>
      <c r="G5841" s="1" t="s">
        <v>22761</v>
      </c>
      <c r="H5841" s="1" t="s">
        <v>22762</v>
      </c>
      <c r="I5841" s="1" t="s">
        <v>20952</v>
      </c>
      <c r="J5841" s="1" t="s">
        <v>22882</v>
      </c>
    </row>
    <row r="5842" spans="1:10" x14ac:dyDescent="0.35">
      <c r="A5842" s="1" t="s">
        <v>22757</v>
      </c>
      <c r="B5842" s="1" t="s">
        <v>20946</v>
      </c>
      <c r="C5842" s="1" t="s">
        <v>170</v>
      </c>
      <c r="D5842" s="1" t="s">
        <v>22883</v>
      </c>
      <c r="E5842" s="1" t="s">
        <v>22884</v>
      </c>
      <c r="F5842" s="1" t="s">
        <v>22885</v>
      </c>
      <c r="G5842" s="1" t="s">
        <v>22761</v>
      </c>
      <c r="H5842" s="1" t="s">
        <v>22762</v>
      </c>
      <c r="I5842" s="1" t="s">
        <v>20952</v>
      </c>
      <c r="J5842" s="1" t="s">
        <v>22886</v>
      </c>
    </row>
    <row r="5843" spans="1:10" x14ac:dyDescent="0.35">
      <c r="A5843" s="1" t="s">
        <v>22887</v>
      </c>
      <c r="B5843" s="1" t="s">
        <v>20946</v>
      </c>
      <c r="C5843" s="1" t="s">
        <v>8</v>
      </c>
      <c r="D5843" s="1" t="s">
        <v>22888</v>
      </c>
      <c r="E5843" s="1" t="s">
        <v>22889</v>
      </c>
      <c r="F5843" s="1" t="s">
        <v>22890</v>
      </c>
      <c r="G5843" s="1" t="s">
        <v>22891</v>
      </c>
      <c r="H5843" s="1" t="s">
        <v>22892</v>
      </c>
      <c r="I5843" s="1" t="s">
        <v>20952</v>
      </c>
      <c r="J5843" s="1" t="s">
        <v>13</v>
      </c>
    </row>
    <row r="5844" spans="1:10" x14ac:dyDescent="0.35">
      <c r="A5844" s="1" t="s">
        <v>22887</v>
      </c>
      <c r="B5844" s="1" t="s">
        <v>20946</v>
      </c>
      <c r="C5844" s="1" t="s">
        <v>15</v>
      </c>
      <c r="D5844" s="1" t="s">
        <v>22893</v>
      </c>
      <c r="E5844" s="1" t="s">
        <v>22894</v>
      </c>
      <c r="F5844" s="1" t="s">
        <v>22895</v>
      </c>
      <c r="G5844" s="1" t="s">
        <v>22891</v>
      </c>
      <c r="H5844" s="1" t="s">
        <v>22892</v>
      </c>
      <c r="I5844" s="1" t="s">
        <v>20952</v>
      </c>
      <c r="J5844" s="1" t="s">
        <v>22896</v>
      </c>
    </row>
    <row r="5845" spans="1:10" x14ac:dyDescent="0.35">
      <c r="A5845" s="1" t="s">
        <v>22887</v>
      </c>
      <c r="B5845" s="1" t="s">
        <v>20946</v>
      </c>
      <c r="C5845" s="1" t="s">
        <v>20</v>
      </c>
      <c r="D5845" s="1" t="s">
        <v>22897</v>
      </c>
      <c r="E5845" s="1" t="s">
        <v>22898</v>
      </c>
      <c r="F5845" s="1" t="s">
        <v>22899</v>
      </c>
      <c r="G5845" s="1" t="s">
        <v>22891</v>
      </c>
      <c r="H5845" s="1" t="s">
        <v>22892</v>
      </c>
      <c r="I5845" s="1" t="s">
        <v>20952</v>
      </c>
      <c r="J5845" s="1" t="s">
        <v>22900</v>
      </c>
    </row>
    <row r="5846" spans="1:10" x14ac:dyDescent="0.35">
      <c r="A5846" s="1" t="s">
        <v>22887</v>
      </c>
      <c r="B5846" s="1" t="s">
        <v>20946</v>
      </c>
      <c r="C5846" s="1" t="s">
        <v>25</v>
      </c>
      <c r="D5846" s="1" t="s">
        <v>22901</v>
      </c>
      <c r="E5846" s="1" t="s">
        <v>22902</v>
      </c>
      <c r="F5846" s="1" t="s">
        <v>22903</v>
      </c>
      <c r="G5846" s="1" t="s">
        <v>22891</v>
      </c>
      <c r="H5846" s="1" t="s">
        <v>22892</v>
      </c>
      <c r="I5846" s="1" t="s">
        <v>20952</v>
      </c>
      <c r="J5846" s="1" t="s">
        <v>22904</v>
      </c>
    </row>
    <row r="5847" spans="1:10" x14ac:dyDescent="0.35">
      <c r="A5847" s="1" t="s">
        <v>22887</v>
      </c>
      <c r="B5847" s="1" t="s">
        <v>20946</v>
      </c>
      <c r="C5847" s="1" t="s">
        <v>30</v>
      </c>
      <c r="D5847" s="1" t="s">
        <v>22905</v>
      </c>
      <c r="E5847" s="1" t="s">
        <v>22906</v>
      </c>
      <c r="F5847" s="1" t="s">
        <v>22907</v>
      </c>
      <c r="G5847" s="1" t="s">
        <v>22891</v>
      </c>
      <c r="H5847" s="1" t="s">
        <v>22892</v>
      </c>
      <c r="I5847" s="1" t="s">
        <v>20952</v>
      </c>
      <c r="J5847" s="1" t="s">
        <v>22908</v>
      </c>
    </row>
    <row r="5848" spans="1:10" x14ac:dyDescent="0.35">
      <c r="A5848" s="1" t="s">
        <v>22887</v>
      </c>
      <c r="B5848" s="1" t="s">
        <v>20946</v>
      </c>
      <c r="C5848" s="1" t="s">
        <v>35</v>
      </c>
      <c r="D5848" s="1" t="s">
        <v>22909</v>
      </c>
      <c r="E5848" s="1" t="s">
        <v>22910</v>
      </c>
      <c r="F5848" s="1" t="s">
        <v>22911</v>
      </c>
      <c r="G5848" s="1" t="s">
        <v>22891</v>
      </c>
      <c r="H5848" s="1" t="s">
        <v>22892</v>
      </c>
      <c r="I5848" s="1" t="s">
        <v>20952</v>
      </c>
      <c r="J5848" s="1" t="s">
        <v>22912</v>
      </c>
    </row>
    <row r="5849" spans="1:10" x14ac:dyDescent="0.35">
      <c r="A5849" s="1" t="s">
        <v>22887</v>
      </c>
      <c r="B5849" s="1" t="s">
        <v>20946</v>
      </c>
      <c r="C5849" s="1" t="s">
        <v>40</v>
      </c>
      <c r="D5849" s="1" t="s">
        <v>22913</v>
      </c>
      <c r="E5849" s="1" t="s">
        <v>22914</v>
      </c>
      <c r="F5849" s="1" t="s">
        <v>22915</v>
      </c>
      <c r="G5849" s="1" t="s">
        <v>22891</v>
      </c>
      <c r="H5849" s="1" t="s">
        <v>22892</v>
      </c>
      <c r="I5849" s="1" t="s">
        <v>20952</v>
      </c>
      <c r="J5849" s="1" t="s">
        <v>22916</v>
      </c>
    </row>
    <row r="5850" spans="1:10" x14ac:dyDescent="0.35">
      <c r="A5850" s="1" t="s">
        <v>22887</v>
      </c>
      <c r="B5850" s="1" t="s">
        <v>20946</v>
      </c>
      <c r="C5850" s="1" t="s">
        <v>45</v>
      </c>
      <c r="D5850" s="1" t="s">
        <v>22917</v>
      </c>
      <c r="E5850" s="1" t="s">
        <v>22918</v>
      </c>
      <c r="F5850" s="1" t="s">
        <v>22919</v>
      </c>
      <c r="G5850" s="1" t="s">
        <v>22891</v>
      </c>
      <c r="H5850" s="1" t="s">
        <v>22892</v>
      </c>
      <c r="I5850" s="1" t="s">
        <v>20952</v>
      </c>
      <c r="J5850" s="1" t="s">
        <v>22920</v>
      </c>
    </row>
    <row r="5851" spans="1:10" x14ac:dyDescent="0.35">
      <c r="A5851" s="1" t="s">
        <v>22887</v>
      </c>
      <c r="B5851" s="1" t="s">
        <v>20946</v>
      </c>
      <c r="C5851" s="1" t="s">
        <v>50</v>
      </c>
      <c r="D5851" s="1" t="s">
        <v>22921</v>
      </c>
      <c r="E5851" s="1" t="s">
        <v>22922</v>
      </c>
      <c r="F5851" s="1" t="s">
        <v>22923</v>
      </c>
      <c r="G5851" s="1" t="s">
        <v>22891</v>
      </c>
      <c r="H5851" s="1" t="s">
        <v>22892</v>
      </c>
      <c r="I5851" s="1" t="s">
        <v>20952</v>
      </c>
      <c r="J5851" s="1" t="s">
        <v>22924</v>
      </c>
    </row>
    <row r="5852" spans="1:10" x14ac:dyDescent="0.35">
      <c r="A5852" s="1" t="s">
        <v>22887</v>
      </c>
      <c r="B5852" s="1" t="s">
        <v>20946</v>
      </c>
      <c r="C5852" s="1" t="s">
        <v>55</v>
      </c>
      <c r="D5852" s="1" t="s">
        <v>22925</v>
      </c>
      <c r="E5852" s="1" t="s">
        <v>22926</v>
      </c>
      <c r="F5852" s="1" t="s">
        <v>22927</v>
      </c>
      <c r="G5852" s="1" t="s">
        <v>22891</v>
      </c>
      <c r="H5852" s="1" t="s">
        <v>22892</v>
      </c>
      <c r="I5852" s="1" t="s">
        <v>20952</v>
      </c>
      <c r="J5852" s="1" t="s">
        <v>22928</v>
      </c>
    </row>
    <row r="5853" spans="1:10" x14ac:dyDescent="0.35">
      <c r="A5853" s="1" t="s">
        <v>22887</v>
      </c>
      <c r="B5853" s="1" t="s">
        <v>20946</v>
      </c>
      <c r="C5853" s="1" t="s">
        <v>60</v>
      </c>
      <c r="D5853" s="1" t="s">
        <v>22929</v>
      </c>
      <c r="E5853" s="1" t="s">
        <v>22930</v>
      </c>
      <c r="F5853" s="1" t="s">
        <v>22931</v>
      </c>
      <c r="G5853" s="1" t="s">
        <v>22891</v>
      </c>
      <c r="H5853" s="1" t="s">
        <v>22892</v>
      </c>
      <c r="I5853" s="1" t="s">
        <v>20952</v>
      </c>
      <c r="J5853" s="1" t="s">
        <v>22932</v>
      </c>
    </row>
    <row r="5854" spans="1:10" x14ac:dyDescent="0.35">
      <c r="A5854" s="1" t="s">
        <v>22887</v>
      </c>
      <c r="B5854" s="1" t="s">
        <v>20946</v>
      </c>
      <c r="C5854" s="1" t="s">
        <v>65</v>
      </c>
      <c r="D5854" s="1" t="s">
        <v>22933</v>
      </c>
      <c r="E5854" s="1" t="s">
        <v>22934</v>
      </c>
      <c r="F5854" s="1" t="s">
        <v>22935</v>
      </c>
      <c r="G5854" s="1" t="s">
        <v>22891</v>
      </c>
      <c r="H5854" s="1" t="s">
        <v>22892</v>
      </c>
      <c r="I5854" s="1" t="s">
        <v>20952</v>
      </c>
      <c r="J5854" s="1" t="s">
        <v>22936</v>
      </c>
    </row>
    <row r="5855" spans="1:10" x14ac:dyDescent="0.35">
      <c r="A5855" s="1" t="s">
        <v>22887</v>
      </c>
      <c r="B5855" s="1" t="s">
        <v>20946</v>
      </c>
      <c r="C5855" s="1" t="s">
        <v>70</v>
      </c>
      <c r="D5855" s="1" t="s">
        <v>22937</v>
      </c>
      <c r="E5855" s="1" t="s">
        <v>22938</v>
      </c>
      <c r="F5855" s="1" t="s">
        <v>22939</v>
      </c>
      <c r="G5855" s="1" t="s">
        <v>22891</v>
      </c>
      <c r="H5855" s="1" t="s">
        <v>22892</v>
      </c>
      <c r="I5855" s="1" t="s">
        <v>20952</v>
      </c>
      <c r="J5855" s="1" t="s">
        <v>22940</v>
      </c>
    </row>
    <row r="5856" spans="1:10" x14ac:dyDescent="0.35">
      <c r="A5856" s="1" t="s">
        <v>22887</v>
      </c>
      <c r="B5856" s="1" t="s">
        <v>20946</v>
      </c>
      <c r="C5856" s="1" t="s">
        <v>75</v>
      </c>
      <c r="D5856" s="1" t="s">
        <v>22941</v>
      </c>
      <c r="E5856" s="1" t="s">
        <v>22942</v>
      </c>
      <c r="F5856" s="1" t="s">
        <v>22943</v>
      </c>
      <c r="G5856" s="1" t="s">
        <v>22891</v>
      </c>
      <c r="H5856" s="1" t="s">
        <v>22892</v>
      </c>
      <c r="I5856" s="1" t="s">
        <v>20952</v>
      </c>
      <c r="J5856" s="1" t="s">
        <v>22944</v>
      </c>
    </row>
    <row r="5857" spans="1:10" x14ac:dyDescent="0.35">
      <c r="A5857" s="1" t="s">
        <v>22887</v>
      </c>
      <c r="B5857" s="1" t="s">
        <v>20946</v>
      </c>
      <c r="C5857" s="1" t="s">
        <v>80</v>
      </c>
      <c r="D5857" s="1" t="s">
        <v>22945</v>
      </c>
      <c r="E5857" s="1" t="s">
        <v>22946</v>
      </c>
      <c r="F5857" s="1" t="s">
        <v>22947</v>
      </c>
      <c r="G5857" s="1" t="s">
        <v>22891</v>
      </c>
      <c r="H5857" s="1" t="s">
        <v>22892</v>
      </c>
      <c r="I5857" s="1" t="s">
        <v>20952</v>
      </c>
      <c r="J5857" s="1" t="s">
        <v>22948</v>
      </c>
    </row>
    <row r="5858" spans="1:10" x14ac:dyDescent="0.35">
      <c r="A5858" s="1" t="s">
        <v>22887</v>
      </c>
      <c r="B5858" s="1" t="s">
        <v>20946</v>
      </c>
      <c r="C5858" s="1" t="s">
        <v>85</v>
      </c>
      <c r="D5858" s="1" t="s">
        <v>22949</v>
      </c>
      <c r="E5858" s="1" t="s">
        <v>22950</v>
      </c>
      <c r="F5858" s="1" t="s">
        <v>22951</v>
      </c>
      <c r="G5858" s="1" t="s">
        <v>22891</v>
      </c>
      <c r="H5858" s="1" t="s">
        <v>22892</v>
      </c>
      <c r="I5858" s="1" t="s">
        <v>20952</v>
      </c>
      <c r="J5858" s="1" t="s">
        <v>22952</v>
      </c>
    </row>
    <row r="5859" spans="1:10" x14ac:dyDescent="0.35">
      <c r="A5859" s="1" t="s">
        <v>22887</v>
      </c>
      <c r="B5859" s="1" t="s">
        <v>20946</v>
      </c>
      <c r="C5859" s="1" t="s">
        <v>90</v>
      </c>
      <c r="D5859" s="1" t="s">
        <v>22953</v>
      </c>
      <c r="E5859" s="1" t="s">
        <v>22954</v>
      </c>
      <c r="F5859" s="1" t="s">
        <v>22955</v>
      </c>
      <c r="G5859" s="1" t="s">
        <v>22891</v>
      </c>
      <c r="H5859" s="1" t="s">
        <v>22892</v>
      </c>
      <c r="I5859" s="1" t="s">
        <v>20952</v>
      </c>
      <c r="J5859" s="1" t="s">
        <v>22956</v>
      </c>
    </row>
    <row r="5860" spans="1:10" x14ac:dyDescent="0.35">
      <c r="A5860" s="1" t="s">
        <v>22887</v>
      </c>
      <c r="B5860" s="1" t="s">
        <v>20946</v>
      </c>
      <c r="C5860" s="1" t="s">
        <v>95</v>
      </c>
      <c r="D5860" s="1" t="s">
        <v>22957</v>
      </c>
      <c r="E5860" s="1" t="s">
        <v>22958</v>
      </c>
      <c r="F5860" s="1" t="s">
        <v>22959</v>
      </c>
      <c r="G5860" s="1" t="s">
        <v>22891</v>
      </c>
      <c r="H5860" s="1" t="s">
        <v>22892</v>
      </c>
      <c r="I5860" s="1" t="s">
        <v>20952</v>
      </c>
      <c r="J5860" s="1" t="s">
        <v>22960</v>
      </c>
    </row>
    <row r="5861" spans="1:10" x14ac:dyDescent="0.35">
      <c r="A5861" s="1" t="s">
        <v>22887</v>
      </c>
      <c r="B5861" s="1" t="s">
        <v>20946</v>
      </c>
      <c r="C5861" s="1" t="s">
        <v>100</v>
      </c>
      <c r="D5861" s="1" t="s">
        <v>22961</v>
      </c>
      <c r="E5861" s="1" t="s">
        <v>22962</v>
      </c>
      <c r="F5861" s="1" t="s">
        <v>22963</v>
      </c>
      <c r="G5861" s="1" t="s">
        <v>22891</v>
      </c>
      <c r="H5861" s="1" t="s">
        <v>22892</v>
      </c>
      <c r="I5861" s="1" t="s">
        <v>20952</v>
      </c>
      <c r="J5861" s="1" t="s">
        <v>22964</v>
      </c>
    </row>
    <row r="5862" spans="1:10" x14ac:dyDescent="0.35">
      <c r="A5862" s="1" t="s">
        <v>22887</v>
      </c>
      <c r="B5862" s="1" t="s">
        <v>20946</v>
      </c>
      <c r="C5862" s="1" t="s">
        <v>105</v>
      </c>
      <c r="D5862" s="1" t="s">
        <v>22965</v>
      </c>
      <c r="E5862" s="1" t="s">
        <v>22966</v>
      </c>
      <c r="F5862" s="1" t="s">
        <v>22967</v>
      </c>
      <c r="G5862" s="1" t="s">
        <v>22891</v>
      </c>
      <c r="H5862" s="1" t="s">
        <v>22892</v>
      </c>
      <c r="I5862" s="1" t="s">
        <v>20952</v>
      </c>
      <c r="J5862" s="1" t="s">
        <v>22968</v>
      </c>
    </row>
    <row r="5863" spans="1:10" x14ac:dyDescent="0.35">
      <c r="A5863" s="1" t="s">
        <v>22887</v>
      </c>
      <c r="B5863" s="1" t="s">
        <v>20946</v>
      </c>
      <c r="C5863" s="1" t="s">
        <v>110</v>
      </c>
      <c r="D5863" s="1" t="s">
        <v>22969</v>
      </c>
      <c r="E5863" s="1" t="s">
        <v>22970</v>
      </c>
      <c r="F5863" s="1" t="s">
        <v>22971</v>
      </c>
      <c r="G5863" s="1" t="s">
        <v>22891</v>
      </c>
      <c r="H5863" s="1" t="s">
        <v>22892</v>
      </c>
      <c r="I5863" s="1" t="s">
        <v>20952</v>
      </c>
      <c r="J5863" s="1" t="s">
        <v>22972</v>
      </c>
    </row>
    <row r="5864" spans="1:10" x14ac:dyDescent="0.35">
      <c r="A5864" s="1" t="s">
        <v>22887</v>
      </c>
      <c r="B5864" s="1" t="s">
        <v>20946</v>
      </c>
      <c r="C5864" s="1" t="s">
        <v>115</v>
      </c>
      <c r="D5864" s="1" t="s">
        <v>22973</v>
      </c>
      <c r="E5864" s="1" t="s">
        <v>22974</v>
      </c>
      <c r="F5864" s="1" t="s">
        <v>22975</v>
      </c>
      <c r="G5864" s="1" t="s">
        <v>22891</v>
      </c>
      <c r="H5864" s="1" t="s">
        <v>22892</v>
      </c>
      <c r="I5864" s="1" t="s">
        <v>20952</v>
      </c>
      <c r="J5864" s="1" t="s">
        <v>22976</v>
      </c>
    </row>
    <row r="5865" spans="1:10" x14ac:dyDescent="0.35">
      <c r="A5865" s="1" t="s">
        <v>22887</v>
      </c>
      <c r="B5865" s="1" t="s">
        <v>20946</v>
      </c>
      <c r="C5865" s="1" t="s">
        <v>120</v>
      </c>
      <c r="D5865" s="1" t="s">
        <v>22977</v>
      </c>
      <c r="E5865" s="1" t="s">
        <v>22978</v>
      </c>
      <c r="F5865" s="1" t="s">
        <v>22979</v>
      </c>
      <c r="G5865" s="1" t="s">
        <v>22891</v>
      </c>
      <c r="H5865" s="1" t="s">
        <v>22892</v>
      </c>
      <c r="I5865" s="1" t="s">
        <v>20952</v>
      </c>
      <c r="J5865" s="1" t="s">
        <v>22980</v>
      </c>
    </row>
    <row r="5866" spans="1:10" x14ac:dyDescent="0.35">
      <c r="A5866" s="1" t="s">
        <v>22887</v>
      </c>
      <c r="B5866" s="1" t="s">
        <v>20946</v>
      </c>
      <c r="C5866" s="1" t="s">
        <v>125</v>
      </c>
      <c r="D5866" s="1" t="s">
        <v>22981</v>
      </c>
      <c r="E5866" s="1" t="s">
        <v>22982</v>
      </c>
      <c r="F5866" s="1" t="s">
        <v>22983</v>
      </c>
      <c r="G5866" s="1" t="s">
        <v>22891</v>
      </c>
      <c r="H5866" s="1" t="s">
        <v>22892</v>
      </c>
      <c r="I5866" s="1" t="s">
        <v>20952</v>
      </c>
      <c r="J5866" s="1" t="s">
        <v>22984</v>
      </c>
    </row>
    <row r="5867" spans="1:10" x14ac:dyDescent="0.35">
      <c r="A5867" s="1" t="s">
        <v>22887</v>
      </c>
      <c r="B5867" s="1" t="s">
        <v>20946</v>
      </c>
      <c r="C5867" s="1" t="s">
        <v>130</v>
      </c>
      <c r="D5867" s="1" t="s">
        <v>22985</v>
      </c>
      <c r="E5867" s="1" t="s">
        <v>22986</v>
      </c>
      <c r="F5867" s="1" t="s">
        <v>22987</v>
      </c>
      <c r="G5867" s="1" t="s">
        <v>22891</v>
      </c>
      <c r="H5867" s="1" t="s">
        <v>22892</v>
      </c>
      <c r="I5867" s="1" t="s">
        <v>20952</v>
      </c>
      <c r="J5867" s="1" t="s">
        <v>22988</v>
      </c>
    </row>
    <row r="5868" spans="1:10" x14ac:dyDescent="0.35">
      <c r="A5868" s="1" t="s">
        <v>22887</v>
      </c>
      <c r="B5868" s="1" t="s">
        <v>20946</v>
      </c>
      <c r="C5868" s="1" t="s">
        <v>135</v>
      </c>
      <c r="D5868" s="1" t="s">
        <v>22989</v>
      </c>
      <c r="E5868" s="1" t="s">
        <v>22990</v>
      </c>
      <c r="F5868" s="1" t="s">
        <v>22991</v>
      </c>
      <c r="G5868" s="1" t="s">
        <v>22891</v>
      </c>
      <c r="H5868" s="1" t="s">
        <v>22892</v>
      </c>
      <c r="I5868" s="1" t="s">
        <v>20952</v>
      </c>
      <c r="J5868" s="1" t="s">
        <v>22992</v>
      </c>
    </row>
    <row r="5869" spans="1:10" x14ac:dyDescent="0.35">
      <c r="A5869" s="1" t="s">
        <v>22887</v>
      </c>
      <c r="B5869" s="1" t="s">
        <v>20946</v>
      </c>
      <c r="C5869" s="1" t="s">
        <v>140</v>
      </c>
      <c r="D5869" s="1" t="s">
        <v>22993</v>
      </c>
      <c r="E5869" s="1" t="s">
        <v>22994</v>
      </c>
      <c r="F5869" s="1" t="s">
        <v>22995</v>
      </c>
      <c r="G5869" s="1" t="s">
        <v>22891</v>
      </c>
      <c r="H5869" s="1" t="s">
        <v>22892</v>
      </c>
      <c r="I5869" s="1" t="s">
        <v>20952</v>
      </c>
      <c r="J5869" s="1" t="s">
        <v>22996</v>
      </c>
    </row>
    <row r="5870" spans="1:10" x14ac:dyDescent="0.35">
      <c r="A5870" s="1" t="s">
        <v>22887</v>
      </c>
      <c r="B5870" s="1" t="s">
        <v>20946</v>
      </c>
      <c r="C5870" s="1" t="s">
        <v>145</v>
      </c>
      <c r="D5870" s="1" t="s">
        <v>22997</v>
      </c>
      <c r="E5870" s="1" t="s">
        <v>22998</v>
      </c>
      <c r="F5870" s="1" t="s">
        <v>22999</v>
      </c>
      <c r="G5870" s="1" t="s">
        <v>22891</v>
      </c>
      <c r="H5870" s="1" t="s">
        <v>22892</v>
      </c>
      <c r="I5870" s="1" t="s">
        <v>20952</v>
      </c>
      <c r="J5870" s="1" t="s">
        <v>23000</v>
      </c>
    </row>
    <row r="5871" spans="1:10" x14ac:dyDescent="0.35">
      <c r="A5871" s="1" t="s">
        <v>22887</v>
      </c>
      <c r="B5871" s="1" t="s">
        <v>20946</v>
      </c>
      <c r="C5871" s="1" t="s">
        <v>150</v>
      </c>
      <c r="D5871" s="1" t="s">
        <v>23001</v>
      </c>
      <c r="E5871" s="1" t="s">
        <v>23002</v>
      </c>
      <c r="F5871" s="1" t="s">
        <v>23003</v>
      </c>
      <c r="G5871" s="1" t="s">
        <v>22891</v>
      </c>
      <c r="H5871" s="1" t="s">
        <v>22892</v>
      </c>
      <c r="I5871" s="1" t="s">
        <v>20952</v>
      </c>
      <c r="J5871" s="1" t="s">
        <v>23004</v>
      </c>
    </row>
    <row r="5872" spans="1:10" x14ac:dyDescent="0.35">
      <c r="A5872" s="1" t="s">
        <v>22887</v>
      </c>
      <c r="B5872" s="1" t="s">
        <v>20946</v>
      </c>
      <c r="C5872" s="1" t="s">
        <v>155</v>
      </c>
      <c r="D5872" s="1" t="s">
        <v>23005</v>
      </c>
      <c r="E5872" s="1" t="s">
        <v>23006</v>
      </c>
      <c r="F5872" s="1" t="s">
        <v>23007</v>
      </c>
      <c r="G5872" s="1" t="s">
        <v>22891</v>
      </c>
      <c r="H5872" s="1" t="s">
        <v>22892</v>
      </c>
      <c r="I5872" s="1" t="s">
        <v>20952</v>
      </c>
      <c r="J5872" s="1" t="s">
        <v>23008</v>
      </c>
    </row>
    <row r="5873" spans="1:10" x14ac:dyDescent="0.35">
      <c r="A5873" s="1" t="s">
        <v>22887</v>
      </c>
      <c r="B5873" s="1" t="s">
        <v>20946</v>
      </c>
      <c r="C5873" s="1" t="s">
        <v>160</v>
      </c>
      <c r="D5873" s="1" t="s">
        <v>23009</v>
      </c>
      <c r="E5873" s="1" t="s">
        <v>23010</v>
      </c>
      <c r="F5873" s="1" t="s">
        <v>23011</v>
      </c>
      <c r="G5873" s="1" t="s">
        <v>22891</v>
      </c>
      <c r="H5873" s="1" t="s">
        <v>22892</v>
      </c>
      <c r="I5873" s="1" t="s">
        <v>20952</v>
      </c>
      <c r="J5873" s="1" t="s">
        <v>23012</v>
      </c>
    </row>
    <row r="5874" spans="1:10" x14ac:dyDescent="0.35">
      <c r="A5874" s="1" t="s">
        <v>22887</v>
      </c>
      <c r="B5874" s="1" t="s">
        <v>20946</v>
      </c>
      <c r="C5874" s="1" t="s">
        <v>165</v>
      </c>
      <c r="D5874" s="1" t="s">
        <v>21023</v>
      </c>
      <c r="E5874" s="1" t="s">
        <v>21105</v>
      </c>
      <c r="F5874" s="1" t="s">
        <v>23013</v>
      </c>
      <c r="G5874" s="1" t="s">
        <v>22891</v>
      </c>
      <c r="H5874" s="1" t="s">
        <v>22892</v>
      </c>
      <c r="I5874" s="1" t="s">
        <v>20952</v>
      </c>
      <c r="J5874" s="1" t="s">
        <v>23014</v>
      </c>
    </row>
    <row r="5875" spans="1:10" x14ac:dyDescent="0.35">
      <c r="A5875" s="1" t="s">
        <v>22887</v>
      </c>
      <c r="B5875" s="1" t="s">
        <v>20946</v>
      </c>
      <c r="C5875" s="1" t="s">
        <v>170</v>
      </c>
      <c r="D5875" s="1" t="s">
        <v>23015</v>
      </c>
      <c r="E5875" s="1" t="s">
        <v>23016</v>
      </c>
      <c r="F5875" s="1" t="s">
        <v>23017</v>
      </c>
      <c r="G5875" s="1" t="s">
        <v>22891</v>
      </c>
      <c r="H5875" s="1" t="s">
        <v>22892</v>
      </c>
      <c r="I5875" s="1" t="s">
        <v>20952</v>
      </c>
      <c r="J5875" s="1" t="s">
        <v>23018</v>
      </c>
    </row>
    <row r="5876" spans="1:10" x14ac:dyDescent="0.35">
      <c r="A5876" s="1" t="s">
        <v>23019</v>
      </c>
      <c r="B5876" s="1" t="s">
        <v>20946</v>
      </c>
      <c r="C5876" s="1" t="s">
        <v>8</v>
      </c>
      <c r="D5876" s="1" t="s">
        <v>23020</v>
      </c>
      <c r="E5876" s="1" t="s">
        <v>23021</v>
      </c>
      <c r="F5876" s="1" t="s">
        <v>23022</v>
      </c>
      <c r="G5876" s="1" t="s">
        <v>23023</v>
      </c>
      <c r="H5876" s="1" t="s">
        <v>23024</v>
      </c>
      <c r="I5876" s="1" t="s">
        <v>20952</v>
      </c>
      <c r="J5876" s="1" t="s">
        <v>13</v>
      </c>
    </row>
    <row r="5877" spans="1:10" x14ac:dyDescent="0.35">
      <c r="A5877" s="1" t="s">
        <v>23019</v>
      </c>
      <c r="B5877" s="1" t="s">
        <v>20946</v>
      </c>
      <c r="C5877" s="1" t="s">
        <v>15</v>
      </c>
      <c r="D5877" s="1" t="s">
        <v>23025</v>
      </c>
      <c r="E5877" s="1" t="s">
        <v>23026</v>
      </c>
      <c r="F5877" s="1" t="s">
        <v>23027</v>
      </c>
      <c r="G5877" s="1" t="s">
        <v>23023</v>
      </c>
      <c r="H5877" s="1" t="s">
        <v>23024</v>
      </c>
      <c r="I5877" s="1" t="s">
        <v>20952</v>
      </c>
      <c r="J5877" s="1" t="s">
        <v>23028</v>
      </c>
    </row>
    <row r="5878" spans="1:10" x14ac:dyDescent="0.35">
      <c r="A5878" s="1" t="s">
        <v>23019</v>
      </c>
      <c r="B5878" s="1" t="s">
        <v>20946</v>
      </c>
      <c r="C5878" s="1" t="s">
        <v>20</v>
      </c>
      <c r="D5878" s="1" t="s">
        <v>23029</v>
      </c>
      <c r="E5878" s="1" t="s">
        <v>23030</v>
      </c>
      <c r="F5878" s="1" t="s">
        <v>23031</v>
      </c>
      <c r="G5878" s="1" t="s">
        <v>23023</v>
      </c>
      <c r="H5878" s="1" t="s">
        <v>23024</v>
      </c>
      <c r="I5878" s="1" t="s">
        <v>20952</v>
      </c>
      <c r="J5878" s="1" t="s">
        <v>23032</v>
      </c>
    </row>
    <row r="5879" spans="1:10" x14ac:dyDescent="0.35">
      <c r="A5879" s="1" t="s">
        <v>23019</v>
      </c>
      <c r="B5879" s="1" t="s">
        <v>20946</v>
      </c>
      <c r="C5879" s="1" t="s">
        <v>25</v>
      </c>
      <c r="D5879" s="1" t="s">
        <v>23033</v>
      </c>
      <c r="E5879" s="1" t="s">
        <v>23034</v>
      </c>
      <c r="F5879" s="1" t="s">
        <v>23035</v>
      </c>
      <c r="G5879" s="1" t="s">
        <v>23023</v>
      </c>
      <c r="H5879" s="1" t="s">
        <v>23024</v>
      </c>
      <c r="I5879" s="1" t="s">
        <v>20952</v>
      </c>
      <c r="J5879" s="1" t="s">
        <v>23036</v>
      </c>
    </row>
    <row r="5880" spans="1:10" x14ac:dyDescent="0.35">
      <c r="A5880" s="1" t="s">
        <v>23019</v>
      </c>
      <c r="B5880" s="1" t="s">
        <v>20946</v>
      </c>
      <c r="C5880" s="1" t="s">
        <v>30</v>
      </c>
      <c r="D5880" s="1" t="s">
        <v>23037</v>
      </c>
      <c r="E5880" s="1" t="s">
        <v>21815</v>
      </c>
      <c r="F5880" s="1" t="s">
        <v>23038</v>
      </c>
      <c r="G5880" s="1" t="s">
        <v>23023</v>
      </c>
      <c r="H5880" s="1" t="s">
        <v>23024</v>
      </c>
      <c r="I5880" s="1" t="s">
        <v>20952</v>
      </c>
      <c r="J5880" s="1" t="s">
        <v>23039</v>
      </c>
    </row>
    <row r="5881" spans="1:10" x14ac:dyDescent="0.35">
      <c r="A5881" s="1" t="s">
        <v>23019</v>
      </c>
      <c r="B5881" s="1" t="s">
        <v>20946</v>
      </c>
      <c r="C5881" s="1" t="s">
        <v>35</v>
      </c>
      <c r="D5881" s="1" t="s">
        <v>23040</v>
      </c>
      <c r="E5881" s="1" t="s">
        <v>23041</v>
      </c>
      <c r="F5881" s="1" t="s">
        <v>23042</v>
      </c>
      <c r="G5881" s="1" t="s">
        <v>23023</v>
      </c>
      <c r="H5881" s="1" t="s">
        <v>23024</v>
      </c>
      <c r="I5881" s="1" t="s">
        <v>20952</v>
      </c>
      <c r="J5881" s="1" t="s">
        <v>23043</v>
      </c>
    </row>
    <row r="5882" spans="1:10" x14ac:dyDescent="0.35">
      <c r="A5882" s="1" t="s">
        <v>23019</v>
      </c>
      <c r="B5882" s="1" t="s">
        <v>20946</v>
      </c>
      <c r="C5882" s="1" t="s">
        <v>40</v>
      </c>
      <c r="D5882" s="1" t="s">
        <v>23044</v>
      </c>
      <c r="E5882" s="1" t="s">
        <v>23045</v>
      </c>
      <c r="F5882" s="1" t="s">
        <v>23046</v>
      </c>
      <c r="G5882" s="1" t="s">
        <v>23023</v>
      </c>
      <c r="H5882" s="1" t="s">
        <v>23024</v>
      </c>
      <c r="I5882" s="1" t="s">
        <v>20952</v>
      </c>
      <c r="J5882" s="1" t="s">
        <v>23047</v>
      </c>
    </row>
    <row r="5883" spans="1:10" x14ac:dyDescent="0.35">
      <c r="A5883" s="1" t="s">
        <v>23019</v>
      </c>
      <c r="B5883" s="1" t="s">
        <v>20946</v>
      </c>
      <c r="C5883" s="1" t="s">
        <v>45</v>
      </c>
      <c r="D5883" s="1" t="s">
        <v>23048</v>
      </c>
      <c r="E5883" s="1" t="s">
        <v>23049</v>
      </c>
      <c r="F5883" s="1" t="s">
        <v>23050</v>
      </c>
      <c r="G5883" s="1" t="s">
        <v>23023</v>
      </c>
      <c r="H5883" s="1" t="s">
        <v>23024</v>
      </c>
      <c r="I5883" s="1" t="s">
        <v>20952</v>
      </c>
      <c r="J5883" s="1" t="s">
        <v>23051</v>
      </c>
    </row>
    <row r="5884" spans="1:10" x14ac:dyDescent="0.35">
      <c r="A5884" s="1" t="s">
        <v>23019</v>
      </c>
      <c r="B5884" s="1" t="s">
        <v>20946</v>
      </c>
      <c r="C5884" s="1" t="s">
        <v>50</v>
      </c>
      <c r="D5884" s="1" t="s">
        <v>23052</v>
      </c>
      <c r="E5884" s="1" t="s">
        <v>23053</v>
      </c>
      <c r="F5884" s="1" t="s">
        <v>23054</v>
      </c>
      <c r="G5884" s="1" t="s">
        <v>23023</v>
      </c>
      <c r="H5884" s="1" t="s">
        <v>23024</v>
      </c>
      <c r="I5884" s="1" t="s">
        <v>20952</v>
      </c>
      <c r="J5884" s="1" t="s">
        <v>23055</v>
      </c>
    </row>
    <row r="5885" spans="1:10" x14ac:dyDescent="0.35">
      <c r="A5885" s="1" t="s">
        <v>23019</v>
      </c>
      <c r="B5885" s="1" t="s">
        <v>20946</v>
      </c>
      <c r="C5885" s="1" t="s">
        <v>55</v>
      </c>
      <c r="D5885" s="1" t="s">
        <v>23056</v>
      </c>
      <c r="E5885" s="1" t="s">
        <v>23057</v>
      </c>
      <c r="F5885" s="1" t="s">
        <v>23058</v>
      </c>
      <c r="G5885" s="1" t="s">
        <v>23023</v>
      </c>
      <c r="H5885" s="1" t="s">
        <v>23024</v>
      </c>
      <c r="I5885" s="1" t="s">
        <v>20952</v>
      </c>
      <c r="J5885" s="1" t="s">
        <v>23059</v>
      </c>
    </row>
    <row r="5886" spans="1:10" x14ac:dyDescent="0.35">
      <c r="A5886" s="1" t="s">
        <v>23019</v>
      </c>
      <c r="B5886" s="1" t="s">
        <v>20946</v>
      </c>
      <c r="C5886" s="1" t="s">
        <v>60</v>
      </c>
      <c r="D5886" s="1" t="s">
        <v>23060</v>
      </c>
      <c r="E5886" s="1" t="s">
        <v>23061</v>
      </c>
      <c r="F5886" s="1" t="s">
        <v>23062</v>
      </c>
      <c r="G5886" s="1" t="s">
        <v>23023</v>
      </c>
      <c r="H5886" s="1" t="s">
        <v>23024</v>
      </c>
      <c r="I5886" s="1" t="s">
        <v>20952</v>
      </c>
      <c r="J5886" s="1" t="s">
        <v>23063</v>
      </c>
    </row>
    <row r="5887" spans="1:10" x14ac:dyDescent="0.35">
      <c r="A5887" s="1" t="s">
        <v>23019</v>
      </c>
      <c r="B5887" s="1" t="s">
        <v>20946</v>
      </c>
      <c r="C5887" s="1" t="s">
        <v>65</v>
      </c>
      <c r="D5887" s="1" t="s">
        <v>23064</v>
      </c>
      <c r="E5887" s="1" t="s">
        <v>23065</v>
      </c>
      <c r="F5887" s="1" t="s">
        <v>23066</v>
      </c>
      <c r="G5887" s="1" t="s">
        <v>23023</v>
      </c>
      <c r="H5887" s="1" t="s">
        <v>23024</v>
      </c>
      <c r="I5887" s="1" t="s">
        <v>20952</v>
      </c>
      <c r="J5887" s="1" t="s">
        <v>23067</v>
      </c>
    </row>
    <row r="5888" spans="1:10" x14ac:dyDescent="0.35">
      <c r="A5888" s="1" t="s">
        <v>23019</v>
      </c>
      <c r="B5888" s="1" t="s">
        <v>20946</v>
      </c>
      <c r="C5888" s="1" t="s">
        <v>70</v>
      </c>
      <c r="D5888" s="1" t="s">
        <v>23068</v>
      </c>
      <c r="E5888" s="1" t="s">
        <v>21093</v>
      </c>
      <c r="F5888" s="1" t="s">
        <v>23069</v>
      </c>
      <c r="G5888" s="1" t="s">
        <v>23023</v>
      </c>
      <c r="H5888" s="1" t="s">
        <v>23024</v>
      </c>
      <c r="I5888" s="1" t="s">
        <v>20952</v>
      </c>
      <c r="J5888" s="1" t="s">
        <v>23070</v>
      </c>
    </row>
    <row r="5889" spans="1:10" x14ac:dyDescent="0.35">
      <c r="A5889" s="1" t="s">
        <v>23019</v>
      </c>
      <c r="B5889" s="1" t="s">
        <v>20946</v>
      </c>
      <c r="C5889" s="1" t="s">
        <v>75</v>
      </c>
      <c r="D5889" s="1" t="s">
        <v>23071</v>
      </c>
      <c r="E5889" s="1" t="s">
        <v>23072</v>
      </c>
      <c r="F5889" s="1" t="s">
        <v>23073</v>
      </c>
      <c r="G5889" s="1" t="s">
        <v>23023</v>
      </c>
      <c r="H5889" s="1" t="s">
        <v>23024</v>
      </c>
      <c r="I5889" s="1" t="s">
        <v>20952</v>
      </c>
      <c r="J5889" s="1" t="s">
        <v>23074</v>
      </c>
    </row>
    <row r="5890" spans="1:10" x14ac:dyDescent="0.35">
      <c r="A5890" s="1" t="s">
        <v>23019</v>
      </c>
      <c r="B5890" s="1" t="s">
        <v>20946</v>
      </c>
      <c r="C5890" s="1" t="s">
        <v>80</v>
      </c>
      <c r="D5890" s="1" t="s">
        <v>23075</v>
      </c>
      <c r="E5890" s="1" t="s">
        <v>23076</v>
      </c>
      <c r="F5890" s="1" t="s">
        <v>23077</v>
      </c>
      <c r="G5890" s="1" t="s">
        <v>23023</v>
      </c>
      <c r="H5890" s="1" t="s">
        <v>23024</v>
      </c>
      <c r="I5890" s="1" t="s">
        <v>20952</v>
      </c>
      <c r="J5890" s="1" t="s">
        <v>23078</v>
      </c>
    </row>
    <row r="5891" spans="1:10" x14ac:dyDescent="0.35">
      <c r="A5891" s="1" t="s">
        <v>23019</v>
      </c>
      <c r="B5891" s="1" t="s">
        <v>20946</v>
      </c>
      <c r="C5891" s="1" t="s">
        <v>85</v>
      </c>
      <c r="D5891" s="1" t="s">
        <v>23079</v>
      </c>
      <c r="E5891" s="1" t="s">
        <v>21580</v>
      </c>
      <c r="F5891" s="1" t="s">
        <v>23080</v>
      </c>
      <c r="G5891" s="1" t="s">
        <v>23023</v>
      </c>
      <c r="H5891" s="1" t="s">
        <v>23024</v>
      </c>
      <c r="I5891" s="1" t="s">
        <v>20952</v>
      </c>
      <c r="J5891" s="1" t="s">
        <v>23081</v>
      </c>
    </row>
    <row r="5892" spans="1:10" x14ac:dyDescent="0.35">
      <c r="A5892" s="1" t="s">
        <v>23019</v>
      </c>
      <c r="B5892" s="1" t="s">
        <v>20946</v>
      </c>
      <c r="C5892" s="1" t="s">
        <v>90</v>
      </c>
      <c r="D5892" s="1" t="s">
        <v>23082</v>
      </c>
      <c r="E5892" s="1" t="s">
        <v>23083</v>
      </c>
      <c r="F5892" s="1" t="s">
        <v>23084</v>
      </c>
      <c r="G5892" s="1" t="s">
        <v>23023</v>
      </c>
      <c r="H5892" s="1" t="s">
        <v>23024</v>
      </c>
      <c r="I5892" s="1" t="s">
        <v>20952</v>
      </c>
      <c r="J5892" s="1" t="s">
        <v>23085</v>
      </c>
    </row>
    <row r="5893" spans="1:10" x14ac:dyDescent="0.35">
      <c r="A5893" s="1" t="s">
        <v>23019</v>
      </c>
      <c r="B5893" s="1" t="s">
        <v>20946</v>
      </c>
      <c r="C5893" s="1" t="s">
        <v>95</v>
      </c>
      <c r="D5893" s="1" t="s">
        <v>23086</v>
      </c>
      <c r="E5893" s="1" t="s">
        <v>23087</v>
      </c>
      <c r="F5893" s="1" t="s">
        <v>23088</v>
      </c>
      <c r="G5893" s="1" t="s">
        <v>23023</v>
      </c>
      <c r="H5893" s="1" t="s">
        <v>23024</v>
      </c>
      <c r="I5893" s="1" t="s">
        <v>20952</v>
      </c>
      <c r="J5893" s="1" t="s">
        <v>23089</v>
      </c>
    </row>
    <row r="5894" spans="1:10" x14ac:dyDescent="0.35">
      <c r="A5894" s="1" t="s">
        <v>23019</v>
      </c>
      <c r="B5894" s="1" t="s">
        <v>20946</v>
      </c>
      <c r="C5894" s="1" t="s">
        <v>100</v>
      </c>
      <c r="D5894" s="1" t="s">
        <v>23090</v>
      </c>
      <c r="E5894" s="1" t="s">
        <v>23091</v>
      </c>
      <c r="F5894" s="1" t="s">
        <v>23092</v>
      </c>
      <c r="G5894" s="1" t="s">
        <v>23023</v>
      </c>
      <c r="H5894" s="1" t="s">
        <v>23024</v>
      </c>
      <c r="I5894" s="1" t="s">
        <v>20952</v>
      </c>
      <c r="J5894" s="1" t="s">
        <v>23093</v>
      </c>
    </row>
    <row r="5895" spans="1:10" x14ac:dyDescent="0.35">
      <c r="A5895" s="1" t="s">
        <v>23019</v>
      </c>
      <c r="B5895" s="1" t="s">
        <v>20946</v>
      </c>
      <c r="C5895" s="1" t="s">
        <v>105</v>
      </c>
      <c r="D5895" s="1" t="s">
        <v>23094</v>
      </c>
      <c r="E5895" s="1" t="s">
        <v>21086</v>
      </c>
      <c r="F5895" s="1" t="s">
        <v>23095</v>
      </c>
      <c r="G5895" s="1" t="s">
        <v>23023</v>
      </c>
      <c r="H5895" s="1" t="s">
        <v>23024</v>
      </c>
      <c r="I5895" s="1" t="s">
        <v>20952</v>
      </c>
      <c r="J5895" s="1" t="s">
        <v>23096</v>
      </c>
    </row>
    <row r="5896" spans="1:10" x14ac:dyDescent="0.35">
      <c r="A5896" s="1" t="s">
        <v>23019</v>
      </c>
      <c r="B5896" s="1" t="s">
        <v>20946</v>
      </c>
      <c r="C5896" s="1" t="s">
        <v>110</v>
      </c>
      <c r="D5896" s="1" t="s">
        <v>23097</v>
      </c>
      <c r="E5896" s="1" t="s">
        <v>23098</v>
      </c>
      <c r="F5896" s="1" t="s">
        <v>23099</v>
      </c>
      <c r="G5896" s="1" t="s">
        <v>23023</v>
      </c>
      <c r="H5896" s="1" t="s">
        <v>23024</v>
      </c>
      <c r="I5896" s="1" t="s">
        <v>20952</v>
      </c>
      <c r="J5896" s="1" t="s">
        <v>23100</v>
      </c>
    </row>
    <row r="5897" spans="1:10" x14ac:dyDescent="0.35">
      <c r="A5897" s="1" t="s">
        <v>23019</v>
      </c>
      <c r="B5897" s="1" t="s">
        <v>20946</v>
      </c>
      <c r="C5897" s="1" t="s">
        <v>115</v>
      </c>
      <c r="D5897" s="1" t="s">
        <v>23101</v>
      </c>
      <c r="E5897" s="1" t="s">
        <v>23102</v>
      </c>
      <c r="F5897" s="1" t="s">
        <v>23103</v>
      </c>
      <c r="G5897" s="1" t="s">
        <v>23023</v>
      </c>
      <c r="H5897" s="1" t="s">
        <v>23024</v>
      </c>
      <c r="I5897" s="1" t="s">
        <v>20952</v>
      </c>
      <c r="J5897" s="1" t="s">
        <v>23104</v>
      </c>
    </row>
    <row r="5898" spans="1:10" x14ac:dyDescent="0.35">
      <c r="A5898" s="1" t="s">
        <v>23019</v>
      </c>
      <c r="B5898" s="1" t="s">
        <v>20946</v>
      </c>
      <c r="C5898" s="1" t="s">
        <v>120</v>
      </c>
      <c r="D5898" s="1" t="s">
        <v>23105</v>
      </c>
      <c r="E5898" s="1" t="s">
        <v>23106</v>
      </c>
      <c r="F5898" s="1" t="s">
        <v>23107</v>
      </c>
      <c r="G5898" s="1" t="s">
        <v>23023</v>
      </c>
      <c r="H5898" s="1" t="s">
        <v>23024</v>
      </c>
      <c r="I5898" s="1" t="s">
        <v>20952</v>
      </c>
      <c r="J5898" s="1" t="s">
        <v>23108</v>
      </c>
    </row>
    <row r="5899" spans="1:10" x14ac:dyDescent="0.35">
      <c r="A5899" s="1" t="s">
        <v>23019</v>
      </c>
      <c r="B5899" s="1" t="s">
        <v>20946</v>
      </c>
      <c r="C5899" s="1" t="s">
        <v>125</v>
      </c>
      <c r="D5899" s="1" t="s">
        <v>23109</v>
      </c>
      <c r="E5899" s="1" t="s">
        <v>23110</v>
      </c>
      <c r="F5899" s="1" t="s">
        <v>23111</v>
      </c>
      <c r="G5899" s="1" t="s">
        <v>23023</v>
      </c>
      <c r="H5899" s="1" t="s">
        <v>23024</v>
      </c>
      <c r="I5899" s="1" t="s">
        <v>20952</v>
      </c>
      <c r="J5899" s="1" t="s">
        <v>23112</v>
      </c>
    </row>
    <row r="5900" spans="1:10" x14ac:dyDescent="0.35">
      <c r="A5900" s="1" t="s">
        <v>23019</v>
      </c>
      <c r="B5900" s="1" t="s">
        <v>20946</v>
      </c>
      <c r="C5900" s="1" t="s">
        <v>130</v>
      </c>
      <c r="D5900" s="1" t="s">
        <v>23113</v>
      </c>
      <c r="E5900" s="1" t="s">
        <v>23114</v>
      </c>
      <c r="F5900" s="1" t="s">
        <v>23115</v>
      </c>
      <c r="G5900" s="1" t="s">
        <v>23023</v>
      </c>
      <c r="H5900" s="1" t="s">
        <v>23024</v>
      </c>
      <c r="I5900" s="1" t="s">
        <v>20952</v>
      </c>
      <c r="J5900" s="1" t="s">
        <v>23116</v>
      </c>
    </row>
    <row r="5901" spans="1:10" x14ac:dyDescent="0.35">
      <c r="A5901" s="1" t="s">
        <v>23019</v>
      </c>
      <c r="B5901" s="1" t="s">
        <v>20946</v>
      </c>
      <c r="C5901" s="1" t="s">
        <v>135</v>
      </c>
      <c r="D5901" s="1" t="s">
        <v>23117</v>
      </c>
      <c r="E5901" s="1" t="s">
        <v>23118</v>
      </c>
      <c r="F5901" s="1" t="s">
        <v>23119</v>
      </c>
      <c r="G5901" s="1" t="s">
        <v>23023</v>
      </c>
      <c r="H5901" s="1" t="s">
        <v>23024</v>
      </c>
      <c r="I5901" s="1" t="s">
        <v>20952</v>
      </c>
      <c r="J5901" s="1" t="s">
        <v>23120</v>
      </c>
    </row>
    <row r="5902" spans="1:10" x14ac:dyDescent="0.35">
      <c r="A5902" s="1" t="s">
        <v>23019</v>
      </c>
      <c r="B5902" s="1" t="s">
        <v>20946</v>
      </c>
      <c r="C5902" s="1" t="s">
        <v>140</v>
      </c>
      <c r="D5902" s="1" t="s">
        <v>23121</v>
      </c>
      <c r="E5902" s="1" t="s">
        <v>23122</v>
      </c>
      <c r="F5902" s="1" t="s">
        <v>23123</v>
      </c>
      <c r="G5902" s="1" t="s">
        <v>23023</v>
      </c>
      <c r="H5902" s="1" t="s">
        <v>23024</v>
      </c>
      <c r="I5902" s="1" t="s">
        <v>20952</v>
      </c>
      <c r="J5902" s="1" t="s">
        <v>23124</v>
      </c>
    </row>
    <row r="5903" spans="1:10" x14ac:dyDescent="0.35">
      <c r="A5903" s="1" t="s">
        <v>23019</v>
      </c>
      <c r="B5903" s="1" t="s">
        <v>20946</v>
      </c>
      <c r="C5903" s="1" t="s">
        <v>145</v>
      </c>
      <c r="D5903" s="1" t="s">
        <v>23125</v>
      </c>
      <c r="E5903" s="1" t="s">
        <v>23126</v>
      </c>
      <c r="F5903" s="1" t="s">
        <v>23127</v>
      </c>
      <c r="G5903" s="1" t="s">
        <v>23023</v>
      </c>
      <c r="H5903" s="1" t="s">
        <v>23024</v>
      </c>
      <c r="I5903" s="1" t="s">
        <v>20952</v>
      </c>
      <c r="J5903" s="1" t="s">
        <v>20382</v>
      </c>
    </row>
    <row r="5904" spans="1:10" x14ac:dyDescent="0.35">
      <c r="A5904" s="1" t="s">
        <v>23019</v>
      </c>
      <c r="B5904" s="1" t="s">
        <v>20946</v>
      </c>
      <c r="C5904" s="1" t="s">
        <v>150</v>
      </c>
      <c r="D5904" s="1" t="s">
        <v>23128</v>
      </c>
      <c r="E5904" s="1" t="s">
        <v>23129</v>
      </c>
      <c r="F5904" s="1" t="s">
        <v>23130</v>
      </c>
      <c r="G5904" s="1" t="s">
        <v>23023</v>
      </c>
      <c r="H5904" s="1" t="s">
        <v>23024</v>
      </c>
      <c r="I5904" s="1" t="s">
        <v>20952</v>
      </c>
      <c r="J5904" s="1" t="s">
        <v>23131</v>
      </c>
    </row>
    <row r="5905" spans="1:10" x14ac:dyDescent="0.35">
      <c r="A5905" s="1" t="s">
        <v>23019</v>
      </c>
      <c r="B5905" s="1" t="s">
        <v>20946</v>
      </c>
      <c r="C5905" s="1" t="s">
        <v>155</v>
      </c>
      <c r="D5905" s="1" t="s">
        <v>23132</v>
      </c>
      <c r="E5905" s="1" t="s">
        <v>23133</v>
      </c>
      <c r="F5905" s="1" t="s">
        <v>23134</v>
      </c>
      <c r="G5905" s="1" t="s">
        <v>23023</v>
      </c>
      <c r="H5905" s="1" t="s">
        <v>23024</v>
      </c>
      <c r="I5905" s="1" t="s">
        <v>20952</v>
      </c>
      <c r="J5905" s="1" t="s">
        <v>23135</v>
      </c>
    </row>
    <row r="5906" spans="1:10" x14ac:dyDescent="0.35">
      <c r="A5906" s="1" t="s">
        <v>23019</v>
      </c>
      <c r="B5906" s="1" t="s">
        <v>20946</v>
      </c>
      <c r="C5906" s="1" t="s">
        <v>160</v>
      </c>
      <c r="D5906" s="1" t="s">
        <v>23136</v>
      </c>
      <c r="E5906" s="1" t="s">
        <v>23137</v>
      </c>
      <c r="F5906" s="1" t="s">
        <v>23138</v>
      </c>
      <c r="G5906" s="1" t="s">
        <v>23023</v>
      </c>
      <c r="H5906" s="1" t="s">
        <v>23024</v>
      </c>
      <c r="I5906" s="1" t="s">
        <v>20952</v>
      </c>
      <c r="J5906" s="1" t="s">
        <v>23139</v>
      </c>
    </row>
    <row r="5907" spans="1:10" x14ac:dyDescent="0.35">
      <c r="A5907" s="1" t="s">
        <v>23019</v>
      </c>
      <c r="B5907" s="1" t="s">
        <v>20946</v>
      </c>
      <c r="C5907" s="1" t="s">
        <v>165</v>
      </c>
      <c r="D5907" s="1" t="s">
        <v>23140</v>
      </c>
      <c r="E5907" s="1" t="s">
        <v>23141</v>
      </c>
      <c r="F5907" s="1" t="s">
        <v>23142</v>
      </c>
      <c r="G5907" s="1" t="s">
        <v>23023</v>
      </c>
      <c r="H5907" s="1" t="s">
        <v>23024</v>
      </c>
      <c r="I5907" s="1" t="s">
        <v>20952</v>
      </c>
      <c r="J5907" s="1" t="s">
        <v>23143</v>
      </c>
    </row>
    <row r="5908" spans="1:10" x14ac:dyDescent="0.35">
      <c r="A5908" s="1" t="s">
        <v>23019</v>
      </c>
      <c r="B5908" s="1" t="s">
        <v>20946</v>
      </c>
      <c r="C5908" s="1" t="s">
        <v>170</v>
      </c>
      <c r="D5908" s="1" t="s">
        <v>23144</v>
      </c>
      <c r="E5908" s="1" t="s">
        <v>12762</v>
      </c>
      <c r="F5908" s="1" t="s">
        <v>23145</v>
      </c>
      <c r="G5908" s="1" t="s">
        <v>23023</v>
      </c>
      <c r="H5908" s="1" t="s">
        <v>23024</v>
      </c>
      <c r="I5908" s="1" t="s">
        <v>20952</v>
      </c>
      <c r="J5908" s="1" t="s">
        <v>23146</v>
      </c>
    </row>
    <row r="5909" spans="1:10" x14ac:dyDescent="0.35">
      <c r="A5909" s="1" t="s">
        <v>23147</v>
      </c>
      <c r="B5909" s="1" t="s">
        <v>20946</v>
      </c>
      <c r="C5909" s="1" t="s">
        <v>8</v>
      </c>
      <c r="D5909" s="1" t="s">
        <v>23148</v>
      </c>
      <c r="E5909" s="1" t="s">
        <v>23149</v>
      </c>
      <c r="F5909" s="1" t="s">
        <v>23150</v>
      </c>
      <c r="G5909" s="1" t="s">
        <v>23151</v>
      </c>
      <c r="H5909" s="1" t="s">
        <v>23152</v>
      </c>
      <c r="I5909" s="1" t="s">
        <v>20952</v>
      </c>
      <c r="J5909" s="1" t="s">
        <v>13</v>
      </c>
    </row>
    <row r="5910" spans="1:10" x14ac:dyDescent="0.35">
      <c r="A5910" s="1" t="s">
        <v>23147</v>
      </c>
      <c r="B5910" s="1" t="s">
        <v>20946</v>
      </c>
      <c r="C5910" s="1" t="s">
        <v>15</v>
      </c>
      <c r="D5910" s="1" t="s">
        <v>23153</v>
      </c>
      <c r="E5910" s="1" t="s">
        <v>21201</v>
      </c>
      <c r="F5910" s="1" t="s">
        <v>23154</v>
      </c>
      <c r="G5910" s="1" t="s">
        <v>23151</v>
      </c>
      <c r="H5910" s="1" t="s">
        <v>23152</v>
      </c>
      <c r="I5910" s="1" t="s">
        <v>20952</v>
      </c>
      <c r="J5910" s="1" t="s">
        <v>23155</v>
      </c>
    </row>
    <row r="5911" spans="1:10" x14ac:dyDescent="0.35">
      <c r="A5911" s="1" t="s">
        <v>23147</v>
      </c>
      <c r="B5911" s="1" t="s">
        <v>20946</v>
      </c>
      <c r="C5911" s="1" t="s">
        <v>20</v>
      </c>
      <c r="D5911" s="1" t="s">
        <v>23156</v>
      </c>
      <c r="E5911" s="1" t="s">
        <v>12786</v>
      </c>
      <c r="F5911" s="1" t="s">
        <v>23157</v>
      </c>
      <c r="G5911" s="1" t="s">
        <v>23151</v>
      </c>
      <c r="H5911" s="1" t="s">
        <v>23152</v>
      </c>
      <c r="I5911" s="1" t="s">
        <v>20952</v>
      </c>
      <c r="J5911" s="1" t="s">
        <v>23158</v>
      </c>
    </row>
    <row r="5912" spans="1:10" x14ac:dyDescent="0.35">
      <c r="A5912" s="1" t="s">
        <v>23147</v>
      </c>
      <c r="B5912" s="1" t="s">
        <v>20946</v>
      </c>
      <c r="C5912" s="1" t="s">
        <v>25</v>
      </c>
      <c r="D5912" s="1" t="s">
        <v>23159</v>
      </c>
      <c r="E5912" s="1" t="s">
        <v>23160</v>
      </c>
      <c r="F5912" s="1" t="s">
        <v>23161</v>
      </c>
      <c r="G5912" s="1" t="s">
        <v>23151</v>
      </c>
      <c r="H5912" s="1" t="s">
        <v>23152</v>
      </c>
      <c r="I5912" s="1" t="s">
        <v>20952</v>
      </c>
      <c r="J5912" s="1" t="s">
        <v>23162</v>
      </c>
    </row>
    <row r="5913" spans="1:10" x14ac:dyDescent="0.35">
      <c r="A5913" s="1" t="s">
        <v>23147</v>
      </c>
      <c r="B5913" s="1" t="s">
        <v>20946</v>
      </c>
      <c r="C5913" s="1" t="s">
        <v>30</v>
      </c>
      <c r="D5913" s="1" t="s">
        <v>23163</v>
      </c>
      <c r="E5913" s="1" t="s">
        <v>23164</v>
      </c>
      <c r="F5913" s="1" t="s">
        <v>23165</v>
      </c>
      <c r="G5913" s="1" t="s">
        <v>23151</v>
      </c>
      <c r="H5913" s="1" t="s">
        <v>23152</v>
      </c>
      <c r="I5913" s="1" t="s">
        <v>20952</v>
      </c>
      <c r="J5913" s="1" t="s">
        <v>23166</v>
      </c>
    </row>
    <row r="5914" spans="1:10" x14ac:dyDescent="0.35">
      <c r="A5914" s="1" t="s">
        <v>23147</v>
      </c>
      <c r="B5914" s="1" t="s">
        <v>20946</v>
      </c>
      <c r="C5914" s="1" t="s">
        <v>35</v>
      </c>
      <c r="D5914" s="1" t="s">
        <v>23167</v>
      </c>
      <c r="E5914" s="1" t="s">
        <v>23168</v>
      </c>
      <c r="F5914" s="1" t="s">
        <v>23169</v>
      </c>
      <c r="G5914" s="1" t="s">
        <v>23151</v>
      </c>
      <c r="H5914" s="1" t="s">
        <v>23152</v>
      </c>
      <c r="I5914" s="1" t="s">
        <v>20952</v>
      </c>
      <c r="J5914" s="1" t="s">
        <v>23170</v>
      </c>
    </row>
    <row r="5915" spans="1:10" x14ac:dyDescent="0.35">
      <c r="A5915" s="1" t="s">
        <v>23147</v>
      </c>
      <c r="B5915" s="1" t="s">
        <v>20946</v>
      </c>
      <c r="C5915" s="1" t="s">
        <v>40</v>
      </c>
      <c r="D5915" s="1" t="s">
        <v>23171</v>
      </c>
      <c r="E5915" s="1" t="s">
        <v>23172</v>
      </c>
      <c r="F5915" s="1" t="s">
        <v>23173</v>
      </c>
      <c r="G5915" s="1" t="s">
        <v>23151</v>
      </c>
      <c r="H5915" s="1" t="s">
        <v>23152</v>
      </c>
      <c r="I5915" s="1" t="s">
        <v>20952</v>
      </c>
      <c r="J5915" s="1" t="s">
        <v>23174</v>
      </c>
    </row>
    <row r="5916" spans="1:10" x14ac:dyDescent="0.35">
      <c r="A5916" s="1" t="s">
        <v>23147</v>
      </c>
      <c r="B5916" s="1" t="s">
        <v>20946</v>
      </c>
      <c r="C5916" s="1" t="s">
        <v>45</v>
      </c>
      <c r="D5916" s="1" t="s">
        <v>23175</v>
      </c>
      <c r="E5916" s="1" t="s">
        <v>23176</v>
      </c>
      <c r="F5916" s="1" t="s">
        <v>23177</v>
      </c>
      <c r="G5916" s="1" t="s">
        <v>23151</v>
      </c>
      <c r="H5916" s="1" t="s">
        <v>23152</v>
      </c>
      <c r="I5916" s="1" t="s">
        <v>20952</v>
      </c>
      <c r="J5916" s="1" t="s">
        <v>23178</v>
      </c>
    </row>
    <row r="5917" spans="1:10" x14ac:dyDescent="0.35">
      <c r="A5917" s="1" t="s">
        <v>23147</v>
      </c>
      <c r="B5917" s="1" t="s">
        <v>20946</v>
      </c>
      <c r="C5917" s="1" t="s">
        <v>50</v>
      </c>
      <c r="D5917" s="1" t="s">
        <v>23179</v>
      </c>
      <c r="E5917" s="1" t="s">
        <v>15345</v>
      </c>
      <c r="F5917" s="1" t="s">
        <v>23180</v>
      </c>
      <c r="G5917" s="1" t="s">
        <v>23151</v>
      </c>
      <c r="H5917" s="1" t="s">
        <v>23152</v>
      </c>
      <c r="I5917" s="1" t="s">
        <v>20952</v>
      </c>
      <c r="J5917" s="1" t="s">
        <v>23181</v>
      </c>
    </row>
    <row r="5918" spans="1:10" x14ac:dyDescent="0.35">
      <c r="A5918" s="1" t="s">
        <v>23147</v>
      </c>
      <c r="B5918" s="1" t="s">
        <v>20946</v>
      </c>
      <c r="C5918" s="1" t="s">
        <v>55</v>
      </c>
      <c r="D5918" s="1" t="s">
        <v>23182</v>
      </c>
      <c r="E5918" s="1" t="s">
        <v>23183</v>
      </c>
      <c r="F5918" s="1" t="s">
        <v>23184</v>
      </c>
      <c r="G5918" s="1" t="s">
        <v>23151</v>
      </c>
      <c r="H5918" s="1" t="s">
        <v>23152</v>
      </c>
      <c r="I5918" s="1" t="s">
        <v>20952</v>
      </c>
      <c r="J5918" s="1" t="s">
        <v>23185</v>
      </c>
    </row>
    <row r="5919" spans="1:10" x14ac:dyDescent="0.35">
      <c r="A5919" s="1" t="s">
        <v>23147</v>
      </c>
      <c r="B5919" s="1" t="s">
        <v>20946</v>
      </c>
      <c r="C5919" s="1" t="s">
        <v>60</v>
      </c>
      <c r="D5919" s="1" t="s">
        <v>23186</v>
      </c>
      <c r="E5919" s="1" t="s">
        <v>23187</v>
      </c>
      <c r="F5919" s="1" t="s">
        <v>23188</v>
      </c>
      <c r="G5919" s="1" t="s">
        <v>23151</v>
      </c>
      <c r="H5919" s="1" t="s">
        <v>23152</v>
      </c>
      <c r="I5919" s="1" t="s">
        <v>20952</v>
      </c>
      <c r="J5919" s="1" t="s">
        <v>23189</v>
      </c>
    </row>
    <row r="5920" spans="1:10" x14ac:dyDescent="0.35">
      <c r="A5920" s="1" t="s">
        <v>23147</v>
      </c>
      <c r="B5920" s="1" t="s">
        <v>20946</v>
      </c>
      <c r="C5920" s="1" t="s">
        <v>65</v>
      </c>
      <c r="D5920" s="1" t="s">
        <v>23190</v>
      </c>
      <c r="E5920" s="1" t="s">
        <v>23191</v>
      </c>
      <c r="F5920" s="1" t="s">
        <v>23192</v>
      </c>
      <c r="G5920" s="1" t="s">
        <v>23151</v>
      </c>
      <c r="H5920" s="1" t="s">
        <v>23152</v>
      </c>
      <c r="I5920" s="1" t="s">
        <v>20952</v>
      </c>
      <c r="J5920" s="1" t="s">
        <v>23193</v>
      </c>
    </row>
    <row r="5921" spans="1:10" x14ac:dyDescent="0.35">
      <c r="A5921" s="1" t="s">
        <v>23147</v>
      </c>
      <c r="B5921" s="1" t="s">
        <v>20946</v>
      </c>
      <c r="C5921" s="1" t="s">
        <v>70</v>
      </c>
      <c r="D5921" s="1" t="s">
        <v>23194</v>
      </c>
      <c r="E5921" s="1" t="s">
        <v>23195</v>
      </c>
      <c r="F5921" s="1" t="s">
        <v>23196</v>
      </c>
      <c r="G5921" s="1" t="s">
        <v>23151</v>
      </c>
      <c r="H5921" s="1" t="s">
        <v>23152</v>
      </c>
      <c r="I5921" s="1" t="s">
        <v>20952</v>
      </c>
      <c r="J5921" s="1" t="s">
        <v>23197</v>
      </c>
    </row>
    <row r="5922" spans="1:10" x14ac:dyDescent="0.35">
      <c r="A5922" s="1" t="s">
        <v>23147</v>
      </c>
      <c r="B5922" s="1" t="s">
        <v>20946</v>
      </c>
      <c r="C5922" s="1" t="s">
        <v>75</v>
      </c>
      <c r="D5922" s="1" t="s">
        <v>23198</v>
      </c>
      <c r="E5922" s="1" t="s">
        <v>12813</v>
      </c>
      <c r="F5922" s="1" t="s">
        <v>23199</v>
      </c>
      <c r="G5922" s="1" t="s">
        <v>23151</v>
      </c>
      <c r="H5922" s="1" t="s">
        <v>23152</v>
      </c>
      <c r="I5922" s="1" t="s">
        <v>20952</v>
      </c>
      <c r="J5922" s="1" t="s">
        <v>23200</v>
      </c>
    </row>
    <row r="5923" spans="1:10" x14ac:dyDescent="0.35">
      <c r="A5923" s="1" t="s">
        <v>23147</v>
      </c>
      <c r="B5923" s="1" t="s">
        <v>20946</v>
      </c>
      <c r="C5923" s="1" t="s">
        <v>80</v>
      </c>
      <c r="D5923" s="1" t="s">
        <v>23201</v>
      </c>
      <c r="E5923" s="1" t="s">
        <v>23202</v>
      </c>
      <c r="F5923" s="1" t="s">
        <v>23203</v>
      </c>
      <c r="G5923" s="1" t="s">
        <v>23151</v>
      </c>
      <c r="H5923" s="1" t="s">
        <v>23152</v>
      </c>
      <c r="I5923" s="1" t="s">
        <v>20952</v>
      </c>
      <c r="J5923" s="1" t="s">
        <v>23204</v>
      </c>
    </row>
    <row r="5924" spans="1:10" x14ac:dyDescent="0.35">
      <c r="A5924" s="1" t="s">
        <v>23147</v>
      </c>
      <c r="B5924" s="1" t="s">
        <v>20946</v>
      </c>
      <c r="C5924" s="1" t="s">
        <v>85</v>
      </c>
      <c r="D5924" s="1" t="s">
        <v>23205</v>
      </c>
      <c r="E5924" s="1" t="s">
        <v>23206</v>
      </c>
      <c r="F5924" s="1" t="s">
        <v>23207</v>
      </c>
      <c r="G5924" s="1" t="s">
        <v>23151</v>
      </c>
      <c r="H5924" s="1" t="s">
        <v>23152</v>
      </c>
      <c r="I5924" s="1" t="s">
        <v>20952</v>
      </c>
      <c r="J5924" s="1" t="s">
        <v>23208</v>
      </c>
    </row>
    <row r="5925" spans="1:10" x14ac:dyDescent="0.35">
      <c r="A5925" s="1" t="s">
        <v>23147</v>
      </c>
      <c r="B5925" s="1" t="s">
        <v>20946</v>
      </c>
      <c r="C5925" s="1" t="s">
        <v>90</v>
      </c>
      <c r="D5925" s="1" t="s">
        <v>23209</v>
      </c>
      <c r="E5925" s="1" t="s">
        <v>23210</v>
      </c>
      <c r="F5925" s="1" t="s">
        <v>23211</v>
      </c>
      <c r="G5925" s="1" t="s">
        <v>23151</v>
      </c>
      <c r="H5925" s="1" t="s">
        <v>23152</v>
      </c>
      <c r="I5925" s="1" t="s">
        <v>20952</v>
      </c>
      <c r="J5925" s="1" t="s">
        <v>23212</v>
      </c>
    </row>
    <row r="5926" spans="1:10" x14ac:dyDescent="0.35">
      <c r="A5926" s="1" t="s">
        <v>23147</v>
      </c>
      <c r="B5926" s="1" t="s">
        <v>20946</v>
      </c>
      <c r="C5926" s="1" t="s">
        <v>95</v>
      </c>
      <c r="D5926" s="1" t="s">
        <v>23213</v>
      </c>
      <c r="E5926" s="1" t="s">
        <v>15289</v>
      </c>
      <c r="F5926" s="1" t="s">
        <v>23214</v>
      </c>
      <c r="G5926" s="1" t="s">
        <v>23151</v>
      </c>
      <c r="H5926" s="1" t="s">
        <v>23152</v>
      </c>
      <c r="I5926" s="1" t="s">
        <v>20952</v>
      </c>
      <c r="J5926" s="1" t="s">
        <v>23215</v>
      </c>
    </row>
    <row r="5927" spans="1:10" x14ac:dyDescent="0.35">
      <c r="A5927" s="1" t="s">
        <v>23147</v>
      </c>
      <c r="B5927" s="1" t="s">
        <v>20946</v>
      </c>
      <c r="C5927" s="1" t="s">
        <v>100</v>
      </c>
      <c r="D5927" s="1" t="s">
        <v>23216</v>
      </c>
      <c r="E5927" s="1" t="s">
        <v>23217</v>
      </c>
      <c r="F5927" s="1" t="s">
        <v>23218</v>
      </c>
      <c r="G5927" s="1" t="s">
        <v>23151</v>
      </c>
      <c r="H5927" s="1" t="s">
        <v>23152</v>
      </c>
      <c r="I5927" s="1" t="s">
        <v>20952</v>
      </c>
      <c r="J5927" s="1" t="s">
        <v>23219</v>
      </c>
    </row>
    <row r="5928" spans="1:10" x14ac:dyDescent="0.35">
      <c r="A5928" s="1" t="s">
        <v>23147</v>
      </c>
      <c r="B5928" s="1" t="s">
        <v>20946</v>
      </c>
      <c r="C5928" s="1" t="s">
        <v>105</v>
      </c>
      <c r="D5928" s="1" t="s">
        <v>23220</v>
      </c>
      <c r="E5928" s="1" t="s">
        <v>23221</v>
      </c>
      <c r="F5928" s="1" t="s">
        <v>23222</v>
      </c>
      <c r="G5928" s="1" t="s">
        <v>23151</v>
      </c>
      <c r="H5928" s="1" t="s">
        <v>23152</v>
      </c>
      <c r="I5928" s="1" t="s">
        <v>20952</v>
      </c>
      <c r="J5928" s="1" t="s">
        <v>23223</v>
      </c>
    </row>
    <row r="5929" spans="1:10" x14ac:dyDescent="0.35">
      <c r="A5929" s="1" t="s">
        <v>23147</v>
      </c>
      <c r="B5929" s="1" t="s">
        <v>20946</v>
      </c>
      <c r="C5929" s="1" t="s">
        <v>110</v>
      </c>
      <c r="D5929" s="1" t="s">
        <v>23224</v>
      </c>
      <c r="E5929" s="1" t="s">
        <v>12857</v>
      </c>
      <c r="F5929" s="1" t="s">
        <v>23225</v>
      </c>
      <c r="G5929" s="1" t="s">
        <v>23151</v>
      </c>
      <c r="H5929" s="1" t="s">
        <v>23152</v>
      </c>
      <c r="I5929" s="1" t="s">
        <v>20952</v>
      </c>
      <c r="J5929" s="1" t="s">
        <v>23226</v>
      </c>
    </row>
    <row r="5930" spans="1:10" x14ac:dyDescent="0.35">
      <c r="A5930" s="1" t="s">
        <v>23147</v>
      </c>
      <c r="B5930" s="1" t="s">
        <v>20946</v>
      </c>
      <c r="C5930" s="1" t="s">
        <v>115</v>
      </c>
      <c r="D5930" s="1" t="s">
        <v>23227</v>
      </c>
      <c r="E5930" s="1" t="s">
        <v>23228</v>
      </c>
      <c r="F5930" s="1" t="s">
        <v>23229</v>
      </c>
      <c r="G5930" s="1" t="s">
        <v>23151</v>
      </c>
      <c r="H5930" s="1" t="s">
        <v>23152</v>
      </c>
      <c r="I5930" s="1" t="s">
        <v>20952</v>
      </c>
      <c r="J5930" s="1" t="s">
        <v>23230</v>
      </c>
    </row>
    <row r="5931" spans="1:10" x14ac:dyDescent="0.35">
      <c r="A5931" s="1" t="s">
        <v>23147</v>
      </c>
      <c r="B5931" s="1" t="s">
        <v>20946</v>
      </c>
      <c r="C5931" s="1" t="s">
        <v>120</v>
      </c>
      <c r="D5931" s="1" t="s">
        <v>23231</v>
      </c>
      <c r="E5931" s="1" t="s">
        <v>23232</v>
      </c>
      <c r="F5931" s="1" t="s">
        <v>23233</v>
      </c>
      <c r="G5931" s="1" t="s">
        <v>23151</v>
      </c>
      <c r="H5931" s="1" t="s">
        <v>23152</v>
      </c>
      <c r="I5931" s="1" t="s">
        <v>20952</v>
      </c>
      <c r="J5931" s="1" t="s">
        <v>23234</v>
      </c>
    </row>
    <row r="5932" spans="1:10" x14ac:dyDescent="0.35">
      <c r="A5932" s="1" t="s">
        <v>23147</v>
      </c>
      <c r="B5932" s="1" t="s">
        <v>20946</v>
      </c>
      <c r="C5932" s="1" t="s">
        <v>125</v>
      </c>
      <c r="D5932" s="1" t="s">
        <v>23235</v>
      </c>
      <c r="E5932" s="1" t="s">
        <v>23236</v>
      </c>
      <c r="F5932" s="1" t="s">
        <v>23237</v>
      </c>
      <c r="G5932" s="1" t="s">
        <v>23151</v>
      </c>
      <c r="H5932" s="1" t="s">
        <v>23152</v>
      </c>
      <c r="I5932" s="1" t="s">
        <v>20952</v>
      </c>
      <c r="J5932" s="1" t="s">
        <v>23238</v>
      </c>
    </row>
    <row r="5933" spans="1:10" x14ac:dyDescent="0.35">
      <c r="A5933" s="1" t="s">
        <v>23147</v>
      </c>
      <c r="B5933" s="1" t="s">
        <v>20946</v>
      </c>
      <c r="C5933" s="1" t="s">
        <v>130</v>
      </c>
      <c r="D5933" s="1" t="s">
        <v>23239</v>
      </c>
      <c r="E5933" s="1" t="s">
        <v>23240</v>
      </c>
      <c r="F5933" s="1" t="s">
        <v>23241</v>
      </c>
      <c r="G5933" s="1" t="s">
        <v>23151</v>
      </c>
      <c r="H5933" s="1" t="s">
        <v>23152</v>
      </c>
      <c r="I5933" s="1" t="s">
        <v>20952</v>
      </c>
      <c r="J5933" s="1" t="s">
        <v>23242</v>
      </c>
    </row>
    <row r="5934" spans="1:10" x14ac:dyDescent="0.35">
      <c r="A5934" s="1" t="s">
        <v>23147</v>
      </c>
      <c r="B5934" s="1" t="s">
        <v>20946</v>
      </c>
      <c r="C5934" s="1" t="s">
        <v>135</v>
      </c>
      <c r="D5934" s="1" t="s">
        <v>23243</v>
      </c>
      <c r="E5934" s="1" t="s">
        <v>23244</v>
      </c>
      <c r="F5934" s="1" t="s">
        <v>23245</v>
      </c>
      <c r="G5934" s="1" t="s">
        <v>23151</v>
      </c>
      <c r="H5934" s="1" t="s">
        <v>23152</v>
      </c>
      <c r="I5934" s="1" t="s">
        <v>20952</v>
      </c>
      <c r="J5934" s="1" t="s">
        <v>23246</v>
      </c>
    </row>
    <row r="5935" spans="1:10" x14ac:dyDescent="0.35">
      <c r="A5935" s="1" t="s">
        <v>23147</v>
      </c>
      <c r="B5935" s="1" t="s">
        <v>20946</v>
      </c>
      <c r="C5935" s="1" t="s">
        <v>140</v>
      </c>
      <c r="D5935" s="1" t="s">
        <v>23247</v>
      </c>
      <c r="E5935" s="1" t="s">
        <v>23248</v>
      </c>
      <c r="F5935" s="1" t="s">
        <v>23249</v>
      </c>
      <c r="G5935" s="1" t="s">
        <v>23151</v>
      </c>
      <c r="H5935" s="1" t="s">
        <v>23152</v>
      </c>
      <c r="I5935" s="1" t="s">
        <v>20952</v>
      </c>
      <c r="J5935" s="1" t="s">
        <v>23250</v>
      </c>
    </row>
    <row r="5936" spans="1:10" x14ac:dyDescent="0.35">
      <c r="A5936" s="1" t="s">
        <v>23147</v>
      </c>
      <c r="B5936" s="1" t="s">
        <v>20946</v>
      </c>
      <c r="C5936" s="1" t="s">
        <v>145</v>
      </c>
      <c r="D5936" s="1" t="s">
        <v>23251</v>
      </c>
      <c r="E5936" s="1" t="s">
        <v>23252</v>
      </c>
      <c r="F5936" s="1" t="s">
        <v>23253</v>
      </c>
      <c r="G5936" s="1" t="s">
        <v>23151</v>
      </c>
      <c r="H5936" s="1" t="s">
        <v>23152</v>
      </c>
      <c r="I5936" s="1" t="s">
        <v>20952</v>
      </c>
      <c r="J5936" s="1" t="s">
        <v>23254</v>
      </c>
    </row>
    <row r="5937" spans="1:10" x14ac:dyDescent="0.35">
      <c r="A5937" s="1" t="s">
        <v>23147</v>
      </c>
      <c r="B5937" s="1" t="s">
        <v>20946</v>
      </c>
      <c r="C5937" s="1" t="s">
        <v>150</v>
      </c>
      <c r="D5937" s="1" t="s">
        <v>23255</v>
      </c>
      <c r="E5937" s="1" t="s">
        <v>520</v>
      </c>
      <c r="F5937" s="1" t="s">
        <v>23256</v>
      </c>
      <c r="G5937" s="1" t="s">
        <v>23151</v>
      </c>
      <c r="H5937" s="1" t="s">
        <v>23152</v>
      </c>
      <c r="I5937" s="1" t="s">
        <v>20952</v>
      </c>
      <c r="J5937" s="1" t="s">
        <v>23257</v>
      </c>
    </row>
    <row r="5938" spans="1:10" x14ac:dyDescent="0.35">
      <c r="A5938" s="1" t="s">
        <v>23147</v>
      </c>
      <c r="B5938" s="1" t="s">
        <v>20946</v>
      </c>
      <c r="C5938" s="1" t="s">
        <v>155</v>
      </c>
      <c r="D5938" s="1" t="s">
        <v>23258</v>
      </c>
      <c r="E5938" s="1" t="s">
        <v>15911</v>
      </c>
      <c r="F5938" s="1" t="s">
        <v>23259</v>
      </c>
      <c r="G5938" s="1" t="s">
        <v>23151</v>
      </c>
      <c r="H5938" s="1" t="s">
        <v>23152</v>
      </c>
      <c r="I5938" s="1" t="s">
        <v>20952</v>
      </c>
      <c r="J5938" s="1" t="s">
        <v>23260</v>
      </c>
    </row>
    <row r="5939" spans="1:10" x14ac:dyDescent="0.35">
      <c r="A5939" s="1" t="s">
        <v>23147</v>
      </c>
      <c r="B5939" s="1" t="s">
        <v>20946</v>
      </c>
      <c r="C5939" s="1" t="s">
        <v>160</v>
      </c>
      <c r="D5939" s="1" t="s">
        <v>23261</v>
      </c>
      <c r="E5939" s="1" t="s">
        <v>23262</v>
      </c>
      <c r="F5939" s="1" t="s">
        <v>23263</v>
      </c>
      <c r="G5939" s="1" t="s">
        <v>23151</v>
      </c>
      <c r="H5939" s="1" t="s">
        <v>23152</v>
      </c>
      <c r="I5939" s="1" t="s">
        <v>20952</v>
      </c>
      <c r="J5939" s="1" t="s">
        <v>23264</v>
      </c>
    </row>
    <row r="5940" spans="1:10" x14ac:dyDescent="0.35">
      <c r="A5940" s="1" t="s">
        <v>23147</v>
      </c>
      <c r="B5940" s="1" t="s">
        <v>20946</v>
      </c>
      <c r="C5940" s="1" t="s">
        <v>165</v>
      </c>
      <c r="D5940" s="1" t="s">
        <v>23265</v>
      </c>
      <c r="E5940" s="1" t="s">
        <v>23217</v>
      </c>
      <c r="F5940" s="1" t="s">
        <v>23266</v>
      </c>
      <c r="G5940" s="1" t="s">
        <v>23151</v>
      </c>
      <c r="H5940" s="1" t="s">
        <v>23152</v>
      </c>
      <c r="I5940" s="1" t="s">
        <v>20952</v>
      </c>
      <c r="J5940" s="1" t="s">
        <v>23267</v>
      </c>
    </row>
    <row r="5941" spans="1:10" x14ac:dyDescent="0.35">
      <c r="A5941" s="1" t="s">
        <v>23147</v>
      </c>
      <c r="B5941" s="1" t="s">
        <v>20946</v>
      </c>
      <c r="C5941" s="1" t="s">
        <v>170</v>
      </c>
      <c r="D5941" s="1" t="s">
        <v>23268</v>
      </c>
      <c r="E5941" s="1" t="s">
        <v>23269</v>
      </c>
      <c r="F5941" s="1" t="s">
        <v>23270</v>
      </c>
      <c r="G5941" s="1" t="s">
        <v>23151</v>
      </c>
      <c r="H5941" s="1" t="s">
        <v>23152</v>
      </c>
      <c r="I5941" s="1" t="s">
        <v>20952</v>
      </c>
      <c r="J5941" s="1" t="s">
        <v>23271</v>
      </c>
    </row>
    <row r="5942" spans="1:10" x14ac:dyDescent="0.35">
      <c r="A5942" s="1" t="s">
        <v>23272</v>
      </c>
      <c r="B5942" s="1" t="s">
        <v>20946</v>
      </c>
      <c r="C5942" s="1" t="s">
        <v>8</v>
      </c>
      <c r="D5942" s="1" t="s">
        <v>23273</v>
      </c>
      <c r="E5942" s="1" t="s">
        <v>23274</v>
      </c>
      <c r="F5942" s="1" t="s">
        <v>23275</v>
      </c>
      <c r="G5942" s="1" t="s">
        <v>23276</v>
      </c>
      <c r="H5942" s="1" t="s">
        <v>23277</v>
      </c>
      <c r="I5942" s="1" t="s">
        <v>20952</v>
      </c>
      <c r="J5942" s="1" t="s">
        <v>13</v>
      </c>
    </row>
    <row r="5943" spans="1:10" x14ac:dyDescent="0.35">
      <c r="A5943" s="1" t="s">
        <v>23272</v>
      </c>
      <c r="B5943" s="1" t="s">
        <v>20946</v>
      </c>
      <c r="C5943" s="1" t="s">
        <v>15</v>
      </c>
      <c r="D5943" s="1" t="s">
        <v>23278</v>
      </c>
      <c r="E5943" s="1" t="s">
        <v>23279</v>
      </c>
      <c r="F5943" s="1" t="s">
        <v>23280</v>
      </c>
      <c r="G5943" s="1" t="s">
        <v>23276</v>
      </c>
      <c r="H5943" s="1" t="s">
        <v>23277</v>
      </c>
      <c r="I5943" s="1" t="s">
        <v>20952</v>
      </c>
      <c r="J5943" s="1" t="s">
        <v>23281</v>
      </c>
    </row>
    <row r="5944" spans="1:10" x14ac:dyDescent="0.35">
      <c r="A5944" s="1" t="s">
        <v>23272</v>
      </c>
      <c r="B5944" s="1" t="s">
        <v>20946</v>
      </c>
      <c r="C5944" s="1" t="s">
        <v>20</v>
      </c>
      <c r="D5944" s="1" t="s">
        <v>23282</v>
      </c>
      <c r="E5944" s="1" t="s">
        <v>23283</v>
      </c>
      <c r="F5944" s="1" t="s">
        <v>23284</v>
      </c>
      <c r="G5944" s="1" t="s">
        <v>23276</v>
      </c>
      <c r="H5944" s="1" t="s">
        <v>23277</v>
      </c>
      <c r="I5944" s="1" t="s">
        <v>20952</v>
      </c>
      <c r="J5944" s="1" t="s">
        <v>23285</v>
      </c>
    </row>
    <row r="5945" spans="1:10" x14ac:dyDescent="0.35">
      <c r="A5945" s="1" t="s">
        <v>23272</v>
      </c>
      <c r="B5945" s="1" t="s">
        <v>20946</v>
      </c>
      <c r="C5945" s="1" t="s">
        <v>25</v>
      </c>
      <c r="D5945" s="1" t="s">
        <v>23286</v>
      </c>
      <c r="E5945" s="1" t="s">
        <v>22894</v>
      </c>
      <c r="F5945" s="1" t="s">
        <v>23287</v>
      </c>
      <c r="G5945" s="1" t="s">
        <v>23276</v>
      </c>
      <c r="H5945" s="1" t="s">
        <v>23277</v>
      </c>
      <c r="I5945" s="1" t="s">
        <v>20952</v>
      </c>
      <c r="J5945" s="1" t="s">
        <v>23288</v>
      </c>
    </row>
    <row r="5946" spans="1:10" x14ac:dyDescent="0.35">
      <c r="A5946" s="1" t="s">
        <v>23272</v>
      </c>
      <c r="B5946" s="1" t="s">
        <v>20946</v>
      </c>
      <c r="C5946" s="1" t="s">
        <v>30</v>
      </c>
      <c r="D5946" s="1" t="s">
        <v>23289</v>
      </c>
      <c r="E5946" s="1" t="s">
        <v>23290</v>
      </c>
      <c r="F5946" s="1" t="s">
        <v>23291</v>
      </c>
      <c r="G5946" s="1" t="s">
        <v>23276</v>
      </c>
      <c r="H5946" s="1" t="s">
        <v>23277</v>
      </c>
      <c r="I5946" s="1" t="s">
        <v>20952</v>
      </c>
      <c r="J5946" s="1" t="s">
        <v>23292</v>
      </c>
    </row>
    <row r="5947" spans="1:10" x14ac:dyDescent="0.35">
      <c r="A5947" s="1" t="s">
        <v>23272</v>
      </c>
      <c r="B5947" s="1" t="s">
        <v>20946</v>
      </c>
      <c r="C5947" s="1" t="s">
        <v>35</v>
      </c>
      <c r="D5947" s="1" t="s">
        <v>23293</v>
      </c>
      <c r="E5947" s="1" t="s">
        <v>23294</v>
      </c>
      <c r="F5947" s="1" t="s">
        <v>23295</v>
      </c>
      <c r="G5947" s="1" t="s">
        <v>23276</v>
      </c>
      <c r="H5947" s="1" t="s">
        <v>23277</v>
      </c>
      <c r="I5947" s="1" t="s">
        <v>20952</v>
      </c>
      <c r="J5947" s="1" t="s">
        <v>23296</v>
      </c>
    </row>
    <row r="5948" spans="1:10" x14ac:dyDescent="0.35">
      <c r="A5948" s="1" t="s">
        <v>23272</v>
      </c>
      <c r="B5948" s="1" t="s">
        <v>20946</v>
      </c>
      <c r="C5948" s="1" t="s">
        <v>40</v>
      </c>
      <c r="D5948" s="1" t="s">
        <v>23297</v>
      </c>
      <c r="E5948" s="1" t="s">
        <v>23298</v>
      </c>
      <c r="F5948" s="1" t="s">
        <v>23299</v>
      </c>
      <c r="G5948" s="1" t="s">
        <v>23276</v>
      </c>
      <c r="H5948" s="1" t="s">
        <v>23277</v>
      </c>
      <c r="I5948" s="1" t="s">
        <v>20952</v>
      </c>
      <c r="J5948" s="1" t="s">
        <v>23300</v>
      </c>
    </row>
    <row r="5949" spans="1:10" x14ac:dyDescent="0.35">
      <c r="A5949" s="1" t="s">
        <v>23272</v>
      </c>
      <c r="B5949" s="1" t="s">
        <v>20946</v>
      </c>
      <c r="C5949" s="1" t="s">
        <v>45</v>
      </c>
      <c r="D5949" s="1" t="s">
        <v>23301</v>
      </c>
      <c r="E5949" s="1" t="s">
        <v>23302</v>
      </c>
      <c r="F5949" s="1" t="s">
        <v>23303</v>
      </c>
      <c r="G5949" s="1" t="s">
        <v>23276</v>
      </c>
      <c r="H5949" s="1" t="s">
        <v>23277</v>
      </c>
      <c r="I5949" s="1" t="s">
        <v>20952</v>
      </c>
      <c r="J5949" s="1" t="s">
        <v>23304</v>
      </c>
    </row>
    <row r="5950" spans="1:10" x14ac:dyDescent="0.35">
      <c r="A5950" s="1" t="s">
        <v>23272</v>
      </c>
      <c r="B5950" s="1" t="s">
        <v>20946</v>
      </c>
      <c r="C5950" s="1" t="s">
        <v>50</v>
      </c>
      <c r="D5950" s="1" t="s">
        <v>23305</v>
      </c>
      <c r="E5950" s="1" t="s">
        <v>23306</v>
      </c>
      <c r="F5950" s="1" t="s">
        <v>23307</v>
      </c>
      <c r="G5950" s="1" t="s">
        <v>23276</v>
      </c>
      <c r="H5950" s="1" t="s">
        <v>23277</v>
      </c>
      <c r="I5950" s="1" t="s">
        <v>20952</v>
      </c>
      <c r="J5950" s="1" t="s">
        <v>23308</v>
      </c>
    </row>
    <row r="5951" spans="1:10" x14ac:dyDescent="0.35">
      <c r="A5951" s="1" t="s">
        <v>23272</v>
      </c>
      <c r="B5951" s="1" t="s">
        <v>20946</v>
      </c>
      <c r="C5951" s="1" t="s">
        <v>55</v>
      </c>
      <c r="D5951" s="1" t="s">
        <v>23309</v>
      </c>
      <c r="E5951" s="1" t="s">
        <v>23310</v>
      </c>
      <c r="F5951" s="1" t="s">
        <v>23311</v>
      </c>
      <c r="G5951" s="1" t="s">
        <v>23276</v>
      </c>
      <c r="H5951" s="1" t="s">
        <v>23277</v>
      </c>
      <c r="I5951" s="1" t="s">
        <v>20952</v>
      </c>
      <c r="J5951" s="1" t="s">
        <v>23312</v>
      </c>
    </row>
    <row r="5952" spans="1:10" x14ac:dyDescent="0.35">
      <c r="A5952" s="1" t="s">
        <v>23272</v>
      </c>
      <c r="B5952" s="1" t="s">
        <v>20946</v>
      </c>
      <c r="C5952" s="1" t="s">
        <v>60</v>
      </c>
      <c r="D5952" s="1" t="s">
        <v>23313</v>
      </c>
      <c r="E5952" s="1" t="s">
        <v>23314</v>
      </c>
      <c r="F5952" s="1" t="s">
        <v>23315</v>
      </c>
      <c r="G5952" s="1" t="s">
        <v>23276</v>
      </c>
      <c r="H5952" s="1" t="s">
        <v>23277</v>
      </c>
      <c r="I5952" s="1" t="s">
        <v>20952</v>
      </c>
      <c r="J5952" s="1" t="s">
        <v>23316</v>
      </c>
    </row>
    <row r="5953" spans="1:10" x14ac:dyDescent="0.35">
      <c r="A5953" s="1" t="s">
        <v>23272</v>
      </c>
      <c r="B5953" s="1" t="s">
        <v>20946</v>
      </c>
      <c r="C5953" s="1" t="s">
        <v>65</v>
      </c>
      <c r="D5953" s="1" t="s">
        <v>23317</v>
      </c>
      <c r="E5953" s="1" t="s">
        <v>23318</v>
      </c>
      <c r="F5953" s="1" t="s">
        <v>23319</v>
      </c>
      <c r="G5953" s="1" t="s">
        <v>23276</v>
      </c>
      <c r="H5953" s="1" t="s">
        <v>23277</v>
      </c>
      <c r="I5953" s="1" t="s">
        <v>20952</v>
      </c>
      <c r="J5953" s="1" t="s">
        <v>23320</v>
      </c>
    </row>
    <row r="5954" spans="1:10" x14ac:dyDescent="0.35">
      <c r="A5954" s="1" t="s">
        <v>23272</v>
      </c>
      <c r="B5954" s="1" t="s">
        <v>20946</v>
      </c>
      <c r="C5954" s="1" t="s">
        <v>70</v>
      </c>
      <c r="D5954" s="1" t="s">
        <v>23321</v>
      </c>
      <c r="E5954" s="1" t="s">
        <v>23322</v>
      </c>
      <c r="F5954" s="1" t="s">
        <v>23323</v>
      </c>
      <c r="G5954" s="1" t="s">
        <v>23276</v>
      </c>
      <c r="H5954" s="1" t="s">
        <v>23277</v>
      </c>
      <c r="I5954" s="1" t="s">
        <v>20952</v>
      </c>
      <c r="J5954" s="1" t="s">
        <v>23324</v>
      </c>
    </row>
    <row r="5955" spans="1:10" x14ac:dyDescent="0.35">
      <c r="A5955" s="1" t="s">
        <v>23272</v>
      </c>
      <c r="B5955" s="1" t="s">
        <v>20946</v>
      </c>
      <c r="C5955" s="1" t="s">
        <v>75</v>
      </c>
      <c r="D5955" s="1" t="s">
        <v>23325</v>
      </c>
      <c r="E5955" s="1" t="s">
        <v>23326</v>
      </c>
      <c r="F5955" s="1" t="s">
        <v>23327</v>
      </c>
      <c r="G5955" s="1" t="s">
        <v>23276</v>
      </c>
      <c r="H5955" s="1" t="s">
        <v>23277</v>
      </c>
      <c r="I5955" s="1" t="s">
        <v>20952</v>
      </c>
      <c r="J5955" s="1" t="s">
        <v>23328</v>
      </c>
    </row>
    <row r="5956" spans="1:10" x14ac:dyDescent="0.35">
      <c r="A5956" s="1" t="s">
        <v>23272</v>
      </c>
      <c r="B5956" s="1" t="s">
        <v>20946</v>
      </c>
      <c r="C5956" s="1" t="s">
        <v>80</v>
      </c>
      <c r="D5956" s="1" t="s">
        <v>23329</v>
      </c>
      <c r="E5956" s="1" t="s">
        <v>23330</v>
      </c>
      <c r="F5956" s="1" t="s">
        <v>23331</v>
      </c>
      <c r="G5956" s="1" t="s">
        <v>23276</v>
      </c>
      <c r="H5956" s="1" t="s">
        <v>23277</v>
      </c>
      <c r="I5956" s="1" t="s">
        <v>20952</v>
      </c>
      <c r="J5956" s="1" t="s">
        <v>23332</v>
      </c>
    </row>
    <row r="5957" spans="1:10" x14ac:dyDescent="0.35">
      <c r="A5957" s="1" t="s">
        <v>23272</v>
      </c>
      <c r="B5957" s="1" t="s">
        <v>20946</v>
      </c>
      <c r="C5957" s="1" t="s">
        <v>85</v>
      </c>
      <c r="D5957" s="1" t="s">
        <v>23333</v>
      </c>
      <c r="E5957" s="1" t="s">
        <v>23334</v>
      </c>
      <c r="F5957" s="1" t="s">
        <v>23335</v>
      </c>
      <c r="G5957" s="1" t="s">
        <v>23276</v>
      </c>
      <c r="H5957" s="1" t="s">
        <v>23277</v>
      </c>
      <c r="I5957" s="1" t="s">
        <v>20952</v>
      </c>
      <c r="J5957" s="1" t="s">
        <v>23336</v>
      </c>
    </row>
    <row r="5958" spans="1:10" x14ac:dyDescent="0.35">
      <c r="A5958" s="1" t="s">
        <v>23272</v>
      </c>
      <c r="B5958" s="1" t="s">
        <v>20946</v>
      </c>
      <c r="C5958" s="1" t="s">
        <v>90</v>
      </c>
      <c r="D5958" s="1" t="s">
        <v>23337</v>
      </c>
      <c r="E5958" s="1" t="s">
        <v>23338</v>
      </c>
      <c r="F5958" s="1" t="s">
        <v>23339</v>
      </c>
      <c r="G5958" s="1" t="s">
        <v>23276</v>
      </c>
      <c r="H5958" s="1" t="s">
        <v>23277</v>
      </c>
      <c r="I5958" s="1" t="s">
        <v>20952</v>
      </c>
      <c r="J5958" s="1" t="s">
        <v>23340</v>
      </c>
    </row>
    <row r="5959" spans="1:10" x14ac:dyDescent="0.35">
      <c r="A5959" s="1" t="s">
        <v>23272</v>
      </c>
      <c r="B5959" s="1" t="s">
        <v>20946</v>
      </c>
      <c r="C5959" s="1" t="s">
        <v>95</v>
      </c>
      <c r="D5959" s="1" t="s">
        <v>23341</v>
      </c>
      <c r="E5959" s="1" t="s">
        <v>23342</v>
      </c>
      <c r="F5959" s="1" t="s">
        <v>23343</v>
      </c>
      <c r="G5959" s="1" t="s">
        <v>23276</v>
      </c>
      <c r="H5959" s="1" t="s">
        <v>23277</v>
      </c>
      <c r="I5959" s="1" t="s">
        <v>20952</v>
      </c>
      <c r="J5959" s="1" t="s">
        <v>23344</v>
      </c>
    </row>
    <row r="5960" spans="1:10" x14ac:dyDescent="0.35">
      <c r="A5960" s="1" t="s">
        <v>23272</v>
      </c>
      <c r="B5960" s="1" t="s">
        <v>20946</v>
      </c>
      <c r="C5960" s="1" t="s">
        <v>100</v>
      </c>
      <c r="D5960" s="1" t="s">
        <v>23345</v>
      </c>
      <c r="E5960" s="1" t="s">
        <v>23346</v>
      </c>
      <c r="F5960" s="1" t="s">
        <v>23347</v>
      </c>
      <c r="G5960" s="1" t="s">
        <v>23276</v>
      </c>
      <c r="H5960" s="1" t="s">
        <v>23277</v>
      </c>
      <c r="I5960" s="1" t="s">
        <v>20952</v>
      </c>
      <c r="J5960" s="1" t="s">
        <v>23348</v>
      </c>
    </row>
    <row r="5961" spans="1:10" x14ac:dyDescent="0.35">
      <c r="A5961" s="1" t="s">
        <v>23272</v>
      </c>
      <c r="B5961" s="1" t="s">
        <v>20946</v>
      </c>
      <c r="C5961" s="1" t="s">
        <v>105</v>
      </c>
      <c r="D5961" s="1" t="s">
        <v>23349</v>
      </c>
      <c r="E5961" s="1" t="s">
        <v>23350</v>
      </c>
      <c r="F5961" s="1" t="s">
        <v>23351</v>
      </c>
      <c r="G5961" s="1" t="s">
        <v>23276</v>
      </c>
      <c r="H5961" s="1" t="s">
        <v>23277</v>
      </c>
      <c r="I5961" s="1" t="s">
        <v>20952</v>
      </c>
      <c r="J5961" s="1" t="s">
        <v>23352</v>
      </c>
    </row>
    <row r="5962" spans="1:10" x14ac:dyDescent="0.35">
      <c r="A5962" s="1" t="s">
        <v>23272</v>
      </c>
      <c r="B5962" s="1" t="s">
        <v>20946</v>
      </c>
      <c r="C5962" s="1" t="s">
        <v>110</v>
      </c>
      <c r="D5962" s="1" t="s">
        <v>23353</v>
      </c>
      <c r="E5962" s="1" t="s">
        <v>14654</v>
      </c>
      <c r="F5962" s="1" t="s">
        <v>23354</v>
      </c>
      <c r="G5962" s="1" t="s">
        <v>23276</v>
      </c>
      <c r="H5962" s="1" t="s">
        <v>23277</v>
      </c>
      <c r="I5962" s="1" t="s">
        <v>20952</v>
      </c>
      <c r="J5962" s="1" t="s">
        <v>23355</v>
      </c>
    </row>
    <row r="5963" spans="1:10" x14ac:dyDescent="0.35">
      <c r="A5963" s="1" t="s">
        <v>23272</v>
      </c>
      <c r="B5963" s="1" t="s">
        <v>20946</v>
      </c>
      <c r="C5963" s="1" t="s">
        <v>115</v>
      </c>
      <c r="D5963" s="1" t="s">
        <v>23356</v>
      </c>
      <c r="E5963" s="1" t="s">
        <v>23357</v>
      </c>
      <c r="F5963" s="1" t="s">
        <v>23358</v>
      </c>
      <c r="G5963" s="1" t="s">
        <v>23276</v>
      </c>
      <c r="H5963" s="1" t="s">
        <v>23277</v>
      </c>
      <c r="I5963" s="1" t="s">
        <v>20952</v>
      </c>
      <c r="J5963" s="1" t="s">
        <v>23359</v>
      </c>
    </row>
    <row r="5964" spans="1:10" x14ac:dyDescent="0.35">
      <c r="A5964" s="1" t="s">
        <v>23272</v>
      </c>
      <c r="B5964" s="1" t="s">
        <v>20946</v>
      </c>
      <c r="C5964" s="1" t="s">
        <v>120</v>
      </c>
      <c r="D5964" s="1" t="s">
        <v>23360</v>
      </c>
      <c r="E5964" s="1" t="s">
        <v>23361</v>
      </c>
      <c r="F5964" s="1" t="s">
        <v>23362</v>
      </c>
      <c r="G5964" s="1" t="s">
        <v>23276</v>
      </c>
      <c r="H5964" s="1" t="s">
        <v>23277</v>
      </c>
      <c r="I5964" s="1" t="s">
        <v>20952</v>
      </c>
      <c r="J5964" s="1" t="s">
        <v>23363</v>
      </c>
    </row>
    <row r="5965" spans="1:10" x14ac:dyDescent="0.35">
      <c r="A5965" s="1" t="s">
        <v>23272</v>
      </c>
      <c r="B5965" s="1" t="s">
        <v>20946</v>
      </c>
      <c r="C5965" s="1" t="s">
        <v>125</v>
      </c>
      <c r="D5965" s="1" t="s">
        <v>23364</v>
      </c>
      <c r="E5965" s="1" t="s">
        <v>23365</v>
      </c>
      <c r="F5965" s="1" t="s">
        <v>23103</v>
      </c>
      <c r="G5965" s="1" t="s">
        <v>23276</v>
      </c>
      <c r="H5965" s="1" t="s">
        <v>23277</v>
      </c>
      <c r="I5965" s="1" t="s">
        <v>20952</v>
      </c>
      <c r="J5965" s="1" t="s">
        <v>23366</v>
      </c>
    </row>
    <row r="5966" spans="1:10" x14ac:dyDescent="0.35">
      <c r="A5966" s="1" t="s">
        <v>23272</v>
      </c>
      <c r="B5966" s="1" t="s">
        <v>20946</v>
      </c>
      <c r="C5966" s="1" t="s">
        <v>130</v>
      </c>
      <c r="D5966" s="1" t="s">
        <v>23367</v>
      </c>
      <c r="E5966" s="1" t="s">
        <v>22954</v>
      </c>
      <c r="F5966" s="1" t="s">
        <v>23368</v>
      </c>
      <c r="G5966" s="1" t="s">
        <v>23276</v>
      </c>
      <c r="H5966" s="1" t="s">
        <v>23277</v>
      </c>
      <c r="I5966" s="1" t="s">
        <v>20952</v>
      </c>
      <c r="J5966" s="1" t="s">
        <v>23369</v>
      </c>
    </row>
    <row r="5967" spans="1:10" x14ac:dyDescent="0.35">
      <c r="A5967" s="1" t="s">
        <v>23272</v>
      </c>
      <c r="B5967" s="1" t="s">
        <v>20946</v>
      </c>
      <c r="C5967" s="1" t="s">
        <v>135</v>
      </c>
      <c r="D5967" s="1" t="s">
        <v>23370</v>
      </c>
      <c r="E5967" s="1" t="s">
        <v>23371</v>
      </c>
      <c r="F5967" s="1" t="s">
        <v>23372</v>
      </c>
      <c r="G5967" s="1" t="s">
        <v>23276</v>
      </c>
      <c r="H5967" s="1" t="s">
        <v>23277</v>
      </c>
      <c r="I5967" s="1" t="s">
        <v>20952</v>
      </c>
      <c r="J5967" s="1" t="s">
        <v>23373</v>
      </c>
    </row>
    <row r="5968" spans="1:10" x14ac:dyDescent="0.35">
      <c r="A5968" s="1" t="s">
        <v>23272</v>
      </c>
      <c r="B5968" s="1" t="s">
        <v>20946</v>
      </c>
      <c r="C5968" s="1" t="s">
        <v>140</v>
      </c>
      <c r="D5968" s="1" t="s">
        <v>23374</v>
      </c>
      <c r="E5968" s="1" t="s">
        <v>23375</v>
      </c>
      <c r="F5968" s="1" t="s">
        <v>23376</v>
      </c>
      <c r="G5968" s="1" t="s">
        <v>23276</v>
      </c>
      <c r="H5968" s="1" t="s">
        <v>23277</v>
      </c>
      <c r="I5968" s="1" t="s">
        <v>20952</v>
      </c>
      <c r="J5968" s="1" t="s">
        <v>23377</v>
      </c>
    </row>
    <row r="5969" spans="1:10" x14ac:dyDescent="0.35">
      <c r="A5969" s="1" t="s">
        <v>23272</v>
      </c>
      <c r="B5969" s="1" t="s">
        <v>20946</v>
      </c>
      <c r="C5969" s="1" t="s">
        <v>145</v>
      </c>
      <c r="D5969" s="1" t="s">
        <v>23378</v>
      </c>
      <c r="E5969" s="1" t="s">
        <v>23379</v>
      </c>
      <c r="F5969" s="1" t="s">
        <v>23380</v>
      </c>
      <c r="G5969" s="1" t="s">
        <v>23276</v>
      </c>
      <c r="H5969" s="1" t="s">
        <v>23277</v>
      </c>
      <c r="I5969" s="1" t="s">
        <v>20952</v>
      </c>
      <c r="J5969" s="1" t="s">
        <v>23381</v>
      </c>
    </row>
    <row r="5970" spans="1:10" x14ac:dyDescent="0.35">
      <c r="A5970" s="1" t="s">
        <v>23272</v>
      </c>
      <c r="B5970" s="1" t="s">
        <v>20946</v>
      </c>
      <c r="C5970" s="1" t="s">
        <v>150</v>
      </c>
      <c r="D5970" s="1" t="s">
        <v>23382</v>
      </c>
      <c r="E5970" s="1" t="s">
        <v>23383</v>
      </c>
      <c r="F5970" s="1" t="s">
        <v>23384</v>
      </c>
      <c r="G5970" s="1" t="s">
        <v>23276</v>
      </c>
      <c r="H5970" s="1" t="s">
        <v>23277</v>
      </c>
      <c r="I5970" s="1" t="s">
        <v>20952</v>
      </c>
      <c r="J5970" s="1" t="s">
        <v>23385</v>
      </c>
    </row>
    <row r="5971" spans="1:10" x14ac:dyDescent="0.35">
      <c r="A5971" s="1" t="s">
        <v>23272</v>
      </c>
      <c r="B5971" s="1" t="s">
        <v>20946</v>
      </c>
      <c r="C5971" s="1" t="s">
        <v>155</v>
      </c>
      <c r="D5971" s="1" t="s">
        <v>23386</v>
      </c>
      <c r="E5971" s="1" t="s">
        <v>23387</v>
      </c>
      <c r="F5971" s="1" t="s">
        <v>23388</v>
      </c>
      <c r="G5971" s="1" t="s">
        <v>23276</v>
      </c>
      <c r="H5971" s="1" t="s">
        <v>23277</v>
      </c>
      <c r="I5971" s="1" t="s">
        <v>20952</v>
      </c>
      <c r="J5971" s="1" t="s">
        <v>23389</v>
      </c>
    </row>
    <row r="5972" spans="1:10" x14ac:dyDescent="0.35">
      <c r="A5972" s="1" t="s">
        <v>23272</v>
      </c>
      <c r="B5972" s="1" t="s">
        <v>20946</v>
      </c>
      <c r="C5972" s="1" t="s">
        <v>160</v>
      </c>
      <c r="D5972" s="1" t="s">
        <v>23390</v>
      </c>
      <c r="E5972" s="1" t="s">
        <v>23391</v>
      </c>
      <c r="F5972" s="1" t="s">
        <v>23392</v>
      </c>
      <c r="G5972" s="1" t="s">
        <v>23276</v>
      </c>
      <c r="H5972" s="1" t="s">
        <v>23277</v>
      </c>
      <c r="I5972" s="1" t="s">
        <v>20952</v>
      </c>
      <c r="J5972" s="1" t="s">
        <v>23393</v>
      </c>
    </row>
    <row r="5973" spans="1:10" x14ac:dyDescent="0.35">
      <c r="A5973" s="1" t="s">
        <v>23272</v>
      </c>
      <c r="B5973" s="1" t="s">
        <v>20946</v>
      </c>
      <c r="C5973" s="1" t="s">
        <v>165</v>
      </c>
      <c r="D5973" s="1" t="s">
        <v>23394</v>
      </c>
      <c r="E5973" s="1" t="s">
        <v>23395</v>
      </c>
      <c r="F5973" s="1" t="s">
        <v>23396</v>
      </c>
      <c r="G5973" s="1" t="s">
        <v>23276</v>
      </c>
      <c r="H5973" s="1" t="s">
        <v>23277</v>
      </c>
      <c r="I5973" s="1" t="s">
        <v>20952</v>
      </c>
      <c r="J5973" s="1" t="s">
        <v>23397</v>
      </c>
    </row>
    <row r="5974" spans="1:10" x14ac:dyDescent="0.35">
      <c r="A5974" s="1" t="s">
        <v>23272</v>
      </c>
      <c r="B5974" s="1" t="s">
        <v>20946</v>
      </c>
      <c r="C5974" s="1" t="s">
        <v>170</v>
      </c>
      <c r="D5974" s="1" t="s">
        <v>23398</v>
      </c>
      <c r="E5974" s="1" t="s">
        <v>23399</v>
      </c>
      <c r="F5974" s="1" t="s">
        <v>23400</v>
      </c>
      <c r="G5974" s="1" t="s">
        <v>23276</v>
      </c>
      <c r="H5974" s="1" t="s">
        <v>23277</v>
      </c>
      <c r="I5974" s="1" t="s">
        <v>20952</v>
      </c>
      <c r="J5974" s="1" t="s">
        <v>23401</v>
      </c>
    </row>
    <row r="5975" spans="1:10" x14ac:dyDescent="0.35">
      <c r="A5975" s="1" t="s">
        <v>23402</v>
      </c>
      <c r="B5975" s="1" t="s">
        <v>20946</v>
      </c>
      <c r="C5975" s="1" t="s">
        <v>8</v>
      </c>
      <c r="D5975" s="1" t="s">
        <v>23403</v>
      </c>
      <c r="E5975" s="1" t="s">
        <v>23404</v>
      </c>
      <c r="F5975" s="1" t="s">
        <v>23405</v>
      </c>
      <c r="G5975" s="1" t="s">
        <v>23406</v>
      </c>
      <c r="H5975" s="1" t="s">
        <v>23407</v>
      </c>
      <c r="I5975" s="1" t="s">
        <v>20952</v>
      </c>
      <c r="J5975" s="1" t="s">
        <v>13</v>
      </c>
    </row>
    <row r="5976" spans="1:10" x14ac:dyDescent="0.35">
      <c r="A5976" s="1" t="s">
        <v>23402</v>
      </c>
      <c r="B5976" s="1" t="s">
        <v>20946</v>
      </c>
      <c r="C5976" s="1" t="s">
        <v>15</v>
      </c>
      <c r="D5976" s="1" t="s">
        <v>23408</v>
      </c>
      <c r="E5976" s="1" t="s">
        <v>23409</v>
      </c>
      <c r="F5976" s="1" t="s">
        <v>23410</v>
      </c>
      <c r="G5976" s="1" t="s">
        <v>23406</v>
      </c>
      <c r="H5976" s="1" t="s">
        <v>23407</v>
      </c>
      <c r="I5976" s="1" t="s">
        <v>20952</v>
      </c>
      <c r="J5976" s="1" t="s">
        <v>23411</v>
      </c>
    </row>
    <row r="5977" spans="1:10" x14ac:dyDescent="0.35">
      <c r="A5977" s="1" t="s">
        <v>23402</v>
      </c>
      <c r="B5977" s="1" t="s">
        <v>20946</v>
      </c>
      <c r="C5977" s="1" t="s">
        <v>20</v>
      </c>
      <c r="D5977" s="1" t="s">
        <v>23412</v>
      </c>
      <c r="E5977" s="1" t="s">
        <v>23413</v>
      </c>
      <c r="F5977" s="1" t="s">
        <v>23414</v>
      </c>
      <c r="G5977" s="1" t="s">
        <v>23406</v>
      </c>
      <c r="H5977" s="1" t="s">
        <v>23407</v>
      </c>
      <c r="I5977" s="1" t="s">
        <v>20952</v>
      </c>
      <c r="J5977" s="1" t="s">
        <v>23415</v>
      </c>
    </row>
    <row r="5978" spans="1:10" x14ac:dyDescent="0.35">
      <c r="A5978" s="1" t="s">
        <v>23402</v>
      </c>
      <c r="B5978" s="1" t="s">
        <v>20946</v>
      </c>
      <c r="C5978" s="1" t="s">
        <v>25</v>
      </c>
      <c r="D5978" s="1" t="s">
        <v>23416</v>
      </c>
      <c r="E5978" s="1" t="s">
        <v>23417</v>
      </c>
      <c r="F5978" s="1" t="s">
        <v>23418</v>
      </c>
      <c r="G5978" s="1" t="s">
        <v>23406</v>
      </c>
      <c r="H5978" s="1" t="s">
        <v>23407</v>
      </c>
      <c r="I5978" s="1" t="s">
        <v>20952</v>
      </c>
      <c r="J5978" s="1" t="s">
        <v>23419</v>
      </c>
    </row>
    <row r="5979" spans="1:10" x14ac:dyDescent="0.35">
      <c r="A5979" s="1" t="s">
        <v>23402</v>
      </c>
      <c r="B5979" s="1" t="s">
        <v>20946</v>
      </c>
      <c r="C5979" s="1" t="s">
        <v>30</v>
      </c>
      <c r="D5979" s="1" t="s">
        <v>23420</v>
      </c>
      <c r="E5979" s="1" t="s">
        <v>23421</v>
      </c>
      <c r="F5979" s="1" t="s">
        <v>23422</v>
      </c>
      <c r="G5979" s="1" t="s">
        <v>23406</v>
      </c>
      <c r="H5979" s="1" t="s">
        <v>23407</v>
      </c>
      <c r="I5979" s="1" t="s">
        <v>20952</v>
      </c>
      <c r="J5979" s="1" t="s">
        <v>23423</v>
      </c>
    </row>
    <row r="5980" spans="1:10" x14ac:dyDescent="0.35">
      <c r="A5980" s="1" t="s">
        <v>23402</v>
      </c>
      <c r="B5980" s="1" t="s">
        <v>20946</v>
      </c>
      <c r="C5980" s="1" t="s">
        <v>35</v>
      </c>
      <c r="D5980" s="1" t="s">
        <v>23424</v>
      </c>
      <c r="E5980" s="1" t="s">
        <v>23425</v>
      </c>
      <c r="F5980" s="1" t="s">
        <v>23426</v>
      </c>
      <c r="G5980" s="1" t="s">
        <v>23406</v>
      </c>
      <c r="H5980" s="1" t="s">
        <v>23407</v>
      </c>
      <c r="I5980" s="1" t="s">
        <v>20952</v>
      </c>
      <c r="J5980" s="1" t="s">
        <v>23427</v>
      </c>
    </row>
    <row r="5981" spans="1:10" x14ac:dyDescent="0.35">
      <c r="A5981" s="1" t="s">
        <v>23402</v>
      </c>
      <c r="B5981" s="1" t="s">
        <v>20946</v>
      </c>
      <c r="C5981" s="1" t="s">
        <v>40</v>
      </c>
      <c r="D5981" s="1" t="s">
        <v>23428</v>
      </c>
      <c r="E5981" s="1" t="s">
        <v>21890</v>
      </c>
      <c r="F5981" s="1" t="s">
        <v>23429</v>
      </c>
      <c r="G5981" s="1" t="s">
        <v>23406</v>
      </c>
      <c r="H5981" s="1" t="s">
        <v>23407</v>
      </c>
      <c r="I5981" s="1" t="s">
        <v>20952</v>
      </c>
      <c r="J5981" s="1" t="s">
        <v>23430</v>
      </c>
    </row>
    <row r="5982" spans="1:10" x14ac:dyDescent="0.35">
      <c r="A5982" s="1" t="s">
        <v>23402</v>
      </c>
      <c r="B5982" s="1" t="s">
        <v>20946</v>
      </c>
      <c r="C5982" s="1" t="s">
        <v>45</v>
      </c>
      <c r="D5982" s="1" t="s">
        <v>23431</v>
      </c>
      <c r="E5982" s="1" t="s">
        <v>15345</v>
      </c>
      <c r="F5982" s="1" t="s">
        <v>23432</v>
      </c>
      <c r="G5982" s="1" t="s">
        <v>23406</v>
      </c>
      <c r="H5982" s="1" t="s">
        <v>23407</v>
      </c>
      <c r="I5982" s="1" t="s">
        <v>20952</v>
      </c>
      <c r="J5982" s="1" t="s">
        <v>23433</v>
      </c>
    </row>
    <row r="5983" spans="1:10" x14ac:dyDescent="0.35">
      <c r="A5983" s="1" t="s">
        <v>23402</v>
      </c>
      <c r="B5983" s="1" t="s">
        <v>20946</v>
      </c>
      <c r="C5983" s="1" t="s">
        <v>50</v>
      </c>
      <c r="D5983" s="1" t="s">
        <v>23434</v>
      </c>
      <c r="E5983" s="1" t="s">
        <v>23435</v>
      </c>
      <c r="F5983" s="1" t="s">
        <v>23436</v>
      </c>
      <c r="G5983" s="1" t="s">
        <v>23406</v>
      </c>
      <c r="H5983" s="1" t="s">
        <v>23407</v>
      </c>
      <c r="I5983" s="1" t="s">
        <v>20952</v>
      </c>
      <c r="J5983" s="1" t="s">
        <v>23437</v>
      </c>
    </row>
    <row r="5984" spans="1:10" x14ac:dyDescent="0.35">
      <c r="A5984" s="1" t="s">
        <v>23402</v>
      </c>
      <c r="B5984" s="1" t="s">
        <v>20946</v>
      </c>
      <c r="C5984" s="1" t="s">
        <v>55</v>
      </c>
      <c r="D5984" s="1" t="s">
        <v>23438</v>
      </c>
      <c r="E5984" s="1" t="s">
        <v>23439</v>
      </c>
      <c r="F5984" s="1" t="s">
        <v>23440</v>
      </c>
      <c r="G5984" s="1" t="s">
        <v>23406</v>
      </c>
      <c r="H5984" s="1" t="s">
        <v>23407</v>
      </c>
      <c r="I5984" s="1" t="s">
        <v>20952</v>
      </c>
      <c r="J5984" s="1" t="s">
        <v>23441</v>
      </c>
    </row>
    <row r="5985" spans="1:10" x14ac:dyDescent="0.35">
      <c r="A5985" s="1" t="s">
        <v>23402</v>
      </c>
      <c r="B5985" s="1" t="s">
        <v>20946</v>
      </c>
      <c r="C5985" s="1" t="s">
        <v>60</v>
      </c>
      <c r="D5985" s="1" t="s">
        <v>23442</v>
      </c>
      <c r="E5985" s="1" t="s">
        <v>15907</v>
      </c>
      <c r="F5985" s="1" t="s">
        <v>23443</v>
      </c>
      <c r="G5985" s="1" t="s">
        <v>23406</v>
      </c>
      <c r="H5985" s="1" t="s">
        <v>23407</v>
      </c>
      <c r="I5985" s="1" t="s">
        <v>20952</v>
      </c>
      <c r="J5985" s="1" t="s">
        <v>23444</v>
      </c>
    </row>
    <row r="5986" spans="1:10" x14ac:dyDescent="0.35">
      <c r="A5986" s="1" t="s">
        <v>23402</v>
      </c>
      <c r="B5986" s="1" t="s">
        <v>20946</v>
      </c>
      <c r="C5986" s="1" t="s">
        <v>65</v>
      </c>
      <c r="D5986" s="1" t="s">
        <v>23445</v>
      </c>
      <c r="E5986" s="1" t="s">
        <v>23446</v>
      </c>
      <c r="F5986" s="1" t="s">
        <v>23447</v>
      </c>
      <c r="G5986" s="1" t="s">
        <v>23406</v>
      </c>
      <c r="H5986" s="1" t="s">
        <v>23407</v>
      </c>
      <c r="I5986" s="1" t="s">
        <v>20952</v>
      </c>
      <c r="J5986" s="1" t="s">
        <v>23448</v>
      </c>
    </row>
    <row r="5987" spans="1:10" x14ac:dyDescent="0.35">
      <c r="A5987" s="1" t="s">
        <v>23402</v>
      </c>
      <c r="B5987" s="1" t="s">
        <v>20946</v>
      </c>
      <c r="C5987" s="1" t="s">
        <v>70</v>
      </c>
      <c r="D5987" s="1" t="s">
        <v>23449</v>
      </c>
      <c r="E5987" s="1" t="s">
        <v>23450</v>
      </c>
      <c r="F5987" s="1" t="s">
        <v>23451</v>
      </c>
      <c r="G5987" s="1" t="s">
        <v>23406</v>
      </c>
      <c r="H5987" s="1" t="s">
        <v>23407</v>
      </c>
      <c r="I5987" s="1" t="s">
        <v>20952</v>
      </c>
      <c r="J5987" s="1" t="s">
        <v>23452</v>
      </c>
    </row>
    <row r="5988" spans="1:10" x14ac:dyDescent="0.35">
      <c r="A5988" s="1" t="s">
        <v>23402</v>
      </c>
      <c r="B5988" s="1" t="s">
        <v>20946</v>
      </c>
      <c r="C5988" s="1" t="s">
        <v>75</v>
      </c>
      <c r="D5988" s="1" t="s">
        <v>23453</v>
      </c>
      <c r="E5988" s="1" t="s">
        <v>12813</v>
      </c>
      <c r="F5988" s="1" t="s">
        <v>23454</v>
      </c>
      <c r="G5988" s="1" t="s">
        <v>23406</v>
      </c>
      <c r="H5988" s="1" t="s">
        <v>23407</v>
      </c>
      <c r="I5988" s="1" t="s">
        <v>20952</v>
      </c>
      <c r="J5988" s="1" t="s">
        <v>23455</v>
      </c>
    </row>
    <row r="5989" spans="1:10" x14ac:dyDescent="0.35">
      <c r="A5989" s="1" t="s">
        <v>23402</v>
      </c>
      <c r="B5989" s="1" t="s">
        <v>20946</v>
      </c>
      <c r="C5989" s="1" t="s">
        <v>80</v>
      </c>
      <c r="D5989" s="1" t="s">
        <v>23456</v>
      </c>
      <c r="E5989" s="1" t="s">
        <v>23457</v>
      </c>
      <c r="F5989" s="1" t="s">
        <v>23458</v>
      </c>
      <c r="G5989" s="1" t="s">
        <v>23406</v>
      </c>
      <c r="H5989" s="1" t="s">
        <v>23407</v>
      </c>
      <c r="I5989" s="1" t="s">
        <v>20952</v>
      </c>
      <c r="J5989" s="1" t="s">
        <v>23459</v>
      </c>
    </row>
    <row r="5990" spans="1:10" x14ac:dyDescent="0.35">
      <c r="A5990" s="1" t="s">
        <v>23402</v>
      </c>
      <c r="B5990" s="1" t="s">
        <v>20946</v>
      </c>
      <c r="C5990" s="1" t="s">
        <v>85</v>
      </c>
      <c r="D5990" s="1" t="s">
        <v>23460</v>
      </c>
      <c r="E5990" s="1" t="s">
        <v>23461</v>
      </c>
      <c r="F5990" s="1" t="s">
        <v>23462</v>
      </c>
      <c r="G5990" s="1" t="s">
        <v>23406</v>
      </c>
      <c r="H5990" s="1" t="s">
        <v>23407</v>
      </c>
      <c r="I5990" s="1" t="s">
        <v>20952</v>
      </c>
      <c r="J5990" s="1" t="s">
        <v>23463</v>
      </c>
    </row>
    <row r="5991" spans="1:10" x14ac:dyDescent="0.35">
      <c r="A5991" s="1" t="s">
        <v>23402</v>
      </c>
      <c r="B5991" s="1" t="s">
        <v>20946</v>
      </c>
      <c r="C5991" s="1" t="s">
        <v>90</v>
      </c>
      <c r="D5991" s="1" t="s">
        <v>23464</v>
      </c>
      <c r="E5991" s="1" t="s">
        <v>21860</v>
      </c>
      <c r="F5991" s="1" t="s">
        <v>23465</v>
      </c>
      <c r="G5991" s="1" t="s">
        <v>23406</v>
      </c>
      <c r="H5991" s="1" t="s">
        <v>23407</v>
      </c>
      <c r="I5991" s="1" t="s">
        <v>20952</v>
      </c>
      <c r="J5991" s="1" t="s">
        <v>23466</v>
      </c>
    </row>
    <row r="5992" spans="1:10" x14ac:dyDescent="0.35">
      <c r="A5992" s="1" t="s">
        <v>23402</v>
      </c>
      <c r="B5992" s="1" t="s">
        <v>20946</v>
      </c>
      <c r="C5992" s="1" t="s">
        <v>95</v>
      </c>
      <c r="D5992" s="1" t="s">
        <v>23467</v>
      </c>
      <c r="E5992" s="1" t="s">
        <v>23468</v>
      </c>
      <c r="F5992" s="1" t="s">
        <v>23469</v>
      </c>
      <c r="G5992" s="1" t="s">
        <v>23406</v>
      </c>
      <c r="H5992" s="1" t="s">
        <v>23407</v>
      </c>
      <c r="I5992" s="1" t="s">
        <v>20952</v>
      </c>
      <c r="J5992" s="1" t="s">
        <v>23470</v>
      </c>
    </row>
    <row r="5993" spans="1:10" x14ac:dyDescent="0.35">
      <c r="A5993" s="1" t="s">
        <v>23402</v>
      </c>
      <c r="B5993" s="1" t="s">
        <v>20946</v>
      </c>
      <c r="C5993" s="1" t="s">
        <v>100</v>
      </c>
      <c r="D5993" s="1" t="s">
        <v>23471</v>
      </c>
      <c r="E5993" s="1" t="s">
        <v>23472</v>
      </c>
      <c r="F5993" s="1" t="s">
        <v>23473</v>
      </c>
      <c r="G5993" s="1" t="s">
        <v>23406</v>
      </c>
      <c r="H5993" s="1" t="s">
        <v>23407</v>
      </c>
      <c r="I5993" s="1" t="s">
        <v>20952</v>
      </c>
      <c r="J5993" s="1" t="s">
        <v>23474</v>
      </c>
    </row>
    <row r="5994" spans="1:10" x14ac:dyDescent="0.35">
      <c r="A5994" s="1" t="s">
        <v>23402</v>
      </c>
      <c r="B5994" s="1" t="s">
        <v>20946</v>
      </c>
      <c r="C5994" s="1" t="s">
        <v>105</v>
      </c>
      <c r="D5994" s="1" t="s">
        <v>23475</v>
      </c>
      <c r="E5994" s="1" t="s">
        <v>23476</v>
      </c>
      <c r="F5994" s="1" t="s">
        <v>23477</v>
      </c>
      <c r="G5994" s="1" t="s">
        <v>23406</v>
      </c>
      <c r="H5994" s="1" t="s">
        <v>23407</v>
      </c>
      <c r="I5994" s="1" t="s">
        <v>20952</v>
      </c>
      <c r="J5994" s="1" t="s">
        <v>23478</v>
      </c>
    </row>
    <row r="5995" spans="1:10" x14ac:dyDescent="0.35">
      <c r="A5995" s="1" t="s">
        <v>23402</v>
      </c>
      <c r="B5995" s="1" t="s">
        <v>20946</v>
      </c>
      <c r="C5995" s="1" t="s">
        <v>110</v>
      </c>
      <c r="D5995" s="1" t="s">
        <v>23479</v>
      </c>
      <c r="E5995" s="1" t="s">
        <v>23480</v>
      </c>
      <c r="F5995" s="1" t="s">
        <v>23481</v>
      </c>
      <c r="G5995" s="1" t="s">
        <v>23406</v>
      </c>
      <c r="H5995" s="1" t="s">
        <v>23407</v>
      </c>
      <c r="I5995" s="1" t="s">
        <v>20952</v>
      </c>
      <c r="J5995" s="1" t="s">
        <v>23482</v>
      </c>
    </row>
    <row r="5996" spans="1:10" x14ac:dyDescent="0.35">
      <c r="A5996" s="1" t="s">
        <v>23402</v>
      </c>
      <c r="B5996" s="1" t="s">
        <v>20946</v>
      </c>
      <c r="C5996" s="1" t="s">
        <v>115</v>
      </c>
      <c r="D5996" s="1" t="s">
        <v>23483</v>
      </c>
      <c r="E5996" s="1" t="s">
        <v>23484</v>
      </c>
      <c r="F5996" s="1" t="s">
        <v>23485</v>
      </c>
      <c r="G5996" s="1" t="s">
        <v>23406</v>
      </c>
      <c r="H5996" s="1" t="s">
        <v>23407</v>
      </c>
      <c r="I5996" s="1" t="s">
        <v>20952</v>
      </c>
      <c r="J5996" s="1" t="s">
        <v>23486</v>
      </c>
    </row>
    <row r="5997" spans="1:10" x14ac:dyDescent="0.35">
      <c r="A5997" s="1" t="s">
        <v>23402</v>
      </c>
      <c r="B5997" s="1" t="s">
        <v>20946</v>
      </c>
      <c r="C5997" s="1" t="s">
        <v>120</v>
      </c>
      <c r="D5997" s="1" t="s">
        <v>23487</v>
      </c>
      <c r="E5997" s="1" t="s">
        <v>23468</v>
      </c>
      <c r="F5997" s="1" t="s">
        <v>23488</v>
      </c>
      <c r="G5997" s="1" t="s">
        <v>23406</v>
      </c>
      <c r="H5997" s="1" t="s">
        <v>23407</v>
      </c>
      <c r="I5997" s="1" t="s">
        <v>20952</v>
      </c>
      <c r="J5997" s="1" t="s">
        <v>23489</v>
      </c>
    </row>
    <row r="5998" spans="1:10" x14ac:dyDescent="0.35">
      <c r="A5998" s="1" t="s">
        <v>23402</v>
      </c>
      <c r="B5998" s="1" t="s">
        <v>20946</v>
      </c>
      <c r="C5998" s="1" t="s">
        <v>125</v>
      </c>
      <c r="D5998" s="1" t="s">
        <v>23490</v>
      </c>
      <c r="E5998" s="1" t="s">
        <v>23491</v>
      </c>
      <c r="F5998" s="1" t="s">
        <v>23492</v>
      </c>
      <c r="G5998" s="1" t="s">
        <v>23406</v>
      </c>
      <c r="H5998" s="1" t="s">
        <v>23407</v>
      </c>
      <c r="I5998" s="1" t="s">
        <v>20952</v>
      </c>
      <c r="J5998" s="1" t="s">
        <v>23493</v>
      </c>
    </row>
    <row r="5999" spans="1:10" x14ac:dyDescent="0.35">
      <c r="A5999" s="1" t="s">
        <v>23402</v>
      </c>
      <c r="B5999" s="1" t="s">
        <v>20946</v>
      </c>
      <c r="C5999" s="1" t="s">
        <v>130</v>
      </c>
      <c r="D5999" s="1" t="s">
        <v>23494</v>
      </c>
      <c r="E5999" s="1" t="s">
        <v>23495</v>
      </c>
      <c r="F5999" s="1" t="s">
        <v>22967</v>
      </c>
      <c r="G5999" s="1" t="s">
        <v>23406</v>
      </c>
      <c r="H5999" s="1" t="s">
        <v>23407</v>
      </c>
      <c r="I5999" s="1" t="s">
        <v>20952</v>
      </c>
      <c r="J5999" s="1" t="s">
        <v>23496</v>
      </c>
    </row>
    <row r="6000" spans="1:10" x14ac:dyDescent="0.35">
      <c r="A6000" s="1" t="s">
        <v>23402</v>
      </c>
      <c r="B6000" s="1" t="s">
        <v>20946</v>
      </c>
      <c r="C6000" s="1" t="s">
        <v>135</v>
      </c>
      <c r="D6000" s="1" t="s">
        <v>23497</v>
      </c>
      <c r="E6000" s="1" t="s">
        <v>23498</v>
      </c>
      <c r="F6000" s="1" t="s">
        <v>23499</v>
      </c>
      <c r="G6000" s="1" t="s">
        <v>23406</v>
      </c>
      <c r="H6000" s="1" t="s">
        <v>23407</v>
      </c>
      <c r="I6000" s="1" t="s">
        <v>20952</v>
      </c>
      <c r="J6000" s="1" t="s">
        <v>23500</v>
      </c>
    </row>
    <row r="6001" spans="1:10" x14ac:dyDescent="0.35">
      <c r="A6001" s="1" t="s">
        <v>23402</v>
      </c>
      <c r="B6001" s="1" t="s">
        <v>20946</v>
      </c>
      <c r="C6001" s="1" t="s">
        <v>140</v>
      </c>
      <c r="D6001" s="1" t="s">
        <v>23501</v>
      </c>
      <c r="E6001" s="1" t="s">
        <v>12821</v>
      </c>
      <c r="F6001" s="1" t="s">
        <v>23502</v>
      </c>
      <c r="G6001" s="1" t="s">
        <v>23406</v>
      </c>
      <c r="H6001" s="1" t="s">
        <v>23407</v>
      </c>
      <c r="I6001" s="1" t="s">
        <v>20952</v>
      </c>
      <c r="J6001" s="1" t="s">
        <v>23503</v>
      </c>
    </row>
    <row r="6002" spans="1:10" x14ac:dyDescent="0.35">
      <c r="A6002" s="1" t="s">
        <v>23402</v>
      </c>
      <c r="B6002" s="1" t="s">
        <v>20946</v>
      </c>
      <c r="C6002" s="1" t="s">
        <v>145</v>
      </c>
      <c r="D6002" s="1" t="s">
        <v>23504</v>
      </c>
      <c r="E6002" s="1" t="s">
        <v>23505</v>
      </c>
      <c r="F6002" s="1" t="s">
        <v>23506</v>
      </c>
      <c r="G6002" s="1" t="s">
        <v>23406</v>
      </c>
      <c r="H6002" s="1" t="s">
        <v>23407</v>
      </c>
      <c r="I6002" s="1" t="s">
        <v>20952</v>
      </c>
      <c r="J6002" s="1" t="s">
        <v>23507</v>
      </c>
    </row>
    <row r="6003" spans="1:10" x14ac:dyDescent="0.35">
      <c r="A6003" s="1" t="s">
        <v>23402</v>
      </c>
      <c r="B6003" s="1" t="s">
        <v>20946</v>
      </c>
      <c r="C6003" s="1" t="s">
        <v>150</v>
      </c>
      <c r="D6003" s="1" t="s">
        <v>23508</v>
      </c>
      <c r="E6003" s="1" t="s">
        <v>23509</v>
      </c>
      <c r="F6003" s="1" t="s">
        <v>23510</v>
      </c>
      <c r="G6003" s="1" t="s">
        <v>23406</v>
      </c>
      <c r="H6003" s="1" t="s">
        <v>23407</v>
      </c>
      <c r="I6003" s="1" t="s">
        <v>20952</v>
      </c>
      <c r="J6003" s="1" t="s">
        <v>23511</v>
      </c>
    </row>
    <row r="6004" spans="1:10" x14ac:dyDescent="0.35">
      <c r="A6004" s="1" t="s">
        <v>23402</v>
      </c>
      <c r="B6004" s="1" t="s">
        <v>20946</v>
      </c>
      <c r="C6004" s="1" t="s">
        <v>155</v>
      </c>
      <c r="D6004" s="1" t="s">
        <v>23512</v>
      </c>
      <c r="E6004" s="1" t="s">
        <v>23513</v>
      </c>
      <c r="F6004" s="1" t="s">
        <v>23514</v>
      </c>
      <c r="G6004" s="1" t="s">
        <v>23406</v>
      </c>
      <c r="H6004" s="1" t="s">
        <v>23407</v>
      </c>
      <c r="I6004" s="1" t="s">
        <v>20952</v>
      </c>
      <c r="J6004" s="1" t="s">
        <v>23515</v>
      </c>
    </row>
    <row r="6005" spans="1:10" x14ac:dyDescent="0.35">
      <c r="A6005" s="1" t="s">
        <v>23402</v>
      </c>
      <c r="B6005" s="1" t="s">
        <v>20946</v>
      </c>
      <c r="C6005" s="1" t="s">
        <v>160</v>
      </c>
      <c r="D6005" s="1" t="s">
        <v>23516</v>
      </c>
      <c r="E6005" s="1" t="s">
        <v>23517</v>
      </c>
      <c r="F6005" s="1" t="s">
        <v>23518</v>
      </c>
      <c r="G6005" s="1" t="s">
        <v>23406</v>
      </c>
      <c r="H6005" s="1" t="s">
        <v>23407</v>
      </c>
      <c r="I6005" s="1" t="s">
        <v>20952</v>
      </c>
      <c r="J6005" s="1" t="s">
        <v>23519</v>
      </c>
    </row>
    <row r="6006" spans="1:10" x14ac:dyDescent="0.35">
      <c r="A6006" s="1" t="s">
        <v>23402</v>
      </c>
      <c r="B6006" s="1" t="s">
        <v>20946</v>
      </c>
      <c r="C6006" s="1" t="s">
        <v>165</v>
      </c>
      <c r="D6006" s="1" t="s">
        <v>23520</v>
      </c>
      <c r="E6006" s="1" t="s">
        <v>23521</v>
      </c>
      <c r="F6006" s="1" t="s">
        <v>23522</v>
      </c>
      <c r="G6006" s="1" t="s">
        <v>23406</v>
      </c>
      <c r="H6006" s="1" t="s">
        <v>23407</v>
      </c>
      <c r="I6006" s="1" t="s">
        <v>20952</v>
      </c>
      <c r="J6006" s="1" t="s">
        <v>23523</v>
      </c>
    </row>
    <row r="6007" spans="1:10" x14ac:dyDescent="0.35">
      <c r="A6007" s="1" t="s">
        <v>23402</v>
      </c>
      <c r="B6007" s="1" t="s">
        <v>20946</v>
      </c>
      <c r="C6007" s="1" t="s">
        <v>170</v>
      </c>
      <c r="D6007" s="1" t="s">
        <v>23524</v>
      </c>
      <c r="E6007" s="1" t="s">
        <v>23525</v>
      </c>
      <c r="F6007" s="1" t="s">
        <v>23526</v>
      </c>
      <c r="G6007" s="1" t="s">
        <v>23406</v>
      </c>
      <c r="H6007" s="1" t="s">
        <v>23407</v>
      </c>
      <c r="I6007" s="1" t="s">
        <v>20952</v>
      </c>
      <c r="J6007" s="1" t="s">
        <v>23527</v>
      </c>
    </row>
    <row r="6008" spans="1:10" x14ac:dyDescent="0.35">
      <c r="A6008" s="1" t="s">
        <v>23528</v>
      </c>
      <c r="B6008" s="1" t="s">
        <v>20946</v>
      </c>
      <c r="C6008" s="1" t="s">
        <v>8</v>
      </c>
      <c r="D6008" s="1" t="s">
        <v>23529</v>
      </c>
      <c r="E6008" s="1" t="s">
        <v>23530</v>
      </c>
      <c r="F6008" s="1" t="s">
        <v>23531</v>
      </c>
      <c r="G6008" s="1" t="s">
        <v>23532</v>
      </c>
      <c r="H6008" s="1" t="s">
        <v>23533</v>
      </c>
      <c r="I6008" s="1" t="s">
        <v>20952</v>
      </c>
      <c r="J6008" s="1" t="s">
        <v>13</v>
      </c>
    </row>
    <row r="6009" spans="1:10" x14ac:dyDescent="0.35">
      <c r="A6009" s="1" t="s">
        <v>23528</v>
      </c>
      <c r="B6009" s="1" t="s">
        <v>20946</v>
      </c>
      <c r="C6009" s="1" t="s">
        <v>15</v>
      </c>
      <c r="D6009" s="1" t="s">
        <v>23534</v>
      </c>
      <c r="E6009" s="1" t="s">
        <v>23535</v>
      </c>
      <c r="F6009" s="1" t="s">
        <v>23536</v>
      </c>
      <c r="G6009" s="1" t="s">
        <v>23532</v>
      </c>
      <c r="H6009" s="1" t="s">
        <v>23533</v>
      </c>
      <c r="I6009" s="1" t="s">
        <v>20952</v>
      </c>
      <c r="J6009" s="1" t="s">
        <v>23537</v>
      </c>
    </row>
    <row r="6010" spans="1:10" x14ac:dyDescent="0.35">
      <c r="A6010" s="1" t="s">
        <v>23528</v>
      </c>
      <c r="B6010" s="1" t="s">
        <v>20946</v>
      </c>
      <c r="C6010" s="1" t="s">
        <v>20</v>
      </c>
      <c r="D6010" s="1" t="s">
        <v>23538</v>
      </c>
      <c r="E6010" s="1" t="s">
        <v>23539</v>
      </c>
      <c r="F6010" s="1" t="s">
        <v>23540</v>
      </c>
      <c r="G6010" s="1" t="s">
        <v>23532</v>
      </c>
      <c r="H6010" s="1" t="s">
        <v>23533</v>
      </c>
      <c r="I6010" s="1" t="s">
        <v>20952</v>
      </c>
      <c r="J6010" s="1" t="s">
        <v>23541</v>
      </c>
    </row>
    <row r="6011" spans="1:10" x14ac:dyDescent="0.35">
      <c r="A6011" s="1" t="s">
        <v>23528</v>
      </c>
      <c r="B6011" s="1" t="s">
        <v>20946</v>
      </c>
      <c r="C6011" s="1" t="s">
        <v>25</v>
      </c>
      <c r="D6011" s="1" t="s">
        <v>23542</v>
      </c>
      <c r="E6011" s="1" t="s">
        <v>23543</v>
      </c>
      <c r="F6011" s="1" t="s">
        <v>23544</v>
      </c>
      <c r="G6011" s="1" t="s">
        <v>23532</v>
      </c>
      <c r="H6011" s="1" t="s">
        <v>23533</v>
      </c>
      <c r="I6011" s="1" t="s">
        <v>20952</v>
      </c>
      <c r="J6011" s="1" t="s">
        <v>23545</v>
      </c>
    </row>
    <row r="6012" spans="1:10" x14ac:dyDescent="0.35">
      <c r="A6012" s="1" t="s">
        <v>23528</v>
      </c>
      <c r="B6012" s="1" t="s">
        <v>20946</v>
      </c>
      <c r="C6012" s="1" t="s">
        <v>30</v>
      </c>
      <c r="D6012" s="1" t="s">
        <v>23546</v>
      </c>
      <c r="E6012" s="1" t="s">
        <v>23547</v>
      </c>
      <c r="F6012" s="1" t="s">
        <v>23548</v>
      </c>
      <c r="G6012" s="1" t="s">
        <v>23532</v>
      </c>
      <c r="H6012" s="1" t="s">
        <v>23533</v>
      </c>
      <c r="I6012" s="1" t="s">
        <v>20952</v>
      </c>
      <c r="J6012" s="1" t="s">
        <v>23549</v>
      </c>
    </row>
    <row r="6013" spans="1:10" x14ac:dyDescent="0.35">
      <c r="A6013" s="1" t="s">
        <v>23528</v>
      </c>
      <c r="B6013" s="1" t="s">
        <v>20946</v>
      </c>
      <c r="C6013" s="1" t="s">
        <v>35</v>
      </c>
      <c r="D6013" s="1" t="s">
        <v>23550</v>
      </c>
      <c r="E6013" s="1" t="s">
        <v>23551</v>
      </c>
      <c r="F6013" s="1" t="s">
        <v>23552</v>
      </c>
      <c r="G6013" s="1" t="s">
        <v>23532</v>
      </c>
      <c r="H6013" s="1" t="s">
        <v>23533</v>
      </c>
      <c r="I6013" s="1" t="s">
        <v>20952</v>
      </c>
      <c r="J6013" s="1" t="s">
        <v>23553</v>
      </c>
    </row>
    <row r="6014" spans="1:10" x14ac:dyDescent="0.35">
      <c r="A6014" s="1" t="s">
        <v>23528</v>
      </c>
      <c r="B6014" s="1" t="s">
        <v>20946</v>
      </c>
      <c r="C6014" s="1" t="s">
        <v>40</v>
      </c>
      <c r="D6014" s="1" t="s">
        <v>23554</v>
      </c>
      <c r="E6014" s="1" t="s">
        <v>23555</v>
      </c>
      <c r="F6014" s="1" t="s">
        <v>23556</v>
      </c>
      <c r="G6014" s="1" t="s">
        <v>23532</v>
      </c>
      <c r="H6014" s="1" t="s">
        <v>23533</v>
      </c>
      <c r="I6014" s="1" t="s">
        <v>20952</v>
      </c>
      <c r="J6014" s="1" t="s">
        <v>23557</v>
      </c>
    </row>
    <row r="6015" spans="1:10" x14ac:dyDescent="0.35">
      <c r="A6015" s="1" t="s">
        <v>23528</v>
      </c>
      <c r="B6015" s="1" t="s">
        <v>20946</v>
      </c>
      <c r="C6015" s="1" t="s">
        <v>45</v>
      </c>
      <c r="D6015" s="1" t="s">
        <v>23558</v>
      </c>
      <c r="E6015" s="1" t="s">
        <v>22699</v>
      </c>
      <c r="F6015" s="1" t="s">
        <v>23559</v>
      </c>
      <c r="G6015" s="1" t="s">
        <v>23532</v>
      </c>
      <c r="H6015" s="1" t="s">
        <v>23533</v>
      </c>
      <c r="I6015" s="1" t="s">
        <v>20952</v>
      </c>
      <c r="J6015" s="1" t="s">
        <v>23560</v>
      </c>
    </row>
    <row r="6016" spans="1:10" x14ac:dyDescent="0.35">
      <c r="A6016" s="1" t="s">
        <v>23528</v>
      </c>
      <c r="B6016" s="1" t="s">
        <v>20946</v>
      </c>
      <c r="C6016" s="1" t="s">
        <v>50</v>
      </c>
      <c r="D6016" s="1" t="s">
        <v>23561</v>
      </c>
      <c r="E6016" s="1" t="s">
        <v>23562</v>
      </c>
      <c r="F6016" s="1" t="s">
        <v>23563</v>
      </c>
      <c r="G6016" s="1" t="s">
        <v>23532</v>
      </c>
      <c r="H6016" s="1" t="s">
        <v>23533</v>
      </c>
      <c r="I6016" s="1" t="s">
        <v>20952</v>
      </c>
      <c r="J6016" s="1" t="s">
        <v>23564</v>
      </c>
    </row>
    <row r="6017" spans="1:10" x14ac:dyDescent="0.35">
      <c r="A6017" s="1" t="s">
        <v>23528</v>
      </c>
      <c r="B6017" s="1" t="s">
        <v>20946</v>
      </c>
      <c r="C6017" s="1" t="s">
        <v>55</v>
      </c>
      <c r="D6017" s="1" t="s">
        <v>23565</v>
      </c>
      <c r="E6017" s="1" t="s">
        <v>23566</v>
      </c>
      <c r="F6017" s="1" t="s">
        <v>23567</v>
      </c>
      <c r="G6017" s="1" t="s">
        <v>23532</v>
      </c>
      <c r="H6017" s="1" t="s">
        <v>23533</v>
      </c>
      <c r="I6017" s="1" t="s">
        <v>20952</v>
      </c>
      <c r="J6017" s="1" t="s">
        <v>23568</v>
      </c>
    </row>
    <row r="6018" spans="1:10" x14ac:dyDescent="0.35">
      <c r="A6018" s="1" t="s">
        <v>23528</v>
      </c>
      <c r="B6018" s="1" t="s">
        <v>20946</v>
      </c>
      <c r="C6018" s="1" t="s">
        <v>60</v>
      </c>
      <c r="D6018" s="1" t="s">
        <v>23569</v>
      </c>
      <c r="E6018" s="1" t="s">
        <v>23570</v>
      </c>
      <c r="F6018" s="1" t="s">
        <v>23571</v>
      </c>
      <c r="G6018" s="1" t="s">
        <v>23532</v>
      </c>
      <c r="H6018" s="1" t="s">
        <v>23533</v>
      </c>
      <c r="I6018" s="1" t="s">
        <v>20952</v>
      </c>
      <c r="J6018" s="1" t="s">
        <v>23572</v>
      </c>
    </row>
    <row r="6019" spans="1:10" x14ac:dyDescent="0.35">
      <c r="A6019" s="1" t="s">
        <v>23528</v>
      </c>
      <c r="B6019" s="1" t="s">
        <v>20946</v>
      </c>
      <c r="C6019" s="1" t="s">
        <v>65</v>
      </c>
      <c r="D6019" s="1" t="s">
        <v>23573</v>
      </c>
      <c r="E6019" s="1" t="s">
        <v>23574</v>
      </c>
      <c r="F6019" s="1" t="s">
        <v>23575</v>
      </c>
      <c r="G6019" s="1" t="s">
        <v>23532</v>
      </c>
      <c r="H6019" s="1" t="s">
        <v>23533</v>
      </c>
      <c r="I6019" s="1" t="s">
        <v>20952</v>
      </c>
      <c r="J6019" s="1" t="s">
        <v>23576</v>
      </c>
    </row>
    <row r="6020" spans="1:10" x14ac:dyDescent="0.35">
      <c r="A6020" s="1" t="s">
        <v>23528</v>
      </c>
      <c r="B6020" s="1" t="s">
        <v>20946</v>
      </c>
      <c r="C6020" s="1" t="s">
        <v>70</v>
      </c>
      <c r="D6020" s="1" t="s">
        <v>23577</v>
      </c>
      <c r="E6020" s="1" t="s">
        <v>23578</v>
      </c>
      <c r="F6020" s="1" t="s">
        <v>23579</v>
      </c>
      <c r="G6020" s="1" t="s">
        <v>23532</v>
      </c>
      <c r="H6020" s="1" t="s">
        <v>23533</v>
      </c>
      <c r="I6020" s="1" t="s">
        <v>20952</v>
      </c>
      <c r="J6020" s="1" t="s">
        <v>23580</v>
      </c>
    </row>
    <row r="6021" spans="1:10" x14ac:dyDescent="0.35">
      <c r="A6021" s="1" t="s">
        <v>23528</v>
      </c>
      <c r="B6021" s="1" t="s">
        <v>20946</v>
      </c>
      <c r="C6021" s="1" t="s">
        <v>75</v>
      </c>
      <c r="D6021" s="1" t="s">
        <v>23581</v>
      </c>
      <c r="E6021" s="1" t="s">
        <v>22731</v>
      </c>
      <c r="F6021" s="1" t="s">
        <v>23582</v>
      </c>
      <c r="G6021" s="1" t="s">
        <v>23532</v>
      </c>
      <c r="H6021" s="1" t="s">
        <v>23533</v>
      </c>
      <c r="I6021" s="1" t="s">
        <v>20952</v>
      </c>
      <c r="J6021" s="1" t="s">
        <v>23583</v>
      </c>
    </row>
    <row r="6022" spans="1:10" x14ac:dyDescent="0.35">
      <c r="A6022" s="1" t="s">
        <v>23528</v>
      </c>
      <c r="B6022" s="1" t="s">
        <v>20946</v>
      </c>
      <c r="C6022" s="1" t="s">
        <v>80</v>
      </c>
      <c r="D6022" s="1" t="s">
        <v>23584</v>
      </c>
      <c r="E6022" s="1" t="s">
        <v>23585</v>
      </c>
      <c r="F6022" s="1" t="s">
        <v>23586</v>
      </c>
      <c r="G6022" s="1" t="s">
        <v>23532</v>
      </c>
      <c r="H6022" s="1" t="s">
        <v>23533</v>
      </c>
      <c r="I6022" s="1" t="s">
        <v>20952</v>
      </c>
      <c r="J6022" s="1" t="s">
        <v>23587</v>
      </c>
    </row>
    <row r="6023" spans="1:10" x14ac:dyDescent="0.35">
      <c r="A6023" s="1" t="s">
        <v>23528</v>
      </c>
      <c r="B6023" s="1" t="s">
        <v>20946</v>
      </c>
      <c r="C6023" s="1" t="s">
        <v>85</v>
      </c>
      <c r="D6023" s="1" t="s">
        <v>23588</v>
      </c>
      <c r="E6023" s="1" t="s">
        <v>23589</v>
      </c>
      <c r="F6023" s="1" t="s">
        <v>23590</v>
      </c>
      <c r="G6023" s="1" t="s">
        <v>23532</v>
      </c>
      <c r="H6023" s="1" t="s">
        <v>23533</v>
      </c>
      <c r="I6023" s="1" t="s">
        <v>20952</v>
      </c>
      <c r="J6023" s="1" t="s">
        <v>23591</v>
      </c>
    </row>
    <row r="6024" spans="1:10" x14ac:dyDescent="0.35">
      <c r="A6024" s="1" t="s">
        <v>23528</v>
      </c>
      <c r="B6024" s="1" t="s">
        <v>20946</v>
      </c>
      <c r="C6024" s="1" t="s">
        <v>90</v>
      </c>
      <c r="D6024" s="1" t="s">
        <v>23592</v>
      </c>
      <c r="E6024" s="1" t="s">
        <v>23593</v>
      </c>
      <c r="F6024" s="1" t="s">
        <v>23594</v>
      </c>
      <c r="G6024" s="1" t="s">
        <v>23532</v>
      </c>
      <c r="H6024" s="1" t="s">
        <v>23533</v>
      </c>
      <c r="I6024" s="1" t="s">
        <v>20952</v>
      </c>
      <c r="J6024" s="1" t="s">
        <v>23595</v>
      </c>
    </row>
    <row r="6025" spans="1:10" x14ac:dyDescent="0.35">
      <c r="A6025" s="1" t="s">
        <v>23528</v>
      </c>
      <c r="B6025" s="1" t="s">
        <v>20946</v>
      </c>
      <c r="C6025" s="1" t="s">
        <v>95</v>
      </c>
      <c r="D6025" s="1" t="s">
        <v>23596</v>
      </c>
      <c r="E6025" s="1" t="s">
        <v>22641</v>
      </c>
      <c r="F6025" s="1" t="s">
        <v>23597</v>
      </c>
      <c r="G6025" s="1" t="s">
        <v>23532</v>
      </c>
      <c r="H6025" s="1" t="s">
        <v>23533</v>
      </c>
      <c r="I6025" s="1" t="s">
        <v>20952</v>
      </c>
      <c r="J6025" s="1" t="s">
        <v>23598</v>
      </c>
    </row>
    <row r="6026" spans="1:10" x14ac:dyDescent="0.35">
      <c r="A6026" s="1" t="s">
        <v>23528</v>
      </c>
      <c r="B6026" s="1" t="s">
        <v>20946</v>
      </c>
      <c r="C6026" s="1" t="s">
        <v>100</v>
      </c>
      <c r="D6026" s="1" t="s">
        <v>23599</v>
      </c>
      <c r="E6026" s="1" t="s">
        <v>23600</v>
      </c>
      <c r="F6026" s="1" t="s">
        <v>23601</v>
      </c>
      <c r="G6026" s="1" t="s">
        <v>23532</v>
      </c>
      <c r="H6026" s="1" t="s">
        <v>23533</v>
      </c>
      <c r="I6026" s="1" t="s">
        <v>20952</v>
      </c>
      <c r="J6026" s="1" t="s">
        <v>23602</v>
      </c>
    </row>
    <row r="6027" spans="1:10" x14ac:dyDescent="0.35">
      <c r="A6027" s="1" t="s">
        <v>23528</v>
      </c>
      <c r="B6027" s="1" t="s">
        <v>20946</v>
      </c>
      <c r="C6027" s="1" t="s">
        <v>105</v>
      </c>
      <c r="D6027" s="1" t="s">
        <v>23603</v>
      </c>
      <c r="E6027" s="1" t="s">
        <v>23604</v>
      </c>
      <c r="F6027" s="1" t="s">
        <v>23605</v>
      </c>
      <c r="G6027" s="1" t="s">
        <v>23532</v>
      </c>
      <c r="H6027" s="1" t="s">
        <v>23533</v>
      </c>
      <c r="I6027" s="1" t="s">
        <v>20952</v>
      </c>
      <c r="J6027" s="1" t="s">
        <v>23606</v>
      </c>
    </row>
    <row r="6028" spans="1:10" x14ac:dyDescent="0.35">
      <c r="A6028" s="1" t="s">
        <v>23528</v>
      </c>
      <c r="B6028" s="1" t="s">
        <v>20946</v>
      </c>
      <c r="C6028" s="1" t="s">
        <v>110</v>
      </c>
      <c r="D6028" s="1" t="s">
        <v>23607</v>
      </c>
      <c r="E6028" s="1" t="s">
        <v>23608</v>
      </c>
      <c r="F6028" s="1" t="s">
        <v>23609</v>
      </c>
      <c r="G6028" s="1" t="s">
        <v>23532</v>
      </c>
      <c r="H6028" s="1" t="s">
        <v>23533</v>
      </c>
      <c r="I6028" s="1" t="s">
        <v>20952</v>
      </c>
      <c r="J6028" s="1" t="s">
        <v>23610</v>
      </c>
    </row>
    <row r="6029" spans="1:10" x14ac:dyDescent="0.35">
      <c r="A6029" s="1" t="s">
        <v>23528</v>
      </c>
      <c r="B6029" s="1" t="s">
        <v>20946</v>
      </c>
      <c r="C6029" s="1" t="s">
        <v>115</v>
      </c>
      <c r="D6029" s="1" t="s">
        <v>23611</v>
      </c>
      <c r="E6029" s="1" t="s">
        <v>23612</v>
      </c>
      <c r="F6029" s="1" t="s">
        <v>23613</v>
      </c>
      <c r="G6029" s="1" t="s">
        <v>23532</v>
      </c>
      <c r="H6029" s="1" t="s">
        <v>23533</v>
      </c>
      <c r="I6029" s="1" t="s">
        <v>20952</v>
      </c>
      <c r="J6029" s="1" t="s">
        <v>23614</v>
      </c>
    </row>
    <row r="6030" spans="1:10" x14ac:dyDescent="0.35">
      <c r="A6030" s="1" t="s">
        <v>23528</v>
      </c>
      <c r="B6030" s="1" t="s">
        <v>20946</v>
      </c>
      <c r="C6030" s="1" t="s">
        <v>120</v>
      </c>
      <c r="D6030" s="1" t="s">
        <v>23615</v>
      </c>
      <c r="E6030" s="1" t="s">
        <v>23616</v>
      </c>
      <c r="F6030" s="1" t="s">
        <v>23544</v>
      </c>
      <c r="G6030" s="1" t="s">
        <v>23532</v>
      </c>
      <c r="H6030" s="1" t="s">
        <v>23533</v>
      </c>
      <c r="I6030" s="1" t="s">
        <v>20952</v>
      </c>
      <c r="J6030" s="1" t="s">
        <v>23617</v>
      </c>
    </row>
    <row r="6031" spans="1:10" x14ac:dyDescent="0.35">
      <c r="A6031" s="1" t="s">
        <v>23528</v>
      </c>
      <c r="B6031" s="1" t="s">
        <v>20946</v>
      </c>
      <c r="C6031" s="1" t="s">
        <v>125</v>
      </c>
      <c r="D6031" s="1" t="s">
        <v>23618</v>
      </c>
      <c r="E6031" s="1" t="s">
        <v>23619</v>
      </c>
      <c r="F6031" s="1" t="s">
        <v>23620</v>
      </c>
      <c r="G6031" s="1" t="s">
        <v>23532</v>
      </c>
      <c r="H6031" s="1" t="s">
        <v>23533</v>
      </c>
      <c r="I6031" s="1" t="s">
        <v>20952</v>
      </c>
      <c r="J6031" s="1" t="s">
        <v>23621</v>
      </c>
    </row>
    <row r="6032" spans="1:10" x14ac:dyDescent="0.35">
      <c r="A6032" s="1" t="s">
        <v>23528</v>
      </c>
      <c r="B6032" s="1" t="s">
        <v>20946</v>
      </c>
      <c r="C6032" s="1" t="s">
        <v>130</v>
      </c>
      <c r="D6032" s="1" t="s">
        <v>23622</v>
      </c>
      <c r="E6032" s="1" t="s">
        <v>23623</v>
      </c>
      <c r="F6032" s="1" t="s">
        <v>23624</v>
      </c>
      <c r="G6032" s="1" t="s">
        <v>23532</v>
      </c>
      <c r="H6032" s="1" t="s">
        <v>23533</v>
      </c>
      <c r="I6032" s="1" t="s">
        <v>20952</v>
      </c>
      <c r="J6032" s="1" t="s">
        <v>23625</v>
      </c>
    </row>
    <row r="6033" spans="1:10" x14ac:dyDescent="0.35">
      <c r="A6033" s="1" t="s">
        <v>23528</v>
      </c>
      <c r="B6033" s="1" t="s">
        <v>20946</v>
      </c>
      <c r="C6033" s="1" t="s">
        <v>135</v>
      </c>
      <c r="D6033" s="1" t="s">
        <v>23626</v>
      </c>
      <c r="E6033" s="1" t="s">
        <v>23627</v>
      </c>
      <c r="F6033" s="1" t="s">
        <v>23628</v>
      </c>
      <c r="G6033" s="1" t="s">
        <v>23532</v>
      </c>
      <c r="H6033" s="1" t="s">
        <v>23533</v>
      </c>
      <c r="I6033" s="1" t="s">
        <v>20952</v>
      </c>
      <c r="J6033" s="1" t="s">
        <v>23629</v>
      </c>
    </row>
    <row r="6034" spans="1:10" x14ac:dyDescent="0.35">
      <c r="A6034" s="1" t="s">
        <v>23528</v>
      </c>
      <c r="B6034" s="1" t="s">
        <v>20946</v>
      </c>
      <c r="C6034" s="1" t="s">
        <v>140</v>
      </c>
      <c r="D6034" s="1" t="s">
        <v>23630</v>
      </c>
      <c r="E6034" s="1" t="s">
        <v>23631</v>
      </c>
      <c r="F6034" s="1" t="s">
        <v>23632</v>
      </c>
      <c r="G6034" s="1" t="s">
        <v>23532</v>
      </c>
      <c r="H6034" s="1" t="s">
        <v>23533</v>
      </c>
      <c r="I6034" s="1" t="s">
        <v>20952</v>
      </c>
      <c r="J6034" s="1" t="s">
        <v>23633</v>
      </c>
    </row>
    <row r="6035" spans="1:10" x14ac:dyDescent="0.35">
      <c r="A6035" s="1" t="s">
        <v>23528</v>
      </c>
      <c r="B6035" s="1" t="s">
        <v>20946</v>
      </c>
      <c r="C6035" s="1" t="s">
        <v>145</v>
      </c>
      <c r="D6035" s="1" t="s">
        <v>23634</v>
      </c>
      <c r="E6035" s="1" t="s">
        <v>23635</v>
      </c>
      <c r="F6035" s="1" t="s">
        <v>23636</v>
      </c>
      <c r="G6035" s="1" t="s">
        <v>23532</v>
      </c>
      <c r="H6035" s="1" t="s">
        <v>23533</v>
      </c>
      <c r="I6035" s="1" t="s">
        <v>20952</v>
      </c>
      <c r="J6035" s="1" t="s">
        <v>23637</v>
      </c>
    </row>
    <row r="6036" spans="1:10" x14ac:dyDescent="0.35">
      <c r="A6036" s="1" t="s">
        <v>23528</v>
      </c>
      <c r="B6036" s="1" t="s">
        <v>20946</v>
      </c>
      <c r="C6036" s="1" t="s">
        <v>150</v>
      </c>
      <c r="D6036" s="1" t="s">
        <v>23638</v>
      </c>
      <c r="E6036" s="1" t="s">
        <v>23639</v>
      </c>
      <c r="F6036" s="1" t="s">
        <v>23640</v>
      </c>
      <c r="G6036" s="1" t="s">
        <v>23532</v>
      </c>
      <c r="H6036" s="1" t="s">
        <v>23533</v>
      </c>
      <c r="I6036" s="1" t="s">
        <v>20952</v>
      </c>
      <c r="J6036" s="1" t="s">
        <v>23641</v>
      </c>
    </row>
    <row r="6037" spans="1:10" x14ac:dyDescent="0.35">
      <c r="A6037" s="1" t="s">
        <v>23528</v>
      </c>
      <c r="B6037" s="1" t="s">
        <v>20946</v>
      </c>
      <c r="C6037" s="1" t="s">
        <v>155</v>
      </c>
      <c r="D6037" s="1" t="s">
        <v>23642</v>
      </c>
      <c r="E6037" s="1" t="s">
        <v>23643</v>
      </c>
      <c r="F6037" s="1" t="s">
        <v>23644</v>
      </c>
      <c r="G6037" s="1" t="s">
        <v>23532</v>
      </c>
      <c r="H6037" s="1" t="s">
        <v>23533</v>
      </c>
      <c r="I6037" s="1" t="s">
        <v>20952</v>
      </c>
      <c r="J6037" s="1" t="s">
        <v>23645</v>
      </c>
    </row>
    <row r="6038" spans="1:10" x14ac:dyDescent="0.35">
      <c r="A6038" s="1" t="s">
        <v>23528</v>
      </c>
      <c r="B6038" s="1" t="s">
        <v>20946</v>
      </c>
      <c r="C6038" s="1" t="s">
        <v>160</v>
      </c>
      <c r="D6038" s="1" t="s">
        <v>23646</v>
      </c>
      <c r="E6038" s="1" t="s">
        <v>23647</v>
      </c>
      <c r="F6038" s="1" t="s">
        <v>23648</v>
      </c>
      <c r="G6038" s="1" t="s">
        <v>23532</v>
      </c>
      <c r="H6038" s="1" t="s">
        <v>23533</v>
      </c>
      <c r="I6038" s="1" t="s">
        <v>20952</v>
      </c>
      <c r="J6038" s="1" t="s">
        <v>23649</v>
      </c>
    </row>
    <row r="6039" spans="1:10" x14ac:dyDescent="0.35">
      <c r="A6039" s="1" t="s">
        <v>23528</v>
      </c>
      <c r="B6039" s="1" t="s">
        <v>20946</v>
      </c>
      <c r="C6039" s="1" t="s">
        <v>165</v>
      </c>
      <c r="D6039" s="1" t="s">
        <v>23650</v>
      </c>
      <c r="E6039" s="1" t="s">
        <v>23651</v>
      </c>
      <c r="F6039" s="1" t="s">
        <v>23652</v>
      </c>
      <c r="G6039" s="1" t="s">
        <v>23532</v>
      </c>
      <c r="H6039" s="1" t="s">
        <v>23533</v>
      </c>
      <c r="I6039" s="1" t="s">
        <v>20952</v>
      </c>
      <c r="J6039" s="1" t="s">
        <v>23653</v>
      </c>
    </row>
    <row r="6040" spans="1:10" x14ac:dyDescent="0.35">
      <c r="A6040" s="1" t="s">
        <v>23528</v>
      </c>
      <c r="B6040" s="1" t="s">
        <v>20946</v>
      </c>
      <c r="C6040" s="1" t="s">
        <v>170</v>
      </c>
      <c r="D6040" s="1" t="s">
        <v>23654</v>
      </c>
      <c r="E6040" s="1" t="s">
        <v>23655</v>
      </c>
      <c r="F6040" s="1" t="s">
        <v>23656</v>
      </c>
      <c r="G6040" s="1" t="s">
        <v>23532</v>
      </c>
      <c r="H6040" s="1" t="s">
        <v>23533</v>
      </c>
      <c r="I6040" s="1" t="s">
        <v>20952</v>
      </c>
      <c r="J6040" s="1" t="s">
        <v>23657</v>
      </c>
    </row>
    <row r="6041" spans="1:10" x14ac:dyDescent="0.35">
      <c r="A6041" s="1" t="s">
        <v>23658</v>
      </c>
      <c r="B6041" s="1" t="s">
        <v>20946</v>
      </c>
      <c r="C6041" s="1" t="s">
        <v>8</v>
      </c>
      <c r="D6041" s="1" t="s">
        <v>23659</v>
      </c>
      <c r="E6041" s="1" t="s">
        <v>23660</v>
      </c>
      <c r="F6041" s="1" t="s">
        <v>23661</v>
      </c>
      <c r="G6041" s="1" t="s">
        <v>23662</v>
      </c>
      <c r="H6041" s="1" t="s">
        <v>23663</v>
      </c>
      <c r="I6041" s="1" t="s">
        <v>20952</v>
      </c>
      <c r="J6041" s="1" t="s">
        <v>13</v>
      </c>
    </row>
    <row r="6042" spans="1:10" x14ac:dyDescent="0.35">
      <c r="A6042" s="1" t="s">
        <v>23658</v>
      </c>
      <c r="B6042" s="1" t="s">
        <v>20946</v>
      </c>
      <c r="C6042" s="1" t="s">
        <v>15</v>
      </c>
      <c r="D6042" s="1" t="s">
        <v>23664</v>
      </c>
      <c r="E6042" s="1" t="s">
        <v>23665</v>
      </c>
      <c r="F6042" s="1" t="s">
        <v>23666</v>
      </c>
      <c r="G6042" s="1" t="s">
        <v>23662</v>
      </c>
      <c r="H6042" s="1" t="s">
        <v>23663</v>
      </c>
      <c r="I6042" s="1" t="s">
        <v>20952</v>
      </c>
      <c r="J6042" s="1" t="s">
        <v>23667</v>
      </c>
    </row>
    <row r="6043" spans="1:10" x14ac:dyDescent="0.35">
      <c r="A6043" s="1" t="s">
        <v>23658</v>
      </c>
      <c r="B6043" s="1" t="s">
        <v>20946</v>
      </c>
      <c r="C6043" s="1" t="s">
        <v>20</v>
      </c>
      <c r="D6043" s="1" t="s">
        <v>23668</v>
      </c>
      <c r="E6043" s="1" t="s">
        <v>23669</v>
      </c>
      <c r="F6043" s="1" t="s">
        <v>23670</v>
      </c>
      <c r="G6043" s="1" t="s">
        <v>23662</v>
      </c>
      <c r="H6043" s="1" t="s">
        <v>23663</v>
      </c>
      <c r="I6043" s="1" t="s">
        <v>20952</v>
      </c>
      <c r="J6043" s="1" t="s">
        <v>23671</v>
      </c>
    </row>
    <row r="6044" spans="1:10" x14ac:dyDescent="0.35">
      <c r="A6044" s="1" t="s">
        <v>23658</v>
      </c>
      <c r="B6044" s="1" t="s">
        <v>20946</v>
      </c>
      <c r="C6044" s="1" t="s">
        <v>25</v>
      </c>
      <c r="D6044" s="1" t="s">
        <v>23672</v>
      </c>
      <c r="E6044" s="1" t="s">
        <v>23673</v>
      </c>
      <c r="F6044" s="1" t="s">
        <v>23674</v>
      </c>
      <c r="G6044" s="1" t="s">
        <v>23662</v>
      </c>
      <c r="H6044" s="1" t="s">
        <v>23663</v>
      </c>
      <c r="I6044" s="1" t="s">
        <v>20952</v>
      </c>
      <c r="J6044" s="1" t="s">
        <v>23675</v>
      </c>
    </row>
    <row r="6045" spans="1:10" x14ac:dyDescent="0.35">
      <c r="A6045" s="1" t="s">
        <v>23658</v>
      </c>
      <c r="B6045" s="1" t="s">
        <v>20946</v>
      </c>
      <c r="C6045" s="1" t="s">
        <v>30</v>
      </c>
      <c r="D6045" s="1" t="s">
        <v>23676</v>
      </c>
      <c r="E6045" s="1" t="s">
        <v>23677</v>
      </c>
      <c r="F6045" s="1" t="s">
        <v>23678</v>
      </c>
      <c r="G6045" s="1" t="s">
        <v>23662</v>
      </c>
      <c r="H6045" s="1" t="s">
        <v>23663</v>
      </c>
      <c r="I6045" s="1" t="s">
        <v>20952</v>
      </c>
      <c r="J6045" s="1" t="s">
        <v>23679</v>
      </c>
    </row>
    <row r="6046" spans="1:10" x14ac:dyDescent="0.35">
      <c r="A6046" s="1" t="s">
        <v>23658</v>
      </c>
      <c r="B6046" s="1" t="s">
        <v>20946</v>
      </c>
      <c r="C6046" s="1" t="s">
        <v>35</v>
      </c>
      <c r="D6046" s="1" t="s">
        <v>23680</v>
      </c>
      <c r="E6046" s="1" t="s">
        <v>23681</v>
      </c>
      <c r="F6046" s="1" t="s">
        <v>23682</v>
      </c>
      <c r="G6046" s="1" t="s">
        <v>23662</v>
      </c>
      <c r="H6046" s="1" t="s">
        <v>23663</v>
      </c>
      <c r="I6046" s="1" t="s">
        <v>20952</v>
      </c>
      <c r="J6046" s="1" t="s">
        <v>23683</v>
      </c>
    </row>
    <row r="6047" spans="1:10" x14ac:dyDescent="0.35">
      <c r="A6047" s="1" t="s">
        <v>23658</v>
      </c>
      <c r="B6047" s="1" t="s">
        <v>20946</v>
      </c>
      <c r="C6047" s="1" t="s">
        <v>40</v>
      </c>
      <c r="D6047" s="1" t="s">
        <v>23684</v>
      </c>
      <c r="E6047" s="1" t="s">
        <v>23685</v>
      </c>
      <c r="F6047" s="1" t="s">
        <v>23686</v>
      </c>
      <c r="G6047" s="1" t="s">
        <v>23662</v>
      </c>
      <c r="H6047" s="1" t="s">
        <v>23663</v>
      </c>
      <c r="I6047" s="1" t="s">
        <v>20952</v>
      </c>
      <c r="J6047" s="1" t="s">
        <v>23687</v>
      </c>
    </row>
    <row r="6048" spans="1:10" x14ac:dyDescent="0.35">
      <c r="A6048" s="1" t="s">
        <v>23658</v>
      </c>
      <c r="B6048" s="1" t="s">
        <v>20946</v>
      </c>
      <c r="C6048" s="1" t="s">
        <v>45</v>
      </c>
      <c r="D6048" s="1" t="s">
        <v>23688</v>
      </c>
      <c r="E6048" s="1" t="s">
        <v>23689</v>
      </c>
      <c r="F6048" s="1" t="s">
        <v>23690</v>
      </c>
      <c r="G6048" s="1" t="s">
        <v>23662</v>
      </c>
      <c r="H6048" s="1" t="s">
        <v>23663</v>
      </c>
      <c r="I6048" s="1" t="s">
        <v>20952</v>
      </c>
      <c r="J6048" s="1" t="s">
        <v>23691</v>
      </c>
    </row>
    <row r="6049" spans="1:10" x14ac:dyDescent="0.35">
      <c r="A6049" s="1" t="s">
        <v>23658</v>
      </c>
      <c r="B6049" s="1" t="s">
        <v>20946</v>
      </c>
      <c r="C6049" s="1" t="s">
        <v>50</v>
      </c>
      <c r="D6049" s="1" t="s">
        <v>23692</v>
      </c>
      <c r="E6049" s="1" t="s">
        <v>23693</v>
      </c>
      <c r="F6049" s="1" t="s">
        <v>12814</v>
      </c>
      <c r="G6049" s="1" t="s">
        <v>23662</v>
      </c>
      <c r="H6049" s="1" t="s">
        <v>23663</v>
      </c>
      <c r="I6049" s="1" t="s">
        <v>20952</v>
      </c>
      <c r="J6049" s="1" t="s">
        <v>23694</v>
      </c>
    </row>
    <row r="6050" spans="1:10" x14ac:dyDescent="0.35">
      <c r="A6050" s="1" t="s">
        <v>23658</v>
      </c>
      <c r="B6050" s="1" t="s">
        <v>20946</v>
      </c>
      <c r="C6050" s="1" t="s">
        <v>55</v>
      </c>
      <c r="D6050" s="1" t="s">
        <v>23695</v>
      </c>
      <c r="E6050" s="1" t="s">
        <v>21219</v>
      </c>
      <c r="F6050" s="1" t="s">
        <v>23696</v>
      </c>
      <c r="G6050" s="1" t="s">
        <v>23662</v>
      </c>
      <c r="H6050" s="1" t="s">
        <v>23663</v>
      </c>
      <c r="I6050" s="1" t="s">
        <v>20952</v>
      </c>
      <c r="J6050" s="1" t="s">
        <v>23697</v>
      </c>
    </row>
    <row r="6051" spans="1:10" x14ac:dyDescent="0.35">
      <c r="A6051" s="1" t="s">
        <v>23658</v>
      </c>
      <c r="B6051" s="1" t="s">
        <v>20946</v>
      </c>
      <c r="C6051" s="1" t="s">
        <v>60</v>
      </c>
      <c r="D6051" s="1" t="s">
        <v>23698</v>
      </c>
      <c r="E6051" s="1" t="s">
        <v>23699</v>
      </c>
      <c r="F6051" s="1" t="s">
        <v>23700</v>
      </c>
      <c r="G6051" s="1" t="s">
        <v>23662</v>
      </c>
      <c r="H6051" s="1" t="s">
        <v>23663</v>
      </c>
      <c r="I6051" s="1" t="s">
        <v>20952</v>
      </c>
      <c r="J6051" s="1" t="s">
        <v>23701</v>
      </c>
    </row>
    <row r="6052" spans="1:10" x14ac:dyDescent="0.35">
      <c r="A6052" s="1" t="s">
        <v>23658</v>
      </c>
      <c r="B6052" s="1" t="s">
        <v>20946</v>
      </c>
      <c r="C6052" s="1" t="s">
        <v>65</v>
      </c>
      <c r="D6052" s="1" t="s">
        <v>23702</v>
      </c>
      <c r="E6052" s="1" t="s">
        <v>21279</v>
      </c>
      <c r="F6052" s="1" t="s">
        <v>23703</v>
      </c>
      <c r="G6052" s="1" t="s">
        <v>23662</v>
      </c>
      <c r="H6052" s="1" t="s">
        <v>23663</v>
      </c>
      <c r="I6052" s="1" t="s">
        <v>20952</v>
      </c>
      <c r="J6052" s="1" t="s">
        <v>23704</v>
      </c>
    </row>
    <row r="6053" spans="1:10" x14ac:dyDescent="0.35">
      <c r="A6053" s="1" t="s">
        <v>23658</v>
      </c>
      <c r="B6053" s="1" t="s">
        <v>20946</v>
      </c>
      <c r="C6053" s="1" t="s">
        <v>70</v>
      </c>
      <c r="D6053" s="1" t="s">
        <v>23705</v>
      </c>
      <c r="E6053" s="1" t="s">
        <v>23706</v>
      </c>
      <c r="F6053" s="1" t="s">
        <v>23707</v>
      </c>
      <c r="G6053" s="1" t="s">
        <v>23662</v>
      </c>
      <c r="H6053" s="1" t="s">
        <v>23663</v>
      </c>
      <c r="I6053" s="1" t="s">
        <v>20952</v>
      </c>
      <c r="J6053" s="1" t="s">
        <v>23708</v>
      </c>
    </row>
    <row r="6054" spans="1:10" x14ac:dyDescent="0.35">
      <c r="A6054" s="1" t="s">
        <v>23658</v>
      </c>
      <c r="B6054" s="1" t="s">
        <v>20946</v>
      </c>
      <c r="C6054" s="1" t="s">
        <v>75</v>
      </c>
      <c r="D6054" s="1" t="s">
        <v>23709</v>
      </c>
      <c r="E6054" s="1" t="s">
        <v>22632</v>
      </c>
      <c r="F6054" s="1" t="s">
        <v>23710</v>
      </c>
      <c r="G6054" s="1" t="s">
        <v>23662</v>
      </c>
      <c r="H6054" s="1" t="s">
        <v>23663</v>
      </c>
      <c r="I6054" s="1" t="s">
        <v>20952</v>
      </c>
      <c r="J6054" s="1" t="s">
        <v>23711</v>
      </c>
    </row>
    <row r="6055" spans="1:10" x14ac:dyDescent="0.35">
      <c r="A6055" s="1" t="s">
        <v>23658</v>
      </c>
      <c r="B6055" s="1" t="s">
        <v>20946</v>
      </c>
      <c r="C6055" s="1" t="s">
        <v>80</v>
      </c>
      <c r="D6055" s="1" t="s">
        <v>23712</v>
      </c>
      <c r="E6055" s="1" t="s">
        <v>23713</v>
      </c>
      <c r="F6055" s="1" t="s">
        <v>23714</v>
      </c>
      <c r="G6055" s="1" t="s">
        <v>23662</v>
      </c>
      <c r="H6055" s="1" t="s">
        <v>23663</v>
      </c>
      <c r="I6055" s="1" t="s">
        <v>20952</v>
      </c>
      <c r="J6055" s="1" t="s">
        <v>23715</v>
      </c>
    </row>
    <row r="6056" spans="1:10" x14ac:dyDescent="0.35">
      <c r="A6056" s="1" t="s">
        <v>23658</v>
      </c>
      <c r="B6056" s="1" t="s">
        <v>20946</v>
      </c>
      <c r="C6056" s="1" t="s">
        <v>85</v>
      </c>
      <c r="D6056" s="1" t="s">
        <v>23716</v>
      </c>
      <c r="E6056" s="1" t="s">
        <v>23717</v>
      </c>
      <c r="F6056" s="1" t="s">
        <v>23718</v>
      </c>
      <c r="G6056" s="1" t="s">
        <v>23662</v>
      </c>
      <c r="H6056" s="1" t="s">
        <v>23663</v>
      </c>
      <c r="I6056" s="1" t="s">
        <v>20952</v>
      </c>
      <c r="J6056" s="1" t="s">
        <v>23719</v>
      </c>
    </row>
    <row r="6057" spans="1:10" x14ac:dyDescent="0.35">
      <c r="A6057" s="1" t="s">
        <v>23658</v>
      </c>
      <c r="B6057" s="1" t="s">
        <v>20946</v>
      </c>
      <c r="C6057" s="1" t="s">
        <v>90</v>
      </c>
      <c r="D6057" s="1" t="s">
        <v>23720</v>
      </c>
      <c r="E6057" s="1" t="s">
        <v>23721</v>
      </c>
      <c r="F6057" s="1" t="s">
        <v>23722</v>
      </c>
      <c r="G6057" s="1" t="s">
        <v>23662</v>
      </c>
      <c r="H6057" s="1" t="s">
        <v>23663</v>
      </c>
      <c r="I6057" s="1" t="s">
        <v>20952</v>
      </c>
      <c r="J6057" s="1" t="s">
        <v>23723</v>
      </c>
    </row>
    <row r="6058" spans="1:10" x14ac:dyDescent="0.35">
      <c r="A6058" s="1" t="s">
        <v>23658</v>
      </c>
      <c r="B6058" s="1" t="s">
        <v>20946</v>
      </c>
      <c r="C6058" s="1" t="s">
        <v>95</v>
      </c>
      <c r="D6058" s="1" t="s">
        <v>23724</v>
      </c>
      <c r="E6058" s="1" t="s">
        <v>23725</v>
      </c>
      <c r="F6058" s="1" t="s">
        <v>23726</v>
      </c>
      <c r="G6058" s="1" t="s">
        <v>23662</v>
      </c>
      <c r="H6058" s="1" t="s">
        <v>23663</v>
      </c>
      <c r="I6058" s="1" t="s">
        <v>20952</v>
      </c>
      <c r="J6058" s="1" t="s">
        <v>23727</v>
      </c>
    </row>
    <row r="6059" spans="1:10" x14ac:dyDescent="0.35">
      <c r="A6059" s="1" t="s">
        <v>23658</v>
      </c>
      <c r="B6059" s="1" t="s">
        <v>20946</v>
      </c>
      <c r="C6059" s="1" t="s">
        <v>100</v>
      </c>
      <c r="D6059" s="1" t="s">
        <v>23728</v>
      </c>
      <c r="E6059" s="1" t="s">
        <v>23729</v>
      </c>
      <c r="F6059" s="1" t="s">
        <v>23730</v>
      </c>
      <c r="G6059" s="1" t="s">
        <v>23662</v>
      </c>
      <c r="H6059" s="1" t="s">
        <v>23663</v>
      </c>
      <c r="I6059" s="1" t="s">
        <v>20952</v>
      </c>
      <c r="J6059" s="1" t="s">
        <v>23731</v>
      </c>
    </row>
    <row r="6060" spans="1:10" x14ac:dyDescent="0.35">
      <c r="A6060" s="1" t="s">
        <v>23658</v>
      </c>
      <c r="B6060" s="1" t="s">
        <v>20946</v>
      </c>
      <c r="C6060" s="1" t="s">
        <v>105</v>
      </c>
      <c r="D6060" s="1" t="s">
        <v>23732</v>
      </c>
      <c r="E6060" s="1" t="s">
        <v>23733</v>
      </c>
      <c r="F6060" s="1" t="s">
        <v>23734</v>
      </c>
      <c r="G6060" s="1" t="s">
        <v>23662</v>
      </c>
      <c r="H6060" s="1" t="s">
        <v>23663</v>
      </c>
      <c r="I6060" s="1" t="s">
        <v>20952</v>
      </c>
      <c r="J6060" s="1" t="s">
        <v>23735</v>
      </c>
    </row>
    <row r="6061" spans="1:10" x14ac:dyDescent="0.35">
      <c r="A6061" s="1" t="s">
        <v>23658</v>
      </c>
      <c r="B6061" s="1" t="s">
        <v>20946</v>
      </c>
      <c r="C6061" s="1" t="s">
        <v>110</v>
      </c>
      <c r="D6061" s="1" t="s">
        <v>23736</v>
      </c>
      <c r="E6061" s="1" t="s">
        <v>23737</v>
      </c>
      <c r="F6061" s="1" t="s">
        <v>23738</v>
      </c>
      <c r="G6061" s="1" t="s">
        <v>23662</v>
      </c>
      <c r="H6061" s="1" t="s">
        <v>23663</v>
      </c>
      <c r="I6061" s="1" t="s">
        <v>20952</v>
      </c>
      <c r="J6061" s="1" t="s">
        <v>23739</v>
      </c>
    </row>
    <row r="6062" spans="1:10" x14ac:dyDescent="0.35">
      <c r="A6062" s="1" t="s">
        <v>23658</v>
      </c>
      <c r="B6062" s="1" t="s">
        <v>20946</v>
      </c>
      <c r="C6062" s="1" t="s">
        <v>115</v>
      </c>
      <c r="D6062" s="1" t="s">
        <v>23740</v>
      </c>
      <c r="E6062" s="1" t="s">
        <v>23741</v>
      </c>
      <c r="F6062" s="1" t="s">
        <v>23742</v>
      </c>
      <c r="G6062" s="1" t="s">
        <v>23662</v>
      </c>
      <c r="H6062" s="1" t="s">
        <v>23663</v>
      </c>
      <c r="I6062" s="1" t="s">
        <v>20952</v>
      </c>
      <c r="J6062" s="1" t="s">
        <v>23743</v>
      </c>
    </row>
    <row r="6063" spans="1:10" x14ac:dyDescent="0.35">
      <c r="A6063" s="1" t="s">
        <v>23658</v>
      </c>
      <c r="B6063" s="1" t="s">
        <v>20946</v>
      </c>
      <c r="C6063" s="1" t="s">
        <v>120</v>
      </c>
      <c r="D6063" s="1" t="s">
        <v>23744</v>
      </c>
      <c r="E6063" s="1" t="s">
        <v>23745</v>
      </c>
      <c r="F6063" s="1" t="s">
        <v>23746</v>
      </c>
      <c r="G6063" s="1" t="s">
        <v>23662</v>
      </c>
      <c r="H6063" s="1" t="s">
        <v>23663</v>
      </c>
      <c r="I6063" s="1" t="s">
        <v>20952</v>
      </c>
      <c r="J6063" s="1" t="s">
        <v>23747</v>
      </c>
    </row>
    <row r="6064" spans="1:10" x14ac:dyDescent="0.35">
      <c r="A6064" s="1" t="s">
        <v>23658</v>
      </c>
      <c r="B6064" s="1" t="s">
        <v>20946</v>
      </c>
      <c r="C6064" s="1" t="s">
        <v>125</v>
      </c>
      <c r="D6064" s="1" t="s">
        <v>23748</v>
      </c>
      <c r="E6064" s="1" t="s">
        <v>23749</v>
      </c>
      <c r="F6064" s="1" t="s">
        <v>23750</v>
      </c>
      <c r="G6064" s="1" t="s">
        <v>23662</v>
      </c>
      <c r="H6064" s="1" t="s">
        <v>23663</v>
      </c>
      <c r="I6064" s="1" t="s">
        <v>20952</v>
      </c>
      <c r="J6064" s="1" t="s">
        <v>23751</v>
      </c>
    </row>
    <row r="6065" spans="1:10" x14ac:dyDescent="0.35">
      <c r="A6065" s="1" t="s">
        <v>23658</v>
      </c>
      <c r="B6065" s="1" t="s">
        <v>20946</v>
      </c>
      <c r="C6065" s="1" t="s">
        <v>130</v>
      </c>
      <c r="D6065" s="1" t="s">
        <v>23752</v>
      </c>
      <c r="E6065" s="1" t="s">
        <v>23753</v>
      </c>
      <c r="F6065" s="1" t="s">
        <v>15260</v>
      </c>
      <c r="G6065" s="1" t="s">
        <v>23662</v>
      </c>
      <c r="H6065" s="1" t="s">
        <v>23663</v>
      </c>
      <c r="I6065" s="1" t="s">
        <v>20952</v>
      </c>
      <c r="J6065" s="1" t="s">
        <v>23754</v>
      </c>
    </row>
    <row r="6066" spans="1:10" x14ac:dyDescent="0.35">
      <c r="A6066" s="1" t="s">
        <v>23658</v>
      </c>
      <c r="B6066" s="1" t="s">
        <v>20946</v>
      </c>
      <c r="C6066" s="1" t="s">
        <v>135</v>
      </c>
      <c r="D6066" s="1" t="s">
        <v>23755</v>
      </c>
      <c r="E6066" s="1" t="s">
        <v>23756</v>
      </c>
      <c r="F6066" s="1" t="s">
        <v>23757</v>
      </c>
      <c r="G6066" s="1" t="s">
        <v>23662</v>
      </c>
      <c r="H6066" s="1" t="s">
        <v>23663</v>
      </c>
      <c r="I6066" s="1" t="s">
        <v>20952</v>
      </c>
      <c r="J6066" s="1" t="s">
        <v>23758</v>
      </c>
    </row>
    <row r="6067" spans="1:10" x14ac:dyDescent="0.35">
      <c r="A6067" s="1" t="s">
        <v>23658</v>
      </c>
      <c r="B6067" s="1" t="s">
        <v>20946</v>
      </c>
      <c r="C6067" s="1" t="s">
        <v>140</v>
      </c>
      <c r="D6067" s="1" t="s">
        <v>23759</v>
      </c>
      <c r="E6067" s="1" t="s">
        <v>23760</v>
      </c>
      <c r="F6067" s="1" t="s">
        <v>23761</v>
      </c>
      <c r="G6067" s="1" t="s">
        <v>23662</v>
      </c>
      <c r="H6067" s="1" t="s">
        <v>23663</v>
      </c>
      <c r="I6067" s="1" t="s">
        <v>20952</v>
      </c>
      <c r="J6067" s="1" t="s">
        <v>23762</v>
      </c>
    </row>
    <row r="6068" spans="1:10" x14ac:dyDescent="0.35">
      <c r="A6068" s="1" t="s">
        <v>23658</v>
      </c>
      <c r="B6068" s="1" t="s">
        <v>20946</v>
      </c>
      <c r="C6068" s="1" t="s">
        <v>145</v>
      </c>
      <c r="D6068" s="1" t="s">
        <v>23763</v>
      </c>
      <c r="E6068" s="1" t="s">
        <v>23570</v>
      </c>
      <c r="F6068" s="1" t="s">
        <v>23764</v>
      </c>
      <c r="G6068" s="1" t="s">
        <v>23662</v>
      </c>
      <c r="H6068" s="1" t="s">
        <v>23663</v>
      </c>
      <c r="I6068" s="1" t="s">
        <v>20952</v>
      </c>
      <c r="J6068" s="1" t="s">
        <v>23765</v>
      </c>
    </row>
    <row r="6069" spans="1:10" x14ac:dyDescent="0.35">
      <c r="A6069" s="1" t="s">
        <v>23658</v>
      </c>
      <c r="B6069" s="1" t="s">
        <v>20946</v>
      </c>
      <c r="C6069" s="1" t="s">
        <v>150</v>
      </c>
      <c r="D6069" s="1" t="s">
        <v>23766</v>
      </c>
      <c r="E6069" s="1" t="s">
        <v>23767</v>
      </c>
      <c r="F6069" s="1" t="s">
        <v>23768</v>
      </c>
      <c r="G6069" s="1" t="s">
        <v>23662</v>
      </c>
      <c r="H6069" s="1" t="s">
        <v>23663</v>
      </c>
      <c r="I6069" s="1" t="s">
        <v>20952</v>
      </c>
      <c r="J6069" s="1" t="s">
        <v>23769</v>
      </c>
    </row>
    <row r="6070" spans="1:10" x14ac:dyDescent="0.35">
      <c r="A6070" s="1" t="s">
        <v>23658</v>
      </c>
      <c r="B6070" s="1" t="s">
        <v>20946</v>
      </c>
      <c r="C6070" s="1" t="s">
        <v>155</v>
      </c>
      <c r="D6070" s="1" t="s">
        <v>23770</v>
      </c>
      <c r="E6070" s="1" t="s">
        <v>23771</v>
      </c>
      <c r="F6070" s="1" t="s">
        <v>23772</v>
      </c>
      <c r="G6070" s="1" t="s">
        <v>23662</v>
      </c>
      <c r="H6070" s="1" t="s">
        <v>23663</v>
      </c>
      <c r="I6070" s="1" t="s">
        <v>20952</v>
      </c>
      <c r="J6070" s="1" t="s">
        <v>23773</v>
      </c>
    </row>
    <row r="6071" spans="1:10" x14ac:dyDescent="0.35">
      <c r="A6071" s="1" t="s">
        <v>23658</v>
      </c>
      <c r="B6071" s="1" t="s">
        <v>20946</v>
      </c>
      <c r="C6071" s="1" t="s">
        <v>160</v>
      </c>
      <c r="D6071" s="1" t="s">
        <v>23774</v>
      </c>
      <c r="E6071" s="1" t="s">
        <v>23775</v>
      </c>
      <c r="F6071" s="1" t="s">
        <v>23776</v>
      </c>
      <c r="G6071" s="1" t="s">
        <v>23662</v>
      </c>
      <c r="H6071" s="1" t="s">
        <v>23663</v>
      </c>
      <c r="I6071" s="1" t="s">
        <v>20952</v>
      </c>
      <c r="J6071" s="1" t="s">
        <v>23777</v>
      </c>
    </row>
    <row r="6072" spans="1:10" x14ac:dyDescent="0.35">
      <c r="A6072" s="1" t="s">
        <v>23658</v>
      </c>
      <c r="B6072" s="1" t="s">
        <v>20946</v>
      </c>
      <c r="C6072" s="1" t="s">
        <v>165</v>
      </c>
      <c r="D6072" s="1" t="s">
        <v>23778</v>
      </c>
      <c r="E6072" s="1" t="s">
        <v>23779</v>
      </c>
      <c r="F6072" s="1" t="s">
        <v>23780</v>
      </c>
      <c r="G6072" s="1" t="s">
        <v>23662</v>
      </c>
      <c r="H6072" s="1" t="s">
        <v>23663</v>
      </c>
      <c r="I6072" s="1" t="s">
        <v>20952</v>
      </c>
      <c r="J6072" s="1" t="s">
        <v>23781</v>
      </c>
    </row>
    <row r="6073" spans="1:10" x14ac:dyDescent="0.35">
      <c r="A6073" s="1" t="s">
        <v>23658</v>
      </c>
      <c r="B6073" s="1" t="s">
        <v>20946</v>
      </c>
      <c r="C6073" s="1" t="s">
        <v>170</v>
      </c>
      <c r="D6073" s="1" t="s">
        <v>23782</v>
      </c>
      <c r="E6073" s="1" t="s">
        <v>23783</v>
      </c>
      <c r="F6073" s="1" t="s">
        <v>15465</v>
      </c>
      <c r="G6073" s="1" t="s">
        <v>23662</v>
      </c>
      <c r="H6073" s="1" t="s">
        <v>23663</v>
      </c>
      <c r="I6073" s="1" t="s">
        <v>20952</v>
      </c>
      <c r="J6073" s="1" t="s">
        <v>23784</v>
      </c>
    </row>
    <row r="6074" spans="1:10" x14ac:dyDescent="0.35">
      <c r="A6074" s="1" t="s">
        <v>23785</v>
      </c>
      <c r="B6074" s="1" t="s">
        <v>20946</v>
      </c>
      <c r="C6074" s="1" t="s">
        <v>8</v>
      </c>
      <c r="D6074" s="1" t="s">
        <v>23786</v>
      </c>
      <c r="E6074" s="1" t="s">
        <v>23787</v>
      </c>
      <c r="F6074" s="1" t="s">
        <v>23788</v>
      </c>
      <c r="G6074" s="1" t="s">
        <v>23789</v>
      </c>
      <c r="H6074" s="1" t="s">
        <v>23790</v>
      </c>
      <c r="I6074" s="1" t="s">
        <v>20952</v>
      </c>
      <c r="J6074" s="1" t="s">
        <v>13</v>
      </c>
    </row>
    <row r="6075" spans="1:10" x14ac:dyDescent="0.35">
      <c r="A6075" s="1" t="s">
        <v>23785</v>
      </c>
      <c r="B6075" s="1" t="s">
        <v>20946</v>
      </c>
      <c r="C6075" s="1" t="s">
        <v>15</v>
      </c>
      <c r="D6075" s="1" t="s">
        <v>23791</v>
      </c>
      <c r="E6075" s="1" t="s">
        <v>23792</v>
      </c>
      <c r="F6075" s="1" t="s">
        <v>23793</v>
      </c>
      <c r="G6075" s="1" t="s">
        <v>23789</v>
      </c>
      <c r="H6075" s="1" t="s">
        <v>23790</v>
      </c>
      <c r="I6075" s="1" t="s">
        <v>20952</v>
      </c>
      <c r="J6075" s="1" t="s">
        <v>23794</v>
      </c>
    </row>
    <row r="6076" spans="1:10" x14ac:dyDescent="0.35">
      <c r="A6076" s="1" t="s">
        <v>23785</v>
      </c>
      <c r="B6076" s="1" t="s">
        <v>20946</v>
      </c>
      <c r="C6076" s="1" t="s">
        <v>20</v>
      </c>
      <c r="D6076" s="1" t="s">
        <v>23795</v>
      </c>
      <c r="E6076" s="1" t="s">
        <v>23796</v>
      </c>
      <c r="F6076" s="1" t="s">
        <v>23797</v>
      </c>
      <c r="G6076" s="1" t="s">
        <v>23789</v>
      </c>
      <c r="H6076" s="1" t="s">
        <v>23790</v>
      </c>
      <c r="I6076" s="1" t="s">
        <v>20952</v>
      </c>
      <c r="J6076" s="1" t="s">
        <v>23798</v>
      </c>
    </row>
    <row r="6077" spans="1:10" x14ac:dyDescent="0.35">
      <c r="A6077" s="1" t="s">
        <v>23785</v>
      </c>
      <c r="B6077" s="1" t="s">
        <v>20946</v>
      </c>
      <c r="C6077" s="1" t="s">
        <v>25</v>
      </c>
      <c r="D6077" s="1" t="s">
        <v>23799</v>
      </c>
      <c r="E6077" s="1" t="s">
        <v>23800</v>
      </c>
      <c r="F6077" s="1" t="s">
        <v>23801</v>
      </c>
      <c r="G6077" s="1" t="s">
        <v>23789</v>
      </c>
      <c r="H6077" s="1" t="s">
        <v>23790</v>
      </c>
      <c r="I6077" s="1" t="s">
        <v>20952</v>
      </c>
      <c r="J6077" s="1" t="s">
        <v>23802</v>
      </c>
    </row>
    <row r="6078" spans="1:10" x14ac:dyDescent="0.35">
      <c r="A6078" s="1" t="s">
        <v>23785</v>
      </c>
      <c r="B6078" s="1" t="s">
        <v>20946</v>
      </c>
      <c r="C6078" s="1" t="s">
        <v>30</v>
      </c>
      <c r="D6078" s="1" t="s">
        <v>22293</v>
      </c>
      <c r="E6078" s="1" t="s">
        <v>23072</v>
      </c>
      <c r="F6078" s="1" t="s">
        <v>23803</v>
      </c>
      <c r="G6078" s="1" t="s">
        <v>23789</v>
      </c>
      <c r="H6078" s="1" t="s">
        <v>23790</v>
      </c>
      <c r="I6078" s="1" t="s">
        <v>20952</v>
      </c>
      <c r="J6078" s="1" t="s">
        <v>23804</v>
      </c>
    </row>
    <row r="6079" spans="1:10" x14ac:dyDescent="0.35">
      <c r="A6079" s="1" t="s">
        <v>23785</v>
      </c>
      <c r="B6079" s="1" t="s">
        <v>20946</v>
      </c>
      <c r="C6079" s="1" t="s">
        <v>35</v>
      </c>
      <c r="D6079" s="1" t="s">
        <v>23805</v>
      </c>
      <c r="E6079" s="1" t="s">
        <v>23806</v>
      </c>
      <c r="F6079" s="1" t="s">
        <v>23807</v>
      </c>
      <c r="G6079" s="1" t="s">
        <v>23789</v>
      </c>
      <c r="H6079" s="1" t="s">
        <v>23790</v>
      </c>
      <c r="I6079" s="1" t="s">
        <v>20952</v>
      </c>
      <c r="J6079" s="1" t="s">
        <v>23808</v>
      </c>
    </row>
    <row r="6080" spans="1:10" x14ac:dyDescent="0.35">
      <c r="A6080" s="1" t="s">
        <v>23785</v>
      </c>
      <c r="B6080" s="1" t="s">
        <v>20946</v>
      </c>
      <c r="C6080" s="1" t="s">
        <v>40</v>
      </c>
      <c r="D6080" s="1" t="s">
        <v>23809</v>
      </c>
      <c r="E6080" s="1" t="s">
        <v>23810</v>
      </c>
      <c r="F6080" s="1" t="s">
        <v>23811</v>
      </c>
      <c r="G6080" s="1" t="s">
        <v>23789</v>
      </c>
      <c r="H6080" s="1" t="s">
        <v>23790</v>
      </c>
      <c r="I6080" s="1" t="s">
        <v>20952</v>
      </c>
      <c r="J6080" s="1" t="s">
        <v>23812</v>
      </c>
    </row>
    <row r="6081" spans="1:10" x14ac:dyDescent="0.35">
      <c r="A6081" s="1" t="s">
        <v>23785</v>
      </c>
      <c r="B6081" s="1" t="s">
        <v>20946</v>
      </c>
      <c r="C6081" s="1" t="s">
        <v>45</v>
      </c>
      <c r="D6081" s="1" t="s">
        <v>23813</v>
      </c>
      <c r="E6081" s="1" t="s">
        <v>23814</v>
      </c>
      <c r="F6081" s="1" t="s">
        <v>23815</v>
      </c>
      <c r="G6081" s="1" t="s">
        <v>23789</v>
      </c>
      <c r="H6081" s="1" t="s">
        <v>23790</v>
      </c>
      <c r="I6081" s="1" t="s">
        <v>20952</v>
      </c>
      <c r="J6081" s="1" t="s">
        <v>23816</v>
      </c>
    </row>
    <row r="6082" spans="1:10" x14ac:dyDescent="0.35">
      <c r="A6082" s="1" t="s">
        <v>23785</v>
      </c>
      <c r="B6082" s="1" t="s">
        <v>20946</v>
      </c>
      <c r="C6082" s="1" t="s">
        <v>50</v>
      </c>
      <c r="D6082" s="1" t="s">
        <v>23817</v>
      </c>
      <c r="E6082" s="1" t="s">
        <v>23818</v>
      </c>
      <c r="F6082" s="1" t="s">
        <v>23819</v>
      </c>
      <c r="G6082" s="1" t="s">
        <v>23789</v>
      </c>
      <c r="H6082" s="1" t="s">
        <v>23790</v>
      </c>
      <c r="I6082" s="1" t="s">
        <v>20952</v>
      </c>
      <c r="J6082" s="1" t="s">
        <v>23820</v>
      </c>
    </row>
    <row r="6083" spans="1:10" x14ac:dyDescent="0.35">
      <c r="A6083" s="1" t="s">
        <v>23785</v>
      </c>
      <c r="B6083" s="1" t="s">
        <v>20946</v>
      </c>
      <c r="C6083" s="1" t="s">
        <v>55</v>
      </c>
      <c r="D6083" s="1" t="s">
        <v>23821</v>
      </c>
      <c r="E6083" s="1" t="s">
        <v>22014</v>
      </c>
      <c r="F6083" s="1" t="s">
        <v>23822</v>
      </c>
      <c r="G6083" s="1" t="s">
        <v>23789</v>
      </c>
      <c r="H6083" s="1" t="s">
        <v>23790</v>
      </c>
      <c r="I6083" s="1" t="s">
        <v>20952</v>
      </c>
      <c r="J6083" s="1" t="s">
        <v>23823</v>
      </c>
    </row>
    <row r="6084" spans="1:10" x14ac:dyDescent="0.35">
      <c r="A6084" s="1" t="s">
        <v>23785</v>
      </c>
      <c r="B6084" s="1" t="s">
        <v>20946</v>
      </c>
      <c r="C6084" s="1" t="s">
        <v>60</v>
      </c>
      <c r="D6084" s="1" t="s">
        <v>23824</v>
      </c>
      <c r="E6084" s="1" t="s">
        <v>23087</v>
      </c>
      <c r="F6084" s="1" t="s">
        <v>23825</v>
      </c>
      <c r="G6084" s="1" t="s">
        <v>23789</v>
      </c>
      <c r="H6084" s="1" t="s">
        <v>23790</v>
      </c>
      <c r="I6084" s="1" t="s">
        <v>20952</v>
      </c>
      <c r="J6084" s="1" t="s">
        <v>23826</v>
      </c>
    </row>
    <row r="6085" spans="1:10" x14ac:dyDescent="0.35">
      <c r="A6085" s="1" t="s">
        <v>23785</v>
      </c>
      <c r="B6085" s="1" t="s">
        <v>20946</v>
      </c>
      <c r="C6085" s="1" t="s">
        <v>65</v>
      </c>
      <c r="D6085" s="1" t="s">
        <v>23827</v>
      </c>
      <c r="E6085" s="1" t="s">
        <v>23828</v>
      </c>
      <c r="F6085" s="1" t="s">
        <v>23829</v>
      </c>
      <c r="G6085" s="1" t="s">
        <v>23789</v>
      </c>
      <c r="H6085" s="1" t="s">
        <v>23790</v>
      </c>
      <c r="I6085" s="1" t="s">
        <v>20952</v>
      </c>
      <c r="J6085" s="1" t="s">
        <v>23830</v>
      </c>
    </row>
    <row r="6086" spans="1:10" x14ac:dyDescent="0.35">
      <c r="A6086" s="1" t="s">
        <v>23785</v>
      </c>
      <c r="B6086" s="1" t="s">
        <v>20946</v>
      </c>
      <c r="C6086" s="1" t="s">
        <v>70</v>
      </c>
      <c r="D6086" s="1" t="s">
        <v>23831</v>
      </c>
      <c r="E6086" s="1" t="s">
        <v>23832</v>
      </c>
      <c r="F6086" s="1" t="s">
        <v>23833</v>
      </c>
      <c r="G6086" s="1" t="s">
        <v>23789</v>
      </c>
      <c r="H6086" s="1" t="s">
        <v>23790</v>
      </c>
      <c r="I6086" s="1" t="s">
        <v>20952</v>
      </c>
      <c r="J6086" s="1" t="s">
        <v>23834</v>
      </c>
    </row>
    <row r="6087" spans="1:10" x14ac:dyDescent="0.35">
      <c r="A6087" s="1" t="s">
        <v>23785</v>
      </c>
      <c r="B6087" s="1" t="s">
        <v>20946</v>
      </c>
      <c r="C6087" s="1" t="s">
        <v>75</v>
      </c>
      <c r="D6087" s="1" t="s">
        <v>23835</v>
      </c>
      <c r="E6087" s="1" t="s">
        <v>21760</v>
      </c>
      <c r="F6087" s="1" t="s">
        <v>23836</v>
      </c>
      <c r="G6087" s="1" t="s">
        <v>23789</v>
      </c>
      <c r="H6087" s="1" t="s">
        <v>23790</v>
      </c>
      <c r="I6087" s="1" t="s">
        <v>20952</v>
      </c>
      <c r="J6087" s="1" t="s">
        <v>23837</v>
      </c>
    </row>
    <row r="6088" spans="1:10" x14ac:dyDescent="0.35">
      <c r="A6088" s="1" t="s">
        <v>23785</v>
      </c>
      <c r="B6088" s="1" t="s">
        <v>20946</v>
      </c>
      <c r="C6088" s="1" t="s">
        <v>80</v>
      </c>
      <c r="D6088" s="1" t="s">
        <v>23838</v>
      </c>
      <c r="E6088" s="1" t="s">
        <v>23839</v>
      </c>
      <c r="F6088" s="1" t="s">
        <v>23840</v>
      </c>
      <c r="G6088" s="1" t="s">
        <v>23789</v>
      </c>
      <c r="H6088" s="1" t="s">
        <v>23790</v>
      </c>
      <c r="I6088" s="1" t="s">
        <v>20952</v>
      </c>
      <c r="J6088" s="1" t="s">
        <v>23841</v>
      </c>
    </row>
    <row r="6089" spans="1:10" x14ac:dyDescent="0.35">
      <c r="A6089" s="1" t="s">
        <v>23785</v>
      </c>
      <c r="B6089" s="1" t="s">
        <v>20946</v>
      </c>
      <c r="C6089" s="1" t="s">
        <v>85</v>
      </c>
      <c r="D6089" s="1" t="s">
        <v>23842</v>
      </c>
      <c r="E6089" s="1" t="s">
        <v>23843</v>
      </c>
      <c r="F6089" s="1" t="s">
        <v>23844</v>
      </c>
      <c r="G6089" s="1" t="s">
        <v>23789</v>
      </c>
      <c r="H6089" s="1" t="s">
        <v>23790</v>
      </c>
      <c r="I6089" s="1" t="s">
        <v>20952</v>
      </c>
      <c r="J6089" s="1" t="s">
        <v>23845</v>
      </c>
    </row>
    <row r="6090" spans="1:10" x14ac:dyDescent="0.35">
      <c r="A6090" s="1" t="s">
        <v>23785</v>
      </c>
      <c r="B6090" s="1" t="s">
        <v>20946</v>
      </c>
      <c r="C6090" s="1" t="s">
        <v>90</v>
      </c>
      <c r="D6090" s="1" t="s">
        <v>23846</v>
      </c>
      <c r="E6090" s="1" t="s">
        <v>23847</v>
      </c>
      <c r="F6090" s="1" t="s">
        <v>23848</v>
      </c>
      <c r="G6090" s="1" t="s">
        <v>23789</v>
      </c>
      <c r="H6090" s="1" t="s">
        <v>23790</v>
      </c>
      <c r="I6090" s="1" t="s">
        <v>20952</v>
      </c>
      <c r="J6090" s="1" t="s">
        <v>23849</v>
      </c>
    </row>
    <row r="6091" spans="1:10" x14ac:dyDescent="0.35">
      <c r="A6091" s="1" t="s">
        <v>23785</v>
      </c>
      <c r="B6091" s="1" t="s">
        <v>20946</v>
      </c>
      <c r="C6091" s="1" t="s">
        <v>95</v>
      </c>
      <c r="D6091" s="1" t="s">
        <v>23850</v>
      </c>
      <c r="E6091" s="1" t="s">
        <v>23851</v>
      </c>
      <c r="F6091" s="1" t="s">
        <v>23852</v>
      </c>
      <c r="G6091" s="1" t="s">
        <v>23789</v>
      </c>
      <c r="H6091" s="1" t="s">
        <v>23790</v>
      </c>
      <c r="I6091" s="1" t="s">
        <v>20952</v>
      </c>
      <c r="J6091" s="1" t="s">
        <v>23853</v>
      </c>
    </row>
    <row r="6092" spans="1:10" x14ac:dyDescent="0.35">
      <c r="A6092" s="1" t="s">
        <v>23785</v>
      </c>
      <c r="B6092" s="1" t="s">
        <v>20946</v>
      </c>
      <c r="C6092" s="1" t="s">
        <v>100</v>
      </c>
      <c r="D6092" s="1" t="s">
        <v>23854</v>
      </c>
      <c r="E6092" s="1" t="s">
        <v>23855</v>
      </c>
      <c r="F6092" s="1" t="s">
        <v>23856</v>
      </c>
      <c r="G6092" s="1" t="s">
        <v>23789</v>
      </c>
      <c r="H6092" s="1" t="s">
        <v>23790</v>
      </c>
      <c r="I6092" s="1" t="s">
        <v>20952</v>
      </c>
      <c r="J6092" s="1" t="s">
        <v>23857</v>
      </c>
    </row>
    <row r="6093" spans="1:10" x14ac:dyDescent="0.35">
      <c r="A6093" s="1" t="s">
        <v>23785</v>
      </c>
      <c r="B6093" s="1" t="s">
        <v>20946</v>
      </c>
      <c r="C6093" s="1" t="s">
        <v>105</v>
      </c>
      <c r="D6093" s="1" t="s">
        <v>23858</v>
      </c>
      <c r="E6093" s="1" t="s">
        <v>23041</v>
      </c>
      <c r="F6093" s="1" t="s">
        <v>23859</v>
      </c>
      <c r="G6093" s="1" t="s">
        <v>23789</v>
      </c>
      <c r="H6093" s="1" t="s">
        <v>23790</v>
      </c>
      <c r="I6093" s="1" t="s">
        <v>20952</v>
      </c>
      <c r="J6093" s="1" t="s">
        <v>23860</v>
      </c>
    </row>
    <row r="6094" spans="1:10" x14ac:dyDescent="0.35">
      <c r="A6094" s="1" t="s">
        <v>23785</v>
      </c>
      <c r="B6094" s="1" t="s">
        <v>20946</v>
      </c>
      <c r="C6094" s="1" t="s">
        <v>110</v>
      </c>
      <c r="D6094" s="1" t="s">
        <v>23861</v>
      </c>
      <c r="E6094" s="1" t="s">
        <v>23862</v>
      </c>
      <c r="F6094" s="1" t="s">
        <v>23863</v>
      </c>
      <c r="G6094" s="1" t="s">
        <v>23789</v>
      </c>
      <c r="H6094" s="1" t="s">
        <v>23790</v>
      </c>
      <c r="I6094" s="1" t="s">
        <v>20952</v>
      </c>
      <c r="J6094" s="1" t="s">
        <v>23864</v>
      </c>
    </row>
    <row r="6095" spans="1:10" x14ac:dyDescent="0.35">
      <c r="A6095" s="1" t="s">
        <v>23785</v>
      </c>
      <c r="B6095" s="1" t="s">
        <v>20946</v>
      </c>
      <c r="C6095" s="1" t="s">
        <v>115</v>
      </c>
      <c r="D6095" s="1" t="s">
        <v>23865</v>
      </c>
      <c r="E6095" s="1" t="s">
        <v>23866</v>
      </c>
      <c r="F6095" s="1" t="s">
        <v>23867</v>
      </c>
      <c r="G6095" s="1" t="s">
        <v>23789</v>
      </c>
      <c r="H6095" s="1" t="s">
        <v>23790</v>
      </c>
      <c r="I6095" s="1" t="s">
        <v>20952</v>
      </c>
      <c r="J6095" s="1" t="s">
        <v>23868</v>
      </c>
    </row>
    <row r="6096" spans="1:10" x14ac:dyDescent="0.35">
      <c r="A6096" s="1" t="s">
        <v>23785</v>
      </c>
      <c r="B6096" s="1" t="s">
        <v>20946</v>
      </c>
      <c r="C6096" s="1" t="s">
        <v>120</v>
      </c>
      <c r="D6096" s="1" t="s">
        <v>23869</v>
      </c>
      <c r="E6096" s="1" t="s">
        <v>23870</v>
      </c>
      <c r="F6096" s="1" t="s">
        <v>23871</v>
      </c>
      <c r="G6096" s="1" t="s">
        <v>23789</v>
      </c>
      <c r="H6096" s="1" t="s">
        <v>23790</v>
      </c>
      <c r="I6096" s="1" t="s">
        <v>20952</v>
      </c>
      <c r="J6096" s="1" t="s">
        <v>23872</v>
      </c>
    </row>
    <row r="6097" spans="1:10" x14ac:dyDescent="0.35">
      <c r="A6097" s="1" t="s">
        <v>23785</v>
      </c>
      <c r="B6097" s="1" t="s">
        <v>20946</v>
      </c>
      <c r="C6097" s="1" t="s">
        <v>125</v>
      </c>
      <c r="D6097" s="1" t="s">
        <v>23873</v>
      </c>
      <c r="E6097" s="1" t="s">
        <v>23874</v>
      </c>
      <c r="F6097" s="1" t="s">
        <v>23875</v>
      </c>
      <c r="G6097" s="1" t="s">
        <v>23789</v>
      </c>
      <c r="H6097" s="1" t="s">
        <v>23790</v>
      </c>
      <c r="I6097" s="1" t="s">
        <v>20952</v>
      </c>
      <c r="J6097" s="1" t="s">
        <v>23876</v>
      </c>
    </row>
    <row r="6098" spans="1:10" x14ac:dyDescent="0.35">
      <c r="A6098" s="1" t="s">
        <v>23785</v>
      </c>
      <c r="B6098" s="1" t="s">
        <v>20946</v>
      </c>
      <c r="C6098" s="1" t="s">
        <v>130</v>
      </c>
      <c r="D6098" s="1" t="s">
        <v>23877</v>
      </c>
      <c r="E6098" s="1" t="s">
        <v>23878</v>
      </c>
      <c r="F6098" s="1" t="s">
        <v>23879</v>
      </c>
      <c r="G6098" s="1" t="s">
        <v>23789</v>
      </c>
      <c r="H6098" s="1" t="s">
        <v>23790</v>
      </c>
      <c r="I6098" s="1" t="s">
        <v>20952</v>
      </c>
      <c r="J6098" s="1" t="s">
        <v>23880</v>
      </c>
    </row>
    <row r="6099" spans="1:10" x14ac:dyDescent="0.35">
      <c r="A6099" s="1" t="s">
        <v>23785</v>
      </c>
      <c r="B6099" s="1" t="s">
        <v>20946</v>
      </c>
      <c r="C6099" s="1" t="s">
        <v>135</v>
      </c>
      <c r="D6099" s="1" t="s">
        <v>23881</v>
      </c>
      <c r="E6099" s="1" t="s">
        <v>23882</v>
      </c>
      <c r="F6099" s="1" t="s">
        <v>23883</v>
      </c>
      <c r="G6099" s="1" t="s">
        <v>23789</v>
      </c>
      <c r="H6099" s="1" t="s">
        <v>23790</v>
      </c>
      <c r="I6099" s="1" t="s">
        <v>20952</v>
      </c>
      <c r="J6099" s="1" t="s">
        <v>23884</v>
      </c>
    </row>
    <row r="6100" spans="1:10" x14ac:dyDescent="0.35">
      <c r="A6100" s="1" t="s">
        <v>23785</v>
      </c>
      <c r="B6100" s="1" t="s">
        <v>20946</v>
      </c>
      <c r="C6100" s="1" t="s">
        <v>140</v>
      </c>
      <c r="D6100" s="1" t="s">
        <v>23885</v>
      </c>
      <c r="E6100" s="1" t="s">
        <v>23886</v>
      </c>
      <c r="F6100" s="1" t="s">
        <v>23887</v>
      </c>
      <c r="G6100" s="1" t="s">
        <v>23789</v>
      </c>
      <c r="H6100" s="1" t="s">
        <v>23790</v>
      </c>
      <c r="I6100" s="1" t="s">
        <v>20952</v>
      </c>
      <c r="J6100" s="1" t="s">
        <v>23888</v>
      </c>
    </row>
    <row r="6101" spans="1:10" x14ac:dyDescent="0.35">
      <c r="A6101" s="1" t="s">
        <v>23785</v>
      </c>
      <c r="B6101" s="1" t="s">
        <v>20946</v>
      </c>
      <c r="C6101" s="1" t="s">
        <v>145</v>
      </c>
      <c r="D6101" s="1" t="s">
        <v>23889</v>
      </c>
      <c r="E6101" s="1" t="s">
        <v>23890</v>
      </c>
      <c r="F6101" s="1" t="s">
        <v>23891</v>
      </c>
      <c r="G6101" s="1" t="s">
        <v>23789</v>
      </c>
      <c r="H6101" s="1" t="s">
        <v>23790</v>
      </c>
      <c r="I6101" s="1" t="s">
        <v>20952</v>
      </c>
      <c r="J6101" s="1" t="s">
        <v>23892</v>
      </c>
    </row>
    <row r="6102" spans="1:10" x14ac:dyDescent="0.35">
      <c r="A6102" s="1" t="s">
        <v>23785</v>
      </c>
      <c r="B6102" s="1" t="s">
        <v>20946</v>
      </c>
      <c r="C6102" s="1" t="s">
        <v>150</v>
      </c>
      <c r="D6102" s="1" t="s">
        <v>23893</v>
      </c>
      <c r="E6102" s="1" t="s">
        <v>23894</v>
      </c>
      <c r="F6102" s="1" t="s">
        <v>23895</v>
      </c>
      <c r="G6102" s="1" t="s">
        <v>23789</v>
      </c>
      <c r="H6102" s="1" t="s">
        <v>23790</v>
      </c>
      <c r="I6102" s="1" t="s">
        <v>20952</v>
      </c>
      <c r="J6102" s="1" t="s">
        <v>23896</v>
      </c>
    </row>
    <row r="6103" spans="1:10" x14ac:dyDescent="0.35">
      <c r="A6103" s="1" t="s">
        <v>23785</v>
      </c>
      <c r="B6103" s="1" t="s">
        <v>20946</v>
      </c>
      <c r="C6103" s="1" t="s">
        <v>155</v>
      </c>
      <c r="D6103" s="1" t="s">
        <v>23897</v>
      </c>
      <c r="E6103" s="1" t="s">
        <v>23118</v>
      </c>
      <c r="F6103" s="1" t="s">
        <v>13449</v>
      </c>
      <c r="G6103" s="1" t="s">
        <v>23789</v>
      </c>
      <c r="H6103" s="1" t="s">
        <v>23790</v>
      </c>
      <c r="I6103" s="1" t="s">
        <v>20952</v>
      </c>
      <c r="J6103" s="1" t="s">
        <v>23898</v>
      </c>
    </row>
    <row r="6104" spans="1:10" x14ac:dyDescent="0.35">
      <c r="A6104" s="1" t="s">
        <v>23785</v>
      </c>
      <c r="B6104" s="1" t="s">
        <v>20946</v>
      </c>
      <c r="C6104" s="1" t="s">
        <v>160</v>
      </c>
      <c r="D6104" s="1" t="s">
        <v>23899</v>
      </c>
      <c r="E6104" s="1" t="s">
        <v>23087</v>
      </c>
      <c r="F6104" s="1" t="s">
        <v>23900</v>
      </c>
      <c r="G6104" s="1" t="s">
        <v>23789</v>
      </c>
      <c r="H6104" s="1" t="s">
        <v>23790</v>
      </c>
      <c r="I6104" s="1" t="s">
        <v>20952</v>
      </c>
      <c r="J6104" s="1" t="s">
        <v>23901</v>
      </c>
    </row>
    <row r="6105" spans="1:10" x14ac:dyDescent="0.35">
      <c r="A6105" s="1" t="s">
        <v>23785</v>
      </c>
      <c r="B6105" s="1" t="s">
        <v>20946</v>
      </c>
      <c r="C6105" s="1" t="s">
        <v>165</v>
      </c>
      <c r="D6105" s="1" t="s">
        <v>23902</v>
      </c>
      <c r="E6105" s="1" t="s">
        <v>23903</v>
      </c>
      <c r="F6105" s="1" t="s">
        <v>23904</v>
      </c>
      <c r="G6105" s="1" t="s">
        <v>23789</v>
      </c>
      <c r="H6105" s="1" t="s">
        <v>23790</v>
      </c>
      <c r="I6105" s="1" t="s">
        <v>20952</v>
      </c>
      <c r="J6105" s="1" t="s">
        <v>23905</v>
      </c>
    </row>
    <row r="6106" spans="1:10" x14ac:dyDescent="0.35">
      <c r="A6106" s="1" t="s">
        <v>23785</v>
      </c>
      <c r="B6106" s="1" t="s">
        <v>20946</v>
      </c>
      <c r="C6106" s="1" t="s">
        <v>170</v>
      </c>
      <c r="D6106" s="1" t="s">
        <v>23906</v>
      </c>
      <c r="E6106" s="1" t="s">
        <v>21894</v>
      </c>
      <c r="F6106" s="1" t="s">
        <v>23907</v>
      </c>
      <c r="G6106" s="1" t="s">
        <v>23789</v>
      </c>
      <c r="H6106" s="1" t="s">
        <v>23790</v>
      </c>
      <c r="I6106" s="1" t="s">
        <v>20952</v>
      </c>
      <c r="J6106" s="1" t="s">
        <v>23908</v>
      </c>
    </row>
    <row r="6107" spans="1:10" x14ac:dyDescent="0.35">
      <c r="A6107" s="1" t="s">
        <v>23909</v>
      </c>
      <c r="B6107" s="1" t="s">
        <v>20946</v>
      </c>
      <c r="C6107" s="1" t="s">
        <v>8</v>
      </c>
      <c r="D6107" s="1" t="s">
        <v>23910</v>
      </c>
      <c r="E6107" s="1" t="s">
        <v>23911</v>
      </c>
      <c r="F6107" s="1" t="s">
        <v>23912</v>
      </c>
      <c r="G6107" s="1" t="s">
        <v>23913</v>
      </c>
      <c r="H6107" s="1" t="s">
        <v>23914</v>
      </c>
      <c r="I6107" s="1" t="s">
        <v>20952</v>
      </c>
      <c r="J6107" s="1" t="s">
        <v>13</v>
      </c>
    </row>
    <row r="6108" spans="1:10" x14ac:dyDescent="0.35">
      <c r="A6108" s="1" t="s">
        <v>23909</v>
      </c>
      <c r="B6108" s="1" t="s">
        <v>20946</v>
      </c>
      <c r="C6108" s="1" t="s">
        <v>15</v>
      </c>
      <c r="D6108" s="1" t="s">
        <v>23915</v>
      </c>
      <c r="E6108" s="1" t="s">
        <v>23916</v>
      </c>
      <c r="F6108" s="1" t="s">
        <v>23917</v>
      </c>
      <c r="G6108" s="1" t="s">
        <v>23913</v>
      </c>
      <c r="H6108" s="1" t="s">
        <v>23914</v>
      </c>
      <c r="I6108" s="1" t="s">
        <v>20952</v>
      </c>
      <c r="J6108" s="1" t="s">
        <v>23918</v>
      </c>
    </row>
    <row r="6109" spans="1:10" x14ac:dyDescent="0.35">
      <c r="A6109" s="1" t="s">
        <v>23909</v>
      </c>
      <c r="B6109" s="1" t="s">
        <v>20946</v>
      </c>
      <c r="C6109" s="1" t="s">
        <v>20</v>
      </c>
      <c r="D6109" s="1" t="s">
        <v>23919</v>
      </c>
      <c r="E6109" s="1" t="s">
        <v>23920</v>
      </c>
      <c r="F6109" s="1" t="s">
        <v>23921</v>
      </c>
      <c r="G6109" s="1" t="s">
        <v>23913</v>
      </c>
      <c r="H6109" s="1" t="s">
        <v>23914</v>
      </c>
      <c r="I6109" s="1" t="s">
        <v>20952</v>
      </c>
      <c r="J6109" s="1" t="s">
        <v>23922</v>
      </c>
    </row>
    <row r="6110" spans="1:10" x14ac:dyDescent="0.35">
      <c r="A6110" s="1" t="s">
        <v>23909</v>
      </c>
      <c r="B6110" s="1" t="s">
        <v>20946</v>
      </c>
      <c r="C6110" s="1" t="s">
        <v>25</v>
      </c>
      <c r="D6110" s="1" t="s">
        <v>23923</v>
      </c>
      <c r="E6110" s="1" t="s">
        <v>23924</v>
      </c>
      <c r="F6110" s="1" t="s">
        <v>23925</v>
      </c>
      <c r="G6110" s="1" t="s">
        <v>23913</v>
      </c>
      <c r="H6110" s="1" t="s">
        <v>23914</v>
      </c>
      <c r="I6110" s="1" t="s">
        <v>20952</v>
      </c>
      <c r="J6110" s="1" t="s">
        <v>23926</v>
      </c>
    </row>
    <row r="6111" spans="1:10" x14ac:dyDescent="0.35">
      <c r="A6111" s="1" t="s">
        <v>23909</v>
      </c>
      <c r="B6111" s="1" t="s">
        <v>20946</v>
      </c>
      <c r="C6111" s="1" t="s">
        <v>30</v>
      </c>
      <c r="D6111" s="1" t="s">
        <v>23927</v>
      </c>
      <c r="E6111" s="1" t="s">
        <v>23928</v>
      </c>
      <c r="F6111" s="1" t="s">
        <v>23929</v>
      </c>
      <c r="G6111" s="1" t="s">
        <v>23913</v>
      </c>
      <c r="H6111" s="1" t="s">
        <v>23914</v>
      </c>
      <c r="I6111" s="1" t="s">
        <v>20952</v>
      </c>
      <c r="J6111" s="1" t="s">
        <v>23930</v>
      </c>
    </row>
    <row r="6112" spans="1:10" x14ac:dyDescent="0.35">
      <c r="A6112" s="1" t="s">
        <v>23909</v>
      </c>
      <c r="B6112" s="1" t="s">
        <v>20946</v>
      </c>
      <c r="C6112" s="1" t="s">
        <v>35</v>
      </c>
      <c r="D6112" s="1" t="s">
        <v>23931</v>
      </c>
      <c r="E6112" s="1" t="s">
        <v>23932</v>
      </c>
      <c r="F6112" s="1" t="s">
        <v>23933</v>
      </c>
      <c r="G6112" s="1" t="s">
        <v>23913</v>
      </c>
      <c r="H6112" s="1" t="s">
        <v>23914</v>
      </c>
      <c r="I6112" s="1" t="s">
        <v>20952</v>
      </c>
      <c r="J6112" s="1" t="s">
        <v>23934</v>
      </c>
    </row>
    <row r="6113" spans="1:10" x14ac:dyDescent="0.35">
      <c r="A6113" s="1" t="s">
        <v>23909</v>
      </c>
      <c r="B6113" s="1" t="s">
        <v>20946</v>
      </c>
      <c r="C6113" s="1" t="s">
        <v>40</v>
      </c>
      <c r="D6113" s="1" t="s">
        <v>23935</v>
      </c>
      <c r="E6113" s="1" t="s">
        <v>23936</v>
      </c>
      <c r="F6113" s="1" t="s">
        <v>23937</v>
      </c>
      <c r="G6113" s="1" t="s">
        <v>23913</v>
      </c>
      <c r="H6113" s="1" t="s">
        <v>23914</v>
      </c>
      <c r="I6113" s="1" t="s">
        <v>20952</v>
      </c>
      <c r="J6113" s="1" t="s">
        <v>23938</v>
      </c>
    </row>
    <row r="6114" spans="1:10" x14ac:dyDescent="0.35">
      <c r="A6114" s="1" t="s">
        <v>23909</v>
      </c>
      <c r="B6114" s="1" t="s">
        <v>20946</v>
      </c>
      <c r="C6114" s="1" t="s">
        <v>45</v>
      </c>
      <c r="D6114" s="1" t="s">
        <v>23939</v>
      </c>
      <c r="E6114" s="1" t="s">
        <v>23940</v>
      </c>
      <c r="F6114" s="1" t="s">
        <v>23941</v>
      </c>
      <c r="G6114" s="1" t="s">
        <v>23913</v>
      </c>
      <c r="H6114" s="1" t="s">
        <v>23914</v>
      </c>
      <c r="I6114" s="1" t="s">
        <v>20952</v>
      </c>
      <c r="J6114" s="1" t="s">
        <v>23942</v>
      </c>
    </row>
    <row r="6115" spans="1:10" x14ac:dyDescent="0.35">
      <c r="A6115" s="1" t="s">
        <v>23909</v>
      </c>
      <c r="B6115" s="1" t="s">
        <v>20946</v>
      </c>
      <c r="C6115" s="1" t="s">
        <v>50</v>
      </c>
      <c r="D6115" s="1" t="s">
        <v>23943</v>
      </c>
      <c r="E6115" s="1" t="s">
        <v>23944</v>
      </c>
      <c r="F6115" s="1" t="s">
        <v>23945</v>
      </c>
      <c r="G6115" s="1" t="s">
        <v>23913</v>
      </c>
      <c r="H6115" s="1" t="s">
        <v>23914</v>
      </c>
      <c r="I6115" s="1" t="s">
        <v>20952</v>
      </c>
      <c r="J6115" s="1" t="s">
        <v>23946</v>
      </c>
    </row>
    <row r="6116" spans="1:10" x14ac:dyDescent="0.35">
      <c r="A6116" s="1" t="s">
        <v>23909</v>
      </c>
      <c r="B6116" s="1" t="s">
        <v>20946</v>
      </c>
      <c r="C6116" s="1" t="s">
        <v>55</v>
      </c>
      <c r="D6116" s="1" t="s">
        <v>23947</v>
      </c>
      <c r="E6116" s="1" t="s">
        <v>23948</v>
      </c>
      <c r="F6116" s="1" t="s">
        <v>23949</v>
      </c>
      <c r="G6116" s="1" t="s">
        <v>23913</v>
      </c>
      <c r="H6116" s="1" t="s">
        <v>23914</v>
      </c>
      <c r="I6116" s="1" t="s">
        <v>20952</v>
      </c>
      <c r="J6116" s="1" t="s">
        <v>23950</v>
      </c>
    </row>
    <row r="6117" spans="1:10" x14ac:dyDescent="0.35">
      <c r="A6117" s="1" t="s">
        <v>23909</v>
      </c>
      <c r="B6117" s="1" t="s">
        <v>20946</v>
      </c>
      <c r="C6117" s="1" t="s">
        <v>60</v>
      </c>
      <c r="D6117" s="1" t="s">
        <v>23951</v>
      </c>
      <c r="E6117" s="1" t="s">
        <v>23952</v>
      </c>
      <c r="F6117" s="1" t="s">
        <v>23953</v>
      </c>
      <c r="G6117" s="1" t="s">
        <v>23913</v>
      </c>
      <c r="H6117" s="1" t="s">
        <v>23914</v>
      </c>
      <c r="I6117" s="1" t="s">
        <v>20952</v>
      </c>
      <c r="J6117" s="1" t="s">
        <v>23954</v>
      </c>
    </row>
    <row r="6118" spans="1:10" x14ac:dyDescent="0.35">
      <c r="A6118" s="1" t="s">
        <v>23909</v>
      </c>
      <c r="B6118" s="1" t="s">
        <v>20946</v>
      </c>
      <c r="C6118" s="1" t="s">
        <v>65</v>
      </c>
      <c r="D6118" s="1" t="s">
        <v>23955</v>
      </c>
      <c r="E6118" s="1" t="s">
        <v>23956</v>
      </c>
      <c r="F6118" s="1" t="s">
        <v>23957</v>
      </c>
      <c r="G6118" s="1" t="s">
        <v>23913</v>
      </c>
      <c r="H6118" s="1" t="s">
        <v>23914</v>
      </c>
      <c r="I6118" s="1" t="s">
        <v>20952</v>
      </c>
      <c r="J6118" s="1" t="s">
        <v>23958</v>
      </c>
    </row>
    <row r="6119" spans="1:10" x14ac:dyDescent="0.35">
      <c r="A6119" s="1" t="s">
        <v>23909</v>
      </c>
      <c r="B6119" s="1" t="s">
        <v>20946</v>
      </c>
      <c r="C6119" s="1" t="s">
        <v>70</v>
      </c>
      <c r="D6119" s="1" t="s">
        <v>23959</v>
      </c>
      <c r="E6119" s="1" t="s">
        <v>23960</v>
      </c>
      <c r="F6119" s="1" t="s">
        <v>23961</v>
      </c>
      <c r="G6119" s="1" t="s">
        <v>23913</v>
      </c>
      <c r="H6119" s="1" t="s">
        <v>23914</v>
      </c>
      <c r="I6119" s="1" t="s">
        <v>20952</v>
      </c>
      <c r="J6119" s="1" t="s">
        <v>23962</v>
      </c>
    </row>
    <row r="6120" spans="1:10" x14ac:dyDescent="0.35">
      <c r="A6120" s="1" t="s">
        <v>23909</v>
      </c>
      <c r="B6120" s="1" t="s">
        <v>20946</v>
      </c>
      <c r="C6120" s="1" t="s">
        <v>75</v>
      </c>
      <c r="D6120" s="1" t="s">
        <v>23963</v>
      </c>
      <c r="E6120" s="1" t="s">
        <v>23964</v>
      </c>
      <c r="F6120" s="1" t="s">
        <v>23965</v>
      </c>
      <c r="G6120" s="1" t="s">
        <v>23913</v>
      </c>
      <c r="H6120" s="1" t="s">
        <v>23914</v>
      </c>
      <c r="I6120" s="1" t="s">
        <v>20952</v>
      </c>
      <c r="J6120" s="1" t="s">
        <v>23966</v>
      </c>
    </row>
    <row r="6121" spans="1:10" x14ac:dyDescent="0.35">
      <c r="A6121" s="1" t="s">
        <v>23909</v>
      </c>
      <c r="B6121" s="1" t="s">
        <v>20946</v>
      </c>
      <c r="C6121" s="1" t="s">
        <v>80</v>
      </c>
      <c r="D6121" s="1" t="s">
        <v>23967</v>
      </c>
      <c r="E6121" s="1" t="s">
        <v>23924</v>
      </c>
      <c r="F6121" s="1" t="s">
        <v>23968</v>
      </c>
      <c r="G6121" s="1" t="s">
        <v>23913</v>
      </c>
      <c r="H6121" s="1" t="s">
        <v>23914</v>
      </c>
      <c r="I6121" s="1" t="s">
        <v>20952</v>
      </c>
      <c r="J6121" s="1" t="s">
        <v>23969</v>
      </c>
    </row>
    <row r="6122" spans="1:10" x14ac:dyDescent="0.35">
      <c r="A6122" s="1" t="s">
        <v>23909</v>
      </c>
      <c r="B6122" s="1" t="s">
        <v>20946</v>
      </c>
      <c r="C6122" s="1" t="s">
        <v>85</v>
      </c>
      <c r="D6122" s="1" t="s">
        <v>23970</v>
      </c>
      <c r="E6122" s="1" t="s">
        <v>23971</v>
      </c>
      <c r="F6122" s="1" t="s">
        <v>23972</v>
      </c>
      <c r="G6122" s="1" t="s">
        <v>23913</v>
      </c>
      <c r="H6122" s="1" t="s">
        <v>23914</v>
      </c>
      <c r="I6122" s="1" t="s">
        <v>20952</v>
      </c>
      <c r="J6122" s="1" t="s">
        <v>23973</v>
      </c>
    </row>
    <row r="6123" spans="1:10" x14ac:dyDescent="0.35">
      <c r="A6123" s="1" t="s">
        <v>23909</v>
      </c>
      <c r="B6123" s="1" t="s">
        <v>20946</v>
      </c>
      <c r="C6123" s="1" t="s">
        <v>90</v>
      </c>
      <c r="D6123" s="1" t="s">
        <v>23974</v>
      </c>
      <c r="E6123" s="1" t="s">
        <v>23975</v>
      </c>
      <c r="F6123" s="1" t="s">
        <v>23976</v>
      </c>
      <c r="G6123" s="1" t="s">
        <v>23913</v>
      </c>
      <c r="H6123" s="1" t="s">
        <v>23914</v>
      </c>
      <c r="I6123" s="1" t="s">
        <v>20952</v>
      </c>
      <c r="J6123" s="1" t="s">
        <v>23977</v>
      </c>
    </row>
    <row r="6124" spans="1:10" x14ac:dyDescent="0.35">
      <c r="A6124" s="1" t="s">
        <v>23909</v>
      </c>
      <c r="B6124" s="1" t="s">
        <v>20946</v>
      </c>
      <c r="C6124" s="1" t="s">
        <v>95</v>
      </c>
      <c r="D6124" s="1" t="s">
        <v>23978</v>
      </c>
      <c r="E6124" s="1" t="s">
        <v>23979</v>
      </c>
      <c r="F6124" s="1" t="s">
        <v>23980</v>
      </c>
      <c r="G6124" s="1" t="s">
        <v>23913</v>
      </c>
      <c r="H6124" s="1" t="s">
        <v>23914</v>
      </c>
      <c r="I6124" s="1" t="s">
        <v>20952</v>
      </c>
      <c r="J6124" s="1" t="s">
        <v>23981</v>
      </c>
    </row>
    <row r="6125" spans="1:10" x14ac:dyDescent="0.35">
      <c r="A6125" s="1" t="s">
        <v>23909</v>
      </c>
      <c r="B6125" s="1" t="s">
        <v>20946</v>
      </c>
      <c r="C6125" s="1" t="s">
        <v>100</v>
      </c>
      <c r="D6125" s="1" t="s">
        <v>23982</v>
      </c>
      <c r="E6125" s="1" t="s">
        <v>23983</v>
      </c>
      <c r="F6125" s="1" t="s">
        <v>23984</v>
      </c>
      <c r="G6125" s="1" t="s">
        <v>23913</v>
      </c>
      <c r="H6125" s="1" t="s">
        <v>23914</v>
      </c>
      <c r="I6125" s="1" t="s">
        <v>20952</v>
      </c>
      <c r="J6125" s="1" t="s">
        <v>23985</v>
      </c>
    </row>
    <row r="6126" spans="1:10" x14ac:dyDescent="0.35">
      <c r="A6126" s="1" t="s">
        <v>23909</v>
      </c>
      <c r="B6126" s="1" t="s">
        <v>20946</v>
      </c>
      <c r="C6126" s="1" t="s">
        <v>105</v>
      </c>
      <c r="D6126" s="1" t="s">
        <v>23986</v>
      </c>
      <c r="E6126" s="1" t="s">
        <v>23987</v>
      </c>
      <c r="F6126" s="1" t="s">
        <v>23988</v>
      </c>
      <c r="G6126" s="1" t="s">
        <v>23913</v>
      </c>
      <c r="H6126" s="1" t="s">
        <v>23914</v>
      </c>
      <c r="I6126" s="1" t="s">
        <v>20952</v>
      </c>
      <c r="J6126" s="1" t="s">
        <v>23989</v>
      </c>
    </row>
    <row r="6127" spans="1:10" x14ac:dyDescent="0.35">
      <c r="A6127" s="1" t="s">
        <v>23909</v>
      </c>
      <c r="B6127" s="1" t="s">
        <v>20946</v>
      </c>
      <c r="C6127" s="1" t="s">
        <v>110</v>
      </c>
      <c r="D6127" s="1" t="s">
        <v>20039</v>
      </c>
      <c r="E6127" s="1" t="s">
        <v>23990</v>
      </c>
      <c r="F6127" s="1" t="s">
        <v>23991</v>
      </c>
      <c r="G6127" s="1" t="s">
        <v>23913</v>
      </c>
      <c r="H6127" s="1" t="s">
        <v>23914</v>
      </c>
      <c r="I6127" s="1" t="s">
        <v>20952</v>
      </c>
      <c r="J6127" s="1" t="s">
        <v>23992</v>
      </c>
    </row>
    <row r="6128" spans="1:10" x14ac:dyDescent="0.35">
      <c r="A6128" s="1" t="s">
        <v>23909</v>
      </c>
      <c r="B6128" s="1" t="s">
        <v>20946</v>
      </c>
      <c r="C6128" s="1" t="s">
        <v>115</v>
      </c>
      <c r="D6128" s="1" t="s">
        <v>23993</v>
      </c>
      <c r="E6128" s="1" t="s">
        <v>23994</v>
      </c>
      <c r="F6128" s="1" t="s">
        <v>23995</v>
      </c>
      <c r="G6128" s="1" t="s">
        <v>23913</v>
      </c>
      <c r="H6128" s="1" t="s">
        <v>23914</v>
      </c>
      <c r="I6128" s="1" t="s">
        <v>20952</v>
      </c>
      <c r="J6128" s="1" t="s">
        <v>23996</v>
      </c>
    </row>
    <row r="6129" spans="1:10" x14ac:dyDescent="0.35">
      <c r="A6129" s="1" t="s">
        <v>23909</v>
      </c>
      <c r="B6129" s="1" t="s">
        <v>20946</v>
      </c>
      <c r="C6129" s="1" t="s">
        <v>120</v>
      </c>
      <c r="D6129" s="1" t="s">
        <v>23997</v>
      </c>
      <c r="E6129" s="1" t="s">
        <v>23998</v>
      </c>
      <c r="F6129" s="1" t="s">
        <v>23999</v>
      </c>
      <c r="G6129" s="1" t="s">
        <v>23913</v>
      </c>
      <c r="H6129" s="1" t="s">
        <v>23914</v>
      </c>
      <c r="I6129" s="1" t="s">
        <v>20952</v>
      </c>
      <c r="J6129" s="1" t="s">
        <v>24000</v>
      </c>
    </row>
    <row r="6130" spans="1:10" x14ac:dyDescent="0.35">
      <c r="A6130" s="1" t="s">
        <v>23909</v>
      </c>
      <c r="B6130" s="1" t="s">
        <v>20946</v>
      </c>
      <c r="C6130" s="1" t="s">
        <v>125</v>
      </c>
      <c r="D6130" s="1" t="s">
        <v>24001</v>
      </c>
      <c r="E6130" s="1" t="s">
        <v>24002</v>
      </c>
      <c r="F6130" s="1" t="s">
        <v>24003</v>
      </c>
      <c r="G6130" s="1" t="s">
        <v>23913</v>
      </c>
      <c r="H6130" s="1" t="s">
        <v>23914</v>
      </c>
      <c r="I6130" s="1" t="s">
        <v>20952</v>
      </c>
      <c r="J6130" s="1" t="s">
        <v>24004</v>
      </c>
    </row>
    <row r="6131" spans="1:10" x14ac:dyDescent="0.35">
      <c r="A6131" s="1" t="s">
        <v>23909</v>
      </c>
      <c r="B6131" s="1" t="s">
        <v>20946</v>
      </c>
      <c r="C6131" s="1" t="s">
        <v>130</v>
      </c>
      <c r="D6131" s="1" t="s">
        <v>24005</v>
      </c>
      <c r="E6131" s="1" t="s">
        <v>24006</v>
      </c>
      <c r="F6131" s="1" t="s">
        <v>24007</v>
      </c>
      <c r="G6131" s="1" t="s">
        <v>23913</v>
      </c>
      <c r="H6131" s="1" t="s">
        <v>23914</v>
      </c>
      <c r="I6131" s="1" t="s">
        <v>20952</v>
      </c>
      <c r="J6131" s="1" t="s">
        <v>24008</v>
      </c>
    </row>
    <row r="6132" spans="1:10" x14ac:dyDescent="0.35">
      <c r="A6132" s="1" t="s">
        <v>23909</v>
      </c>
      <c r="B6132" s="1" t="s">
        <v>20946</v>
      </c>
      <c r="C6132" s="1" t="s">
        <v>135</v>
      </c>
      <c r="D6132" s="1" t="s">
        <v>24009</v>
      </c>
      <c r="E6132" s="1" t="s">
        <v>24010</v>
      </c>
      <c r="F6132" s="1" t="s">
        <v>24011</v>
      </c>
      <c r="G6132" s="1" t="s">
        <v>23913</v>
      </c>
      <c r="H6132" s="1" t="s">
        <v>23914</v>
      </c>
      <c r="I6132" s="1" t="s">
        <v>20952</v>
      </c>
      <c r="J6132" s="1" t="s">
        <v>24012</v>
      </c>
    </row>
    <row r="6133" spans="1:10" x14ac:dyDescent="0.35">
      <c r="A6133" s="1" t="s">
        <v>23909</v>
      </c>
      <c r="B6133" s="1" t="s">
        <v>20946</v>
      </c>
      <c r="C6133" s="1" t="s">
        <v>140</v>
      </c>
      <c r="D6133" s="1" t="s">
        <v>24013</v>
      </c>
      <c r="E6133" s="1" t="s">
        <v>24014</v>
      </c>
      <c r="F6133" s="1" t="s">
        <v>24015</v>
      </c>
      <c r="G6133" s="1" t="s">
        <v>23913</v>
      </c>
      <c r="H6133" s="1" t="s">
        <v>23914</v>
      </c>
      <c r="I6133" s="1" t="s">
        <v>20952</v>
      </c>
      <c r="J6133" s="1" t="s">
        <v>24016</v>
      </c>
    </row>
    <row r="6134" spans="1:10" x14ac:dyDescent="0.35">
      <c r="A6134" s="1" t="s">
        <v>23909</v>
      </c>
      <c r="B6134" s="1" t="s">
        <v>20946</v>
      </c>
      <c r="C6134" s="1" t="s">
        <v>145</v>
      </c>
      <c r="D6134" s="1" t="s">
        <v>24017</v>
      </c>
      <c r="E6134" s="1" t="s">
        <v>24018</v>
      </c>
      <c r="F6134" s="1" t="s">
        <v>24019</v>
      </c>
      <c r="G6134" s="1" t="s">
        <v>23913</v>
      </c>
      <c r="H6134" s="1" t="s">
        <v>23914</v>
      </c>
      <c r="I6134" s="1" t="s">
        <v>20952</v>
      </c>
      <c r="J6134" s="1" t="s">
        <v>24020</v>
      </c>
    </row>
    <row r="6135" spans="1:10" x14ac:dyDescent="0.35">
      <c r="A6135" s="1" t="s">
        <v>23909</v>
      </c>
      <c r="B6135" s="1" t="s">
        <v>20946</v>
      </c>
      <c r="C6135" s="1" t="s">
        <v>150</v>
      </c>
      <c r="D6135" s="1" t="s">
        <v>24021</v>
      </c>
      <c r="E6135" s="1" t="s">
        <v>24022</v>
      </c>
      <c r="F6135" s="1" t="s">
        <v>24023</v>
      </c>
      <c r="G6135" s="1" t="s">
        <v>23913</v>
      </c>
      <c r="H6135" s="1" t="s">
        <v>23914</v>
      </c>
      <c r="I6135" s="1" t="s">
        <v>20952</v>
      </c>
      <c r="J6135" s="1" t="s">
        <v>24024</v>
      </c>
    </row>
    <row r="6136" spans="1:10" x14ac:dyDescent="0.35">
      <c r="A6136" s="1" t="s">
        <v>23909</v>
      </c>
      <c r="B6136" s="1" t="s">
        <v>20946</v>
      </c>
      <c r="C6136" s="1" t="s">
        <v>155</v>
      </c>
      <c r="D6136" s="1" t="s">
        <v>24025</v>
      </c>
      <c r="E6136" s="1" t="s">
        <v>24026</v>
      </c>
      <c r="F6136" s="1" t="s">
        <v>24027</v>
      </c>
      <c r="G6136" s="1" t="s">
        <v>23913</v>
      </c>
      <c r="H6136" s="1" t="s">
        <v>23914</v>
      </c>
      <c r="I6136" s="1" t="s">
        <v>20952</v>
      </c>
      <c r="J6136" s="1" t="s">
        <v>24028</v>
      </c>
    </row>
    <row r="6137" spans="1:10" x14ac:dyDescent="0.35">
      <c r="A6137" s="1" t="s">
        <v>23909</v>
      </c>
      <c r="B6137" s="1" t="s">
        <v>20946</v>
      </c>
      <c r="C6137" s="1" t="s">
        <v>160</v>
      </c>
      <c r="D6137" s="1" t="s">
        <v>24029</v>
      </c>
      <c r="E6137" s="1" t="s">
        <v>24030</v>
      </c>
      <c r="F6137" s="1" t="s">
        <v>24031</v>
      </c>
      <c r="G6137" s="1" t="s">
        <v>23913</v>
      </c>
      <c r="H6137" s="1" t="s">
        <v>23914</v>
      </c>
      <c r="I6137" s="1" t="s">
        <v>20952</v>
      </c>
      <c r="J6137" s="1" t="s">
        <v>24032</v>
      </c>
    </row>
    <row r="6138" spans="1:10" x14ac:dyDescent="0.35">
      <c r="A6138" s="1" t="s">
        <v>23909</v>
      </c>
      <c r="B6138" s="1" t="s">
        <v>20946</v>
      </c>
      <c r="C6138" s="1" t="s">
        <v>165</v>
      </c>
      <c r="D6138" s="1" t="s">
        <v>24033</v>
      </c>
      <c r="E6138" s="1" t="s">
        <v>24034</v>
      </c>
      <c r="F6138" s="1" t="s">
        <v>24035</v>
      </c>
      <c r="G6138" s="1" t="s">
        <v>23913</v>
      </c>
      <c r="H6138" s="1" t="s">
        <v>23914</v>
      </c>
      <c r="I6138" s="1" t="s">
        <v>20952</v>
      </c>
      <c r="J6138" s="1" t="s">
        <v>24036</v>
      </c>
    </row>
    <row r="6139" spans="1:10" x14ac:dyDescent="0.35">
      <c r="A6139" s="1" t="s">
        <v>23909</v>
      </c>
      <c r="B6139" s="1" t="s">
        <v>20946</v>
      </c>
      <c r="C6139" s="1" t="s">
        <v>170</v>
      </c>
      <c r="D6139" s="1" t="s">
        <v>24037</v>
      </c>
      <c r="E6139" s="1" t="s">
        <v>24038</v>
      </c>
      <c r="F6139" s="1" t="s">
        <v>24039</v>
      </c>
      <c r="G6139" s="1" t="s">
        <v>23913</v>
      </c>
      <c r="H6139" s="1" t="s">
        <v>23914</v>
      </c>
      <c r="I6139" s="1" t="s">
        <v>20952</v>
      </c>
      <c r="J6139" s="1" t="s">
        <v>24040</v>
      </c>
    </row>
    <row r="6140" spans="1:10" x14ac:dyDescent="0.35">
      <c r="A6140" s="1" t="s">
        <v>24041</v>
      </c>
      <c r="B6140" s="1" t="s">
        <v>20946</v>
      </c>
      <c r="C6140" s="1" t="s">
        <v>8</v>
      </c>
      <c r="D6140" s="1" t="s">
        <v>24042</v>
      </c>
      <c r="E6140" s="1" t="s">
        <v>24043</v>
      </c>
      <c r="F6140" s="1" t="s">
        <v>24044</v>
      </c>
      <c r="G6140" s="1" t="s">
        <v>24045</v>
      </c>
      <c r="H6140" s="1" t="s">
        <v>24046</v>
      </c>
      <c r="I6140" s="1" t="s">
        <v>20952</v>
      </c>
      <c r="J6140" s="1" t="s">
        <v>13</v>
      </c>
    </row>
    <row r="6141" spans="1:10" x14ac:dyDescent="0.35">
      <c r="A6141" s="1" t="s">
        <v>24041</v>
      </c>
      <c r="B6141" s="1" t="s">
        <v>20946</v>
      </c>
      <c r="C6141" s="1" t="s">
        <v>15</v>
      </c>
      <c r="D6141" s="1" t="s">
        <v>24047</v>
      </c>
      <c r="E6141" s="1" t="s">
        <v>24048</v>
      </c>
      <c r="F6141" s="1" t="s">
        <v>24049</v>
      </c>
      <c r="G6141" s="1" t="s">
        <v>24045</v>
      </c>
      <c r="H6141" s="1" t="s">
        <v>24046</v>
      </c>
      <c r="I6141" s="1" t="s">
        <v>20952</v>
      </c>
      <c r="J6141" s="1" t="s">
        <v>24050</v>
      </c>
    </row>
    <row r="6142" spans="1:10" x14ac:dyDescent="0.35">
      <c r="A6142" s="1" t="s">
        <v>24041</v>
      </c>
      <c r="B6142" s="1" t="s">
        <v>20946</v>
      </c>
      <c r="C6142" s="1" t="s">
        <v>20</v>
      </c>
      <c r="D6142" s="1" t="s">
        <v>24051</v>
      </c>
      <c r="E6142" s="1" t="s">
        <v>24052</v>
      </c>
      <c r="F6142" s="1" t="s">
        <v>24053</v>
      </c>
      <c r="G6142" s="1" t="s">
        <v>24045</v>
      </c>
      <c r="H6142" s="1" t="s">
        <v>24046</v>
      </c>
      <c r="I6142" s="1" t="s">
        <v>20952</v>
      </c>
      <c r="J6142" s="1" t="s">
        <v>24054</v>
      </c>
    </row>
    <row r="6143" spans="1:10" x14ac:dyDescent="0.35">
      <c r="A6143" s="1" t="s">
        <v>24041</v>
      </c>
      <c r="B6143" s="1" t="s">
        <v>20946</v>
      </c>
      <c r="C6143" s="1" t="s">
        <v>25</v>
      </c>
      <c r="D6143" s="1" t="s">
        <v>24055</v>
      </c>
      <c r="E6143" s="1" t="s">
        <v>24056</v>
      </c>
      <c r="F6143" s="1" t="s">
        <v>24057</v>
      </c>
      <c r="G6143" s="1" t="s">
        <v>24045</v>
      </c>
      <c r="H6143" s="1" t="s">
        <v>24046</v>
      </c>
      <c r="I6143" s="1" t="s">
        <v>20952</v>
      </c>
      <c r="J6143" s="1" t="s">
        <v>24058</v>
      </c>
    </row>
    <row r="6144" spans="1:10" x14ac:dyDescent="0.35">
      <c r="A6144" s="1" t="s">
        <v>24041</v>
      </c>
      <c r="B6144" s="1" t="s">
        <v>20946</v>
      </c>
      <c r="C6144" s="1" t="s">
        <v>30</v>
      </c>
      <c r="D6144" s="1" t="s">
        <v>22636</v>
      </c>
      <c r="E6144" s="1" t="s">
        <v>24059</v>
      </c>
      <c r="F6144" s="1" t="s">
        <v>24060</v>
      </c>
      <c r="G6144" s="1" t="s">
        <v>24045</v>
      </c>
      <c r="H6144" s="1" t="s">
        <v>24046</v>
      </c>
      <c r="I6144" s="1" t="s">
        <v>20952</v>
      </c>
      <c r="J6144" s="1" t="s">
        <v>24061</v>
      </c>
    </row>
    <row r="6145" spans="1:10" x14ac:dyDescent="0.35">
      <c r="A6145" s="1" t="s">
        <v>24041</v>
      </c>
      <c r="B6145" s="1" t="s">
        <v>20946</v>
      </c>
      <c r="C6145" s="1" t="s">
        <v>35</v>
      </c>
      <c r="D6145" s="1" t="s">
        <v>24062</v>
      </c>
      <c r="E6145" s="1" t="s">
        <v>24063</v>
      </c>
      <c r="F6145" s="1" t="s">
        <v>24064</v>
      </c>
      <c r="G6145" s="1" t="s">
        <v>24045</v>
      </c>
      <c r="H6145" s="1" t="s">
        <v>24046</v>
      </c>
      <c r="I6145" s="1" t="s">
        <v>20952</v>
      </c>
      <c r="J6145" s="1" t="s">
        <v>24065</v>
      </c>
    </row>
    <row r="6146" spans="1:10" x14ac:dyDescent="0.35">
      <c r="A6146" s="1" t="s">
        <v>24041</v>
      </c>
      <c r="B6146" s="1" t="s">
        <v>20946</v>
      </c>
      <c r="C6146" s="1" t="s">
        <v>40</v>
      </c>
      <c r="D6146" s="1" t="s">
        <v>11594</v>
      </c>
      <c r="E6146" s="1" t="s">
        <v>24066</v>
      </c>
      <c r="F6146" s="1" t="s">
        <v>24067</v>
      </c>
      <c r="G6146" s="1" t="s">
        <v>24045</v>
      </c>
      <c r="H6146" s="1" t="s">
        <v>24046</v>
      </c>
      <c r="I6146" s="1" t="s">
        <v>20952</v>
      </c>
      <c r="J6146" s="1" t="s">
        <v>24068</v>
      </c>
    </row>
    <row r="6147" spans="1:10" x14ac:dyDescent="0.35">
      <c r="A6147" s="1" t="s">
        <v>24041</v>
      </c>
      <c r="B6147" s="1" t="s">
        <v>20946</v>
      </c>
      <c r="C6147" s="1" t="s">
        <v>45</v>
      </c>
      <c r="D6147" s="1" t="s">
        <v>24069</v>
      </c>
      <c r="E6147" s="1" t="s">
        <v>24070</v>
      </c>
      <c r="F6147" s="1" t="s">
        <v>24071</v>
      </c>
      <c r="G6147" s="1" t="s">
        <v>24045</v>
      </c>
      <c r="H6147" s="1" t="s">
        <v>24046</v>
      </c>
      <c r="I6147" s="1" t="s">
        <v>20952</v>
      </c>
      <c r="J6147" s="1" t="s">
        <v>24072</v>
      </c>
    </row>
    <row r="6148" spans="1:10" x14ac:dyDescent="0.35">
      <c r="A6148" s="1" t="s">
        <v>24041</v>
      </c>
      <c r="B6148" s="1" t="s">
        <v>20946</v>
      </c>
      <c r="C6148" s="1" t="s">
        <v>50</v>
      </c>
      <c r="D6148" s="1" t="s">
        <v>24073</v>
      </c>
      <c r="E6148" s="1" t="s">
        <v>24074</v>
      </c>
      <c r="F6148" s="1" t="s">
        <v>24075</v>
      </c>
      <c r="G6148" s="1" t="s">
        <v>24045</v>
      </c>
      <c r="H6148" s="1" t="s">
        <v>24046</v>
      </c>
      <c r="I6148" s="1" t="s">
        <v>20952</v>
      </c>
      <c r="J6148" s="1" t="s">
        <v>24076</v>
      </c>
    </row>
    <row r="6149" spans="1:10" x14ac:dyDescent="0.35">
      <c r="A6149" s="1" t="s">
        <v>24041</v>
      </c>
      <c r="B6149" s="1" t="s">
        <v>20946</v>
      </c>
      <c r="C6149" s="1" t="s">
        <v>55</v>
      </c>
      <c r="D6149" s="1" t="s">
        <v>24077</v>
      </c>
      <c r="E6149" s="1" t="s">
        <v>24078</v>
      </c>
      <c r="F6149" s="1" t="s">
        <v>24079</v>
      </c>
      <c r="G6149" s="1" t="s">
        <v>24045</v>
      </c>
      <c r="H6149" s="1" t="s">
        <v>24046</v>
      </c>
      <c r="I6149" s="1" t="s">
        <v>20952</v>
      </c>
      <c r="J6149" s="1" t="s">
        <v>24080</v>
      </c>
    </row>
    <row r="6150" spans="1:10" x14ac:dyDescent="0.35">
      <c r="A6150" s="1" t="s">
        <v>24041</v>
      </c>
      <c r="B6150" s="1" t="s">
        <v>20946</v>
      </c>
      <c r="C6150" s="1" t="s">
        <v>60</v>
      </c>
      <c r="D6150" s="1" t="s">
        <v>24081</v>
      </c>
      <c r="E6150" s="1" t="s">
        <v>24082</v>
      </c>
      <c r="F6150" s="1" t="s">
        <v>24083</v>
      </c>
      <c r="G6150" s="1" t="s">
        <v>24045</v>
      </c>
      <c r="H6150" s="1" t="s">
        <v>24046</v>
      </c>
      <c r="I6150" s="1" t="s">
        <v>20952</v>
      </c>
      <c r="J6150" s="1" t="s">
        <v>24084</v>
      </c>
    </row>
    <row r="6151" spans="1:10" x14ac:dyDescent="0.35">
      <c r="A6151" s="1" t="s">
        <v>24041</v>
      </c>
      <c r="B6151" s="1" t="s">
        <v>20946</v>
      </c>
      <c r="C6151" s="1" t="s">
        <v>65</v>
      </c>
      <c r="D6151" s="1" t="s">
        <v>24085</v>
      </c>
      <c r="E6151" s="1" t="s">
        <v>24086</v>
      </c>
      <c r="F6151" s="1" t="s">
        <v>24087</v>
      </c>
      <c r="G6151" s="1" t="s">
        <v>24045</v>
      </c>
      <c r="H6151" s="1" t="s">
        <v>24046</v>
      </c>
      <c r="I6151" s="1" t="s">
        <v>20952</v>
      </c>
      <c r="J6151" s="1" t="s">
        <v>24088</v>
      </c>
    </row>
    <row r="6152" spans="1:10" x14ac:dyDescent="0.35">
      <c r="A6152" s="1" t="s">
        <v>24041</v>
      </c>
      <c r="B6152" s="1" t="s">
        <v>20946</v>
      </c>
      <c r="C6152" s="1" t="s">
        <v>70</v>
      </c>
      <c r="D6152" s="1" t="s">
        <v>24089</v>
      </c>
      <c r="E6152" s="1" t="s">
        <v>24090</v>
      </c>
      <c r="F6152" s="1" t="s">
        <v>24091</v>
      </c>
      <c r="G6152" s="1" t="s">
        <v>24045</v>
      </c>
      <c r="H6152" s="1" t="s">
        <v>24046</v>
      </c>
      <c r="I6152" s="1" t="s">
        <v>20952</v>
      </c>
      <c r="J6152" s="1" t="s">
        <v>24092</v>
      </c>
    </row>
    <row r="6153" spans="1:10" x14ac:dyDescent="0.35">
      <c r="A6153" s="1" t="s">
        <v>24041</v>
      </c>
      <c r="B6153" s="1" t="s">
        <v>20946</v>
      </c>
      <c r="C6153" s="1" t="s">
        <v>75</v>
      </c>
      <c r="D6153" s="1" t="s">
        <v>24093</v>
      </c>
      <c r="E6153" s="1" t="s">
        <v>24094</v>
      </c>
      <c r="F6153" s="1" t="s">
        <v>24095</v>
      </c>
      <c r="G6153" s="1" t="s">
        <v>24045</v>
      </c>
      <c r="H6153" s="1" t="s">
        <v>24046</v>
      </c>
      <c r="I6153" s="1" t="s">
        <v>20952</v>
      </c>
      <c r="J6153" s="1" t="s">
        <v>24096</v>
      </c>
    </row>
    <row r="6154" spans="1:10" x14ac:dyDescent="0.35">
      <c r="A6154" s="1" t="s">
        <v>24041</v>
      </c>
      <c r="B6154" s="1" t="s">
        <v>20946</v>
      </c>
      <c r="C6154" s="1" t="s">
        <v>80</v>
      </c>
      <c r="D6154" s="1" t="s">
        <v>24097</v>
      </c>
      <c r="E6154" s="1" t="s">
        <v>24098</v>
      </c>
      <c r="F6154" s="1" t="s">
        <v>24099</v>
      </c>
      <c r="G6154" s="1" t="s">
        <v>24045</v>
      </c>
      <c r="H6154" s="1" t="s">
        <v>24046</v>
      </c>
      <c r="I6154" s="1" t="s">
        <v>20952</v>
      </c>
      <c r="J6154" s="1" t="s">
        <v>24100</v>
      </c>
    </row>
    <row r="6155" spans="1:10" x14ac:dyDescent="0.35">
      <c r="A6155" s="1" t="s">
        <v>24041</v>
      </c>
      <c r="B6155" s="1" t="s">
        <v>20946</v>
      </c>
      <c r="C6155" s="1" t="s">
        <v>85</v>
      </c>
      <c r="D6155" s="1" t="s">
        <v>24101</v>
      </c>
      <c r="E6155" s="1" t="s">
        <v>24102</v>
      </c>
      <c r="F6155" s="1" t="s">
        <v>24103</v>
      </c>
      <c r="G6155" s="1" t="s">
        <v>24045</v>
      </c>
      <c r="H6155" s="1" t="s">
        <v>24046</v>
      </c>
      <c r="I6155" s="1" t="s">
        <v>20952</v>
      </c>
      <c r="J6155" s="1" t="s">
        <v>24104</v>
      </c>
    </row>
    <row r="6156" spans="1:10" x14ac:dyDescent="0.35">
      <c r="A6156" s="1" t="s">
        <v>24041</v>
      </c>
      <c r="B6156" s="1" t="s">
        <v>20946</v>
      </c>
      <c r="C6156" s="1" t="s">
        <v>90</v>
      </c>
      <c r="D6156" s="1" t="s">
        <v>24105</v>
      </c>
      <c r="E6156" s="1" t="s">
        <v>24106</v>
      </c>
      <c r="F6156" s="1" t="s">
        <v>24107</v>
      </c>
      <c r="G6156" s="1" t="s">
        <v>24045</v>
      </c>
      <c r="H6156" s="1" t="s">
        <v>24046</v>
      </c>
      <c r="I6156" s="1" t="s">
        <v>20952</v>
      </c>
      <c r="J6156" s="1" t="s">
        <v>24108</v>
      </c>
    </row>
    <row r="6157" spans="1:10" x14ac:dyDescent="0.35">
      <c r="A6157" s="1" t="s">
        <v>24041</v>
      </c>
      <c r="B6157" s="1" t="s">
        <v>20946</v>
      </c>
      <c r="C6157" s="1" t="s">
        <v>95</v>
      </c>
      <c r="D6157" s="1" t="s">
        <v>24109</v>
      </c>
      <c r="E6157" s="1" t="s">
        <v>24110</v>
      </c>
      <c r="F6157" s="1" t="s">
        <v>24111</v>
      </c>
      <c r="G6157" s="1" t="s">
        <v>24045</v>
      </c>
      <c r="H6157" s="1" t="s">
        <v>24046</v>
      </c>
      <c r="I6157" s="1" t="s">
        <v>20952</v>
      </c>
      <c r="J6157" s="1" t="s">
        <v>24112</v>
      </c>
    </row>
    <row r="6158" spans="1:10" x14ac:dyDescent="0.35">
      <c r="A6158" s="1" t="s">
        <v>24041</v>
      </c>
      <c r="B6158" s="1" t="s">
        <v>20946</v>
      </c>
      <c r="C6158" s="1" t="s">
        <v>100</v>
      </c>
      <c r="D6158" s="1" t="s">
        <v>24113</v>
      </c>
      <c r="E6158" s="1" t="s">
        <v>24114</v>
      </c>
      <c r="F6158" s="1" t="s">
        <v>24115</v>
      </c>
      <c r="G6158" s="1" t="s">
        <v>24045</v>
      </c>
      <c r="H6158" s="1" t="s">
        <v>24046</v>
      </c>
      <c r="I6158" s="1" t="s">
        <v>20952</v>
      </c>
      <c r="J6158" s="1" t="s">
        <v>24116</v>
      </c>
    </row>
    <row r="6159" spans="1:10" x14ac:dyDescent="0.35">
      <c r="A6159" s="1" t="s">
        <v>24041</v>
      </c>
      <c r="B6159" s="1" t="s">
        <v>20946</v>
      </c>
      <c r="C6159" s="1" t="s">
        <v>105</v>
      </c>
      <c r="D6159" s="1" t="s">
        <v>24117</v>
      </c>
      <c r="E6159" s="1" t="s">
        <v>24118</v>
      </c>
      <c r="F6159" s="1" t="s">
        <v>24119</v>
      </c>
      <c r="G6159" s="1" t="s">
        <v>24045</v>
      </c>
      <c r="H6159" s="1" t="s">
        <v>24046</v>
      </c>
      <c r="I6159" s="1" t="s">
        <v>20952</v>
      </c>
      <c r="J6159" s="1" t="s">
        <v>24120</v>
      </c>
    </row>
    <row r="6160" spans="1:10" x14ac:dyDescent="0.35">
      <c r="A6160" s="1" t="s">
        <v>24041</v>
      </c>
      <c r="B6160" s="1" t="s">
        <v>20946</v>
      </c>
      <c r="C6160" s="1" t="s">
        <v>110</v>
      </c>
      <c r="D6160" s="1" t="s">
        <v>24121</v>
      </c>
      <c r="E6160" s="1" t="s">
        <v>24122</v>
      </c>
      <c r="F6160" s="1" t="s">
        <v>24123</v>
      </c>
      <c r="G6160" s="1" t="s">
        <v>24045</v>
      </c>
      <c r="H6160" s="1" t="s">
        <v>24046</v>
      </c>
      <c r="I6160" s="1" t="s">
        <v>20952</v>
      </c>
      <c r="J6160" s="1" t="s">
        <v>24124</v>
      </c>
    </row>
    <row r="6161" spans="1:10" x14ac:dyDescent="0.35">
      <c r="A6161" s="1" t="s">
        <v>24041</v>
      </c>
      <c r="B6161" s="1" t="s">
        <v>20946</v>
      </c>
      <c r="C6161" s="1" t="s">
        <v>115</v>
      </c>
      <c r="D6161" s="1" t="s">
        <v>24125</v>
      </c>
      <c r="E6161" s="1" t="s">
        <v>24126</v>
      </c>
      <c r="F6161" s="1" t="s">
        <v>24127</v>
      </c>
      <c r="G6161" s="1" t="s">
        <v>24045</v>
      </c>
      <c r="H6161" s="1" t="s">
        <v>24046</v>
      </c>
      <c r="I6161" s="1" t="s">
        <v>20952</v>
      </c>
      <c r="J6161" s="1" t="s">
        <v>24128</v>
      </c>
    </row>
    <row r="6162" spans="1:10" x14ac:dyDescent="0.35">
      <c r="A6162" s="1" t="s">
        <v>24041</v>
      </c>
      <c r="B6162" s="1" t="s">
        <v>20946</v>
      </c>
      <c r="C6162" s="1" t="s">
        <v>120</v>
      </c>
      <c r="D6162" s="1" t="s">
        <v>24129</v>
      </c>
      <c r="E6162" s="1" t="s">
        <v>24130</v>
      </c>
      <c r="F6162" s="1" t="s">
        <v>24131</v>
      </c>
      <c r="G6162" s="1" t="s">
        <v>24045</v>
      </c>
      <c r="H6162" s="1" t="s">
        <v>24046</v>
      </c>
      <c r="I6162" s="1" t="s">
        <v>20952</v>
      </c>
      <c r="J6162" s="1" t="s">
        <v>24132</v>
      </c>
    </row>
    <row r="6163" spans="1:10" x14ac:dyDescent="0.35">
      <c r="A6163" s="1" t="s">
        <v>24041</v>
      </c>
      <c r="B6163" s="1" t="s">
        <v>20946</v>
      </c>
      <c r="C6163" s="1" t="s">
        <v>125</v>
      </c>
      <c r="D6163" s="1" t="s">
        <v>24133</v>
      </c>
      <c r="E6163" s="1" t="s">
        <v>24134</v>
      </c>
      <c r="F6163" s="1" t="s">
        <v>24135</v>
      </c>
      <c r="G6163" s="1" t="s">
        <v>24045</v>
      </c>
      <c r="H6163" s="1" t="s">
        <v>24046</v>
      </c>
      <c r="I6163" s="1" t="s">
        <v>20952</v>
      </c>
      <c r="J6163" s="1" t="s">
        <v>24136</v>
      </c>
    </row>
    <row r="6164" spans="1:10" x14ac:dyDescent="0.35">
      <c r="A6164" s="1" t="s">
        <v>24041</v>
      </c>
      <c r="B6164" s="1" t="s">
        <v>20946</v>
      </c>
      <c r="C6164" s="1" t="s">
        <v>130</v>
      </c>
      <c r="D6164" s="1" t="s">
        <v>24137</v>
      </c>
      <c r="E6164" s="1" t="s">
        <v>24138</v>
      </c>
      <c r="F6164" s="1" t="s">
        <v>24139</v>
      </c>
      <c r="G6164" s="1" t="s">
        <v>24045</v>
      </c>
      <c r="H6164" s="1" t="s">
        <v>24046</v>
      </c>
      <c r="I6164" s="1" t="s">
        <v>20952</v>
      </c>
      <c r="J6164" s="1" t="s">
        <v>24140</v>
      </c>
    </row>
    <row r="6165" spans="1:10" x14ac:dyDescent="0.35">
      <c r="A6165" s="1" t="s">
        <v>24041</v>
      </c>
      <c r="B6165" s="1" t="s">
        <v>20946</v>
      </c>
      <c r="C6165" s="1" t="s">
        <v>135</v>
      </c>
      <c r="D6165" s="1" t="s">
        <v>20650</v>
      </c>
      <c r="E6165" s="1" t="s">
        <v>24141</v>
      </c>
      <c r="F6165" s="1" t="s">
        <v>24142</v>
      </c>
      <c r="G6165" s="1" t="s">
        <v>24045</v>
      </c>
      <c r="H6165" s="1" t="s">
        <v>24046</v>
      </c>
      <c r="I6165" s="1" t="s">
        <v>20952</v>
      </c>
      <c r="J6165" s="1" t="s">
        <v>24143</v>
      </c>
    </row>
    <row r="6166" spans="1:10" x14ac:dyDescent="0.35">
      <c r="A6166" s="1" t="s">
        <v>24041</v>
      </c>
      <c r="B6166" s="1" t="s">
        <v>20946</v>
      </c>
      <c r="C6166" s="1" t="s">
        <v>140</v>
      </c>
      <c r="D6166" s="1" t="s">
        <v>24144</v>
      </c>
      <c r="E6166" s="1" t="s">
        <v>24145</v>
      </c>
      <c r="F6166" s="1" t="s">
        <v>24146</v>
      </c>
      <c r="G6166" s="1" t="s">
        <v>24045</v>
      </c>
      <c r="H6166" s="1" t="s">
        <v>24046</v>
      </c>
      <c r="I6166" s="1" t="s">
        <v>20952</v>
      </c>
      <c r="J6166" s="1" t="s">
        <v>24147</v>
      </c>
    </row>
    <row r="6167" spans="1:10" x14ac:dyDescent="0.35">
      <c r="A6167" s="1" t="s">
        <v>24041</v>
      </c>
      <c r="B6167" s="1" t="s">
        <v>20946</v>
      </c>
      <c r="C6167" s="1" t="s">
        <v>145</v>
      </c>
      <c r="D6167" s="1" t="s">
        <v>24148</v>
      </c>
      <c r="E6167" s="1" t="s">
        <v>24149</v>
      </c>
      <c r="F6167" s="1" t="s">
        <v>24150</v>
      </c>
      <c r="G6167" s="1" t="s">
        <v>24045</v>
      </c>
      <c r="H6167" s="1" t="s">
        <v>24046</v>
      </c>
      <c r="I6167" s="1" t="s">
        <v>20952</v>
      </c>
      <c r="J6167" s="1" t="s">
        <v>24151</v>
      </c>
    </row>
    <row r="6168" spans="1:10" x14ac:dyDescent="0.35">
      <c r="A6168" s="1" t="s">
        <v>24041</v>
      </c>
      <c r="B6168" s="1" t="s">
        <v>20946</v>
      </c>
      <c r="C6168" s="1" t="s">
        <v>150</v>
      </c>
      <c r="D6168" s="1" t="s">
        <v>24152</v>
      </c>
      <c r="E6168" s="1" t="s">
        <v>24153</v>
      </c>
      <c r="F6168" s="1" t="s">
        <v>24154</v>
      </c>
      <c r="G6168" s="1" t="s">
        <v>24045</v>
      </c>
      <c r="H6168" s="1" t="s">
        <v>24046</v>
      </c>
      <c r="I6168" s="1" t="s">
        <v>20952</v>
      </c>
      <c r="J6168" s="1" t="s">
        <v>24155</v>
      </c>
    </row>
    <row r="6169" spans="1:10" x14ac:dyDescent="0.35">
      <c r="A6169" s="1" t="s">
        <v>24041</v>
      </c>
      <c r="B6169" s="1" t="s">
        <v>20946</v>
      </c>
      <c r="C6169" s="1" t="s">
        <v>155</v>
      </c>
      <c r="D6169" s="1" t="s">
        <v>24156</v>
      </c>
      <c r="E6169" s="1" t="s">
        <v>24157</v>
      </c>
      <c r="F6169" s="1" t="s">
        <v>24158</v>
      </c>
      <c r="G6169" s="1" t="s">
        <v>24045</v>
      </c>
      <c r="H6169" s="1" t="s">
        <v>24046</v>
      </c>
      <c r="I6169" s="1" t="s">
        <v>20952</v>
      </c>
      <c r="J6169" s="1" t="s">
        <v>24159</v>
      </c>
    </row>
    <row r="6170" spans="1:10" x14ac:dyDescent="0.35">
      <c r="A6170" s="1" t="s">
        <v>24041</v>
      </c>
      <c r="B6170" s="1" t="s">
        <v>20946</v>
      </c>
      <c r="C6170" s="1" t="s">
        <v>160</v>
      </c>
      <c r="D6170" s="1" t="s">
        <v>24160</v>
      </c>
      <c r="E6170" s="1" t="s">
        <v>24161</v>
      </c>
      <c r="F6170" s="1" t="s">
        <v>24162</v>
      </c>
      <c r="G6170" s="1" t="s">
        <v>24045</v>
      </c>
      <c r="H6170" s="1" t="s">
        <v>24046</v>
      </c>
      <c r="I6170" s="1" t="s">
        <v>20952</v>
      </c>
      <c r="J6170" s="1" t="s">
        <v>24163</v>
      </c>
    </row>
    <row r="6171" spans="1:10" x14ac:dyDescent="0.35">
      <c r="A6171" s="1" t="s">
        <v>24041</v>
      </c>
      <c r="B6171" s="1" t="s">
        <v>20946</v>
      </c>
      <c r="C6171" s="1" t="s">
        <v>165</v>
      </c>
      <c r="D6171" s="1" t="s">
        <v>24164</v>
      </c>
      <c r="E6171" s="1" t="s">
        <v>24165</v>
      </c>
      <c r="F6171" s="1" t="s">
        <v>24166</v>
      </c>
      <c r="G6171" s="1" t="s">
        <v>24045</v>
      </c>
      <c r="H6171" s="1" t="s">
        <v>24046</v>
      </c>
      <c r="I6171" s="1" t="s">
        <v>20952</v>
      </c>
      <c r="J6171" s="1" t="s">
        <v>24167</v>
      </c>
    </row>
    <row r="6172" spans="1:10" x14ac:dyDescent="0.35">
      <c r="A6172" s="1" t="s">
        <v>24041</v>
      </c>
      <c r="B6172" s="1" t="s">
        <v>20946</v>
      </c>
      <c r="C6172" s="1" t="s">
        <v>170</v>
      </c>
      <c r="D6172" s="1" t="s">
        <v>24168</v>
      </c>
      <c r="E6172" s="1" t="s">
        <v>24169</v>
      </c>
      <c r="F6172" s="1" t="s">
        <v>24170</v>
      </c>
      <c r="G6172" s="1" t="s">
        <v>24045</v>
      </c>
      <c r="H6172" s="1" t="s">
        <v>24046</v>
      </c>
      <c r="I6172" s="1" t="s">
        <v>20952</v>
      </c>
      <c r="J6172" s="1" t="s">
        <v>24171</v>
      </c>
    </row>
    <row r="6173" spans="1:10" x14ac:dyDescent="0.35">
      <c r="A6173" s="1" t="s">
        <v>24172</v>
      </c>
      <c r="B6173" s="1" t="s">
        <v>20946</v>
      </c>
      <c r="C6173" s="1" t="s">
        <v>8</v>
      </c>
      <c r="D6173" s="1" t="s">
        <v>24173</v>
      </c>
      <c r="E6173" s="1" t="s">
        <v>23491</v>
      </c>
      <c r="F6173" s="1" t="s">
        <v>24174</v>
      </c>
      <c r="G6173" s="1" t="s">
        <v>24175</v>
      </c>
      <c r="H6173" s="1" t="s">
        <v>24176</v>
      </c>
      <c r="I6173" s="1" t="s">
        <v>20952</v>
      </c>
      <c r="J6173" s="1" t="s">
        <v>13</v>
      </c>
    </row>
    <row r="6174" spans="1:10" x14ac:dyDescent="0.35">
      <c r="A6174" s="1" t="s">
        <v>24172</v>
      </c>
      <c r="B6174" s="1" t="s">
        <v>20946</v>
      </c>
      <c r="C6174" s="1" t="s">
        <v>15</v>
      </c>
      <c r="D6174" s="1" t="s">
        <v>24177</v>
      </c>
      <c r="E6174" s="1" t="s">
        <v>24178</v>
      </c>
      <c r="F6174" s="1" t="s">
        <v>24179</v>
      </c>
      <c r="G6174" s="1" t="s">
        <v>24175</v>
      </c>
      <c r="H6174" s="1" t="s">
        <v>24176</v>
      </c>
      <c r="I6174" s="1" t="s">
        <v>20952</v>
      </c>
      <c r="J6174" s="1" t="s">
        <v>24180</v>
      </c>
    </row>
    <row r="6175" spans="1:10" x14ac:dyDescent="0.35">
      <c r="A6175" s="1" t="s">
        <v>24172</v>
      </c>
      <c r="B6175" s="1" t="s">
        <v>20946</v>
      </c>
      <c r="C6175" s="1" t="s">
        <v>20</v>
      </c>
      <c r="D6175" s="1" t="s">
        <v>24181</v>
      </c>
      <c r="E6175" s="1" t="s">
        <v>24182</v>
      </c>
      <c r="F6175" s="1" t="s">
        <v>24183</v>
      </c>
      <c r="G6175" s="1" t="s">
        <v>24175</v>
      </c>
      <c r="H6175" s="1" t="s">
        <v>24176</v>
      </c>
      <c r="I6175" s="1" t="s">
        <v>20952</v>
      </c>
      <c r="J6175" s="1" t="s">
        <v>24184</v>
      </c>
    </row>
    <row r="6176" spans="1:10" x14ac:dyDescent="0.35">
      <c r="A6176" s="1" t="s">
        <v>24172</v>
      </c>
      <c r="B6176" s="1" t="s">
        <v>20946</v>
      </c>
      <c r="C6176" s="1" t="s">
        <v>25</v>
      </c>
      <c r="D6176" s="1" t="s">
        <v>24185</v>
      </c>
      <c r="E6176" s="1" t="s">
        <v>12778</v>
      </c>
      <c r="F6176" s="1" t="s">
        <v>24186</v>
      </c>
      <c r="G6176" s="1" t="s">
        <v>24175</v>
      </c>
      <c r="H6176" s="1" t="s">
        <v>24176</v>
      </c>
      <c r="I6176" s="1" t="s">
        <v>20952</v>
      </c>
      <c r="J6176" s="1" t="s">
        <v>24187</v>
      </c>
    </row>
    <row r="6177" spans="1:10" x14ac:dyDescent="0.35">
      <c r="A6177" s="1" t="s">
        <v>24172</v>
      </c>
      <c r="B6177" s="1" t="s">
        <v>20946</v>
      </c>
      <c r="C6177" s="1" t="s">
        <v>30</v>
      </c>
      <c r="D6177" s="1" t="s">
        <v>24188</v>
      </c>
      <c r="E6177" s="1" t="s">
        <v>24189</v>
      </c>
      <c r="F6177" s="1" t="s">
        <v>24190</v>
      </c>
      <c r="G6177" s="1" t="s">
        <v>24175</v>
      </c>
      <c r="H6177" s="1" t="s">
        <v>24176</v>
      </c>
      <c r="I6177" s="1" t="s">
        <v>20952</v>
      </c>
      <c r="J6177" s="1" t="s">
        <v>24191</v>
      </c>
    </row>
    <row r="6178" spans="1:10" x14ac:dyDescent="0.35">
      <c r="A6178" s="1" t="s">
        <v>24172</v>
      </c>
      <c r="B6178" s="1" t="s">
        <v>20946</v>
      </c>
      <c r="C6178" s="1" t="s">
        <v>35</v>
      </c>
      <c r="D6178" s="1" t="s">
        <v>24192</v>
      </c>
      <c r="E6178" s="1" t="s">
        <v>23435</v>
      </c>
      <c r="F6178" s="1" t="s">
        <v>24193</v>
      </c>
      <c r="G6178" s="1" t="s">
        <v>24175</v>
      </c>
      <c r="H6178" s="1" t="s">
        <v>24176</v>
      </c>
      <c r="I6178" s="1" t="s">
        <v>20952</v>
      </c>
      <c r="J6178" s="1" t="s">
        <v>24194</v>
      </c>
    </row>
    <row r="6179" spans="1:10" x14ac:dyDescent="0.35">
      <c r="A6179" s="1" t="s">
        <v>24172</v>
      </c>
      <c r="B6179" s="1" t="s">
        <v>20946</v>
      </c>
      <c r="C6179" s="1" t="s">
        <v>40</v>
      </c>
      <c r="D6179" s="1" t="s">
        <v>24195</v>
      </c>
      <c r="E6179" s="1" t="s">
        <v>23114</v>
      </c>
      <c r="F6179" s="1" t="s">
        <v>22368</v>
      </c>
      <c r="G6179" s="1" t="s">
        <v>24175</v>
      </c>
      <c r="H6179" s="1" t="s">
        <v>24176</v>
      </c>
      <c r="I6179" s="1" t="s">
        <v>20952</v>
      </c>
      <c r="J6179" s="1" t="s">
        <v>24196</v>
      </c>
    </row>
    <row r="6180" spans="1:10" x14ac:dyDescent="0.35">
      <c r="A6180" s="1" t="s">
        <v>24172</v>
      </c>
      <c r="B6180" s="1" t="s">
        <v>20946</v>
      </c>
      <c r="C6180" s="1" t="s">
        <v>45</v>
      </c>
      <c r="D6180" s="1" t="s">
        <v>24197</v>
      </c>
      <c r="E6180" s="1" t="s">
        <v>16146</v>
      </c>
      <c r="F6180" s="1" t="s">
        <v>24198</v>
      </c>
      <c r="G6180" s="1" t="s">
        <v>24175</v>
      </c>
      <c r="H6180" s="1" t="s">
        <v>24176</v>
      </c>
      <c r="I6180" s="1" t="s">
        <v>20952</v>
      </c>
      <c r="J6180" s="1" t="s">
        <v>24199</v>
      </c>
    </row>
    <row r="6181" spans="1:10" x14ac:dyDescent="0.35">
      <c r="A6181" s="1" t="s">
        <v>24172</v>
      </c>
      <c r="B6181" s="1" t="s">
        <v>20946</v>
      </c>
      <c r="C6181" s="1" t="s">
        <v>50</v>
      </c>
      <c r="D6181" s="1" t="s">
        <v>24200</v>
      </c>
      <c r="E6181" s="1" t="s">
        <v>24201</v>
      </c>
      <c r="F6181" s="1" t="s">
        <v>24202</v>
      </c>
      <c r="G6181" s="1" t="s">
        <v>24175</v>
      </c>
      <c r="H6181" s="1" t="s">
        <v>24176</v>
      </c>
      <c r="I6181" s="1" t="s">
        <v>20952</v>
      </c>
      <c r="J6181" s="1" t="s">
        <v>24203</v>
      </c>
    </row>
    <row r="6182" spans="1:10" x14ac:dyDescent="0.35">
      <c r="A6182" s="1" t="s">
        <v>24172</v>
      </c>
      <c r="B6182" s="1" t="s">
        <v>20946</v>
      </c>
      <c r="C6182" s="1" t="s">
        <v>55</v>
      </c>
      <c r="D6182" s="1" t="s">
        <v>24204</v>
      </c>
      <c r="E6182" s="1" t="s">
        <v>24205</v>
      </c>
      <c r="F6182" s="1" t="s">
        <v>24206</v>
      </c>
      <c r="G6182" s="1" t="s">
        <v>24175</v>
      </c>
      <c r="H6182" s="1" t="s">
        <v>24176</v>
      </c>
      <c r="I6182" s="1" t="s">
        <v>20952</v>
      </c>
      <c r="J6182" s="1" t="s">
        <v>24207</v>
      </c>
    </row>
    <row r="6183" spans="1:10" x14ac:dyDescent="0.35">
      <c r="A6183" s="1" t="s">
        <v>24172</v>
      </c>
      <c r="B6183" s="1" t="s">
        <v>20946</v>
      </c>
      <c r="C6183" s="1" t="s">
        <v>60</v>
      </c>
      <c r="D6183" s="1" t="s">
        <v>24208</v>
      </c>
      <c r="E6183" s="1" t="s">
        <v>24209</v>
      </c>
      <c r="F6183" s="1" t="s">
        <v>24210</v>
      </c>
      <c r="G6183" s="1" t="s">
        <v>24175</v>
      </c>
      <c r="H6183" s="1" t="s">
        <v>24176</v>
      </c>
      <c r="I6183" s="1" t="s">
        <v>20952</v>
      </c>
      <c r="J6183" s="1" t="s">
        <v>24211</v>
      </c>
    </row>
    <row r="6184" spans="1:10" x14ac:dyDescent="0.35">
      <c r="A6184" s="1" t="s">
        <v>24172</v>
      </c>
      <c r="B6184" s="1" t="s">
        <v>20946</v>
      </c>
      <c r="C6184" s="1" t="s">
        <v>65</v>
      </c>
      <c r="D6184" s="1" t="s">
        <v>24212</v>
      </c>
      <c r="E6184" s="1" t="s">
        <v>24213</v>
      </c>
      <c r="F6184" s="1" t="s">
        <v>24214</v>
      </c>
      <c r="G6184" s="1" t="s">
        <v>24175</v>
      </c>
      <c r="H6184" s="1" t="s">
        <v>24176</v>
      </c>
      <c r="I6184" s="1" t="s">
        <v>20952</v>
      </c>
      <c r="J6184" s="1" t="s">
        <v>24215</v>
      </c>
    </row>
    <row r="6185" spans="1:10" x14ac:dyDescent="0.35">
      <c r="A6185" s="1" t="s">
        <v>24172</v>
      </c>
      <c r="B6185" s="1" t="s">
        <v>20946</v>
      </c>
      <c r="C6185" s="1" t="s">
        <v>70</v>
      </c>
      <c r="D6185" s="1" t="s">
        <v>24216</v>
      </c>
      <c r="E6185" s="1" t="s">
        <v>24217</v>
      </c>
      <c r="F6185" s="1" t="s">
        <v>24218</v>
      </c>
      <c r="G6185" s="1" t="s">
        <v>24175</v>
      </c>
      <c r="H6185" s="1" t="s">
        <v>24176</v>
      </c>
      <c r="I6185" s="1" t="s">
        <v>20952</v>
      </c>
      <c r="J6185" s="1" t="s">
        <v>24219</v>
      </c>
    </row>
    <row r="6186" spans="1:10" x14ac:dyDescent="0.35">
      <c r="A6186" s="1" t="s">
        <v>24172</v>
      </c>
      <c r="B6186" s="1" t="s">
        <v>20946</v>
      </c>
      <c r="C6186" s="1" t="s">
        <v>75</v>
      </c>
      <c r="D6186" s="1" t="s">
        <v>24220</v>
      </c>
      <c r="E6186" s="1" t="s">
        <v>24221</v>
      </c>
      <c r="F6186" s="1" t="s">
        <v>24222</v>
      </c>
      <c r="G6186" s="1" t="s">
        <v>24175</v>
      </c>
      <c r="H6186" s="1" t="s">
        <v>24176</v>
      </c>
      <c r="I6186" s="1" t="s">
        <v>20952</v>
      </c>
      <c r="J6186" s="1" t="s">
        <v>24223</v>
      </c>
    </row>
    <row r="6187" spans="1:10" x14ac:dyDescent="0.35">
      <c r="A6187" s="1" t="s">
        <v>24172</v>
      </c>
      <c r="B6187" s="1" t="s">
        <v>20946</v>
      </c>
      <c r="C6187" s="1" t="s">
        <v>80</v>
      </c>
      <c r="D6187" s="1" t="s">
        <v>24224</v>
      </c>
      <c r="E6187" s="1" t="s">
        <v>24225</v>
      </c>
      <c r="F6187" s="1" t="s">
        <v>24226</v>
      </c>
      <c r="G6187" s="1" t="s">
        <v>24175</v>
      </c>
      <c r="H6187" s="1" t="s">
        <v>24176</v>
      </c>
      <c r="I6187" s="1" t="s">
        <v>20952</v>
      </c>
      <c r="J6187" s="1" t="s">
        <v>24227</v>
      </c>
    </row>
    <row r="6188" spans="1:10" x14ac:dyDescent="0.35">
      <c r="A6188" s="1" t="s">
        <v>24172</v>
      </c>
      <c r="B6188" s="1" t="s">
        <v>20946</v>
      </c>
      <c r="C6188" s="1" t="s">
        <v>85</v>
      </c>
      <c r="D6188" s="1" t="s">
        <v>24228</v>
      </c>
      <c r="E6188" s="1" t="s">
        <v>24229</v>
      </c>
      <c r="F6188" s="1" t="s">
        <v>24230</v>
      </c>
      <c r="G6188" s="1" t="s">
        <v>24175</v>
      </c>
      <c r="H6188" s="1" t="s">
        <v>24176</v>
      </c>
      <c r="I6188" s="1" t="s">
        <v>20952</v>
      </c>
      <c r="J6188" s="1" t="s">
        <v>24231</v>
      </c>
    </row>
    <row r="6189" spans="1:10" x14ac:dyDescent="0.35">
      <c r="A6189" s="1" t="s">
        <v>24172</v>
      </c>
      <c r="B6189" s="1" t="s">
        <v>20946</v>
      </c>
      <c r="C6189" s="1" t="s">
        <v>90</v>
      </c>
      <c r="D6189" s="1" t="s">
        <v>24232</v>
      </c>
      <c r="E6189" s="1" t="s">
        <v>22335</v>
      </c>
      <c r="F6189" s="1" t="s">
        <v>24233</v>
      </c>
      <c r="G6189" s="1" t="s">
        <v>24175</v>
      </c>
      <c r="H6189" s="1" t="s">
        <v>24176</v>
      </c>
      <c r="I6189" s="1" t="s">
        <v>20952</v>
      </c>
      <c r="J6189" s="1" t="s">
        <v>24234</v>
      </c>
    </row>
    <row r="6190" spans="1:10" x14ac:dyDescent="0.35">
      <c r="A6190" s="1" t="s">
        <v>24172</v>
      </c>
      <c r="B6190" s="1" t="s">
        <v>20946</v>
      </c>
      <c r="C6190" s="1" t="s">
        <v>95</v>
      </c>
      <c r="D6190" s="1" t="s">
        <v>24235</v>
      </c>
      <c r="E6190" s="1" t="s">
        <v>24236</v>
      </c>
      <c r="F6190" s="1" t="s">
        <v>24237</v>
      </c>
      <c r="G6190" s="1" t="s">
        <v>24175</v>
      </c>
      <c r="H6190" s="1" t="s">
        <v>24176</v>
      </c>
      <c r="I6190" s="1" t="s">
        <v>20952</v>
      </c>
      <c r="J6190" s="1" t="s">
        <v>24238</v>
      </c>
    </row>
    <row r="6191" spans="1:10" x14ac:dyDescent="0.35">
      <c r="A6191" s="1" t="s">
        <v>24172</v>
      </c>
      <c r="B6191" s="1" t="s">
        <v>20946</v>
      </c>
      <c r="C6191" s="1" t="s">
        <v>100</v>
      </c>
      <c r="D6191" s="1" t="s">
        <v>24239</v>
      </c>
      <c r="E6191" s="1" t="s">
        <v>15884</v>
      </c>
      <c r="F6191" s="1" t="s">
        <v>19961</v>
      </c>
      <c r="G6191" s="1" t="s">
        <v>24175</v>
      </c>
      <c r="H6191" s="1" t="s">
        <v>24176</v>
      </c>
      <c r="I6191" s="1" t="s">
        <v>20952</v>
      </c>
      <c r="J6191" s="1" t="s">
        <v>24240</v>
      </c>
    </row>
    <row r="6192" spans="1:10" x14ac:dyDescent="0.35">
      <c r="A6192" s="1" t="s">
        <v>24172</v>
      </c>
      <c r="B6192" s="1" t="s">
        <v>20946</v>
      </c>
      <c r="C6192" s="1" t="s">
        <v>105</v>
      </c>
      <c r="D6192" s="1" t="s">
        <v>24241</v>
      </c>
      <c r="E6192" s="1" t="s">
        <v>24242</v>
      </c>
      <c r="F6192" s="1" t="s">
        <v>24243</v>
      </c>
      <c r="G6192" s="1" t="s">
        <v>24175</v>
      </c>
      <c r="H6192" s="1" t="s">
        <v>24176</v>
      </c>
      <c r="I6192" s="1" t="s">
        <v>20952</v>
      </c>
      <c r="J6192" s="1" t="s">
        <v>24244</v>
      </c>
    </row>
    <row r="6193" spans="1:10" x14ac:dyDescent="0.35">
      <c r="A6193" s="1" t="s">
        <v>24172</v>
      </c>
      <c r="B6193" s="1" t="s">
        <v>20946</v>
      </c>
      <c r="C6193" s="1" t="s">
        <v>110</v>
      </c>
      <c r="D6193" s="1" t="s">
        <v>24245</v>
      </c>
      <c r="E6193" s="1" t="s">
        <v>24246</v>
      </c>
      <c r="F6193" s="1" t="s">
        <v>24247</v>
      </c>
      <c r="G6193" s="1" t="s">
        <v>24175</v>
      </c>
      <c r="H6193" s="1" t="s">
        <v>24176</v>
      </c>
      <c r="I6193" s="1" t="s">
        <v>20952</v>
      </c>
      <c r="J6193" s="1" t="s">
        <v>24248</v>
      </c>
    </row>
    <row r="6194" spans="1:10" x14ac:dyDescent="0.35">
      <c r="A6194" s="1" t="s">
        <v>24172</v>
      </c>
      <c r="B6194" s="1" t="s">
        <v>20946</v>
      </c>
      <c r="C6194" s="1" t="s">
        <v>115</v>
      </c>
      <c r="D6194" s="1" t="s">
        <v>24249</v>
      </c>
      <c r="E6194" s="1" t="s">
        <v>24250</v>
      </c>
      <c r="F6194" s="1" t="s">
        <v>24251</v>
      </c>
      <c r="G6194" s="1" t="s">
        <v>24175</v>
      </c>
      <c r="H6194" s="1" t="s">
        <v>24176</v>
      </c>
      <c r="I6194" s="1" t="s">
        <v>20952</v>
      </c>
      <c r="J6194" s="1" t="s">
        <v>24252</v>
      </c>
    </row>
    <row r="6195" spans="1:10" x14ac:dyDescent="0.35">
      <c r="A6195" s="1" t="s">
        <v>24172</v>
      </c>
      <c r="B6195" s="1" t="s">
        <v>20946</v>
      </c>
      <c r="C6195" s="1" t="s">
        <v>120</v>
      </c>
      <c r="D6195" s="1" t="s">
        <v>24253</v>
      </c>
      <c r="E6195" s="1" t="s">
        <v>24254</v>
      </c>
      <c r="F6195" s="1" t="s">
        <v>24255</v>
      </c>
      <c r="G6195" s="1" t="s">
        <v>24175</v>
      </c>
      <c r="H6195" s="1" t="s">
        <v>24176</v>
      </c>
      <c r="I6195" s="1" t="s">
        <v>20952</v>
      </c>
      <c r="J6195" s="1" t="s">
        <v>24256</v>
      </c>
    </row>
    <row r="6196" spans="1:10" x14ac:dyDescent="0.35">
      <c r="A6196" s="1" t="s">
        <v>24172</v>
      </c>
      <c r="B6196" s="1" t="s">
        <v>20946</v>
      </c>
      <c r="C6196" s="1" t="s">
        <v>125</v>
      </c>
      <c r="D6196" s="1" t="s">
        <v>24257</v>
      </c>
      <c r="E6196" s="1" t="s">
        <v>24258</v>
      </c>
      <c r="F6196" s="1" t="s">
        <v>24259</v>
      </c>
      <c r="G6196" s="1" t="s">
        <v>24175</v>
      </c>
      <c r="H6196" s="1" t="s">
        <v>24176</v>
      </c>
      <c r="I6196" s="1" t="s">
        <v>20952</v>
      </c>
      <c r="J6196" s="1" t="s">
        <v>24260</v>
      </c>
    </row>
    <row r="6197" spans="1:10" x14ac:dyDescent="0.35">
      <c r="A6197" s="1" t="s">
        <v>24172</v>
      </c>
      <c r="B6197" s="1" t="s">
        <v>20946</v>
      </c>
      <c r="C6197" s="1" t="s">
        <v>130</v>
      </c>
      <c r="D6197" s="1" t="s">
        <v>24261</v>
      </c>
      <c r="E6197" s="1" t="s">
        <v>24262</v>
      </c>
      <c r="F6197" s="1" t="s">
        <v>24263</v>
      </c>
      <c r="G6197" s="1" t="s">
        <v>24175</v>
      </c>
      <c r="H6197" s="1" t="s">
        <v>24176</v>
      </c>
      <c r="I6197" s="1" t="s">
        <v>20952</v>
      </c>
      <c r="J6197" s="1" t="s">
        <v>24264</v>
      </c>
    </row>
    <row r="6198" spans="1:10" x14ac:dyDescent="0.35">
      <c r="A6198" s="1" t="s">
        <v>24172</v>
      </c>
      <c r="B6198" s="1" t="s">
        <v>20946</v>
      </c>
      <c r="C6198" s="1" t="s">
        <v>135</v>
      </c>
      <c r="D6198" s="1" t="s">
        <v>24265</v>
      </c>
      <c r="E6198" s="1" t="s">
        <v>22294</v>
      </c>
      <c r="F6198" s="1" t="s">
        <v>24266</v>
      </c>
      <c r="G6198" s="1" t="s">
        <v>24175</v>
      </c>
      <c r="H6198" s="1" t="s">
        <v>24176</v>
      </c>
      <c r="I6198" s="1" t="s">
        <v>20952</v>
      </c>
      <c r="J6198" s="1" t="s">
        <v>24267</v>
      </c>
    </row>
    <row r="6199" spans="1:10" x14ac:dyDescent="0.35">
      <c r="A6199" s="1" t="s">
        <v>24172</v>
      </c>
      <c r="B6199" s="1" t="s">
        <v>20946</v>
      </c>
      <c r="C6199" s="1" t="s">
        <v>140</v>
      </c>
      <c r="D6199" s="1" t="s">
        <v>24268</v>
      </c>
      <c r="E6199" s="1" t="s">
        <v>24269</v>
      </c>
      <c r="F6199" s="1" t="s">
        <v>24270</v>
      </c>
      <c r="G6199" s="1" t="s">
        <v>24175</v>
      </c>
      <c r="H6199" s="1" t="s">
        <v>24176</v>
      </c>
      <c r="I6199" s="1" t="s">
        <v>20952</v>
      </c>
      <c r="J6199" s="1" t="s">
        <v>24271</v>
      </c>
    </row>
    <row r="6200" spans="1:10" x14ac:dyDescent="0.35">
      <c r="A6200" s="1" t="s">
        <v>24172</v>
      </c>
      <c r="B6200" s="1" t="s">
        <v>20946</v>
      </c>
      <c r="C6200" s="1" t="s">
        <v>145</v>
      </c>
      <c r="D6200" s="1" t="s">
        <v>24272</v>
      </c>
      <c r="E6200" s="1" t="s">
        <v>16171</v>
      </c>
      <c r="F6200" s="1" t="s">
        <v>24273</v>
      </c>
      <c r="G6200" s="1" t="s">
        <v>24175</v>
      </c>
      <c r="H6200" s="1" t="s">
        <v>24176</v>
      </c>
      <c r="I6200" s="1" t="s">
        <v>20952</v>
      </c>
      <c r="J6200" s="1" t="s">
        <v>24274</v>
      </c>
    </row>
    <row r="6201" spans="1:10" x14ac:dyDescent="0.35">
      <c r="A6201" s="1" t="s">
        <v>24172</v>
      </c>
      <c r="B6201" s="1" t="s">
        <v>20946</v>
      </c>
      <c r="C6201" s="1" t="s">
        <v>150</v>
      </c>
      <c r="D6201" s="1" t="s">
        <v>24275</v>
      </c>
      <c r="E6201" s="1" t="s">
        <v>24276</v>
      </c>
      <c r="F6201" s="1" t="s">
        <v>24277</v>
      </c>
      <c r="G6201" s="1" t="s">
        <v>24175</v>
      </c>
      <c r="H6201" s="1" t="s">
        <v>24176</v>
      </c>
      <c r="I6201" s="1" t="s">
        <v>20952</v>
      </c>
      <c r="J6201" s="1" t="s">
        <v>24278</v>
      </c>
    </row>
    <row r="6202" spans="1:10" x14ac:dyDescent="0.35">
      <c r="A6202" s="1" t="s">
        <v>24172</v>
      </c>
      <c r="B6202" s="1" t="s">
        <v>20946</v>
      </c>
      <c r="C6202" s="1" t="s">
        <v>155</v>
      </c>
      <c r="D6202" s="1" t="s">
        <v>24279</v>
      </c>
      <c r="E6202" s="1" t="s">
        <v>24280</v>
      </c>
      <c r="F6202" s="1" t="s">
        <v>24281</v>
      </c>
      <c r="G6202" s="1" t="s">
        <v>24175</v>
      </c>
      <c r="H6202" s="1" t="s">
        <v>24176</v>
      </c>
      <c r="I6202" s="1" t="s">
        <v>20952</v>
      </c>
      <c r="J6202" s="1" t="s">
        <v>24282</v>
      </c>
    </row>
    <row r="6203" spans="1:10" x14ac:dyDescent="0.35">
      <c r="A6203" s="1" t="s">
        <v>24172</v>
      </c>
      <c r="B6203" s="1" t="s">
        <v>20946</v>
      </c>
      <c r="C6203" s="1" t="s">
        <v>160</v>
      </c>
      <c r="D6203" s="1" t="s">
        <v>24283</v>
      </c>
      <c r="E6203" s="1" t="s">
        <v>24284</v>
      </c>
      <c r="F6203" s="1" t="s">
        <v>24285</v>
      </c>
      <c r="G6203" s="1" t="s">
        <v>24175</v>
      </c>
      <c r="H6203" s="1" t="s">
        <v>24176</v>
      </c>
      <c r="I6203" s="1" t="s">
        <v>20952</v>
      </c>
      <c r="J6203" s="1" t="s">
        <v>24286</v>
      </c>
    </row>
    <row r="6204" spans="1:10" x14ac:dyDescent="0.35">
      <c r="A6204" s="1" t="s">
        <v>24172</v>
      </c>
      <c r="B6204" s="1" t="s">
        <v>20946</v>
      </c>
      <c r="C6204" s="1" t="s">
        <v>165</v>
      </c>
      <c r="D6204" s="1" t="s">
        <v>24287</v>
      </c>
      <c r="E6204" s="1" t="s">
        <v>24288</v>
      </c>
      <c r="F6204" s="1" t="s">
        <v>24289</v>
      </c>
      <c r="G6204" s="1" t="s">
        <v>24175</v>
      </c>
      <c r="H6204" s="1" t="s">
        <v>24176</v>
      </c>
      <c r="I6204" s="1" t="s">
        <v>20952</v>
      </c>
      <c r="J6204" s="1" t="s">
        <v>24290</v>
      </c>
    </row>
    <row r="6205" spans="1:10" x14ac:dyDescent="0.35">
      <c r="A6205" s="1" t="s">
        <v>24172</v>
      </c>
      <c r="B6205" s="1" t="s">
        <v>20946</v>
      </c>
      <c r="C6205" s="1" t="s">
        <v>170</v>
      </c>
      <c r="D6205" s="1" t="s">
        <v>24291</v>
      </c>
      <c r="E6205" s="1" t="s">
        <v>24292</v>
      </c>
      <c r="F6205" s="1" t="s">
        <v>24293</v>
      </c>
      <c r="G6205" s="1" t="s">
        <v>24175</v>
      </c>
      <c r="H6205" s="1" t="s">
        <v>24176</v>
      </c>
      <c r="I6205" s="1" t="s">
        <v>20952</v>
      </c>
      <c r="J6205" s="1" t="s">
        <v>24294</v>
      </c>
    </row>
    <row r="6206" spans="1:10" x14ac:dyDescent="0.35">
      <c r="A6206" s="1" t="s">
        <v>24295</v>
      </c>
      <c r="B6206" s="1" t="s">
        <v>20946</v>
      </c>
      <c r="C6206" s="1" t="s">
        <v>8</v>
      </c>
      <c r="D6206" s="1" t="s">
        <v>24296</v>
      </c>
      <c r="E6206" s="1" t="s">
        <v>24297</v>
      </c>
      <c r="F6206" s="1" t="s">
        <v>24298</v>
      </c>
      <c r="G6206" s="1" t="s">
        <v>24299</v>
      </c>
      <c r="H6206" s="1" t="s">
        <v>24300</v>
      </c>
      <c r="I6206" s="1" t="s">
        <v>20952</v>
      </c>
      <c r="J6206" s="1" t="s">
        <v>13</v>
      </c>
    </row>
    <row r="6207" spans="1:10" x14ac:dyDescent="0.35">
      <c r="A6207" s="1" t="s">
        <v>24295</v>
      </c>
      <c r="B6207" s="1" t="s">
        <v>20946</v>
      </c>
      <c r="C6207" s="1" t="s">
        <v>15</v>
      </c>
      <c r="D6207" s="1" t="s">
        <v>24301</v>
      </c>
      <c r="E6207" s="1" t="s">
        <v>24302</v>
      </c>
      <c r="F6207" s="1" t="s">
        <v>24303</v>
      </c>
      <c r="G6207" s="1" t="s">
        <v>24299</v>
      </c>
      <c r="H6207" s="1" t="s">
        <v>24300</v>
      </c>
      <c r="I6207" s="1" t="s">
        <v>20952</v>
      </c>
      <c r="J6207" s="1" t="s">
        <v>24304</v>
      </c>
    </row>
    <row r="6208" spans="1:10" x14ac:dyDescent="0.35">
      <c r="A6208" s="1" t="s">
        <v>24295</v>
      </c>
      <c r="B6208" s="1" t="s">
        <v>20946</v>
      </c>
      <c r="C6208" s="1" t="s">
        <v>20</v>
      </c>
      <c r="D6208" s="1" t="s">
        <v>24305</v>
      </c>
      <c r="E6208" s="1" t="s">
        <v>23206</v>
      </c>
      <c r="F6208" s="1" t="s">
        <v>24306</v>
      </c>
      <c r="G6208" s="1" t="s">
        <v>24299</v>
      </c>
      <c r="H6208" s="1" t="s">
        <v>24300</v>
      </c>
      <c r="I6208" s="1" t="s">
        <v>20952</v>
      </c>
      <c r="J6208" s="1" t="s">
        <v>24307</v>
      </c>
    </row>
    <row r="6209" spans="1:10" x14ac:dyDescent="0.35">
      <c r="A6209" s="1" t="s">
        <v>24295</v>
      </c>
      <c r="B6209" s="1" t="s">
        <v>20946</v>
      </c>
      <c r="C6209" s="1" t="s">
        <v>25</v>
      </c>
      <c r="D6209" s="1" t="s">
        <v>24308</v>
      </c>
      <c r="E6209" s="1" t="s">
        <v>23083</v>
      </c>
      <c r="F6209" s="1" t="s">
        <v>24309</v>
      </c>
      <c r="G6209" s="1" t="s">
        <v>24299</v>
      </c>
      <c r="H6209" s="1" t="s">
        <v>24300</v>
      </c>
      <c r="I6209" s="1" t="s">
        <v>20952</v>
      </c>
      <c r="J6209" s="1" t="s">
        <v>24310</v>
      </c>
    </row>
    <row r="6210" spans="1:10" x14ac:dyDescent="0.35">
      <c r="A6210" s="1" t="s">
        <v>24295</v>
      </c>
      <c r="B6210" s="1" t="s">
        <v>20946</v>
      </c>
      <c r="C6210" s="1" t="s">
        <v>30</v>
      </c>
      <c r="D6210" s="1" t="s">
        <v>24311</v>
      </c>
      <c r="E6210" s="1" t="s">
        <v>21964</v>
      </c>
      <c r="F6210" s="1" t="s">
        <v>24312</v>
      </c>
      <c r="G6210" s="1" t="s">
        <v>24299</v>
      </c>
      <c r="H6210" s="1" t="s">
        <v>24300</v>
      </c>
      <c r="I6210" s="1" t="s">
        <v>20952</v>
      </c>
      <c r="J6210" s="1" t="s">
        <v>24313</v>
      </c>
    </row>
    <row r="6211" spans="1:10" x14ac:dyDescent="0.35">
      <c r="A6211" s="1" t="s">
        <v>24295</v>
      </c>
      <c r="B6211" s="1" t="s">
        <v>20946</v>
      </c>
      <c r="C6211" s="1" t="s">
        <v>35</v>
      </c>
      <c r="D6211" s="1" t="s">
        <v>24314</v>
      </c>
      <c r="E6211" s="1" t="s">
        <v>24315</v>
      </c>
      <c r="F6211" s="1" t="s">
        <v>24316</v>
      </c>
      <c r="G6211" s="1" t="s">
        <v>24299</v>
      </c>
      <c r="H6211" s="1" t="s">
        <v>24300</v>
      </c>
      <c r="I6211" s="1" t="s">
        <v>20952</v>
      </c>
      <c r="J6211" s="1" t="s">
        <v>24317</v>
      </c>
    </row>
    <row r="6212" spans="1:10" x14ac:dyDescent="0.35">
      <c r="A6212" s="1" t="s">
        <v>24295</v>
      </c>
      <c r="B6212" s="1" t="s">
        <v>20946</v>
      </c>
      <c r="C6212" s="1" t="s">
        <v>40</v>
      </c>
      <c r="D6212" s="1" t="s">
        <v>24318</v>
      </c>
      <c r="E6212" s="1" t="s">
        <v>24319</v>
      </c>
      <c r="F6212" s="1" t="s">
        <v>24320</v>
      </c>
      <c r="G6212" s="1" t="s">
        <v>24299</v>
      </c>
      <c r="H6212" s="1" t="s">
        <v>24300</v>
      </c>
      <c r="I6212" s="1" t="s">
        <v>20952</v>
      </c>
      <c r="J6212" s="1" t="s">
        <v>24321</v>
      </c>
    </row>
    <row r="6213" spans="1:10" x14ac:dyDescent="0.35">
      <c r="A6213" s="1" t="s">
        <v>24295</v>
      </c>
      <c r="B6213" s="1" t="s">
        <v>20946</v>
      </c>
      <c r="C6213" s="1" t="s">
        <v>45</v>
      </c>
      <c r="D6213" s="1" t="s">
        <v>24322</v>
      </c>
      <c r="E6213" s="1" t="s">
        <v>24323</v>
      </c>
      <c r="F6213" s="1" t="s">
        <v>24324</v>
      </c>
      <c r="G6213" s="1" t="s">
        <v>24299</v>
      </c>
      <c r="H6213" s="1" t="s">
        <v>24300</v>
      </c>
      <c r="I6213" s="1" t="s">
        <v>20952</v>
      </c>
      <c r="J6213" s="1" t="s">
        <v>24325</v>
      </c>
    </row>
    <row r="6214" spans="1:10" x14ac:dyDescent="0.35">
      <c r="A6214" s="1" t="s">
        <v>24295</v>
      </c>
      <c r="B6214" s="1" t="s">
        <v>20946</v>
      </c>
      <c r="C6214" s="1" t="s">
        <v>50</v>
      </c>
      <c r="D6214" s="1" t="s">
        <v>24326</v>
      </c>
      <c r="E6214" s="1" t="s">
        <v>24327</v>
      </c>
      <c r="F6214" s="1" t="s">
        <v>24328</v>
      </c>
      <c r="G6214" s="1" t="s">
        <v>24299</v>
      </c>
      <c r="H6214" s="1" t="s">
        <v>24300</v>
      </c>
      <c r="I6214" s="1" t="s">
        <v>20952</v>
      </c>
      <c r="J6214" s="1" t="s">
        <v>24329</v>
      </c>
    </row>
    <row r="6215" spans="1:10" x14ac:dyDescent="0.35">
      <c r="A6215" s="1" t="s">
        <v>24295</v>
      </c>
      <c r="B6215" s="1" t="s">
        <v>20946</v>
      </c>
      <c r="C6215" s="1" t="s">
        <v>55</v>
      </c>
      <c r="D6215" s="1" t="s">
        <v>24330</v>
      </c>
      <c r="E6215" s="1" t="s">
        <v>24331</v>
      </c>
      <c r="F6215" s="1" t="s">
        <v>24332</v>
      </c>
      <c r="G6215" s="1" t="s">
        <v>24299</v>
      </c>
      <c r="H6215" s="1" t="s">
        <v>24300</v>
      </c>
      <c r="I6215" s="1" t="s">
        <v>20952</v>
      </c>
      <c r="J6215" s="1" t="s">
        <v>24333</v>
      </c>
    </row>
    <row r="6216" spans="1:10" x14ac:dyDescent="0.35">
      <c r="A6216" s="1" t="s">
        <v>24295</v>
      </c>
      <c r="B6216" s="1" t="s">
        <v>20946</v>
      </c>
      <c r="C6216" s="1" t="s">
        <v>60</v>
      </c>
      <c r="D6216" s="1" t="s">
        <v>24334</v>
      </c>
      <c r="E6216" s="1" t="s">
        <v>15345</v>
      </c>
      <c r="F6216" s="1" t="s">
        <v>24335</v>
      </c>
      <c r="G6216" s="1" t="s">
        <v>24299</v>
      </c>
      <c r="H6216" s="1" t="s">
        <v>24300</v>
      </c>
      <c r="I6216" s="1" t="s">
        <v>20952</v>
      </c>
      <c r="J6216" s="1" t="s">
        <v>24336</v>
      </c>
    </row>
    <row r="6217" spans="1:10" x14ac:dyDescent="0.35">
      <c r="A6217" s="1" t="s">
        <v>24295</v>
      </c>
      <c r="B6217" s="1" t="s">
        <v>20946</v>
      </c>
      <c r="C6217" s="1" t="s">
        <v>65</v>
      </c>
      <c r="D6217" s="1" t="s">
        <v>24337</v>
      </c>
      <c r="E6217" s="1" t="s">
        <v>22010</v>
      </c>
      <c r="F6217" s="1" t="s">
        <v>24338</v>
      </c>
      <c r="G6217" s="1" t="s">
        <v>24299</v>
      </c>
      <c r="H6217" s="1" t="s">
        <v>24300</v>
      </c>
      <c r="I6217" s="1" t="s">
        <v>20952</v>
      </c>
      <c r="J6217" s="1" t="s">
        <v>24339</v>
      </c>
    </row>
    <row r="6218" spans="1:10" x14ac:dyDescent="0.35">
      <c r="A6218" s="1" t="s">
        <v>24295</v>
      </c>
      <c r="B6218" s="1" t="s">
        <v>20946</v>
      </c>
      <c r="C6218" s="1" t="s">
        <v>70</v>
      </c>
      <c r="D6218" s="1" t="s">
        <v>12319</v>
      </c>
      <c r="E6218" s="1" t="s">
        <v>21190</v>
      </c>
      <c r="F6218" s="1" t="s">
        <v>24340</v>
      </c>
      <c r="G6218" s="1" t="s">
        <v>24299</v>
      </c>
      <c r="H6218" s="1" t="s">
        <v>24300</v>
      </c>
      <c r="I6218" s="1" t="s">
        <v>20952</v>
      </c>
      <c r="J6218" s="1" t="s">
        <v>24341</v>
      </c>
    </row>
    <row r="6219" spans="1:10" x14ac:dyDescent="0.35">
      <c r="A6219" s="1" t="s">
        <v>24295</v>
      </c>
      <c r="B6219" s="1" t="s">
        <v>20946</v>
      </c>
      <c r="C6219" s="1" t="s">
        <v>75</v>
      </c>
      <c r="D6219" s="1" t="s">
        <v>24342</v>
      </c>
      <c r="E6219" s="1" t="s">
        <v>24343</v>
      </c>
      <c r="F6219" s="1" t="s">
        <v>24344</v>
      </c>
      <c r="G6219" s="1" t="s">
        <v>24299</v>
      </c>
      <c r="H6219" s="1" t="s">
        <v>24300</v>
      </c>
      <c r="I6219" s="1" t="s">
        <v>20952</v>
      </c>
      <c r="J6219" s="1" t="s">
        <v>24345</v>
      </c>
    </row>
    <row r="6220" spans="1:10" x14ac:dyDescent="0.35">
      <c r="A6220" s="1" t="s">
        <v>24295</v>
      </c>
      <c r="B6220" s="1" t="s">
        <v>20946</v>
      </c>
      <c r="C6220" s="1" t="s">
        <v>80</v>
      </c>
      <c r="D6220" s="1" t="s">
        <v>24346</v>
      </c>
      <c r="E6220" s="1" t="s">
        <v>24347</v>
      </c>
      <c r="F6220" s="1" t="s">
        <v>24348</v>
      </c>
      <c r="G6220" s="1" t="s">
        <v>24299</v>
      </c>
      <c r="H6220" s="1" t="s">
        <v>24300</v>
      </c>
      <c r="I6220" s="1" t="s">
        <v>20952</v>
      </c>
      <c r="J6220" s="1" t="s">
        <v>24349</v>
      </c>
    </row>
    <row r="6221" spans="1:10" x14ac:dyDescent="0.35">
      <c r="A6221" s="1" t="s">
        <v>24295</v>
      </c>
      <c r="B6221" s="1" t="s">
        <v>20946</v>
      </c>
      <c r="C6221" s="1" t="s">
        <v>85</v>
      </c>
      <c r="D6221" s="1" t="s">
        <v>24350</v>
      </c>
      <c r="E6221" s="1" t="s">
        <v>24351</v>
      </c>
      <c r="F6221" s="1" t="s">
        <v>24352</v>
      </c>
      <c r="G6221" s="1" t="s">
        <v>24299</v>
      </c>
      <c r="H6221" s="1" t="s">
        <v>24300</v>
      </c>
      <c r="I6221" s="1" t="s">
        <v>20952</v>
      </c>
      <c r="J6221" s="1" t="s">
        <v>24353</v>
      </c>
    </row>
    <row r="6222" spans="1:10" x14ac:dyDescent="0.35">
      <c r="A6222" s="1" t="s">
        <v>24295</v>
      </c>
      <c r="B6222" s="1" t="s">
        <v>20946</v>
      </c>
      <c r="C6222" s="1" t="s">
        <v>90</v>
      </c>
      <c r="D6222" s="1" t="s">
        <v>24354</v>
      </c>
      <c r="E6222" s="1" t="s">
        <v>24355</v>
      </c>
      <c r="F6222" s="1" t="s">
        <v>24356</v>
      </c>
      <c r="G6222" s="1" t="s">
        <v>24299</v>
      </c>
      <c r="H6222" s="1" t="s">
        <v>24300</v>
      </c>
      <c r="I6222" s="1" t="s">
        <v>20952</v>
      </c>
      <c r="J6222" s="1" t="s">
        <v>24357</v>
      </c>
    </row>
    <row r="6223" spans="1:10" x14ac:dyDescent="0.35">
      <c r="A6223" s="1" t="s">
        <v>24295</v>
      </c>
      <c r="B6223" s="1" t="s">
        <v>20946</v>
      </c>
      <c r="C6223" s="1" t="s">
        <v>95</v>
      </c>
      <c r="D6223" s="1" t="s">
        <v>24358</v>
      </c>
      <c r="E6223" s="1" t="s">
        <v>24359</v>
      </c>
      <c r="F6223" s="1" t="s">
        <v>24360</v>
      </c>
      <c r="G6223" s="1" t="s">
        <v>24299</v>
      </c>
      <c r="H6223" s="1" t="s">
        <v>24300</v>
      </c>
      <c r="I6223" s="1" t="s">
        <v>20952</v>
      </c>
      <c r="J6223" s="1" t="s">
        <v>24361</v>
      </c>
    </row>
    <row r="6224" spans="1:10" x14ac:dyDescent="0.35">
      <c r="A6224" s="1" t="s">
        <v>24295</v>
      </c>
      <c r="B6224" s="1" t="s">
        <v>20946</v>
      </c>
      <c r="C6224" s="1" t="s">
        <v>100</v>
      </c>
      <c r="D6224" s="1" t="s">
        <v>24362</v>
      </c>
      <c r="E6224" s="1" t="s">
        <v>24363</v>
      </c>
      <c r="F6224" s="1" t="s">
        <v>24364</v>
      </c>
      <c r="G6224" s="1" t="s">
        <v>24299</v>
      </c>
      <c r="H6224" s="1" t="s">
        <v>24300</v>
      </c>
      <c r="I6224" s="1" t="s">
        <v>20952</v>
      </c>
      <c r="J6224" s="1" t="s">
        <v>24365</v>
      </c>
    </row>
    <row r="6225" spans="1:10" x14ac:dyDescent="0.35">
      <c r="A6225" s="1" t="s">
        <v>24295</v>
      </c>
      <c r="B6225" s="1" t="s">
        <v>20946</v>
      </c>
      <c r="C6225" s="1" t="s">
        <v>105</v>
      </c>
      <c r="D6225" s="1" t="s">
        <v>23494</v>
      </c>
      <c r="E6225" s="1" t="s">
        <v>24366</v>
      </c>
      <c r="F6225" s="1" t="s">
        <v>24367</v>
      </c>
      <c r="G6225" s="1" t="s">
        <v>24299</v>
      </c>
      <c r="H6225" s="1" t="s">
        <v>24300</v>
      </c>
      <c r="I6225" s="1" t="s">
        <v>20952</v>
      </c>
      <c r="J6225" s="1" t="s">
        <v>24368</v>
      </c>
    </row>
    <row r="6226" spans="1:10" x14ac:dyDescent="0.35">
      <c r="A6226" s="1" t="s">
        <v>24295</v>
      </c>
      <c r="B6226" s="1" t="s">
        <v>20946</v>
      </c>
      <c r="C6226" s="1" t="s">
        <v>110</v>
      </c>
      <c r="D6226" s="1" t="s">
        <v>24369</v>
      </c>
      <c r="E6226" s="1" t="s">
        <v>24347</v>
      </c>
      <c r="F6226" s="1" t="s">
        <v>24370</v>
      </c>
      <c r="G6226" s="1" t="s">
        <v>24299</v>
      </c>
      <c r="H6226" s="1" t="s">
        <v>24300</v>
      </c>
      <c r="I6226" s="1" t="s">
        <v>20952</v>
      </c>
      <c r="J6226" s="1" t="s">
        <v>24371</v>
      </c>
    </row>
    <row r="6227" spans="1:10" x14ac:dyDescent="0.35">
      <c r="A6227" s="1" t="s">
        <v>24295</v>
      </c>
      <c r="B6227" s="1" t="s">
        <v>20946</v>
      </c>
      <c r="C6227" s="1" t="s">
        <v>115</v>
      </c>
      <c r="D6227" s="1" t="s">
        <v>24372</v>
      </c>
      <c r="E6227" s="1" t="s">
        <v>24373</v>
      </c>
      <c r="F6227" s="1" t="s">
        <v>24374</v>
      </c>
      <c r="G6227" s="1" t="s">
        <v>24299</v>
      </c>
      <c r="H6227" s="1" t="s">
        <v>24300</v>
      </c>
      <c r="I6227" s="1" t="s">
        <v>20952</v>
      </c>
      <c r="J6227" s="1" t="s">
        <v>24375</v>
      </c>
    </row>
    <row r="6228" spans="1:10" x14ac:dyDescent="0.35">
      <c r="A6228" s="1" t="s">
        <v>24295</v>
      </c>
      <c r="B6228" s="1" t="s">
        <v>20946</v>
      </c>
      <c r="C6228" s="1" t="s">
        <v>120</v>
      </c>
      <c r="D6228" s="1" t="s">
        <v>24376</v>
      </c>
      <c r="E6228" s="1" t="s">
        <v>24377</v>
      </c>
      <c r="F6228" s="1" t="s">
        <v>24378</v>
      </c>
      <c r="G6228" s="1" t="s">
        <v>24299</v>
      </c>
      <c r="H6228" s="1" t="s">
        <v>24300</v>
      </c>
      <c r="I6228" s="1" t="s">
        <v>20952</v>
      </c>
      <c r="J6228" s="1" t="s">
        <v>24379</v>
      </c>
    </row>
    <row r="6229" spans="1:10" x14ac:dyDescent="0.35">
      <c r="A6229" s="1" t="s">
        <v>24295</v>
      </c>
      <c r="B6229" s="1" t="s">
        <v>20946</v>
      </c>
      <c r="C6229" s="1" t="s">
        <v>125</v>
      </c>
      <c r="D6229" s="1" t="s">
        <v>24380</v>
      </c>
      <c r="E6229" s="1" t="s">
        <v>21811</v>
      </c>
      <c r="F6229" s="1" t="s">
        <v>24381</v>
      </c>
      <c r="G6229" s="1" t="s">
        <v>24299</v>
      </c>
      <c r="H6229" s="1" t="s">
        <v>24300</v>
      </c>
      <c r="I6229" s="1" t="s">
        <v>20952</v>
      </c>
      <c r="J6229" s="1" t="s">
        <v>24382</v>
      </c>
    </row>
    <row r="6230" spans="1:10" x14ac:dyDescent="0.35">
      <c r="A6230" s="1" t="s">
        <v>24295</v>
      </c>
      <c r="B6230" s="1" t="s">
        <v>20946</v>
      </c>
      <c r="C6230" s="1" t="s">
        <v>130</v>
      </c>
      <c r="D6230" s="1" t="s">
        <v>24383</v>
      </c>
      <c r="E6230" s="1" t="s">
        <v>24384</v>
      </c>
      <c r="F6230" s="1" t="s">
        <v>24385</v>
      </c>
      <c r="G6230" s="1" t="s">
        <v>24299</v>
      </c>
      <c r="H6230" s="1" t="s">
        <v>24300</v>
      </c>
      <c r="I6230" s="1" t="s">
        <v>20952</v>
      </c>
      <c r="J6230" s="1" t="s">
        <v>24386</v>
      </c>
    </row>
    <row r="6231" spans="1:10" x14ac:dyDescent="0.35">
      <c r="A6231" s="1" t="s">
        <v>24295</v>
      </c>
      <c r="B6231" s="1" t="s">
        <v>20946</v>
      </c>
      <c r="C6231" s="1" t="s">
        <v>135</v>
      </c>
      <c r="D6231" s="1" t="s">
        <v>24387</v>
      </c>
      <c r="E6231" s="1" t="s">
        <v>24388</v>
      </c>
      <c r="F6231" s="1" t="s">
        <v>24389</v>
      </c>
      <c r="G6231" s="1" t="s">
        <v>24299</v>
      </c>
      <c r="H6231" s="1" t="s">
        <v>24300</v>
      </c>
      <c r="I6231" s="1" t="s">
        <v>20952</v>
      </c>
      <c r="J6231" s="1" t="s">
        <v>24390</v>
      </c>
    </row>
    <row r="6232" spans="1:10" x14ac:dyDescent="0.35">
      <c r="A6232" s="1" t="s">
        <v>24295</v>
      </c>
      <c r="B6232" s="1" t="s">
        <v>20946</v>
      </c>
      <c r="C6232" s="1" t="s">
        <v>140</v>
      </c>
      <c r="D6232" s="1" t="s">
        <v>20472</v>
      </c>
      <c r="E6232" s="1" t="s">
        <v>21764</v>
      </c>
      <c r="F6232" s="1" t="s">
        <v>24391</v>
      </c>
      <c r="G6232" s="1" t="s">
        <v>24299</v>
      </c>
      <c r="H6232" s="1" t="s">
        <v>24300</v>
      </c>
      <c r="I6232" s="1" t="s">
        <v>20952</v>
      </c>
      <c r="J6232" s="1" t="s">
        <v>24392</v>
      </c>
    </row>
    <row r="6233" spans="1:10" x14ac:dyDescent="0.35">
      <c r="A6233" s="1" t="s">
        <v>24295</v>
      </c>
      <c r="B6233" s="1" t="s">
        <v>20946</v>
      </c>
      <c r="C6233" s="1" t="s">
        <v>145</v>
      </c>
      <c r="D6233" s="1" t="s">
        <v>24393</v>
      </c>
      <c r="E6233" s="1" t="s">
        <v>15340</v>
      </c>
      <c r="F6233" s="1" t="s">
        <v>24394</v>
      </c>
      <c r="G6233" s="1" t="s">
        <v>24299</v>
      </c>
      <c r="H6233" s="1" t="s">
        <v>24300</v>
      </c>
      <c r="I6233" s="1" t="s">
        <v>20952</v>
      </c>
      <c r="J6233" s="1" t="s">
        <v>24395</v>
      </c>
    </row>
    <row r="6234" spans="1:10" x14ac:dyDescent="0.35">
      <c r="A6234" s="1" t="s">
        <v>24295</v>
      </c>
      <c r="B6234" s="1" t="s">
        <v>20946</v>
      </c>
      <c r="C6234" s="1" t="s">
        <v>150</v>
      </c>
      <c r="D6234" s="1" t="s">
        <v>24396</v>
      </c>
      <c r="E6234" s="1" t="s">
        <v>21960</v>
      </c>
      <c r="F6234" s="1" t="s">
        <v>24397</v>
      </c>
      <c r="G6234" s="1" t="s">
        <v>24299</v>
      </c>
      <c r="H6234" s="1" t="s">
        <v>24300</v>
      </c>
      <c r="I6234" s="1" t="s">
        <v>20952</v>
      </c>
      <c r="J6234" s="1" t="s">
        <v>24398</v>
      </c>
    </row>
    <row r="6235" spans="1:10" x14ac:dyDescent="0.35">
      <c r="A6235" s="1" t="s">
        <v>24295</v>
      </c>
      <c r="B6235" s="1" t="s">
        <v>20946</v>
      </c>
      <c r="C6235" s="1" t="s">
        <v>155</v>
      </c>
      <c r="D6235" s="1" t="s">
        <v>21402</v>
      </c>
      <c r="E6235" s="1" t="s">
        <v>21956</v>
      </c>
      <c r="F6235" s="1" t="s">
        <v>24399</v>
      </c>
      <c r="G6235" s="1" t="s">
        <v>24299</v>
      </c>
      <c r="H6235" s="1" t="s">
        <v>24300</v>
      </c>
      <c r="I6235" s="1" t="s">
        <v>20952</v>
      </c>
      <c r="J6235" s="1" t="s">
        <v>24400</v>
      </c>
    </row>
    <row r="6236" spans="1:10" x14ac:dyDescent="0.35">
      <c r="A6236" s="1" t="s">
        <v>24295</v>
      </c>
      <c r="B6236" s="1" t="s">
        <v>20946</v>
      </c>
      <c r="C6236" s="1" t="s">
        <v>160</v>
      </c>
      <c r="D6236" s="1" t="s">
        <v>20646</v>
      </c>
      <c r="E6236" s="1" t="s">
        <v>24401</v>
      </c>
      <c r="F6236" s="1" t="s">
        <v>24402</v>
      </c>
      <c r="G6236" s="1" t="s">
        <v>24299</v>
      </c>
      <c r="H6236" s="1" t="s">
        <v>24300</v>
      </c>
      <c r="I6236" s="1" t="s">
        <v>20952</v>
      </c>
      <c r="J6236" s="1" t="s">
        <v>24403</v>
      </c>
    </row>
    <row r="6237" spans="1:10" x14ac:dyDescent="0.35">
      <c r="A6237" s="1" t="s">
        <v>24295</v>
      </c>
      <c r="B6237" s="1" t="s">
        <v>20946</v>
      </c>
      <c r="C6237" s="1" t="s">
        <v>165</v>
      </c>
      <c r="D6237" s="1" t="s">
        <v>24404</v>
      </c>
      <c r="E6237" s="1" t="s">
        <v>21170</v>
      </c>
      <c r="F6237" s="1" t="s">
        <v>24405</v>
      </c>
      <c r="G6237" s="1" t="s">
        <v>24299</v>
      </c>
      <c r="H6237" s="1" t="s">
        <v>24300</v>
      </c>
      <c r="I6237" s="1" t="s">
        <v>20952</v>
      </c>
      <c r="J6237" s="1" t="s">
        <v>24406</v>
      </c>
    </row>
    <row r="6238" spans="1:10" x14ac:dyDescent="0.35">
      <c r="A6238" s="1" t="s">
        <v>24295</v>
      </c>
      <c r="B6238" s="1" t="s">
        <v>20946</v>
      </c>
      <c r="C6238" s="1" t="s">
        <v>170</v>
      </c>
      <c r="D6238" s="1" t="s">
        <v>24407</v>
      </c>
      <c r="E6238" s="1" t="s">
        <v>24408</v>
      </c>
      <c r="F6238" s="1" t="s">
        <v>24409</v>
      </c>
      <c r="G6238" s="1" t="s">
        <v>24299</v>
      </c>
      <c r="H6238" s="1" t="s">
        <v>24300</v>
      </c>
      <c r="I6238" s="1" t="s">
        <v>20952</v>
      </c>
      <c r="J6238" s="1" t="s">
        <v>24410</v>
      </c>
    </row>
    <row r="6239" spans="1:10" x14ac:dyDescent="0.35">
      <c r="A6239" s="1" t="s">
        <v>24411</v>
      </c>
      <c r="B6239" s="1" t="s">
        <v>20946</v>
      </c>
      <c r="C6239" s="1" t="s">
        <v>8</v>
      </c>
      <c r="D6239" s="1" t="s">
        <v>24412</v>
      </c>
      <c r="E6239" s="1" t="s">
        <v>24413</v>
      </c>
      <c r="F6239" s="1" t="s">
        <v>24414</v>
      </c>
      <c r="G6239" s="1" t="s">
        <v>24415</v>
      </c>
      <c r="H6239" s="1" t="s">
        <v>24416</v>
      </c>
      <c r="I6239" s="1" t="s">
        <v>20952</v>
      </c>
      <c r="J6239" s="1" t="s">
        <v>13</v>
      </c>
    </row>
    <row r="6240" spans="1:10" x14ac:dyDescent="0.35">
      <c r="A6240" s="1" t="s">
        <v>24411</v>
      </c>
      <c r="B6240" s="1" t="s">
        <v>20946</v>
      </c>
      <c r="C6240" s="1" t="s">
        <v>15</v>
      </c>
      <c r="D6240" s="1" t="s">
        <v>24417</v>
      </c>
      <c r="E6240" s="1" t="s">
        <v>24418</v>
      </c>
      <c r="F6240" s="1" t="s">
        <v>24419</v>
      </c>
      <c r="G6240" s="1" t="s">
        <v>24415</v>
      </c>
      <c r="H6240" s="1" t="s">
        <v>24416</v>
      </c>
      <c r="I6240" s="1" t="s">
        <v>20952</v>
      </c>
      <c r="J6240" s="1" t="s">
        <v>24420</v>
      </c>
    </row>
    <row r="6241" spans="1:10" x14ac:dyDescent="0.35">
      <c r="A6241" s="1" t="s">
        <v>24411</v>
      </c>
      <c r="B6241" s="1" t="s">
        <v>20946</v>
      </c>
      <c r="C6241" s="1" t="s">
        <v>20</v>
      </c>
      <c r="D6241" s="1" t="s">
        <v>24421</v>
      </c>
      <c r="E6241" s="1" t="s">
        <v>24422</v>
      </c>
      <c r="F6241" s="1" t="s">
        <v>24423</v>
      </c>
      <c r="G6241" s="1" t="s">
        <v>24415</v>
      </c>
      <c r="H6241" s="1" t="s">
        <v>24416</v>
      </c>
      <c r="I6241" s="1" t="s">
        <v>20952</v>
      </c>
      <c r="J6241" s="1" t="s">
        <v>24424</v>
      </c>
    </row>
    <row r="6242" spans="1:10" x14ac:dyDescent="0.35">
      <c r="A6242" s="1" t="s">
        <v>24411</v>
      </c>
      <c r="B6242" s="1" t="s">
        <v>20946</v>
      </c>
      <c r="C6242" s="1" t="s">
        <v>25</v>
      </c>
      <c r="D6242" s="1" t="s">
        <v>24425</v>
      </c>
      <c r="E6242" s="1" t="s">
        <v>24426</v>
      </c>
      <c r="F6242" s="1" t="s">
        <v>24427</v>
      </c>
      <c r="G6242" s="1" t="s">
        <v>24415</v>
      </c>
      <c r="H6242" s="1" t="s">
        <v>24416</v>
      </c>
      <c r="I6242" s="1" t="s">
        <v>20952</v>
      </c>
      <c r="J6242" s="1" t="s">
        <v>24428</v>
      </c>
    </row>
    <row r="6243" spans="1:10" x14ac:dyDescent="0.35">
      <c r="A6243" s="1" t="s">
        <v>24411</v>
      </c>
      <c r="B6243" s="1" t="s">
        <v>20946</v>
      </c>
      <c r="C6243" s="1" t="s">
        <v>30</v>
      </c>
      <c r="D6243" s="1" t="s">
        <v>24429</v>
      </c>
      <c r="E6243" s="1" t="s">
        <v>24430</v>
      </c>
      <c r="F6243" s="1" t="s">
        <v>24431</v>
      </c>
      <c r="G6243" s="1" t="s">
        <v>24415</v>
      </c>
      <c r="H6243" s="1" t="s">
        <v>24416</v>
      </c>
      <c r="I6243" s="1" t="s">
        <v>20952</v>
      </c>
      <c r="J6243" s="1" t="s">
        <v>24432</v>
      </c>
    </row>
    <row r="6244" spans="1:10" x14ac:dyDescent="0.35">
      <c r="A6244" s="1" t="s">
        <v>24411</v>
      </c>
      <c r="B6244" s="1" t="s">
        <v>20946</v>
      </c>
      <c r="C6244" s="1" t="s">
        <v>35</v>
      </c>
      <c r="D6244" s="1" t="s">
        <v>24433</v>
      </c>
      <c r="E6244" s="1" t="s">
        <v>24434</v>
      </c>
      <c r="F6244" s="1" t="s">
        <v>24435</v>
      </c>
      <c r="G6244" s="1" t="s">
        <v>24415</v>
      </c>
      <c r="H6244" s="1" t="s">
        <v>24416</v>
      </c>
      <c r="I6244" s="1" t="s">
        <v>20952</v>
      </c>
      <c r="J6244" s="1" t="s">
        <v>24436</v>
      </c>
    </row>
    <row r="6245" spans="1:10" x14ac:dyDescent="0.35">
      <c r="A6245" s="1" t="s">
        <v>24411</v>
      </c>
      <c r="B6245" s="1" t="s">
        <v>20946</v>
      </c>
      <c r="C6245" s="1" t="s">
        <v>40</v>
      </c>
      <c r="D6245" s="1" t="s">
        <v>24437</v>
      </c>
      <c r="E6245" s="1" t="s">
        <v>24438</v>
      </c>
      <c r="F6245" s="1" t="s">
        <v>24439</v>
      </c>
      <c r="G6245" s="1" t="s">
        <v>24415</v>
      </c>
      <c r="H6245" s="1" t="s">
        <v>24416</v>
      </c>
      <c r="I6245" s="1" t="s">
        <v>20952</v>
      </c>
      <c r="J6245" s="1" t="s">
        <v>24440</v>
      </c>
    </row>
    <row r="6246" spans="1:10" x14ac:dyDescent="0.35">
      <c r="A6246" s="1" t="s">
        <v>24411</v>
      </c>
      <c r="B6246" s="1" t="s">
        <v>20946</v>
      </c>
      <c r="C6246" s="1" t="s">
        <v>45</v>
      </c>
      <c r="D6246" s="1" t="s">
        <v>24441</v>
      </c>
      <c r="E6246" s="1" t="s">
        <v>24442</v>
      </c>
      <c r="F6246" s="1" t="s">
        <v>24443</v>
      </c>
      <c r="G6246" s="1" t="s">
        <v>24415</v>
      </c>
      <c r="H6246" s="1" t="s">
        <v>24416</v>
      </c>
      <c r="I6246" s="1" t="s">
        <v>20952</v>
      </c>
      <c r="J6246" s="1" t="s">
        <v>24444</v>
      </c>
    </row>
    <row r="6247" spans="1:10" x14ac:dyDescent="0.35">
      <c r="A6247" s="1" t="s">
        <v>24411</v>
      </c>
      <c r="B6247" s="1" t="s">
        <v>20946</v>
      </c>
      <c r="C6247" s="1" t="s">
        <v>50</v>
      </c>
      <c r="D6247" s="1" t="s">
        <v>24445</v>
      </c>
      <c r="E6247" s="1" t="s">
        <v>24446</v>
      </c>
      <c r="F6247" s="1" t="s">
        <v>24447</v>
      </c>
      <c r="G6247" s="1" t="s">
        <v>24415</v>
      </c>
      <c r="H6247" s="1" t="s">
        <v>24416</v>
      </c>
      <c r="I6247" s="1" t="s">
        <v>20952</v>
      </c>
      <c r="J6247" s="1" t="s">
        <v>24448</v>
      </c>
    </row>
    <row r="6248" spans="1:10" x14ac:dyDescent="0.35">
      <c r="A6248" s="1" t="s">
        <v>24411</v>
      </c>
      <c r="B6248" s="1" t="s">
        <v>20946</v>
      </c>
      <c r="C6248" s="1" t="s">
        <v>55</v>
      </c>
      <c r="D6248" s="1" t="s">
        <v>24449</v>
      </c>
      <c r="E6248" s="1" t="s">
        <v>24450</v>
      </c>
      <c r="F6248" s="1" t="s">
        <v>24451</v>
      </c>
      <c r="G6248" s="1" t="s">
        <v>24415</v>
      </c>
      <c r="H6248" s="1" t="s">
        <v>24416</v>
      </c>
      <c r="I6248" s="1" t="s">
        <v>20952</v>
      </c>
      <c r="J6248" s="1" t="s">
        <v>24452</v>
      </c>
    </row>
    <row r="6249" spans="1:10" x14ac:dyDescent="0.35">
      <c r="A6249" s="1" t="s">
        <v>24411</v>
      </c>
      <c r="B6249" s="1" t="s">
        <v>20946</v>
      </c>
      <c r="C6249" s="1" t="s">
        <v>60</v>
      </c>
      <c r="D6249" s="1" t="s">
        <v>24453</v>
      </c>
      <c r="E6249" s="1" t="s">
        <v>24454</v>
      </c>
      <c r="F6249" s="1" t="s">
        <v>24455</v>
      </c>
      <c r="G6249" s="1" t="s">
        <v>24415</v>
      </c>
      <c r="H6249" s="1" t="s">
        <v>24416</v>
      </c>
      <c r="I6249" s="1" t="s">
        <v>20952</v>
      </c>
      <c r="J6249" s="1" t="s">
        <v>24456</v>
      </c>
    </row>
    <row r="6250" spans="1:10" x14ac:dyDescent="0.35">
      <c r="A6250" s="1" t="s">
        <v>24411</v>
      </c>
      <c r="B6250" s="1" t="s">
        <v>20946</v>
      </c>
      <c r="C6250" s="1" t="s">
        <v>65</v>
      </c>
      <c r="D6250" s="1" t="s">
        <v>24457</v>
      </c>
      <c r="E6250" s="1" t="s">
        <v>24458</v>
      </c>
      <c r="F6250" s="1" t="s">
        <v>24459</v>
      </c>
      <c r="G6250" s="1" t="s">
        <v>24415</v>
      </c>
      <c r="H6250" s="1" t="s">
        <v>24416</v>
      </c>
      <c r="I6250" s="1" t="s">
        <v>20952</v>
      </c>
      <c r="J6250" s="1" t="s">
        <v>24460</v>
      </c>
    </row>
    <row r="6251" spans="1:10" x14ac:dyDescent="0.35">
      <c r="A6251" s="1" t="s">
        <v>24411</v>
      </c>
      <c r="B6251" s="1" t="s">
        <v>20946</v>
      </c>
      <c r="C6251" s="1" t="s">
        <v>70</v>
      </c>
      <c r="D6251" s="1" t="s">
        <v>24461</v>
      </c>
      <c r="E6251" s="1" t="s">
        <v>24462</v>
      </c>
      <c r="F6251" s="1" t="s">
        <v>24463</v>
      </c>
      <c r="G6251" s="1" t="s">
        <v>24415</v>
      </c>
      <c r="H6251" s="1" t="s">
        <v>24416</v>
      </c>
      <c r="I6251" s="1" t="s">
        <v>20952</v>
      </c>
      <c r="J6251" s="1" t="s">
        <v>24464</v>
      </c>
    </row>
    <row r="6252" spans="1:10" x14ac:dyDescent="0.35">
      <c r="A6252" s="1" t="s">
        <v>24411</v>
      </c>
      <c r="B6252" s="1" t="s">
        <v>20946</v>
      </c>
      <c r="C6252" s="1" t="s">
        <v>75</v>
      </c>
      <c r="D6252" s="1" t="s">
        <v>24465</v>
      </c>
      <c r="E6252" s="1" t="s">
        <v>24466</v>
      </c>
      <c r="F6252" s="1" t="s">
        <v>24467</v>
      </c>
      <c r="G6252" s="1" t="s">
        <v>24415</v>
      </c>
      <c r="H6252" s="1" t="s">
        <v>24416</v>
      </c>
      <c r="I6252" s="1" t="s">
        <v>20952</v>
      </c>
      <c r="J6252" s="1" t="s">
        <v>24468</v>
      </c>
    </row>
    <row r="6253" spans="1:10" x14ac:dyDescent="0.35">
      <c r="A6253" s="1" t="s">
        <v>24411</v>
      </c>
      <c r="B6253" s="1" t="s">
        <v>20946</v>
      </c>
      <c r="C6253" s="1" t="s">
        <v>80</v>
      </c>
      <c r="D6253" s="1" t="s">
        <v>24469</v>
      </c>
      <c r="E6253" s="1" t="s">
        <v>24470</v>
      </c>
      <c r="F6253" s="1" t="s">
        <v>24471</v>
      </c>
      <c r="G6253" s="1" t="s">
        <v>24415</v>
      </c>
      <c r="H6253" s="1" t="s">
        <v>24416</v>
      </c>
      <c r="I6253" s="1" t="s">
        <v>20952</v>
      </c>
      <c r="J6253" s="1" t="s">
        <v>24472</v>
      </c>
    </row>
    <row r="6254" spans="1:10" x14ac:dyDescent="0.35">
      <c r="A6254" s="1" t="s">
        <v>24411</v>
      </c>
      <c r="B6254" s="1" t="s">
        <v>20946</v>
      </c>
      <c r="C6254" s="1" t="s">
        <v>85</v>
      </c>
      <c r="D6254" s="1" t="s">
        <v>24473</v>
      </c>
      <c r="E6254" s="1" t="s">
        <v>24474</v>
      </c>
      <c r="F6254" s="1" t="s">
        <v>24475</v>
      </c>
      <c r="G6254" s="1" t="s">
        <v>24415</v>
      </c>
      <c r="H6254" s="1" t="s">
        <v>24416</v>
      </c>
      <c r="I6254" s="1" t="s">
        <v>20952</v>
      </c>
      <c r="J6254" s="1" t="s">
        <v>24476</v>
      </c>
    </row>
    <row r="6255" spans="1:10" x14ac:dyDescent="0.35">
      <c r="A6255" s="1" t="s">
        <v>24411</v>
      </c>
      <c r="B6255" s="1" t="s">
        <v>20946</v>
      </c>
      <c r="C6255" s="1" t="s">
        <v>90</v>
      </c>
      <c r="D6255" s="1" t="s">
        <v>24477</v>
      </c>
      <c r="E6255" s="1" t="s">
        <v>24478</v>
      </c>
      <c r="F6255" s="1" t="s">
        <v>24479</v>
      </c>
      <c r="G6255" s="1" t="s">
        <v>24415</v>
      </c>
      <c r="H6255" s="1" t="s">
        <v>24416</v>
      </c>
      <c r="I6255" s="1" t="s">
        <v>20952</v>
      </c>
      <c r="J6255" s="1" t="s">
        <v>24480</v>
      </c>
    </row>
    <row r="6256" spans="1:10" x14ac:dyDescent="0.35">
      <c r="A6256" s="1" t="s">
        <v>24411</v>
      </c>
      <c r="B6256" s="1" t="s">
        <v>20946</v>
      </c>
      <c r="C6256" s="1" t="s">
        <v>95</v>
      </c>
      <c r="D6256" s="1" t="s">
        <v>24481</v>
      </c>
      <c r="E6256" s="1" t="s">
        <v>24482</v>
      </c>
      <c r="F6256" s="1" t="s">
        <v>24483</v>
      </c>
      <c r="G6256" s="1" t="s">
        <v>24415</v>
      </c>
      <c r="H6256" s="1" t="s">
        <v>24416</v>
      </c>
      <c r="I6256" s="1" t="s">
        <v>20952</v>
      </c>
      <c r="J6256" s="1" t="s">
        <v>24484</v>
      </c>
    </row>
    <row r="6257" spans="1:10" x14ac:dyDescent="0.35">
      <c r="A6257" s="1" t="s">
        <v>24411</v>
      </c>
      <c r="B6257" s="1" t="s">
        <v>20946</v>
      </c>
      <c r="C6257" s="1" t="s">
        <v>100</v>
      </c>
      <c r="D6257" s="1" t="s">
        <v>24485</v>
      </c>
      <c r="E6257" s="1" t="s">
        <v>24486</v>
      </c>
      <c r="F6257" s="1" t="s">
        <v>24487</v>
      </c>
      <c r="G6257" s="1" t="s">
        <v>24415</v>
      </c>
      <c r="H6257" s="1" t="s">
        <v>24416</v>
      </c>
      <c r="I6257" s="1" t="s">
        <v>20952</v>
      </c>
      <c r="J6257" s="1" t="s">
        <v>24488</v>
      </c>
    </row>
    <row r="6258" spans="1:10" x14ac:dyDescent="0.35">
      <c r="A6258" s="1" t="s">
        <v>24411</v>
      </c>
      <c r="B6258" s="1" t="s">
        <v>20946</v>
      </c>
      <c r="C6258" s="1" t="s">
        <v>105</v>
      </c>
      <c r="D6258" s="1" t="s">
        <v>24489</v>
      </c>
      <c r="E6258" s="1" t="s">
        <v>24490</v>
      </c>
      <c r="F6258" s="1" t="s">
        <v>24491</v>
      </c>
      <c r="G6258" s="1" t="s">
        <v>24415</v>
      </c>
      <c r="H6258" s="1" t="s">
        <v>24416</v>
      </c>
      <c r="I6258" s="1" t="s">
        <v>20952</v>
      </c>
      <c r="J6258" s="1" t="s">
        <v>24492</v>
      </c>
    </row>
    <row r="6259" spans="1:10" x14ac:dyDescent="0.35">
      <c r="A6259" s="1" t="s">
        <v>24411</v>
      </c>
      <c r="B6259" s="1" t="s">
        <v>20946</v>
      </c>
      <c r="C6259" s="1" t="s">
        <v>110</v>
      </c>
      <c r="D6259" s="1" t="s">
        <v>24493</v>
      </c>
      <c r="E6259" s="1" t="s">
        <v>24494</v>
      </c>
      <c r="F6259" s="1" t="s">
        <v>24495</v>
      </c>
      <c r="G6259" s="1" t="s">
        <v>24415</v>
      </c>
      <c r="H6259" s="1" t="s">
        <v>24416</v>
      </c>
      <c r="I6259" s="1" t="s">
        <v>20952</v>
      </c>
      <c r="J6259" s="1" t="s">
        <v>24496</v>
      </c>
    </row>
    <row r="6260" spans="1:10" x14ac:dyDescent="0.35">
      <c r="A6260" s="1" t="s">
        <v>24411</v>
      </c>
      <c r="B6260" s="1" t="s">
        <v>20946</v>
      </c>
      <c r="C6260" s="1" t="s">
        <v>115</v>
      </c>
      <c r="D6260" s="1" t="s">
        <v>24497</v>
      </c>
      <c r="E6260" s="1" t="s">
        <v>24498</v>
      </c>
      <c r="F6260" s="1" t="s">
        <v>24499</v>
      </c>
      <c r="G6260" s="1" t="s">
        <v>24415</v>
      </c>
      <c r="H6260" s="1" t="s">
        <v>24416</v>
      </c>
      <c r="I6260" s="1" t="s">
        <v>20952</v>
      </c>
      <c r="J6260" s="1" t="s">
        <v>24500</v>
      </c>
    </row>
    <row r="6261" spans="1:10" x14ac:dyDescent="0.35">
      <c r="A6261" s="1" t="s">
        <v>24411</v>
      </c>
      <c r="B6261" s="1" t="s">
        <v>20946</v>
      </c>
      <c r="C6261" s="1" t="s">
        <v>120</v>
      </c>
      <c r="D6261" s="1" t="s">
        <v>24501</v>
      </c>
      <c r="E6261" s="1" t="s">
        <v>24502</v>
      </c>
      <c r="F6261" s="1" t="s">
        <v>24503</v>
      </c>
      <c r="G6261" s="1" t="s">
        <v>24415</v>
      </c>
      <c r="H6261" s="1" t="s">
        <v>24416</v>
      </c>
      <c r="I6261" s="1" t="s">
        <v>20952</v>
      </c>
      <c r="J6261" s="1" t="s">
        <v>24504</v>
      </c>
    </row>
    <row r="6262" spans="1:10" x14ac:dyDescent="0.35">
      <c r="A6262" s="1" t="s">
        <v>24411</v>
      </c>
      <c r="B6262" s="1" t="s">
        <v>20946</v>
      </c>
      <c r="C6262" s="1" t="s">
        <v>125</v>
      </c>
      <c r="D6262" s="1" t="s">
        <v>24505</v>
      </c>
      <c r="E6262" s="1" t="s">
        <v>24506</v>
      </c>
      <c r="F6262" s="1" t="s">
        <v>24507</v>
      </c>
      <c r="G6262" s="1" t="s">
        <v>24415</v>
      </c>
      <c r="H6262" s="1" t="s">
        <v>24416</v>
      </c>
      <c r="I6262" s="1" t="s">
        <v>20952</v>
      </c>
      <c r="J6262" s="1" t="s">
        <v>24508</v>
      </c>
    </row>
    <row r="6263" spans="1:10" x14ac:dyDescent="0.35">
      <c r="A6263" s="1" t="s">
        <v>24411</v>
      </c>
      <c r="B6263" s="1" t="s">
        <v>20946</v>
      </c>
      <c r="C6263" s="1" t="s">
        <v>130</v>
      </c>
      <c r="D6263" s="1" t="s">
        <v>24509</v>
      </c>
      <c r="E6263" s="1" t="s">
        <v>24510</v>
      </c>
      <c r="F6263" s="1" t="s">
        <v>24511</v>
      </c>
      <c r="G6263" s="1" t="s">
        <v>24415</v>
      </c>
      <c r="H6263" s="1" t="s">
        <v>24416</v>
      </c>
      <c r="I6263" s="1" t="s">
        <v>20952</v>
      </c>
      <c r="J6263" s="1" t="s">
        <v>24512</v>
      </c>
    </row>
    <row r="6264" spans="1:10" x14ac:dyDescent="0.35">
      <c r="A6264" s="1" t="s">
        <v>24411</v>
      </c>
      <c r="B6264" s="1" t="s">
        <v>20946</v>
      </c>
      <c r="C6264" s="1" t="s">
        <v>135</v>
      </c>
      <c r="D6264" s="1" t="s">
        <v>24513</v>
      </c>
      <c r="E6264" s="1" t="s">
        <v>24514</v>
      </c>
      <c r="F6264" s="1" t="s">
        <v>24515</v>
      </c>
      <c r="G6264" s="1" t="s">
        <v>24415</v>
      </c>
      <c r="H6264" s="1" t="s">
        <v>24416</v>
      </c>
      <c r="I6264" s="1" t="s">
        <v>20952</v>
      </c>
      <c r="J6264" s="1" t="s">
        <v>24516</v>
      </c>
    </row>
    <row r="6265" spans="1:10" x14ac:dyDescent="0.35">
      <c r="A6265" s="1" t="s">
        <v>24411</v>
      </c>
      <c r="B6265" s="1" t="s">
        <v>20946</v>
      </c>
      <c r="C6265" s="1" t="s">
        <v>140</v>
      </c>
      <c r="D6265" s="1" t="s">
        <v>24517</v>
      </c>
      <c r="E6265" s="1" t="s">
        <v>24518</v>
      </c>
      <c r="F6265" s="1" t="s">
        <v>24519</v>
      </c>
      <c r="G6265" s="1" t="s">
        <v>24415</v>
      </c>
      <c r="H6265" s="1" t="s">
        <v>24416</v>
      </c>
      <c r="I6265" s="1" t="s">
        <v>20952</v>
      </c>
      <c r="J6265" s="1" t="s">
        <v>24520</v>
      </c>
    </row>
    <row r="6266" spans="1:10" x14ac:dyDescent="0.35">
      <c r="A6266" s="1" t="s">
        <v>24411</v>
      </c>
      <c r="B6266" s="1" t="s">
        <v>20946</v>
      </c>
      <c r="C6266" s="1" t="s">
        <v>145</v>
      </c>
      <c r="D6266" s="1" t="s">
        <v>24521</v>
      </c>
      <c r="E6266" s="1" t="s">
        <v>24522</v>
      </c>
      <c r="F6266" s="1" t="s">
        <v>24523</v>
      </c>
      <c r="G6266" s="1" t="s">
        <v>24415</v>
      </c>
      <c r="H6266" s="1" t="s">
        <v>24416</v>
      </c>
      <c r="I6266" s="1" t="s">
        <v>20952</v>
      </c>
      <c r="J6266" s="1" t="s">
        <v>24524</v>
      </c>
    </row>
    <row r="6267" spans="1:10" x14ac:dyDescent="0.35">
      <c r="A6267" s="1" t="s">
        <v>24411</v>
      </c>
      <c r="B6267" s="1" t="s">
        <v>20946</v>
      </c>
      <c r="C6267" s="1" t="s">
        <v>150</v>
      </c>
      <c r="D6267" s="1" t="s">
        <v>24525</v>
      </c>
      <c r="E6267" s="1" t="s">
        <v>24526</v>
      </c>
      <c r="F6267" s="1" t="s">
        <v>24527</v>
      </c>
      <c r="G6267" s="1" t="s">
        <v>24415</v>
      </c>
      <c r="H6267" s="1" t="s">
        <v>24416</v>
      </c>
      <c r="I6267" s="1" t="s">
        <v>20952</v>
      </c>
      <c r="J6267" s="1" t="s">
        <v>24528</v>
      </c>
    </row>
    <row r="6268" spans="1:10" x14ac:dyDescent="0.35">
      <c r="A6268" s="1" t="s">
        <v>24411</v>
      </c>
      <c r="B6268" s="1" t="s">
        <v>20946</v>
      </c>
      <c r="C6268" s="1" t="s">
        <v>155</v>
      </c>
      <c r="D6268" s="1" t="s">
        <v>24529</v>
      </c>
      <c r="E6268" s="1" t="s">
        <v>24530</v>
      </c>
      <c r="F6268" s="1" t="s">
        <v>24531</v>
      </c>
      <c r="G6268" s="1" t="s">
        <v>24415</v>
      </c>
      <c r="H6268" s="1" t="s">
        <v>24416</v>
      </c>
      <c r="I6268" s="1" t="s">
        <v>20952</v>
      </c>
      <c r="J6268" s="1" t="s">
        <v>24532</v>
      </c>
    </row>
    <row r="6269" spans="1:10" x14ac:dyDescent="0.35">
      <c r="A6269" s="1" t="s">
        <v>24411</v>
      </c>
      <c r="B6269" s="1" t="s">
        <v>20946</v>
      </c>
      <c r="C6269" s="1" t="s">
        <v>160</v>
      </c>
      <c r="D6269" s="1" t="s">
        <v>24533</v>
      </c>
      <c r="E6269" s="1" t="s">
        <v>24534</v>
      </c>
      <c r="F6269" s="1" t="s">
        <v>24535</v>
      </c>
      <c r="G6269" s="1" t="s">
        <v>24415</v>
      </c>
      <c r="H6269" s="1" t="s">
        <v>24416</v>
      </c>
      <c r="I6269" s="1" t="s">
        <v>20952</v>
      </c>
      <c r="J6269" s="1" t="s">
        <v>24536</v>
      </c>
    </row>
    <row r="6270" spans="1:10" x14ac:dyDescent="0.35">
      <c r="A6270" s="1" t="s">
        <v>24411</v>
      </c>
      <c r="B6270" s="1" t="s">
        <v>20946</v>
      </c>
      <c r="C6270" s="1" t="s">
        <v>165</v>
      </c>
      <c r="D6270" s="1" t="s">
        <v>24537</v>
      </c>
      <c r="E6270" s="1" t="s">
        <v>24538</v>
      </c>
      <c r="F6270" s="1" t="s">
        <v>24539</v>
      </c>
      <c r="G6270" s="1" t="s">
        <v>24415</v>
      </c>
      <c r="H6270" s="1" t="s">
        <v>24416</v>
      </c>
      <c r="I6270" s="1" t="s">
        <v>20952</v>
      </c>
      <c r="J6270" s="1" t="s">
        <v>24540</v>
      </c>
    </row>
    <row r="6271" spans="1:10" x14ac:dyDescent="0.35">
      <c r="A6271" s="1" t="s">
        <v>24411</v>
      </c>
      <c r="B6271" s="1" t="s">
        <v>20946</v>
      </c>
      <c r="C6271" s="1" t="s">
        <v>170</v>
      </c>
      <c r="D6271" s="1" t="s">
        <v>24541</v>
      </c>
      <c r="E6271" s="1" t="s">
        <v>24542</v>
      </c>
      <c r="F6271" s="1" t="s">
        <v>24543</v>
      </c>
      <c r="G6271" s="1" t="s">
        <v>24415</v>
      </c>
      <c r="H6271" s="1" t="s">
        <v>24416</v>
      </c>
      <c r="I6271" s="1" t="s">
        <v>20952</v>
      </c>
      <c r="J6271" s="1" t="s">
        <v>24544</v>
      </c>
    </row>
    <row r="6272" spans="1:10" x14ac:dyDescent="0.35">
      <c r="A6272" s="1" t="s">
        <v>24545</v>
      </c>
      <c r="B6272" s="1" t="s">
        <v>20946</v>
      </c>
      <c r="C6272" s="1" t="s">
        <v>8</v>
      </c>
      <c r="D6272" s="1" t="s">
        <v>24546</v>
      </c>
      <c r="E6272" s="1" t="s">
        <v>24547</v>
      </c>
      <c r="F6272" s="1" t="s">
        <v>24548</v>
      </c>
      <c r="G6272" s="1" t="s">
        <v>24549</v>
      </c>
      <c r="H6272" s="1" t="s">
        <v>24550</v>
      </c>
      <c r="I6272" s="1" t="s">
        <v>20952</v>
      </c>
      <c r="J6272" s="1" t="s">
        <v>13</v>
      </c>
    </row>
    <row r="6273" spans="1:10" x14ac:dyDescent="0.35">
      <c r="A6273" s="1" t="s">
        <v>24545</v>
      </c>
      <c r="B6273" s="1" t="s">
        <v>20946</v>
      </c>
      <c r="C6273" s="1" t="s">
        <v>15</v>
      </c>
      <c r="D6273" s="1" t="s">
        <v>24551</v>
      </c>
      <c r="E6273" s="1" t="s">
        <v>24552</v>
      </c>
      <c r="F6273" s="1" t="s">
        <v>24553</v>
      </c>
      <c r="G6273" s="1" t="s">
        <v>24549</v>
      </c>
      <c r="H6273" s="1" t="s">
        <v>24550</v>
      </c>
      <c r="I6273" s="1" t="s">
        <v>20952</v>
      </c>
      <c r="J6273" s="1" t="s">
        <v>24554</v>
      </c>
    </row>
    <row r="6274" spans="1:10" x14ac:dyDescent="0.35">
      <c r="A6274" s="1" t="s">
        <v>24545</v>
      </c>
      <c r="B6274" s="1" t="s">
        <v>20946</v>
      </c>
      <c r="C6274" s="1" t="s">
        <v>20</v>
      </c>
      <c r="D6274" s="1" t="s">
        <v>24555</v>
      </c>
      <c r="E6274" s="1" t="s">
        <v>24556</v>
      </c>
      <c r="F6274" s="1" t="s">
        <v>24557</v>
      </c>
      <c r="G6274" s="1" t="s">
        <v>24549</v>
      </c>
      <c r="H6274" s="1" t="s">
        <v>24550</v>
      </c>
      <c r="I6274" s="1" t="s">
        <v>20952</v>
      </c>
      <c r="J6274" s="1" t="s">
        <v>24558</v>
      </c>
    </row>
    <row r="6275" spans="1:10" x14ac:dyDescent="0.35">
      <c r="A6275" s="1" t="s">
        <v>24545</v>
      </c>
      <c r="B6275" s="1" t="s">
        <v>20946</v>
      </c>
      <c r="C6275" s="1" t="s">
        <v>25</v>
      </c>
      <c r="D6275" s="1" t="s">
        <v>24559</v>
      </c>
      <c r="E6275" s="1" t="s">
        <v>24560</v>
      </c>
      <c r="F6275" s="1" t="s">
        <v>24561</v>
      </c>
      <c r="G6275" s="1" t="s">
        <v>24549</v>
      </c>
      <c r="H6275" s="1" t="s">
        <v>24550</v>
      </c>
      <c r="I6275" s="1" t="s">
        <v>20952</v>
      </c>
      <c r="J6275" s="1" t="s">
        <v>24562</v>
      </c>
    </row>
    <row r="6276" spans="1:10" x14ac:dyDescent="0.35">
      <c r="A6276" s="1" t="s">
        <v>24545</v>
      </c>
      <c r="B6276" s="1" t="s">
        <v>20946</v>
      </c>
      <c r="C6276" s="1" t="s">
        <v>30</v>
      </c>
      <c r="D6276" s="1" t="s">
        <v>24563</v>
      </c>
      <c r="E6276" s="1" t="s">
        <v>24564</v>
      </c>
      <c r="F6276" s="1" t="s">
        <v>24565</v>
      </c>
      <c r="G6276" s="1" t="s">
        <v>24549</v>
      </c>
      <c r="H6276" s="1" t="s">
        <v>24550</v>
      </c>
      <c r="I6276" s="1" t="s">
        <v>20952</v>
      </c>
      <c r="J6276" s="1" t="s">
        <v>24566</v>
      </c>
    </row>
    <row r="6277" spans="1:10" x14ac:dyDescent="0.35">
      <c r="A6277" s="1" t="s">
        <v>24545</v>
      </c>
      <c r="B6277" s="1" t="s">
        <v>20946</v>
      </c>
      <c r="C6277" s="1" t="s">
        <v>35</v>
      </c>
      <c r="D6277" s="1" t="s">
        <v>24567</v>
      </c>
      <c r="E6277" s="1" t="s">
        <v>24568</v>
      </c>
      <c r="F6277" s="1" t="s">
        <v>24569</v>
      </c>
      <c r="G6277" s="1" t="s">
        <v>24549</v>
      </c>
      <c r="H6277" s="1" t="s">
        <v>24550</v>
      </c>
      <c r="I6277" s="1" t="s">
        <v>20952</v>
      </c>
      <c r="J6277" s="1" t="s">
        <v>24570</v>
      </c>
    </row>
    <row r="6278" spans="1:10" x14ac:dyDescent="0.35">
      <c r="A6278" s="1" t="s">
        <v>24545</v>
      </c>
      <c r="B6278" s="1" t="s">
        <v>20946</v>
      </c>
      <c r="C6278" s="1" t="s">
        <v>40</v>
      </c>
      <c r="D6278" s="1" t="s">
        <v>24571</v>
      </c>
      <c r="E6278" s="1" t="s">
        <v>24572</v>
      </c>
      <c r="F6278" s="1" t="s">
        <v>24573</v>
      </c>
      <c r="G6278" s="1" t="s">
        <v>24549</v>
      </c>
      <c r="H6278" s="1" t="s">
        <v>24550</v>
      </c>
      <c r="I6278" s="1" t="s">
        <v>20952</v>
      </c>
      <c r="J6278" s="1" t="s">
        <v>24574</v>
      </c>
    </row>
    <row r="6279" spans="1:10" x14ac:dyDescent="0.35">
      <c r="A6279" s="1" t="s">
        <v>24545</v>
      </c>
      <c r="B6279" s="1" t="s">
        <v>20946</v>
      </c>
      <c r="C6279" s="1" t="s">
        <v>45</v>
      </c>
      <c r="D6279" s="1" t="s">
        <v>24575</v>
      </c>
      <c r="E6279" s="1" t="s">
        <v>24576</v>
      </c>
      <c r="F6279" s="1" t="s">
        <v>24577</v>
      </c>
      <c r="G6279" s="1" t="s">
        <v>24549</v>
      </c>
      <c r="H6279" s="1" t="s">
        <v>24550</v>
      </c>
      <c r="I6279" s="1" t="s">
        <v>20952</v>
      </c>
      <c r="J6279" s="1" t="s">
        <v>24578</v>
      </c>
    </row>
    <row r="6280" spans="1:10" x14ac:dyDescent="0.35">
      <c r="A6280" s="1" t="s">
        <v>24545</v>
      </c>
      <c r="B6280" s="1" t="s">
        <v>20946</v>
      </c>
      <c r="C6280" s="1" t="s">
        <v>50</v>
      </c>
      <c r="D6280" s="1" t="s">
        <v>24579</v>
      </c>
      <c r="E6280" s="1" t="s">
        <v>24580</v>
      </c>
      <c r="F6280" s="1" t="s">
        <v>24581</v>
      </c>
      <c r="G6280" s="1" t="s">
        <v>24549</v>
      </c>
      <c r="H6280" s="1" t="s">
        <v>24550</v>
      </c>
      <c r="I6280" s="1" t="s">
        <v>20952</v>
      </c>
      <c r="J6280" s="1" t="s">
        <v>24582</v>
      </c>
    </row>
    <row r="6281" spans="1:10" x14ac:dyDescent="0.35">
      <c r="A6281" s="1" t="s">
        <v>24545</v>
      </c>
      <c r="B6281" s="1" t="s">
        <v>20946</v>
      </c>
      <c r="C6281" s="1" t="s">
        <v>55</v>
      </c>
      <c r="D6281" s="1" t="s">
        <v>24583</v>
      </c>
      <c r="E6281" s="1" t="s">
        <v>24584</v>
      </c>
      <c r="F6281" s="1" t="s">
        <v>24585</v>
      </c>
      <c r="G6281" s="1" t="s">
        <v>24549</v>
      </c>
      <c r="H6281" s="1" t="s">
        <v>24550</v>
      </c>
      <c r="I6281" s="1" t="s">
        <v>20952</v>
      </c>
      <c r="J6281" s="1" t="s">
        <v>24586</v>
      </c>
    </row>
    <row r="6282" spans="1:10" x14ac:dyDescent="0.35">
      <c r="A6282" s="1" t="s">
        <v>24545</v>
      </c>
      <c r="B6282" s="1" t="s">
        <v>20946</v>
      </c>
      <c r="C6282" s="1" t="s">
        <v>60</v>
      </c>
      <c r="D6282" s="1" t="s">
        <v>24587</v>
      </c>
      <c r="E6282" s="1" t="s">
        <v>24588</v>
      </c>
      <c r="F6282" s="1" t="s">
        <v>24589</v>
      </c>
      <c r="G6282" s="1" t="s">
        <v>24549</v>
      </c>
      <c r="H6282" s="1" t="s">
        <v>24550</v>
      </c>
      <c r="I6282" s="1" t="s">
        <v>20952</v>
      </c>
      <c r="J6282" s="1" t="s">
        <v>24590</v>
      </c>
    </row>
    <row r="6283" spans="1:10" x14ac:dyDescent="0.35">
      <c r="A6283" s="1" t="s">
        <v>24545</v>
      </c>
      <c r="B6283" s="1" t="s">
        <v>20946</v>
      </c>
      <c r="C6283" s="1" t="s">
        <v>65</v>
      </c>
      <c r="D6283" s="1" t="s">
        <v>24591</v>
      </c>
      <c r="E6283" s="1" t="s">
        <v>24592</v>
      </c>
      <c r="F6283" s="1" t="s">
        <v>24593</v>
      </c>
      <c r="G6283" s="1" t="s">
        <v>24549</v>
      </c>
      <c r="H6283" s="1" t="s">
        <v>24550</v>
      </c>
      <c r="I6283" s="1" t="s">
        <v>20952</v>
      </c>
      <c r="J6283" s="1" t="s">
        <v>24594</v>
      </c>
    </row>
    <row r="6284" spans="1:10" x14ac:dyDescent="0.35">
      <c r="A6284" s="1" t="s">
        <v>24545</v>
      </c>
      <c r="B6284" s="1" t="s">
        <v>20946</v>
      </c>
      <c r="C6284" s="1" t="s">
        <v>70</v>
      </c>
      <c r="D6284" s="1" t="s">
        <v>24595</v>
      </c>
      <c r="E6284" s="1" t="s">
        <v>24596</v>
      </c>
      <c r="F6284" s="1" t="s">
        <v>24597</v>
      </c>
      <c r="G6284" s="1" t="s">
        <v>24549</v>
      </c>
      <c r="H6284" s="1" t="s">
        <v>24550</v>
      </c>
      <c r="I6284" s="1" t="s">
        <v>20952</v>
      </c>
      <c r="J6284" s="1" t="s">
        <v>24598</v>
      </c>
    </row>
    <row r="6285" spans="1:10" x14ac:dyDescent="0.35">
      <c r="A6285" s="1" t="s">
        <v>24545</v>
      </c>
      <c r="B6285" s="1" t="s">
        <v>20946</v>
      </c>
      <c r="C6285" s="1" t="s">
        <v>75</v>
      </c>
      <c r="D6285" s="1" t="s">
        <v>24599</v>
      </c>
      <c r="E6285" s="1" t="s">
        <v>24600</v>
      </c>
      <c r="F6285" s="1" t="s">
        <v>24601</v>
      </c>
      <c r="G6285" s="1" t="s">
        <v>24549</v>
      </c>
      <c r="H6285" s="1" t="s">
        <v>24550</v>
      </c>
      <c r="I6285" s="1" t="s">
        <v>20952</v>
      </c>
      <c r="J6285" s="1" t="s">
        <v>24602</v>
      </c>
    </row>
    <row r="6286" spans="1:10" x14ac:dyDescent="0.35">
      <c r="A6286" s="1" t="s">
        <v>24545</v>
      </c>
      <c r="B6286" s="1" t="s">
        <v>20946</v>
      </c>
      <c r="C6286" s="1" t="s">
        <v>80</v>
      </c>
      <c r="D6286" s="1" t="s">
        <v>24603</v>
      </c>
      <c r="E6286" s="1" t="s">
        <v>24604</v>
      </c>
      <c r="F6286" s="1" t="s">
        <v>24605</v>
      </c>
      <c r="G6286" s="1" t="s">
        <v>24549</v>
      </c>
      <c r="H6286" s="1" t="s">
        <v>24550</v>
      </c>
      <c r="I6286" s="1" t="s">
        <v>20952</v>
      </c>
      <c r="J6286" s="1" t="s">
        <v>24606</v>
      </c>
    </row>
    <row r="6287" spans="1:10" x14ac:dyDescent="0.35">
      <c r="A6287" s="1" t="s">
        <v>24545</v>
      </c>
      <c r="B6287" s="1" t="s">
        <v>20946</v>
      </c>
      <c r="C6287" s="1" t="s">
        <v>85</v>
      </c>
      <c r="D6287" s="1" t="s">
        <v>24607</v>
      </c>
      <c r="E6287" s="1" t="s">
        <v>24608</v>
      </c>
      <c r="F6287" s="1" t="s">
        <v>24609</v>
      </c>
      <c r="G6287" s="1" t="s">
        <v>24549</v>
      </c>
      <c r="H6287" s="1" t="s">
        <v>24550</v>
      </c>
      <c r="I6287" s="1" t="s">
        <v>20952</v>
      </c>
      <c r="J6287" s="1" t="s">
        <v>24610</v>
      </c>
    </row>
    <row r="6288" spans="1:10" x14ac:dyDescent="0.35">
      <c r="A6288" s="1" t="s">
        <v>24545</v>
      </c>
      <c r="B6288" s="1" t="s">
        <v>20946</v>
      </c>
      <c r="C6288" s="1" t="s">
        <v>90</v>
      </c>
      <c r="D6288" s="1" t="s">
        <v>24611</v>
      </c>
      <c r="E6288" s="1" t="s">
        <v>24612</v>
      </c>
      <c r="F6288" s="1" t="s">
        <v>24613</v>
      </c>
      <c r="G6288" s="1" t="s">
        <v>24549</v>
      </c>
      <c r="H6288" s="1" t="s">
        <v>24550</v>
      </c>
      <c r="I6288" s="1" t="s">
        <v>20952</v>
      </c>
      <c r="J6288" s="1" t="s">
        <v>24614</v>
      </c>
    </row>
    <row r="6289" spans="1:10" x14ac:dyDescent="0.35">
      <c r="A6289" s="1" t="s">
        <v>24545</v>
      </c>
      <c r="B6289" s="1" t="s">
        <v>20946</v>
      </c>
      <c r="C6289" s="1" t="s">
        <v>95</v>
      </c>
      <c r="D6289" s="1" t="s">
        <v>24615</v>
      </c>
      <c r="E6289" s="1" t="s">
        <v>24616</v>
      </c>
      <c r="F6289" s="1" t="s">
        <v>24617</v>
      </c>
      <c r="G6289" s="1" t="s">
        <v>24549</v>
      </c>
      <c r="H6289" s="1" t="s">
        <v>24550</v>
      </c>
      <c r="I6289" s="1" t="s">
        <v>20952</v>
      </c>
      <c r="J6289" s="1" t="s">
        <v>24618</v>
      </c>
    </row>
    <row r="6290" spans="1:10" x14ac:dyDescent="0.35">
      <c r="A6290" s="1" t="s">
        <v>24545</v>
      </c>
      <c r="B6290" s="1" t="s">
        <v>20946</v>
      </c>
      <c r="C6290" s="1" t="s">
        <v>100</v>
      </c>
      <c r="D6290" s="1" t="s">
        <v>24619</v>
      </c>
      <c r="E6290" s="1" t="s">
        <v>24620</v>
      </c>
      <c r="F6290" s="1" t="s">
        <v>24621</v>
      </c>
      <c r="G6290" s="1" t="s">
        <v>24549</v>
      </c>
      <c r="H6290" s="1" t="s">
        <v>24550</v>
      </c>
      <c r="I6290" s="1" t="s">
        <v>20952</v>
      </c>
      <c r="J6290" s="1" t="s">
        <v>24622</v>
      </c>
    </row>
    <row r="6291" spans="1:10" x14ac:dyDescent="0.35">
      <c r="A6291" s="1" t="s">
        <v>24545</v>
      </c>
      <c r="B6291" s="1" t="s">
        <v>20946</v>
      </c>
      <c r="C6291" s="1" t="s">
        <v>105</v>
      </c>
      <c r="D6291" s="1" t="s">
        <v>24623</v>
      </c>
      <c r="E6291" s="1" t="s">
        <v>24624</v>
      </c>
      <c r="F6291" s="1" t="s">
        <v>24625</v>
      </c>
      <c r="G6291" s="1" t="s">
        <v>24549</v>
      </c>
      <c r="H6291" s="1" t="s">
        <v>24550</v>
      </c>
      <c r="I6291" s="1" t="s">
        <v>20952</v>
      </c>
      <c r="J6291" s="1" t="s">
        <v>24626</v>
      </c>
    </row>
    <row r="6292" spans="1:10" x14ac:dyDescent="0.35">
      <c r="A6292" s="1" t="s">
        <v>24545</v>
      </c>
      <c r="B6292" s="1" t="s">
        <v>20946</v>
      </c>
      <c r="C6292" s="1" t="s">
        <v>110</v>
      </c>
      <c r="D6292" s="1" t="s">
        <v>24627</v>
      </c>
      <c r="E6292" s="1" t="s">
        <v>24628</v>
      </c>
      <c r="F6292" s="1" t="s">
        <v>24629</v>
      </c>
      <c r="G6292" s="1" t="s">
        <v>24549</v>
      </c>
      <c r="H6292" s="1" t="s">
        <v>24550</v>
      </c>
      <c r="I6292" s="1" t="s">
        <v>20952</v>
      </c>
      <c r="J6292" s="1" t="s">
        <v>24630</v>
      </c>
    </row>
    <row r="6293" spans="1:10" x14ac:dyDescent="0.35">
      <c r="A6293" s="1" t="s">
        <v>24545</v>
      </c>
      <c r="B6293" s="1" t="s">
        <v>20946</v>
      </c>
      <c r="C6293" s="1" t="s">
        <v>115</v>
      </c>
      <c r="D6293" s="1" t="s">
        <v>24631</v>
      </c>
      <c r="E6293" s="1" t="s">
        <v>24632</v>
      </c>
      <c r="F6293" s="1" t="s">
        <v>24633</v>
      </c>
      <c r="G6293" s="1" t="s">
        <v>24549</v>
      </c>
      <c r="H6293" s="1" t="s">
        <v>24550</v>
      </c>
      <c r="I6293" s="1" t="s">
        <v>20952</v>
      </c>
      <c r="J6293" s="1" t="s">
        <v>24634</v>
      </c>
    </row>
    <row r="6294" spans="1:10" x14ac:dyDescent="0.35">
      <c r="A6294" s="1" t="s">
        <v>24545</v>
      </c>
      <c r="B6294" s="1" t="s">
        <v>20946</v>
      </c>
      <c r="C6294" s="1" t="s">
        <v>120</v>
      </c>
      <c r="D6294" s="1" t="s">
        <v>24635</v>
      </c>
      <c r="E6294" s="1" t="s">
        <v>24636</v>
      </c>
      <c r="F6294" s="1" t="s">
        <v>24637</v>
      </c>
      <c r="G6294" s="1" t="s">
        <v>24549</v>
      </c>
      <c r="H6294" s="1" t="s">
        <v>24550</v>
      </c>
      <c r="I6294" s="1" t="s">
        <v>20952</v>
      </c>
      <c r="J6294" s="1" t="s">
        <v>24638</v>
      </c>
    </row>
    <row r="6295" spans="1:10" x14ac:dyDescent="0.35">
      <c r="A6295" s="1" t="s">
        <v>24545</v>
      </c>
      <c r="B6295" s="1" t="s">
        <v>20946</v>
      </c>
      <c r="C6295" s="1" t="s">
        <v>125</v>
      </c>
      <c r="D6295" s="1" t="s">
        <v>21936</v>
      </c>
      <c r="E6295" s="1" t="s">
        <v>24639</v>
      </c>
      <c r="F6295" s="1" t="s">
        <v>24640</v>
      </c>
      <c r="G6295" s="1" t="s">
        <v>24549</v>
      </c>
      <c r="H6295" s="1" t="s">
        <v>24550</v>
      </c>
      <c r="I6295" s="1" t="s">
        <v>20952</v>
      </c>
      <c r="J6295" s="1" t="s">
        <v>24641</v>
      </c>
    </row>
    <row r="6296" spans="1:10" x14ac:dyDescent="0.35">
      <c r="A6296" s="1" t="s">
        <v>24545</v>
      </c>
      <c r="B6296" s="1" t="s">
        <v>20946</v>
      </c>
      <c r="C6296" s="1" t="s">
        <v>130</v>
      </c>
      <c r="D6296" s="1" t="s">
        <v>24642</v>
      </c>
      <c r="E6296" s="1" t="s">
        <v>24643</v>
      </c>
      <c r="F6296" s="1" t="s">
        <v>24644</v>
      </c>
      <c r="G6296" s="1" t="s">
        <v>24549</v>
      </c>
      <c r="H6296" s="1" t="s">
        <v>24550</v>
      </c>
      <c r="I6296" s="1" t="s">
        <v>20952</v>
      </c>
      <c r="J6296" s="1" t="s">
        <v>24645</v>
      </c>
    </row>
    <row r="6297" spans="1:10" x14ac:dyDescent="0.35">
      <c r="A6297" s="1" t="s">
        <v>24545</v>
      </c>
      <c r="B6297" s="1" t="s">
        <v>20946</v>
      </c>
      <c r="C6297" s="1" t="s">
        <v>135</v>
      </c>
      <c r="D6297" s="1" t="s">
        <v>24646</v>
      </c>
      <c r="E6297" s="1" t="s">
        <v>24647</v>
      </c>
      <c r="F6297" s="1" t="s">
        <v>24648</v>
      </c>
      <c r="G6297" s="1" t="s">
        <v>24549</v>
      </c>
      <c r="H6297" s="1" t="s">
        <v>24550</v>
      </c>
      <c r="I6297" s="1" t="s">
        <v>20952</v>
      </c>
      <c r="J6297" s="1" t="s">
        <v>24649</v>
      </c>
    </row>
    <row r="6298" spans="1:10" x14ac:dyDescent="0.35">
      <c r="A6298" s="1" t="s">
        <v>24545</v>
      </c>
      <c r="B6298" s="1" t="s">
        <v>20946</v>
      </c>
      <c r="C6298" s="1" t="s">
        <v>140</v>
      </c>
      <c r="D6298" s="1" t="s">
        <v>24650</v>
      </c>
      <c r="E6298" s="1" t="s">
        <v>24651</v>
      </c>
      <c r="F6298" s="1" t="s">
        <v>24652</v>
      </c>
      <c r="G6298" s="1" t="s">
        <v>24549</v>
      </c>
      <c r="H6298" s="1" t="s">
        <v>24550</v>
      </c>
      <c r="I6298" s="1" t="s">
        <v>20952</v>
      </c>
      <c r="J6298" s="1" t="s">
        <v>24653</v>
      </c>
    </row>
    <row r="6299" spans="1:10" x14ac:dyDescent="0.35">
      <c r="A6299" s="1" t="s">
        <v>24545</v>
      </c>
      <c r="B6299" s="1" t="s">
        <v>20946</v>
      </c>
      <c r="C6299" s="1" t="s">
        <v>145</v>
      </c>
      <c r="D6299" s="1" t="s">
        <v>24654</v>
      </c>
      <c r="E6299" s="1" t="s">
        <v>24655</v>
      </c>
      <c r="F6299" s="1" t="s">
        <v>24656</v>
      </c>
      <c r="G6299" s="1" t="s">
        <v>24549</v>
      </c>
      <c r="H6299" s="1" t="s">
        <v>24550</v>
      </c>
      <c r="I6299" s="1" t="s">
        <v>20952</v>
      </c>
      <c r="J6299" s="1" t="s">
        <v>24657</v>
      </c>
    </row>
    <row r="6300" spans="1:10" x14ac:dyDescent="0.35">
      <c r="A6300" s="1" t="s">
        <v>24545</v>
      </c>
      <c r="B6300" s="1" t="s">
        <v>20946</v>
      </c>
      <c r="C6300" s="1" t="s">
        <v>150</v>
      </c>
      <c r="D6300" s="1" t="s">
        <v>24658</v>
      </c>
      <c r="E6300" s="1" t="s">
        <v>24659</v>
      </c>
      <c r="F6300" s="1" t="s">
        <v>24660</v>
      </c>
      <c r="G6300" s="1" t="s">
        <v>24549</v>
      </c>
      <c r="H6300" s="1" t="s">
        <v>24550</v>
      </c>
      <c r="I6300" s="1" t="s">
        <v>20952</v>
      </c>
      <c r="J6300" s="1" t="s">
        <v>24661</v>
      </c>
    </row>
    <row r="6301" spans="1:10" x14ac:dyDescent="0.35">
      <c r="A6301" s="1" t="s">
        <v>24545</v>
      </c>
      <c r="B6301" s="1" t="s">
        <v>20946</v>
      </c>
      <c r="C6301" s="1" t="s">
        <v>155</v>
      </c>
      <c r="D6301" s="1" t="s">
        <v>24662</v>
      </c>
      <c r="E6301" s="1" t="s">
        <v>24663</v>
      </c>
      <c r="F6301" s="1" t="s">
        <v>24664</v>
      </c>
      <c r="G6301" s="1" t="s">
        <v>24549</v>
      </c>
      <c r="H6301" s="1" t="s">
        <v>24550</v>
      </c>
      <c r="I6301" s="1" t="s">
        <v>20952</v>
      </c>
      <c r="J6301" s="1" t="s">
        <v>24665</v>
      </c>
    </row>
    <row r="6302" spans="1:10" x14ac:dyDescent="0.35">
      <c r="A6302" s="1" t="s">
        <v>24545</v>
      </c>
      <c r="B6302" s="1" t="s">
        <v>20946</v>
      </c>
      <c r="C6302" s="1" t="s">
        <v>160</v>
      </c>
      <c r="D6302" s="1" t="s">
        <v>24666</v>
      </c>
      <c r="E6302" s="1" t="s">
        <v>24667</v>
      </c>
      <c r="F6302" s="1" t="s">
        <v>24668</v>
      </c>
      <c r="G6302" s="1" t="s">
        <v>24549</v>
      </c>
      <c r="H6302" s="1" t="s">
        <v>24550</v>
      </c>
      <c r="I6302" s="1" t="s">
        <v>20952</v>
      </c>
      <c r="J6302" s="1" t="s">
        <v>24669</v>
      </c>
    </row>
    <row r="6303" spans="1:10" x14ac:dyDescent="0.35">
      <c r="A6303" s="1" t="s">
        <v>24545</v>
      </c>
      <c r="B6303" s="1" t="s">
        <v>20946</v>
      </c>
      <c r="C6303" s="1" t="s">
        <v>165</v>
      </c>
      <c r="D6303" s="1" t="s">
        <v>24670</v>
      </c>
      <c r="E6303" s="1" t="s">
        <v>24671</v>
      </c>
      <c r="F6303" s="1" t="s">
        <v>24672</v>
      </c>
      <c r="G6303" s="1" t="s">
        <v>24549</v>
      </c>
      <c r="H6303" s="1" t="s">
        <v>24550</v>
      </c>
      <c r="I6303" s="1" t="s">
        <v>20952</v>
      </c>
      <c r="J6303" s="1" t="s">
        <v>24673</v>
      </c>
    </row>
    <row r="6304" spans="1:10" x14ac:dyDescent="0.35">
      <c r="A6304" s="1" t="s">
        <v>24545</v>
      </c>
      <c r="B6304" s="1" t="s">
        <v>20946</v>
      </c>
      <c r="C6304" s="1" t="s">
        <v>170</v>
      </c>
      <c r="D6304" s="1" t="s">
        <v>24674</v>
      </c>
      <c r="E6304" s="1" t="s">
        <v>24675</v>
      </c>
      <c r="F6304" s="1" t="s">
        <v>24676</v>
      </c>
      <c r="G6304" s="1" t="s">
        <v>24549</v>
      </c>
      <c r="H6304" s="1" t="s">
        <v>24550</v>
      </c>
      <c r="I6304" s="1" t="s">
        <v>20952</v>
      </c>
      <c r="J6304" s="1" t="s">
        <v>24677</v>
      </c>
    </row>
    <row r="6305" spans="1:10" x14ac:dyDescent="0.35">
      <c r="A6305" s="1" t="s">
        <v>24678</v>
      </c>
      <c r="B6305" s="1" t="s">
        <v>20946</v>
      </c>
      <c r="C6305" s="1" t="s">
        <v>8</v>
      </c>
      <c r="D6305" s="1" t="s">
        <v>24679</v>
      </c>
      <c r="E6305" s="1" t="s">
        <v>24680</v>
      </c>
      <c r="F6305" s="1" t="s">
        <v>24681</v>
      </c>
      <c r="G6305" s="1" t="s">
        <v>24682</v>
      </c>
      <c r="H6305" s="1" t="s">
        <v>24683</v>
      </c>
      <c r="I6305" s="1" t="s">
        <v>20952</v>
      </c>
      <c r="J6305" s="1" t="s">
        <v>13</v>
      </c>
    </row>
    <row r="6306" spans="1:10" x14ac:dyDescent="0.35">
      <c r="A6306" s="1" t="s">
        <v>24678</v>
      </c>
      <c r="B6306" s="1" t="s">
        <v>20946</v>
      </c>
      <c r="C6306" s="1" t="s">
        <v>15</v>
      </c>
      <c r="D6306" s="1" t="s">
        <v>24684</v>
      </c>
      <c r="E6306" s="1" t="s">
        <v>24685</v>
      </c>
      <c r="F6306" s="1" t="s">
        <v>24686</v>
      </c>
      <c r="G6306" s="1" t="s">
        <v>24682</v>
      </c>
      <c r="H6306" s="1" t="s">
        <v>24683</v>
      </c>
      <c r="I6306" s="1" t="s">
        <v>20952</v>
      </c>
      <c r="J6306" s="1" t="s">
        <v>24687</v>
      </c>
    </row>
    <row r="6307" spans="1:10" x14ac:dyDescent="0.35">
      <c r="A6307" s="1" t="s">
        <v>24678</v>
      </c>
      <c r="B6307" s="1" t="s">
        <v>20946</v>
      </c>
      <c r="C6307" s="1" t="s">
        <v>20</v>
      </c>
      <c r="D6307" s="1" t="s">
        <v>24688</v>
      </c>
      <c r="E6307" s="1" t="s">
        <v>24689</v>
      </c>
      <c r="F6307" s="1" t="s">
        <v>22983</v>
      </c>
      <c r="G6307" s="1" t="s">
        <v>24682</v>
      </c>
      <c r="H6307" s="1" t="s">
        <v>24683</v>
      </c>
      <c r="I6307" s="1" t="s">
        <v>20952</v>
      </c>
      <c r="J6307" s="1" t="s">
        <v>24690</v>
      </c>
    </row>
    <row r="6308" spans="1:10" x14ac:dyDescent="0.35">
      <c r="A6308" s="1" t="s">
        <v>24678</v>
      </c>
      <c r="B6308" s="1" t="s">
        <v>20946</v>
      </c>
      <c r="C6308" s="1" t="s">
        <v>25</v>
      </c>
      <c r="D6308" s="1" t="s">
        <v>24691</v>
      </c>
      <c r="E6308" s="1" t="s">
        <v>24692</v>
      </c>
      <c r="F6308" s="1" t="s">
        <v>24693</v>
      </c>
      <c r="G6308" s="1" t="s">
        <v>24682</v>
      </c>
      <c r="H6308" s="1" t="s">
        <v>24683</v>
      </c>
      <c r="I6308" s="1" t="s">
        <v>20952</v>
      </c>
      <c r="J6308" s="1" t="s">
        <v>24694</v>
      </c>
    </row>
    <row r="6309" spans="1:10" x14ac:dyDescent="0.35">
      <c r="A6309" s="1" t="s">
        <v>24678</v>
      </c>
      <c r="B6309" s="1" t="s">
        <v>20946</v>
      </c>
      <c r="C6309" s="1" t="s">
        <v>30</v>
      </c>
      <c r="D6309" s="1" t="s">
        <v>24695</v>
      </c>
      <c r="E6309" s="1" t="s">
        <v>24696</v>
      </c>
      <c r="F6309" s="1" t="s">
        <v>24697</v>
      </c>
      <c r="G6309" s="1" t="s">
        <v>24682</v>
      </c>
      <c r="H6309" s="1" t="s">
        <v>24683</v>
      </c>
      <c r="I6309" s="1" t="s">
        <v>20952</v>
      </c>
      <c r="J6309" s="1" t="s">
        <v>24698</v>
      </c>
    </row>
    <row r="6310" spans="1:10" x14ac:dyDescent="0.35">
      <c r="A6310" s="1" t="s">
        <v>24678</v>
      </c>
      <c r="B6310" s="1" t="s">
        <v>20946</v>
      </c>
      <c r="C6310" s="1" t="s">
        <v>35</v>
      </c>
      <c r="D6310" s="1" t="s">
        <v>24699</v>
      </c>
      <c r="E6310" s="1" t="s">
        <v>24700</v>
      </c>
      <c r="F6310" s="1" t="s">
        <v>24701</v>
      </c>
      <c r="G6310" s="1" t="s">
        <v>24682</v>
      </c>
      <c r="H6310" s="1" t="s">
        <v>24683</v>
      </c>
      <c r="I6310" s="1" t="s">
        <v>20952</v>
      </c>
      <c r="J6310" s="1" t="s">
        <v>24702</v>
      </c>
    </row>
    <row r="6311" spans="1:10" x14ac:dyDescent="0.35">
      <c r="A6311" s="1" t="s">
        <v>24678</v>
      </c>
      <c r="B6311" s="1" t="s">
        <v>20946</v>
      </c>
      <c r="C6311" s="1" t="s">
        <v>40</v>
      </c>
      <c r="D6311" s="1" t="s">
        <v>24703</v>
      </c>
      <c r="E6311" s="1" t="s">
        <v>24704</v>
      </c>
      <c r="F6311" s="1" t="s">
        <v>24705</v>
      </c>
      <c r="G6311" s="1" t="s">
        <v>24682</v>
      </c>
      <c r="H6311" s="1" t="s">
        <v>24683</v>
      </c>
      <c r="I6311" s="1" t="s">
        <v>20952</v>
      </c>
      <c r="J6311" s="1" t="s">
        <v>24706</v>
      </c>
    </row>
    <row r="6312" spans="1:10" x14ac:dyDescent="0.35">
      <c r="A6312" s="1" t="s">
        <v>24678</v>
      </c>
      <c r="B6312" s="1" t="s">
        <v>20946</v>
      </c>
      <c r="C6312" s="1" t="s">
        <v>45</v>
      </c>
      <c r="D6312" s="1" t="s">
        <v>24707</v>
      </c>
      <c r="E6312" s="1" t="s">
        <v>24708</v>
      </c>
      <c r="F6312" s="1" t="s">
        <v>24709</v>
      </c>
      <c r="G6312" s="1" t="s">
        <v>24682</v>
      </c>
      <c r="H6312" s="1" t="s">
        <v>24683</v>
      </c>
      <c r="I6312" s="1" t="s">
        <v>20952</v>
      </c>
      <c r="J6312" s="1" t="s">
        <v>24710</v>
      </c>
    </row>
    <row r="6313" spans="1:10" x14ac:dyDescent="0.35">
      <c r="A6313" s="1" t="s">
        <v>24678</v>
      </c>
      <c r="B6313" s="1" t="s">
        <v>20946</v>
      </c>
      <c r="C6313" s="1" t="s">
        <v>50</v>
      </c>
      <c r="D6313" s="1" t="s">
        <v>24711</v>
      </c>
      <c r="E6313" s="1" t="s">
        <v>24712</v>
      </c>
      <c r="F6313" s="1" t="s">
        <v>24713</v>
      </c>
      <c r="G6313" s="1" t="s">
        <v>24682</v>
      </c>
      <c r="H6313" s="1" t="s">
        <v>24683</v>
      </c>
      <c r="I6313" s="1" t="s">
        <v>20952</v>
      </c>
      <c r="J6313" s="1" t="s">
        <v>24714</v>
      </c>
    </row>
    <row r="6314" spans="1:10" x14ac:dyDescent="0.35">
      <c r="A6314" s="1" t="s">
        <v>24678</v>
      </c>
      <c r="B6314" s="1" t="s">
        <v>20946</v>
      </c>
      <c r="C6314" s="1" t="s">
        <v>55</v>
      </c>
      <c r="D6314" s="1" t="s">
        <v>24715</v>
      </c>
      <c r="E6314" s="1" t="s">
        <v>24716</v>
      </c>
      <c r="F6314" s="1" t="s">
        <v>24717</v>
      </c>
      <c r="G6314" s="1" t="s">
        <v>24682</v>
      </c>
      <c r="H6314" s="1" t="s">
        <v>24683</v>
      </c>
      <c r="I6314" s="1" t="s">
        <v>20952</v>
      </c>
      <c r="J6314" s="1" t="s">
        <v>24718</v>
      </c>
    </row>
    <row r="6315" spans="1:10" x14ac:dyDescent="0.35">
      <c r="A6315" s="1" t="s">
        <v>24678</v>
      </c>
      <c r="B6315" s="1" t="s">
        <v>20946</v>
      </c>
      <c r="C6315" s="1" t="s">
        <v>60</v>
      </c>
      <c r="D6315" s="1" t="s">
        <v>24719</v>
      </c>
      <c r="E6315" s="1" t="s">
        <v>24720</v>
      </c>
      <c r="F6315" s="1" t="s">
        <v>21288</v>
      </c>
      <c r="G6315" s="1" t="s">
        <v>24682</v>
      </c>
      <c r="H6315" s="1" t="s">
        <v>24683</v>
      </c>
      <c r="I6315" s="1" t="s">
        <v>20952</v>
      </c>
      <c r="J6315" s="1" t="s">
        <v>24721</v>
      </c>
    </row>
    <row r="6316" spans="1:10" x14ac:dyDescent="0.35">
      <c r="A6316" s="1" t="s">
        <v>24678</v>
      </c>
      <c r="B6316" s="1" t="s">
        <v>20946</v>
      </c>
      <c r="C6316" s="1" t="s">
        <v>65</v>
      </c>
      <c r="D6316" s="1" t="s">
        <v>24722</v>
      </c>
      <c r="E6316" s="1" t="s">
        <v>24723</v>
      </c>
      <c r="F6316" s="1" t="s">
        <v>24724</v>
      </c>
      <c r="G6316" s="1" t="s">
        <v>24682</v>
      </c>
      <c r="H6316" s="1" t="s">
        <v>24683</v>
      </c>
      <c r="I6316" s="1" t="s">
        <v>20952</v>
      </c>
      <c r="J6316" s="1" t="s">
        <v>24725</v>
      </c>
    </row>
    <row r="6317" spans="1:10" x14ac:dyDescent="0.35">
      <c r="A6317" s="1" t="s">
        <v>24678</v>
      </c>
      <c r="B6317" s="1" t="s">
        <v>20946</v>
      </c>
      <c r="C6317" s="1" t="s">
        <v>70</v>
      </c>
      <c r="D6317" s="1" t="s">
        <v>20480</v>
      </c>
      <c r="E6317" s="1" t="s">
        <v>23330</v>
      </c>
      <c r="F6317" s="1" t="s">
        <v>24726</v>
      </c>
      <c r="G6317" s="1" t="s">
        <v>24682</v>
      </c>
      <c r="H6317" s="1" t="s">
        <v>24683</v>
      </c>
      <c r="I6317" s="1" t="s">
        <v>20952</v>
      </c>
      <c r="J6317" s="1" t="s">
        <v>24727</v>
      </c>
    </row>
    <row r="6318" spans="1:10" x14ac:dyDescent="0.35">
      <c r="A6318" s="1" t="s">
        <v>24678</v>
      </c>
      <c r="B6318" s="1" t="s">
        <v>20946</v>
      </c>
      <c r="C6318" s="1" t="s">
        <v>75</v>
      </c>
      <c r="D6318" s="1" t="s">
        <v>18615</v>
      </c>
      <c r="E6318" s="1" t="s">
        <v>24728</v>
      </c>
      <c r="F6318" s="1" t="s">
        <v>24729</v>
      </c>
      <c r="G6318" s="1" t="s">
        <v>24682</v>
      </c>
      <c r="H6318" s="1" t="s">
        <v>24683</v>
      </c>
      <c r="I6318" s="1" t="s">
        <v>20952</v>
      </c>
      <c r="J6318" s="1" t="s">
        <v>24730</v>
      </c>
    </row>
    <row r="6319" spans="1:10" x14ac:dyDescent="0.35">
      <c r="A6319" s="1" t="s">
        <v>24678</v>
      </c>
      <c r="B6319" s="1" t="s">
        <v>20946</v>
      </c>
      <c r="C6319" s="1" t="s">
        <v>80</v>
      </c>
      <c r="D6319" s="1" t="s">
        <v>24731</v>
      </c>
      <c r="E6319" s="1" t="s">
        <v>24732</v>
      </c>
      <c r="F6319" s="1" t="s">
        <v>24733</v>
      </c>
      <c r="G6319" s="1" t="s">
        <v>24682</v>
      </c>
      <c r="H6319" s="1" t="s">
        <v>24683</v>
      </c>
      <c r="I6319" s="1" t="s">
        <v>20952</v>
      </c>
      <c r="J6319" s="1" t="s">
        <v>24734</v>
      </c>
    </row>
    <row r="6320" spans="1:10" x14ac:dyDescent="0.35">
      <c r="A6320" s="1" t="s">
        <v>24678</v>
      </c>
      <c r="B6320" s="1" t="s">
        <v>20946</v>
      </c>
      <c r="C6320" s="1" t="s">
        <v>85</v>
      </c>
      <c r="D6320" s="1" t="s">
        <v>24735</v>
      </c>
      <c r="E6320" s="1" t="s">
        <v>24736</v>
      </c>
      <c r="F6320" s="1" t="s">
        <v>24737</v>
      </c>
      <c r="G6320" s="1" t="s">
        <v>24682</v>
      </c>
      <c r="H6320" s="1" t="s">
        <v>24683</v>
      </c>
      <c r="I6320" s="1" t="s">
        <v>20952</v>
      </c>
      <c r="J6320" s="1" t="s">
        <v>24738</v>
      </c>
    </row>
    <row r="6321" spans="1:10" x14ac:dyDescent="0.35">
      <c r="A6321" s="1" t="s">
        <v>24678</v>
      </c>
      <c r="B6321" s="1" t="s">
        <v>20946</v>
      </c>
      <c r="C6321" s="1" t="s">
        <v>90</v>
      </c>
      <c r="D6321" s="1" t="s">
        <v>24739</v>
      </c>
      <c r="E6321" s="1" t="s">
        <v>24740</v>
      </c>
      <c r="F6321" s="1" t="s">
        <v>24741</v>
      </c>
      <c r="G6321" s="1" t="s">
        <v>24682</v>
      </c>
      <c r="H6321" s="1" t="s">
        <v>24683</v>
      </c>
      <c r="I6321" s="1" t="s">
        <v>20952</v>
      </c>
      <c r="J6321" s="1" t="s">
        <v>24742</v>
      </c>
    </row>
    <row r="6322" spans="1:10" x14ac:dyDescent="0.35">
      <c r="A6322" s="1" t="s">
        <v>24678</v>
      </c>
      <c r="B6322" s="1" t="s">
        <v>20946</v>
      </c>
      <c r="C6322" s="1" t="s">
        <v>95</v>
      </c>
      <c r="D6322" s="1" t="s">
        <v>24743</v>
      </c>
      <c r="E6322" s="1" t="s">
        <v>24744</v>
      </c>
      <c r="F6322" s="1" t="s">
        <v>24745</v>
      </c>
      <c r="G6322" s="1" t="s">
        <v>24682</v>
      </c>
      <c r="H6322" s="1" t="s">
        <v>24683</v>
      </c>
      <c r="I6322" s="1" t="s">
        <v>20952</v>
      </c>
      <c r="J6322" s="1" t="s">
        <v>24746</v>
      </c>
    </row>
    <row r="6323" spans="1:10" x14ac:dyDescent="0.35">
      <c r="A6323" s="1" t="s">
        <v>24678</v>
      </c>
      <c r="B6323" s="1" t="s">
        <v>20946</v>
      </c>
      <c r="C6323" s="1" t="s">
        <v>100</v>
      </c>
      <c r="D6323" s="1" t="s">
        <v>24747</v>
      </c>
      <c r="E6323" s="1" t="s">
        <v>23045</v>
      </c>
      <c r="F6323" s="1" t="s">
        <v>24748</v>
      </c>
      <c r="G6323" s="1" t="s">
        <v>24682</v>
      </c>
      <c r="H6323" s="1" t="s">
        <v>24683</v>
      </c>
      <c r="I6323" s="1" t="s">
        <v>20952</v>
      </c>
      <c r="J6323" s="1" t="s">
        <v>24749</v>
      </c>
    </row>
    <row r="6324" spans="1:10" x14ac:dyDescent="0.35">
      <c r="A6324" s="1" t="s">
        <v>24678</v>
      </c>
      <c r="B6324" s="1" t="s">
        <v>20946</v>
      </c>
      <c r="C6324" s="1" t="s">
        <v>105</v>
      </c>
      <c r="D6324" s="1" t="s">
        <v>24750</v>
      </c>
      <c r="E6324" s="1" t="s">
        <v>24751</v>
      </c>
      <c r="F6324" s="1" t="s">
        <v>24752</v>
      </c>
      <c r="G6324" s="1" t="s">
        <v>24682</v>
      </c>
      <c r="H6324" s="1" t="s">
        <v>24683</v>
      </c>
      <c r="I6324" s="1" t="s">
        <v>20952</v>
      </c>
      <c r="J6324" s="1" t="s">
        <v>24753</v>
      </c>
    </row>
    <row r="6325" spans="1:10" x14ac:dyDescent="0.35">
      <c r="A6325" s="1" t="s">
        <v>24678</v>
      </c>
      <c r="B6325" s="1" t="s">
        <v>20946</v>
      </c>
      <c r="C6325" s="1" t="s">
        <v>110</v>
      </c>
      <c r="D6325" s="1" t="s">
        <v>24754</v>
      </c>
      <c r="E6325" s="1" t="s">
        <v>14662</v>
      </c>
      <c r="F6325" s="1" t="s">
        <v>24755</v>
      </c>
      <c r="G6325" s="1" t="s">
        <v>24682</v>
      </c>
      <c r="H6325" s="1" t="s">
        <v>24683</v>
      </c>
      <c r="I6325" s="1" t="s">
        <v>20952</v>
      </c>
      <c r="J6325" s="1" t="s">
        <v>24756</v>
      </c>
    </row>
    <row r="6326" spans="1:10" x14ac:dyDescent="0.35">
      <c r="A6326" s="1" t="s">
        <v>24678</v>
      </c>
      <c r="B6326" s="1" t="s">
        <v>20946</v>
      </c>
      <c r="C6326" s="1" t="s">
        <v>115</v>
      </c>
      <c r="D6326" s="1" t="s">
        <v>24757</v>
      </c>
      <c r="E6326" s="1" t="s">
        <v>24758</v>
      </c>
      <c r="F6326" s="1" t="s">
        <v>24759</v>
      </c>
      <c r="G6326" s="1" t="s">
        <v>24682</v>
      </c>
      <c r="H6326" s="1" t="s">
        <v>24683</v>
      </c>
      <c r="I6326" s="1" t="s">
        <v>20952</v>
      </c>
      <c r="J6326" s="1" t="s">
        <v>24760</v>
      </c>
    </row>
    <row r="6327" spans="1:10" x14ac:dyDescent="0.35">
      <c r="A6327" s="1" t="s">
        <v>24678</v>
      </c>
      <c r="B6327" s="1" t="s">
        <v>20946</v>
      </c>
      <c r="C6327" s="1" t="s">
        <v>120</v>
      </c>
      <c r="D6327" s="1" t="s">
        <v>24761</v>
      </c>
      <c r="E6327" s="1" t="s">
        <v>24762</v>
      </c>
      <c r="F6327" s="1" t="s">
        <v>24763</v>
      </c>
      <c r="G6327" s="1" t="s">
        <v>24682</v>
      </c>
      <c r="H6327" s="1" t="s">
        <v>24683</v>
      </c>
      <c r="I6327" s="1" t="s">
        <v>20952</v>
      </c>
      <c r="J6327" s="1" t="s">
        <v>24764</v>
      </c>
    </row>
    <row r="6328" spans="1:10" x14ac:dyDescent="0.35">
      <c r="A6328" s="1" t="s">
        <v>24678</v>
      </c>
      <c r="B6328" s="1" t="s">
        <v>20946</v>
      </c>
      <c r="C6328" s="1" t="s">
        <v>125</v>
      </c>
      <c r="D6328" s="1" t="s">
        <v>24765</v>
      </c>
      <c r="E6328" s="1" t="s">
        <v>24766</v>
      </c>
      <c r="F6328" s="1" t="s">
        <v>24767</v>
      </c>
      <c r="G6328" s="1" t="s">
        <v>24682</v>
      </c>
      <c r="H6328" s="1" t="s">
        <v>24683</v>
      </c>
      <c r="I6328" s="1" t="s">
        <v>20952</v>
      </c>
      <c r="J6328" s="1" t="s">
        <v>24768</v>
      </c>
    </row>
    <row r="6329" spans="1:10" x14ac:dyDescent="0.35">
      <c r="A6329" s="1" t="s">
        <v>24678</v>
      </c>
      <c r="B6329" s="1" t="s">
        <v>20946</v>
      </c>
      <c r="C6329" s="1" t="s">
        <v>130</v>
      </c>
      <c r="D6329" s="1" t="s">
        <v>24769</v>
      </c>
      <c r="E6329" s="1" t="s">
        <v>23796</v>
      </c>
      <c r="F6329" s="1" t="s">
        <v>24770</v>
      </c>
      <c r="G6329" s="1" t="s">
        <v>24682</v>
      </c>
      <c r="H6329" s="1" t="s">
        <v>24683</v>
      </c>
      <c r="I6329" s="1" t="s">
        <v>20952</v>
      </c>
      <c r="J6329" s="1" t="s">
        <v>24771</v>
      </c>
    </row>
    <row r="6330" spans="1:10" x14ac:dyDescent="0.35">
      <c r="A6330" s="1" t="s">
        <v>24678</v>
      </c>
      <c r="B6330" s="1" t="s">
        <v>20946</v>
      </c>
      <c r="C6330" s="1" t="s">
        <v>135</v>
      </c>
      <c r="D6330" s="1" t="s">
        <v>24772</v>
      </c>
      <c r="E6330" s="1" t="s">
        <v>24773</v>
      </c>
      <c r="F6330" s="1" t="s">
        <v>24774</v>
      </c>
      <c r="G6330" s="1" t="s">
        <v>24682</v>
      </c>
      <c r="H6330" s="1" t="s">
        <v>24683</v>
      </c>
      <c r="I6330" s="1" t="s">
        <v>20952</v>
      </c>
      <c r="J6330" s="1" t="s">
        <v>24775</v>
      </c>
    </row>
    <row r="6331" spans="1:10" x14ac:dyDescent="0.35">
      <c r="A6331" s="1" t="s">
        <v>24678</v>
      </c>
      <c r="B6331" s="1" t="s">
        <v>20946</v>
      </c>
      <c r="C6331" s="1" t="s">
        <v>140</v>
      </c>
      <c r="D6331" s="1" t="s">
        <v>24776</v>
      </c>
      <c r="E6331" s="1" t="s">
        <v>24777</v>
      </c>
      <c r="F6331" s="1" t="s">
        <v>24778</v>
      </c>
      <c r="G6331" s="1" t="s">
        <v>24682</v>
      </c>
      <c r="H6331" s="1" t="s">
        <v>24683</v>
      </c>
      <c r="I6331" s="1" t="s">
        <v>20952</v>
      </c>
      <c r="J6331" s="1" t="s">
        <v>24779</v>
      </c>
    </row>
    <row r="6332" spans="1:10" x14ac:dyDescent="0.35">
      <c r="A6332" s="1" t="s">
        <v>24678</v>
      </c>
      <c r="B6332" s="1" t="s">
        <v>20946</v>
      </c>
      <c r="C6332" s="1" t="s">
        <v>145</v>
      </c>
      <c r="D6332" s="1" t="s">
        <v>24780</v>
      </c>
      <c r="E6332" s="1" t="s">
        <v>24781</v>
      </c>
      <c r="F6332" s="1" t="s">
        <v>24782</v>
      </c>
      <c r="G6332" s="1" t="s">
        <v>24682</v>
      </c>
      <c r="H6332" s="1" t="s">
        <v>24683</v>
      </c>
      <c r="I6332" s="1" t="s">
        <v>20952</v>
      </c>
      <c r="J6332" s="1" t="s">
        <v>24783</v>
      </c>
    </row>
    <row r="6333" spans="1:10" x14ac:dyDescent="0.35">
      <c r="A6333" s="1" t="s">
        <v>24678</v>
      </c>
      <c r="B6333" s="1" t="s">
        <v>20946</v>
      </c>
      <c r="C6333" s="1" t="s">
        <v>150</v>
      </c>
      <c r="D6333" s="1" t="s">
        <v>24784</v>
      </c>
      <c r="E6333" s="1" t="s">
        <v>24785</v>
      </c>
      <c r="F6333" s="1" t="s">
        <v>24786</v>
      </c>
      <c r="G6333" s="1" t="s">
        <v>24682</v>
      </c>
      <c r="H6333" s="1" t="s">
        <v>24683</v>
      </c>
      <c r="I6333" s="1" t="s">
        <v>20952</v>
      </c>
      <c r="J6333" s="1" t="s">
        <v>24787</v>
      </c>
    </row>
    <row r="6334" spans="1:10" x14ac:dyDescent="0.35">
      <c r="A6334" s="1" t="s">
        <v>24678</v>
      </c>
      <c r="B6334" s="1" t="s">
        <v>20946</v>
      </c>
      <c r="C6334" s="1" t="s">
        <v>155</v>
      </c>
      <c r="D6334" s="1" t="s">
        <v>24788</v>
      </c>
      <c r="E6334" s="1" t="s">
        <v>23122</v>
      </c>
      <c r="F6334" s="1" t="s">
        <v>24789</v>
      </c>
      <c r="G6334" s="1" t="s">
        <v>24682</v>
      </c>
      <c r="H6334" s="1" t="s">
        <v>24683</v>
      </c>
      <c r="I6334" s="1" t="s">
        <v>20952</v>
      </c>
      <c r="J6334" s="1" t="s">
        <v>24790</v>
      </c>
    </row>
    <row r="6335" spans="1:10" x14ac:dyDescent="0.35">
      <c r="A6335" s="1" t="s">
        <v>24678</v>
      </c>
      <c r="B6335" s="1" t="s">
        <v>20946</v>
      </c>
      <c r="C6335" s="1" t="s">
        <v>160</v>
      </c>
      <c r="D6335" s="1" t="s">
        <v>24791</v>
      </c>
      <c r="E6335" s="1" t="s">
        <v>23057</v>
      </c>
      <c r="F6335" s="1" t="s">
        <v>24792</v>
      </c>
      <c r="G6335" s="1" t="s">
        <v>24682</v>
      </c>
      <c r="H6335" s="1" t="s">
        <v>24683</v>
      </c>
      <c r="I6335" s="1" t="s">
        <v>20952</v>
      </c>
      <c r="J6335" s="1" t="s">
        <v>24793</v>
      </c>
    </row>
    <row r="6336" spans="1:10" x14ac:dyDescent="0.35">
      <c r="A6336" s="1" t="s">
        <v>24678</v>
      </c>
      <c r="B6336" s="1" t="s">
        <v>20946</v>
      </c>
      <c r="C6336" s="1" t="s">
        <v>165</v>
      </c>
      <c r="D6336" s="1" t="s">
        <v>24794</v>
      </c>
      <c r="E6336" s="1" t="s">
        <v>24795</v>
      </c>
      <c r="F6336" s="1" t="s">
        <v>24796</v>
      </c>
      <c r="G6336" s="1" t="s">
        <v>24682</v>
      </c>
      <c r="H6336" s="1" t="s">
        <v>24683</v>
      </c>
      <c r="I6336" s="1" t="s">
        <v>20952</v>
      </c>
      <c r="J6336" s="1" t="s">
        <v>24797</v>
      </c>
    </row>
    <row r="6337" spans="1:10" x14ac:dyDescent="0.35">
      <c r="A6337" s="1" t="s">
        <v>24678</v>
      </c>
      <c r="B6337" s="1" t="s">
        <v>20946</v>
      </c>
      <c r="C6337" s="1" t="s">
        <v>170</v>
      </c>
      <c r="D6337" s="1" t="s">
        <v>24798</v>
      </c>
      <c r="E6337" s="1" t="s">
        <v>24799</v>
      </c>
      <c r="F6337" s="1" t="s">
        <v>24800</v>
      </c>
      <c r="G6337" s="1" t="s">
        <v>24682</v>
      </c>
      <c r="H6337" s="1" t="s">
        <v>24683</v>
      </c>
      <c r="I6337" s="1" t="s">
        <v>20952</v>
      </c>
      <c r="J6337" s="1" t="s">
        <v>24801</v>
      </c>
    </row>
    <row r="6338" spans="1:10" x14ac:dyDescent="0.35">
      <c r="A6338" s="1" t="s">
        <v>24802</v>
      </c>
      <c r="B6338" s="1" t="s">
        <v>24803</v>
      </c>
      <c r="C6338" s="1" t="s">
        <v>8</v>
      </c>
      <c r="D6338" s="1" t="s">
        <v>24804</v>
      </c>
      <c r="E6338" s="1" t="s">
        <v>24805</v>
      </c>
      <c r="F6338" s="1" t="s">
        <v>24806</v>
      </c>
      <c r="G6338" s="1" t="s">
        <v>24807</v>
      </c>
      <c r="H6338" s="1" t="s">
        <v>24808</v>
      </c>
      <c r="I6338" s="1" t="s">
        <v>24809</v>
      </c>
      <c r="J6338" s="1" t="s">
        <v>13</v>
      </c>
    </row>
    <row r="6339" spans="1:10" x14ac:dyDescent="0.35">
      <c r="A6339" s="1" t="s">
        <v>24802</v>
      </c>
      <c r="B6339" s="1" t="s">
        <v>24803</v>
      </c>
      <c r="C6339" s="1" t="s">
        <v>15</v>
      </c>
      <c r="D6339" s="1" t="s">
        <v>24810</v>
      </c>
      <c r="E6339" s="1" t="s">
        <v>24811</v>
      </c>
      <c r="F6339" s="1" t="s">
        <v>24812</v>
      </c>
      <c r="G6339" s="1" t="s">
        <v>24807</v>
      </c>
      <c r="H6339" s="1" t="s">
        <v>24808</v>
      </c>
      <c r="I6339" s="1" t="s">
        <v>24809</v>
      </c>
      <c r="J6339" s="1" t="s">
        <v>24813</v>
      </c>
    </row>
    <row r="6340" spans="1:10" x14ac:dyDescent="0.35">
      <c r="A6340" s="1" t="s">
        <v>24802</v>
      </c>
      <c r="B6340" s="1" t="s">
        <v>24803</v>
      </c>
      <c r="C6340" s="1" t="s">
        <v>20</v>
      </c>
      <c r="D6340" s="1" t="s">
        <v>3806</v>
      </c>
      <c r="E6340" s="1" t="s">
        <v>24814</v>
      </c>
      <c r="F6340" s="1" t="s">
        <v>24815</v>
      </c>
      <c r="G6340" s="1" t="s">
        <v>24807</v>
      </c>
      <c r="H6340" s="1" t="s">
        <v>24808</v>
      </c>
      <c r="I6340" s="1" t="s">
        <v>24809</v>
      </c>
      <c r="J6340" s="1" t="s">
        <v>24816</v>
      </c>
    </row>
    <row r="6341" spans="1:10" x14ac:dyDescent="0.35">
      <c r="A6341" s="1" t="s">
        <v>24802</v>
      </c>
      <c r="B6341" s="1" t="s">
        <v>24803</v>
      </c>
      <c r="C6341" s="1" t="s">
        <v>25</v>
      </c>
      <c r="D6341" s="1" t="s">
        <v>16432</v>
      </c>
      <c r="E6341" s="1" t="s">
        <v>24817</v>
      </c>
      <c r="F6341" s="1" t="s">
        <v>24818</v>
      </c>
      <c r="G6341" s="1" t="s">
        <v>24807</v>
      </c>
      <c r="H6341" s="1" t="s">
        <v>24808</v>
      </c>
      <c r="I6341" s="1" t="s">
        <v>24809</v>
      </c>
      <c r="J6341" s="1" t="s">
        <v>24819</v>
      </c>
    </row>
    <row r="6342" spans="1:10" x14ac:dyDescent="0.35">
      <c r="A6342" s="1" t="s">
        <v>24802</v>
      </c>
      <c r="B6342" s="1" t="s">
        <v>24803</v>
      </c>
      <c r="C6342" s="1" t="s">
        <v>30</v>
      </c>
      <c r="D6342" s="1" t="s">
        <v>24820</v>
      </c>
      <c r="E6342" s="1" t="s">
        <v>24821</v>
      </c>
      <c r="F6342" s="1" t="s">
        <v>24822</v>
      </c>
      <c r="G6342" s="1" t="s">
        <v>24807</v>
      </c>
      <c r="H6342" s="1" t="s">
        <v>24808</v>
      </c>
      <c r="I6342" s="1" t="s">
        <v>24809</v>
      </c>
      <c r="J6342" s="1" t="s">
        <v>24823</v>
      </c>
    </row>
    <row r="6343" spans="1:10" x14ac:dyDescent="0.35">
      <c r="A6343" s="1" t="s">
        <v>24802</v>
      </c>
      <c r="B6343" s="1" t="s">
        <v>24803</v>
      </c>
      <c r="C6343" s="1" t="s">
        <v>35</v>
      </c>
      <c r="D6343" s="1" t="s">
        <v>24824</v>
      </c>
      <c r="E6343" s="1" t="s">
        <v>24825</v>
      </c>
      <c r="F6343" s="1" t="s">
        <v>24826</v>
      </c>
      <c r="G6343" s="1" t="s">
        <v>24807</v>
      </c>
      <c r="H6343" s="1" t="s">
        <v>24808</v>
      </c>
      <c r="I6343" s="1" t="s">
        <v>24809</v>
      </c>
      <c r="J6343" s="1" t="s">
        <v>24827</v>
      </c>
    </row>
    <row r="6344" spans="1:10" x14ac:dyDescent="0.35">
      <c r="A6344" s="1" t="s">
        <v>24802</v>
      </c>
      <c r="B6344" s="1" t="s">
        <v>24803</v>
      </c>
      <c r="C6344" s="1" t="s">
        <v>40</v>
      </c>
      <c r="D6344" s="1" t="s">
        <v>24828</v>
      </c>
      <c r="E6344" s="1" t="s">
        <v>24829</v>
      </c>
      <c r="F6344" s="1" t="s">
        <v>24830</v>
      </c>
      <c r="G6344" s="1" t="s">
        <v>24807</v>
      </c>
      <c r="H6344" s="1" t="s">
        <v>24808</v>
      </c>
      <c r="I6344" s="1" t="s">
        <v>24809</v>
      </c>
      <c r="J6344" s="1" t="s">
        <v>24831</v>
      </c>
    </row>
    <row r="6345" spans="1:10" x14ac:dyDescent="0.35">
      <c r="A6345" s="1" t="s">
        <v>24802</v>
      </c>
      <c r="B6345" s="1" t="s">
        <v>24803</v>
      </c>
      <c r="C6345" s="1" t="s">
        <v>45</v>
      </c>
      <c r="D6345" s="1" t="s">
        <v>24832</v>
      </c>
      <c r="E6345" s="1" t="s">
        <v>24833</v>
      </c>
      <c r="F6345" s="1" t="s">
        <v>24834</v>
      </c>
      <c r="G6345" s="1" t="s">
        <v>24807</v>
      </c>
      <c r="H6345" s="1" t="s">
        <v>24808</v>
      </c>
      <c r="I6345" s="1" t="s">
        <v>24809</v>
      </c>
      <c r="J6345" s="1" t="s">
        <v>24835</v>
      </c>
    </row>
    <row r="6346" spans="1:10" x14ac:dyDescent="0.35">
      <c r="A6346" s="1" t="s">
        <v>24802</v>
      </c>
      <c r="B6346" s="1" t="s">
        <v>24803</v>
      </c>
      <c r="C6346" s="1" t="s">
        <v>50</v>
      </c>
      <c r="D6346" s="1" t="s">
        <v>832</v>
      </c>
      <c r="E6346" s="1" t="s">
        <v>24836</v>
      </c>
      <c r="F6346" s="1" t="s">
        <v>24837</v>
      </c>
      <c r="G6346" s="1" t="s">
        <v>24807</v>
      </c>
      <c r="H6346" s="1" t="s">
        <v>24808</v>
      </c>
      <c r="I6346" s="1" t="s">
        <v>24809</v>
      </c>
      <c r="J6346" s="1" t="s">
        <v>24838</v>
      </c>
    </row>
    <row r="6347" spans="1:10" x14ac:dyDescent="0.35">
      <c r="A6347" s="1" t="s">
        <v>24802</v>
      </c>
      <c r="B6347" s="1" t="s">
        <v>24803</v>
      </c>
      <c r="C6347" s="1" t="s">
        <v>55</v>
      </c>
      <c r="D6347" s="1" t="s">
        <v>24839</v>
      </c>
      <c r="E6347" s="1" t="s">
        <v>24840</v>
      </c>
      <c r="F6347" s="1" t="s">
        <v>24841</v>
      </c>
      <c r="G6347" s="1" t="s">
        <v>24807</v>
      </c>
      <c r="H6347" s="1" t="s">
        <v>24808</v>
      </c>
      <c r="I6347" s="1" t="s">
        <v>24809</v>
      </c>
      <c r="J6347" s="1" t="s">
        <v>24842</v>
      </c>
    </row>
    <row r="6348" spans="1:10" x14ac:dyDescent="0.35">
      <c r="A6348" s="1" t="s">
        <v>24802</v>
      </c>
      <c r="B6348" s="1" t="s">
        <v>24803</v>
      </c>
      <c r="C6348" s="1" t="s">
        <v>60</v>
      </c>
      <c r="D6348" s="1" t="s">
        <v>24843</v>
      </c>
      <c r="E6348" s="1" t="s">
        <v>24844</v>
      </c>
      <c r="F6348" s="1" t="s">
        <v>24845</v>
      </c>
      <c r="G6348" s="1" t="s">
        <v>24807</v>
      </c>
      <c r="H6348" s="1" t="s">
        <v>24808</v>
      </c>
      <c r="I6348" s="1" t="s">
        <v>24809</v>
      </c>
      <c r="J6348" s="1" t="s">
        <v>24846</v>
      </c>
    </row>
    <row r="6349" spans="1:10" x14ac:dyDescent="0.35">
      <c r="A6349" s="1" t="s">
        <v>24802</v>
      </c>
      <c r="B6349" s="1" t="s">
        <v>24803</v>
      </c>
      <c r="C6349" s="1" t="s">
        <v>65</v>
      </c>
      <c r="D6349" s="1" t="s">
        <v>24847</v>
      </c>
      <c r="E6349" s="1" t="s">
        <v>24848</v>
      </c>
      <c r="F6349" s="1" t="s">
        <v>24849</v>
      </c>
      <c r="G6349" s="1" t="s">
        <v>24807</v>
      </c>
      <c r="H6349" s="1" t="s">
        <v>24808</v>
      </c>
      <c r="I6349" s="1" t="s">
        <v>24809</v>
      </c>
      <c r="J6349" s="1" t="s">
        <v>24850</v>
      </c>
    </row>
    <row r="6350" spans="1:10" x14ac:dyDescent="0.35">
      <c r="A6350" s="1" t="s">
        <v>24802</v>
      </c>
      <c r="B6350" s="1" t="s">
        <v>24803</v>
      </c>
      <c r="C6350" s="1" t="s">
        <v>70</v>
      </c>
      <c r="D6350" s="1" t="s">
        <v>24851</v>
      </c>
      <c r="E6350" s="1" t="s">
        <v>24852</v>
      </c>
      <c r="F6350" s="1" t="s">
        <v>24853</v>
      </c>
      <c r="G6350" s="1" t="s">
        <v>24807</v>
      </c>
      <c r="H6350" s="1" t="s">
        <v>24808</v>
      </c>
      <c r="I6350" s="1" t="s">
        <v>24809</v>
      </c>
      <c r="J6350" s="1" t="s">
        <v>24854</v>
      </c>
    </row>
    <row r="6351" spans="1:10" x14ac:dyDescent="0.35">
      <c r="A6351" s="1" t="s">
        <v>24802</v>
      </c>
      <c r="B6351" s="1" t="s">
        <v>24803</v>
      </c>
      <c r="C6351" s="1" t="s">
        <v>75</v>
      </c>
      <c r="D6351" s="1" t="s">
        <v>24855</v>
      </c>
      <c r="E6351" s="1" t="s">
        <v>24856</v>
      </c>
      <c r="F6351" s="1" t="s">
        <v>24857</v>
      </c>
      <c r="G6351" s="1" t="s">
        <v>24807</v>
      </c>
      <c r="H6351" s="1" t="s">
        <v>24808</v>
      </c>
      <c r="I6351" s="1" t="s">
        <v>24809</v>
      </c>
      <c r="J6351" s="1" t="s">
        <v>24858</v>
      </c>
    </row>
    <row r="6352" spans="1:10" x14ac:dyDescent="0.35">
      <c r="A6352" s="1" t="s">
        <v>24802</v>
      </c>
      <c r="B6352" s="1" t="s">
        <v>24803</v>
      </c>
      <c r="C6352" s="1" t="s">
        <v>80</v>
      </c>
      <c r="D6352" s="1" t="s">
        <v>24859</v>
      </c>
      <c r="E6352" s="1" t="s">
        <v>24860</v>
      </c>
      <c r="F6352" s="1" t="s">
        <v>24861</v>
      </c>
      <c r="G6352" s="1" t="s">
        <v>24807</v>
      </c>
      <c r="H6352" s="1" t="s">
        <v>24808</v>
      </c>
      <c r="I6352" s="1" t="s">
        <v>24809</v>
      </c>
      <c r="J6352" s="1" t="s">
        <v>24862</v>
      </c>
    </row>
    <row r="6353" spans="1:10" x14ac:dyDescent="0.35">
      <c r="A6353" s="1" t="s">
        <v>24802</v>
      </c>
      <c r="B6353" s="1" t="s">
        <v>24803</v>
      </c>
      <c r="C6353" s="1" t="s">
        <v>85</v>
      </c>
      <c r="D6353" s="1" t="s">
        <v>24863</v>
      </c>
      <c r="E6353" s="1" t="s">
        <v>24864</v>
      </c>
      <c r="F6353" s="1" t="s">
        <v>24865</v>
      </c>
      <c r="G6353" s="1" t="s">
        <v>24807</v>
      </c>
      <c r="H6353" s="1" t="s">
        <v>24808</v>
      </c>
      <c r="I6353" s="1" t="s">
        <v>24809</v>
      </c>
      <c r="J6353" s="1" t="s">
        <v>24866</v>
      </c>
    </row>
    <row r="6354" spans="1:10" x14ac:dyDescent="0.35">
      <c r="A6354" s="1" t="s">
        <v>24802</v>
      </c>
      <c r="B6354" s="1" t="s">
        <v>24803</v>
      </c>
      <c r="C6354" s="1" t="s">
        <v>90</v>
      </c>
      <c r="D6354" s="1" t="s">
        <v>24867</v>
      </c>
      <c r="E6354" s="1" t="s">
        <v>24868</v>
      </c>
      <c r="F6354" s="1" t="s">
        <v>24869</v>
      </c>
      <c r="G6354" s="1" t="s">
        <v>24807</v>
      </c>
      <c r="H6354" s="1" t="s">
        <v>24808</v>
      </c>
      <c r="I6354" s="1" t="s">
        <v>24809</v>
      </c>
      <c r="J6354" s="1" t="s">
        <v>24870</v>
      </c>
    </row>
    <row r="6355" spans="1:10" x14ac:dyDescent="0.35">
      <c r="A6355" s="1" t="s">
        <v>24802</v>
      </c>
      <c r="B6355" s="1" t="s">
        <v>24803</v>
      </c>
      <c r="C6355" s="1" t="s">
        <v>95</v>
      </c>
      <c r="D6355" s="1" t="s">
        <v>24871</v>
      </c>
      <c r="E6355" s="1" t="s">
        <v>24872</v>
      </c>
      <c r="F6355" s="1" t="s">
        <v>24873</v>
      </c>
      <c r="G6355" s="1" t="s">
        <v>24807</v>
      </c>
      <c r="H6355" s="1" t="s">
        <v>24808</v>
      </c>
      <c r="I6355" s="1" t="s">
        <v>24809</v>
      </c>
      <c r="J6355" s="1" t="s">
        <v>24874</v>
      </c>
    </row>
    <row r="6356" spans="1:10" x14ac:dyDescent="0.35">
      <c r="A6356" s="1" t="s">
        <v>24802</v>
      </c>
      <c r="B6356" s="1" t="s">
        <v>24803</v>
      </c>
      <c r="C6356" s="1" t="s">
        <v>100</v>
      </c>
      <c r="D6356" s="1" t="s">
        <v>24875</v>
      </c>
      <c r="E6356" s="1" t="s">
        <v>24876</v>
      </c>
      <c r="F6356" s="1" t="s">
        <v>24877</v>
      </c>
      <c r="G6356" s="1" t="s">
        <v>24807</v>
      </c>
      <c r="H6356" s="1" t="s">
        <v>24808</v>
      </c>
      <c r="I6356" s="1" t="s">
        <v>24809</v>
      </c>
      <c r="J6356" s="1" t="s">
        <v>24878</v>
      </c>
    </row>
    <row r="6357" spans="1:10" x14ac:dyDescent="0.35">
      <c r="A6357" s="1" t="s">
        <v>24802</v>
      </c>
      <c r="B6357" s="1" t="s">
        <v>24803</v>
      </c>
      <c r="C6357" s="1" t="s">
        <v>105</v>
      </c>
      <c r="D6357" s="1" t="s">
        <v>24879</v>
      </c>
      <c r="E6357" s="1" t="s">
        <v>24880</v>
      </c>
      <c r="F6357" s="1" t="s">
        <v>24881</v>
      </c>
      <c r="G6357" s="1" t="s">
        <v>24807</v>
      </c>
      <c r="H6357" s="1" t="s">
        <v>24808</v>
      </c>
      <c r="I6357" s="1" t="s">
        <v>24809</v>
      </c>
      <c r="J6357" s="1" t="s">
        <v>24882</v>
      </c>
    </row>
    <row r="6358" spans="1:10" x14ac:dyDescent="0.35">
      <c r="A6358" s="1" t="s">
        <v>24802</v>
      </c>
      <c r="B6358" s="1" t="s">
        <v>24803</v>
      </c>
      <c r="C6358" s="1" t="s">
        <v>110</v>
      </c>
      <c r="D6358" s="1" t="s">
        <v>24883</v>
      </c>
      <c r="E6358" s="1" t="s">
        <v>24884</v>
      </c>
      <c r="F6358" s="1" t="s">
        <v>24885</v>
      </c>
      <c r="G6358" s="1" t="s">
        <v>24807</v>
      </c>
      <c r="H6358" s="1" t="s">
        <v>24808</v>
      </c>
      <c r="I6358" s="1" t="s">
        <v>24809</v>
      </c>
      <c r="J6358" s="1" t="s">
        <v>24886</v>
      </c>
    </row>
    <row r="6359" spans="1:10" x14ac:dyDescent="0.35">
      <c r="A6359" s="1" t="s">
        <v>24802</v>
      </c>
      <c r="B6359" s="1" t="s">
        <v>24803</v>
      </c>
      <c r="C6359" s="1" t="s">
        <v>115</v>
      </c>
      <c r="D6359" s="1" t="s">
        <v>24887</v>
      </c>
      <c r="E6359" s="1" t="s">
        <v>24888</v>
      </c>
      <c r="F6359" s="1" t="s">
        <v>24889</v>
      </c>
      <c r="G6359" s="1" t="s">
        <v>24807</v>
      </c>
      <c r="H6359" s="1" t="s">
        <v>24808</v>
      </c>
      <c r="I6359" s="1" t="s">
        <v>24809</v>
      </c>
      <c r="J6359" s="1" t="s">
        <v>24890</v>
      </c>
    </row>
    <row r="6360" spans="1:10" x14ac:dyDescent="0.35">
      <c r="A6360" s="1" t="s">
        <v>24802</v>
      </c>
      <c r="B6360" s="1" t="s">
        <v>24803</v>
      </c>
      <c r="C6360" s="1" t="s">
        <v>120</v>
      </c>
      <c r="D6360" s="1" t="s">
        <v>24891</v>
      </c>
      <c r="E6360" s="1" t="s">
        <v>24892</v>
      </c>
      <c r="F6360" s="1" t="s">
        <v>24893</v>
      </c>
      <c r="G6360" s="1" t="s">
        <v>24807</v>
      </c>
      <c r="H6360" s="1" t="s">
        <v>24808</v>
      </c>
      <c r="I6360" s="1" t="s">
        <v>24809</v>
      </c>
      <c r="J6360" s="1" t="s">
        <v>24894</v>
      </c>
    </row>
    <row r="6361" spans="1:10" x14ac:dyDescent="0.35">
      <c r="A6361" s="1" t="s">
        <v>24802</v>
      </c>
      <c r="B6361" s="1" t="s">
        <v>24803</v>
      </c>
      <c r="C6361" s="1" t="s">
        <v>125</v>
      </c>
      <c r="D6361" s="1" t="s">
        <v>24895</v>
      </c>
      <c r="E6361" s="1" t="s">
        <v>24896</v>
      </c>
      <c r="F6361" s="1" t="s">
        <v>24897</v>
      </c>
      <c r="G6361" s="1" t="s">
        <v>24807</v>
      </c>
      <c r="H6361" s="1" t="s">
        <v>24808</v>
      </c>
      <c r="I6361" s="1" t="s">
        <v>24809</v>
      </c>
      <c r="J6361" s="1" t="s">
        <v>24898</v>
      </c>
    </row>
    <row r="6362" spans="1:10" x14ac:dyDescent="0.35">
      <c r="A6362" s="1" t="s">
        <v>24802</v>
      </c>
      <c r="B6362" s="1" t="s">
        <v>24803</v>
      </c>
      <c r="C6362" s="1" t="s">
        <v>130</v>
      </c>
      <c r="D6362" s="1" t="s">
        <v>24899</v>
      </c>
      <c r="E6362" s="1" t="s">
        <v>24900</v>
      </c>
      <c r="F6362" s="1" t="s">
        <v>24901</v>
      </c>
      <c r="G6362" s="1" t="s">
        <v>24807</v>
      </c>
      <c r="H6362" s="1" t="s">
        <v>24808</v>
      </c>
      <c r="I6362" s="1" t="s">
        <v>24809</v>
      </c>
      <c r="J6362" s="1" t="s">
        <v>24902</v>
      </c>
    </row>
    <row r="6363" spans="1:10" x14ac:dyDescent="0.35">
      <c r="A6363" s="1" t="s">
        <v>24802</v>
      </c>
      <c r="B6363" s="1" t="s">
        <v>24803</v>
      </c>
      <c r="C6363" s="1" t="s">
        <v>135</v>
      </c>
      <c r="D6363" s="1" t="s">
        <v>24903</v>
      </c>
      <c r="E6363" s="1" t="s">
        <v>24904</v>
      </c>
      <c r="F6363" s="1" t="s">
        <v>24905</v>
      </c>
      <c r="G6363" s="1" t="s">
        <v>24807</v>
      </c>
      <c r="H6363" s="1" t="s">
        <v>24808</v>
      </c>
      <c r="I6363" s="1" t="s">
        <v>24809</v>
      </c>
      <c r="J6363" s="1" t="s">
        <v>24906</v>
      </c>
    </row>
    <row r="6364" spans="1:10" x14ac:dyDescent="0.35">
      <c r="A6364" s="1" t="s">
        <v>24802</v>
      </c>
      <c r="B6364" s="1" t="s">
        <v>24803</v>
      </c>
      <c r="C6364" s="1" t="s">
        <v>140</v>
      </c>
      <c r="D6364" s="1" t="s">
        <v>24907</v>
      </c>
      <c r="E6364" s="1" t="s">
        <v>24908</v>
      </c>
      <c r="F6364" s="1" t="s">
        <v>24909</v>
      </c>
      <c r="G6364" s="1" t="s">
        <v>24807</v>
      </c>
      <c r="H6364" s="1" t="s">
        <v>24808</v>
      </c>
      <c r="I6364" s="1" t="s">
        <v>24809</v>
      </c>
      <c r="J6364" s="1" t="s">
        <v>24910</v>
      </c>
    </row>
    <row r="6365" spans="1:10" x14ac:dyDescent="0.35">
      <c r="A6365" s="1" t="s">
        <v>24802</v>
      </c>
      <c r="B6365" s="1" t="s">
        <v>24803</v>
      </c>
      <c r="C6365" s="1" t="s">
        <v>145</v>
      </c>
      <c r="D6365" s="1" t="s">
        <v>24911</v>
      </c>
      <c r="E6365" s="1" t="s">
        <v>24912</v>
      </c>
      <c r="F6365" s="1" t="s">
        <v>24913</v>
      </c>
      <c r="G6365" s="1" t="s">
        <v>24807</v>
      </c>
      <c r="H6365" s="1" t="s">
        <v>24808</v>
      </c>
      <c r="I6365" s="1" t="s">
        <v>24809</v>
      </c>
      <c r="J6365" s="1" t="s">
        <v>24914</v>
      </c>
    </row>
    <row r="6366" spans="1:10" x14ac:dyDescent="0.35">
      <c r="A6366" s="1" t="s">
        <v>24802</v>
      </c>
      <c r="B6366" s="1" t="s">
        <v>24803</v>
      </c>
      <c r="C6366" s="1" t="s">
        <v>150</v>
      </c>
      <c r="D6366" s="1" t="s">
        <v>24915</v>
      </c>
      <c r="E6366" s="1" t="s">
        <v>24916</v>
      </c>
      <c r="F6366" s="1" t="s">
        <v>24917</v>
      </c>
      <c r="G6366" s="1" t="s">
        <v>24807</v>
      </c>
      <c r="H6366" s="1" t="s">
        <v>24808</v>
      </c>
      <c r="I6366" s="1" t="s">
        <v>24809</v>
      </c>
      <c r="J6366" s="1" t="s">
        <v>24918</v>
      </c>
    </row>
    <row r="6367" spans="1:10" x14ac:dyDescent="0.35">
      <c r="A6367" s="1" t="s">
        <v>24802</v>
      </c>
      <c r="B6367" s="1" t="s">
        <v>24803</v>
      </c>
      <c r="C6367" s="1" t="s">
        <v>155</v>
      </c>
      <c r="D6367" s="1" t="s">
        <v>23997</v>
      </c>
      <c r="E6367" s="1" t="s">
        <v>24919</v>
      </c>
      <c r="F6367" s="1" t="s">
        <v>24920</v>
      </c>
      <c r="G6367" s="1" t="s">
        <v>24807</v>
      </c>
      <c r="H6367" s="1" t="s">
        <v>24808</v>
      </c>
      <c r="I6367" s="1" t="s">
        <v>24809</v>
      </c>
      <c r="J6367" s="1" t="s">
        <v>24921</v>
      </c>
    </row>
    <row r="6368" spans="1:10" x14ac:dyDescent="0.35">
      <c r="A6368" s="1" t="s">
        <v>24802</v>
      </c>
      <c r="B6368" s="1" t="s">
        <v>24803</v>
      </c>
      <c r="C6368" s="1" t="s">
        <v>160</v>
      </c>
      <c r="D6368" s="1" t="s">
        <v>24922</v>
      </c>
      <c r="E6368" s="1" t="s">
        <v>24923</v>
      </c>
      <c r="F6368" s="1" t="s">
        <v>24924</v>
      </c>
      <c r="G6368" s="1" t="s">
        <v>24807</v>
      </c>
      <c r="H6368" s="1" t="s">
        <v>24808</v>
      </c>
      <c r="I6368" s="1" t="s">
        <v>24809</v>
      </c>
      <c r="J6368" s="1" t="s">
        <v>24925</v>
      </c>
    </row>
    <row r="6369" spans="1:10" x14ac:dyDescent="0.35">
      <c r="A6369" s="1" t="s">
        <v>24802</v>
      </c>
      <c r="B6369" s="1" t="s">
        <v>24803</v>
      </c>
      <c r="C6369" s="1" t="s">
        <v>165</v>
      </c>
      <c r="D6369" s="1" t="s">
        <v>24926</v>
      </c>
      <c r="E6369" s="1" t="s">
        <v>24927</v>
      </c>
      <c r="F6369" s="1" t="s">
        <v>24928</v>
      </c>
      <c r="G6369" s="1" t="s">
        <v>24807</v>
      </c>
      <c r="H6369" s="1" t="s">
        <v>24808</v>
      </c>
      <c r="I6369" s="1" t="s">
        <v>24809</v>
      </c>
      <c r="J6369" s="1" t="s">
        <v>24929</v>
      </c>
    </row>
    <row r="6370" spans="1:10" x14ac:dyDescent="0.35">
      <c r="A6370" s="1" t="s">
        <v>24802</v>
      </c>
      <c r="B6370" s="1" t="s">
        <v>24803</v>
      </c>
      <c r="C6370" s="1" t="s">
        <v>170</v>
      </c>
      <c r="D6370" s="1" t="s">
        <v>24930</v>
      </c>
      <c r="E6370" s="1" t="s">
        <v>24931</v>
      </c>
      <c r="F6370" s="1" t="s">
        <v>24932</v>
      </c>
      <c r="G6370" s="1" t="s">
        <v>24807</v>
      </c>
      <c r="H6370" s="1" t="s">
        <v>24808</v>
      </c>
      <c r="I6370" s="1" t="s">
        <v>24809</v>
      </c>
      <c r="J6370" s="1" t="s">
        <v>24933</v>
      </c>
    </row>
    <row r="6371" spans="1:10" x14ac:dyDescent="0.35">
      <c r="A6371" s="1" t="s">
        <v>24934</v>
      </c>
      <c r="B6371" s="1" t="s">
        <v>24803</v>
      </c>
      <c r="C6371" s="1" t="s">
        <v>8</v>
      </c>
      <c r="D6371" s="1" t="s">
        <v>24935</v>
      </c>
      <c r="E6371" s="1" t="s">
        <v>24936</v>
      </c>
      <c r="F6371" s="1" t="s">
        <v>24937</v>
      </c>
      <c r="G6371" s="1" t="s">
        <v>24938</v>
      </c>
      <c r="H6371" s="1" t="s">
        <v>24939</v>
      </c>
      <c r="I6371" s="1" t="s">
        <v>24809</v>
      </c>
      <c r="J6371" s="1" t="s">
        <v>13</v>
      </c>
    </row>
    <row r="6372" spans="1:10" x14ac:dyDescent="0.35">
      <c r="A6372" s="1" t="s">
        <v>24934</v>
      </c>
      <c r="B6372" s="1" t="s">
        <v>24803</v>
      </c>
      <c r="C6372" s="1" t="s">
        <v>15</v>
      </c>
      <c r="D6372" s="1" t="s">
        <v>2909</v>
      </c>
      <c r="E6372" s="1" t="s">
        <v>24940</v>
      </c>
      <c r="F6372" s="1" t="s">
        <v>24941</v>
      </c>
      <c r="G6372" s="1" t="s">
        <v>24938</v>
      </c>
      <c r="H6372" s="1" t="s">
        <v>24939</v>
      </c>
      <c r="I6372" s="1" t="s">
        <v>24809</v>
      </c>
      <c r="J6372" s="1" t="s">
        <v>24942</v>
      </c>
    </row>
    <row r="6373" spans="1:10" x14ac:dyDescent="0.35">
      <c r="A6373" s="1" t="s">
        <v>24934</v>
      </c>
      <c r="B6373" s="1" t="s">
        <v>24803</v>
      </c>
      <c r="C6373" s="1" t="s">
        <v>20</v>
      </c>
      <c r="D6373" s="1" t="s">
        <v>24943</v>
      </c>
      <c r="E6373" s="1" t="s">
        <v>24944</v>
      </c>
      <c r="F6373" s="1" t="s">
        <v>24945</v>
      </c>
      <c r="G6373" s="1" t="s">
        <v>24938</v>
      </c>
      <c r="H6373" s="1" t="s">
        <v>24939</v>
      </c>
      <c r="I6373" s="1" t="s">
        <v>24809</v>
      </c>
      <c r="J6373" s="1" t="s">
        <v>24946</v>
      </c>
    </row>
    <row r="6374" spans="1:10" x14ac:dyDescent="0.35">
      <c r="A6374" s="1" t="s">
        <v>24934</v>
      </c>
      <c r="B6374" s="1" t="s">
        <v>24803</v>
      </c>
      <c r="C6374" s="1" t="s">
        <v>25</v>
      </c>
      <c r="D6374" s="1" t="s">
        <v>15840</v>
      </c>
      <c r="E6374" s="1" t="s">
        <v>24947</v>
      </c>
      <c r="F6374" s="1" t="s">
        <v>24948</v>
      </c>
      <c r="G6374" s="1" t="s">
        <v>24938</v>
      </c>
      <c r="H6374" s="1" t="s">
        <v>24939</v>
      </c>
      <c r="I6374" s="1" t="s">
        <v>24809</v>
      </c>
      <c r="J6374" s="1" t="s">
        <v>24949</v>
      </c>
    </row>
    <row r="6375" spans="1:10" x14ac:dyDescent="0.35">
      <c r="A6375" s="1" t="s">
        <v>24934</v>
      </c>
      <c r="B6375" s="1" t="s">
        <v>24803</v>
      </c>
      <c r="C6375" s="1" t="s">
        <v>30</v>
      </c>
      <c r="D6375" s="1" t="s">
        <v>6080</v>
      </c>
      <c r="E6375" s="1" t="s">
        <v>24950</v>
      </c>
      <c r="F6375" s="1" t="s">
        <v>24951</v>
      </c>
      <c r="G6375" s="1" t="s">
        <v>24938</v>
      </c>
      <c r="H6375" s="1" t="s">
        <v>24939</v>
      </c>
      <c r="I6375" s="1" t="s">
        <v>24809</v>
      </c>
      <c r="J6375" s="1" t="s">
        <v>24952</v>
      </c>
    </row>
    <row r="6376" spans="1:10" x14ac:dyDescent="0.35">
      <c r="A6376" s="1" t="s">
        <v>24934</v>
      </c>
      <c r="B6376" s="1" t="s">
        <v>24803</v>
      </c>
      <c r="C6376" s="1" t="s">
        <v>35</v>
      </c>
      <c r="D6376" s="1" t="s">
        <v>24953</v>
      </c>
      <c r="E6376" s="1" t="s">
        <v>24954</v>
      </c>
      <c r="F6376" s="1" t="s">
        <v>24955</v>
      </c>
      <c r="G6376" s="1" t="s">
        <v>24938</v>
      </c>
      <c r="H6376" s="1" t="s">
        <v>24939</v>
      </c>
      <c r="I6376" s="1" t="s">
        <v>24809</v>
      </c>
      <c r="J6376" s="1" t="s">
        <v>24956</v>
      </c>
    </row>
    <row r="6377" spans="1:10" x14ac:dyDescent="0.35">
      <c r="A6377" s="1" t="s">
        <v>24934</v>
      </c>
      <c r="B6377" s="1" t="s">
        <v>24803</v>
      </c>
      <c r="C6377" s="1" t="s">
        <v>40</v>
      </c>
      <c r="D6377" s="1" t="s">
        <v>24957</v>
      </c>
      <c r="E6377" s="1" t="s">
        <v>24958</v>
      </c>
      <c r="F6377" s="1" t="s">
        <v>24959</v>
      </c>
      <c r="G6377" s="1" t="s">
        <v>24938</v>
      </c>
      <c r="H6377" s="1" t="s">
        <v>24939</v>
      </c>
      <c r="I6377" s="1" t="s">
        <v>24809</v>
      </c>
      <c r="J6377" s="1" t="s">
        <v>24960</v>
      </c>
    </row>
    <row r="6378" spans="1:10" x14ac:dyDescent="0.35">
      <c r="A6378" s="1" t="s">
        <v>24934</v>
      </c>
      <c r="B6378" s="1" t="s">
        <v>24803</v>
      </c>
      <c r="C6378" s="1" t="s">
        <v>45</v>
      </c>
      <c r="D6378" s="1" t="s">
        <v>24961</v>
      </c>
      <c r="E6378" s="1" t="s">
        <v>24962</v>
      </c>
      <c r="F6378" s="1" t="s">
        <v>24963</v>
      </c>
      <c r="G6378" s="1" t="s">
        <v>24938</v>
      </c>
      <c r="H6378" s="1" t="s">
        <v>24939</v>
      </c>
      <c r="I6378" s="1" t="s">
        <v>24809</v>
      </c>
      <c r="J6378" s="1" t="s">
        <v>24964</v>
      </c>
    </row>
    <row r="6379" spans="1:10" x14ac:dyDescent="0.35">
      <c r="A6379" s="1" t="s">
        <v>24934</v>
      </c>
      <c r="B6379" s="1" t="s">
        <v>24803</v>
      </c>
      <c r="C6379" s="1" t="s">
        <v>50</v>
      </c>
      <c r="D6379" s="1" t="s">
        <v>5527</v>
      </c>
      <c r="E6379" s="1" t="s">
        <v>24965</v>
      </c>
      <c r="F6379" s="1" t="s">
        <v>24966</v>
      </c>
      <c r="G6379" s="1" t="s">
        <v>24938</v>
      </c>
      <c r="H6379" s="1" t="s">
        <v>24939</v>
      </c>
      <c r="I6379" s="1" t="s">
        <v>24809</v>
      </c>
      <c r="J6379" s="1" t="s">
        <v>24967</v>
      </c>
    </row>
    <row r="6380" spans="1:10" x14ac:dyDescent="0.35">
      <c r="A6380" s="1" t="s">
        <v>24934</v>
      </c>
      <c r="B6380" s="1" t="s">
        <v>24803</v>
      </c>
      <c r="C6380" s="1" t="s">
        <v>55</v>
      </c>
      <c r="D6380" s="1" t="s">
        <v>5681</v>
      </c>
      <c r="E6380" s="1" t="s">
        <v>24968</v>
      </c>
      <c r="F6380" s="1" t="s">
        <v>24969</v>
      </c>
      <c r="G6380" s="1" t="s">
        <v>24938</v>
      </c>
      <c r="H6380" s="1" t="s">
        <v>24939</v>
      </c>
      <c r="I6380" s="1" t="s">
        <v>24809</v>
      </c>
      <c r="J6380" s="1" t="s">
        <v>24970</v>
      </c>
    </row>
    <row r="6381" spans="1:10" x14ac:dyDescent="0.35">
      <c r="A6381" s="1" t="s">
        <v>24934</v>
      </c>
      <c r="B6381" s="1" t="s">
        <v>24803</v>
      </c>
      <c r="C6381" s="1" t="s">
        <v>60</v>
      </c>
      <c r="D6381" s="1" t="s">
        <v>3928</v>
      </c>
      <c r="E6381" s="1" t="s">
        <v>24971</v>
      </c>
      <c r="F6381" s="1" t="s">
        <v>24972</v>
      </c>
      <c r="G6381" s="1" t="s">
        <v>24938</v>
      </c>
      <c r="H6381" s="1" t="s">
        <v>24939</v>
      </c>
      <c r="I6381" s="1" t="s">
        <v>24809</v>
      </c>
      <c r="J6381" s="1" t="s">
        <v>24973</v>
      </c>
    </row>
    <row r="6382" spans="1:10" x14ac:dyDescent="0.35">
      <c r="A6382" s="1" t="s">
        <v>24934</v>
      </c>
      <c r="B6382" s="1" t="s">
        <v>24803</v>
      </c>
      <c r="C6382" s="1" t="s">
        <v>65</v>
      </c>
      <c r="D6382" s="1" t="s">
        <v>24974</v>
      </c>
      <c r="E6382" s="1" t="s">
        <v>24975</v>
      </c>
      <c r="F6382" s="1" t="s">
        <v>24976</v>
      </c>
      <c r="G6382" s="1" t="s">
        <v>24938</v>
      </c>
      <c r="H6382" s="1" t="s">
        <v>24939</v>
      </c>
      <c r="I6382" s="1" t="s">
        <v>24809</v>
      </c>
      <c r="J6382" s="1" t="s">
        <v>24977</v>
      </c>
    </row>
    <row r="6383" spans="1:10" x14ac:dyDescent="0.35">
      <c r="A6383" s="1" t="s">
        <v>24934</v>
      </c>
      <c r="B6383" s="1" t="s">
        <v>24803</v>
      </c>
      <c r="C6383" s="1" t="s">
        <v>70</v>
      </c>
      <c r="D6383" s="1" t="s">
        <v>24978</v>
      </c>
      <c r="E6383" s="1" t="s">
        <v>24979</v>
      </c>
      <c r="F6383" s="1" t="s">
        <v>24980</v>
      </c>
      <c r="G6383" s="1" t="s">
        <v>24938</v>
      </c>
      <c r="H6383" s="1" t="s">
        <v>24939</v>
      </c>
      <c r="I6383" s="1" t="s">
        <v>24809</v>
      </c>
      <c r="J6383" s="1" t="s">
        <v>24981</v>
      </c>
    </row>
    <row r="6384" spans="1:10" x14ac:dyDescent="0.35">
      <c r="A6384" s="1" t="s">
        <v>24934</v>
      </c>
      <c r="B6384" s="1" t="s">
        <v>24803</v>
      </c>
      <c r="C6384" s="1" t="s">
        <v>75</v>
      </c>
      <c r="D6384" s="1" t="s">
        <v>24982</v>
      </c>
      <c r="E6384" s="1" t="s">
        <v>24983</v>
      </c>
      <c r="F6384" s="1" t="s">
        <v>24984</v>
      </c>
      <c r="G6384" s="1" t="s">
        <v>24938</v>
      </c>
      <c r="H6384" s="1" t="s">
        <v>24939</v>
      </c>
      <c r="I6384" s="1" t="s">
        <v>24809</v>
      </c>
      <c r="J6384" s="1" t="s">
        <v>24985</v>
      </c>
    </row>
    <row r="6385" spans="1:10" x14ac:dyDescent="0.35">
      <c r="A6385" s="1" t="s">
        <v>24934</v>
      </c>
      <c r="B6385" s="1" t="s">
        <v>24803</v>
      </c>
      <c r="C6385" s="1" t="s">
        <v>80</v>
      </c>
      <c r="D6385" s="1" t="s">
        <v>4054</v>
      </c>
      <c r="E6385" s="1" t="s">
        <v>24986</v>
      </c>
      <c r="F6385" s="1" t="s">
        <v>24987</v>
      </c>
      <c r="G6385" s="1" t="s">
        <v>24938</v>
      </c>
      <c r="H6385" s="1" t="s">
        <v>24939</v>
      </c>
      <c r="I6385" s="1" t="s">
        <v>24809</v>
      </c>
      <c r="J6385" s="1" t="s">
        <v>24988</v>
      </c>
    </row>
    <row r="6386" spans="1:10" x14ac:dyDescent="0.35">
      <c r="A6386" s="1" t="s">
        <v>24934</v>
      </c>
      <c r="B6386" s="1" t="s">
        <v>24803</v>
      </c>
      <c r="C6386" s="1" t="s">
        <v>85</v>
      </c>
      <c r="D6386" s="1" t="s">
        <v>24989</v>
      </c>
      <c r="E6386" s="1" t="s">
        <v>24990</v>
      </c>
      <c r="F6386" s="1" t="s">
        <v>24991</v>
      </c>
      <c r="G6386" s="1" t="s">
        <v>24938</v>
      </c>
      <c r="H6386" s="1" t="s">
        <v>24939</v>
      </c>
      <c r="I6386" s="1" t="s">
        <v>24809</v>
      </c>
      <c r="J6386" s="1" t="s">
        <v>24992</v>
      </c>
    </row>
    <row r="6387" spans="1:10" x14ac:dyDescent="0.35">
      <c r="A6387" s="1" t="s">
        <v>24934</v>
      </c>
      <c r="B6387" s="1" t="s">
        <v>24803</v>
      </c>
      <c r="C6387" s="1" t="s">
        <v>90</v>
      </c>
      <c r="D6387" s="1" t="s">
        <v>8127</v>
      </c>
      <c r="E6387" s="1" t="s">
        <v>24993</v>
      </c>
      <c r="F6387" s="1" t="s">
        <v>24994</v>
      </c>
      <c r="G6387" s="1" t="s">
        <v>24938</v>
      </c>
      <c r="H6387" s="1" t="s">
        <v>24939</v>
      </c>
      <c r="I6387" s="1" t="s">
        <v>24809</v>
      </c>
      <c r="J6387" s="1" t="s">
        <v>24995</v>
      </c>
    </row>
    <row r="6388" spans="1:10" x14ac:dyDescent="0.35">
      <c r="A6388" s="1" t="s">
        <v>24934</v>
      </c>
      <c r="B6388" s="1" t="s">
        <v>24803</v>
      </c>
      <c r="C6388" s="1" t="s">
        <v>95</v>
      </c>
      <c r="D6388" s="1" t="s">
        <v>24996</v>
      </c>
      <c r="E6388" s="1" t="s">
        <v>24997</v>
      </c>
      <c r="F6388" s="1" t="s">
        <v>24998</v>
      </c>
      <c r="G6388" s="1" t="s">
        <v>24938</v>
      </c>
      <c r="H6388" s="1" t="s">
        <v>24939</v>
      </c>
      <c r="I6388" s="1" t="s">
        <v>24809</v>
      </c>
      <c r="J6388" s="1" t="s">
        <v>24999</v>
      </c>
    </row>
    <row r="6389" spans="1:10" x14ac:dyDescent="0.35">
      <c r="A6389" s="1" t="s">
        <v>24934</v>
      </c>
      <c r="B6389" s="1" t="s">
        <v>24803</v>
      </c>
      <c r="C6389" s="1" t="s">
        <v>100</v>
      </c>
      <c r="D6389" s="1" t="s">
        <v>25000</v>
      </c>
      <c r="E6389" s="1" t="s">
        <v>25001</v>
      </c>
      <c r="F6389" s="1" t="s">
        <v>25002</v>
      </c>
      <c r="G6389" s="1" t="s">
        <v>24938</v>
      </c>
      <c r="H6389" s="1" t="s">
        <v>24939</v>
      </c>
      <c r="I6389" s="1" t="s">
        <v>24809</v>
      </c>
      <c r="J6389" s="1" t="s">
        <v>25003</v>
      </c>
    </row>
    <row r="6390" spans="1:10" x14ac:dyDescent="0.35">
      <c r="A6390" s="1" t="s">
        <v>24934</v>
      </c>
      <c r="B6390" s="1" t="s">
        <v>24803</v>
      </c>
      <c r="C6390" s="1" t="s">
        <v>105</v>
      </c>
      <c r="D6390" s="1" t="s">
        <v>25004</v>
      </c>
      <c r="E6390" s="1" t="s">
        <v>25005</v>
      </c>
      <c r="F6390" s="1" t="s">
        <v>25006</v>
      </c>
      <c r="G6390" s="1" t="s">
        <v>24938</v>
      </c>
      <c r="H6390" s="1" t="s">
        <v>24939</v>
      </c>
      <c r="I6390" s="1" t="s">
        <v>24809</v>
      </c>
      <c r="J6390" s="1" t="s">
        <v>25007</v>
      </c>
    </row>
    <row r="6391" spans="1:10" x14ac:dyDescent="0.35">
      <c r="A6391" s="1" t="s">
        <v>24934</v>
      </c>
      <c r="B6391" s="1" t="s">
        <v>24803</v>
      </c>
      <c r="C6391" s="1" t="s">
        <v>110</v>
      </c>
      <c r="D6391" s="1" t="s">
        <v>25008</v>
      </c>
      <c r="E6391" s="1" t="s">
        <v>25009</v>
      </c>
      <c r="F6391" s="1" t="s">
        <v>25010</v>
      </c>
      <c r="G6391" s="1" t="s">
        <v>24938</v>
      </c>
      <c r="H6391" s="1" t="s">
        <v>24939</v>
      </c>
      <c r="I6391" s="1" t="s">
        <v>24809</v>
      </c>
      <c r="J6391" s="1" t="s">
        <v>25011</v>
      </c>
    </row>
    <row r="6392" spans="1:10" x14ac:dyDescent="0.35">
      <c r="A6392" s="1" t="s">
        <v>24934</v>
      </c>
      <c r="B6392" s="1" t="s">
        <v>24803</v>
      </c>
      <c r="C6392" s="1" t="s">
        <v>115</v>
      </c>
      <c r="D6392" s="1" t="s">
        <v>25012</v>
      </c>
      <c r="E6392" s="1" t="s">
        <v>25013</v>
      </c>
      <c r="F6392" s="1" t="s">
        <v>25014</v>
      </c>
      <c r="G6392" s="1" t="s">
        <v>24938</v>
      </c>
      <c r="H6392" s="1" t="s">
        <v>24939</v>
      </c>
      <c r="I6392" s="1" t="s">
        <v>24809</v>
      </c>
      <c r="J6392" s="1" t="s">
        <v>25015</v>
      </c>
    </row>
    <row r="6393" spans="1:10" x14ac:dyDescent="0.35">
      <c r="A6393" s="1" t="s">
        <v>24934</v>
      </c>
      <c r="B6393" s="1" t="s">
        <v>24803</v>
      </c>
      <c r="C6393" s="1" t="s">
        <v>120</v>
      </c>
      <c r="D6393" s="1" t="s">
        <v>25016</v>
      </c>
      <c r="E6393" s="1" t="s">
        <v>25017</v>
      </c>
      <c r="F6393" s="1" t="s">
        <v>25018</v>
      </c>
      <c r="G6393" s="1" t="s">
        <v>24938</v>
      </c>
      <c r="H6393" s="1" t="s">
        <v>24939</v>
      </c>
      <c r="I6393" s="1" t="s">
        <v>24809</v>
      </c>
      <c r="J6393" s="1" t="s">
        <v>25019</v>
      </c>
    </row>
    <row r="6394" spans="1:10" x14ac:dyDescent="0.35">
      <c r="A6394" s="1" t="s">
        <v>24934</v>
      </c>
      <c r="B6394" s="1" t="s">
        <v>24803</v>
      </c>
      <c r="C6394" s="1" t="s">
        <v>125</v>
      </c>
      <c r="D6394" s="1" t="s">
        <v>25020</v>
      </c>
      <c r="E6394" s="1" t="s">
        <v>25021</v>
      </c>
      <c r="F6394" s="1" t="s">
        <v>25022</v>
      </c>
      <c r="G6394" s="1" t="s">
        <v>24938</v>
      </c>
      <c r="H6394" s="1" t="s">
        <v>24939</v>
      </c>
      <c r="I6394" s="1" t="s">
        <v>24809</v>
      </c>
      <c r="J6394" s="1" t="s">
        <v>25023</v>
      </c>
    </row>
    <row r="6395" spans="1:10" x14ac:dyDescent="0.35">
      <c r="A6395" s="1" t="s">
        <v>24934</v>
      </c>
      <c r="B6395" s="1" t="s">
        <v>24803</v>
      </c>
      <c r="C6395" s="1" t="s">
        <v>130</v>
      </c>
      <c r="D6395" s="1" t="s">
        <v>25024</v>
      </c>
      <c r="E6395" s="1" t="s">
        <v>25025</v>
      </c>
      <c r="F6395" s="1" t="s">
        <v>25026</v>
      </c>
      <c r="G6395" s="1" t="s">
        <v>24938</v>
      </c>
      <c r="H6395" s="1" t="s">
        <v>24939</v>
      </c>
      <c r="I6395" s="1" t="s">
        <v>24809</v>
      </c>
      <c r="J6395" s="1" t="s">
        <v>25027</v>
      </c>
    </row>
    <row r="6396" spans="1:10" x14ac:dyDescent="0.35">
      <c r="A6396" s="1" t="s">
        <v>24934</v>
      </c>
      <c r="B6396" s="1" t="s">
        <v>24803</v>
      </c>
      <c r="C6396" s="1" t="s">
        <v>135</v>
      </c>
      <c r="D6396" s="1" t="s">
        <v>25028</v>
      </c>
      <c r="E6396" s="1" t="s">
        <v>25029</v>
      </c>
      <c r="F6396" s="1" t="s">
        <v>25030</v>
      </c>
      <c r="G6396" s="1" t="s">
        <v>24938</v>
      </c>
      <c r="H6396" s="1" t="s">
        <v>24939</v>
      </c>
      <c r="I6396" s="1" t="s">
        <v>24809</v>
      </c>
      <c r="J6396" s="1" t="s">
        <v>25031</v>
      </c>
    </row>
    <row r="6397" spans="1:10" x14ac:dyDescent="0.35">
      <c r="A6397" s="1" t="s">
        <v>24934</v>
      </c>
      <c r="B6397" s="1" t="s">
        <v>24803</v>
      </c>
      <c r="C6397" s="1" t="s">
        <v>140</v>
      </c>
      <c r="D6397" s="1" t="s">
        <v>25032</v>
      </c>
      <c r="E6397" s="1" t="s">
        <v>25033</v>
      </c>
      <c r="F6397" s="1" t="s">
        <v>25034</v>
      </c>
      <c r="G6397" s="1" t="s">
        <v>24938</v>
      </c>
      <c r="H6397" s="1" t="s">
        <v>24939</v>
      </c>
      <c r="I6397" s="1" t="s">
        <v>24809</v>
      </c>
      <c r="J6397" s="1" t="s">
        <v>25035</v>
      </c>
    </row>
    <row r="6398" spans="1:10" x14ac:dyDescent="0.35">
      <c r="A6398" s="1" t="s">
        <v>24934</v>
      </c>
      <c r="B6398" s="1" t="s">
        <v>24803</v>
      </c>
      <c r="C6398" s="1" t="s">
        <v>145</v>
      </c>
      <c r="D6398" s="1" t="s">
        <v>25036</v>
      </c>
      <c r="E6398" s="1" t="s">
        <v>25037</v>
      </c>
      <c r="F6398" s="1" t="s">
        <v>25038</v>
      </c>
      <c r="G6398" s="1" t="s">
        <v>24938</v>
      </c>
      <c r="H6398" s="1" t="s">
        <v>24939</v>
      </c>
      <c r="I6398" s="1" t="s">
        <v>24809</v>
      </c>
      <c r="J6398" s="1" t="s">
        <v>25039</v>
      </c>
    </row>
    <row r="6399" spans="1:10" x14ac:dyDescent="0.35">
      <c r="A6399" s="1" t="s">
        <v>24934</v>
      </c>
      <c r="B6399" s="1" t="s">
        <v>24803</v>
      </c>
      <c r="C6399" s="1" t="s">
        <v>150</v>
      </c>
      <c r="D6399" s="1" t="s">
        <v>5770</v>
      </c>
      <c r="E6399" s="1" t="s">
        <v>25040</v>
      </c>
      <c r="F6399" s="1" t="s">
        <v>25041</v>
      </c>
      <c r="G6399" s="1" t="s">
        <v>24938</v>
      </c>
      <c r="H6399" s="1" t="s">
        <v>24939</v>
      </c>
      <c r="I6399" s="1" t="s">
        <v>24809</v>
      </c>
      <c r="J6399" s="1" t="s">
        <v>25042</v>
      </c>
    </row>
    <row r="6400" spans="1:10" x14ac:dyDescent="0.35">
      <c r="A6400" s="1" t="s">
        <v>24934</v>
      </c>
      <c r="B6400" s="1" t="s">
        <v>24803</v>
      </c>
      <c r="C6400" s="1" t="s">
        <v>155</v>
      </c>
      <c r="D6400" s="1" t="s">
        <v>25043</v>
      </c>
      <c r="E6400" s="1" t="s">
        <v>25044</v>
      </c>
      <c r="F6400" s="1" t="s">
        <v>25045</v>
      </c>
      <c r="G6400" s="1" t="s">
        <v>24938</v>
      </c>
      <c r="H6400" s="1" t="s">
        <v>24939</v>
      </c>
      <c r="I6400" s="1" t="s">
        <v>24809</v>
      </c>
      <c r="J6400" s="1" t="s">
        <v>25046</v>
      </c>
    </row>
    <row r="6401" spans="1:10" x14ac:dyDescent="0.35">
      <c r="A6401" s="1" t="s">
        <v>24934</v>
      </c>
      <c r="B6401" s="1" t="s">
        <v>24803</v>
      </c>
      <c r="C6401" s="1" t="s">
        <v>160</v>
      </c>
      <c r="D6401" s="1" t="s">
        <v>25047</v>
      </c>
      <c r="E6401" s="1" t="s">
        <v>25048</v>
      </c>
      <c r="F6401" s="1" t="s">
        <v>25049</v>
      </c>
      <c r="G6401" s="1" t="s">
        <v>24938</v>
      </c>
      <c r="H6401" s="1" t="s">
        <v>24939</v>
      </c>
      <c r="I6401" s="1" t="s">
        <v>24809</v>
      </c>
      <c r="J6401" s="1" t="s">
        <v>25050</v>
      </c>
    </row>
    <row r="6402" spans="1:10" x14ac:dyDescent="0.35">
      <c r="A6402" s="1" t="s">
        <v>24934</v>
      </c>
      <c r="B6402" s="1" t="s">
        <v>24803</v>
      </c>
      <c r="C6402" s="1" t="s">
        <v>165</v>
      </c>
      <c r="D6402" s="1" t="s">
        <v>25051</v>
      </c>
      <c r="E6402" s="1" t="s">
        <v>25052</v>
      </c>
      <c r="F6402" s="1" t="s">
        <v>25053</v>
      </c>
      <c r="G6402" s="1" t="s">
        <v>24938</v>
      </c>
      <c r="H6402" s="1" t="s">
        <v>24939</v>
      </c>
      <c r="I6402" s="1" t="s">
        <v>24809</v>
      </c>
      <c r="J6402" s="1" t="s">
        <v>25054</v>
      </c>
    </row>
    <row r="6403" spans="1:10" x14ac:dyDescent="0.35">
      <c r="A6403" s="1" t="s">
        <v>24934</v>
      </c>
      <c r="B6403" s="1" t="s">
        <v>24803</v>
      </c>
      <c r="C6403" s="1" t="s">
        <v>170</v>
      </c>
      <c r="D6403" s="1" t="s">
        <v>25055</v>
      </c>
      <c r="E6403" s="1" t="s">
        <v>25056</v>
      </c>
      <c r="F6403" s="1" t="s">
        <v>25057</v>
      </c>
      <c r="G6403" s="1" t="s">
        <v>24938</v>
      </c>
      <c r="H6403" s="1" t="s">
        <v>24939</v>
      </c>
      <c r="I6403" s="1" t="s">
        <v>24809</v>
      </c>
      <c r="J6403" s="1" t="s">
        <v>25058</v>
      </c>
    </row>
    <row r="6404" spans="1:10" x14ac:dyDescent="0.35">
      <c r="A6404" s="1" t="s">
        <v>25059</v>
      </c>
      <c r="B6404" s="1" t="s">
        <v>24803</v>
      </c>
      <c r="C6404" s="1" t="s">
        <v>8</v>
      </c>
      <c r="D6404" s="1" t="s">
        <v>25060</v>
      </c>
      <c r="E6404" s="1" t="s">
        <v>25061</v>
      </c>
      <c r="F6404" s="1" t="s">
        <v>25062</v>
      </c>
      <c r="G6404" s="1" t="s">
        <v>25063</v>
      </c>
      <c r="H6404" s="1" t="s">
        <v>25064</v>
      </c>
      <c r="I6404" s="1" t="s">
        <v>24809</v>
      </c>
      <c r="J6404" s="1" t="s">
        <v>13</v>
      </c>
    </row>
    <row r="6405" spans="1:10" x14ac:dyDescent="0.35">
      <c r="A6405" s="1" t="s">
        <v>25059</v>
      </c>
      <c r="B6405" s="1" t="s">
        <v>24803</v>
      </c>
      <c r="C6405" s="1" t="s">
        <v>15</v>
      </c>
      <c r="D6405" s="1" t="s">
        <v>25065</v>
      </c>
      <c r="E6405" s="1" t="s">
        <v>25066</v>
      </c>
      <c r="F6405" s="1" t="s">
        <v>25067</v>
      </c>
      <c r="G6405" s="1" t="s">
        <v>25063</v>
      </c>
      <c r="H6405" s="1" t="s">
        <v>25064</v>
      </c>
      <c r="I6405" s="1" t="s">
        <v>24809</v>
      </c>
      <c r="J6405" s="1" t="s">
        <v>25068</v>
      </c>
    </row>
    <row r="6406" spans="1:10" x14ac:dyDescent="0.35">
      <c r="A6406" s="1" t="s">
        <v>25059</v>
      </c>
      <c r="B6406" s="1" t="s">
        <v>24803</v>
      </c>
      <c r="C6406" s="1" t="s">
        <v>20</v>
      </c>
      <c r="D6406" s="1" t="s">
        <v>25069</v>
      </c>
      <c r="E6406" s="1" t="s">
        <v>25070</v>
      </c>
      <c r="F6406" s="1" t="s">
        <v>25071</v>
      </c>
      <c r="G6406" s="1" t="s">
        <v>25063</v>
      </c>
      <c r="H6406" s="1" t="s">
        <v>25064</v>
      </c>
      <c r="I6406" s="1" t="s">
        <v>24809</v>
      </c>
      <c r="J6406" s="1" t="s">
        <v>25072</v>
      </c>
    </row>
    <row r="6407" spans="1:10" x14ac:dyDescent="0.35">
      <c r="A6407" s="1" t="s">
        <v>25059</v>
      </c>
      <c r="B6407" s="1" t="s">
        <v>24803</v>
      </c>
      <c r="C6407" s="1" t="s">
        <v>25</v>
      </c>
      <c r="D6407" s="1" t="s">
        <v>1154</v>
      </c>
      <c r="E6407" s="1" t="s">
        <v>25073</v>
      </c>
      <c r="F6407" s="1" t="s">
        <v>25074</v>
      </c>
      <c r="G6407" s="1" t="s">
        <v>25063</v>
      </c>
      <c r="H6407" s="1" t="s">
        <v>25064</v>
      </c>
      <c r="I6407" s="1" t="s">
        <v>24809</v>
      </c>
      <c r="J6407" s="1" t="s">
        <v>25075</v>
      </c>
    </row>
    <row r="6408" spans="1:10" x14ac:dyDescent="0.35">
      <c r="A6408" s="1" t="s">
        <v>25059</v>
      </c>
      <c r="B6408" s="1" t="s">
        <v>24803</v>
      </c>
      <c r="C6408" s="1" t="s">
        <v>30</v>
      </c>
      <c r="D6408" s="1" t="s">
        <v>25076</v>
      </c>
      <c r="E6408" s="1" t="s">
        <v>25077</v>
      </c>
      <c r="F6408" s="1" t="s">
        <v>25078</v>
      </c>
      <c r="G6408" s="1" t="s">
        <v>25063</v>
      </c>
      <c r="H6408" s="1" t="s">
        <v>25064</v>
      </c>
      <c r="I6408" s="1" t="s">
        <v>24809</v>
      </c>
      <c r="J6408" s="1" t="s">
        <v>25079</v>
      </c>
    </row>
    <row r="6409" spans="1:10" x14ac:dyDescent="0.35">
      <c r="A6409" s="1" t="s">
        <v>25059</v>
      </c>
      <c r="B6409" s="1" t="s">
        <v>24803</v>
      </c>
      <c r="C6409" s="1" t="s">
        <v>35</v>
      </c>
      <c r="D6409" s="1" t="s">
        <v>25080</v>
      </c>
      <c r="E6409" s="1" t="s">
        <v>25081</v>
      </c>
      <c r="F6409" s="1" t="s">
        <v>25082</v>
      </c>
      <c r="G6409" s="1" t="s">
        <v>25063</v>
      </c>
      <c r="H6409" s="1" t="s">
        <v>25064</v>
      </c>
      <c r="I6409" s="1" t="s">
        <v>24809</v>
      </c>
      <c r="J6409" s="1" t="s">
        <v>25083</v>
      </c>
    </row>
    <row r="6410" spans="1:10" x14ac:dyDescent="0.35">
      <c r="A6410" s="1" t="s">
        <v>25059</v>
      </c>
      <c r="B6410" s="1" t="s">
        <v>24803</v>
      </c>
      <c r="C6410" s="1" t="s">
        <v>40</v>
      </c>
      <c r="D6410" s="1" t="s">
        <v>25084</v>
      </c>
      <c r="E6410" s="1" t="s">
        <v>25085</v>
      </c>
      <c r="F6410" s="1" t="s">
        <v>25086</v>
      </c>
      <c r="G6410" s="1" t="s">
        <v>25063</v>
      </c>
      <c r="H6410" s="1" t="s">
        <v>25064</v>
      </c>
      <c r="I6410" s="1" t="s">
        <v>24809</v>
      </c>
      <c r="J6410" s="1" t="s">
        <v>25087</v>
      </c>
    </row>
    <row r="6411" spans="1:10" x14ac:dyDescent="0.35">
      <c r="A6411" s="1" t="s">
        <v>25059</v>
      </c>
      <c r="B6411" s="1" t="s">
        <v>24803</v>
      </c>
      <c r="C6411" s="1" t="s">
        <v>45</v>
      </c>
      <c r="D6411" s="1" t="s">
        <v>25088</v>
      </c>
      <c r="E6411" s="1" t="s">
        <v>25089</v>
      </c>
      <c r="F6411" s="1" t="s">
        <v>25090</v>
      </c>
      <c r="G6411" s="1" t="s">
        <v>25063</v>
      </c>
      <c r="H6411" s="1" t="s">
        <v>25064</v>
      </c>
      <c r="I6411" s="1" t="s">
        <v>24809</v>
      </c>
      <c r="J6411" s="1" t="s">
        <v>25091</v>
      </c>
    </row>
    <row r="6412" spans="1:10" x14ac:dyDescent="0.35">
      <c r="A6412" s="1" t="s">
        <v>25059</v>
      </c>
      <c r="B6412" s="1" t="s">
        <v>24803</v>
      </c>
      <c r="C6412" s="1" t="s">
        <v>50</v>
      </c>
      <c r="D6412" s="1" t="s">
        <v>25092</v>
      </c>
      <c r="E6412" s="1" t="s">
        <v>25093</v>
      </c>
      <c r="F6412" s="1" t="s">
        <v>25094</v>
      </c>
      <c r="G6412" s="1" t="s">
        <v>25063</v>
      </c>
      <c r="H6412" s="1" t="s">
        <v>25064</v>
      </c>
      <c r="I6412" s="1" t="s">
        <v>24809</v>
      </c>
      <c r="J6412" s="1" t="s">
        <v>25095</v>
      </c>
    </row>
    <row r="6413" spans="1:10" x14ac:dyDescent="0.35">
      <c r="A6413" s="1" t="s">
        <v>25059</v>
      </c>
      <c r="B6413" s="1" t="s">
        <v>24803</v>
      </c>
      <c r="C6413" s="1" t="s">
        <v>55</v>
      </c>
      <c r="D6413" s="1" t="s">
        <v>25096</v>
      </c>
      <c r="E6413" s="1" t="s">
        <v>25097</v>
      </c>
      <c r="F6413" s="1" t="s">
        <v>25098</v>
      </c>
      <c r="G6413" s="1" t="s">
        <v>25063</v>
      </c>
      <c r="H6413" s="1" t="s">
        <v>25064</v>
      </c>
      <c r="I6413" s="1" t="s">
        <v>24809</v>
      </c>
      <c r="J6413" s="1" t="s">
        <v>25099</v>
      </c>
    </row>
    <row r="6414" spans="1:10" x14ac:dyDescent="0.35">
      <c r="A6414" s="1" t="s">
        <v>25059</v>
      </c>
      <c r="B6414" s="1" t="s">
        <v>24803</v>
      </c>
      <c r="C6414" s="1" t="s">
        <v>60</v>
      </c>
      <c r="D6414" s="1" t="s">
        <v>25100</v>
      </c>
      <c r="E6414" s="1" t="s">
        <v>25101</v>
      </c>
      <c r="F6414" s="1" t="s">
        <v>25102</v>
      </c>
      <c r="G6414" s="1" t="s">
        <v>25063</v>
      </c>
      <c r="H6414" s="1" t="s">
        <v>25064</v>
      </c>
      <c r="I6414" s="1" t="s">
        <v>24809</v>
      </c>
      <c r="J6414" s="1" t="s">
        <v>25103</v>
      </c>
    </row>
    <row r="6415" spans="1:10" x14ac:dyDescent="0.35">
      <c r="A6415" s="1" t="s">
        <v>25059</v>
      </c>
      <c r="B6415" s="1" t="s">
        <v>24803</v>
      </c>
      <c r="C6415" s="1" t="s">
        <v>65</v>
      </c>
      <c r="D6415" s="1" t="s">
        <v>2012</v>
      </c>
      <c r="E6415" s="1" t="s">
        <v>25104</v>
      </c>
      <c r="F6415" s="1" t="s">
        <v>25105</v>
      </c>
      <c r="G6415" s="1" t="s">
        <v>25063</v>
      </c>
      <c r="H6415" s="1" t="s">
        <v>25064</v>
      </c>
      <c r="I6415" s="1" t="s">
        <v>24809</v>
      </c>
      <c r="J6415" s="1" t="s">
        <v>25106</v>
      </c>
    </row>
    <row r="6416" spans="1:10" x14ac:dyDescent="0.35">
      <c r="A6416" s="1" t="s">
        <v>25059</v>
      </c>
      <c r="B6416" s="1" t="s">
        <v>24803</v>
      </c>
      <c r="C6416" s="1" t="s">
        <v>70</v>
      </c>
      <c r="D6416" s="1" t="s">
        <v>4297</v>
      </c>
      <c r="E6416" s="1" t="s">
        <v>25107</v>
      </c>
      <c r="F6416" s="1" t="s">
        <v>25108</v>
      </c>
      <c r="G6416" s="1" t="s">
        <v>25063</v>
      </c>
      <c r="H6416" s="1" t="s">
        <v>25064</v>
      </c>
      <c r="I6416" s="1" t="s">
        <v>24809</v>
      </c>
      <c r="J6416" s="1" t="s">
        <v>25109</v>
      </c>
    </row>
    <row r="6417" spans="1:10" x14ac:dyDescent="0.35">
      <c r="A6417" s="1" t="s">
        <v>25059</v>
      </c>
      <c r="B6417" s="1" t="s">
        <v>24803</v>
      </c>
      <c r="C6417" s="1" t="s">
        <v>75</v>
      </c>
      <c r="D6417" s="1" t="s">
        <v>13899</v>
      </c>
      <c r="E6417" s="1" t="s">
        <v>25110</v>
      </c>
      <c r="F6417" s="1" t="s">
        <v>25111</v>
      </c>
      <c r="G6417" s="1" t="s">
        <v>25063</v>
      </c>
      <c r="H6417" s="1" t="s">
        <v>25064</v>
      </c>
      <c r="I6417" s="1" t="s">
        <v>24809</v>
      </c>
      <c r="J6417" s="1" t="s">
        <v>25112</v>
      </c>
    </row>
    <row r="6418" spans="1:10" x14ac:dyDescent="0.35">
      <c r="A6418" s="1" t="s">
        <v>25059</v>
      </c>
      <c r="B6418" s="1" t="s">
        <v>24803</v>
      </c>
      <c r="C6418" s="1" t="s">
        <v>80</v>
      </c>
      <c r="D6418" s="1" t="s">
        <v>25113</v>
      </c>
      <c r="E6418" s="1" t="s">
        <v>25114</v>
      </c>
      <c r="F6418" s="1" t="s">
        <v>25115</v>
      </c>
      <c r="G6418" s="1" t="s">
        <v>25063</v>
      </c>
      <c r="H6418" s="1" t="s">
        <v>25064</v>
      </c>
      <c r="I6418" s="1" t="s">
        <v>24809</v>
      </c>
      <c r="J6418" s="1" t="s">
        <v>25116</v>
      </c>
    </row>
    <row r="6419" spans="1:10" x14ac:dyDescent="0.35">
      <c r="A6419" s="1" t="s">
        <v>25059</v>
      </c>
      <c r="B6419" s="1" t="s">
        <v>24803</v>
      </c>
      <c r="C6419" s="1" t="s">
        <v>85</v>
      </c>
      <c r="D6419" s="1" t="s">
        <v>25117</v>
      </c>
      <c r="E6419" s="1" t="s">
        <v>25118</v>
      </c>
      <c r="F6419" s="1" t="s">
        <v>25119</v>
      </c>
      <c r="G6419" s="1" t="s">
        <v>25063</v>
      </c>
      <c r="H6419" s="1" t="s">
        <v>25064</v>
      </c>
      <c r="I6419" s="1" t="s">
        <v>24809</v>
      </c>
      <c r="J6419" s="1" t="s">
        <v>25120</v>
      </c>
    </row>
    <row r="6420" spans="1:10" x14ac:dyDescent="0.35">
      <c r="A6420" s="1" t="s">
        <v>25059</v>
      </c>
      <c r="B6420" s="1" t="s">
        <v>24803</v>
      </c>
      <c r="C6420" s="1" t="s">
        <v>90</v>
      </c>
      <c r="D6420" s="1" t="s">
        <v>6439</v>
      </c>
      <c r="E6420" s="1" t="s">
        <v>25121</v>
      </c>
      <c r="F6420" s="1" t="s">
        <v>25122</v>
      </c>
      <c r="G6420" s="1" t="s">
        <v>25063</v>
      </c>
      <c r="H6420" s="1" t="s">
        <v>25064</v>
      </c>
      <c r="I6420" s="1" t="s">
        <v>24809</v>
      </c>
      <c r="J6420" s="1" t="s">
        <v>25123</v>
      </c>
    </row>
    <row r="6421" spans="1:10" x14ac:dyDescent="0.35">
      <c r="A6421" s="1" t="s">
        <v>25059</v>
      </c>
      <c r="B6421" s="1" t="s">
        <v>24803</v>
      </c>
      <c r="C6421" s="1" t="s">
        <v>95</v>
      </c>
      <c r="D6421" s="1" t="s">
        <v>25124</v>
      </c>
      <c r="E6421" s="1" t="s">
        <v>25125</v>
      </c>
      <c r="F6421" s="1" t="s">
        <v>25126</v>
      </c>
      <c r="G6421" s="1" t="s">
        <v>25063</v>
      </c>
      <c r="H6421" s="1" t="s">
        <v>25064</v>
      </c>
      <c r="I6421" s="1" t="s">
        <v>24809</v>
      </c>
      <c r="J6421" s="1" t="s">
        <v>25127</v>
      </c>
    </row>
    <row r="6422" spans="1:10" x14ac:dyDescent="0.35">
      <c r="A6422" s="1" t="s">
        <v>25059</v>
      </c>
      <c r="B6422" s="1" t="s">
        <v>24803</v>
      </c>
      <c r="C6422" s="1" t="s">
        <v>100</v>
      </c>
      <c r="D6422" s="1" t="s">
        <v>25128</v>
      </c>
      <c r="E6422" s="1" t="s">
        <v>25129</v>
      </c>
      <c r="F6422" s="1" t="s">
        <v>25130</v>
      </c>
      <c r="G6422" s="1" t="s">
        <v>25063</v>
      </c>
      <c r="H6422" s="1" t="s">
        <v>25064</v>
      </c>
      <c r="I6422" s="1" t="s">
        <v>24809</v>
      </c>
      <c r="J6422" s="1" t="s">
        <v>25131</v>
      </c>
    </row>
    <row r="6423" spans="1:10" x14ac:dyDescent="0.35">
      <c r="A6423" s="1" t="s">
        <v>25059</v>
      </c>
      <c r="B6423" s="1" t="s">
        <v>24803</v>
      </c>
      <c r="C6423" s="1" t="s">
        <v>105</v>
      </c>
      <c r="D6423" s="1" t="s">
        <v>5127</v>
      </c>
      <c r="E6423" s="1" t="s">
        <v>25132</v>
      </c>
      <c r="F6423" s="1" t="s">
        <v>25133</v>
      </c>
      <c r="G6423" s="1" t="s">
        <v>25063</v>
      </c>
      <c r="H6423" s="1" t="s">
        <v>25064</v>
      </c>
      <c r="I6423" s="1" t="s">
        <v>24809</v>
      </c>
      <c r="J6423" s="1" t="s">
        <v>25134</v>
      </c>
    </row>
    <row r="6424" spans="1:10" x14ac:dyDescent="0.35">
      <c r="A6424" s="1" t="s">
        <v>25059</v>
      </c>
      <c r="B6424" s="1" t="s">
        <v>24803</v>
      </c>
      <c r="C6424" s="1" t="s">
        <v>110</v>
      </c>
      <c r="D6424" s="1" t="s">
        <v>25135</v>
      </c>
      <c r="E6424" s="1" t="s">
        <v>25136</v>
      </c>
      <c r="F6424" s="1" t="s">
        <v>25137</v>
      </c>
      <c r="G6424" s="1" t="s">
        <v>25063</v>
      </c>
      <c r="H6424" s="1" t="s">
        <v>25064</v>
      </c>
      <c r="I6424" s="1" t="s">
        <v>24809</v>
      </c>
      <c r="J6424" s="1" t="s">
        <v>25138</v>
      </c>
    </row>
    <row r="6425" spans="1:10" x14ac:dyDescent="0.35">
      <c r="A6425" s="1" t="s">
        <v>25059</v>
      </c>
      <c r="B6425" s="1" t="s">
        <v>24803</v>
      </c>
      <c r="C6425" s="1" t="s">
        <v>115</v>
      </c>
      <c r="D6425" s="1" t="s">
        <v>25139</v>
      </c>
      <c r="E6425" s="1" t="s">
        <v>25140</v>
      </c>
      <c r="F6425" s="1" t="s">
        <v>25141</v>
      </c>
      <c r="G6425" s="1" t="s">
        <v>25063</v>
      </c>
      <c r="H6425" s="1" t="s">
        <v>25064</v>
      </c>
      <c r="I6425" s="1" t="s">
        <v>24809</v>
      </c>
      <c r="J6425" s="1" t="s">
        <v>25142</v>
      </c>
    </row>
    <row r="6426" spans="1:10" x14ac:dyDescent="0.35">
      <c r="A6426" s="1" t="s">
        <v>25059</v>
      </c>
      <c r="B6426" s="1" t="s">
        <v>24803</v>
      </c>
      <c r="C6426" s="1" t="s">
        <v>120</v>
      </c>
      <c r="D6426" s="1" t="s">
        <v>25143</v>
      </c>
      <c r="E6426" s="1" t="s">
        <v>25144</v>
      </c>
      <c r="F6426" s="1" t="s">
        <v>25145</v>
      </c>
      <c r="G6426" s="1" t="s">
        <v>25063</v>
      </c>
      <c r="H6426" s="1" t="s">
        <v>25064</v>
      </c>
      <c r="I6426" s="1" t="s">
        <v>24809</v>
      </c>
      <c r="J6426" s="1" t="s">
        <v>25146</v>
      </c>
    </row>
    <row r="6427" spans="1:10" x14ac:dyDescent="0.35">
      <c r="A6427" s="1" t="s">
        <v>25059</v>
      </c>
      <c r="B6427" s="1" t="s">
        <v>24803</v>
      </c>
      <c r="C6427" s="1" t="s">
        <v>125</v>
      </c>
      <c r="D6427" s="1" t="s">
        <v>25147</v>
      </c>
      <c r="E6427" s="1" t="s">
        <v>25148</v>
      </c>
      <c r="F6427" s="1" t="s">
        <v>25149</v>
      </c>
      <c r="G6427" s="1" t="s">
        <v>25063</v>
      </c>
      <c r="H6427" s="1" t="s">
        <v>25064</v>
      </c>
      <c r="I6427" s="1" t="s">
        <v>24809</v>
      </c>
      <c r="J6427" s="1" t="s">
        <v>25150</v>
      </c>
    </row>
    <row r="6428" spans="1:10" x14ac:dyDescent="0.35">
      <c r="A6428" s="1" t="s">
        <v>25059</v>
      </c>
      <c r="B6428" s="1" t="s">
        <v>24803</v>
      </c>
      <c r="C6428" s="1" t="s">
        <v>130</v>
      </c>
      <c r="D6428" s="1" t="s">
        <v>25135</v>
      </c>
      <c r="E6428" s="1" t="s">
        <v>25151</v>
      </c>
      <c r="F6428" s="1" t="s">
        <v>25152</v>
      </c>
      <c r="G6428" s="1" t="s">
        <v>25063</v>
      </c>
      <c r="H6428" s="1" t="s">
        <v>25064</v>
      </c>
      <c r="I6428" s="1" t="s">
        <v>24809</v>
      </c>
      <c r="J6428" s="1" t="s">
        <v>25153</v>
      </c>
    </row>
    <row r="6429" spans="1:10" x14ac:dyDescent="0.35">
      <c r="A6429" s="1" t="s">
        <v>25059</v>
      </c>
      <c r="B6429" s="1" t="s">
        <v>24803</v>
      </c>
      <c r="C6429" s="1" t="s">
        <v>135</v>
      </c>
      <c r="D6429" s="1" t="s">
        <v>10725</v>
      </c>
      <c r="E6429" s="1" t="s">
        <v>25154</v>
      </c>
      <c r="F6429" s="1" t="s">
        <v>25155</v>
      </c>
      <c r="G6429" s="1" t="s">
        <v>25063</v>
      </c>
      <c r="H6429" s="1" t="s">
        <v>25064</v>
      </c>
      <c r="I6429" s="1" t="s">
        <v>24809</v>
      </c>
      <c r="J6429" s="1" t="s">
        <v>25156</v>
      </c>
    </row>
    <row r="6430" spans="1:10" x14ac:dyDescent="0.35">
      <c r="A6430" s="1" t="s">
        <v>25059</v>
      </c>
      <c r="B6430" s="1" t="s">
        <v>24803</v>
      </c>
      <c r="C6430" s="1" t="s">
        <v>140</v>
      </c>
      <c r="D6430" s="1" t="s">
        <v>25157</v>
      </c>
      <c r="E6430" s="1" t="s">
        <v>25158</v>
      </c>
      <c r="F6430" s="1" t="s">
        <v>25159</v>
      </c>
      <c r="G6430" s="1" t="s">
        <v>25063</v>
      </c>
      <c r="H6430" s="1" t="s">
        <v>25064</v>
      </c>
      <c r="I6430" s="1" t="s">
        <v>24809</v>
      </c>
      <c r="J6430" s="1" t="s">
        <v>25160</v>
      </c>
    </row>
    <row r="6431" spans="1:10" x14ac:dyDescent="0.35">
      <c r="A6431" s="1" t="s">
        <v>25059</v>
      </c>
      <c r="B6431" s="1" t="s">
        <v>24803</v>
      </c>
      <c r="C6431" s="1" t="s">
        <v>145</v>
      </c>
      <c r="D6431" s="1" t="s">
        <v>25161</v>
      </c>
      <c r="E6431" s="1" t="s">
        <v>25162</v>
      </c>
      <c r="F6431" s="1" t="s">
        <v>25163</v>
      </c>
      <c r="G6431" s="1" t="s">
        <v>25063</v>
      </c>
      <c r="H6431" s="1" t="s">
        <v>25064</v>
      </c>
      <c r="I6431" s="1" t="s">
        <v>24809</v>
      </c>
      <c r="J6431" s="1" t="s">
        <v>25164</v>
      </c>
    </row>
    <row r="6432" spans="1:10" x14ac:dyDescent="0.35">
      <c r="A6432" s="1" t="s">
        <v>25059</v>
      </c>
      <c r="B6432" s="1" t="s">
        <v>24803</v>
      </c>
      <c r="C6432" s="1" t="s">
        <v>150</v>
      </c>
      <c r="D6432" s="1" t="s">
        <v>25165</v>
      </c>
      <c r="E6432" s="1" t="s">
        <v>25166</v>
      </c>
      <c r="F6432" s="1" t="s">
        <v>25167</v>
      </c>
      <c r="G6432" s="1" t="s">
        <v>25063</v>
      </c>
      <c r="H6432" s="1" t="s">
        <v>25064</v>
      </c>
      <c r="I6432" s="1" t="s">
        <v>24809</v>
      </c>
      <c r="J6432" s="1" t="s">
        <v>25168</v>
      </c>
    </row>
    <row r="6433" spans="1:10" x14ac:dyDescent="0.35">
      <c r="A6433" s="1" t="s">
        <v>25059</v>
      </c>
      <c r="B6433" s="1" t="s">
        <v>24803</v>
      </c>
      <c r="C6433" s="1" t="s">
        <v>155</v>
      </c>
      <c r="D6433" s="1" t="s">
        <v>25169</v>
      </c>
      <c r="E6433" s="1" t="s">
        <v>25170</v>
      </c>
      <c r="F6433" s="1" t="s">
        <v>25171</v>
      </c>
      <c r="G6433" s="1" t="s">
        <v>25063</v>
      </c>
      <c r="H6433" s="1" t="s">
        <v>25064</v>
      </c>
      <c r="I6433" s="1" t="s">
        <v>24809</v>
      </c>
      <c r="J6433" s="1" t="s">
        <v>25172</v>
      </c>
    </row>
    <row r="6434" spans="1:10" x14ac:dyDescent="0.35">
      <c r="A6434" s="1" t="s">
        <v>25059</v>
      </c>
      <c r="B6434" s="1" t="s">
        <v>24803</v>
      </c>
      <c r="C6434" s="1" t="s">
        <v>160</v>
      </c>
      <c r="D6434" s="1" t="s">
        <v>25173</v>
      </c>
      <c r="E6434" s="1" t="s">
        <v>25174</v>
      </c>
      <c r="F6434" s="1" t="s">
        <v>25175</v>
      </c>
      <c r="G6434" s="1" t="s">
        <v>25063</v>
      </c>
      <c r="H6434" s="1" t="s">
        <v>25064</v>
      </c>
      <c r="I6434" s="1" t="s">
        <v>24809</v>
      </c>
      <c r="J6434" s="1" t="s">
        <v>25176</v>
      </c>
    </row>
    <row r="6435" spans="1:10" x14ac:dyDescent="0.35">
      <c r="A6435" s="1" t="s">
        <v>25059</v>
      </c>
      <c r="B6435" s="1" t="s">
        <v>24803</v>
      </c>
      <c r="C6435" s="1" t="s">
        <v>165</v>
      </c>
      <c r="D6435" s="1" t="s">
        <v>25177</v>
      </c>
      <c r="E6435" s="1" t="s">
        <v>25178</v>
      </c>
      <c r="F6435" s="1" t="s">
        <v>25179</v>
      </c>
      <c r="G6435" s="1" t="s">
        <v>25063</v>
      </c>
      <c r="H6435" s="1" t="s">
        <v>25064</v>
      </c>
      <c r="I6435" s="1" t="s">
        <v>24809</v>
      </c>
      <c r="J6435" s="1" t="s">
        <v>25180</v>
      </c>
    </row>
    <row r="6436" spans="1:10" x14ac:dyDescent="0.35">
      <c r="A6436" s="1" t="s">
        <v>25059</v>
      </c>
      <c r="B6436" s="1" t="s">
        <v>24803</v>
      </c>
      <c r="C6436" s="1" t="s">
        <v>170</v>
      </c>
      <c r="D6436" s="1" t="s">
        <v>25181</v>
      </c>
      <c r="E6436" s="1" t="s">
        <v>25182</v>
      </c>
      <c r="F6436" s="1" t="s">
        <v>25183</v>
      </c>
      <c r="G6436" s="1" t="s">
        <v>25063</v>
      </c>
      <c r="H6436" s="1" t="s">
        <v>25064</v>
      </c>
      <c r="I6436" s="1" t="s">
        <v>24809</v>
      </c>
      <c r="J6436" s="1" t="s">
        <v>25184</v>
      </c>
    </row>
    <row r="6437" spans="1:10" x14ac:dyDescent="0.35">
      <c r="A6437" s="1" t="s">
        <v>25185</v>
      </c>
      <c r="B6437" s="1" t="s">
        <v>24803</v>
      </c>
      <c r="C6437" s="1" t="s">
        <v>8</v>
      </c>
      <c r="D6437" s="1" t="s">
        <v>8083</v>
      </c>
      <c r="E6437" s="1" t="s">
        <v>25186</v>
      </c>
      <c r="F6437" s="1" t="s">
        <v>25187</v>
      </c>
      <c r="G6437" s="1" t="s">
        <v>25188</v>
      </c>
      <c r="H6437" s="1" t="s">
        <v>25189</v>
      </c>
      <c r="I6437" s="1" t="s">
        <v>24809</v>
      </c>
      <c r="J6437" s="1" t="s">
        <v>13</v>
      </c>
    </row>
    <row r="6438" spans="1:10" x14ac:dyDescent="0.35">
      <c r="A6438" s="1" t="s">
        <v>25185</v>
      </c>
      <c r="B6438" s="1" t="s">
        <v>24803</v>
      </c>
      <c r="C6438" s="1" t="s">
        <v>15</v>
      </c>
      <c r="D6438" s="1" t="s">
        <v>10302</v>
      </c>
      <c r="E6438" s="1" t="s">
        <v>25190</v>
      </c>
      <c r="F6438" s="1" t="s">
        <v>25191</v>
      </c>
      <c r="G6438" s="1" t="s">
        <v>25188</v>
      </c>
      <c r="H6438" s="1" t="s">
        <v>25189</v>
      </c>
      <c r="I6438" s="1" t="s">
        <v>24809</v>
      </c>
      <c r="J6438" s="1" t="s">
        <v>25192</v>
      </c>
    </row>
    <row r="6439" spans="1:10" x14ac:dyDescent="0.35">
      <c r="A6439" s="1" t="s">
        <v>25185</v>
      </c>
      <c r="B6439" s="1" t="s">
        <v>24803</v>
      </c>
      <c r="C6439" s="1" t="s">
        <v>20</v>
      </c>
      <c r="D6439" s="1" t="s">
        <v>3961</v>
      </c>
      <c r="E6439" s="1" t="s">
        <v>25193</v>
      </c>
      <c r="F6439" s="1" t="s">
        <v>25194</v>
      </c>
      <c r="G6439" s="1" t="s">
        <v>25188</v>
      </c>
      <c r="H6439" s="1" t="s">
        <v>25189</v>
      </c>
      <c r="I6439" s="1" t="s">
        <v>24809</v>
      </c>
      <c r="J6439" s="1" t="s">
        <v>25195</v>
      </c>
    </row>
    <row r="6440" spans="1:10" x14ac:dyDescent="0.35">
      <c r="A6440" s="1" t="s">
        <v>25185</v>
      </c>
      <c r="B6440" s="1" t="s">
        <v>24803</v>
      </c>
      <c r="C6440" s="1" t="s">
        <v>25</v>
      </c>
      <c r="D6440" s="1" t="s">
        <v>4309</v>
      </c>
      <c r="E6440" s="1" t="s">
        <v>25196</v>
      </c>
      <c r="F6440" s="1" t="s">
        <v>25197</v>
      </c>
      <c r="G6440" s="1" t="s">
        <v>25188</v>
      </c>
      <c r="H6440" s="1" t="s">
        <v>25189</v>
      </c>
      <c r="I6440" s="1" t="s">
        <v>24809</v>
      </c>
      <c r="J6440" s="1" t="s">
        <v>25198</v>
      </c>
    </row>
    <row r="6441" spans="1:10" x14ac:dyDescent="0.35">
      <c r="A6441" s="1" t="s">
        <v>25185</v>
      </c>
      <c r="B6441" s="1" t="s">
        <v>24803</v>
      </c>
      <c r="C6441" s="1" t="s">
        <v>30</v>
      </c>
      <c r="D6441" s="1" t="s">
        <v>12024</v>
      </c>
      <c r="E6441" s="1" t="s">
        <v>25199</v>
      </c>
      <c r="F6441" s="1" t="s">
        <v>25200</v>
      </c>
      <c r="G6441" s="1" t="s">
        <v>25188</v>
      </c>
      <c r="H6441" s="1" t="s">
        <v>25189</v>
      </c>
      <c r="I6441" s="1" t="s">
        <v>24809</v>
      </c>
      <c r="J6441" s="1" t="s">
        <v>25201</v>
      </c>
    </row>
    <row r="6442" spans="1:10" x14ac:dyDescent="0.35">
      <c r="A6442" s="1" t="s">
        <v>25185</v>
      </c>
      <c r="B6442" s="1" t="s">
        <v>24803</v>
      </c>
      <c r="C6442" s="1" t="s">
        <v>35</v>
      </c>
      <c r="D6442" s="1" t="s">
        <v>25202</v>
      </c>
      <c r="E6442" s="1" t="s">
        <v>25203</v>
      </c>
      <c r="F6442" s="1" t="s">
        <v>25204</v>
      </c>
      <c r="G6442" s="1" t="s">
        <v>25188</v>
      </c>
      <c r="H6442" s="1" t="s">
        <v>25189</v>
      </c>
      <c r="I6442" s="1" t="s">
        <v>24809</v>
      </c>
      <c r="J6442" s="1" t="s">
        <v>25205</v>
      </c>
    </row>
    <row r="6443" spans="1:10" x14ac:dyDescent="0.35">
      <c r="A6443" s="1" t="s">
        <v>25185</v>
      </c>
      <c r="B6443" s="1" t="s">
        <v>24803</v>
      </c>
      <c r="C6443" s="1" t="s">
        <v>40</v>
      </c>
      <c r="D6443" s="1" t="s">
        <v>25206</v>
      </c>
      <c r="E6443" s="1" t="s">
        <v>25207</v>
      </c>
      <c r="F6443" s="1" t="s">
        <v>25208</v>
      </c>
      <c r="G6443" s="1" t="s">
        <v>25188</v>
      </c>
      <c r="H6443" s="1" t="s">
        <v>25189</v>
      </c>
      <c r="I6443" s="1" t="s">
        <v>24809</v>
      </c>
      <c r="J6443" s="1" t="s">
        <v>25209</v>
      </c>
    </row>
    <row r="6444" spans="1:10" x14ac:dyDescent="0.35">
      <c r="A6444" s="1" t="s">
        <v>25185</v>
      </c>
      <c r="B6444" s="1" t="s">
        <v>24803</v>
      </c>
      <c r="C6444" s="1" t="s">
        <v>45</v>
      </c>
      <c r="D6444" s="1" t="s">
        <v>25210</v>
      </c>
      <c r="E6444" s="1" t="s">
        <v>25211</v>
      </c>
      <c r="F6444" s="1" t="s">
        <v>25212</v>
      </c>
      <c r="G6444" s="1" t="s">
        <v>25188</v>
      </c>
      <c r="H6444" s="1" t="s">
        <v>25189</v>
      </c>
      <c r="I6444" s="1" t="s">
        <v>24809</v>
      </c>
      <c r="J6444" s="1" t="s">
        <v>25213</v>
      </c>
    </row>
    <row r="6445" spans="1:10" x14ac:dyDescent="0.35">
      <c r="A6445" s="1" t="s">
        <v>25185</v>
      </c>
      <c r="B6445" s="1" t="s">
        <v>24803</v>
      </c>
      <c r="C6445" s="1" t="s">
        <v>50</v>
      </c>
      <c r="D6445" s="1" t="s">
        <v>25214</v>
      </c>
      <c r="E6445" s="1" t="s">
        <v>25215</v>
      </c>
      <c r="F6445" s="1" t="s">
        <v>25216</v>
      </c>
      <c r="G6445" s="1" t="s">
        <v>25188</v>
      </c>
      <c r="H6445" s="1" t="s">
        <v>25189</v>
      </c>
      <c r="I6445" s="1" t="s">
        <v>24809</v>
      </c>
      <c r="J6445" s="1" t="s">
        <v>25217</v>
      </c>
    </row>
    <row r="6446" spans="1:10" x14ac:dyDescent="0.35">
      <c r="A6446" s="1" t="s">
        <v>25185</v>
      </c>
      <c r="B6446" s="1" t="s">
        <v>24803</v>
      </c>
      <c r="C6446" s="1" t="s">
        <v>55</v>
      </c>
      <c r="D6446" s="1" t="s">
        <v>25218</v>
      </c>
      <c r="E6446" s="1" t="s">
        <v>25219</v>
      </c>
      <c r="F6446" s="1" t="s">
        <v>25220</v>
      </c>
      <c r="G6446" s="1" t="s">
        <v>25188</v>
      </c>
      <c r="H6446" s="1" t="s">
        <v>25189</v>
      </c>
      <c r="I6446" s="1" t="s">
        <v>24809</v>
      </c>
      <c r="J6446" s="1" t="s">
        <v>25221</v>
      </c>
    </row>
    <row r="6447" spans="1:10" x14ac:dyDescent="0.35">
      <c r="A6447" s="1" t="s">
        <v>25185</v>
      </c>
      <c r="B6447" s="1" t="s">
        <v>24803</v>
      </c>
      <c r="C6447" s="1" t="s">
        <v>60</v>
      </c>
      <c r="D6447" s="1" t="s">
        <v>25222</v>
      </c>
      <c r="E6447" s="1" t="s">
        <v>25223</v>
      </c>
      <c r="F6447" s="1" t="s">
        <v>25224</v>
      </c>
      <c r="G6447" s="1" t="s">
        <v>25188</v>
      </c>
      <c r="H6447" s="1" t="s">
        <v>25189</v>
      </c>
      <c r="I6447" s="1" t="s">
        <v>24809</v>
      </c>
      <c r="J6447" s="1" t="s">
        <v>25225</v>
      </c>
    </row>
    <row r="6448" spans="1:10" x14ac:dyDescent="0.35">
      <c r="A6448" s="1" t="s">
        <v>25185</v>
      </c>
      <c r="B6448" s="1" t="s">
        <v>24803</v>
      </c>
      <c r="C6448" s="1" t="s">
        <v>65</v>
      </c>
      <c r="D6448" s="1" t="s">
        <v>12931</v>
      </c>
      <c r="E6448" s="1" t="s">
        <v>25226</v>
      </c>
      <c r="F6448" s="1" t="s">
        <v>25227</v>
      </c>
      <c r="G6448" s="1" t="s">
        <v>25188</v>
      </c>
      <c r="H6448" s="1" t="s">
        <v>25189</v>
      </c>
      <c r="I6448" s="1" t="s">
        <v>24809</v>
      </c>
      <c r="J6448" s="1" t="s">
        <v>25228</v>
      </c>
    </row>
    <row r="6449" spans="1:10" x14ac:dyDescent="0.35">
      <c r="A6449" s="1" t="s">
        <v>25185</v>
      </c>
      <c r="B6449" s="1" t="s">
        <v>24803</v>
      </c>
      <c r="C6449" s="1" t="s">
        <v>70</v>
      </c>
      <c r="D6449" s="1" t="s">
        <v>4345</v>
      </c>
      <c r="E6449" s="1" t="s">
        <v>25229</v>
      </c>
      <c r="F6449" s="1" t="s">
        <v>25230</v>
      </c>
      <c r="G6449" s="1" t="s">
        <v>25188</v>
      </c>
      <c r="H6449" s="1" t="s">
        <v>25189</v>
      </c>
      <c r="I6449" s="1" t="s">
        <v>24809</v>
      </c>
      <c r="J6449" s="1" t="s">
        <v>25231</v>
      </c>
    </row>
    <row r="6450" spans="1:10" x14ac:dyDescent="0.35">
      <c r="A6450" s="1" t="s">
        <v>25185</v>
      </c>
      <c r="B6450" s="1" t="s">
        <v>24803</v>
      </c>
      <c r="C6450" s="1" t="s">
        <v>75</v>
      </c>
      <c r="D6450" s="1" t="s">
        <v>3920</v>
      </c>
      <c r="E6450" s="1" t="s">
        <v>25232</v>
      </c>
      <c r="F6450" s="1" t="s">
        <v>25233</v>
      </c>
      <c r="G6450" s="1" t="s">
        <v>25188</v>
      </c>
      <c r="H6450" s="1" t="s">
        <v>25189</v>
      </c>
      <c r="I6450" s="1" t="s">
        <v>24809</v>
      </c>
      <c r="J6450" s="1" t="s">
        <v>25234</v>
      </c>
    </row>
    <row r="6451" spans="1:10" x14ac:dyDescent="0.35">
      <c r="A6451" s="1" t="s">
        <v>25185</v>
      </c>
      <c r="B6451" s="1" t="s">
        <v>24803</v>
      </c>
      <c r="C6451" s="1" t="s">
        <v>80</v>
      </c>
      <c r="D6451" s="1" t="s">
        <v>25235</v>
      </c>
      <c r="E6451" s="1" t="s">
        <v>25236</v>
      </c>
      <c r="F6451" s="1" t="s">
        <v>25237</v>
      </c>
      <c r="G6451" s="1" t="s">
        <v>25188</v>
      </c>
      <c r="H6451" s="1" t="s">
        <v>25189</v>
      </c>
      <c r="I6451" s="1" t="s">
        <v>24809</v>
      </c>
      <c r="J6451" s="1" t="s">
        <v>25238</v>
      </c>
    </row>
    <row r="6452" spans="1:10" x14ac:dyDescent="0.35">
      <c r="A6452" s="1" t="s">
        <v>25185</v>
      </c>
      <c r="B6452" s="1" t="s">
        <v>24803</v>
      </c>
      <c r="C6452" s="1" t="s">
        <v>85</v>
      </c>
      <c r="D6452" s="1" t="s">
        <v>25239</v>
      </c>
      <c r="E6452" s="1" t="s">
        <v>25240</v>
      </c>
      <c r="F6452" s="1" t="s">
        <v>25241</v>
      </c>
      <c r="G6452" s="1" t="s">
        <v>25188</v>
      </c>
      <c r="H6452" s="1" t="s">
        <v>25189</v>
      </c>
      <c r="I6452" s="1" t="s">
        <v>24809</v>
      </c>
      <c r="J6452" s="1" t="s">
        <v>25242</v>
      </c>
    </row>
    <row r="6453" spans="1:10" x14ac:dyDescent="0.35">
      <c r="A6453" s="1" t="s">
        <v>25185</v>
      </c>
      <c r="B6453" s="1" t="s">
        <v>24803</v>
      </c>
      <c r="C6453" s="1" t="s">
        <v>90</v>
      </c>
      <c r="D6453" s="1" t="s">
        <v>25243</v>
      </c>
      <c r="E6453" s="1" t="s">
        <v>25244</v>
      </c>
      <c r="F6453" s="1" t="s">
        <v>25245</v>
      </c>
      <c r="G6453" s="1" t="s">
        <v>25188</v>
      </c>
      <c r="H6453" s="1" t="s">
        <v>25189</v>
      </c>
      <c r="I6453" s="1" t="s">
        <v>24809</v>
      </c>
      <c r="J6453" s="1" t="s">
        <v>25246</v>
      </c>
    </row>
    <row r="6454" spans="1:10" x14ac:dyDescent="0.35">
      <c r="A6454" s="1" t="s">
        <v>25185</v>
      </c>
      <c r="B6454" s="1" t="s">
        <v>24803</v>
      </c>
      <c r="C6454" s="1" t="s">
        <v>95</v>
      </c>
      <c r="D6454" s="1" t="s">
        <v>25247</v>
      </c>
      <c r="E6454" s="1" t="s">
        <v>25248</v>
      </c>
      <c r="F6454" s="1" t="s">
        <v>25249</v>
      </c>
      <c r="G6454" s="1" t="s">
        <v>25188</v>
      </c>
      <c r="H6454" s="1" t="s">
        <v>25189</v>
      </c>
      <c r="I6454" s="1" t="s">
        <v>24809</v>
      </c>
      <c r="J6454" s="1" t="s">
        <v>25250</v>
      </c>
    </row>
    <row r="6455" spans="1:10" x14ac:dyDescent="0.35">
      <c r="A6455" s="1" t="s">
        <v>25185</v>
      </c>
      <c r="B6455" s="1" t="s">
        <v>24803</v>
      </c>
      <c r="C6455" s="1" t="s">
        <v>100</v>
      </c>
      <c r="D6455" s="1" t="s">
        <v>8134</v>
      </c>
      <c r="E6455" s="1" t="s">
        <v>25251</v>
      </c>
      <c r="F6455" s="1" t="s">
        <v>25252</v>
      </c>
      <c r="G6455" s="1" t="s">
        <v>25188</v>
      </c>
      <c r="H6455" s="1" t="s">
        <v>25189</v>
      </c>
      <c r="I6455" s="1" t="s">
        <v>24809</v>
      </c>
      <c r="J6455" s="1" t="s">
        <v>25253</v>
      </c>
    </row>
    <row r="6456" spans="1:10" x14ac:dyDescent="0.35">
      <c r="A6456" s="1" t="s">
        <v>25185</v>
      </c>
      <c r="B6456" s="1" t="s">
        <v>24803</v>
      </c>
      <c r="C6456" s="1" t="s">
        <v>105</v>
      </c>
      <c r="D6456" s="1" t="s">
        <v>25254</v>
      </c>
      <c r="E6456" s="1" t="s">
        <v>25255</v>
      </c>
      <c r="F6456" s="1" t="s">
        <v>25256</v>
      </c>
      <c r="G6456" s="1" t="s">
        <v>25188</v>
      </c>
      <c r="H6456" s="1" t="s">
        <v>25189</v>
      </c>
      <c r="I6456" s="1" t="s">
        <v>24809</v>
      </c>
      <c r="J6456" s="1" t="s">
        <v>25257</v>
      </c>
    </row>
    <row r="6457" spans="1:10" x14ac:dyDescent="0.35">
      <c r="A6457" s="1" t="s">
        <v>25185</v>
      </c>
      <c r="B6457" s="1" t="s">
        <v>24803</v>
      </c>
      <c r="C6457" s="1" t="s">
        <v>110</v>
      </c>
      <c r="D6457" s="1" t="s">
        <v>25258</v>
      </c>
      <c r="E6457" s="1" t="s">
        <v>25259</v>
      </c>
      <c r="F6457" s="1" t="s">
        <v>25260</v>
      </c>
      <c r="G6457" s="1" t="s">
        <v>25188</v>
      </c>
      <c r="H6457" s="1" t="s">
        <v>25189</v>
      </c>
      <c r="I6457" s="1" t="s">
        <v>24809</v>
      </c>
      <c r="J6457" s="1" t="s">
        <v>25261</v>
      </c>
    </row>
    <row r="6458" spans="1:10" x14ac:dyDescent="0.35">
      <c r="A6458" s="1" t="s">
        <v>25185</v>
      </c>
      <c r="B6458" s="1" t="s">
        <v>24803</v>
      </c>
      <c r="C6458" s="1" t="s">
        <v>115</v>
      </c>
      <c r="D6458" s="1" t="s">
        <v>25262</v>
      </c>
      <c r="E6458" s="1" t="s">
        <v>25263</v>
      </c>
      <c r="F6458" s="1" t="s">
        <v>25264</v>
      </c>
      <c r="G6458" s="1" t="s">
        <v>25188</v>
      </c>
      <c r="H6458" s="1" t="s">
        <v>25189</v>
      </c>
      <c r="I6458" s="1" t="s">
        <v>24809</v>
      </c>
      <c r="J6458" s="1" t="s">
        <v>25265</v>
      </c>
    </row>
    <row r="6459" spans="1:10" x14ac:dyDescent="0.35">
      <c r="A6459" s="1" t="s">
        <v>25185</v>
      </c>
      <c r="B6459" s="1" t="s">
        <v>24803</v>
      </c>
      <c r="C6459" s="1" t="s">
        <v>120</v>
      </c>
      <c r="D6459" s="1" t="s">
        <v>25266</v>
      </c>
      <c r="E6459" s="1" t="s">
        <v>25267</v>
      </c>
      <c r="F6459" s="1" t="s">
        <v>25268</v>
      </c>
      <c r="G6459" s="1" t="s">
        <v>25188</v>
      </c>
      <c r="H6459" s="1" t="s">
        <v>25189</v>
      </c>
      <c r="I6459" s="1" t="s">
        <v>24809</v>
      </c>
      <c r="J6459" s="1" t="s">
        <v>25269</v>
      </c>
    </row>
    <row r="6460" spans="1:10" x14ac:dyDescent="0.35">
      <c r="A6460" s="1" t="s">
        <v>25185</v>
      </c>
      <c r="B6460" s="1" t="s">
        <v>24803</v>
      </c>
      <c r="C6460" s="1" t="s">
        <v>125</v>
      </c>
      <c r="D6460" s="1" t="s">
        <v>6708</v>
      </c>
      <c r="E6460" s="1" t="s">
        <v>25270</v>
      </c>
      <c r="F6460" s="1" t="s">
        <v>25271</v>
      </c>
      <c r="G6460" s="1" t="s">
        <v>25188</v>
      </c>
      <c r="H6460" s="1" t="s">
        <v>25189</v>
      </c>
      <c r="I6460" s="1" t="s">
        <v>24809</v>
      </c>
      <c r="J6460" s="1" t="s">
        <v>25272</v>
      </c>
    </row>
    <row r="6461" spans="1:10" x14ac:dyDescent="0.35">
      <c r="A6461" s="1" t="s">
        <v>25185</v>
      </c>
      <c r="B6461" s="1" t="s">
        <v>24803</v>
      </c>
      <c r="C6461" s="1" t="s">
        <v>130</v>
      </c>
      <c r="D6461" s="1" t="s">
        <v>25273</v>
      </c>
      <c r="E6461" s="1" t="s">
        <v>25274</v>
      </c>
      <c r="F6461" s="1" t="s">
        <v>25275</v>
      </c>
      <c r="G6461" s="1" t="s">
        <v>25188</v>
      </c>
      <c r="H6461" s="1" t="s">
        <v>25189</v>
      </c>
      <c r="I6461" s="1" t="s">
        <v>24809</v>
      </c>
      <c r="J6461" s="1" t="s">
        <v>25276</v>
      </c>
    </row>
    <row r="6462" spans="1:10" x14ac:dyDescent="0.35">
      <c r="A6462" s="1" t="s">
        <v>25185</v>
      </c>
      <c r="B6462" s="1" t="s">
        <v>24803</v>
      </c>
      <c r="C6462" s="1" t="s">
        <v>135</v>
      </c>
      <c r="D6462" s="1" t="s">
        <v>25277</v>
      </c>
      <c r="E6462" s="1" t="s">
        <v>25278</v>
      </c>
      <c r="F6462" s="1" t="s">
        <v>25279</v>
      </c>
      <c r="G6462" s="1" t="s">
        <v>25188</v>
      </c>
      <c r="H6462" s="1" t="s">
        <v>25189</v>
      </c>
      <c r="I6462" s="1" t="s">
        <v>24809</v>
      </c>
      <c r="J6462" s="1" t="s">
        <v>25280</v>
      </c>
    </row>
    <row r="6463" spans="1:10" x14ac:dyDescent="0.35">
      <c r="A6463" s="1" t="s">
        <v>25185</v>
      </c>
      <c r="B6463" s="1" t="s">
        <v>24803</v>
      </c>
      <c r="C6463" s="1" t="s">
        <v>140</v>
      </c>
      <c r="D6463" s="1" t="s">
        <v>25281</v>
      </c>
      <c r="E6463" s="1" t="s">
        <v>25282</v>
      </c>
      <c r="F6463" s="1" t="s">
        <v>25283</v>
      </c>
      <c r="G6463" s="1" t="s">
        <v>25188</v>
      </c>
      <c r="H6463" s="1" t="s">
        <v>25189</v>
      </c>
      <c r="I6463" s="1" t="s">
        <v>24809</v>
      </c>
      <c r="J6463" s="1" t="s">
        <v>25284</v>
      </c>
    </row>
    <row r="6464" spans="1:10" x14ac:dyDescent="0.35">
      <c r="A6464" s="1" t="s">
        <v>25185</v>
      </c>
      <c r="B6464" s="1" t="s">
        <v>24803</v>
      </c>
      <c r="C6464" s="1" t="s">
        <v>145</v>
      </c>
      <c r="D6464" s="1" t="s">
        <v>25285</v>
      </c>
      <c r="E6464" s="1" t="s">
        <v>25286</v>
      </c>
      <c r="F6464" s="1" t="s">
        <v>25287</v>
      </c>
      <c r="G6464" s="1" t="s">
        <v>25188</v>
      </c>
      <c r="H6464" s="1" t="s">
        <v>25189</v>
      </c>
      <c r="I6464" s="1" t="s">
        <v>24809</v>
      </c>
      <c r="J6464" s="1" t="s">
        <v>25288</v>
      </c>
    </row>
    <row r="6465" spans="1:10" x14ac:dyDescent="0.35">
      <c r="A6465" s="1" t="s">
        <v>25185</v>
      </c>
      <c r="B6465" s="1" t="s">
        <v>24803</v>
      </c>
      <c r="C6465" s="1" t="s">
        <v>150</v>
      </c>
      <c r="D6465" s="1" t="s">
        <v>25289</v>
      </c>
      <c r="E6465" s="1" t="s">
        <v>25290</v>
      </c>
      <c r="F6465" s="1" t="s">
        <v>25291</v>
      </c>
      <c r="G6465" s="1" t="s">
        <v>25188</v>
      </c>
      <c r="H6465" s="1" t="s">
        <v>25189</v>
      </c>
      <c r="I6465" s="1" t="s">
        <v>24809</v>
      </c>
      <c r="J6465" s="1" t="s">
        <v>25292</v>
      </c>
    </row>
    <row r="6466" spans="1:10" x14ac:dyDescent="0.35">
      <c r="A6466" s="1" t="s">
        <v>25185</v>
      </c>
      <c r="B6466" s="1" t="s">
        <v>24803</v>
      </c>
      <c r="C6466" s="1" t="s">
        <v>155</v>
      </c>
      <c r="D6466" s="1" t="s">
        <v>25293</v>
      </c>
      <c r="E6466" s="1" t="s">
        <v>25294</v>
      </c>
      <c r="F6466" s="1" t="s">
        <v>25295</v>
      </c>
      <c r="G6466" s="1" t="s">
        <v>25188</v>
      </c>
      <c r="H6466" s="1" t="s">
        <v>25189</v>
      </c>
      <c r="I6466" s="1" t="s">
        <v>24809</v>
      </c>
      <c r="J6466" s="1" t="s">
        <v>25296</v>
      </c>
    </row>
    <row r="6467" spans="1:10" x14ac:dyDescent="0.35">
      <c r="A6467" s="1" t="s">
        <v>25185</v>
      </c>
      <c r="B6467" s="1" t="s">
        <v>24803</v>
      </c>
      <c r="C6467" s="1" t="s">
        <v>160</v>
      </c>
      <c r="D6467" s="1" t="s">
        <v>25297</v>
      </c>
      <c r="E6467" s="1" t="s">
        <v>25298</v>
      </c>
      <c r="F6467" s="1" t="s">
        <v>25299</v>
      </c>
      <c r="G6467" s="1" t="s">
        <v>25188</v>
      </c>
      <c r="H6467" s="1" t="s">
        <v>25189</v>
      </c>
      <c r="I6467" s="1" t="s">
        <v>24809</v>
      </c>
      <c r="J6467" s="1" t="s">
        <v>25300</v>
      </c>
    </row>
    <row r="6468" spans="1:10" x14ac:dyDescent="0.35">
      <c r="A6468" s="1" t="s">
        <v>25185</v>
      </c>
      <c r="B6468" s="1" t="s">
        <v>24803</v>
      </c>
      <c r="C6468" s="1" t="s">
        <v>165</v>
      </c>
      <c r="D6468" s="1" t="s">
        <v>25301</v>
      </c>
      <c r="E6468" s="1" t="s">
        <v>25302</v>
      </c>
      <c r="F6468" s="1" t="s">
        <v>25303</v>
      </c>
      <c r="G6468" s="1" t="s">
        <v>25188</v>
      </c>
      <c r="H6468" s="1" t="s">
        <v>25189</v>
      </c>
      <c r="I6468" s="1" t="s">
        <v>24809</v>
      </c>
      <c r="J6468" s="1" t="s">
        <v>25304</v>
      </c>
    </row>
    <row r="6469" spans="1:10" x14ac:dyDescent="0.35">
      <c r="A6469" s="1" t="s">
        <v>25185</v>
      </c>
      <c r="B6469" s="1" t="s">
        <v>24803</v>
      </c>
      <c r="C6469" s="1" t="s">
        <v>170</v>
      </c>
      <c r="D6469" s="1" t="s">
        <v>9686</v>
      </c>
      <c r="E6469" s="1" t="s">
        <v>25305</v>
      </c>
      <c r="F6469" s="1" t="s">
        <v>25306</v>
      </c>
      <c r="G6469" s="1" t="s">
        <v>25188</v>
      </c>
      <c r="H6469" s="1" t="s">
        <v>25189</v>
      </c>
      <c r="I6469" s="1" t="s">
        <v>24809</v>
      </c>
      <c r="J6469" s="1" t="s">
        <v>25307</v>
      </c>
    </row>
    <row r="6470" spans="1:10" x14ac:dyDescent="0.35">
      <c r="A6470" s="1" t="s">
        <v>25308</v>
      </c>
      <c r="B6470" s="1" t="s">
        <v>24803</v>
      </c>
      <c r="C6470" s="1" t="s">
        <v>8</v>
      </c>
      <c r="D6470" s="1" t="s">
        <v>25309</v>
      </c>
      <c r="E6470" s="1" t="s">
        <v>25310</v>
      </c>
      <c r="F6470" s="1" t="s">
        <v>25311</v>
      </c>
      <c r="G6470" s="1" t="s">
        <v>25312</v>
      </c>
      <c r="H6470" s="1" t="s">
        <v>25313</v>
      </c>
      <c r="I6470" s="1" t="s">
        <v>24809</v>
      </c>
      <c r="J6470" s="1" t="s">
        <v>13</v>
      </c>
    </row>
    <row r="6471" spans="1:10" x14ac:dyDescent="0.35">
      <c r="A6471" s="1" t="s">
        <v>25308</v>
      </c>
      <c r="B6471" s="1" t="s">
        <v>24803</v>
      </c>
      <c r="C6471" s="1" t="s">
        <v>15</v>
      </c>
      <c r="D6471" s="1" t="s">
        <v>8506</v>
      </c>
      <c r="E6471" s="1" t="s">
        <v>25314</v>
      </c>
      <c r="F6471" s="1" t="s">
        <v>25315</v>
      </c>
      <c r="G6471" s="1" t="s">
        <v>25312</v>
      </c>
      <c r="H6471" s="1" t="s">
        <v>25313</v>
      </c>
      <c r="I6471" s="1" t="s">
        <v>24809</v>
      </c>
      <c r="J6471" s="1" t="s">
        <v>25316</v>
      </c>
    </row>
    <row r="6472" spans="1:10" x14ac:dyDescent="0.35">
      <c r="A6472" s="1" t="s">
        <v>25308</v>
      </c>
      <c r="B6472" s="1" t="s">
        <v>24803</v>
      </c>
      <c r="C6472" s="1" t="s">
        <v>20</v>
      </c>
      <c r="D6472" s="1" t="s">
        <v>8461</v>
      </c>
      <c r="E6472" s="1" t="s">
        <v>25317</v>
      </c>
      <c r="F6472" s="1" t="s">
        <v>25318</v>
      </c>
      <c r="G6472" s="1" t="s">
        <v>25312</v>
      </c>
      <c r="H6472" s="1" t="s">
        <v>25313</v>
      </c>
      <c r="I6472" s="1" t="s">
        <v>24809</v>
      </c>
      <c r="J6472" s="1" t="s">
        <v>25319</v>
      </c>
    </row>
    <row r="6473" spans="1:10" x14ac:dyDescent="0.35">
      <c r="A6473" s="1" t="s">
        <v>25308</v>
      </c>
      <c r="B6473" s="1" t="s">
        <v>24803</v>
      </c>
      <c r="C6473" s="1" t="s">
        <v>25</v>
      </c>
      <c r="D6473" s="1" t="s">
        <v>25320</v>
      </c>
      <c r="E6473" s="1" t="s">
        <v>25321</v>
      </c>
      <c r="F6473" s="1" t="s">
        <v>25322</v>
      </c>
      <c r="G6473" s="1" t="s">
        <v>25312</v>
      </c>
      <c r="H6473" s="1" t="s">
        <v>25313</v>
      </c>
      <c r="I6473" s="1" t="s">
        <v>24809</v>
      </c>
      <c r="J6473" s="1" t="s">
        <v>25323</v>
      </c>
    </row>
    <row r="6474" spans="1:10" x14ac:dyDescent="0.35">
      <c r="A6474" s="1" t="s">
        <v>25308</v>
      </c>
      <c r="B6474" s="1" t="s">
        <v>24803</v>
      </c>
      <c r="C6474" s="1" t="s">
        <v>30</v>
      </c>
      <c r="D6474" s="1" t="s">
        <v>25324</v>
      </c>
      <c r="E6474" s="1" t="s">
        <v>25325</v>
      </c>
      <c r="F6474" s="1" t="s">
        <v>25326</v>
      </c>
      <c r="G6474" s="1" t="s">
        <v>25312</v>
      </c>
      <c r="H6474" s="1" t="s">
        <v>25313</v>
      </c>
      <c r="I6474" s="1" t="s">
        <v>24809</v>
      </c>
      <c r="J6474" s="1" t="s">
        <v>25327</v>
      </c>
    </row>
    <row r="6475" spans="1:10" x14ac:dyDescent="0.35">
      <c r="A6475" s="1" t="s">
        <v>25308</v>
      </c>
      <c r="B6475" s="1" t="s">
        <v>24803</v>
      </c>
      <c r="C6475" s="1" t="s">
        <v>35</v>
      </c>
      <c r="D6475" s="1" t="s">
        <v>25328</v>
      </c>
      <c r="E6475" s="1" t="s">
        <v>25329</v>
      </c>
      <c r="F6475" s="1" t="s">
        <v>25330</v>
      </c>
      <c r="G6475" s="1" t="s">
        <v>25312</v>
      </c>
      <c r="H6475" s="1" t="s">
        <v>25313</v>
      </c>
      <c r="I6475" s="1" t="s">
        <v>24809</v>
      </c>
      <c r="J6475" s="1" t="s">
        <v>25331</v>
      </c>
    </row>
    <row r="6476" spans="1:10" x14ac:dyDescent="0.35">
      <c r="A6476" s="1" t="s">
        <v>25308</v>
      </c>
      <c r="B6476" s="1" t="s">
        <v>24803</v>
      </c>
      <c r="C6476" s="1" t="s">
        <v>40</v>
      </c>
      <c r="D6476" s="1" t="s">
        <v>25332</v>
      </c>
      <c r="E6476" s="1" t="s">
        <v>25333</v>
      </c>
      <c r="F6476" s="1" t="s">
        <v>25334</v>
      </c>
      <c r="G6476" s="1" t="s">
        <v>25312</v>
      </c>
      <c r="H6476" s="1" t="s">
        <v>25313</v>
      </c>
      <c r="I6476" s="1" t="s">
        <v>24809</v>
      </c>
      <c r="J6476" s="1" t="s">
        <v>25335</v>
      </c>
    </row>
    <row r="6477" spans="1:10" x14ac:dyDescent="0.35">
      <c r="A6477" s="1" t="s">
        <v>25308</v>
      </c>
      <c r="B6477" s="1" t="s">
        <v>24803</v>
      </c>
      <c r="C6477" s="1" t="s">
        <v>45</v>
      </c>
      <c r="D6477" s="1" t="s">
        <v>25336</v>
      </c>
      <c r="E6477" s="1" t="s">
        <v>25337</v>
      </c>
      <c r="F6477" s="1" t="s">
        <v>25338</v>
      </c>
      <c r="G6477" s="1" t="s">
        <v>25312</v>
      </c>
      <c r="H6477" s="1" t="s">
        <v>25313</v>
      </c>
      <c r="I6477" s="1" t="s">
        <v>24809</v>
      </c>
      <c r="J6477" s="1" t="s">
        <v>25339</v>
      </c>
    </row>
    <row r="6478" spans="1:10" x14ac:dyDescent="0.35">
      <c r="A6478" s="1" t="s">
        <v>25308</v>
      </c>
      <c r="B6478" s="1" t="s">
        <v>24803</v>
      </c>
      <c r="C6478" s="1" t="s">
        <v>50</v>
      </c>
      <c r="D6478" s="1" t="s">
        <v>25340</v>
      </c>
      <c r="E6478" s="1" t="s">
        <v>25341</v>
      </c>
      <c r="F6478" s="1" t="s">
        <v>25342</v>
      </c>
      <c r="G6478" s="1" t="s">
        <v>25312</v>
      </c>
      <c r="H6478" s="1" t="s">
        <v>25313</v>
      </c>
      <c r="I6478" s="1" t="s">
        <v>24809</v>
      </c>
      <c r="J6478" s="1" t="s">
        <v>25343</v>
      </c>
    </row>
    <row r="6479" spans="1:10" x14ac:dyDescent="0.35">
      <c r="A6479" s="1" t="s">
        <v>25308</v>
      </c>
      <c r="B6479" s="1" t="s">
        <v>24803</v>
      </c>
      <c r="C6479" s="1" t="s">
        <v>55</v>
      </c>
      <c r="D6479" s="1" t="s">
        <v>25344</v>
      </c>
      <c r="E6479" s="1" t="s">
        <v>25345</v>
      </c>
      <c r="F6479" s="1" t="s">
        <v>25346</v>
      </c>
      <c r="G6479" s="1" t="s">
        <v>25312</v>
      </c>
      <c r="H6479" s="1" t="s">
        <v>25313</v>
      </c>
      <c r="I6479" s="1" t="s">
        <v>24809</v>
      </c>
      <c r="J6479" s="1" t="s">
        <v>25347</v>
      </c>
    </row>
    <row r="6480" spans="1:10" x14ac:dyDescent="0.35">
      <c r="A6480" s="1" t="s">
        <v>25308</v>
      </c>
      <c r="B6480" s="1" t="s">
        <v>24803</v>
      </c>
      <c r="C6480" s="1" t="s">
        <v>60</v>
      </c>
      <c r="D6480" s="1" t="s">
        <v>1332</v>
      </c>
      <c r="E6480" s="1" t="s">
        <v>25348</v>
      </c>
      <c r="F6480" s="1" t="s">
        <v>25349</v>
      </c>
      <c r="G6480" s="1" t="s">
        <v>25312</v>
      </c>
      <c r="H6480" s="1" t="s">
        <v>25313</v>
      </c>
      <c r="I6480" s="1" t="s">
        <v>24809</v>
      </c>
      <c r="J6480" s="1" t="s">
        <v>25350</v>
      </c>
    </row>
    <row r="6481" spans="1:10" x14ac:dyDescent="0.35">
      <c r="A6481" s="1" t="s">
        <v>25308</v>
      </c>
      <c r="B6481" s="1" t="s">
        <v>24803</v>
      </c>
      <c r="C6481" s="1" t="s">
        <v>65</v>
      </c>
      <c r="D6481" s="1" t="s">
        <v>1930</v>
      </c>
      <c r="E6481" s="1" t="s">
        <v>25351</v>
      </c>
      <c r="F6481" s="1" t="s">
        <v>25352</v>
      </c>
      <c r="G6481" s="1" t="s">
        <v>25312</v>
      </c>
      <c r="H6481" s="1" t="s">
        <v>25313</v>
      </c>
      <c r="I6481" s="1" t="s">
        <v>24809</v>
      </c>
      <c r="J6481" s="1" t="s">
        <v>25353</v>
      </c>
    </row>
    <row r="6482" spans="1:10" x14ac:dyDescent="0.35">
      <c r="A6482" s="1" t="s">
        <v>25308</v>
      </c>
      <c r="B6482" s="1" t="s">
        <v>24803</v>
      </c>
      <c r="C6482" s="1" t="s">
        <v>70</v>
      </c>
      <c r="D6482" s="1" t="s">
        <v>13798</v>
      </c>
      <c r="E6482" s="1" t="s">
        <v>25354</v>
      </c>
      <c r="F6482" s="1" t="s">
        <v>25355</v>
      </c>
      <c r="G6482" s="1" t="s">
        <v>25312</v>
      </c>
      <c r="H6482" s="1" t="s">
        <v>25313</v>
      </c>
      <c r="I6482" s="1" t="s">
        <v>24809</v>
      </c>
      <c r="J6482" s="1" t="s">
        <v>25356</v>
      </c>
    </row>
    <row r="6483" spans="1:10" x14ac:dyDescent="0.35">
      <c r="A6483" s="1" t="s">
        <v>25308</v>
      </c>
      <c r="B6483" s="1" t="s">
        <v>24803</v>
      </c>
      <c r="C6483" s="1" t="s">
        <v>75</v>
      </c>
      <c r="D6483" s="1" t="s">
        <v>25357</v>
      </c>
      <c r="E6483" s="1" t="s">
        <v>25358</v>
      </c>
      <c r="F6483" s="1" t="s">
        <v>25359</v>
      </c>
      <c r="G6483" s="1" t="s">
        <v>25312</v>
      </c>
      <c r="H6483" s="1" t="s">
        <v>25313</v>
      </c>
      <c r="I6483" s="1" t="s">
        <v>24809</v>
      </c>
      <c r="J6483" s="1" t="s">
        <v>25360</v>
      </c>
    </row>
    <row r="6484" spans="1:10" x14ac:dyDescent="0.35">
      <c r="A6484" s="1" t="s">
        <v>25308</v>
      </c>
      <c r="B6484" s="1" t="s">
        <v>24803</v>
      </c>
      <c r="C6484" s="1" t="s">
        <v>80</v>
      </c>
      <c r="D6484" s="1" t="s">
        <v>25361</v>
      </c>
      <c r="E6484" s="1" t="s">
        <v>25362</v>
      </c>
      <c r="F6484" s="1" t="s">
        <v>25363</v>
      </c>
      <c r="G6484" s="1" t="s">
        <v>25312</v>
      </c>
      <c r="H6484" s="1" t="s">
        <v>25313</v>
      </c>
      <c r="I6484" s="1" t="s">
        <v>24809</v>
      </c>
      <c r="J6484" s="1" t="s">
        <v>25364</v>
      </c>
    </row>
    <row r="6485" spans="1:10" x14ac:dyDescent="0.35">
      <c r="A6485" s="1" t="s">
        <v>25308</v>
      </c>
      <c r="B6485" s="1" t="s">
        <v>24803</v>
      </c>
      <c r="C6485" s="1" t="s">
        <v>85</v>
      </c>
      <c r="D6485" s="1" t="s">
        <v>25365</v>
      </c>
      <c r="E6485" s="1" t="s">
        <v>25366</v>
      </c>
      <c r="F6485" s="1" t="s">
        <v>25367</v>
      </c>
      <c r="G6485" s="1" t="s">
        <v>25312</v>
      </c>
      <c r="H6485" s="1" t="s">
        <v>25313</v>
      </c>
      <c r="I6485" s="1" t="s">
        <v>24809</v>
      </c>
      <c r="J6485" s="1" t="s">
        <v>25368</v>
      </c>
    </row>
    <row r="6486" spans="1:10" x14ac:dyDescent="0.35">
      <c r="A6486" s="1" t="s">
        <v>25308</v>
      </c>
      <c r="B6486" s="1" t="s">
        <v>24803</v>
      </c>
      <c r="C6486" s="1" t="s">
        <v>90</v>
      </c>
      <c r="D6486" s="1" t="s">
        <v>25369</v>
      </c>
      <c r="E6486" s="1" t="s">
        <v>25370</v>
      </c>
      <c r="F6486" s="1" t="s">
        <v>25371</v>
      </c>
      <c r="G6486" s="1" t="s">
        <v>25312</v>
      </c>
      <c r="H6486" s="1" t="s">
        <v>25313</v>
      </c>
      <c r="I6486" s="1" t="s">
        <v>24809</v>
      </c>
      <c r="J6486" s="1" t="s">
        <v>25372</v>
      </c>
    </row>
    <row r="6487" spans="1:10" x14ac:dyDescent="0.35">
      <c r="A6487" s="1" t="s">
        <v>25308</v>
      </c>
      <c r="B6487" s="1" t="s">
        <v>24803</v>
      </c>
      <c r="C6487" s="1" t="s">
        <v>95</v>
      </c>
      <c r="D6487" s="1" t="s">
        <v>12982</v>
      </c>
      <c r="E6487" s="1" t="s">
        <v>25373</v>
      </c>
      <c r="F6487" s="1" t="s">
        <v>25374</v>
      </c>
      <c r="G6487" s="1" t="s">
        <v>25312</v>
      </c>
      <c r="H6487" s="1" t="s">
        <v>25313</v>
      </c>
      <c r="I6487" s="1" t="s">
        <v>24809</v>
      </c>
      <c r="J6487" s="1" t="s">
        <v>25375</v>
      </c>
    </row>
    <row r="6488" spans="1:10" x14ac:dyDescent="0.35">
      <c r="A6488" s="1" t="s">
        <v>25308</v>
      </c>
      <c r="B6488" s="1" t="s">
        <v>24803</v>
      </c>
      <c r="C6488" s="1" t="s">
        <v>100</v>
      </c>
      <c r="D6488" s="1" t="s">
        <v>6085</v>
      </c>
      <c r="E6488" s="1" t="s">
        <v>25376</v>
      </c>
      <c r="F6488" s="1" t="s">
        <v>25377</v>
      </c>
      <c r="G6488" s="1" t="s">
        <v>25312</v>
      </c>
      <c r="H6488" s="1" t="s">
        <v>25313</v>
      </c>
      <c r="I6488" s="1" t="s">
        <v>24809</v>
      </c>
      <c r="J6488" s="1" t="s">
        <v>25378</v>
      </c>
    </row>
    <row r="6489" spans="1:10" x14ac:dyDescent="0.35">
      <c r="A6489" s="1" t="s">
        <v>25308</v>
      </c>
      <c r="B6489" s="1" t="s">
        <v>24803</v>
      </c>
      <c r="C6489" s="1" t="s">
        <v>105</v>
      </c>
      <c r="D6489" s="1" t="s">
        <v>25379</v>
      </c>
      <c r="E6489" s="1" t="s">
        <v>25380</v>
      </c>
      <c r="F6489" s="1" t="s">
        <v>25381</v>
      </c>
      <c r="G6489" s="1" t="s">
        <v>25312</v>
      </c>
      <c r="H6489" s="1" t="s">
        <v>25313</v>
      </c>
      <c r="I6489" s="1" t="s">
        <v>24809</v>
      </c>
      <c r="J6489" s="1" t="s">
        <v>25382</v>
      </c>
    </row>
    <row r="6490" spans="1:10" x14ac:dyDescent="0.35">
      <c r="A6490" s="1" t="s">
        <v>25308</v>
      </c>
      <c r="B6490" s="1" t="s">
        <v>24803</v>
      </c>
      <c r="C6490" s="1" t="s">
        <v>110</v>
      </c>
      <c r="D6490" s="1" t="s">
        <v>3972</v>
      </c>
      <c r="E6490" s="1" t="s">
        <v>25383</v>
      </c>
      <c r="F6490" s="1" t="s">
        <v>25384</v>
      </c>
      <c r="G6490" s="1" t="s">
        <v>25312</v>
      </c>
      <c r="H6490" s="1" t="s">
        <v>25313</v>
      </c>
      <c r="I6490" s="1" t="s">
        <v>24809</v>
      </c>
      <c r="J6490" s="1" t="s">
        <v>25385</v>
      </c>
    </row>
    <row r="6491" spans="1:10" x14ac:dyDescent="0.35">
      <c r="A6491" s="1" t="s">
        <v>25308</v>
      </c>
      <c r="B6491" s="1" t="s">
        <v>24803</v>
      </c>
      <c r="C6491" s="1" t="s">
        <v>115</v>
      </c>
      <c r="D6491" s="1" t="s">
        <v>25386</v>
      </c>
      <c r="E6491" s="1" t="s">
        <v>25387</v>
      </c>
      <c r="F6491" s="1" t="s">
        <v>25388</v>
      </c>
      <c r="G6491" s="1" t="s">
        <v>25312</v>
      </c>
      <c r="H6491" s="1" t="s">
        <v>25313</v>
      </c>
      <c r="I6491" s="1" t="s">
        <v>24809</v>
      </c>
      <c r="J6491" s="1" t="s">
        <v>25389</v>
      </c>
    </row>
    <row r="6492" spans="1:10" x14ac:dyDescent="0.35">
      <c r="A6492" s="1" t="s">
        <v>25308</v>
      </c>
      <c r="B6492" s="1" t="s">
        <v>24803</v>
      </c>
      <c r="C6492" s="1" t="s">
        <v>120</v>
      </c>
      <c r="D6492" s="1" t="s">
        <v>3892</v>
      </c>
      <c r="E6492" s="1" t="s">
        <v>25390</v>
      </c>
      <c r="F6492" s="1" t="s">
        <v>25391</v>
      </c>
      <c r="G6492" s="1" t="s">
        <v>25312</v>
      </c>
      <c r="H6492" s="1" t="s">
        <v>25313</v>
      </c>
      <c r="I6492" s="1" t="s">
        <v>24809</v>
      </c>
      <c r="J6492" s="1" t="s">
        <v>25392</v>
      </c>
    </row>
    <row r="6493" spans="1:10" x14ac:dyDescent="0.35">
      <c r="A6493" s="1" t="s">
        <v>25308</v>
      </c>
      <c r="B6493" s="1" t="s">
        <v>24803</v>
      </c>
      <c r="C6493" s="1" t="s">
        <v>125</v>
      </c>
      <c r="D6493" s="1" t="s">
        <v>25393</v>
      </c>
      <c r="E6493" s="1" t="s">
        <v>25394</v>
      </c>
      <c r="F6493" s="1" t="s">
        <v>25395</v>
      </c>
      <c r="G6493" s="1" t="s">
        <v>25312</v>
      </c>
      <c r="H6493" s="1" t="s">
        <v>25313</v>
      </c>
      <c r="I6493" s="1" t="s">
        <v>24809</v>
      </c>
      <c r="J6493" s="1" t="s">
        <v>25396</v>
      </c>
    </row>
    <row r="6494" spans="1:10" x14ac:dyDescent="0.35">
      <c r="A6494" s="1" t="s">
        <v>25308</v>
      </c>
      <c r="B6494" s="1" t="s">
        <v>24803</v>
      </c>
      <c r="C6494" s="1" t="s">
        <v>130</v>
      </c>
      <c r="D6494" s="1" t="s">
        <v>25397</v>
      </c>
      <c r="E6494" s="1" t="s">
        <v>25398</v>
      </c>
      <c r="F6494" s="1" t="s">
        <v>25399</v>
      </c>
      <c r="G6494" s="1" t="s">
        <v>25312</v>
      </c>
      <c r="H6494" s="1" t="s">
        <v>25313</v>
      </c>
      <c r="I6494" s="1" t="s">
        <v>24809</v>
      </c>
      <c r="J6494" s="1" t="s">
        <v>25400</v>
      </c>
    </row>
    <row r="6495" spans="1:10" x14ac:dyDescent="0.35">
      <c r="A6495" s="1" t="s">
        <v>25308</v>
      </c>
      <c r="B6495" s="1" t="s">
        <v>24803</v>
      </c>
      <c r="C6495" s="1" t="s">
        <v>135</v>
      </c>
      <c r="D6495" s="1" t="s">
        <v>25401</v>
      </c>
      <c r="E6495" s="1" t="s">
        <v>25402</v>
      </c>
      <c r="F6495" s="1" t="s">
        <v>25403</v>
      </c>
      <c r="G6495" s="1" t="s">
        <v>25312</v>
      </c>
      <c r="H6495" s="1" t="s">
        <v>25313</v>
      </c>
      <c r="I6495" s="1" t="s">
        <v>24809</v>
      </c>
      <c r="J6495" s="1" t="s">
        <v>25404</v>
      </c>
    </row>
    <row r="6496" spans="1:10" x14ac:dyDescent="0.35">
      <c r="A6496" s="1" t="s">
        <v>25308</v>
      </c>
      <c r="B6496" s="1" t="s">
        <v>24803</v>
      </c>
      <c r="C6496" s="1" t="s">
        <v>140</v>
      </c>
      <c r="D6496" s="1" t="s">
        <v>25405</v>
      </c>
      <c r="E6496" s="1" t="s">
        <v>25406</v>
      </c>
      <c r="F6496" s="1" t="s">
        <v>25407</v>
      </c>
      <c r="G6496" s="1" t="s">
        <v>25312</v>
      </c>
      <c r="H6496" s="1" t="s">
        <v>25313</v>
      </c>
      <c r="I6496" s="1" t="s">
        <v>24809</v>
      </c>
      <c r="J6496" s="1" t="s">
        <v>25408</v>
      </c>
    </row>
    <row r="6497" spans="1:10" x14ac:dyDescent="0.35">
      <c r="A6497" s="1" t="s">
        <v>25308</v>
      </c>
      <c r="B6497" s="1" t="s">
        <v>24803</v>
      </c>
      <c r="C6497" s="1" t="s">
        <v>145</v>
      </c>
      <c r="D6497" s="1" t="s">
        <v>2063</v>
      </c>
      <c r="E6497" s="1" t="s">
        <v>25409</v>
      </c>
      <c r="F6497" s="1" t="s">
        <v>25410</v>
      </c>
      <c r="G6497" s="1" t="s">
        <v>25312</v>
      </c>
      <c r="H6497" s="1" t="s">
        <v>25313</v>
      </c>
      <c r="I6497" s="1" t="s">
        <v>24809</v>
      </c>
      <c r="J6497" s="1" t="s">
        <v>25411</v>
      </c>
    </row>
    <row r="6498" spans="1:10" x14ac:dyDescent="0.35">
      <c r="A6498" s="1" t="s">
        <v>25308</v>
      </c>
      <c r="B6498" s="1" t="s">
        <v>24803</v>
      </c>
      <c r="C6498" s="1" t="s">
        <v>150</v>
      </c>
      <c r="D6498" s="1" t="s">
        <v>1572</v>
      </c>
      <c r="E6498" s="1" t="s">
        <v>25412</v>
      </c>
      <c r="F6498" s="1" t="s">
        <v>25413</v>
      </c>
      <c r="G6498" s="1" t="s">
        <v>25312</v>
      </c>
      <c r="H6498" s="1" t="s">
        <v>25313</v>
      </c>
      <c r="I6498" s="1" t="s">
        <v>24809</v>
      </c>
      <c r="J6498" s="1" t="s">
        <v>25414</v>
      </c>
    </row>
    <row r="6499" spans="1:10" x14ac:dyDescent="0.35">
      <c r="A6499" s="1" t="s">
        <v>25308</v>
      </c>
      <c r="B6499" s="1" t="s">
        <v>24803</v>
      </c>
      <c r="C6499" s="1" t="s">
        <v>155</v>
      </c>
      <c r="D6499" s="1" t="s">
        <v>25415</v>
      </c>
      <c r="E6499" s="1" t="s">
        <v>25416</v>
      </c>
      <c r="F6499" s="1" t="s">
        <v>25417</v>
      </c>
      <c r="G6499" s="1" t="s">
        <v>25312</v>
      </c>
      <c r="H6499" s="1" t="s">
        <v>25313</v>
      </c>
      <c r="I6499" s="1" t="s">
        <v>24809</v>
      </c>
      <c r="J6499" s="1" t="s">
        <v>25418</v>
      </c>
    </row>
    <row r="6500" spans="1:10" x14ac:dyDescent="0.35">
      <c r="A6500" s="1" t="s">
        <v>25308</v>
      </c>
      <c r="B6500" s="1" t="s">
        <v>24803</v>
      </c>
      <c r="C6500" s="1" t="s">
        <v>160</v>
      </c>
      <c r="D6500" s="1" t="s">
        <v>4062</v>
      </c>
      <c r="E6500" s="1" t="s">
        <v>25419</v>
      </c>
      <c r="F6500" s="1" t="s">
        <v>25420</v>
      </c>
      <c r="G6500" s="1" t="s">
        <v>25312</v>
      </c>
      <c r="H6500" s="1" t="s">
        <v>25313</v>
      </c>
      <c r="I6500" s="1" t="s">
        <v>24809</v>
      </c>
      <c r="J6500" s="1" t="s">
        <v>25421</v>
      </c>
    </row>
    <row r="6501" spans="1:10" x14ac:dyDescent="0.35">
      <c r="A6501" s="1" t="s">
        <v>25308</v>
      </c>
      <c r="B6501" s="1" t="s">
        <v>24803</v>
      </c>
      <c r="C6501" s="1" t="s">
        <v>165</v>
      </c>
      <c r="D6501" s="1" t="s">
        <v>25422</v>
      </c>
      <c r="E6501" s="1" t="s">
        <v>25423</v>
      </c>
      <c r="F6501" s="1" t="s">
        <v>25424</v>
      </c>
      <c r="G6501" s="1" t="s">
        <v>25312</v>
      </c>
      <c r="H6501" s="1" t="s">
        <v>25313</v>
      </c>
      <c r="I6501" s="1" t="s">
        <v>24809</v>
      </c>
      <c r="J6501" s="1" t="s">
        <v>25425</v>
      </c>
    </row>
    <row r="6502" spans="1:10" x14ac:dyDescent="0.35">
      <c r="A6502" s="1" t="s">
        <v>25308</v>
      </c>
      <c r="B6502" s="1" t="s">
        <v>24803</v>
      </c>
      <c r="C6502" s="1" t="s">
        <v>170</v>
      </c>
      <c r="D6502" s="1" t="s">
        <v>25426</v>
      </c>
      <c r="E6502" s="1" t="s">
        <v>25427</v>
      </c>
      <c r="F6502" s="1" t="s">
        <v>25428</v>
      </c>
      <c r="G6502" s="1" t="s">
        <v>25312</v>
      </c>
      <c r="H6502" s="1" t="s">
        <v>25313</v>
      </c>
      <c r="I6502" s="1" t="s">
        <v>24809</v>
      </c>
      <c r="J6502" s="1" t="s">
        <v>25429</v>
      </c>
    </row>
    <row r="6503" spans="1:10" x14ac:dyDescent="0.35">
      <c r="A6503" s="1" t="s">
        <v>25430</v>
      </c>
      <c r="B6503" s="1" t="s">
        <v>24803</v>
      </c>
      <c r="C6503" s="1" t="s">
        <v>8</v>
      </c>
      <c r="D6503" s="1" t="s">
        <v>25431</v>
      </c>
      <c r="E6503" s="1" t="s">
        <v>25432</v>
      </c>
      <c r="F6503" s="1" t="s">
        <v>25433</v>
      </c>
      <c r="G6503" s="1" t="s">
        <v>25434</v>
      </c>
      <c r="H6503" s="1" t="s">
        <v>25435</v>
      </c>
      <c r="I6503" s="1" t="s">
        <v>24809</v>
      </c>
      <c r="J6503" s="1" t="s">
        <v>13</v>
      </c>
    </row>
    <row r="6504" spans="1:10" x14ac:dyDescent="0.35">
      <c r="A6504" s="1" t="s">
        <v>25430</v>
      </c>
      <c r="B6504" s="1" t="s">
        <v>24803</v>
      </c>
      <c r="C6504" s="1" t="s">
        <v>15</v>
      </c>
      <c r="D6504" s="1" t="s">
        <v>7033</v>
      </c>
      <c r="E6504" s="1" t="s">
        <v>25436</v>
      </c>
      <c r="F6504" s="1" t="s">
        <v>25437</v>
      </c>
      <c r="G6504" s="1" t="s">
        <v>25434</v>
      </c>
      <c r="H6504" s="1" t="s">
        <v>25435</v>
      </c>
      <c r="I6504" s="1" t="s">
        <v>24809</v>
      </c>
      <c r="J6504" s="1" t="s">
        <v>25438</v>
      </c>
    </row>
    <row r="6505" spans="1:10" x14ac:dyDescent="0.35">
      <c r="A6505" s="1" t="s">
        <v>25430</v>
      </c>
      <c r="B6505" s="1" t="s">
        <v>24803</v>
      </c>
      <c r="C6505" s="1" t="s">
        <v>20</v>
      </c>
      <c r="D6505" s="1" t="s">
        <v>25439</v>
      </c>
      <c r="E6505" s="1" t="s">
        <v>25440</v>
      </c>
      <c r="F6505" s="1" t="s">
        <v>25441</v>
      </c>
      <c r="G6505" s="1" t="s">
        <v>25434</v>
      </c>
      <c r="H6505" s="1" t="s">
        <v>25435</v>
      </c>
      <c r="I6505" s="1" t="s">
        <v>24809</v>
      </c>
      <c r="J6505" s="1" t="s">
        <v>25442</v>
      </c>
    </row>
    <row r="6506" spans="1:10" x14ac:dyDescent="0.35">
      <c r="A6506" s="1" t="s">
        <v>25430</v>
      </c>
      <c r="B6506" s="1" t="s">
        <v>24803</v>
      </c>
      <c r="C6506" s="1" t="s">
        <v>25</v>
      </c>
      <c r="D6506" s="1" t="s">
        <v>3561</v>
      </c>
      <c r="E6506" s="1" t="s">
        <v>25443</v>
      </c>
      <c r="F6506" s="1" t="s">
        <v>25444</v>
      </c>
      <c r="G6506" s="1" t="s">
        <v>25434</v>
      </c>
      <c r="H6506" s="1" t="s">
        <v>25435</v>
      </c>
      <c r="I6506" s="1" t="s">
        <v>24809</v>
      </c>
      <c r="J6506" s="1" t="s">
        <v>25445</v>
      </c>
    </row>
    <row r="6507" spans="1:10" x14ac:dyDescent="0.35">
      <c r="A6507" s="1" t="s">
        <v>25430</v>
      </c>
      <c r="B6507" s="1" t="s">
        <v>24803</v>
      </c>
      <c r="C6507" s="1" t="s">
        <v>30</v>
      </c>
      <c r="D6507" s="1" t="s">
        <v>25446</v>
      </c>
      <c r="E6507" s="1" t="s">
        <v>25447</v>
      </c>
      <c r="F6507" s="1" t="s">
        <v>25448</v>
      </c>
      <c r="G6507" s="1" t="s">
        <v>25434</v>
      </c>
      <c r="H6507" s="1" t="s">
        <v>25435</v>
      </c>
      <c r="I6507" s="1" t="s">
        <v>24809</v>
      </c>
      <c r="J6507" s="1" t="s">
        <v>25449</v>
      </c>
    </row>
    <row r="6508" spans="1:10" x14ac:dyDescent="0.35">
      <c r="A6508" s="1" t="s">
        <v>25430</v>
      </c>
      <c r="B6508" s="1" t="s">
        <v>24803</v>
      </c>
      <c r="C6508" s="1" t="s">
        <v>35</v>
      </c>
      <c r="D6508" s="1" t="s">
        <v>25450</v>
      </c>
      <c r="E6508" s="1" t="s">
        <v>25451</v>
      </c>
      <c r="F6508" s="1" t="s">
        <v>25452</v>
      </c>
      <c r="G6508" s="1" t="s">
        <v>25434</v>
      </c>
      <c r="H6508" s="1" t="s">
        <v>25435</v>
      </c>
      <c r="I6508" s="1" t="s">
        <v>24809</v>
      </c>
      <c r="J6508" s="1" t="s">
        <v>25453</v>
      </c>
    </row>
    <row r="6509" spans="1:10" x14ac:dyDescent="0.35">
      <c r="A6509" s="1" t="s">
        <v>25430</v>
      </c>
      <c r="B6509" s="1" t="s">
        <v>24803</v>
      </c>
      <c r="C6509" s="1" t="s">
        <v>40</v>
      </c>
      <c r="D6509" s="1" t="s">
        <v>25454</v>
      </c>
      <c r="E6509" s="1" t="s">
        <v>25455</v>
      </c>
      <c r="F6509" s="1" t="s">
        <v>25456</v>
      </c>
      <c r="G6509" s="1" t="s">
        <v>25434</v>
      </c>
      <c r="H6509" s="1" t="s">
        <v>25435</v>
      </c>
      <c r="I6509" s="1" t="s">
        <v>24809</v>
      </c>
      <c r="J6509" s="1" t="s">
        <v>25457</v>
      </c>
    </row>
    <row r="6510" spans="1:10" x14ac:dyDescent="0.35">
      <c r="A6510" s="1" t="s">
        <v>25430</v>
      </c>
      <c r="B6510" s="1" t="s">
        <v>24803</v>
      </c>
      <c r="C6510" s="1" t="s">
        <v>45</v>
      </c>
      <c r="D6510" s="1" t="s">
        <v>25458</v>
      </c>
      <c r="E6510" s="1" t="s">
        <v>25459</v>
      </c>
      <c r="F6510" s="1" t="s">
        <v>25460</v>
      </c>
      <c r="G6510" s="1" t="s">
        <v>25434</v>
      </c>
      <c r="H6510" s="1" t="s">
        <v>25435</v>
      </c>
      <c r="I6510" s="1" t="s">
        <v>24809</v>
      </c>
      <c r="J6510" s="1" t="s">
        <v>25461</v>
      </c>
    </row>
    <row r="6511" spans="1:10" x14ac:dyDescent="0.35">
      <c r="A6511" s="1" t="s">
        <v>25430</v>
      </c>
      <c r="B6511" s="1" t="s">
        <v>24803</v>
      </c>
      <c r="C6511" s="1" t="s">
        <v>50</v>
      </c>
      <c r="D6511" s="1" t="s">
        <v>6217</v>
      </c>
      <c r="E6511" s="1" t="s">
        <v>25462</v>
      </c>
      <c r="F6511" s="1" t="s">
        <v>25463</v>
      </c>
      <c r="G6511" s="1" t="s">
        <v>25434</v>
      </c>
      <c r="H6511" s="1" t="s">
        <v>25435</v>
      </c>
      <c r="I6511" s="1" t="s">
        <v>24809</v>
      </c>
      <c r="J6511" s="1" t="s">
        <v>25464</v>
      </c>
    </row>
    <row r="6512" spans="1:10" x14ac:dyDescent="0.35">
      <c r="A6512" s="1" t="s">
        <v>25430</v>
      </c>
      <c r="B6512" s="1" t="s">
        <v>24803</v>
      </c>
      <c r="C6512" s="1" t="s">
        <v>55</v>
      </c>
      <c r="D6512" s="1" t="s">
        <v>1793</v>
      </c>
      <c r="E6512" s="1" t="s">
        <v>25465</v>
      </c>
      <c r="F6512" s="1" t="s">
        <v>25466</v>
      </c>
      <c r="G6512" s="1" t="s">
        <v>25434</v>
      </c>
      <c r="H6512" s="1" t="s">
        <v>25435</v>
      </c>
      <c r="I6512" s="1" t="s">
        <v>24809</v>
      </c>
      <c r="J6512" s="1" t="s">
        <v>25467</v>
      </c>
    </row>
    <row r="6513" spans="1:10" x14ac:dyDescent="0.35">
      <c r="A6513" s="1" t="s">
        <v>25430</v>
      </c>
      <c r="B6513" s="1" t="s">
        <v>24803</v>
      </c>
      <c r="C6513" s="1" t="s">
        <v>60</v>
      </c>
      <c r="D6513" s="1" t="s">
        <v>12036</v>
      </c>
      <c r="E6513" s="1" t="s">
        <v>25468</v>
      </c>
      <c r="F6513" s="1" t="s">
        <v>25469</v>
      </c>
      <c r="G6513" s="1" t="s">
        <v>25434</v>
      </c>
      <c r="H6513" s="1" t="s">
        <v>25435</v>
      </c>
      <c r="I6513" s="1" t="s">
        <v>24809</v>
      </c>
      <c r="J6513" s="1" t="s">
        <v>25470</v>
      </c>
    </row>
    <row r="6514" spans="1:10" x14ac:dyDescent="0.35">
      <c r="A6514" s="1" t="s">
        <v>25430</v>
      </c>
      <c r="B6514" s="1" t="s">
        <v>24803</v>
      </c>
      <c r="C6514" s="1" t="s">
        <v>65</v>
      </c>
      <c r="D6514" s="1" t="s">
        <v>25471</v>
      </c>
      <c r="E6514" s="1" t="s">
        <v>25472</v>
      </c>
      <c r="F6514" s="1" t="s">
        <v>25473</v>
      </c>
      <c r="G6514" s="1" t="s">
        <v>25434</v>
      </c>
      <c r="H6514" s="1" t="s">
        <v>25435</v>
      </c>
      <c r="I6514" s="1" t="s">
        <v>24809</v>
      </c>
      <c r="J6514" s="1" t="s">
        <v>25474</v>
      </c>
    </row>
    <row r="6515" spans="1:10" x14ac:dyDescent="0.35">
      <c r="A6515" s="1" t="s">
        <v>25430</v>
      </c>
      <c r="B6515" s="1" t="s">
        <v>24803</v>
      </c>
      <c r="C6515" s="1" t="s">
        <v>70</v>
      </c>
      <c r="D6515" s="1" t="s">
        <v>1154</v>
      </c>
      <c r="E6515" s="1" t="s">
        <v>25475</v>
      </c>
      <c r="F6515" s="1" t="s">
        <v>25476</v>
      </c>
      <c r="G6515" s="1" t="s">
        <v>25434</v>
      </c>
      <c r="H6515" s="1" t="s">
        <v>25435</v>
      </c>
      <c r="I6515" s="1" t="s">
        <v>24809</v>
      </c>
      <c r="J6515" s="1" t="s">
        <v>25477</v>
      </c>
    </row>
    <row r="6516" spans="1:10" x14ac:dyDescent="0.35">
      <c r="A6516" s="1" t="s">
        <v>25430</v>
      </c>
      <c r="B6516" s="1" t="s">
        <v>24803</v>
      </c>
      <c r="C6516" s="1" t="s">
        <v>75</v>
      </c>
      <c r="D6516" s="1" t="s">
        <v>25478</v>
      </c>
      <c r="E6516" s="1" t="s">
        <v>25479</v>
      </c>
      <c r="F6516" s="1" t="s">
        <v>25480</v>
      </c>
      <c r="G6516" s="1" t="s">
        <v>25434</v>
      </c>
      <c r="H6516" s="1" t="s">
        <v>25435</v>
      </c>
      <c r="I6516" s="1" t="s">
        <v>24809</v>
      </c>
      <c r="J6516" s="1" t="s">
        <v>25481</v>
      </c>
    </row>
    <row r="6517" spans="1:10" x14ac:dyDescent="0.35">
      <c r="A6517" s="1" t="s">
        <v>25430</v>
      </c>
      <c r="B6517" s="1" t="s">
        <v>24803</v>
      </c>
      <c r="C6517" s="1" t="s">
        <v>80</v>
      </c>
      <c r="D6517" s="1" t="s">
        <v>6190</v>
      </c>
      <c r="E6517" s="1" t="s">
        <v>25482</v>
      </c>
      <c r="F6517" s="1" t="s">
        <v>25483</v>
      </c>
      <c r="G6517" s="1" t="s">
        <v>25434</v>
      </c>
      <c r="H6517" s="1" t="s">
        <v>25435</v>
      </c>
      <c r="I6517" s="1" t="s">
        <v>24809</v>
      </c>
      <c r="J6517" s="1" t="s">
        <v>25484</v>
      </c>
    </row>
    <row r="6518" spans="1:10" x14ac:dyDescent="0.35">
      <c r="A6518" s="1" t="s">
        <v>25430</v>
      </c>
      <c r="B6518" s="1" t="s">
        <v>24803</v>
      </c>
      <c r="C6518" s="1" t="s">
        <v>85</v>
      </c>
      <c r="D6518" s="1" t="s">
        <v>9324</v>
      </c>
      <c r="E6518" s="1" t="s">
        <v>25485</v>
      </c>
      <c r="F6518" s="1" t="s">
        <v>25486</v>
      </c>
      <c r="G6518" s="1" t="s">
        <v>25434</v>
      </c>
      <c r="H6518" s="1" t="s">
        <v>25435</v>
      </c>
      <c r="I6518" s="1" t="s">
        <v>24809</v>
      </c>
      <c r="J6518" s="1" t="s">
        <v>25487</v>
      </c>
    </row>
    <row r="6519" spans="1:10" x14ac:dyDescent="0.35">
      <c r="A6519" s="1" t="s">
        <v>25430</v>
      </c>
      <c r="B6519" s="1" t="s">
        <v>24803</v>
      </c>
      <c r="C6519" s="1" t="s">
        <v>90</v>
      </c>
      <c r="D6519" s="1" t="s">
        <v>25488</v>
      </c>
      <c r="E6519" s="1" t="s">
        <v>25489</v>
      </c>
      <c r="F6519" s="1" t="s">
        <v>25490</v>
      </c>
      <c r="G6519" s="1" t="s">
        <v>25434</v>
      </c>
      <c r="H6519" s="1" t="s">
        <v>25435</v>
      </c>
      <c r="I6519" s="1" t="s">
        <v>24809</v>
      </c>
      <c r="J6519" s="1" t="s">
        <v>25491</v>
      </c>
    </row>
    <row r="6520" spans="1:10" x14ac:dyDescent="0.35">
      <c r="A6520" s="1" t="s">
        <v>25430</v>
      </c>
      <c r="B6520" s="1" t="s">
        <v>24803</v>
      </c>
      <c r="C6520" s="1" t="s">
        <v>95</v>
      </c>
      <c r="D6520" s="1" t="s">
        <v>25492</v>
      </c>
      <c r="E6520" s="1" t="s">
        <v>25493</v>
      </c>
      <c r="F6520" s="1" t="s">
        <v>25494</v>
      </c>
      <c r="G6520" s="1" t="s">
        <v>25434</v>
      </c>
      <c r="H6520" s="1" t="s">
        <v>25435</v>
      </c>
      <c r="I6520" s="1" t="s">
        <v>24809</v>
      </c>
      <c r="J6520" s="1" t="s">
        <v>25495</v>
      </c>
    </row>
    <row r="6521" spans="1:10" x14ac:dyDescent="0.35">
      <c r="A6521" s="1" t="s">
        <v>25430</v>
      </c>
      <c r="B6521" s="1" t="s">
        <v>24803</v>
      </c>
      <c r="C6521" s="1" t="s">
        <v>100</v>
      </c>
      <c r="D6521" s="1" t="s">
        <v>24974</v>
      </c>
      <c r="E6521" s="1" t="s">
        <v>25496</v>
      </c>
      <c r="F6521" s="1" t="s">
        <v>25497</v>
      </c>
      <c r="G6521" s="1" t="s">
        <v>25434</v>
      </c>
      <c r="H6521" s="1" t="s">
        <v>25435</v>
      </c>
      <c r="I6521" s="1" t="s">
        <v>24809</v>
      </c>
      <c r="J6521" s="1" t="s">
        <v>25498</v>
      </c>
    </row>
    <row r="6522" spans="1:10" x14ac:dyDescent="0.35">
      <c r="A6522" s="1" t="s">
        <v>25430</v>
      </c>
      <c r="B6522" s="1" t="s">
        <v>24803</v>
      </c>
      <c r="C6522" s="1" t="s">
        <v>105</v>
      </c>
      <c r="D6522" s="1" t="s">
        <v>2873</v>
      </c>
      <c r="E6522" s="1" t="s">
        <v>25499</v>
      </c>
      <c r="F6522" s="1" t="s">
        <v>25500</v>
      </c>
      <c r="G6522" s="1" t="s">
        <v>25434</v>
      </c>
      <c r="H6522" s="1" t="s">
        <v>25435</v>
      </c>
      <c r="I6522" s="1" t="s">
        <v>24809</v>
      </c>
      <c r="J6522" s="1" t="s">
        <v>25501</v>
      </c>
    </row>
    <row r="6523" spans="1:10" x14ac:dyDescent="0.35">
      <c r="A6523" s="1" t="s">
        <v>25430</v>
      </c>
      <c r="B6523" s="1" t="s">
        <v>24803</v>
      </c>
      <c r="C6523" s="1" t="s">
        <v>110</v>
      </c>
      <c r="D6523" s="1" t="s">
        <v>25502</v>
      </c>
      <c r="E6523" s="1" t="s">
        <v>25503</v>
      </c>
      <c r="F6523" s="1" t="s">
        <v>25504</v>
      </c>
      <c r="G6523" s="1" t="s">
        <v>25434</v>
      </c>
      <c r="H6523" s="1" t="s">
        <v>25435</v>
      </c>
      <c r="I6523" s="1" t="s">
        <v>24809</v>
      </c>
      <c r="J6523" s="1" t="s">
        <v>25505</v>
      </c>
    </row>
    <row r="6524" spans="1:10" x14ac:dyDescent="0.35">
      <c r="A6524" s="1" t="s">
        <v>25430</v>
      </c>
      <c r="B6524" s="1" t="s">
        <v>24803</v>
      </c>
      <c r="C6524" s="1" t="s">
        <v>115</v>
      </c>
      <c r="D6524" s="1" t="s">
        <v>25506</v>
      </c>
      <c r="E6524" s="1" t="s">
        <v>25507</v>
      </c>
      <c r="F6524" s="1" t="s">
        <v>25508</v>
      </c>
      <c r="G6524" s="1" t="s">
        <v>25434</v>
      </c>
      <c r="H6524" s="1" t="s">
        <v>25435</v>
      </c>
      <c r="I6524" s="1" t="s">
        <v>24809</v>
      </c>
      <c r="J6524" s="1" t="s">
        <v>25509</v>
      </c>
    </row>
    <row r="6525" spans="1:10" x14ac:dyDescent="0.35">
      <c r="A6525" s="1" t="s">
        <v>25430</v>
      </c>
      <c r="B6525" s="1" t="s">
        <v>24803</v>
      </c>
      <c r="C6525" s="1" t="s">
        <v>120</v>
      </c>
      <c r="D6525" s="1" t="s">
        <v>4793</v>
      </c>
      <c r="E6525" s="1" t="s">
        <v>25510</v>
      </c>
      <c r="F6525" s="1" t="s">
        <v>25511</v>
      </c>
      <c r="G6525" s="1" t="s">
        <v>25434</v>
      </c>
      <c r="H6525" s="1" t="s">
        <v>25435</v>
      </c>
      <c r="I6525" s="1" t="s">
        <v>24809</v>
      </c>
      <c r="J6525" s="1" t="s">
        <v>25512</v>
      </c>
    </row>
    <row r="6526" spans="1:10" x14ac:dyDescent="0.35">
      <c r="A6526" s="1" t="s">
        <v>25430</v>
      </c>
      <c r="B6526" s="1" t="s">
        <v>24803</v>
      </c>
      <c r="C6526" s="1" t="s">
        <v>125</v>
      </c>
      <c r="D6526" s="1" t="s">
        <v>25513</v>
      </c>
      <c r="E6526" s="1" t="s">
        <v>25514</v>
      </c>
      <c r="F6526" s="1" t="s">
        <v>25515</v>
      </c>
      <c r="G6526" s="1" t="s">
        <v>25434</v>
      </c>
      <c r="H6526" s="1" t="s">
        <v>25435</v>
      </c>
      <c r="I6526" s="1" t="s">
        <v>24809</v>
      </c>
      <c r="J6526" s="1" t="s">
        <v>25516</v>
      </c>
    </row>
    <row r="6527" spans="1:10" x14ac:dyDescent="0.35">
      <c r="A6527" s="1" t="s">
        <v>25430</v>
      </c>
      <c r="B6527" s="1" t="s">
        <v>24803</v>
      </c>
      <c r="C6527" s="1" t="s">
        <v>130</v>
      </c>
      <c r="D6527" s="1" t="s">
        <v>25517</v>
      </c>
      <c r="E6527" s="1" t="s">
        <v>25518</v>
      </c>
      <c r="F6527" s="1" t="s">
        <v>25519</v>
      </c>
      <c r="G6527" s="1" t="s">
        <v>25434</v>
      </c>
      <c r="H6527" s="1" t="s">
        <v>25435</v>
      </c>
      <c r="I6527" s="1" t="s">
        <v>24809</v>
      </c>
      <c r="J6527" s="1" t="s">
        <v>25520</v>
      </c>
    </row>
    <row r="6528" spans="1:10" x14ac:dyDescent="0.35">
      <c r="A6528" s="1" t="s">
        <v>25430</v>
      </c>
      <c r="B6528" s="1" t="s">
        <v>24803</v>
      </c>
      <c r="C6528" s="1" t="s">
        <v>135</v>
      </c>
      <c r="D6528" s="1" t="s">
        <v>25521</v>
      </c>
      <c r="E6528" s="1" t="s">
        <v>25522</v>
      </c>
      <c r="F6528" s="1" t="s">
        <v>25523</v>
      </c>
      <c r="G6528" s="1" t="s">
        <v>25434</v>
      </c>
      <c r="H6528" s="1" t="s">
        <v>25435</v>
      </c>
      <c r="I6528" s="1" t="s">
        <v>24809</v>
      </c>
      <c r="J6528" s="1" t="s">
        <v>25524</v>
      </c>
    </row>
    <row r="6529" spans="1:10" x14ac:dyDescent="0.35">
      <c r="A6529" s="1" t="s">
        <v>25430</v>
      </c>
      <c r="B6529" s="1" t="s">
        <v>24803</v>
      </c>
      <c r="C6529" s="1" t="s">
        <v>140</v>
      </c>
      <c r="D6529" s="1" t="s">
        <v>25525</v>
      </c>
      <c r="E6529" s="1" t="s">
        <v>25526</v>
      </c>
      <c r="F6529" s="1" t="s">
        <v>25527</v>
      </c>
      <c r="G6529" s="1" t="s">
        <v>25434</v>
      </c>
      <c r="H6529" s="1" t="s">
        <v>25435</v>
      </c>
      <c r="I6529" s="1" t="s">
        <v>24809</v>
      </c>
      <c r="J6529" s="1" t="s">
        <v>25528</v>
      </c>
    </row>
    <row r="6530" spans="1:10" x14ac:dyDescent="0.35">
      <c r="A6530" s="1" t="s">
        <v>25430</v>
      </c>
      <c r="B6530" s="1" t="s">
        <v>24803</v>
      </c>
      <c r="C6530" s="1" t="s">
        <v>145</v>
      </c>
      <c r="D6530" s="1" t="s">
        <v>7610</v>
      </c>
      <c r="E6530" s="1" t="s">
        <v>25529</v>
      </c>
      <c r="F6530" s="1" t="s">
        <v>25530</v>
      </c>
      <c r="G6530" s="1" t="s">
        <v>25434</v>
      </c>
      <c r="H6530" s="1" t="s">
        <v>25435</v>
      </c>
      <c r="I6530" s="1" t="s">
        <v>24809</v>
      </c>
      <c r="J6530" s="1" t="s">
        <v>25531</v>
      </c>
    </row>
    <row r="6531" spans="1:10" x14ac:dyDescent="0.35">
      <c r="A6531" s="1" t="s">
        <v>25430</v>
      </c>
      <c r="B6531" s="1" t="s">
        <v>24803</v>
      </c>
      <c r="C6531" s="1" t="s">
        <v>150</v>
      </c>
      <c r="D6531" s="1" t="s">
        <v>6532</v>
      </c>
      <c r="E6531" s="1" t="s">
        <v>25532</v>
      </c>
      <c r="F6531" s="1" t="s">
        <v>25533</v>
      </c>
      <c r="G6531" s="1" t="s">
        <v>25434</v>
      </c>
      <c r="H6531" s="1" t="s">
        <v>25435</v>
      </c>
      <c r="I6531" s="1" t="s">
        <v>24809</v>
      </c>
      <c r="J6531" s="1" t="s">
        <v>25534</v>
      </c>
    </row>
    <row r="6532" spans="1:10" x14ac:dyDescent="0.35">
      <c r="A6532" s="1" t="s">
        <v>25430</v>
      </c>
      <c r="B6532" s="1" t="s">
        <v>24803</v>
      </c>
      <c r="C6532" s="1" t="s">
        <v>155</v>
      </c>
      <c r="D6532" s="1" t="s">
        <v>2145</v>
      </c>
      <c r="E6532" s="1" t="s">
        <v>25535</v>
      </c>
      <c r="F6532" s="1" t="s">
        <v>25536</v>
      </c>
      <c r="G6532" s="1" t="s">
        <v>25434</v>
      </c>
      <c r="H6532" s="1" t="s">
        <v>25435</v>
      </c>
      <c r="I6532" s="1" t="s">
        <v>24809</v>
      </c>
      <c r="J6532" s="1" t="s">
        <v>25537</v>
      </c>
    </row>
    <row r="6533" spans="1:10" x14ac:dyDescent="0.35">
      <c r="A6533" s="1" t="s">
        <v>25430</v>
      </c>
      <c r="B6533" s="1" t="s">
        <v>24803</v>
      </c>
      <c r="C6533" s="1" t="s">
        <v>160</v>
      </c>
      <c r="D6533" s="1" t="s">
        <v>25538</v>
      </c>
      <c r="E6533" s="1" t="s">
        <v>25539</v>
      </c>
      <c r="F6533" s="1" t="s">
        <v>25540</v>
      </c>
      <c r="G6533" s="1" t="s">
        <v>25434</v>
      </c>
      <c r="H6533" s="1" t="s">
        <v>25435</v>
      </c>
      <c r="I6533" s="1" t="s">
        <v>24809</v>
      </c>
      <c r="J6533" s="1" t="s">
        <v>25541</v>
      </c>
    </row>
    <row r="6534" spans="1:10" x14ac:dyDescent="0.35">
      <c r="A6534" s="1" t="s">
        <v>25430</v>
      </c>
      <c r="B6534" s="1" t="s">
        <v>24803</v>
      </c>
      <c r="C6534" s="1" t="s">
        <v>165</v>
      </c>
      <c r="D6534" s="1" t="s">
        <v>25542</v>
      </c>
      <c r="E6534" s="1" t="s">
        <v>25543</v>
      </c>
      <c r="F6534" s="1" t="s">
        <v>25544</v>
      </c>
      <c r="G6534" s="1" t="s">
        <v>25434</v>
      </c>
      <c r="H6534" s="1" t="s">
        <v>25435</v>
      </c>
      <c r="I6534" s="1" t="s">
        <v>24809</v>
      </c>
      <c r="J6534" s="1" t="s">
        <v>25545</v>
      </c>
    </row>
    <row r="6535" spans="1:10" x14ac:dyDescent="0.35">
      <c r="A6535" s="1" t="s">
        <v>25430</v>
      </c>
      <c r="B6535" s="1" t="s">
        <v>24803</v>
      </c>
      <c r="C6535" s="1" t="s">
        <v>170</v>
      </c>
      <c r="D6535" s="1" t="s">
        <v>25546</v>
      </c>
      <c r="E6535" s="1" t="s">
        <v>25547</v>
      </c>
      <c r="F6535" s="1" t="s">
        <v>25548</v>
      </c>
      <c r="G6535" s="1" t="s">
        <v>25434</v>
      </c>
      <c r="H6535" s="1" t="s">
        <v>25435</v>
      </c>
      <c r="I6535" s="1" t="s">
        <v>24809</v>
      </c>
      <c r="J6535" s="1" t="s">
        <v>25549</v>
      </c>
    </row>
    <row r="6536" spans="1:10" x14ac:dyDescent="0.35">
      <c r="A6536" s="1" t="s">
        <v>25550</v>
      </c>
      <c r="B6536" s="1" t="s">
        <v>24803</v>
      </c>
      <c r="C6536" s="1" t="s">
        <v>8</v>
      </c>
      <c r="D6536" s="1" t="s">
        <v>8131</v>
      </c>
      <c r="E6536" s="1" t="s">
        <v>25551</v>
      </c>
      <c r="F6536" s="1" t="s">
        <v>25552</v>
      </c>
      <c r="G6536" s="1" t="s">
        <v>25553</v>
      </c>
      <c r="H6536" s="1" t="s">
        <v>25554</v>
      </c>
      <c r="I6536" s="1" t="s">
        <v>24809</v>
      </c>
      <c r="J6536" s="1" t="s">
        <v>13</v>
      </c>
    </row>
    <row r="6537" spans="1:10" x14ac:dyDescent="0.35">
      <c r="A6537" s="1" t="s">
        <v>25550</v>
      </c>
      <c r="B6537" s="1" t="s">
        <v>24803</v>
      </c>
      <c r="C6537" s="1" t="s">
        <v>15</v>
      </c>
      <c r="D6537" s="1" t="s">
        <v>2611</v>
      </c>
      <c r="E6537" s="1" t="s">
        <v>25555</v>
      </c>
      <c r="F6537" s="1" t="s">
        <v>25556</v>
      </c>
      <c r="G6537" s="1" t="s">
        <v>25553</v>
      </c>
      <c r="H6537" s="1" t="s">
        <v>25554</v>
      </c>
      <c r="I6537" s="1" t="s">
        <v>24809</v>
      </c>
      <c r="J6537" s="1" t="s">
        <v>25557</v>
      </c>
    </row>
    <row r="6538" spans="1:10" x14ac:dyDescent="0.35">
      <c r="A6538" s="1" t="s">
        <v>25550</v>
      </c>
      <c r="B6538" s="1" t="s">
        <v>24803</v>
      </c>
      <c r="C6538" s="1" t="s">
        <v>20</v>
      </c>
      <c r="D6538" s="1" t="s">
        <v>25558</v>
      </c>
      <c r="E6538" s="1" t="s">
        <v>25559</v>
      </c>
      <c r="F6538" s="1" t="s">
        <v>25560</v>
      </c>
      <c r="G6538" s="1" t="s">
        <v>25553</v>
      </c>
      <c r="H6538" s="1" t="s">
        <v>25554</v>
      </c>
      <c r="I6538" s="1" t="s">
        <v>24809</v>
      </c>
      <c r="J6538" s="1" t="s">
        <v>25561</v>
      </c>
    </row>
    <row r="6539" spans="1:10" x14ac:dyDescent="0.35">
      <c r="A6539" s="1" t="s">
        <v>25550</v>
      </c>
      <c r="B6539" s="1" t="s">
        <v>24803</v>
      </c>
      <c r="C6539" s="1" t="s">
        <v>25</v>
      </c>
      <c r="D6539" s="1" t="s">
        <v>105</v>
      </c>
      <c r="E6539" s="1" t="s">
        <v>25562</v>
      </c>
      <c r="F6539" s="1" t="s">
        <v>25563</v>
      </c>
      <c r="G6539" s="1" t="s">
        <v>25553</v>
      </c>
      <c r="H6539" s="1" t="s">
        <v>25554</v>
      </c>
      <c r="I6539" s="1" t="s">
        <v>24809</v>
      </c>
      <c r="J6539" s="1" t="s">
        <v>25564</v>
      </c>
    </row>
    <row r="6540" spans="1:10" x14ac:dyDescent="0.35">
      <c r="A6540" s="1" t="s">
        <v>25550</v>
      </c>
      <c r="B6540" s="1" t="s">
        <v>24803</v>
      </c>
      <c r="C6540" s="1" t="s">
        <v>30</v>
      </c>
      <c r="D6540" s="1" t="s">
        <v>6093</v>
      </c>
      <c r="E6540" s="1" t="s">
        <v>25565</v>
      </c>
      <c r="F6540" s="1" t="s">
        <v>25566</v>
      </c>
      <c r="G6540" s="1" t="s">
        <v>25553</v>
      </c>
      <c r="H6540" s="1" t="s">
        <v>25554</v>
      </c>
      <c r="I6540" s="1" t="s">
        <v>24809</v>
      </c>
      <c r="J6540" s="1" t="s">
        <v>25567</v>
      </c>
    </row>
    <row r="6541" spans="1:10" x14ac:dyDescent="0.35">
      <c r="A6541" s="1" t="s">
        <v>25550</v>
      </c>
      <c r="B6541" s="1" t="s">
        <v>24803</v>
      </c>
      <c r="C6541" s="1" t="s">
        <v>35</v>
      </c>
      <c r="D6541" s="1" t="s">
        <v>25568</v>
      </c>
      <c r="E6541" s="1" t="s">
        <v>25569</v>
      </c>
      <c r="F6541" s="1" t="s">
        <v>25570</v>
      </c>
      <c r="G6541" s="1" t="s">
        <v>25553</v>
      </c>
      <c r="H6541" s="1" t="s">
        <v>25554</v>
      </c>
      <c r="I6541" s="1" t="s">
        <v>24809</v>
      </c>
      <c r="J6541" s="1" t="s">
        <v>25571</v>
      </c>
    </row>
    <row r="6542" spans="1:10" x14ac:dyDescent="0.35">
      <c r="A6542" s="1" t="s">
        <v>25550</v>
      </c>
      <c r="B6542" s="1" t="s">
        <v>24803</v>
      </c>
      <c r="C6542" s="1" t="s">
        <v>40</v>
      </c>
      <c r="D6542" s="1" t="s">
        <v>25572</v>
      </c>
      <c r="E6542" s="1" t="s">
        <v>25573</v>
      </c>
      <c r="F6542" s="1" t="s">
        <v>25574</v>
      </c>
      <c r="G6542" s="1" t="s">
        <v>25553</v>
      </c>
      <c r="H6542" s="1" t="s">
        <v>25554</v>
      </c>
      <c r="I6542" s="1" t="s">
        <v>24809</v>
      </c>
      <c r="J6542" s="1" t="s">
        <v>25575</v>
      </c>
    </row>
    <row r="6543" spans="1:10" x14ac:dyDescent="0.35">
      <c r="A6543" s="1" t="s">
        <v>25550</v>
      </c>
      <c r="B6543" s="1" t="s">
        <v>24803</v>
      </c>
      <c r="C6543" s="1" t="s">
        <v>45</v>
      </c>
      <c r="D6543" s="1" t="s">
        <v>25576</v>
      </c>
      <c r="E6543" s="1" t="s">
        <v>25577</v>
      </c>
      <c r="F6543" s="1" t="s">
        <v>25578</v>
      </c>
      <c r="G6543" s="1" t="s">
        <v>25553</v>
      </c>
      <c r="H6543" s="1" t="s">
        <v>25554</v>
      </c>
      <c r="I6543" s="1" t="s">
        <v>24809</v>
      </c>
      <c r="J6543" s="1" t="s">
        <v>25579</v>
      </c>
    </row>
    <row r="6544" spans="1:10" x14ac:dyDescent="0.35">
      <c r="A6544" s="1" t="s">
        <v>25550</v>
      </c>
      <c r="B6544" s="1" t="s">
        <v>24803</v>
      </c>
      <c r="C6544" s="1" t="s">
        <v>50</v>
      </c>
      <c r="D6544" s="1" t="s">
        <v>13910</v>
      </c>
      <c r="E6544" s="1" t="s">
        <v>25580</v>
      </c>
      <c r="F6544" s="1" t="s">
        <v>25581</v>
      </c>
      <c r="G6544" s="1" t="s">
        <v>25553</v>
      </c>
      <c r="H6544" s="1" t="s">
        <v>25554</v>
      </c>
      <c r="I6544" s="1" t="s">
        <v>24809</v>
      </c>
      <c r="J6544" s="1" t="s">
        <v>25582</v>
      </c>
    </row>
    <row r="6545" spans="1:10" x14ac:dyDescent="0.35">
      <c r="A6545" s="1" t="s">
        <v>25550</v>
      </c>
      <c r="B6545" s="1" t="s">
        <v>24803</v>
      </c>
      <c r="C6545" s="1" t="s">
        <v>55</v>
      </c>
      <c r="D6545" s="1" t="s">
        <v>25583</v>
      </c>
      <c r="E6545" s="1" t="s">
        <v>25584</v>
      </c>
      <c r="F6545" s="1" t="s">
        <v>25585</v>
      </c>
      <c r="G6545" s="1" t="s">
        <v>25553</v>
      </c>
      <c r="H6545" s="1" t="s">
        <v>25554</v>
      </c>
      <c r="I6545" s="1" t="s">
        <v>24809</v>
      </c>
      <c r="J6545" s="1" t="s">
        <v>25586</v>
      </c>
    </row>
    <row r="6546" spans="1:10" x14ac:dyDescent="0.35">
      <c r="A6546" s="1" t="s">
        <v>25550</v>
      </c>
      <c r="B6546" s="1" t="s">
        <v>24803</v>
      </c>
      <c r="C6546" s="1" t="s">
        <v>60</v>
      </c>
      <c r="D6546" s="1" t="s">
        <v>25587</v>
      </c>
      <c r="E6546" s="1" t="s">
        <v>25588</v>
      </c>
      <c r="F6546" s="1" t="s">
        <v>25589</v>
      </c>
      <c r="G6546" s="1" t="s">
        <v>25553</v>
      </c>
      <c r="H6546" s="1" t="s">
        <v>25554</v>
      </c>
      <c r="I6546" s="1" t="s">
        <v>24809</v>
      </c>
      <c r="J6546" s="1" t="s">
        <v>25590</v>
      </c>
    </row>
    <row r="6547" spans="1:10" x14ac:dyDescent="0.35">
      <c r="A6547" s="1" t="s">
        <v>25550</v>
      </c>
      <c r="B6547" s="1" t="s">
        <v>24803</v>
      </c>
      <c r="C6547" s="1" t="s">
        <v>65</v>
      </c>
      <c r="D6547" s="1" t="s">
        <v>1383</v>
      </c>
      <c r="E6547" s="1" t="s">
        <v>25591</v>
      </c>
      <c r="F6547" s="1" t="s">
        <v>25592</v>
      </c>
      <c r="G6547" s="1" t="s">
        <v>25553</v>
      </c>
      <c r="H6547" s="1" t="s">
        <v>25554</v>
      </c>
      <c r="I6547" s="1" t="s">
        <v>24809</v>
      </c>
      <c r="J6547" s="1" t="s">
        <v>25593</v>
      </c>
    </row>
    <row r="6548" spans="1:10" x14ac:dyDescent="0.35">
      <c r="A6548" s="1" t="s">
        <v>25550</v>
      </c>
      <c r="B6548" s="1" t="s">
        <v>24803</v>
      </c>
      <c r="C6548" s="1" t="s">
        <v>70</v>
      </c>
      <c r="D6548" s="1" t="s">
        <v>10094</v>
      </c>
      <c r="E6548" s="1" t="s">
        <v>25594</v>
      </c>
      <c r="F6548" s="1" t="s">
        <v>25595</v>
      </c>
      <c r="G6548" s="1" t="s">
        <v>25553</v>
      </c>
      <c r="H6548" s="1" t="s">
        <v>25554</v>
      </c>
      <c r="I6548" s="1" t="s">
        <v>24809</v>
      </c>
      <c r="J6548" s="1" t="s">
        <v>25596</v>
      </c>
    </row>
    <row r="6549" spans="1:10" x14ac:dyDescent="0.35">
      <c r="A6549" s="1" t="s">
        <v>25550</v>
      </c>
      <c r="B6549" s="1" t="s">
        <v>24803</v>
      </c>
      <c r="C6549" s="1" t="s">
        <v>75</v>
      </c>
      <c r="D6549" s="1" t="s">
        <v>8279</v>
      </c>
      <c r="E6549" s="1" t="s">
        <v>25597</v>
      </c>
      <c r="F6549" s="1" t="s">
        <v>25598</v>
      </c>
      <c r="G6549" s="1" t="s">
        <v>25553</v>
      </c>
      <c r="H6549" s="1" t="s">
        <v>25554</v>
      </c>
      <c r="I6549" s="1" t="s">
        <v>24809</v>
      </c>
      <c r="J6549" s="1" t="s">
        <v>25599</v>
      </c>
    </row>
    <row r="6550" spans="1:10" x14ac:dyDescent="0.35">
      <c r="A6550" s="1" t="s">
        <v>25550</v>
      </c>
      <c r="B6550" s="1" t="s">
        <v>24803</v>
      </c>
      <c r="C6550" s="1" t="s">
        <v>80</v>
      </c>
      <c r="D6550" s="1" t="s">
        <v>25600</v>
      </c>
      <c r="E6550" s="1" t="s">
        <v>25601</v>
      </c>
      <c r="F6550" s="1" t="s">
        <v>25602</v>
      </c>
      <c r="G6550" s="1" t="s">
        <v>25553</v>
      </c>
      <c r="H6550" s="1" t="s">
        <v>25554</v>
      </c>
      <c r="I6550" s="1" t="s">
        <v>24809</v>
      </c>
      <c r="J6550" s="1" t="s">
        <v>25603</v>
      </c>
    </row>
    <row r="6551" spans="1:10" x14ac:dyDescent="0.35">
      <c r="A6551" s="1" t="s">
        <v>25550</v>
      </c>
      <c r="B6551" s="1" t="s">
        <v>24803</v>
      </c>
      <c r="C6551" s="1" t="s">
        <v>85</v>
      </c>
      <c r="D6551" s="1" t="s">
        <v>25604</v>
      </c>
      <c r="E6551" s="1" t="s">
        <v>25605</v>
      </c>
      <c r="F6551" s="1" t="s">
        <v>25606</v>
      </c>
      <c r="G6551" s="1" t="s">
        <v>25553</v>
      </c>
      <c r="H6551" s="1" t="s">
        <v>25554</v>
      </c>
      <c r="I6551" s="1" t="s">
        <v>24809</v>
      </c>
      <c r="J6551" s="1" t="s">
        <v>25607</v>
      </c>
    </row>
    <row r="6552" spans="1:10" x14ac:dyDescent="0.35">
      <c r="A6552" s="1" t="s">
        <v>25550</v>
      </c>
      <c r="B6552" s="1" t="s">
        <v>24803</v>
      </c>
      <c r="C6552" s="1" t="s">
        <v>90</v>
      </c>
      <c r="D6552" s="1" t="s">
        <v>25422</v>
      </c>
      <c r="E6552" s="1" t="s">
        <v>25608</v>
      </c>
      <c r="F6552" s="1" t="s">
        <v>25609</v>
      </c>
      <c r="G6552" s="1" t="s">
        <v>25553</v>
      </c>
      <c r="H6552" s="1" t="s">
        <v>25554</v>
      </c>
      <c r="I6552" s="1" t="s">
        <v>24809</v>
      </c>
      <c r="J6552" s="1" t="s">
        <v>25610</v>
      </c>
    </row>
    <row r="6553" spans="1:10" x14ac:dyDescent="0.35">
      <c r="A6553" s="1" t="s">
        <v>25550</v>
      </c>
      <c r="B6553" s="1" t="s">
        <v>24803</v>
      </c>
      <c r="C6553" s="1" t="s">
        <v>95</v>
      </c>
      <c r="D6553" s="1" t="s">
        <v>25611</v>
      </c>
      <c r="E6553" s="1" t="s">
        <v>25612</v>
      </c>
      <c r="F6553" s="1" t="s">
        <v>25613</v>
      </c>
      <c r="G6553" s="1" t="s">
        <v>25553</v>
      </c>
      <c r="H6553" s="1" t="s">
        <v>25554</v>
      </c>
      <c r="I6553" s="1" t="s">
        <v>24809</v>
      </c>
      <c r="J6553" s="1" t="s">
        <v>25614</v>
      </c>
    </row>
    <row r="6554" spans="1:10" x14ac:dyDescent="0.35">
      <c r="A6554" s="1" t="s">
        <v>25550</v>
      </c>
      <c r="B6554" s="1" t="s">
        <v>24803</v>
      </c>
      <c r="C6554" s="1" t="s">
        <v>100</v>
      </c>
      <c r="D6554" s="1" t="s">
        <v>25615</v>
      </c>
      <c r="E6554" s="1" t="s">
        <v>25616</v>
      </c>
      <c r="F6554" s="1" t="s">
        <v>25617</v>
      </c>
      <c r="G6554" s="1" t="s">
        <v>25553</v>
      </c>
      <c r="H6554" s="1" t="s">
        <v>25554</v>
      </c>
      <c r="I6554" s="1" t="s">
        <v>24809</v>
      </c>
      <c r="J6554" s="1" t="s">
        <v>25618</v>
      </c>
    </row>
    <row r="6555" spans="1:10" x14ac:dyDescent="0.35">
      <c r="A6555" s="1" t="s">
        <v>25550</v>
      </c>
      <c r="B6555" s="1" t="s">
        <v>24803</v>
      </c>
      <c r="C6555" s="1" t="s">
        <v>105</v>
      </c>
      <c r="D6555" s="1" t="s">
        <v>25619</v>
      </c>
      <c r="E6555" s="1" t="s">
        <v>25620</v>
      </c>
      <c r="F6555" s="1" t="s">
        <v>25621</v>
      </c>
      <c r="G6555" s="1" t="s">
        <v>25553</v>
      </c>
      <c r="H6555" s="1" t="s">
        <v>25554</v>
      </c>
      <c r="I6555" s="1" t="s">
        <v>24809</v>
      </c>
      <c r="J6555" s="1" t="s">
        <v>25622</v>
      </c>
    </row>
    <row r="6556" spans="1:10" x14ac:dyDescent="0.35">
      <c r="A6556" s="1" t="s">
        <v>25550</v>
      </c>
      <c r="B6556" s="1" t="s">
        <v>24803</v>
      </c>
      <c r="C6556" s="1" t="s">
        <v>110</v>
      </c>
      <c r="D6556" s="1" t="s">
        <v>25623</v>
      </c>
      <c r="E6556" s="1" t="s">
        <v>25624</v>
      </c>
      <c r="F6556" s="1" t="s">
        <v>25625</v>
      </c>
      <c r="G6556" s="1" t="s">
        <v>25553</v>
      </c>
      <c r="H6556" s="1" t="s">
        <v>25554</v>
      </c>
      <c r="I6556" s="1" t="s">
        <v>24809</v>
      </c>
      <c r="J6556" s="1" t="s">
        <v>25626</v>
      </c>
    </row>
    <row r="6557" spans="1:10" x14ac:dyDescent="0.35">
      <c r="A6557" s="1" t="s">
        <v>25550</v>
      </c>
      <c r="B6557" s="1" t="s">
        <v>24803</v>
      </c>
      <c r="C6557" s="1" t="s">
        <v>115</v>
      </c>
      <c r="D6557" s="1" t="s">
        <v>25627</v>
      </c>
      <c r="E6557" s="1" t="s">
        <v>25628</v>
      </c>
      <c r="F6557" s="1" t="s">
        <v>25629</v>
      </c>
      <c r="G6557" s="1" t="s">
        <v>25553</v>
      </c>
      <c r="H6557" s="1" t="s">
        <v>25554</v>
      </c>
      <c r="I6557" s="1" t="s">
        <v>24809</v>
      </c>
      <c r="J6557" s="1" t="s">
        <v>25630</v>
      </c>
    </row>
    <row r="6558" spans="1:10" x14ac:dyDescent="0.35">
      <c r="A6558" s="1" t="s">
        <v>25550</v>
      </c>
      <c r="B6558" s="1" t="s">
        <v>24803</v>
      </c>
      <c r="C6558" s="1" t="s">
        <v>120</v>
      </c>
      <c r="D6558" s="1" t="s">
        <v>25631</v>
      </c>
      <c r="E6558" s="1" t="s">
        <v>25632</v>
      </c>
      <c r="F6558" s="1" t="s">
        <v>25633</v>
      </c>
      <c r="G6558" s="1" t="s">
        <v>25553</v>
      </c>
      <c r="H6558" s="1" t="s">
        <v>25554</v>
      </c>
      <c r="I6558" s="1" t="s">
        <v>24809</v>
      </c>
      <c r="J6558" s="1" t="s">
        <v>25634</v>
      </c>
    </row>
    <row r="6559" spans="1:10" x14ac:dyDescent="0.35">
      <c r="A6559" s="1" t="s">
        <v>25550</v>
      </c>
      <c r="B6559" s="1" t="s">
        <v>24803</v>
      </c>
      <c r="C6559" s="1" t="s">
        <v>125</v>
      </c>
      <c r="D6559" s="1" t="s">
        <v>25635</v>
      </c>
      <c r="E6559" s="1" t="s">
        <v>25636</v>
      </c>
      <c r="F6559" s="1" t="s">
        <v>25637</v>
      </c>
      <c r="G6559" s="1" t="s">
        <v>25553</v>
      </c>
      <c r="H6559" s="1" t="s">
        <v>25554</v>
      </c>
      <c r="I6559" s="1" t="s">
        <v>24809</v>
      </c>
      <c r="J6559" s="1" t="s">
        <v>25638</v>
      </c>
    </row>
    <row r="6560" spans="1:10" x14ac:dyDescent="0.35">
      <c r="A6560" s="1" t="s">
        <v>25550</v>
      </c>
      <c r="B6560" s="1" t="s">
        <v>24803</v>
      </c>
      <c r="C6560" s="1" t="s">
        <v>130</v>
      </c>
      <c r="D6560" s="1" t="s">
        <v>25639</v>
      </c>
      <c r="E6560" s="1" t="s">
        <v>25640</v>
      </c>
      <c r="F6560" s="1" t="s">
        <v>25641</v>
      </c>
      <c r="G6560" s="1" t="s">
        <v>25553</v>
      </c>
      <c r="H6560" s="1" t="s">
        <v>25554</v>
      </c>
      <c r="I6560" s="1" t="s">
        <v>24809</v>
      </c>
      <c r="J6560" s="1" t="s">
        <v>25642</v>
      </c>
    </row>
    <row r="6561" spans="1:10" x14ac:dyDescent="0.35">
      <c r="A6561" s="1" t="s">
        <v>25550</v>
      </c>
      <c r="B6561" s="1" t="s">
        <v>24803</v>
      </c>
      <c r="C6561" s="1" t="s">
        <v>135</v>
      </c>
      <c r="D6561" s="1" t="s">
        <v>25643</v>
      </c>
      <c r="E6561" s="1" t="s">
        <v>25644</v>
      </c>
      <c r="F6561" s="1" t="s">
        <v>25645</v>
      </c>
      <c r="G6561" s="1" t="s">
        <v>25553</v>
      </c>
      <c r="H6561" s="1" t="s">
        <v>25554</v>
      </c>
      <c r="I6561" s="1" t="s">
        <v>24809</v>
      </c>
      <c r="J6561" s="1" t="s">
        <v>25646</v>
      </c>
    </row>
    <row r="6562" spans="1:10" x14ac:dyDescent="0.35">
      <c r="A6562" s="1" t="s">
        <v>25550</v>
      </c>
      <c r="B6562" s="1" t="s">
        <v>24803</v>
      </c>
      <c r="C6562" s="1" t="s">
        <v>140</v>
      </c>
      <c r="D6562" s="1" t="s">
        <v>25647</v>
      </c>
      <c r="E6562" s="1" t="s">
        <v>25648</v>
      </c>
      <c r="F6562" s="1" t="s">
        <v>25649</v>
      </c>
      <c r="G6562" s="1" t="s">
        <v>25553</v>
      </c>
      <c r="H6562" s="1" t="s">
        <v>25554</v>
      </c>
      <c r="I6562" s="1" t="s">
        <v>24809</v>
      </c>
      <c r="J6562" s="1" t="s">
        <v>25650</v>
      </c>
    </row>
    <row r="6563" spans="1:10" x14ac:dyDescent="0.35">
      <c r="A6563" s="1" t="s">
        <v>25550</v>
      </c>
      <c r="B6563" s="1" t="s">
        <v>24803</v>
      </c>
      <c r="C6563" s="1" t="s">
        <v>145</v>
      </c>
      <c r="D6563" s="1" t="s">
        <v>25651</v>
      </c>
      <c r="E6563" s="1" t="s">
        <v>25652</v>
      </c>
      <c r="F6563" s="1" t="s">
        <v>25653</v>
      </c>
      <c r="G6563" s="1" t="s">
        <v>25553</v>
      </c>
      <c r="H6563" s="1" t="s">
        <v>25554</v>
      </c>
      <c r="I6563" s="1" t="s">
        <v>24809</v>
      </c>
      <c r="J6563" s="1" t="s">
        <v>25654</v>
      </c>
    </row>
    <row r="6564" spans="1:10" x14ac:dyDescent="0.35">
      <c r="A6564" s="1" t="s">
        <v>25550</v>
      </c>
      <c r="B6564" s="1" t="s">
        <v>24803</v>
      </c>
      <c r="C6564" s="1" t="s">
        <v>150</v>
      </c>
      <c r="D6564" s="1" t="s">
        <v>25655</v>
      </c>
      <c r="E6564" s="1" t="s">
        <v>25656</v>
      </c>
      <c r="F6564" s="1" t="s">
        <v>25657</v>
      </c>
      <c r="G6564" s="1" t="s">
        <v>25553</v>
      </c>
      <c r="H6564" s="1" t="s">
        <v>25554</v>
      </c>
      <c r="I6564" s="1" t="s">
        <v>24809</v>
      </c>
      <c r="J6564" s="1" t="s">
        <v>25658</v>
      </c>
    </row>
    <row r="6565" spans="1:10" x14ac:dyDescent="0.35">
      <c r="A6565" s="1" t="s">
        <v>25550</v>
      </c>
      <c r="B6565" s="1" t="s">
        <v>24803</v>
      </c>
      <c r="C6565" s="1" t="s">
        <v>155</v>
      </c>
      <c r="D6565" s="1" t="s">
        <v>25659</v>
      </c>
      <c r="E6565" s="1" t="s">
        <v>25660</v>
      </c>
      <c r="F6565" s="1" t="s">
        <v>25661</v>
      </c>
      <c r="G6565" s="1" t="s">
        <v>25553</v>
      </c>
      <c r="H6565" s="1" t="s">
        <v>25554</v>
      </c>
      <c r="I6565" s="1" t="s">
        <v>24809</v>
      </c>
      <c r="J6565" s="1" t="s">
        <v>25662</v>
      </c>
    </row>
    <row r="6566" spans="1:10" x14ac:dyDescent="0.35">
      <c r="A6566" s="1" t="s">
        <v>25550</v>
      </c>
      <c r="B6566" s="1" t="s">
        <v>24803</v>
      </c>
      <c r="C6566" s="1" t="s">
        <v>160</v>
      </c>
      <c r="D6566" s="1" t="s">
        <v>8885</v>
      </c>
      <c r="E6566" s="1" t="s">
        <v>25663</v>
      </c>
      <c r="F6566" s="1" t="s">
        <v>25664</v>
      </c>
      <c r="G6566" s="1" t="s">
        <v>25553</v>
      </c>
      <c r="H6566" s="1" t="s">
        <v>25554</v>
      </c>
      <c r="I6566" s="1" t="s">
        <v>24809</v>
      </c>
      <c r="J6566" s="1" t="s">
        <v>25665</v>
      </c>
    </row>
    <row r="6567" spans="1:10" x14ac:dyDescent="0.35">
      <c r="A6567" s="1" t="s">
        <v>25550</v>
      </c>
      <c r="B6567" s="1" t="s">
        <v>24803</v>
      </c>
      <c r="C6567" s="1" t="s">
        <v>165</v>
      </c>
      <c r="D6567" s="1" t="s">
        <v>18259</v>
      </c>
      <c r="E6567" s="1" t="s">
        <v>25666</v>
      </c>
      <c r="F6567" s="1" t="s">
        <v>25667</v>
      </c>
      <c r="G6567" s="1" t="s">
        <v>25553</v>
      </c>
      <c r="H6567" s="1" t="s">
        <v>25554</v>
      </c>
      <c r="I6567" s="1" t="s">
        <v>24809</v>
      </c>
      <c r="J6567" s="1" t="s">
        <v>25668</v>
      </c>
    </row>
    <row r="6568" spans="1:10" x14ac:dyDescent="0.35">
      <c r="A6568" s="1" t="s">
        <v>25550</v>
      </c>
      <c r="B6568" s="1" t="s">
        <v>24803</v>
      </c>
      <c r="C6568" s="1" t="s">
        <v>170</v>
      </c>
      <c r="D6568" s="1" t="s">
        <v>25669</v>
      </c>
      <c r="E6568" s="1" t="s">
        <v>25670</v>
      </c>
      <c r="F6568" s="1" t="s">
        <v>25671</v>
      </c>
      <c r="G6568" s="1" t="s">
        <v>25553</v>
      </c>
      <c r="H6568" s="1" t="s">
        <v>25554</v>
      </c>
      <c r="I6568" s="1" t="s">
        <v>24809</v>
      </c>
      <c r="J6568" s="1" t="s">
        <v>25672</v>
      </c>
    </row>
    <row r="6569" spans="1:10" x14ac:dyDescent="0.35">
      <c r="A6569" s="1" t="s">
        <v>25673</v>
      </c>
      <c r="B6569" s="1" t="s">
        <v>24803</v>
      </c>
      <c r="C6569" s="1" t="s">
        <v>8</v>
      </c>
      <c r="D6569" s="1" t="s">
        <v>6963</v>
      </c>
      <c r="E6569" s="1" t="s">
        <v>25674</v>
      </c>
      <c r="F6569" s="1" t="s">
        <v>25675</v>
      </c>
      <c r="G6569" s="1" t="s">
        <v>25676</v>
      </c>
      <c r="H6569" s="1" t="s">
        <v>25677</v>
      </c>
      <c r="I6569" s="1" t="s">
        <v>24809</v>
      </c>
      <c r="J6569" s="1" t="s">
        <v>13</v>
      </c>
    </row>
    <row r="6570" spans="1:10" x14ac:dyDescent="0.35">
      <c r="A6570" s="1" t="s">
        <v>25673</v>
      </c>
      <c r="B6570" s="1" t="s">
        <v>24803</v>
      </c>
      <c r="C6570" s="1" t="s">
        <v>15</v>
      </c>
      <c r="D6570" s="1" t="s">
        <v>25678</v>
      </c>
      <c r="E6570" s="1" t="s">
        <v>25679</v>
      </c>
      <c r="F6570" s="1" t="s">
        <v>25680</v>
      </c>
      <c r="G6570" s="1" t="s">
        <v>25676</v>
      </c>
      <c r="H6570" s="1" t="s">
        <v>25677</v>
      </c>
      <c r="I6570" s="1" t="s">
        <v>24809</v>
      </c>
      <c r="J6570" s="1" t="s">
        <v>25681</v>
      </c>
    </row>
    <row r="6571" spans="1:10" x14ac:dyDescent="0.35">
      <c r="A6571" s="1" t="s">
        <v>25673</v>
      </c>
      <c r="B6571" s="1" t="s">
        <v>24803</v>
      </c>
      <c r="C6571" s="1" t="s">
        <v>20</v>
      </c>
      <c r="D6571" s="1" t="s">
        <v>11763</v>
      </c>
      <c r="E6571" s="1" t="s">
        <v>25682</v>
      </c>
      <c r="F6571" s="1" t="s">
        <v>25683</v>
      </c>
      <c r="G6571" s="1" t="s">
        <v>25676</v>
      </c>
      <c r="H6571" s="1" t="s">
        <v>25677</v>
      </c>
      <c r="I6571" s="1" t="s">
        <v>24809</v>
      </c>
      <c r="J6571" s="1" t="s">
        <v>25684</v>
      </c>
    </row>
    <row r="6572" spans="1:10" x14ac:dyDescent="0.35">
      <c r="A6572" s="1" t="s">
        <v>25673</v>
      </c>
      <c r="B6572" s="1" t="s">
        <v>24803</v>
      </c>
      <c r="C6572" s="1" t="s">
        <v>25</v>
      </c>
      <c r="D6572" s="1" t="s">
        <v>25685</v>
      </c>
      <c r="E6572" s="1" t="s">
        <v>25686</v>
      </c>
      <c r="F6572" s="1" t="s">
        <v>25687</v>
      </c>
      <c r="G6572" s="1" t="s">
        <v>25676</v>
      </c>
      <c r="H6572" s="1" t="s">
        <v>25677</v>
      </c>
      <c r="I6572" s="1" t="s">
        <v>24809</v>
      </c>
      <c r="J6572" s="1" t="s">
        <v>25688</v>
      </c>
    </row>
    <row r="6573" spans="1:10" x14ac:dyDescent="0.35">
      <c r="A6573" s="1" t="s">
        <v>25673</v>
      </c>
      <c r="B6573" s="1" t="s">
        <v>24803</v>
      </c>
      <c r="C6573" s="1" t="s">
        <v>30</v>
      </c>
      <c r="D6573" s="1" t="s">
        <v>6363</v>
      </c>
      <c r="E6573" s="1" t="s">
        <v>25689</v>
      </c>
      <c r="F6573" s="1" t="s">
        <v>25690</v>
      </c>
      <c r="G6573" s="1" t="s">
        <v>25676</v>
      </c>
      <c r="H6573" s="1" t="s">
        <v>25677</v>
      </c>
      <c r="I6573" s="1" t="s">
        <v>24809</v>
      </c>
      <c r="J6573" s="1" t="s">
        <v>25691</v>
      </c>
    </row>
    <row r="6574" spans="1:10" x14ac:dyDescent="0.35">
      <c r="A6574" s="1" t="s">
        <v>25673</v>
      </c>
      <c r="B6574" s="1" t="s">
        <v>24803</v>
      </c>
      <c r="C6574" s="1" t="s">
        <v>35</v>
      </c>
      <c r="D6574" s="1" t="s">
        <v>25692</v>
      </c>
      <c r="E6574" s="1" t="s">
        <v>25693</v>
      </c>
      <c r="F6574" s="1" t="s">
        <v>25694</v>
      </c>
      <c r="G6574" s="1" t="s">
        <v>25676</v>
      </c>
      <c r="H6574" s="1" t="s">
        <v>25677</v>
      </c>
      <c r="I6574" s="1" t="s">
        <v>24809</v>
      </c>
      <c r="J6574" s="1" t="s">
        <v>25695</v>
      </c>
    </row>
    <row r="6575" spans="1:10" x14ac:dyDescent="0.35">
      <c r="A6575" s="1" t="s">
        <v>25673</v>
      </c>
      <c r="B6575" s="1" t="s">
        <v>24803</v>
      </c>
      <c r="C6575" s="1" t="s">
        <v>40</v>
      </c>
      <c r="D6575" s="1" t="s">
        <v>25696</v>
      </c>
      <c r="E6575" s="1" t="s">
        <v>25697</v>
      </c>
      <c r="F6575" s="1" t="s">
        <v>25698</v>
      </c>
      <c r="G6575" s="1" t="s">
        <v>25676</v>
      </c>
      <c r="H6575" s="1" t="s">
        <v>25677</v>
      </c>
      <c r="I6575" s="1" t="s">
        <v>24809</v>
      </c>
      <c r="J6575" s="1" t="s">
        <v>25699</v>
      </c>
    </row>
    <row r="6576" spans="1:10" x14ac:dyDescent="0.35">
      <c r="A6576" s="1" t="s">
        <v>25673</v>
      </c>
      <c r="B6576" s="1" t="s">
        <v>24803</v>
      </c>
      <c r="C6576" s="1" t="s">
        <v>45</v>
      </c>
      <c r="D6576" s="1" t="s">
        <v>25700</v>
      </c>
      <c r="E6576" s="1" t="s">
        <v>25701</v>
      </c>
      <c r="F6576" s="1" t="s">
        <v>25702</v>
      </c>
      <c r="G6576" s="1" t="s">
        <v>25676</v>
      </c>
      <c r="H6576" s="1" t="s">
        <v>25677</v>
      </c>
      <c r="I6576" s="1" t="s">
        <v>24809</v>
      </c>
      <c r="J6576" s="1" t="s">
        <v>25703</v>
      </c>
    </row>
    <row r="6577" spans="1:10" x14ac:dyDescent="0.35">
      <c r="A6577" s="1" t="s">
        <v>25673</v>
      </c>
      <c r="B6577" s="1" t="s">
        <v>24803</v>
      </c>
      <c r="C6577" s="1" t="s">
        <v>50</v>
      </c>
      <c r="D6577" s="1" t="s">
        <v>6139</v>
      </c>
      <c r="E6577" s="1" t="s">
        <v>25704</v>
      </c>
      <c r="F6577" s="1" t="s">
        <v>25705</v>
      </c>
      <c r="G6577" s="1" t="s">
        <v>25676</v>
      </c>
      <c r="H6577" s="1" t="s">
        <v>25677</v>
      </c>
      <c r="I6577" s="1" t="s">
        <v>24809</v>
      </c>
      <c r="J6577" s="1" t="s">
        <v>25706</v>
      </c>
    </row>
    <row r="6578" spans="1:10" x14ac:dyDescent="0.35">
      <c r="A6578" s="1" t="s">
        <v>25673</v>
      </c>
      <c r="B6578" s="1" t="s">
        <v>24803</v>
      </c>
      <c r="C6578" s="1" t="s">
        <v>55</v>
      </c>
      <c r="D6578" s="1" t="s">
        <v>8495</v>
      </c>
      <c r="E6578" s="1" t="s">
        <v>25707</v>
      </c>
      <c r="F6578" s="1" t="s">
        <v>25708</v>
      </c>
      <c r="G6578" s="1" t="s">
        <v>25676</v>
      </c>
      <c r="H6578" s="1" t="s">
        <v>25677</v>
      </c>
      <c r="I6578" s="1" t="s">
        <v>24809</v>
      </c>
      <c r="J6578" s="1" t="s">
        <v>25709</v>
      </c>
    </row>
    <row r="6579" spans="1:10" x14ac:dyDescent="0.35">
      <c r="A6579" s="1" t="s">
        <v>25673</v>
      </c>
      <c r="B6579" s="1" t="s">
        <v>24803</v>
      </c>
      <c r="C6579" s="1" t="s">
        <v>60</v>
      </c>
      <c r="D6579" s="1" t="s">
        <v>25710</v>
      </c>
      <c r="E6579" s="1" t="s">
        <v>25711</v>
      </c>
      <c r="F6579" s="1" t="s">
        <v>25712</v>
      </c>
      <c r="G6579" s="1" t="s">
        <v>25676</v>
      </c>
      <c r="H6579" s="1" t="s">
        <v>25677</v>
      </c>
      <c r="I6579" s="1" t="s">
        <v>24809</v>
      </c>
      <c r="J6579" s="1" t="s">
        <v>25713</v>
      </c>
    </row>
    <row r="6580" spans="1:10" x14ac:dyDescent="0.35">
      <c r="A6580" s="1" t="s">
        <v>25673</v>
      </c>
      <c r="B6580" s="1" t="s">
        <v>24803</v>
      </c>
      <c r="C6580" s="1" t="s">
        <v>65</v>
      </c>
      <c r="D6580" s="1" t="s">
        <v>12970</v>
      </c>
      <c r="E6580" s="1" t="s">
        <v>25714</v>
      </c>
      <c r="F6580" s="1" t="s">
        <v>25715</v>
      </c>
      <c r="G6580" s="1" t="s">
        <v>25676</v>
      </c>
      <c r="H6580" s="1" t="s">
        <v>25677</v>
      </c>
      <c r="I6580" s="1" t="s">
        <v>24809</v>
      </c>
      <c r="J6580" s="1" t="s">
        <v>25716</v>
      </c>
    </row>
    <row r="6581" spans="1:10" x14ac:dyDescent="0.35">
      <c r="A6581" s="1" t="s">
        <v>25673</v>
      </c>
      <c r="B6581" s="1" t="s">
        <v>24803</v>
      </c>
      <c r="C6581" s="1" t="s">
        <v>70</v>
      </c>
      <c r="D6581" s="1" t="s">
        <v>6455</v>
      </c>
      <c r="E6581" s="1" t="s">
        <v>25717</v>
      </c>
      <c r="F6581" s="1" t="s">
        <v>25718</v>
      </c>
      <c r="G6581" s="1" t="s">
        <v>25676</v>
      </c>
      <c r="H6581" s="1" t="s">
        <v>25677</v>
      </c>
      <c r="I6581" s="1" t="s">
        <v>24809</v>
      </c>
      <c r="J6581" s="1" t="s">
        <v>25719</v>
      </c>
    </row>
    <row r="6582" spans="1:10" x14ac:dyDescent="0.35">
      <c r="A6582" s="1" t="s">
        <v>25673</v>
      </c>
      <c r="B6582" s="1" t="s">
        <v>24803</v>
      </c>
      <c r="C6582" s="1" t="s">
        <v>75</v>
      </c>
      <c r="D6582" s="1" t="s">
        <v>25720</v>
      </c>
      <c r="E6582" s="1" t="s">
        <v>25721</v>
      </c>
      <c r="F6582" s="1" t="s">
        <v>25722</v>
      </c>
      <c r="G6582" s="1" t="s">
        <v>25676</v>
      </c>
      <c r="H6582" s="1" t="s">
        <v>25677</v>
      </c>
      <c r="I6582" s="1" t="s">
        <v>24809</v>
      </c>
      <c r="J6582" s="1" t="s">
        <v>25723</v>
      </c>
    </row>
    <row r="6583" spans="1:10" x14ac:dyDescent="0.35">
      <c r="A6583" s="1" t="s">
        <v>25673</v>
      </c>
      <c r="B6583" s="1" t="s">
        <v>24803</v>
      </c>
      <c r="C6583" s="1" t="s">
        <v>80</v>
      </c>
      <c r="D6583" s="1" t="s">
        <v>25724</v>
      </c>
      <c r="E6583" s="1" t="s">
        <v>25725</v>
      </c>
      <c r="F6583" s="1" t="s">
        <v>25726</v>
      </c>
      <c r="G6583" s="1" t="s">
        <v>25676</v>
      </c>
      <c r="H6583" s="1" t="s">
        <v>25677</v>
      </c>
      <c r="I6583" s="1" t="s">
        <v>24809</v>
      </c>
      <c r="J6583" s="1" t="s">
        <v>25727</v>
      </c>
    </row>
    <row r="6584" spans="1:10" x14ac:dyDescent="0.35">
      <c r="A6584" s="1" t="s">
        <v>25673</v>
      </c>
      <c r="B6584" s="1" t="s">
        <v>24803</v>
      </c>
      <c r="C6584" s="1" t="s">
        <v>85</v>
      </c>
      <c r="D6584" s="1" t="s">
        <v>2059</v>
      </c>
      <c r="E6584" s="1" t="s">
        <v>25728</v>
      </c>
      <c r="F6584" s="1" t="s">
        <v>25729</v>
      </c>
      <c r="G6584" s="1" t="s">
        <v>25676</v>
      </c>
      <c r="H6584" s="1" t="s">
        <v>25677</v>
      </c>
      <c r="I6584" s="1" t="s">
        <v>24809</v>
      </c>
      <c r="J6584" s="1" t="s">
        <v>25730</v>
      </c>
    </row>
    <row r="6585" spans="1:10" x14ac:dyDescent="0.35">
      <c r="A6585" s="1" t="s">
        <v>25673</v>
      </c>
      <c r="B6585" s="1" t="s">
        <v>24803</v>
      </c>
      <c r="C6585" s="1" t="s">
        <v>90</v>
      </c>
      <c r="D6585" s="1" t="s">
        <v>5732</v>
      </c>
      <c r="E6585" s="1" t="s">
        <v>25731</v>
      </c>
      <c r="F6585" s="1" t="s">
        <v>25732</v>
      </c>
      <c r="G6585" s="1" t="s">
        <v>25676</v>
      </c>
      <c r="H6585" s="1" t="s">
        <v>25677</v>
      </c>
      <c r="I6585" s="1" t="s">
        <v>24809</v>
      </c>
      <c r="J6585" s="1" t="s">
        <v>25733</v>
      </c>
    </row>
    <row r="6586" spans="1:10" x14ac:dyDescent="0.35">
      <c r="A6586" s="1" t="s">
        <v>25673</v>
      </c>
      <c r="B6586" s="1" t="s">
        <v>24803</v>
      </c>
      <c r="C6586" s="1" t="s">
        <v>95</v>
      </c>
      <c r="D6586" s="1" t="s">
        <v>25734</v>
      </c>
      <c r="E6586" s="1" t="s">
        <v>25735</v>
      </c>
      <c r="F6586" s="1" t="s">
        <v>25736</v>
      </c>
      <c r="G6586" s="1" t="s">
        <v>25676</v>
      </c>
      <c r="H6586" s="1" t="s">
        <v>25677</v>
      </c>
      <c r="I6586" s="1" t="s">
        <v>24809</v>
      </c>
      <c r="J6586" s="1" t="s">
        <v>25737</v>
      </c>
    </row>
    <row r="6587" spans="1:10" x14ac:dyDescent="0.35">
      <c r="A6587" s="1" t="s">
        <v>25673</v>
      </c>
      <c r="B6587" s="1" t="s">
        <v>24803</v>
      </c>
      <c r="C6587" s="1" t="s">
        <v>100</v>
      </c>
      <c r="D6587" s="1" t="s">
        <v>25738</v>
      </c>
      <c r="E6587" s="1" t="s">
        <v>25739</v>
      </c>
      <c r="F6587" s="1" t="s">
        <v>25740</v>
      </c>
      <c r="G6587" s="1" t="s">
        <v>25676</v>
      </c>
      <c r="H6587" s="1" t="s">
        <v>25677</v>
      </c>
      <c r="I6587" s="1" t="s">
        <v>24809</v>
      </c>
      <c r="J6587" s="1" t="s">
        <v>25741</v>
      </c>
    </row>
    <row r="6588" spans="1:10" x14ac:dyDescent="0.35">
      <c r="A6588" s="1" t="s">
        <v>25673</v>
      </c>
      <c r="B6588" s="1" t="s">
        <v>24803</v>
      </c>
      <c r="C6588" s="1" t="s">
        <v>105</v>
      </c>
      <c r="D6588" s="1" t="s">
        <v>25742</v>
      </c>
      <c r="E6588" s="1" t="s">
        <v>25743</v>
      </c>
      <c r="F6588" s="1" t="s">
        <v>25744</v>
      </c>
      <c r="G6588" s="1" t="s">
        <v>25676</v>
      </c>
      <c r="H6588" s="1" t="s">
        <v>25677</v>
      </c>
      <c r="I6588" s="1" t="s">
        <v>24809</v>
      </c>
      <c r="J6588" s="1" t="s">
        <v>25745</v>
      </c>
    </row>
    <row r="6589" spans="1:10" x14ac:dyDescent="0.35">
      <c r="A6589" s="1" t="s">
        <v>25673</v>
      </c>
      <c r="B6589" s="1" t="s">
        <v>24803</v>
      </c>
      <c r="C6589" s="1" t="s">
        <v>110</v>
      </c>
      <c r="D6589" s="1" t="s">
        <v>25746</v>
      </c>
      <c r="E6589" s="1" t="s">
        <v>25747</v>
      </c>
      <c r="F6589" s="1" t="s">
        <v>25748</v>
      </c>
      <c r="G6589" s="1" t="s">
        <v>25676</v>
      </c>
      <c r="H6589" s="1" t="s">
        <v>25677</v>
      </c>
      <c r="I6589" s="1" t="s">
        <v>24809</v>
      </c>
      <c r="J6589" s="1" t="s">
        <v>25749</v>
      </c>
    </row>
    <row r="6590" spans="1:10" x14ac:dyDescent="0.35">
      <c r="A6590" s="1" t="s">
        <v>25673</v>
      </c>
      <c r="B6590" s="1" t="s">
        <v>24803</v>
      </c>
      <c r="C6590" s="1" t="s">
        <v>115</v>
      </c>
      <c r="D6590" s="1" t="s">
        <v>25750</v>
      </c>
      <c r="E6590" s="1" t="s">
        <v>25751</v>
      </c>
      <c r="F6590" s="1" t="s">
        <v>25752</v>
      </c>
      <c r="G6590" s="1" t="s">
        <v>25676</v>
      </c>
      <c r="H6590" s="1" t="s">
        <v>25677</v>
      </c>
      <c r="I6590" s="1" t="s">
        <v>24809</v>
      </c>
      <c r="J6590" s="1" t="s">
        <v>25753</v>
      </c>
    </row>
    <row r="6591" spans="1:10" x14ac:dyDescent="0.35">
      <c r="A6591" s="1" t="s">
        <v>25673</v>
      </c>
      <c r="B6591" s="1" t="s">
        <v>24803</v>
      </c>
      <c r="C6591" s="1" t="s">
        <v>120</v>
      </c>
      <c r="D6591" s="1" t="s">
        <v>25754</v>
      </c>
      <c r="E6591" s="1" t="s">
        <v>25755</v>
      </c>
      <c r="F6591" s="1" t="s">
        <v>25756</v>
      </c>
      <c r="G6591" s="1" t="s">
        <v>25676</v>
      </c>
      <c r="H6591" s="1" t="s">
        <v>25677</v>
      </c>
      <c r="I6591" s="1" t="s">
        <v>24809</v>
      </c>
      <c r="J6591" s="1" t="s">
        <v>25757</v>
      </c>
    </row>
    <row r="6592" spans="1:10" x14ac:dyDescent="0.35">
      <c r="A6592" s="1" t="s">
        <v>25673</v>
      </c>
      <c r="B6592" s="1" t="s">
        <v>24803</v>
      </c>
      <c r="C6592" s="1" t="s">
        <v>125</v>
      </c>
      <c r="D6592" s="1" t="s">
        <v>25758</v>
      </c>
      <c r="E6592" s="1" t="s">
        <v>25759</v>
      </c>
      <c r="F6592" s="1" t="s">
        <v>25760</v>
      </c>
      <c r="G6592" s="1" t="s">
        <v>25676</v>
      </c>
      <c r="H6592" s="1" t="s">
        <v>25677</v>
      </c>
      <c r="I6592" s="1" t="s">
        <v>24809</v>
      </c>
      <c r="J6592" s="1" t="s">
        <v>25761</v>
      </c>
    </row>
    <row r="6593" spans="1:10" x14ac:dyDescent="0.35">
      <c r="A6593" s="1" t="s">
        <v>25673</v>
      </c>
      <c r="B6593" s="1" t="s">
        <v>24803</v>
      </c>
      <c r="C6593" s="1" t="s">
        <v>130</v>
      </c>
      <c r="D6593" s="1" t="s">
        <v>25762</v>
      </c>
      <c r="E6593" s="1" t="s">
        <v>25763</v>
      </c>
      <c r="F6593" s="1" t="s">
        <v>25764</v>
      </c>
      <c r="G6593" s="1" t="s">
        <v>25676</v>
      </c>
      <c r="H6593" s="1" t="s">
        <v>25677</v>
      </c>
      <c r="I6593" s="1" t="s">
        <v>24809</v>
      </c>
      <c r="J6593" s="1" t="s">
        <v>25765</v>
      </c>
    </row>
    <row r="6594" spans="1:10" x14ac:dyDescent="0.35">
      <c r="A6594" s="1" t="s">
        <v>25673</v>
      </c>
      <c r="B6594" s="1" t="s">
        <v>24803</v>
      </c>
      <c r="C6594" s="1" t="s">
        <v>135</v>
      </c>
      <c r="D6594" s="1" t="s">
        <v>25766</v>
      </c>
      <c r="E6594" s="1" t="s">
        <v>25767</v>
      </c>
      <c r="F6594" s="1" t="s">
        <v>25768</v>
      </c>
      <c r="G6594" s="1" t="s">
        <v>25676</v>
      </c>
      <c r="H6594" s="1" t="s">
        <v>25677</v>
      </c>
      <c r="I6594" s="1" t="s">
        <v>24809</v>
      </c>
      <c r="J6594" s="1" t="s">
        <v>25769</v>
      </c>
    </row>
    <row r="6595" spans="1:10" x14ac:dyDescent="0.35">
      <c r="A6595" s="1" t="s">
        <v>25673</v>
      </c>
      <c r="B6595" s="1" t="s">
        <v>24803</v>
      </c>
      <c r="C6595" s="1" t="s">
        <v>140</v>
      </c>
      <c r="D6595" s="1" t="s">
        <v>25770</v>
      </c>
      <c r="E6595" s="1" t="s">
        <v>25771</v>
      </c>
      <c r="F6595" s="1" t="s">
        <v>25772</v>
      </c>
      <c r="G6595" s="1" t="s">
        <v>25676</v>
      </c>
      <c r="H6595" s="1" t="s">
        <v>25677</v>
      </c>
      <c r="I6595" s="1" t="s">
        <v>24809</v>
      </c>
      <c r="J6595" s="1" t="s">
        <v>25773</v>
      </c>
    </row>
    <row r="6596" spans="1:10" x14ac:dyDescent="0.35">
      <c r="A6596" s="1" t="s">
        <v>25673</v>
      </c>
      <c r="B6596" s="1" t="s">
        <v>24803</v>
      </c>
      <c r="C6596" s="1" t="s">
        <v>145</v>
      </c>
      <c r="D6596" s="1" t="s">
        <v>25774</v>
      </c>
      <c r="E6596" s="1" t="s">
        <v>25775</v>
      </c>
      <c r="F6596" s="1" t="s">
        <v>25776</v>
      </c>
      <c r="G6596" s="1" t="s">
        <v>25676</v>
      </c>
      <c r="H6596" s="1" t="s">
        <v>25677</v>
      </c>
      <c r="I6596" s="1" t="s">
        <v>24809</v>
      </c>
      <c r="J6596" s="1" t="s">
        <v>25777</v>
      </c>
    </row>
    <row r="6597" spans="1:10" x14ac:dyDescent="0.35">
      <c r="A6597" s="1" t="s">
        <v>25673</v>
      </c>
      <c r="B6597" s="1" t="s">
        <v>24803</v>
      </c>
      <c r="C6597" s="1" t="s">
        <v>150</v>
      </c>
      <c r="D6597" s="1" t="s">
        <v>25778</v>
      </c>
      <c r="E6597" s="1" t="s">
        <v>25779</v>
      </c>
      <c r="F6597" s="1" t="s">
        <v>25780</v>
      </c>
      <c r="G6597" s="1" t="s">
        <v>25676</v>
      </c>
      <c r="H6597" s="1" t="s">
        <v>25677</v>
      </c>
      <c r="I6597" s="1" t="s">
        <v>24809</v>
      </c>
      <c r="J6597" s="1" t="s">
        <v>25781</v>
      </c>
    </row>
    <row r="6598" spans="1:10" x14ac:dyDescent="0.35">
      <c r="A6598" s="1" t="s">
        <v>25673</v>
      </c>
      <c r="B6598" s="1" t="s">
        <v>24803</v>
      </c>
      <c r="C6598" s="1" t="s">
        <v>155</v>
      </c>
      <c r="D6598" s="1" t="s">
        <v>25782</v>
      </c>
      <c r="E6598" s="1" t="s">
        <v>25783</v>
      </c>
      <c r="F6598" s="1" t="s">
        <v>25784</v>
      </c>
      <c r="G6598" s="1" t="s">
        <v>25676</v>
      </c>
      <c r="H6598" s="1" t="s">
        <v>25677</v>
      </c>
      <c r="I6598" s="1" t="s">
        <v>24809</v>
      </c>
      <c r="J6598" s="1" t="s">
        <v>25785</v>
      </c>
    </row>
    <row r="6599" spans="1:10" x14ac:dyDescent="0.35">
      <c r="A6599" s="1" t="s">
        <v>25673</v>
      </c>
      <c r="B6599" s="1" t="s">
        <v>24803</v>
      </c>
      <c r="C6599" s="1" t="s">
        <v>160</v>
      </c>
      <c r="D6599" s="1" t="s">
        <v>25786</v>
      </c>
      <c r="E6599" s="1" t="s">
        <v>25787</v>
      </c>
      <c r="F6599" s="1" t="s">
        <v>25788</v>
      </c>
      <c r="G6599" s="1" t="s">
        <v>25676</v>
      </c>
      <c r="H6599" s="1" t="s">
        <v>25677</v>
      </c>
      <c r="I6599" s="1" t="s">
        <v>24809</v>
      </c>
      <c r="J6599" s="1" t="s">
        <v>25789</v>
      </c>
    </row>
    <row r="6600" spans="1:10" x14ac:dyDescent="0.35">
      <c r="A6600" s="1" t="s">
        <v>25673</v>
      </c>
      <c r="B6600" s="1" t="s">
        <v>24803</v>
      </c>
      <c r="C6600" s="1" t="s">
        <v>165</v>
      </c>
      <c r="D6600" s="1" t="s">
        <v>14611</v>
      </c>
      <c r="E6600" s="1" t="s">
        <v>25790</v>
      </c>
      <c r="F6600" s="1" t="s">
        <v>25791</v>
      </c>
      <c r="G6600" s="1" t="s">
        <v>25676</v>
      </c>
      <c r="H6600" s="1" t="s">
        <v>25677</v>
      </c>
      <c r="I6600" s="1" t="s">
        <v>24809</v>
      </c>
      <c r="J6600" s="1" t="s">
        <v>25792</v>
      </c>
    </row>
    <row r="6601" spans="1:10" x14ac:dyDescent="0.35">
      <c r="A6601" s="1" t="s">
        <v>25673</v>
      </c>
      <c r="B6601" s="1" t="s">
        <v>24803</v>
      </c>
      <c r="C6601" s="1" t="s">
        <v>170</v>
      </c>
      <c r="D6601" s="1" t="s">
        <v>13011</v>
      </c>
      <c r="E6601" s="1" t="s">
        <v>25793</v>
      </c>
      <c r="F6601" s="1" t="s">
        <v>25794</v>
      </c>
      <c r="G6601" s="1" t="s">
        <v>25676</v>
      </c>
      <c r="H6601" s="1" t="s">
        <v>25677</v>
      </c>
      <c r="I6601" s="1" t="s">
        <v>24809</v>
      </c>
      <c r="J6601" s="1" t="s">
        <v>25795</v>
      </c>
    </row>
    <row r="6602" spans="1:10" x14ac:dyDescent="0.35">
      <c r="A6602" s="1" t="s">
        <v>25796</v>
      </c>
      <c r="B6602" s="1" t="s">
        <v>24803</v>
      </c>
      <c r="C6602" s="1" t="s">
        <v>8</v>
      </c>
      <c r="D6602" s="1" t="s">
        <v>10266</v>
      </c>
      <c r="E6602" s="1" t="s">
        <v>25797</v>
      </c>
      <c r="F6602" s="1" t="s">
        <v>25798</v>
      </c>
      <c r="G6602" s="1" t="s">
        <v>25799</v>
      </c>
      <c r="H6602" s="1" t="s">
        <v>25800</v>
      </c>
      <c r="I6602" s="1" t="s">
        <v>24809</v>
      </c>
      <c r="J6602" s="1" t="s">
        <v>13</v>
      </c>
    </row>
    <row r="6603" spans="1:10" x14ac:dyDescent="0.35">
      <c r="A6603" s="1" t="s">
        <v>25796</v>
      </c>
      <c r="B6603" s="1" t="s">
        <v>24803</v>
      </c>
      <c r="C6603" s="1" t="s">
        <v>15</v>
      </c>
      <c r="D6603" s="1" t="s">
        <v>25801</v>
      </c>
      <c r="E6603" s="1" t="s">
        <v>25802</v>
      </c>
      <c r="F6603" s="1" t="s">
        <v>25803</v>
      </c>
      <c r="G6603" s="1" t="s">
        <v>25799</v>
      </c>
      <c r="H6603" s="1" t="s">
        <v>25800</v>
      </c>
      <c r="I6603" s="1" t="s">
        <v>24809</v>
      </c>
      <c r="J6603" s="1" t="s">
        <v>25804</v>
      </c>
    </row>
    <row r="6604" spans="1:10" x14ac:dyDescent="0.35">
      <c r="A6604" s="1" t="s">
        <v>25796</v>
      </c>
      <c r="B6604" s="1" t="s">
        <v>24803</v>
      </c>
      <c r="C6604" s="1" t="s">
        <v>20</v>
      </c>
      <c r="D6604" s="1" t="s">
        <v>25805</v>
      </c>
      <c r="E6604" s="1" t="s">
        <v>25806</v>
      </c>
      <c r="F6604" s="1" t="s">
        <v>25807</v>
      </c>
      <c r="G6604" s="1" t="s">
        <v>25799</v>
      </c>
      <c r="H6604" s="1" t="s">
        <v>25800</v>
      </c>
      <c r="I6604" s="1" t="s">
        <v>24809</v>
      </c>
      <c r="J6604" s="1" t="s">
        <v>25808</v>
      </c>
    </row>
    <row r="6605" spans="1:10" x14ac:dyDescent="0.35">
      <c r="A6605" s="1" t="s">
        <v>25796</v>
      </c>
      <c r="B6605" s="1" t="s">
        <v>24803</v>
      </c>
      <c r="C6605" s="1" t="s">
        <v>25</v>
      </c>
      <c r="D6605" s="1" t="s">
        <v>1150</v>
      </c>
      <c r="E6605" s="1" t="s">
        <v>25809</v>
      </c>
      <c r="F6605" s="1" t="s">
        <v>25810</v>
      </c>
      <c r="G6605" s="1" t="s">
        <v>25799</v>
      </c>
      <c r="H6605" s="1" t="s">
        <v>25800</v>
      </c>
      <c r="I6605" s="1" t="s">
        <v>24809</v>
      </c>
      <c r="J6605" s="1" t="s">
        <v>25811</v>
      </c>
    </row>
    <row r="6606" spans="1:10" x14ac:dyDescent="0.35">
      <c r="A6606" s="1" t="s">
        <v>25796</v>
      </c>
      <c r="B6606" s="1" t="s">
        <v>24803</v>
      </c>
      <c r="C6606" s="1" t="s">
        <v>30</v>
      </c>
      <c r="D6606" s="1" t="s">
        <v>25812</v>
      </c>
      <c r="E6606" s="1" t="s">
        <v>25813</v>
      </c>
      <c r="F6606" s="1" t="s">
        <v>25814</v>
      </c>
      <c r="G6606" s="1" t="s">
        <v>25799</v>
      </c>
      <c r="H6606" s="1" t="s">
        <v>25800</v>
      </c>
      <c r="I6606" s="1" t="s">
        <v>24809</v>
      </c>
      <c r="J6606" s="1" t="s">
        <v>25815</v>
      </c>
    </row>
    <row r="6607" spans="1:10" x14ac:dyDescent="0.35">
      <c r="A6607" s="1" t="s">
        <v>25796</v>
      </c>
      <c r="B6607" s="1" t="s">
        <v>24803</v>
      </c>
      <c r="C6607" s="1" t="s">
        <v>35</v>
      </c>
      <c r="D6607" s="1" t="s">
        <v>8453</v>
      </c>
      <c r="E6607" s="1" t="s">
        <v>25816</v>
      </c>
      <c r="F6607" s="1" t="s">
        <v>25817</v>
      </c>
      <c r="G6607" s="1" t="s">
        <v>25799</v>
      </c>
      <c r="H6607" s="1" t="s">
        <v>25800</v>
      </c>
      <c r="I6607" s="1" t="s">
        <v>24809</v>
      </c>
      <c r="J6607" s="1" t="s">
        <v>25818</v>
      </c>
    </row>
    <row r="6608" spans="1:10" x14ac:dyDescent="0.35">
      <c r="A6608" s="1" t="s">
        <v>25796</v>
      </c>
      <c r="B6608" s="1" t="s">
        <v>24803</v>
      </c>
      <c r="C6608" s="1" t="s">
        <v>40</v>
      </c>
      <c r="D6608" s="1" t="s">
        <v>25819</v>
      </c>
      <c r="E6608" s="1" t="s">
        <v>25820</v>
      </c>
      <c r="F6608" s="1" t="s">
        <v>25821</v>
      </c>
      <c r="G6608" s="1" t="s">
        <v>25799</v>
      </c>
      <c r="H6608" s="1" t="s">
        <v>25800</v>
      </c>
      <c r="I6608" s="1" t="s">
        <v>24809</v>
      </c>
      <c r="J6608" s="1" t="s">
        <v>25822</v>
      </c>
    </row>
    <row r="6609" spans="1:10" x14ac:dyDescent="0.35">
      <c r="A6609" s="1" t="s">
        <v>25796</v>
      </c>
      <c r="B6609" s="1" t="s">
        <v>24803</v>
      </c>
      <c r="C6609" s="1" t="s">
        <v>45</v>
      </c>
      <c r="D6609" s="1" t="s">
        <v>25823</v>
      </c>
      <c r="E6609" s="1" t="s">
        <v>25824</v>
      </c>
      <c r="F6609" s="1" t="s">
        <v>25825</v>
      </c>
      <c r="G6609" s="1" t="s">
        <v>25799</v>
      </c>
      <c r="H6609" s="1" t="s">
        <v>25800</v>
      </c>
      <c r="I6609" s="1" t="s">
        <v>24809</v>
      </c>
      <c r="J6609" s="1" t="s">
        <v>25826</v>
      </c>
    </row>
    <row r="6610" spans="1:10" x14ac:dyDescent="0.35">
      <c r="A6610" s="1" t="s">
        <v>25796</v>
      </c>
      <c r="B6610" s="1" t="s">
        <v>24803</v>
      </c>
      <c r="C6610" s="1" t="s">
        <v>50</v>
      </c>
      <c r="D6610" s="1" t="s">
        <v>25827</v>
      </c>
      <c r="E6610" s="1" t="s">
        <v>25828</v>
      </c>
      <c r="F6610" s="1" t="s">
        <v>25829</v>
      </c>
      <c r="G6610" s="1" t="s">
        <v>25799</v>
      </c>
      <c r="H6610" s="1" t="s">
        <v>25800</v>
      </c>
      <c r="I6610" s="1" t="s">
        <v>24809</v>
      </c>
      <c r="J6610" s="1" t="s">
        <v>25830</v>
      </c>
    </row>
    <row r="6611" spans="1:10" x14ac:dyDescent="0.35">
      <c r="A6611" s="1" t="s">
        <v>25796</v>
      </c>
      <c r="B6611" s="1" t="s">
        <v>24803</v>
      </c>
      <c r="C6611" s="1" t="s">
        <v>55</v>
      </c>
      <c r="D6611" s="1" t="s">
        <v>1840</v>
      </c>
      <c r="E6611" s="1" t="s">
        <v>25831</v>
      </c>
      <c r="F6611" s="1" t="s">
        <v>25832</v>
      </c>
      <c r="G6611" s="1" t="s">
        <v>25799</v>
      </c>
      <c r="H6611" s="1" t="s">
        <v>25800</v>
      </c>
      <c r="I6611" s="1" t="s">
        <v>24809</v>
      </c>
      <c r="J6611" s="1" t="s">
        <v>25833</v>
      </c>
    </row>
    <row r="6612" spans="1:10" x14ac:dyDescent="0.35">
      <c r="A6612" s="1" t="s">
        <v>25796</v>
      </c>
      <c r="B6612" s="1" t="s">
        <v>24803</v>
      </c>
      <c r="C6612" s="1" t="s">
        <v>60</v>
      </c>
      <c r="D6612" s="1" t="s">
        <v>25834</v>
      </c>
      <c r="E6612" s="1" t="s">
        <v>25835</v>
      </c>
      <c r="F6612" s="1" t="s">
        <v>25836</v>
      </c>
      <c r="G6612" s="1" t="s">
        <v>25799</v>
      </c>
      <c r="H6612" s="1" t="s">
        <v>25800</v>
      </c>
      <c r="I6612" s="1" t="s">
        <v>24809</v>
      </c>
      <c r="J6612" s="1" t="s">
        <v>25837</v>
      </c>
    </row>
    <row r="6613" spans="1:10" x14ac:dyDescent="0.35">
      <c r="A6613" s="1" t="s">
        <v>25796</v>
      </c>
      <c r="B6613" s="1" t="s">
        <v>24803</v>
      </c>
      <c r="C6613" s="1" t="s">
        <v>65</v>
      </c>
      <c r="D6613" s="1" t="s">
        <v>25838</v>
      </c>
      <c r="E6613" s="1" t="s">
        <v>25839</v>
      </c>
      <c r="F6613" s="1" t="s">
        <v>25840</v>
      </c>
      <c r="G6613" s="1" t="s">
        <v>25799</v>
      </c>
      <c r="H6613" s="1" t="s">
        <v>25800</v>
      </c>
      <c r="I6613" s="1" t="s">
        <v>24809</v>
      </c>
      <c r="J6613" s="1" t="s">
        <v>25841</v>
      </c>
    </row>
    <row r="6614" spans="1:10" x14ac:dyDescent="0.35">
      <c r="A6614" s="1" t="s">
        <v>25796</v>
      </c>
      <c r="B6614" s="1" t="s">
        <v>24803</v>
      </c>
      <c r="C6614" s="1" t="s">
        <v>70</v>
      </c>
      <c r="D6614" s="1" t="s">
        <v>1532</v>
      </c>
      <c r="E6614" s="1" t="s">
        <v>25842</v>
      </c>
      <c r="F6614" s="1" t="s">
        <v>25843</v>
      </c>
      <c r="G6614" s="1" t="s">
        <v>25799</v>
      </c>
      <c r="H6614" s="1" t="s">
        <v>25800</v>
      </c>
      <c r="I6614" s="1" t="s">
        <v>24809</v>
      </c>
      <c r="J6614" s="1" t="s">
        <v>25844</v>
      </c>
    </row>
    <row r="6615" spans="1:10" x14ac:dyDescent="0.35">
      <c r="A6615" s="1" t="s">
        <v>25796</v>
      </c>
      <c r="B6615" s="1" t="s">
        <v>24803</v>
      </c>
      <c r="C6615" s="1" t="s">
        <v>75</v>
      </c>
      <c r="D6615" s="1" t="s">
        <v>25845</v>
      </c>
      <c r="E6615" s="1" t="s">
        <v>25846</v>
      </c>
      <c r="F6615" s="1" t="s">
        <v>25847</v>
      </c>
      <c r="G6615" s="1" t="s">
        <v>25799</v>
      </c>
      <c r="H6615" s="1" t="s">
        <v>25800</v>
      </c>
      <c r="I6615" s="1" t="s">
        <v>24809</v>
      </c>
      <c r="J6615" s="1" t="s">
        <v>25848</v>
      </c>
    </row>
    <row r="6616" spans="1:10" x14ac:dyDescent="0.35">
      <c r="A6616" s="1" t="s">
        <v>25796</v>
      </c>
      <c r="B6616" s="1" t="s">
        <v>24803</v>
      </c>
      <c r="C6616" s="1" t="s">
        <v>80</v>
      </c>
      <c r="D6616" s="1" t="s">
        <v>25849</v>
      </c>
      <c r="E6616" s="1" t="s">
        <v>25850</v>
      </c>
      <c r="F6616" s="1" t="s">
        <v>25851</v>
      </c>
      <c r="G6616" s="1" t="s">
        <v>25799</v>
      </c>
      <c r="H6616" s="1" t="s">
        <v>25800</v>
      </c>
      <c r="I6616" s="1" t="s">
        <v>24809</v>
      </c>
      <c r="J6616" s="1" t="s">
        <v>25852</v>
      </c>
    </row>
    <row r="6617" spans="1:10" x14ac:dyDescent="0.35">
      <c r="A6617" s="1" t="s">
        <v>25796</v>
      </c>
      <c r="B6617" s="1" t="s">
        <v>24803</v>
      </c>
      <c r="C6617" s="1" t="s">
        <v>85</v>
      </c>
      <c r="D6617" s="1" t="s">
        <v>25853</v>
      </c>
      <c r="E6617" s="1" t="s">
        <v>25854</v>
      </c>
      <c r="F6617" s="1" t="s">
        <v>25855</v>
      </c>
      <c r="G6617" s="1" t="s">
        <v>25799</v>
      </c>
      <c r="H6617" s="1" t="s">
        <v>25800</v>
      </c>
      <c r="I6617" s="1" t="s">
        <v>24809</v>
      </c>
      <c r="J6617" s="1" t="s">
        <v>25856</v>
      </c>
    </row>
    <row r="6618" spans="1:10" x14ac:dyDescent="0.35">
      <c r="A6618" s="1" t="s">
        <v>25796</v>
      </c>
      <c r="B6618" s="1" t="s">
        <v>24803</v>
      </c>
      <c r="C6618" s="1" t="s">
        <v>90</v>
      </c>
      <c r="D6618" s="1" t="s">
        <v>8734</v>
      </c>
      <c r="E6618" s="1" t="s">
        <v>25857</v>
      </c>
      <c r="F6618" s="1" t="s">
        <v>25858</v>
      </c>
      <c r="G6618" s="1" t="s">
        <v>25799</v>
      </c>
      <c r="H6618" s="1" t="s">
        <v>25800</v>
      </c>
      <c r="I6618" s="1" t="s">
        <v>24809</v>
      </c>
      <c r="J6618" s="1" t="s">
        <v>25859</v>
      </c>
    </row>
    <row r="6619" spans="1:10" x14ac:dyDescent="0.35">
      <c r="A6619" s="1" t="s">
        <v>25796</v>
      </c>
      <c r="B6619" s="1" t="s">
        <v>24803</v>
      </c>
      <c r="C6619" s="1" t="s">
        <v>95</v>
      </c>
      <c r="D6619" s="1" t="s">
        <v>4753</v>
      </c>
      <c r="E6619" s="1" t="s">
        <v>25860</v>
      </c>
      <c r="F6619" s="1" t="s">
        <v>25861</v>
      </c>
      <c r="G6619" s="1" t="s">
        <v>25799</v>
      </c>
      <c r="H6619" s="1" t="s">
        <v>25800</v>
      </c>
      <c r="I6619" s="1" t="s">
        <v>24809</v>
      </c>
      <c r="J6619" s="1" t="s">
        <v>25862</v>
      </c>
    </row>
    <row r="6620" spans="1:10" x14ac:dyDescent="0.35">
      <c r="A6620" s="1" t="s">
        <v>25796</v>
      </c>
      <c r="B6620" s="1" t="s">
        <v>24803</v>
      </c>
      <c r="C6620" s="1" t="s">
        <v>100</v>
      </c>
      <c r="D6620" s="1" t="s">
        <v>25863</v>
      </c>
      <c r="E6620" s="1" t="s">
        <v>25864</v>
      </c>
      <c r="F6620" s="1" t="s">
        <v>25865</v>
      </c>
      <c r="G6620" s="1" t="s">
        <v>25799</v>
      </c>
      <c r="H6620" s="1" t="s">
        <v>25800</v>
      </c>
      <c r="I6620" s="1" t="s">
        <v>24809</v>
      </c>
      <c r="J6620" s="1" t="s">
        <v>25866</v>
      </c>
    </row>
    <row r="6621" spans="1:10" x14ac:dyDescent="0.35">
      <c r="A6621" s="1" t="s">
        <v>25796</v>
      </c>
      <c r="B6621" s="1" t="s">
        <v>24803</v>
      </c>
      <c r="C6621" s="1" t="s">
        <v>105</v>
      </c>
      <c r="D6621" s="1" t="s">
        <v>2921</v>
      </c>
      <c r="E6621" s="1" t="s">
        <v>25867</v>
      </c>
      <c r="F6621" s="1" t="s">
        <v>25868</v>
      </c>
      <c r="G6621" s="1" t="s">
        <v>25799</v>
      </c>
      <c r="H6621" s="1" t="s">
        <v>25800</v>
      </c>
      <c r="I6621" s="1" t="s">
        <v>24809</v>
      </c>
      <c r="J6621" s="1" t="s">
        <v>25869</v>
      </c>
    </row>
    <row r="6622" spans="1:10" x14ac:dyDescent="0.35">
      <c r="A6622" s="1" t="s">
        <v>25796</v>
      </c>
      <c r="B6622" s="1" t="s">
        <v>24803</v>
      </c>
      <c r="C6622" s="1" t="s">
        <v>110</v>
      </c>
      <c r="D6622" s="1" t="s">
        <v>2560</v>
      </c>
      <c r="E6622" s="1" t="s">
        <v>25870</v>
      </c>
      <c r="F6622" s="1" t="s">
        <v>25871</v>
      </c>
      <c r="G6622" s="1" t="s">
        <v>25799</v>
      </c>
      <c r="H6622" s="1" t="s">
        <v>25800</v>
      </c>
      <c r="I6622" s="1" t="s">
        <v>24809</v>
      </c>
      <c r="J6622" s="1" t="s">
        <v>25872</v>
      </c>
    </row>
    <row r="6623" spans="1:10" x14ac:dyDescent="0.35">
      <c r="A6623" s="1" t="s">
        <v>25796</v>
      </c>
      <c r="B6623" s="1" t="s">
        <v>24803</v>
      </c>
      <c r="C6623" s="1" t="s">
        <v>115</v>
      </c>
      <c r="D6623" s="1" t="s">
        <v>2323</v>
      </c>
      <c r="E6623" s="1" t="s">
        <v>25873</v>
      </c>
      <c r="F6623" s="1" t="s">
        <v>25874</v>
      </c>
      <c r="G6623" s="1" t="s">
        <v>25799</v>
      </c>
      <c r="H6623" s="1" t="s">
        <v>25800</v>
      </c>
      <c r="I6623" s="1" t="s">
        <v>24809</v>
      </c>
      <c r="J6623" s="1" t="s">
        <v>25875</v>
      </c>
    </row>
    <row r="6624" spans="1:10" x14ac:dyDescent="0.35">
      <c r="A6624" s="1" t="s">
        <v>25796</v>
      </c>
      <c r="B6624" s="1" t="s">
        <v>24803</v>
      </c>
      <c r="C6624" s="1" t="s">
        <v>120</v>
      </c>
      <c r="D6624" s="1" t="s">
        <v>25876</v>
      </c>
      <c r="E6624" s="1" t="s">
        <v>25877</v>
      </c>
      <c r="F6624" s="1" t="s">
        <v>25878</v>
      </c>
      <c r="G6624" s="1" t="s">
        <v>25799</v>
      </c>
      <c r="H6624" s="1" t="s">
        <v>25800</v>
      </c>
      <c r="I6624" s="1" t="s">
        <v>24809</v>
      </c>
      <c r="J6624" s="1" t="s">
        <v>25879</v>
      </c>
    </row>
    <row r="6625" spans="1:10" x14ac:dyDescent="0.35">
      <c r="A6625" s="1" t="s">
        <v>25796</v>
      </c>
      <c r="B6625" s="1" t="s">
        <v>24803</v>
      </c>
      <c r="C6625" s="1" t="s">
        <v>125</v>
      </c>
      <c r="D6625" s="1" t="s">
        <v>15248</v>
      </c>
      <c r="E6625" s="1" t="s">
        <v>25880</v>
      </c>
      <c r="F6625" s="1" t="s">
        <v>25881</v>
      </c>
      <c r="G6625" s="1" t="s">
        <v>25799</v>
      </c>
      <c r="H6625" s="1" t="s">
        <v>25800</v>
      </c>
      <c r="I6625" s="1" t="s">
        <v>24809</v>
      </c>
      <c r="J6625" s="1" t="s">
        <v>25882</v>
      </c>
    </row>
    <row r="6626" spans="1:10" x14ac:dyDescent="0.35">
      <c r="A6626" s="1" t="s">
        <v>25796</v>
      </c>
      <c r="B6626" s="1" t="s">
        <v>24803</v>
      </c>
      <c r="C6626" s="1" t="s">
        <v>130</v>
      </c>
      <c r="D6626" s="1" t="s">
        <v>25883</v>
      </c>
      <c r="E6626" s="1" t="s">
        <v>25884</v>
      </c>
      <c r="F6626" s="1" t="s">
        <v>25885</v>
      </c>
      <c r="G6626" s="1" t="s">
        <v>25799</v>
      </c>
      <c r="H6626" s="1" t="s">
        <v>25800</v>
      </c>
      <c r="I6626" s="1" t="s">
        <v>24809</v>
      </c>
      <c r="J6626" s="1" t="s">
        <v>25886</v>
      </c>
    </row>
    <row r="6627" spans="1:10" x14ac:dyDescent="0.35">
      <c r="A6627" s="1" t="s">
        <v>25796</v>
      </c>
      <c r="B6627" s="1" t="s">
        <v>24803</v>
      </c>
      <c r="C6627" s="1" t="s">
        <v>135</v>
      </c>
      <c r="D6627" s="1" t="s">
        <v>25887</v>
      </c>
      <c r="E6627" s="1" t="s">
        <v>25888</v>
      </c>
      <c r="F6627" s="1" t="s">
        <v>25889</v>
      </c>
      <c r="G6627" s="1" t="s">
        <v>25799</v>
      </c>
      <c r="H6627" s="1" t="s">
        <v>25800</v>
      </c>
      <c r="I6627" s="1" t="s">
        <v>24809</v>
      </c>
      <c r="J6627" s="1" t="s">
        <v>25890</v>
      </c>
    </row>
    <row r="6628" spans="1:10" x14ac:dyDescent="0.35">
      <c r="A6628" s="1" t="s">
        <v>25796</v>
      </c>
      <c r="B6628" s="1" t="s">
        <v>24803</v>
      </c>
      <c r="C6628" s="1" t="s">
        <v>140</v>
      </c>
      <c r="D6628" s="1" t="s">
        <v>25891</v>
      </c>
      <c r="E6628" s="1" t="s">
        <v>25892</v>
      </c>
      <c r="F6628" s="1" t="s">
        <v>25893</v>
      </c>
      <c r="G6628" s="1" t="s">
        <v>25799</v>
      </c>
      <c r="H6628" s="1" t="s">
        <v>25800</v>
      </c>
      <c r="I6628" s="1" t="s">
        <v>24809</v>
      </c>
      <c r="J6628" s="1" t="s">
        <v>25894</v>
      </c>
    </row>
    <row r="6629" spans="1:10" x14ac:dyDescent="0.35">
      <c r="A6629" s="1" t="s">
        <v>25796</v>
      </c>
      <c r="B6629" s="1" t="s">
        <v>24803</v>
      </c>
      <c r="C6629" s="1" t="s">
        <v>145</v>
      </c>
      <c r="D6629" s="1" t="s">
        <v>25895</v>
      </c>
      <c r="E6629" s="1" t="s">
        <v>25896</v>
      </c>
      <c r="F6629" s="1" t="s">
        <v>25897</v>
      </c>
      <c r="G6629" s="1" t="s">
        <v>25799</v>
      </c>
      <c r="H6629" s="1" t="s">
        <v>25800</v>
      </c>
      <c r="I6629" s="1" t="s">
        <v>24809</v>
      </c>
      <c r="J6629" s="1" t="s">
        <v>25898</v>
      </c>
    </row>
    <row r="6630" spans="1:10" x14ac:dyDescent="0.35">
      <c r="A6630" s="1" t="s">
        <v>25796</v>
      </c>
      <c r="B6630" s="1" t="s">
        <v>24803</v>
      </c>
      <c r="C6630" s="1" t="s">
        <v>150</v>
      </c>
      <c r="D6630" s="1" t="s">
        <v>25899</v>
      </c>
      <c r="E6630" s="1" t="s">
        <v>25900</v>
      </c>
      <c r="F6630" s="1" t="s">
        <v>25901</v>
      </c>
      <c r="G6630" s="1" t="s">
        <v>25799</v>
      </c>
      <c r="H6630" s="1" t="s">
        <v>25800</v>
      </c>
      <c r="I6630" s="1" t="s">
        <v>24809</v>
      </c>
      <c r="J6630" s="1" t="s">
        <v>25902</v>
      </c>
    </row>
    <row r="6631" spans="1:10" x14ac:dyDescent="0.35">
      <c r="A6631" s="1" t="s">
        <v>25796</v>
      </c>
      <c r="B6631" s="1" t="s">
        <v>24803</v>
      </c>
      <c r="C6631" s="1" t="s">
        <v>155</v>
      </c>
      <c r="D6631" s="1" t="s">
        <v>7946</v>
      </c>
      <c r="E6631" s="1" t="s">
        <v>25903</v>
      </c>
      <c r="F6631" s="1" t="s">
        <v>25904</v>
      </c>
      <c r="G6631" s="1" t="s">
        <v>25799</v>
      </c>
      <c r="H6631" s="1" t="s">
        <v>25800</v>
      </c>
      <c r="I6631" s="1" t="s">
        <v>24809</v>
      </c>
      <c r="J6631" s="1" t="s">
        <v>25905</v>
      </c>
    </row>
    <row r="6632" spans="1:10" x14ac:dyDescent="0.35">
      <c r="A6632" s="1" t="s">
        <v>25796</v>
      </c>
      <c r="B6632" s="1" t="s">
        <v>24803</v>
      </c>
      <c r="C6632" s="1" t="s">
        <v>160</v>
      </c>
      <c r="D6632" s="1" t="s">
        <v>25906</v>
      </c>
      <c r="E6632" s="1" t="s">
        <v>25907</v>
      </c>
      <c r="F6632" s="1" t="s">
        <v>25908</v>
      </c>
      <c r="G6632" s="1" t="s">
        <v>25799</v>
      </c>
      <c r="H6632" s="1" t="s">
        <v>25800</v>
      </c>
      <c r="I6632" s="1" t="s">
        <v>24809</v>
      </c>
      <c r="J6632" s="1" t="s">
        <v>25909</v>
      </c>
    </row>
    <row r="6633" spans="1:10" x14ac:dyDescent="0.35">
      <c r="A6633" s="1" t="s">
        <v>25796</v>
      </c>
      <c r="B6633" s="1" t="s">
        <v>24803</v>
      </c>
      <c r="C6633" s="1" t="s">
        <v>165</v>
      </c>
      <c r="D6633" s="1" t="s">
        <v>25000</v>
      </c>
      <c r="E6633" s="1" t="s">
        <v>25910</v>
      </c>
      <c r="F6633" s="1" t="s">
        <v>25911</v>
      </c>
      <c r="G6633" s="1" t="s">
        <v>25799</v>
      </c>
      <c r="H6633" s="1" t="s">
        <v>25800</v>
      </c>
      <c r="I6633" s="1" t="s">
        <v>24809</v>
      </c>
      <c r="J6633" s="1" t="s">
        <v>25912</v>
      </c>
    </row>
    <row r="6634" spans="1:10" x14ac:dyDescent="0.35">
      <c r="A6634" s="1" t="s">
        <v>25796</v>
      </c>
      <c r="B6634" s="1" t="s">
        <v>24803</v>
      </c>
      <c r="C6634" s="1" t="s">
        <v>170</v>
      </c>
      <c r="D6634" s="1" t="s">
        <v>25913</v>
      </c>
      <c r="E6634" s="1" t="s">
        <v>25914</v>
      </c>
      <c r="F6634" s="1" t="s">
        <v>25915</v>
      </c>
      <c r="G6634" s="1" t="s">
        <v>25799</v>
      </c>
      <c r="H6634" s="1" t="s">
        <v>25800</v>
      </c>
      <c r="I6634" s="1" t="s">
        <v>24809</v>
      </c>
      <c r="J6634" s="1" t="s">
        <v>25916</v>
      </c>
    </row>
    <row r="6635" spans="1:10" x14ac:dyDescent="0.35">
      <c r="A6635" s="1" t="s">
        <v>25917</v>
      </c>
      <c r="B6635" s="1" t="s">
        <v>24803</v>
      </c>
      <c r="C6635" s="1" t="s">
        <v>8</v>
      </c>
      <c r="D6635" s="1" t="s">
        <v>5529</v>
      </c>
      <c r="E6635" s="1" t="s">
        <v>25918</v>
      </c>
      <c r="F6635" s="1" t="s">
        <v>25919</v>
      </c>
      <c r="G6635" s="1" t="s">
        <v>25920</v>
      </c>
      <c r="H6635" s="1" t="s">
        <v>25921</v>
      </c>
      <c r="I6635" s="1" t="s">
        <v>24809</v>
      </c>
      <c r="J6635" s="1" t="s">
        <v>13</v>
      </c>
    </row>
    <row r="6636" spans="1:10" x14ac:dyDescent="0.35">
      <c r="A6636" s="1" t="s">
        <v>25917</v>
      </c>
      <c r="B6636" s="1" t="s">
        <v>24803</v>
      </c>
      <c r="C6636" s="1" t="s">
        <v>15</v>
      </c>
      <c r="D6636" s="1" t="s">
        <v>1989</v>
      </c>
      <c r="E6636" s="1" t="s">
        <v>25922</v>
      </c>
      <c r="F6636" s="1" t="s">
        <v>25923</v>
      </c>
      <c r="G6636" s="1" t="s">
        <v>25920</v>
      </c>
      <c r="H6636" s="1" t="s">
        <v>25921</v>
      </c>
      <c r="I6636" s="1" t="s">
        <v>24809</v>
      </c>
      <c r="J6636" s="1" t="s">
        <v>25924</v>
      </c>
    </row>
    <row r="6637" spans="1:10" x14ac:dyDescent="0.35">
      <c r="A6637" s="1" t="s">
        <v>25917</v>
      </c>
      <c r="B6637" s="1" t="s">
        <v>24803</v>
      </c>
      <c r="C6637" s="1" t="s">
        <v>20</v>
      </c>
      <c r="D6637" s="1" t="s">
        <v>13192</v>
      </c>
      <c r="E6637" s="1" t="s">
        <v>25925</v>
      </c>
      <c r="F6637" s="1" t="s">
        <v>25926</v>
      </c>
      <c r="G6637" s="1" t="s">
        <v>25920</v>
      </c>
      <c r="H6637" s="1" t="s">
        <v>25921</v>
      </c>
      <c r="I6637" s="1" t="s">
        <v>24809</v>
      </c>
      <c r="J6637" s="1" t="s">
        <v>25927</v>
      </c>
    </row>
    <row r="6638" spans="1:10" x14ac:dyDescent="0.35">
      <c r="A6638" s="1" t="s">
        <v>25917</v>
      </c>
      <c r="B6638" s="1" t="s">
        <v>24803</v>
      </c>
      <c r="C6638" s="1" t="s">
        <v>25</v>
      </c>
      <c r="D6638" s="1" t="s">
        <v>25928</v>
      </c>
      <c r="E6638" s="1" t="s">
        <v>25929</v>
      </c>
      <c r="F6638" s="1" t="s">
        <v>25930</v>
      </c>
      <c r="G6638" s="1" t="s">
        <v>25920</v>
      </c>
      <c r="H6638" s="1" t="s">
        <v>25921</v>
      </c>
      <c r="I6638" s="1" t="s">
        <v>24809</v>
      </c>
      <c r="J6638" s="1" t="s">
        <v>25931</v>
      </c>
    </row>
    <row r="6639" spans="1:10" x14ac:dyDescent="0.35">
      <c r="A6639" s="1" t="s">
        <v>25917</v>
      </c>
      <c r="B6639" s="1" t="s">
        <v>24803</v>
      </c>
      <c r="C6639" s="1" t="s">
        <v>30</v>
      </c>
      <c r="D6639" s="1" t="s">
        <v>25932</v>
      </c>
      <c r="E6639" s="1" t="s">
        <v>25933</v>
      </c>
      <c r="F6639" s="1" t="s">
        <v>25934</v>
      </c>
      <c r="G6639" s="1" t="s">
        <v>25920</v>
      </c>
      <c r="H6639" s="1" t="s">
        <v>25921</v>
      </c>
      <c r="I6639" s="1" t="s">
        <v>24809</v>
      </c>
      <c r="J6639" s="1" t="s">
        <v>25935</v>
      </c>
    </row>
    <row r="6640" spans="1:10" x14ac:dyDescent="0.35">
      <c r="A6640" s="1" t="s">
        <v>25917</v>
      </c>
      <c r="B6640" s="1" t="s">
        <v>24803</v>
      </c>
      <c r="C6640" s="1" t="s">
        <v>35</v>
      </c>
      <c r="D6640" s="1" t="s">
        <v>1344</v>
      </c>
      <c r="E6640" s="1" t="s">
        <v>25936</v>
      </c>
      <c r="F6640" s="1" t="s">
        <v>25937</v>
      </c>
      <c r="G6640" s="1" t="s">
        <v>25920</v>
      </c>
      <c r="H6640" s="1" t="s">
        <v>25921</v>
      </c>
      <c r="I6640" s="1" t="s">
        <v>24809</v>
      </c>
      <c r="J6640" s="1" t="s">
        <v>25938</v>
      </c>
    </row>
    <row r="6641" spans="1:10" x14ac:dyDescent="0.35">
      <c r="A6641" s="1" t="s">
        <v>25917</v>
      </c>
      <c r="B6641" s="1" t="s">
        <v>24803</v>
      </c>
      <c r="C6641" s="1" t="s">
        <v>40</v>
      </c>
      <c r="D6641" s="1" t="s">
        <v>25939</v>
      </c>
      <c r="E6641" s="1" t="s">
        <v>25940</v>
      </c>
      <c r="F6641" s="1" t="s">
        <v>25941</v>
      </c>
      <c r="G6641" s="1" t="s">
        <v>25920</v>
      </c>
      <c r="H6641" s="1" t="s">
        <v>25921</v>
      </c>
      <c r="I6641" s="1" t="s">
        <v>24809</v>
      </c>
      <c r="J6641" s="1" t="s">
        <v>25942</v>
      </c>
    </row>
    <row r="6642" spans="1:10" x14ac:dyDescent="0.35">
      <c r="A6642" s="1" t="s">
        <v>25917</v>
      </c>
      <c r="B6642" s="1" t="s">
        <v>24803</v>
      </c>
      <c r="C6642" s="1" t="s">
        <v>45</v>
      </c>
      <c r="D6642" s="1" t="s">
        <v>25943</v>
      </c>
      <c r="E6642" s="1" t="s">
        <v>25944</v>
      </c>
      <c r="F6642" s="1" t="s">
        <v>25945</v>
      </c>
      <c r="G6642" s="1" t="s">
        <v>25920</v>
      </c>
      <c r="H6642" s="1" t="s">
        <v>25921</v>
      </c>
      <c r="I6642" s="1" t="s">
        <v>24809</v>
      </c>
      <c r="J6642" s="1" t="s">
        <v>25946</v>
      </c>
    </row>
    <row r="6643" spans="1:10" x14ac:dyDescent="0.35">
      <c r="A6643" s="1" t="s">
        <v>25917</v>
      </c>
      <c r="B6643" s="1" t="s">
        <v>24803</v>
      </c>
      <c r="C6643" s="1" t="s">
        <v>50</v>
      </c>
      <c r="D6643" s="1" t="s">
        <v>13999</v>
      </c>
      <c r="E6643" s="1" t="s">
        <v>25947</v>
      </c>
      <c r="F6643" s="1" t="s">
        <v>25948</v>
      </c>
      <c r="G6643" s="1" t="s">
        <v>25920</v>
      </c>
      <c r="H6643" s="1" t="s">
        <v>25921</v>
      </c>
      <c r="I6643" s="1" t="s">
        <v>24809</v>
      </c>
      <c r="J6643" s="1" t="s">
        <v>25949</v>
      </c>
    </row>
    <row r="6644" spans="1:10" x14ac:dyDescent="0.35">
      <c r="A6644" s="1" t="s">
        <v>25917</v>
      </c>
      <c r="B6644" s="1" t="s">
        <v>24803</v>
      </c>
      <c r="C6644" s="1" t="s">
        <v>55</v>
      </c>
      <c r="D6644" s="1" t="s">
        <v>25950</v>
      </c>
      <c r="E6644" s="1" t="s">
        <v>25951</v>
      </c>
      <c r="F6644" s="1" t="s">
        <v>25952</v>
      </c>
      <c r="G6644" s="1" t="s">
        <v>25920</v>
      </c>
      <c r="H6644" s="1" t="s">
        <v>25921</v>
      </c>
      <c r="I6644" s="1" t="s">
        <v>24809</v>
      </c>
      <c r="J6644" s="1" t="s">
        <v>25953</v>
      </c>
    </row>
    <row r="6645" spans="1:10" x14ac:dyDescent="0.35">
      <c r="A6645" s="1" t="s">
        <v>25917</v>
      </c>
      <c r="B6645" s="1" t="s">
        <v>24803</v>
      </c>
      <c r="C6645" s="1" t="s">
        <v>60</v>
      </c>
      <c r="D6645" s="1" t="s">
        <v>25954</v>
      </c>
      <c r="E6645" s="1" t="s">
        <v>25955</v>
      </c>
      <c r="F6645" s="1" t="s">
        <v>25956</v>
      </c>
      <c r="G6645" s="1" t="s">
        <v>25920</v>
      </c>
      <c r="H6645" s="1" t="s">
        <v>25921</v>
      </c>
      <c r="I6645" s="1" t="s">
        <v>24809</v>
      </c>
      <c r="J6645" s="1" t="s">
        <v>25957</v>
      </c>
    </row>
    <row r="6646" spans="1:10" x14ac:dyDescent="0.35">
      <c r="A6646" s="1" t="s">
        <v>25917</v>
      </c>
      <c r="B6646" s="1" t="s">
        <v>24803</v>
      </c>
      <c r="C6646" s="1" t="s">
        <v>65</v>
      </c>
      <c r="D6646" s="1" t="s">
        <v>25958</v>
      </c>
      <c r="E6646" s="1" t="s">
        <v>25959</v>
      </c>
      <c r="F6646" s="1" t="s">
        <v>25960</v>
      </c>
      <c r="G6646" s="1" t="s">
        <v>25920</v>
      </c>
      <c r="H6646" s="1" t="s">
        <v>25921</v>
      </c>
      <c r="I6646" s="1" t="s">
        <v>24809</v>
      </c>
      <c r="J6646" s="1" t="s">
        <v>25961</v>
      </c>
    </row>
    <row r="6647" spans="1:10" x14ac:dyDescent="0.35">
      <c r="A6647" s="1" t="s">
        <v>25917</v>
      </c>
      <c r="B6647" s="1" t="s">
        <v>24803</v>
      </c>
      <c r="C6647" s="1" t="s">
        <v>70</v>
      </c>
      <c r="D6647" s="1" t="s">
        <v>1240</v>
      </c>
      <c r="E6647" s="1" t="s">
        <v>25962</v>
      </c>
      <c r="F6647" s="1" t="s">
        <v>25963</v>
      </c>
      <c r="G6647" s="1" t="s">
        <v>25920</v>
      </c>
      <c r="H6647" s="1" t="s">
        <v>25921</v>
      </c>
      <c r="I6647" s="1" t="s">
        <v>24809</v>
      </c>
      <c r="J6647" s="1" t="s">
        <v>25964</v>
      </c>
    </row>
    <row r="6648" spans="1:10" x14ac:dyDescent="0.35">
      <c r="A6648" s="1" t="s">
        <v>25917</v>
      </c>
      <c r="B6648" s="1" t="s">
        <v>24803</v>
      </c>
      <c r="C6648" s="1" t="s">
        <v>75</v>
      </c>
      <c r="D6648" s="1" t="s">
        <v>1150</v>
      </c>
      <c r="E6648" s="1" t="s">
        <v>25965</v>
      </c>
      <c r="F6648" s="1" t="s">
        <v>25966</v>
      </c>
      <c r="G6648" s="1" t="s">
        <v>25920</v>
      </c>
      <c r="H6648" s="1" t="s">
        <v>25921</v>
      </c>
      <c r="I6648" s="1" t="s">
        <v>24809</v>
      </c>
      <c r="J6648" s="1" t="s">
        <v>25967</v>
      </c>
    </row>
    <row r="6649" spans="1:10" x14ac:dyDescent="0.35">
      <c r="A6649" s="1" t="s">
        <v>25917</v>
      </c>
      <c r="B6649" s="1" t="s">
        <v>24803</v>
      </c>
      <c r="C6649" s="1" t="s">
        <v>80</v>
      </c>
      <c r="D6649" s="1" t="s">
        <v>25968</v>
      </c>
      <c r="E6649" s="1" t="s">
        <v>25969</v>
      </c>
      <c r="F6649" s="1" t="s">
        <v>25970</v>
      </c>
      <c r="G6649" s="1" t="s">
        <v>25920</v>
      </c>
      <c r="H6649" s="1" t="s">
        <v>25921</v>
      </c>
      <c r="I6649" s="1" t="s">
        <v>24809</v>
      </c>
      <c r="J6649" s="1" t="s">
        <v>25971</v>
      </c>
    </row>
    <row r="6650" spans="1:10" x14ac:dyDescent="0.35">
      <c r="A6650" s="1" t="s">
        <v>25917</v>
      </c>
      <c r="B6650" s="1" t="s">
        <v>24803</v>
      </c>
      <c r="C6650" s="1" t="s">
        <v>85</v>
      </c>
      <c r="D6650" s="1" t="s">
        <v>1174</v>
      </c>
      <c r="E6650" s="1" t="s">
        <v>25972</v>
      </c>
      <c r="F6650" s="1" t="s">
        <v>25973</v>
      </c>
      <c r="G6650" s="1" t="s">
        <v>25920</v>
      </c>
      <c r="H6650" s="1" t="s">
        <v>25921</v>
      </c>
      <c r="I6650" s="1" t="s">
        <v>24809</v>
      </c>
      <c r="J6650" s="1" t="s">
        <v>25974</v>
      </c>
    </row>
    <row r="6651" spans="1:10" x14ac:dyDescent="0.35">
      <c r="A6651" s="1" t="s">
        <v>25917</v>
      </c>
      <c r="B6651" s="1" t="s">
        <v>24803</v>
      </c>
      <c r="C6651" s="1" t="s">
        <v>90</v>
      </c>
      <c r="D6651" s="1" t="s">
        <v>25975</v>
      </c>
      <c r="E6651" s="1" t="s">
        <v>25976</v>
      </c>
      <c r="F6651" s="1" t="s">
        <v>25977</v>
      </c>
      <c r="G6651" s="1" t="s">
        <v>25920</v>
      </c>
      <c r="H6651" s="1" t="s">
        <v>25921</v>
      </c>
      <c r="I6651" s="1" t="s">
        <v>24809</v>
      </c>
      <c r="J6651" s="1" t="s">
        <v>25978</v>
      </c>
    </row>
    <row r="6652" spans="1:10" x14ac:dyDescent="0.35">
      <c r="A6652" s="1" t="s">
        <v>25917</v>
      </c>
      <c r="B6652" s="1" t="s">
        <v>24803</v>
      </c>
      <c r="C6652" s="1" t="s">
        <v>95</v>
      </c>
      <c r="D6652" s="1" t="s">
        <v>6407</v>
      </c>
      <c r="E6652" s="1" t="s">
        <v>25979</v>
      </c>
      <c r="F6652" s="1" t="s">
        <v>25980</v>
      </c>
      <c r="G6652" s="1" t="s">
        <v>25920</v>
      </c>
      <c r="H6652" s="1" t="s">
        <v>25921</v>
      </c>
      <c r="I6652" s="1" t="s">
        <v>24809</v>
      </c>
      <c r="J6652" s="1" t="s">
        <v>25981</v>
      </c>
    </row>
    <row r="6653" spans="1:10" x14ac:dyDescent="0.35">
      <c r="A6653" s="1" t="s">
        <v>25917</v>
      </c>
      <c r="B6653" s="1" t="s">
        <v>24803</v>
      </c>
      <c r="C6653" s="1" t="s">
        <v>100</v>
      </c>
      <c r="D6653" s="1" t="s">
        <v>115</v>
      </c>
      <c r="E6653" s="1" t="s">
        <v>25982</v>
      </c>
      <c r="F6653" s="1" t="s">
        <v>25983</v>
      </c>
      <c r="G6653" s="1" t="s">
        <v>25920</v>
      </c>
      <c r="H6653" s="1" t="s">
        <v>25921</v>
      </c>
      <c r="I6653" s="1" t="s">
        <v>24809</v>
      </c>
      <c r="J6653" s="1" t="s">
        <v>25984</v>
      </c>
    </row>
    <row r="6654" spans="1:10" x14ac:dyDescent="0.35">
      <c r="A6654" s="1" t="s">
        <v>25917</v>
      </c>
      <c r="B6654" s="1" t="s">
        <v>24803</v>
      </c>
      <c r="C6654" s="1" t="s">
        <v>105</v>
      </c>
      <c r="D6654" s="1" t="s">
        <v>25985</v>
      </c>
      <c r="E6654" s="1" t="s">
        <v>25986</v>
      </c>
      <c r="F6654" s="1" t="s">
        <v>25987</v>
      </c>
      <c r="G6654" s="1" t="s">
        <v>25920</v>
      </c>
      <c r="H6654" s="1" t="s">
        <v>25921</v>
      </c>
      <c r="I6654" s="1" t="s">
        <v>24809</v>
      </c>
      <c r="J6654" s="1" t="s">
        <v>25988</v>
      </c>
    </row>
    <row r="6655" spans="1:10" x14ac:dyDescent="0.35">
      <c r="A6655" s="1" t="s">
        <v>25917</v>
      </c>
      <c r="B6655" s="1" t="s">
        <v>24803</v>
      </c>
      <c r="C6655" s="1" t="s">
        <v>110</v>
      </c>
      <c r="D6655" s="1" t="s">
        <v>25989</v>
      </c>
      <c r="E6655" s="1" t="s">
        <v>25990</v>
      </c>
      <c r="F6655" s="1" t="s">
        <v>25991</v>
      </c>
      <c r="G6655" s="1" t="s">
        <v>25920</v>
      </c>
      <c r="H6655" s="1" t="s">
        <v>25921</v>
      </c>
      <c r="I6655" s="1" t="s">
        <v>24809</v>
      </c>
      <c r="J6655" s="1" t="s">
        <v>25992</v>
      </c>
    </row>
    <row r="6656" spans="1:10" x14ac:dyDescent="0.35">
      <c r="A6656" s="1" t="s">
        <v>25917</v>
      </c>
      <c r="B6656" s="1" t="s">
        <v>24803</v>
      </c>
      <c r="C6656" s="1" t="s">
        <v>115</v>
      </c>
      <c r="D6656" s="1" t="s">
        <v>14130</v>
      </c>
      <c r="E6656" s="1" t="s">
        <v>25993</v>
      </c>
      <c r="F6656" s="1" t="s">
        <v>25994</v>
      </c>
      <c r="G6656" s="1" t="s">
        <v>25920</v>
      </c>
      <c r="H6656" s="1" t="s">
        <v>25921</v>
      </c>
      <c r="I6656" s="1" t="s">
        <v>24809</v>
      </c>
      <c r="J6656" s="1" t="s">
        <v>25995</v>
      </c>
    </row>
    <row r="6657" spans="1:10" x14ac:dyDescent="0.35">
      <c r="A6657" s="1" t="s">
        <v>25917</v>
      </c>
      <c r="B6657" s="1" t="s">
        <v>24803</v>
      </c>
      <c r="C6657" s="1" t="s">
        <v>120</v>
      </c>
      <c r="D6657" s="1" t="s">
        <v>25996</v>
      </c>
      <c r="E6657" s="1" t="s">
        <v>25997</v>
      </c>
      <c r="F6657" s="1" t="s">
        <v>25998</v>
      </c>
      <c r="G6657" s="1" t="s">
        <v>25920</v>
      </c>
      <c r="H6657" s="1" t="s">
        <v>25921</v>
      </c>
      <c r="I6657" s="1" t="s">
        <v>24809</v>
      </c>
      <c r="J6657" s="1" t="s">
        <v>25999</v>
      </c>
    </row>
    <row r="6658" spans="1:10" x14ac:dyDescent="0.35">
      <c r="A6658" s="1" t="s">
        <v>25917</v>
      </c>
      <c r="B6658" s="1" t="s">
        <v>24803</v>
      </c>
      <c r="C6658" s="1" t="s">
        <v>125</v>
      </c>
      <c r="D6658" s="1" t="s">
        <v>26000</v>
      </c>
      <c r="E6658" s="1" t="s">
        <v>26001</v>
      </c>
      <c r="F6658" s="1" t="s">
        <v>26002</v>
      </c>
      <c r="G6658" s="1" t="s">
        <v>25920</v>
      </c>
      <c r="H6658" s="1" t="s">
        <v>25921</v>
      </c>
      <c r="I6658" s="1" t="s">
        <v>24809</v>
      </c>
      <c r="J6658" s="1" t="s">
        <v>26003</v>
      </c>
    </row>
    <row r="6659" spans="1:10" x14ac:dyDescent="0.35">
      <c r="A6659" s="1" t="s">
        <v>25917</v>
      </c>
      <c r="B6659" s="1" t="s">
        <v>24803</v>
      </c>
      <c r="C6659" s="1" t="s">
        <v>130</v>
      </c>
      <c r="D6659" s="1" t="s">
        <v>26004</v>
      </c>
      <c r="E6659" s="1" t="s">
        <v>26005</v>
      </c>
      <c r="F6659" s="1" t="s">
        <v>26006</v>
      </c>
      <c r="G6659" s="1" t="s">
        <v>25920</v>
      </c>
      <c r="H6659" s="1" t="s">
        <v>25921</v>
      </c>
      <c r="I6659" s="1" t="s">
        <v>24809</v>
      </c>
      <c r="J6659" s="1" t="s">
        <v>26007</v>
      </c>
    </row>
    <row r="6660" spans="1:10" x14ac:dyDescent="0.35">
      <c r="A6660" s="1" t="s">
        <v>25917</v>
      </c>
      <c r="B6660" s="1" t="s">
        <v>24803</v>
      </c>
      <c r="C6660" s="1" t="s">
        <v>135</v>
      </c>
      <c r="D6660" s="1" t="s">
        <v>26008</v>
      </c>
      <c r="E6660" s="1" t="s">
        <v>26009</v>
      </c>
      <c r="F6660" s="1" t="s">
        <v>26010</v>
      </c>
      <c r="G6660" s="1" t="s">
        <v>25920</v>
      </c>
      <c r="H6660" s="1" t="s">
        <v>25921</v>
      </c>
      <c r="I6660" s="1" t="s">
        <v>24809</v>
      </c>
      <c r="J6660" s="1" t="s">
        <v>26011</v>
      </c>
    </row>
    <row r="6661" spans="1:10" x14ac:dyDescent="0.35">
      <c r="A6661" s="1" t="s">
        <v>25917</v>
      </c>
      <c r="B6661" s="1" t="s">
        <v>24803</v>
      </c>
      <c r="C6661" s="1" t="s">
        <v>140</v>
      </c>
      <c r="D6661" s="1" t="s">
        <v>4074</v>
      </c>
      <c r="E6661" s="1" t="s">
        <v>26012</v>
      </c>
      <c r="F6661" s="1" t="s">
        <v>26013</v>
      </c>
      <c r="G6661" s="1" t="s">
        <v>25920</v>
      </c>
      <c r="H6661" s="1" t="s">
        <v>25921</v>
      </c>
      <c r="I6661" s="1" t="s">
        <v>24809</v>
      </c>
      <c r="J6661" s="1" t="s">
        <v>26014</v>
      </c>
    </row>
    <row r="6662" spans="1:10" x14ac:dyDescent="0.35">
      <c r="A6662" s="1" t="s">
        <v>25917</v>
      </c>
      <c r="B6662" s="1" t="s">
        <v>24803</v>
      </c>
      <c r="C6662" s="1" t="s">
        <v>145</v>
      </c>
      <c r="D6662" s="1" t="s">
        <v>26015</v>
      </c>
      <c r="E6662" s="1" t="s">
        <v>26016</v>
      </c>
      <c r="F6662" s="1" t="s">
        <v>26017</v>
      </c>
      <c r="G6662" s="1" t="s">
        <v>25920</v>
      </c>
      <c r="H6662" s="1" t="s">
        <v>25921</v>
      </c>
      <c r="I6662" s="1" t="s">
        <v>24809</v>
      </c>
      <c r="J6662" s="1" t="s">
        <v>26018</v>
      </c>
    </row>
    <row r="6663" spans="1:10" x14ac:dyDescent="0.35">
      <c r="A6663" s="1" t="s">
        <v>25917</v>
      </c>
      <c r="B6663" s="1" t="s">
        <v>24803</v>
      </c>
      <c r="C6663" s="1" t="s">
        <v>150</v>
      </c>
      <c r="D6663" s="1" t="s">
        <v>1699</v>
      </c>
      <c r="E6663" s="1" t="s">
        <v>26019</v>
      </c>
      <c r="F6663" s="1" t="s">
        <v>26020</v>
      </c>
      <c r="G6663" s="1" t="s">
        <v>25920</v>
      </c>
      <c r="H6663" s="1" t="s">
        <v>25921</v>
      </c>
      <c r="I6663" s="1" t="s">
        <v>24809</v>
      </c>
      <c r="J6663" s="1" t="s">
        <v>26021</v>
      </c>
    </row>
    <row r="6664" spans="1:10" x14ac:dyDescent="0.35">
      <c r="A6664" s="1" t="s">
        <v>25917</v>
      </c>
      <c r="B6664" s="1" t="s">
        <v>24803</v>
      </c>
      <c r="C6664" s="1" t="s">
        <v>155</v>
      </c>
      <c r="D6664" s="1" t="s">
        <v>26022</v>
      </c>
      <c r="E6664" s="1" t="s">
        <v>26023</v>
      </c>
      <c r="F6664" s="1" t="s">
        <v>26024</v>
      </c>
      <c r="G6664" s="1" t="s">
        <v>25920</v>
      </c>
      <c r="H6664" s="1" t="s">
        <v>25921</v>
      </c>
      <c r="I6664" s="1" t="s">
        <v>24809</v>
      </c>
      <c r="J6664" s="1" t="s">
        <v>26025</v>
      </c>
    </row>
    <row r="6665" spans="1:10" x14ac:dyDescent="0.35">
      <c r="A6665" s="1" t="s">
        <v>25917</v>
      </c>
      <c r="B6665" s="1" t="s">
        <v>24803</v>
      </c>
      <c r="C6665" s="1" t="s">
        <v>160</v>
      </c>
      <c r="D6665" s="1" t="s">
        <v>26026</v>
      </c>
      <c r="E6665" s="1" t="s">
        <v>26027</v>
      </c>
      <c r="F6665" s="1" t="s">
        <v>26028</v>
      </c>
      <c r="G6665" s="1" t="s">
        <v>25920</v>
      </c>
      <c r="H6665" s="1" t="s">
        <v>25921</v>
      </c>
      <c r="I6665" s="1" t="s">
        <v>24809</v>
      </c>
      <c r="J6665" s="1" t="s">
        <v>26029</v>
      </c>
    </row>
    <row r="6666" spans="1:10" x14ac:dyDescent="0.35">
      <c r="A6666" s="1" t="s">
        <v>25917</v>
      </c>
      <c r="B6666" s="1" t="s">
        <v>24803</v>
      </c>
      <c r="C6666" s="1" t="s">
        <v>165</v>
      </c>
      <c r="D6666" s="1" t="s">
        <v>3375</v>
      </c>
      <c r="E6666" s="1" t="s">
        <v>26030</v>
      </c>
      <c r="F6666" s="1" t="s">
        <v>26031</v>
      </c>
      <c r="G6666" s="1" t="s">
        <v>25920</v>
      </c>
      <c r="H6666" s="1" t="s">
        <v>25921</v>
      </c>
      <c r="I6666" s="1" t="s">
        <v>24809</v>
      </c>
      <c r="J6666" s="1" t="s">
        <v>26032</v>
      </c>
    </row>
    <row r="6667" spans="1:10" x14ac:dyDescent="0.35">
      <c r="A6667" s="1" t="s">
        <v>25917</v>
      </c>
      <c r="B6667" s="1" t="s">
        <v>24803</v>
      </c>
      <c r="C6667" s="1" t="s">
        <v>170</v>
      </c>
      <c r="D6667" s="1" t="s">
        <v>3387</v>
      </c>
      <c r="E6667" s="1" t="s">
        <v>26033</v>
      </c>
      <c r="F6667" s="1" t="s">
        <v>26034</v>
      </c>
      <c r="G6667" s="1" t="s">
        <v>25920</v>
      </c>
      <c r="H6667" s="1" t="s">
        <v>25921</v>
      </c>
      <c r="I6667" s="1" t="s">
        <v>24809</v>
      </c>
      <c r="J6667" s="1" t="s">
        <v>26035</v>
      </c>
    </row>
    <row r="6668" spans="1:10" x14ac:dyDescent="0.35">
      <c r="A6668" s="1" t="s">
        <v>26036</v>
      </c>
      <c r="B6668" s="1" t="s">
        <v>26037</v>
      </c>
      <c r="C6668" s="1" t="s">
        <v>8</v>
      </c>
      <c r="D6668" s="1" t="s">
        <v>26038</v>
      </c>
      <c r="E6668" s="1" t="s">
        <v>26039</v>
      </c>
      <c r="F6668" s="1" t="s">
        <v>26040</v>
      </c>
      <c r="G6668" s="1" t="s">
        <v>26041</v>
      </c>
      <c r="H6668" s="1" t="s">
        <v>26042</v>
      </c>
      <c r="I6668" s="1" t="s">
        <v>26043</v>
      </c>
      <c r="J6668" s="1" t="s">
        <v>13</v>
      </c>
    </row>
    <row r="6669" spans="1:10" x14ac:dyDescent="0.35">
      <c r="A6669" s="1" t="s">
        <v>26036</v>
      </c>
      <c r="B6669" s="1" t="s">
        <v>26037</v>
      </c>
      <c r="C6669" s="1" t="s">
        <v>15</v>
      </c>
      <c r="D6669" s="1" t="s">
        <v>26044</v>
      </c>
      <c r="E6669" s="1" t="s">
        <v>26045</v>
      </c>
      <c r="F6669" s="1" t="s">
        <v>26046</v>
      </c>
      <c r="G6669" s="1" t="s">
        <v>26041</v>
      </c>
      <c r="H6669" s="1" t="s">
        <v>26042</v>
      </c>
      <c r="I6669" s="1" t="s">
        <v>26043</v>
      </c>
      <c r="J6669" s="1" t="s">
        <v>26047</v>
      </c>
    </row>
    <row r="6670" spans="1:10" x14ac:dyDescent="0.35">
      <c r="A6670" s="1" t="s">
        <v>26036</v>
      </c>
      <c r="B6670" s="1" t="s">
        <v>26037</v>
      </c>
      <c r="C6670" s="1" t="s">
        <v>20</v>
      </c>
      <c r="D6670" s="1" t="s">
        <v>26048</v>
      </c>
      <c r="E6670" s="1" t="s">
        <v>26049</v>
      </c>
      <c r="F6670" s="1" t="s">
        <v>26050</v>
      </c>
      <c r="G6670" s="1" t="s">
        <v>26041</v>
      </c>
      <c r="H6670" s="1" t="s">
        <v>26042</v>
      </c>
      <c r="I6670" s="1" t="s">
        <v>26043</v>
      </c>
      <c r="J6670" s="1" t="s">
        <v>26051</v>
      </c>
    </row>
    <row r="6671" spans="1:10" x14ac:dyDescent="0.35">
      <c r="A6671" s="1" t="s">
        <v>26036</v>
      </c>
      <c r="B6671" s="1" t="s">
        <v>26037</v>
      </c>
      <c r="C6671" s="1" t="s">
        <v>25</v>
      </c>
      <c r="D6671" s="1" t="s">
        <v>26052</v>
      </c>
      <c r="E6671" s="1" t="s">
        <v>26053</v>
      </c>
      <c r="F6671" s="1" t="s">
        <v>26054</v>
      </c>
      <c r="G6671" s="1" t="s">
        <v>26041</v>
      </c>
      <c r="H6671" s="1" t="s">
        <v>26042</v>
      </c>
      <c r="I6671" s="1" t="s">
        <v>26043</v>
      </c>
      <c r="J6671" s="1" t="s">
        <v>26055</v>
      </c>
    </row>
    <row r="6672" spans="1:10" x14ac:dyDescent="0.35">
      <c r="A6672" s="1" t="s">
        <v>26036</v>
      </c>
      <c r="B6672" s="1" t="s">
        <v>26037</v>
      </c>
      <c r="C6672" s="1" t="s">
        <v>30</v>
      </c>
      <c r="D6672" s="1" t="s">
        <v>26056</v>
      </c>
      <c r="E6672" s="1" t="s">
        <v>26057</v>
      </c>
      <c r="F6672" s="1" t="s">
        <v>26058</v>
      </c>
      <c r="G6672" s="1" t="s">
        <v>26041</v>
      </c>
      <c r="H6672" s="1" t="s">
        <v>26042</v>
      </c>
      <c r="I6672" s="1" t="s">
        <v>26043</v>
      </c>
      <c r="J6672" s="1" t="s">
        <v>26059</v>
      </c>
    </row>
    <row r="6673" spans="1:10" x14ac:dyDescent="0.35">
      <c r="A6673" s="1" t="s">
        <v>26036</v>
      </c>
      <c r="B6673" s="1" t="s">
        <v>26037</v>
      </c>
      <c r="C6673" s="1" t="s">
        <v>35</v>
      </c>
      <c r="D6673" s="1" t="s">
        <v>26060</v>
      </c>
      <c r="E6673" s="1" t="s">
        <v>15857</v>
      </c>
      <c r="F6673" s="1" t="s">
        <v>26061</v>
      </c>
      <c r="G6673" s="1" t="s">
        <v>26041</v>
      </c>
      <c r="H6673" s="1" t="s">
        <v>26042</v>
      </c>
      <c r="I6673" s="1" t="s">
        <v>26043</v>
      </c>
      <c r="J6673" s="1" t="s">
        <v>26062</v>
      </c>
    </row>
    <row r="6674" spans="1:10" x14ac:dyDescent="0.35">
      <c r="A6674" s="1" t="s">
        <v>26036</v>
      </c>
      <c r="B6674" s="1" t="s">
        <v>26037</v>
      </c>
      <c r="C6674" s="1" t="s">
        <v>40</v>
      </c>
      <c r="D6674" s="1" t="s">
        <v>26063</v>
      </c>
      <c r="E6674" s="1" t="s">
        <v>26064</v>
      </c>
      <c r="F6674" s="1" t="s">
        <v>26065</v>
      </c>
      <c r="G6674" s="1" t="s">
        <v>26041</v>
      </c>
      <c r="H6674" s="1" t="s">
        <v>26042</v>
      </c>
      <c r="I6674" s="1" t="s">
        <v>26043</v>
      </c>
      <c r="J6674" s="1" t="s">
        <v>26066</v>
      </c>
    </row>
    <row r="6675" spans="1:10" x14ac:dyDescent="0.35">
      <c r="A6675" s="1" t="s">
        <v>26036</v>
      </c>
      <c r="B6675" s="1" t="s">
        <v>26037</v>
      </c>
      <c r="C6675" s="1" t="s">
        <v>45</v>
      </c>
      <c r="D6675" s="1" t="s">
        <v>26067</v>
      </c>
      <c r="E6675" s="1" t="s">
        <v>26068</v>
      </c>
      <c r="F6675" s="1" t="s">
        <v>26069</v>
      </c>
      <c r="G6675" s="1" t="s">
        <v>26041</v>
      </c>
      <c r="H6675" s="1" t="s">
        <v>26042</v>
      </c>
      <c r="I6675" s="1" t="s">
        <v>26043</v>
      </c>
      <c r="J6675" s="1" t="s">
        <v>26070</v>
      </c>
    </row>
    <row r="6676" spans="1:10" x14ac:dyDescent="0.35">
      <c r="A6676" s="1" t="s">
        <v>26036</v>
      </c>
      <c r="B6676" s="1" t="s">
        <v>26037</v>
      </c>
      <c r="C6676" s="1" t="s">
        <v>50</v>
      </c>
      <c r="D6676" s="1" t="s">
        <v>26071</v>
      </c>
      <c r="E6676" s="1" t="s">
        <v>26072</v>
      </c>
      <c r="F6676" s="1" t="s">
        <v>26073</v>
      </c>
      <c r="G6676" s="1" t="s">
        <v>26041</v>
      </c>
      <c r="H6676" s="1" t="s">
        <v>26042</v>
      </c>
      <c r="I6676" s="1" t="s">
        <v>26043</v>
      </c>
      <c r="J6676" s="1" t="s">
        <v>26074</v>
      </c>
    </row>
    <row r="6677" spans="1:10" x14ac:dyDescent="0.35">
      <c r="A6677" s="1" t="s">
        <v>26036</v>
      </c>
      <c r="B6677" s="1" t="s">
        <v>26037</v>
      </c>
      <c r="C6677" s="1" t="s">
        <v>55</v>
      </c>
      <c r="D6677" s="1" t="s">
        <v>26075</v>
      </c>
      <c r="E6677" s="1" t="s">
        <v>26076</v>
      </c>
      <c r="F6677" s="1" t="s">
        <v>26077</v>
      </c>
      <c r="G6677" s="1" t="s">
        <v>26041</v>
      </c>
      <c r="H6677" s="1" t="s">
        <v>26042</v>
      </c>
      <c r="I6677" s="1" t="s">
        <v>26043</v>
      </c>
      <c r="J6677" s="1" t="s">
        <v>26078</v>
      </c>
    </row>
    <row r="6678" spans="1:10" x14ac:dyDescent="0.35">
      <c r="A6678" s="1" t="s">
        <v>26036</v>
      </c>
      <c r="B6678" s="1" t="s">
        <v>26037</v>
      </c>
      <c r="C6678" s="1" t="s">
        <v>60</v>
      </c>
      <c r="D6678" s="1" t="s">
        <v>26079</v>
      </c>
      <c r="E6678" s="1" t="s">
        <v>26080</v>
      </c>
      <c r="F6678" s="1" t="s">
        <v>26081</v>
      </c>
      <c r="G6678" s="1" t="s">
        <v>26041</v>
      </c>
      <c r="H6678" s="1" t="s">
        <v>26042</v>
      </c>
      <c r="I6678" s="1" t="s">
        <v>26043</v>
      </c>
      <c r="J6678" s="1" t="s">
        <v>26082</v>
      </c>
    </row>
    <row r="6679" spans="1:10" x14ac:dyDescent="0.35">
      <c r="A6679" s="1" t="s">
        <v>26036</v>
      </c>
      <c r="B6679" s="1" t="s">
        <v>26037</v>
      </c>
      <c r="C6679" s="1" t="s">
        <v>65</v>
      </c>
      <c r="D6679" s="1" t="s">
        <v>26083</v>
      </c>
      <c r="E6679" s="1" t="s">
        <v>26084</v>
      </c>
      <c r="F6679" s="1" t="s">
        <v>26085</v>
      </c>
      <c r="G6679" s="1" t="s">
        <v>26041</v>
      </c>
      <c r="H6679" s="1" t="s">
        <v>26042</v>
      </c>
      <c r="I6679" s="1" t="s">
        <v>26043</v>
      </c>
      <c r="J6679" s="1" t="s">
        <v>26086</v>
      </c>
    </row>
    <row r="6680" spans="1:10" x14ac:dyDescent="0.35">
      <c r="A6680" s="1" t="s">
        <v>26036</v>
      </c>
      <c r="B6680" s="1" t="s">
        <v>26037</v>
      </c>
      <c r="C6680" s="1" t="s">
        <v>70</v>
      </c>
      <c r="D6680" s="1" t="s">
        <v>26087</v>
      </c>
      <c r="E6680" s="1" t="s">
        <v>26088</v>
      </c>
      <c r="F6680" s="1" t="s">
        <v>26089</v>
      </c>
      <c r="G6680" s="1" t="s">
        <v>26041</v>
      </c>
      <c r="H6680" s="1" t="s">
        <v>26042</v>
      </c>
      <c r="I6680" s="1" t="s">
        <v>26043</v>
      </c>
      <c r="J6680" s="1" t="s">
        <v>26090</v>
      </c>
    </row>
    <row r="6681" spans="1:10" x14ac:dyDescent="0.35">
      <c r="A6681" s="1" t="s">
        <v>26036</v>
      </c>
      <c r="B6681" s="1" t="s">
        <v>26037</v>
      </c>
      <c r="C6681" s="1" t="s">
        <v>75</v>
      </c>
      <c r="D6681" s="1" t="s">
        <v>26091</v>
      </c>
      <c r="E6681" s="1" t="s">
        <v>26092</v>
      </c>
      <c r="F6681" s="1" t="s">
        <v>26093</v>
      </c>
      <c r="G6681" s="1" t="s">
        <v>26041</v>
      </c>
      <c r="H6681" s="1" t="s">
        <v>26042</v>
      </c>
      <c r="I6681" s="1" t="s">
        <v>26043</v>
      </c>
      <c r="J6681" s="1" t="s">
        <v>26094</v>
      </c>
    </row>
    <row r="6682" spans="1:10" x14ac:dyDescent="0.35">
      <c r="A6682" s="1" t="s">
        <v>26036</v>
      </c>
      <c r="B6682" s="1" t="s">
        <v>26037</v>
      </c>
      <c r="C6682" s="1" t="s">
        <v>80</v>
      </c>
      <c r="D6682" s="1" t="s">
        <v>26095</v>
      </c>
      <c r="E6682" s="1" t="s">
        <v>26096</v>
      </c>
      <c r="F6682" s="1" t="s">
        <v>26097</v>
      </c>
      <c r="G6682" s="1" t="s">
        <v>26041</v>
      </c>
      <c r="H6682" s="1" t="s">
        <v>26042</v>
      </c>
      <c r="I6682" s="1" t="s">
        <v>26043</v>
      </c>
      <c r="J6682" s="1" t="s">
        <v>26098</v>
      </c>
    </row>
    <row r="6683" spans="1:10" x14ac:dyDescent="0.35">
      <c r="A6683" s="1" t="s">
        <v>26036</v>
      </c>
      <c r="B6683" s="1" t="s">
        <v>26037</v>
      </c>
      <c r="C6683" s="1" t="s">
        <v>85</v>
      </c>
      <c r="D6683" s="1" t="s">
        <v>26099</v>
      </c>
      <c r="E6683" s="1" t="s">
        <v>26100</v>
      </c>
      <c r="F6683" s="1" t="s">
        <v>26101</v>
      </c>
      <c r="G6683" s="1" t="s">
        <v>26041</v>
      </c>
      <c r="H6683" s="1" t="s">
        <v>26042</v>
      </c>
      <c r="I6683" s="1" t="s">
        <v>26043</v>
      </c>
      <c r="J6683" s="1" t="s">
        <v>26102</v>
      </c>
    </row>
    <row r="6684" spans="1:10" x14ac:dyDescent="0.35">
      <c r="A6684" s="1" t="s">
        <v>26036</v>
      </c>
      <c r="B6684" s="1" t="s">
        <v>26037</v>
      </c>
      <c r="C6684" s="1" t="s">
        <v>90</v>
      </c>
      <c r="D6684" s="1" t="s">
        <v>26103</v>
      </c>
      <c r="E6684" s="1" t="s">
        <v>26104</v>
      </c>
      <c r="F6684" s="1" t="s">
        <v>26105</v>
      </c>
      <c r="G6684" s="1" t="s">
        <v>26041</v>
      </c>
      <c r="H6684" s="1" t="s">
        <v>26042</v>
      </c>
      <c r="I6684" s="1" t="s">
        <v>26043</v>
      </c>
      <c r="J6684" s="1" t="s">
        <v>26106</v>
      </c>
    </row>
    <row r="6685" spans="1:10" x14ac:dyDescent="0.35">
      <c r="A6685" s="1" t="s">
        <v>26036</v>
      </c>
      <c r="B6685" s="1" t="s">
        <v>26037</v>
      </c>
      <c r="C6685" s="1" t="s">
        <v>95</v>
      </c>
      <c r="D6685" s="1" t="s">
        <v>26107</v>
      </c>
      <c r="E6685" s="1" t="s">
        <v>26108</v>
      </c>
      <c r="F6685" s="1" t="s">
        <v>26109</v>
      </c>
      <c r="G6685" s="1" t="s">
        <v>26041</v>
      </c>
      <c r="H6685" s="1" t="s">
        <v>26042</v>
      </c>
      <c r="I6685" s="1" t="s">
        <v>26043</v>
      </c>
      <c r="J6685" s="1" t="s">
        <v>26110</v>
      </c>
    </row>
    <row r="6686" spans="1:10" x14ac:dyDescent="0.35">
      <c r="A6686" s="1" t="s">
        <v>26036</v>
      </c>
      <c r="B6686" s="1" t="s">
        <v>26037</v>
      </c>
      <c r="C6686" s="1" t="s">
        <v>100</v>
      </c>
      <c r="D6686" s="1" t="s">
        <v>26111</v>
      </c>
      <c r="E6686" s="1" t="s">
        <v>26112</v>
      </c>
      <c r="F6686" s="1" t="s">
        <v>26113</v>
      </c>
      <c r="G6686" s="1" t="s">
        <v>26041</v>
      </c>
      <c r="H6686" s="1" t="s">
        <v>26042</v>
      </c>
      <c r="I6686" s="1" t="s">
        <v>26043</v>
      </c>
      <c r="J6686" s="1" t="s">
        <v>26114</v>
      </c>
    </row>
    <row r="6687" spans="1:10" x14ac:dyDescent="0.35">
      <c r="A6687" s="1" t="s">
        <v>26036</v>
      </c>
      <c r="B6687" s="1" t="s">
        <v>26037</v>
      </c>
      <c r="C6687" s="1" t="s">
        <v>105</v>
      </c>
      <c r="D6687" s="1" t="s">
        <v>26115</v>
      </c>
      <c r="E6687" s="1" t="s">
        <v>26116</v>
      </c>
      <c r="F6687" s="1" t="s">
        <v>26117</v>
      </c>
      <c r="G6687" s="1" t="s">
        <v>26041</v>
      </c>
      <c r="H6687" s="1" t="s">
        <v>26042</v>
      </c>
      <c r="I6687" s="1" t="s">
        <v>26043</v>
      </c>
      <c r="J6687" s="1" t="s">
        <v>26118</v>
      </c>
    </row>
    <row r="6688" spans="1:10" x14ac:dyDescent="0.35">
      <c r="A6688" s="1" t="s">
        <v>26036</v>
      </c>
      <c r="B6688" s="1" t="s">
        <v>26037</v>
      </c>
      <c r="C6688" s="1" t="s">
        <v>110</v>
      </c>
      <c r="D6688" s="1" t="s">
        <v>26119</v>
      </c>
      <c r="E6688" s="1" t="s">
        <v>26120</v>
      </c>
      <c r="F6688" s="1" t="s">
        <v>26121</v>
      </c>
      <c r="G6688" s="1" t="s">
        <v>26041</v>
      </c>
      <c r="H6688" s="1" t="s">
        <v>26042</v>
      </c>
      <c r="I6688" s="1" t="s">
        <v>26043</v>
      </c>
      <c r="J6688" s="1" t="s">
        <v>26122</v>
      </c>
    </row>
    <row r="6689" spans="1:10" x14ac:dyDescent="0.35">
      <c r="A6689" s="1" t="s">
        <v>26036</v>
      </c>
      <c r="B6689" s="1" t="s">
        <v>26037</v>
      </c>
      <c r="C6689" s="1" t="s">
        <v>115</v>
      </c>
      <c r="D6689" s="1" t="s">
        <v>26123</v>
      </c>
      <c r="E6689" s="1" t="s">
        <v>26124</v>
      </c>
      <c r="F6689" s="1" t="s">
        <v>26125</v>
      </c>
      <c r="G6689" s="1" t="s">
        <v>26041</v>
      </c>
      <c r="H6689" s="1" t="s">
        <v>26042</v>
      </c>
      <c r="I6689" s="1" t="s">
        <v>26043</v>
      </c>
      <c r="J6689" s="1" t="s">
        <v>26126</v>
      </c>
    </row>
    <row r="6690" spans="1:10" x14ac:dyDescent="0.35">
      <c r="A6690" s="1" t="s">
        <v>26036</v>
      </c>
      <c r="B6690" s="1" t="s">
        <v>26037</v>
      </c>
      <c r="C6690" s="1" t="s">
        <v>120</v>
      </c>
      <c r="D6690" s="1" t="s">
        <v>26127</v>
      </c>
      <c r="E6690" s="1" t="s">
        <v>26128</v>
      </c>
      <c r="F6690" s="1" t="s">
        <v>26129</v>
      </c>
      <c r="G6690" s="1" t="s">
        <v>26041</v>
      </c>
      <c r="H6690" s="1" t="s">
        <v>26042</v>
      </c>
      <c r="I6690" s="1" t="s">
        <v>26043</v>
      </c>
      <c r="J6690" s="1" t="s">
        <v>26130</v>
      </c>
    </row>
    <row r="6691" spans="1:10" x14ac:dyDescent="0.35">
      <c r="A6691" s="1" t="s">
        <v>26036</v>
      </c>
      <c r="B6691" s="1" t="s">
        <v>26037</v>
      </c>
      <c r="C6691" s="1" t="s">
        <v>125</v>
      </c>
      <c r="D6691" s="1" t="s">
        <v>26131</v>
      </c>
      <c r="E6691" s="1" t="s">
        <v>26132</v>
      </c>
      <c r="F6691" s="1" t="s">
        <v>26133</v>
      </c>
      <c r="G6691" s="1" t="s">
        <v>26041</v>
      </c>
      <c r="H6691" s="1" t="s">
        <v>26042</v>
      </c>
      <c r="I6691" s="1" t="s">
        <v>26043</v>
      </c>
      <c r="J6691" s="1" t="s">
        <v>26134</v>
      </c>
    </row>
    <row r="6692" spans="1:10" x14ac:dyDescent="0.35">
      <c r="A6692" s="1" t="s">
        <v>26036</v>
      </c>
      <c r="B6692" s="1" t="s">
        <v>26037</v>
      </c>
      <c r="C6692" s="1" t="s">
        <v>130</v>
      </c>
      <c r="D6692" s="1" t="s">
        <v>26135</v>
      </c>
      <c r="E6692" s="1" t="s">
        <v>26136</v>
      </c>
      <c r="F6692" s="1" t="s">
        <v>26137</v>
      </c>
      <c r="G6692" s="1" t="s">
        <v>26041</v>
      </c>
      <c r="H6692" s="1" t="s">
        <v>26042</v>
      </c>
      <c r="I6692" s="1" t="s">
        <v>26043</v>
      </c>
      <c r="J6692" s="1" t="s">
        <v>26138</v>
      </c>
    </row>
    <row r="6693" spans="1:10" x14ac:dyDescent="0.35">
      <c r="A6693" s="1" t="s">
        <v>26036</v>
      </c>
      <c r="B6693" s="1" t="s">
        <v>26037</v>
      </c>
      <c r="C6693" s="1" t="s">
        <v>135</v>
      </c>
      <c r="D6693" s="1" t="s">
        <v>26139</v>
      </c>
      <c r="E6693" s="1" t="s">
        <v>26140</v>
      </c>
      <c r="F6693" s="1" t="s">
        <v>26141</v>
      </c>
      <c r="G6693" s="1" t="s">
        <v>26041</v>
      </c>
      <c r="H6693" s="1" t="s">
        <v>26042</v>
      </c>
      <c r="I6693" s="1" t="s">
        <v>26043</v>
      </c>
      <c r="J6693" s="1" t="s">
        <v>26142</v>
      </c>
    </row>
    <row r="6694" spans="1:10" x14ac:dyDescent="0.35">
      <c r="A6694" s="1" t="s">
        <v>26036</v>
      </c>
      <c r="B6694" s="1" t="s">
        <v>26037</v>
      </c>
      <c r="C6694" s="1" t="s">
        <v>140</v>
      </c>
      <c r="D6694" s="1" t="s">
        <v>26143</v>
      </c>
      <c r="E6694" s="1" t="s">
        <v>26144</v>
      </c>
      <c r="F6694" s="1" t="s">
        <v>26145</v>
      </c>
      <c r="G6694" s="1" t="s">
        <v>26041</v>
      </c>
      <c r="H6694" s="1" t="s">
        <v>26042</v>
      </c>
      <c r="I6694" s="1" t="s">
        <v>26043</v>
      </c>
      <c r="J6694" s="1" t="s">
        <v>26146</v>
      </c>
    </row>
    <row r="6695" spans="1:10" x14ac:dyDescent="0.35">
      <c r="A6695" s="1" t="s">
        <v>26036</v>
      </c>
      <c r="B6695" s="1" t="s">
        <v>26037</v>
      </c>
      <c r="C6695" s="1" t="s">
        <v>145</v>
      </c>
      <c r="D6695" s="1" t="s">
        <v>26147</v>
      </c>
      <c r="E6695" s="1" t="s">
        <v>26148</v>
      </c>
      <c r="F6695" s="1" t="s">
        <v>26149</v>
      </c>
      <c r="G6695" s="1" t="s">
        <v>26041</v>
      </c>
      <c r="H6695" s="1" t="s">
        <v>26042</v>
      </c>
      <c r="I6695" s="1" t="s">
        <v>26043</v>
      </c>
      <c r="J6695" s="1" t="s">
        <v>26150</v>
      </c>
    </row>
    <row r="6696" spans="1:10" x14ac:dyDescent="0.35">
      <c r="A6696" s="1" t="s">
        <v>26036</v>
      </c>
      <c r="B6696" s="1" t="s">
        <v>26037</v>
      </c>
      <c r="C6696" s="1" t="s">
        <v>150</v>
      </c>
      <c r="D6696" s="1" t="s">
        <v>26151</v>
      </c>
      <c r="E6696" s="1" t="s">
        <v>26152</v>
      </c>
      <c r="F6696" s="1" t="s">
        <v>26153</v>
      </c>
      <c r="G6696" s="1" t="s">
        <v>26041</v>
      </c>
      <c r="H6696" s="1" t="s">
        <v>26042</v>
      </c>
      <c r="I6696" s="1" t="s">
        <v>26043</v>
      </c>
      <c r="J6696" s="1" t="s">
        <v>26154</v>
      </c>
    </row>
    <row r="6697" spans="1:10" x14ac:dyDescent="0.35">
      <c r="A6697" s="1" t="s">
        <v>26036</v>
      </c>
      <c r="B6697" s="1" t="s">
        <v>26037</v>
      </c>
      <c r="C6697" s="1" t="s">
        <v>155</v>
      </c>
      <c r="D6697" s="1" t="s">
        <v>26155</v>
      </c>
      <c r="E6697" s="1" t="s">
        <v>26156</v>
      </c>
      <c r="F6697" s="1" t="s">
        <v>26157</v>
      </c>
      <c r="G6697" s="1" t="s">
        <v>26041</v>
      </c>
      <c r="H6697" s="1" t="s">
        <v>26042</v>
      </c>
      <c r="I6697" s="1" t="s">
        <v>26043</v>
      </c>
      <c r="J6697" s="1" t="s">
        <v>26158</v>
      </c>
    </row>
    <row r="6698" spans="1:10" x14ac:dyDescent="0.35">
      <c r="A6698" s="1" t="s">
        <v>26036</v>
      </c>
      <c r="B6698" s="1" t="s">
        <v>26037</v>
      </c>
      <c r="C6698" s="1" t="s">
        <v>160</v>
      </c>
      <c r="D6698" s="1" t="s">
        <v>26159</v>
      </c>
      <c r="E6698" s="1" t="s">
        <v>26160</v>
      </c>
      <c r="F6698" s="1" t="s">
        <v>26161</v>
      </c>
      <c r="G6698" s="1" t="s">
        <v>26041</v>
      </c>
      <c r="H6698" s="1" t="s">
        <v>26042</v>
      </c>
      <c r="I6698" s="1" t="s">
        <v>26043</v>
      </c>
      <c r="J6698" s="1" t="s">
        <v>26162</v>
      </c>
    </row>
    <row r="6699" spans="1:10" x14ac:dyDescent="0.35">
      <c r="A6699" s="1" t="s">
        <v>26036</v>
      </c>
      <c r="B6699" s="1" t="s">
        <v>26037</v>
      </c>
      <c r="C6699" s="1" t="s">
        <v>165</v>
      </c>
      <c r="D6699" s="1" t="s">
        <v>26163</v>
      </c>
      <c r="E6699" s="1" t="s">
        <v>26164</v>
      </c>
      <c r="F6699" s="1" t="s">
        <v>26165</v>
      </c>
      <c r="G6699" s="1" t="s">
        <v>26041</v>
      </c>
      <c r="H6699" s="1" t="s">
        <v>26042</v>
      </c>
      <c r="I6699" s="1" t="s">
        <v>26043</v>
      </c>
      <c r="J6699" s="1" t="s">
        <v>26166</v>
      </c>
    </row>
    <row r="6700" spans="1:10" x14ac:dyDescent="0.35">
      <c r="A6700" s="1" t="s">
        <v>26036</v>
      </c>
      <c r="B6700" s="1" t="s">
        <v>26037</v>
      </c>
      <c r="C6700" s="1" t="s">
        <v>170</v>
      </c>
      <c r="D6700" s="1" t="s">
        <v>26167</v>
      </c>
      <c r="E6700" s="1" t="s">
        <v>26168</v>
      </c>
      <c r="F6700" s="1" t="s">
        <v>26169</v>
      </c>
      <c r="G6700" s="1" t="s">
        <v>26041</v>
      </c>
      <c r="H6700" s="1" t="s">
        <v>26042</v>
      </c>
      <c r="I6700" s="1" t="s">
        <v>26043</v>
      </c>
      <c r="J6700" s="1" t="s">
        <v>26170</v>
      </c>
    </row>
    <row r="6701" spans="1:10" x14ac:dyDescent="0.35">
      <c r="A6701" s="1" t="s">
        <v>26171</v>
      </c>
      <c r="B6701" s="1" t="s">
        <v>26037</v>
      </c>
      <c r="C6701" s="1" t="s">
        <v>8</v>
      </c>
      <c r="D6701" s="1" t="s">
        <v>26172</v>
      </c>
      <c r="E6701" s="1" t="s">
        <v>26173</v>
      </c>
      <c r="F6701" s="1" t="s">
        <v>26174</v>
      </c>
      <c r="G6701" s="1" t="s">
        <v>26175</v>
      </c>
      <c r="H6701" s="1" t="s">
        <v>26176</v>
      </c>
      <c r="I6701" s="1" t="s">
        <v>26043</v>
      </c>
      <c r="J6701" s="1" t="s">
        <v>13</v>
      </c>
    </row>
    <row r="6702" spans="1:10" x14ac:dyDescent="0.35">
      <c r="A6702" s="1" t="s">
        <v>26171</v>
      </c>
      <c r="B6702" s="1" t="s">
        <v>26037</v>
      </c>
      <c r="C6702" s="1" t="s">
        <v>15</v>
      </c>
      <c r="D6702" s="1" t="s">
        <v>26177</v>
      </c>
      <c r="E6702" s="1" t="s">
        <v>26178</v>
      </c>
      <c r="F6702" s="1" t="s">
        <v>26179</v>
      </c>
      <c r="G6702" s="1" t="s">
        <v>26175</v>
      </c>
      <c r="H6702" s="1" t="s">
        <v>26176</v>
      </c>
      <c r="I6702" s="1" t="s">
        <v>26043</v>
      </c>
      <c r="J6702" s="1" t="s">
        <v>26180</v>
      </c>
    </row>
    <row r="6703" spans="1:10" x14ac:dyDescent="0.35">
      <c r="A6703" s="1" t="s">
        <v>26171</v>
      </c>
      <c r="B6703" s="1" t="s">
        <v>26037</v>
      </c>
      <c r="C6703" s="1" t="s">
        <v>20</v>
      </c>
      <c r="D6703" s="1" t="s">
        <v>26181</v>
      </c>
      <c r="E6703" s="1" t="s">
        <v>23187</v>
      </c>
      <c r="F6703" s="1" t="s">
        <v>26182</v>
      </c>
      <c r="G6703" s="1" t="s">
        <v>26175</v>
      </c>
      <c r="H6703" s="1" t="s">
        <v>26176</v>
      </c>
      <c r="I6703" s="1" t="s">
        <v>26043</v>
      </c>
      <c r="J6703" s="1" t="s">
        <v>26183</v>
      </c>
    </row>
    <row r="6704" spans="1:10" x14ac:dyDescent="0.35">
      <c r="A6704" s="1" t="s">
        <v>26171</v>
      </c>
      <c r="B6704" s="1" t="s">
        <v>26037</v>
      </c>
      <c r="C6704" s="1" t="s">
        <v>25</v>
      </c>
      <c r="D6704" s="1" t="s">
        <v>26184</v>
      </c>
      <c r="E6704" s="1" t="s">
        <v>26185</v>
      </c>
      <c r="F6704" s="1" t="s">
        <v>15611</v>
      </c>
      <c r="G6704" s="1" t="s">
        <v>26175</v>
      </c>
      <c r="H6704" s="1" t="s">
        <v>26176</v>
      </c>
      <c r="I6704" s="1" t="s">
        <v>26043</v>
      </c>
      <c r="J6704" s="1" t="s">
        <v>26186</v>
      </c>
    </row>
    <row r="6705" spans="1:10" x14ac:dyDescent="0.35">
      <c r="A6705" s="1" t="s">
        <v>26171</v>
      </c>
      <c r="B6705" s="1" t="s">
        <v>26037</v>
      </c>
      <c r="C6705" s="1" t="s">
        <v>30</v>
      </c>
      <c r="D6705" s="1" t="s">
        <v>26187</v>
      </c>
      <c r="E6705" s="1" t="s">
        <v>22363</v>
      </c>
      <c r="F6705" s="1" t="s">
        <v>26188</v>
      </c>
      <c r="G6705" s="1" t="s">
        <v>26175</v>
      </c>
      <c r="H6705" s="1" t="s">
        <v>26176</v>
      </c>
      <c r="I6705" s="1" t="s">
        <v>26043</v>
      </c>
      <c r="J6705" s="1" t="s">
        <v>26189</v>
      </c>
    </row>
    <row r="6706" spans="1:10" x14ac:dyDescent="0.35">
      <c r="A6706" s="1" t="s">
        <v>26171</v>
      </c>
      <c r="B6706" s="1" t="s">
        <v>26037</v>
      </c>
      <c r="C6706" s="1" t="s">
        <v>35</v>
      </c>
      <c r="D6706" s="1" t="s">
        <v>26190</v>
      </c>
      <c r="E6706" s="1" t="s">
        <v>26191</v>
      </c>
      <c r="F6706" s="1" t="s">
        <v>26192</v>
      </c>
      <c r="G6706" s="1" t="s">
        <v>26175</v>
      </c>
      <c r="H6706" s="1" t="s">
        <v>26176</v>
      </c>
      <c r="I6706" s="1" t="s">
        <v>26043</v>
      </c>
      <c r="J6706" s="1" t="s">
        <v>26193</v>
      </c>
    </row>
    <row r="6707" spans="1:10" x14ac:dyDescent="0.35">
      <c r="A6707" s="1" t="s">
        <v>26171</v>
      </c>
      <c r="B6707" s="1" t="s">
        <v>26037</v>
      </c>
      <c r="C6707" s="1" t="s">
        <v>40</v>
      </c>
      <c r="D6707" s="1" t="s">
        <v>26194</v>
      </c>
      <c r="E6707" s="1" t="s">
        <v>21764</v>
      </c>
      <c r="F6707" s="1" t="s">
        <v>26195</v>
      </c>
      <c r="G6707" s="1" t="s">
        <v>26175</v>
      </c>
      <c r="H6707" s="1" t="s">
        <v>26176</v>
      </c>
      <c r="I6707" s="1" t="s">
        <v>26043</v>
      </c>
      <c r="J6707" s="1" t="s">
        <v>26196</v>
      </c>
    </row>
    <row r="6708" spans="1:10" x14ac:dyDescent="0.35">
      <c r="A6708" s="1" t="s">
        <v>26171</v>
      </c>
      <c r="B6708" s="1" t="s">
        <v>26037</v>
      </c>
      <c r="C6708" s="1" t="s">
        <v>45</v>
      </c>
      <c r="D6708" s="1" t="s">
        <v>26197</v>
      </c>
      <c r="E6708" s="1" t="s">
        <v>26198</v>
      </c>
      <c r="F6708" s="1" t="s">
        <v>26199</v>
      </c>
      <c r="G6708" s="1" t="s">
        <v>26175</v>
      </c>
      <c r="H6708" s="1" t="s">
        <v>26176</v>
      </c>
      <c r="I6708" s="1" t="s">
        <v>26043</v>
      </c>
      <c r="J6708" s="1" t="s">
        <v>26200</v>
      </c>
    </row>
    <row r="6709" spans="1:10" x14ac:dyDescent="0.35">
      <c r="A6709" s="1" t="s">
        <v>26171</v>
      </c>
      <c r="B6709" s="1" t="s">
        <v>26037</v>
      </c>
      <c r="C6709" s="1" t="s">
        <v>50</v>
      </c>
      <c r="D6709" s="1" t="s">
        <v>26201</v>
      </c>
      <c r="E6709" s="1" t="s">
        <v>26202</v>
      </c>
      <c r="F6709" s="1" t="s">
        <v>26203</v>
      </c>
      <c r="G6709" s="1" t="s">
        <v>26175</v>
      </c>
      <c r="H6709" s="1" t="s">
        <v>26176</v>
      </c>
      <c r="I6709" s="1" t="s">
        <v>26043</v>
      </c>
      <c r="J6709" s="1" t="s">
        <v>26204</v>
      </c>
    </row>
    <row r="6710" spans="1:10" x14ac:dyDescent="0.35">
      <c r="A6710" s="1" t="s">
        <v>26171</v>
      </c>
      <c r="B6710" s="1" t="s">
        <v>26037</v>
      </c>
      <c r="C6710" s="1" t="s">
        <v>55</v>
      </c>
      <c r="D6710" s="1" t="s">
        <v>26205</v>
      </c>
      <c r="E6710" s="1" t="s">
        <v>26206</v>
      </c>
      <c r="F6710" s="1" t="s">
        <v>26207</v>
      </c>
      <c r="G6710" s="1" t="s">
        <v>26175</v>
      </c>
      <c r="H6710" s="1" t="s">
        <v>26176</v>
      </c>
      <c r="I6710" s="1" t="s">
        <v>26043</v>
      </c>
      <c r="J6710" s="1" t="s">
        <v>26208</v>
      </c>
    </row>
    <row r="6711" spans="1:10" x14ac:dyDescent="0.35">
      <c r="A6711" s="1" t="s">
        <v>26171</v>
      </c>
      <c r="B6711" s="1" t="s">
        <v>26037</v>
      </c>
      <c r="C6711" s="1" t="s">
        <v>60</v>
      </c>
      <c r="D6711" s="1" t="s">
        <v>26209</v>
      </c>
      <c r="E6711" s="1" t="s">
        <v>26210</v>
      </c>
      <c r="F6711" s="1" t="s">
        <v>26211</v>
      </c>
      <c r="G6711" s="1" t="s">
        <v>26175</v>
      </c>
      <c r="H6711" s="1" t="s">
        <v>26176</v>
      </c>
      <c r="I6711" s="1" t="s">
        <v>26043</v>
      </c>
      <c r="J6711" s="1" t="s">
        <v>26212</v>
      </c>
    </row>
    <row r="6712" spans="1:10" x14ac:dyDescent="0.35">
      <c r="A6712" s="1" t="s">
        <v>26171</v>
      </c>
      <c r="B6712" s="1" t="s">
        <v>26037</v>
      </c>
      <c r="C6712" s="1" t="s">
        <v>65</v>
      </c>
      <c r="D6712" s="1" t="s">
        <v>26213</v>
      </c>
      <c r="E6712" s="1" t="s">
        <v>26214</v>
      </c>
      <c r="F6712" s="1" t="s">
        <v>26215</v>
      </c>
      <c r="G6712" s="1" t="s">
        <v>26175</v>
      </c>
      <c r="H6712" s="1" t="s">
        <v>26176</v>
      </c>
      <c r="I6712" s="1" t="s">
        <v>26043</v>
      </c>
      <c r="J6712" s="1" t="s">
        <v>26216</v>
      </c>
    </row>
    <row r="6713" spans="1:10" x14ac:dyDescent="0.35">
      <c r="A6713" s="1" t="s">
        <v>26171</v>
      </c>
      <c r="B6713" s="1" t="s">
        <v>26037</v>
      </c>
      <c r="C6713" s="1" t="s">
        <v>70</v>
      </c>
      <c r="D6713" s="1" t="s">
        <v>26217</v>
      </c>
      <c r="E6713" s="1" t="s">
        <v>26218</v>
      </c>
      <c r="F6713" s="1" t="s">
        <v>26219</v>
      </c>
      <c r="G6713" s="1" t="s">
        <v>26175</v>
      </c>
      <c r="H6713" s="1" t="s">
        <v>26176</v>
      </c>
      <c r="I6713" s="1" t="s">
        <v>26043</v>
      </c>
      <c r="J6713" s="1" t="s">
        <v>26220</v>
      </c>
    </row>
    <row r="6714" spans="1:10" x14ac:dyDescent="0.35">
      <c r="A6714" s="1" t="s">
        <v>26171</v>
      </c>
      <c r="B6714" s="1" t="s">
        <v>26037</v>
      </c>
      <c r="C6714" s="1" t="s">
        <v>75</v>
      </c>
      <c r="D6714" s="1" t="s">
        <v>26221</v>
      </c>
      <c r="E6714" s="1" t="s">
        <v>26222</v>
      </c>
      <c r="F6714" s="1" t="s">
        <v>19901</v>
      </c>
      <c r="G6714" s="1" t="s">
        <v>26175</v>
      </c>
      <c r="H6714" s="1" t="s">
        <v>26176</v>
      </c>
      <c r="I6714" s="1" t="s">
        <v>26043</v>
      </c>
      <c r="J6714" s="1" t="s">
        <v>26223</v>
      </c>
    </row>
    <row r="6715" spans="1:10" x14ac:dyDescent="0.35">
      <c r="A6715" s="1" t="s">
        <v>26171</v>
      </c>
      <c r="B6715" s="1" t="s">
        <v>26037</v>
      </c>
      <c r="C6715" s="1" t="s">
        <v>80</v>
      </c>
      <c r="D6715" s="1" t="s">
        <v>26224</v>
      </c>
      <c r="E6715" s="1" t="s">
        <v>26225</v>
      </c>
      <c r="F6715" s="1" t="s">
        <v>26226</v>
      </c>
      <c r="G6715" s="1" t="s">
        <v>26175</v>
      </c>
      <c r="H6715" s="1" t="s">
        <v>26176</v>
      </c>
      <c r="I6715" s="1" t="s">
        <v>26043</v>
      </c>
      <c r="J6715" s="1" t="s">
        <v>26227</v>
      </c>
    </row>
    <row r="6716" spans="1:10" x14ac:dyDescent="0.35">
      <c r="A6716" s="1" t="s">
        <v>26171</v>
      </c>
      <c r="B6716" s="1" t="s">
        <v>26037</v>
      </c>
      <c r="C6716" s="1" t="s">
        <v>85</v>
      </c>
      <c r="D6716" s="1" t="s">
        <v>26228</v>
      </c>
      <c r="E6716" s="1" t="s">
        <v>15841</v>
      </c>
      <c r="F6716" s="1" t="s">
        <v>26229</v>
      </c>
      <c r="G6716" s="1" t="s">
        <v>26175</v>
      </c>
      <c r="H6716" s="1" t="s">
        <v>26176</v>
      </c>
      <c r="I6716" s="1" t="s">
        <v>26043</v>
      </c>
      <c r="J6716" s="1" t="s">
        <v>26230</v>
      </c>
    </row>
    <row r="6717" spans="1:10" x14ac:dyDescent="0.35">
      <c r="A6717" s="1" t="s">
        <v>26171</v>
      </c>
      <c r="B6717" s="1" t="s">
        <v>26037</v>
      </c>
      <c r="C6717" s="1" t="s">
        <v>90</v>
      </c>
      <c r="D6717" s="1" t="s">
        <v>26231</v>
      </c>
      <c r="E6717" s="1" t="s">
        <v>26232</v>
      </c>
      <c r="F6717" s="1" t="s">
        <v>26233</v>
      </c>
      <c r="G6717" s="1" t="s">
        <v>26175</v>
      </c>
      <c r="H6717" s="1" t="s">
        <v>26176</v>
      </c>
      <c r="I6717" s="1" t="s">
        <v>26043</v>
      </c>
      <c r="J6717" s="1" t="s">
        <v>26234</v>
      </c>
    </row>
    <row r="6718" spans="1:10" x14ac:dyDescent="0.35">
      <c r="A6718" s="1" t="s">
        <v>26171</v>
      </c>
      <c r="B6718" s="1" t="s">
        <v>26037</v>
      </c>
      <c r="C6718" s="1" t="s">
        <v>95</v>
      </c>
      <c r="D6718" s="1" t="s">
        <v>19722</v>
      </c>
      <c r="E6718" s="1" t="s">
        <v>26235</v>
      </c>
      <c r="F6718" s="1" t="s">
        <v>26236</v>
      </c>
      <c r="G6718" s="1" t="s">
        <v>26175</v>
      </c>
      <c r="H6718" s="1" t="s">
        <v>26176</v>
      </c>
      <c r="I6718" s="1" t="s">
        <v>26043</v>
      </c>
      <c r="J6718" s="1" t="s">
        <v>26237</v>
      </c>
    </row>
    <row r="6719" spans="1:10" x14ac:dyDescent="0.35">
      <c r="A6719" s="1" t="s">
        <v>26171</v>
      </c>
      <c r="B6719" s="1" t="s">
        <v>26037</v>
      </c>
      <c r="C6719" s="1" t="s">
        <v>100</v>
      </c>
      <c r="D6719" s="1" t="s">
        <v>26238</v>
      </c>
      <c r="E6719" s="1" t="s">
        <v>26239</v>
      </c>
      <c r="F6719" s="1" t="s">
        <v>26240</v>
      </c>
      <c r="G6719" s="1" t="s">
        <v>26175</v>
      </c>
      <c r="H6719" s="1" t="s">
        <v>26176</v>
      </c>
      <c r="I6719" s="1" t="s">
        <v>26043</v>
      </c>
      <c r="J6719" s="1" t="s">
        <v>26241</v>
      </c>
    </row>
    <row r="6720" spans="1:10" x14ac:dyDescent="0.35">
      <c r="A6720" s="1" t="s">
        <v>26171</v>
      </c>
      <c r="B6720" s="1" t="s">
        <v>26037</v>
      </c>
      <c r="C6720" s="1" t="s">
        <v>105</v>
      </c>
      <c r="D6720" s="1" t="s">
        <v>26242</v>
      </c>
      <c r="E6720" s="1" t="s">
        <v>26243</v>
      </c>
      <c r="F6720" s="1" t="s">
        <v>26244</v>
      </c>
      <c r="G6720" s="1" t="s">
        <v>26175</v>
      </c>
      <c r="H6720" s="1" t="s">
        <v>26176</v>
      </c>
      <c r="I6720" s="1" t="s">
        <v>26043</v>
      </c>
      <c r="J6720" s="1" t="s">
        <v>26245</v>
      </c>
    </row>
    <row r="6721" spans="1:10" x14ac:dyDescent="0.35">
      <c r="A6721" s="1" t="s">
        <v>26171</v>
      </c>
      <c r="B6721" s="1" t="s">
        <v>26037</v>
      </c>
      <c r="C6721" s="1" t="s">
        <v>110</v>
      </c>
      <c r="D6721" s="1" t="s">
        <v>26246</v>
      </c>
      <c r="E6721" s="1" t="s">
        <v>26247</v>
      </c>
      <c r="F6721" s="1" t="s">
        <v>26248</v>
      </c>
      <c r="G6721" s="1" t="s">
        <v>26175</v>
      </c>
      <c r="H6721" s="1" t="s">
        <v>26176</v>
      </c>
      <c r="I6721" s="1" t="s">
        <v>26043</v>
      </c>
      <c r="J6721" s="1" t="s">
        <v>26249</v>
      </c>
    </row>
    <row r="6722" spans="1:10" x14ac:dyDescent="0.35">
      <c r="A6722" s="1" t="s">
        <v>26171</v>
      </c>
      <c r="B6722" s="1" t="s">
        <v>26037</v>
      </c>
      <c r="C6722" s="1" t="s">
        <v>115</v>
      </c>
      <c r="D6722" s="1" t="s">
        <v>26250</v>
      </c>
      <c r="E6722" s="1" t="s">
        <v>26251</v>
      </c>
      <c r="F6722" s="1" t="s">
        <v>26252</v>
      </c>
      <c r="G6722" s="1" t="s">
        <v>26175</v>
      </c>
      <c r="H6722" s="1" t="s">
        <v>26176</v>
      </c>
      <c r="I6722" s="1" t="s">
        <v>26043</v>
      </c>
      <c r="J6722" s="1" t="s">
        <v>26253</v>
      </c>
    </row>
    <row r="6723" spans="1:10" x14ac:dyDescent="0.35">
      <c r="A6723" s="1" t="s">
        <v>26171</v>
      </c>
      <c r="B6723" s="1" t="s">
        <v>26037</v>
      </c>
      <c r="C6723" s="1" t="s">
        <v>120</v>
      </c>
      <c r="D6723" s="1" t="s">
        <v>26254</v>
      </c>
      <c r="E6723" s="1" t="s">
        <v>23210</v>
      </c>
      <c r="F6723" s="1" t="s">
        <v>26255</v>
      </c>
      <c r="G6723" s="1" t="s">
        <v>26175</v>
      </c>
      <c r="H6723" s="1" t="s">
        <v>26176</v>
      </c>
      <c r="I6723" s="1" t="s">
        <v>26043</v>
      </c>
      <c r="J6723" s="1" t="s">
        <v>26256</v>
      </c>
    </row>
    <row r="6724" spans="1:10" x14ac:dyDescent="0.35">
      <c r="A6724" s="1" t="s">
        <v>26171</v>
      </c>
      <c r="B6724" s="1" t="s">
        <v>26037</v>
      </c>
      <c r="C6724" s="1" t="s">
        <v>125</v>
      </c>
      <c r="D6724" s="1" t="s">
        <v>26257</v>
      </c>
      <c r="E6724" s="1" t="s">
        <v>26191</v>
      </c>
      <c r="F6724" s="1" t="s">
        <v>26258</v>
      </c>
      <c r="G6724" s="1" t="s">
        <v>26175</v>
      </c>
      <c r="H6724" s="1" t="s">
        <v>26176</v>
      </c>
      <c r="I6724" s="1" t="s">
        <v>26043</v>
      </c>
      <c r="J6724" s="1" t="s">
        <v>26259</v>
      </c>
    </row>
    <row r="6725" spans="1:10" x14ac:dyDescent="0.35">
      <c r="A6725" s="1" t="s">
        <v>26171</v>
      </c>
      <c r="B6725" s="1" t="s">
        <v>26037</v>
      </c>
      <c r="C6725" s="1" t="s">
        <v>130</v>
      </c>
      <c r="D6725" s="1" t="s">
        <v>26260</v>
      </c>
      <c r="E6725" s="1" t="s">
        <v>26261</v>
      </c>
      <c r="F6725" s="1" t="s">
        <v>26262</v>
      </c>
      <c r="G6725" s="1" t="s">
        <v>26175</v>
      </c>
      <c r="H6725" s="1" t="s">
        <v>26176</v>
      </c>
      <c r="I6725" s="1" t="s">
        <v>26043</v>
      </c>
      <c r="J6725" s="1" t="s">
        <v>26263</v>
      </c>
    </row>
    <row r="6726" spans="1:10" x14ac:dyDescent="0.35">
      <c r="A6726" s="1" t="s">
        <v>26171</v>
      </c>
      <c r="B6726" s="1" t="s">
        <v>26037</v>
      </c>
      <c r="C6726" s="1" t="s">
        <v>135</v>
      </c>
      <c r="D6726" s="1" t="s">
        <v>26264</v>
      </c>
      <c r="E6726" s="1" t="s">
        <v>26265</v>
      </c>
      <c r="F6726" s="1" t="s">
        <v>26266</v>
      </c>
      <c r="G6726" s="1" t="s">
        <v>26175</v>
      </c>
      <c r="H6726" s="1" t="s">
        <v>26176</v>
      </c>
      <c r="I6726" s="1" t="s">
        <v>26043</v>
      </c>
      <c r="J6726" s="1" t="s">
        <v>26267</v>
      </c>
    </row>
    <row r="6727" spans="1:10" x14ac:dyDescent="0.35">
      <c r="A6727" s="1" t="s">
        <v>26171</v>
      </c>
      <c r="B6727" s="1" t="s">
        <v>26037</v>
      </c>
      <c r="C6727" s="1" t="s">
        <v>140</v>
      </c>
      <c r="D6727" s="1" t="s">
        <v>26268</v>
      </c>
      <c r="E6727" s="1" t="s">
        <v>26269</v>
      </c>
      <c r="F6727" s="1" t="s">
        <v>26270</v>
      </c>
      <c r="G6727" s="1" t="s">
        <v>26175</v>
      </c>
      <c r="H6727" s="1" t="s">
        <v>26176</v>
      </c>
      <c r="I6727" s="1" t="s">
        <v>26043</v>
      </c>
      <c r="J6727" s="1" t="s">
        <v>26271</v>
      </c>
    </row>
    <row r="6728" spans="1:10" x14ac:dyDescent="0.35">
      <c r="A6728" s="1" t="s">
        <v>26171</v>
      </c>
      <c r="B6728" s="1" t="s">
        <v>26037</v>
      </c>
      <c r="C6728" s="1" t="s">
        <v>145</v>
      </c>
      <c r="D6728" s="1" t="s">
        <v>26272</v>
      </c>
      <c r="E6728" s="1" t="s">
        <v>24292</v>
      </c>
      <c r="F6728" s="1" t="s">
        <v>26273</v>
      </c>
      <c r="G6728" s="1" t="s">
        <v>26175</v>
      </c>
      <c r="H6728" s="1" t="s">
        <v>26176</v>
      </c>
      <c r="I6728" s="1" t="s">
        <v>26043</v>
      </c>
      <c r="J6728" s="1" t="s">
        <v>26274</v>
      </c>
    </row>
    <row r="6729" spans="1:10" x14ac:dyDescent="0.35">
      <c r="A6729" s="1" t="s">
        <v>26171</v>
      </c>
      <c r="B6729" s="1" t="s">
        <v>26037</v>
      </c>
      <c r="C6729" s="1" t="s">
        <v>150</v>
      </c>
      <c r="D6729" s="1" t="s">
        <v>26275</v>
      </c>
      <c r="E6729" s="1" t="s">
        <v>26276</v>
      </c>
      <c r="F6729" s="1" t="s">
        <v>26277</v>
      </c>
      <c r="G6729" s="1" t="s">
        <v>26175</v>
      </c>
      <c r="H6729" s="1" t="s">
        <v>26176</v>
      </c>
      <c r="I6729" s="1" t="s">
        <v>26043</v>
      </c>
      <c r="J6729" s="1" t="s">
        <v>26278</v>
      </c>
    </row>
    <row r="6730" spans="1:10" x14ac:dyDescent="0.35">
      <c r="A6730" s="1" t="s">
        <v>26171</v>
      </c>
      <c r="B6730" s="1" t="s">
        <v>26037</v>
      </c>
      <c r="C6730" s="1" t="s">
        <v>155</v>
      </c>
      <c r="D6730" s="1" t="s">
        <v>26279</v>
      </c>
      <c r="E6730" s="1" t="s">
        <v>26280</v>
      </c>
      <c r="F6730" s="1" t="s">
        <v>26281</v>
      </c>
      <c r="G6730" s="1" t="s">
        <v>26175</v>
      </c>
      <c r="H6730" s="1" t="s">
        <v>26176</v>
      </c>
      <c r="I6730" s="1" t="s">
        <v>26043</v>
      </c>
      <c r="J6730" s="1" t="s">
        <v>26282</v>
      </c>
    </row>
    <row r="6731" spans="1:10" x14ac:dyDescent="0.35">
      <c r="A6731" s="1" t="s">
        <v>26171</v>
      </c>
      <c r="B6731" s="1" t="s">
        <v>26037</v>
      </c>
      <c r="C6731" s="1" t="s">
        <v>160</v>
      </c>
      <c r="D6731" s="1" t="s">
        <v>26283</v>
      </c>
      <c r="E6731" s="1" t="s">
        <v>26284</v>
      </c>
      <c r="F6731" s="1" t="s">
        <v>26285</v>
      </c>
      <c r="G6731" s="1" t="s">
        <v>26175</v>
      </c>
      <c r="H6731" s="1" t="s">
        <v>26176</v>
      </c>
      <c r="I6731" s="1" t="s">
        <v>26043</v>
      </c>
      <c r="J6731" s="1" t="s">
        <v>26286</v>
      </c>
    </row>
    <row r="6732" spans="1:10" x14ac:dyDescent="0.35">
      <c r="A6732" s="1" t="s">
        <v>26171</v>
      </c>
      <c r="B6732" s="1" t="s">
        <v>26037</v>
      </c>
      <c r="C6732" s="1" t="s">
        <v>165</v>
      </c>
      <c r="D6732" s="1" t="s">
        <v>26287</v>
      </c>
      <c r="E6732" s="1" t="s">
        <v>26288</v>
      </c>
      <c r="F6732" s="1" t="s">
        <v>26289</v>
      </c>
      <c r="G6732" s="1" t="s">
        <v>26175</v>
      </c>
      <c r="H6732" s="1" t="s">
        <v>26176</v>
      </c>
      <c r="I6732" s="1" t="s">
        <v>26043</v>
      </c>
      <c r="J6732" s="1" t="s">
        <v>26290</v>
      </c>
    </row>
    <row r="6733" spans="1:10" x14ac:dyDescent="0.35">
      <c r="A6733" s="1" t="s">
        <v>26171</v>
      </c>
      <c r="B6733" s="1" t="s">
        <v>26037</v>
      </c>
      <c r="C6733" s="1" t="s">
        <v>170</v>
      </c>
      <c r="D6733" s="1" t="s">
        <v>26291</v>
      </c>
      <c r="E6733" s="1" t="s">
        <v>26292</v>
      </c>
      <c r="F6733" s="1" t="s">
        <v>26293</v>
      </c>
      <c r="G6733" s="1" t="s">
        <v>26175</v>
      </c>
      <c r="H6733" s="1" t="s">
        <v>26176</v>
      </c>
      <c r="I6733" s="1" t="s">
        <v>26043</v>
      </c>
      <c r="J6733" s="1" t="s">
        <v>26294</v>
      </c>
    </row>
    <row r="6734" spans="1:10" x14ac:dyDescent="0.35">
      <c r="A6734" s="1" t="s">
        <v>26295</v>
      </c>
      <c r="B6734" s="1" t="s">
        <v>26037</v>
      </c>
      <c r="C6734" s="1" t="s">
        <v>8</v>
      </c>
      <c r="D6734" s="1" t="s">
        <v>26296</v>
      </c>
      <c r="E6734" s="1" t="s">
        <v>26297</v>
      </c>
      <c r="F6734" s="1" t="s">
        <v>26298</v>
      </c>
      <c r="G6734" s="1" t="s">
        <v>26299</v>
      </c>
      <c r="H6734" s="1" t="s">
        <v>26300</v>
      </c>
      <c r="I6734" s="1" t="s">
        <v>26043</v>
      </c>
      <c r="J6734" s="1" t="s">
        <v>13</v>
      </c>
    </row>
    <row r="6735" spans="1:10" x14ac:dyDescent="0.35">
      <c r="A6735" s="1" t="s">
        <v>26295</v>
      </c>
      <c r="B6735" s="1" t="s">
        <v>26037</v>
      </c>
      <c r="C6735" s="1" t="s">
        <v>15</v>
      </c>
      <c r="D6735" s="1" t="s">
        <v>26301</v>
      </c>
      <c r="E6735" s="1" t="s">
        <v>26302</v>
      </c>
      <c r="F6735" s="1" t="s">
        <v>26303</v>
      </c>
      <c r="G6735" s="1" t="s">
        <v>26299</v>
      </c>
      <c r="H6735" s="1" t="s">
        <v>26300</v>
      </c>
      <c r="I6735" s="1" t="s">
        <v>26043</v>
      </c>
      <c r="J6735" s="1" t="s">
        <v>26304</v>
      </c>
    </row>
    <row r="6736" spans="1:10" x14ac:dyDescent="0.35">
      <c r="A6736" s="1" t="s">
        <v>26295</v>
      </c>
      <c r="B6736" s="1" t="s">
        <v>26037</v>
      </c>
      <c r="C6736" s="1" t="s">
        <v>20</v>
      </c>
      <c r="D6736" s="1" t="s">
        <v>26305</v>
      </c>
      <c r="E6736" s="1" t="s">
        <v>26306</v>
      </c>
      <c r="F6736" s="1" t="s">
        <v>26307</v>
      </c>
      <c r="G6736" s="1" t="s">
        <v>26299</v>
      </c>
      <c r="H6736" s="1" t="s">
        <v>26300</v>
      </c>
      <c r="I6736" s="1" t="s">
        <v>26043</v>
      </c>
      <c r="J6736" s="1" t="s">
        <v>26308</v>
      </c>
    </row>
    <row r="6737" spans="1:10" x14ac:dyDescent="0.35">
      <c r="A6737" s="1" t="s">
        <v>26295</v>
      </c>
      <c r="B6737" s="1" t="s">
        <v>26037</v>
      </c>
      <c r="C6737" s="1" t="s">
        <v>25</v>
      </c>
      <c r="D6737" s="1" t="s">
        <v>23910</v>
      </c>
      <c r="E6737" s="1" t="s">
        <v>26309</v>
      </c>
      <c r="F6737" s="1" t="s">
        <v>26310</v>
      </c>
      <c r="G6737" s="1" t="s">
        <v>26299</v>
      </c>
      <c r="H6737" s="1" t="s">
        <v>26300</v>
      </c>
      <c r="I6737" s="1" t="s">
        <v>26043</v>
      </c>
      <c r="J6737" s="1" t="s">
        <v>26311</v>
      </c>
    </row>
    <row r="6738" spans="1:10" x14ac:dyDescent="0.35">
      <c r="A6738" s="1" t="s">
        <v>26295</v>
      </c>
      <c r="B6738" s="1" t="s">
        <v>26037</v>
      </c>
      <c r="C6738" s="1" t="s">
        <v>30</v>
      </c>
      <c r="D6738" s="1" t="s">
        <v>26312</v>
      </c>
      <c r="E6738" s="1" t="s">
        <v>26313</v>
      </c>
      <c r="F6738" s="1" t="s">
        <v>26314</v>
      </c>
      <c r="G6738" s="1" t="s">
        <v>26299</v>
      </c>
      <c r="H6738" s="1" t="s">
        <v>26300</v>
      </c>
      <c r="I6738" s="1" t="s">
        <v>26043</v>
      </c>
      <c r="J6738" s="1" t="s">
        <v>26315</v>
      </c>
    </row>
    <row r="6739" spans="1:10" x14ac:dyDescent="0.35">
      <c r="A6739" s="1" t="s">
        <v>26295</v>
      </c>
      <c r="B6739" s="1" t="s">
        <v>26037</v>
      </c>
      <c r="C6739" s="1" t="s">
        <v>35</v>
      </c>
      <c r="D6739" s="1" t="s">
        <v>26316</v>
      </c>
      <c r="E6739" s="1" t="s">
        <v>26317</v>
      </c>
      <c r="F6739" s="1" t="s">
        <v>26318</v>
      </c>
      <c r="G6739" s="1" t="s">
        <v>26299</v>
      </c>
      <c r="H6739" s="1" t="s">
        <v>26300</v>
      </c>
      <c r="I6739" s="1" t="s">
        <v>26043</v>
      </c>
      <c r="J6739" s="1" t="s">
        <v>26319</v>
      </c>
    </row>
    <row r="6740" spans="1:10" x14ac:dyDescent="0.35">
      <c r="A6740" s="1" t="s">
        <v>26295</v>
      </c>
      <c r="B6740" s="1" t="s">
        <v>26037</v>
      </c>
      <c r="C6740" s="1" t="s">
        <v>40</v>
      </c>
      <c r="D6740" s="1" t="s">
        <v>26320</v>
      </c>
      <c r="E6740" s="1" t="s">
        <v>26321</v>
      </c>
      <c r="F6740" s="1" t="s">
        <v>26322</v>
      </c>
      <c r="G6740" s="1" t="s">
        <v>26299</v>
      </c>
      <c r="H6740" s="1" t="s">
        <v>26300</v>
      </c>
      <c r="I6740" s="1" t="s">
        <v>26043</v>
      </c>
      <c r="J6740" s="1" t="s">
        <v>26323</v>
      </c>
    </row>
    <row r="6741" spans="1:10" x14ac:dyDescent="0.35">
      <c r="A6741" s="1" t="s">
        <v>26295</v>
      </c>
      <c r="B6741" s="1" t="s">
        <v>26037</v>
      </c>
      <c r="C6741" s="1" t="s">
        <v>45</v>
      </c>
      <c r="D6741" s="1" t="s">
        <v>26324</v>
      </c>
      <c r="E6741" s="1" t="s">
        <v>26325</v>
      </c>
      <c r="F6741" s="1" t="s">
        <v>26326</v>
      </c>
      <c r="G6741" s="1" t="s">
        <v>26299</v>
      </c>
      <c r="H6741" s="1" t="s">
        <v>26300</v>
      </c>
      <c r="I6741" s="1" t="s">
        <v>26043</v>
      </c>
      <c r="J6741" s="1" t="s">
        <v>26327</v>
      </c>
    </row>
    <row r="6742" spans="1:10" x14ac:dyDescent="0.35">
      <c r="A6742" s="1" t="s">
        <v>26295</v>
      </c>
      <c r="B6742" s="1" t="s">
        <v>26037</v>
      </c>
      <c r="C6742" s="1" t="s">
        <v>50</v>
      </c>
      <c r="D6742" s="1" t="s">
        <v>26328</v>
      </c>
      <c r="E6742" s="1" t="s">
        <v>26329</v>
      </c>
      <c r="F6742" s="1" t="s">
        <v>26330</v>
      </c>
      <c r="G6742" s="1" t="s">
        <v>26299</v>
      </c>
      <c r="H6742" s="1" t="s">
        <v>26300</v>
      </c>
      <c r="I6742" s="1" t="s">
        <v>26043</v>
      </c>
      <c r="J6742" s="1" t="s">
        <v>26331</v>
      </c>
    </row>
    <row r="6743" spans="1:10" x14ac:dyDescent="0.35">
      <c r="A6743" s="1" t="s">
        <v>26295</v>
      </c>
      <c r="B6743" s="1" t="s">
        <v>26037</v>
      </c>
      <c r="C6743" s="1" t="s">
        <v>55</v>
      </c>
      <c r="D6743" s="1" t="s">
        <v>26332</v>
      </c>
      <c r="E6743" s="1" t="s">
        <v>26333</v>
      </c>
      <c r="F6743" s="1" t="s">
        <v>26334</v>
      </c>
      <c r="G6743" s="1" t="s">
        <v>26299</v>
      </c>
      <c r="H6743" s="1" t="s">
        <v>26300</v>
      </c>
      <c r="I6743" s="1" t="s">
        <v>26043</v>
      </c>
      <c r="J6743" s="1" t="s">
        <v>26335</v>
      </c>
    </row>
    <row r="6744" spans="1:10" x14ac:dyDescent="0.35">
      <c r="A6744" s="1" t="s">
        <v>26295</v>
      </c>
      <c r="B6744" s="1" t="s">
        <v>26037</v>
      </c>
      <c r="C6744" s="1" t="s">
        <v>60</v>
      </c>
      <c r="D6744" s="1" t="s">
        <v>26336</v>
      </c>
      <c r="E6744" s="1" t="s">
        <v>26337</v>
      </c>
      <c r="F6744" s="1" t="s">
        <v>26338</v>
      </c>
      <c r="G6744" s="1" t="s">
        <v>26299</v>
      </c>
      <c r="H6744" s="1" t="s">
        <v>26300</v>
      </c>
      <c r="I6744" s="1" t="s">
        <v>26043</v>
      </c>
      <c r="J6744" s="1" t="s">
        <v>26339</v>
      </c>
    </row>
    <row r="6745" spans="1:10" x14ac:dyDescent="0.35">
      <c r="A6745" s="1" t="s">
        <v>26295</v>
      </c>
      <c r="B6745" s="1" t="s">
        <v>26037</v>
      </c>
      <c r="C6745" s="1" t="s">
        <v>65</v>
      </c>
      <c r="D6745" s="1" t="s">
        <v>26340</v>
      </c>
      <c r="E6745" s="1" t="s">
        <v>26341</v>
      </c>
      <c r="F6745" s="1" t="s">
        <v>26342</v>
      </c>
      <c r="G6745" s="1" t="s">
        <v>26299</v>
      </c>
      <c r="H6745" s="1" t="s">
        <v>26300</v>
      </c>
      <c r="I6745" s="1" t="s">
        <v>26043</v>
      </c>
      <c r="J6745" s="1" t="s">
        <v>26343</v>
      </c>
    </row>
    <row r="6746" spans="1:10" x14ac:dyDescent="0.35">
      <c r="A6746" s="1" t="s">
        <v>26295</v>
      </c>
      <c r="B6746" s="1" t="s">
        <v>26037</v>
      </c>
      <c r="C6746" s="1" t="s">
        <v>70</v>
      </c>
      <c r="D6746" s="1" t="s">
        <v>26344</v>
      </c>
      <c r="E6746" s="1" t="s">
        <v>26345</v>
      </c>
      <c r="F6746" s="1" t="s">
        <v>26346</v>
      </c>
      <c r="G6746" s="1" t="s">
        <v>26299</v>
      </c>
      <c r="H6746" s="1" t="s">
        <v>26300</v>
      </c>
      <c r="I6746" s="1" t="s">
        <v>26043</v>
      </c>
      <c r="J6746" s="1" t="s">
        <v>26347</v>
      </c>
    </row>
    <row r="6747" spans="1:10" x14ac:dyDescent="0.35">
      <c r="A6747" s="1" t="s">
        <v>26295</v>
      </c>
      <c r="B6747" s="1" t="s">
        <v>26037</v>
      </c>
      <c r="C6747" s="1" t="s">
        <v>75</v>
      </c>
      <c r="D6747" s="1" t="s">
        <v>26348</v>
      </c>
      <c r="E6747" s="1" t="s">
        <v>26349</v>
      </c>
      <c r="F6747" s="1" t="s">
        <v>26350</v>
      </c>
      <c r="G6747" s="1" t="s">
        <v>26299</v>
      </c>
      <c r="H6747" s="1" t="s">
        <v>26300</v>
      </c>
      <c r="I6747" s="1" t="s">
        <v>26043</v>
      </c>
      <c r="J6747" s="1" t="s">
        <v>26351</v>
      </c>
    </row>
    <row r="6748" spans="1:10" x14ac:dyDescent="0.35">
      <c r="A6748" s="1" t="s">
        <v>26295</v>
      </c>
      <c r="B6748" s="1" t="s">
        <v>26037</v>
      </c>
      <c r="C6748" s="1" t="s">
        <v>80</v>
      </c>
      <c r="D6748" s="1" t="s">
        <v>26352</v>
      </c>
      <c r="E6748" s="1" t="s">
        <v>26353</v>
      </c>
      <c r="F6748" s="1" t="s">
        <v>26354</v>
      </c>
      <c r="G6748" s="1" t="s">
        <v>26299</v>
      </c>
      <c r="H6748" s="1" t="s">
        <v>26300</v>
      </c>
      <c r="I6748" s="1" t="s">
        <v>26043</v>
      </c>
      <c r="J6748" s="1" t="s">
        <v>26355</v>
      </c>
    </row>
    <row r="6749" spans="1:10" x14ac:dyDescent="0.35">
      <c r="A6749" s="1" t="s">
        <v>26295</v>
      </c>
      <c r="B6749" s="1" t="s">
        <v>26037</v>
      </c>
      <c r="C6749" s="1" t="s">
        <v>85</v>
      </c>
      <c r="D6749" s="1" t="s">
        <v>26356</v>
      </c>
      <c r="E6749" s="1" t="s">
        <v>26357</v>
      </c>
      <c r="F6749" s="1" t="s">
        <v>26358</v>
      </c>
      <c r="G6749" s="1" t="s">
        <v>26299</v>
      </c>
      <c r="H6749" s="1" t="s">
        <v>26300</v>
      </c>
      <c r="I6749" s="1" t="s">
        <v>26043</v>
      </c>
      <c r="J6749" s="1" t="s">
        <v>26359</v>
      </c>
    </row>
    <row r="6750" spans="1:10" x14ac:dyDescent="0.35">
      <c r="A6750" s="1" t="s">
        <v>26295</v>
      </c>
      <c r="B6750" s="1" t="s">
        <v>26037</v>
      </c>
      <c r="C6750" s="1" t="s">
        <v>90</v>
      </c>
      <c r="D6750" s="1" t="s">
        <v>26360</v>
      </c>
      <c r="E6750" s="1" t="s">
        <v>26361</v>
      </c>
      <c r="F6750" s="1" t="s">
        <v>26362</v>
      </c>
      <c r="G6750" s="1" t="s">
        <v>26299</v>
      </c>
      <c r="H6750" s="1" t="s">
        <v>26300</v>
      </c>
      <c r="I6750" s="1" t="s">
        <v>26043</v>
      </c>
      <c r="J6750" s="1" t="s">
        <v>26363</v>
      </c>
    </row>
    <row r="6751" spans="1:10" x14ac:dyDescent="0.35">
      <c r="A6751" s="1" t="s">
        <v>26295</v>
      </c>
      <c r="B6751" s="1" t="s">
        <v>26037</v>
      </c>
      <c r="C6751" s="1" t="s">
        <v>95</v>
      </c>
      <c r="D6751" s="1" t="s">
        <v>26364</v>
      </c>
      <c r="E6751" s="1" t="s">
        <v>26365</v>
      </c>
      <c r="F6751" s="1" t="s">
        <v>26366</v>
      </c>
      <c r="G6751" s="1" t="s">
        <v>26299</v>
      </c>
      <c r="H6751" s="1" t="s">
        <v>26300</v>
      </c>
      <c r="I6751" s="1" t="s">
        <v>26043</v>
      </c>
      <c r="J6751" s="1" t="s">
        <v>26367</v>
      </c>
    </row>
    <row r="6752" spans="1:10" x14ac:dyDescent="0.35">
      <c r="A6752" s="1" t="s">
        <v>26295</v>
      </c>
      <c r="B6752" s="1" t="s">
        <v>26037</v>
      </c>
      <c r="C6752" s="1" t="s">
        <v>100</v>
      </c>
      <c r="D6752" s="1" t="s">
        <v>26368</v>
      </c>
      <c r="E6752" s="1" t="s">
        <v>26369</v>
      </c>
      <c r="F6752" s="1" t="s">
        <v>26370</v>
      </c>
      <c r="G6752" s="1" t="s">
        <v>26299</v>
      </c>
      <c r="H6752" s="1" t="s">
        <v>26300</v>
      </c>
      <c r="I6752" s="1" t="s">
        <v>26043</v>
      </c>
      <c r="J6752" s="1" t="s">
        <v>26371</v>
      </c>
    </row>
    <row r="6753" spans="1:10" x14ac:dyDescent="0.35">
      <c r="A6753" s="1" t="s">
        <v>26295</v>
      </c>
      <c r="B6753" s="1" t="s">
        <v>26037</v>
      </c>
      <c r="C6753" s="1" t="s">
        <v>105</v>
      </c>
      <c r="D6753" s="1" t="s">
        <v>26372</v>
      </c>
      <c r="E6753" s="1" t="s">
        <v>26373</v>
      </c>
      <c r="F6753" s="1" t="s">
        <v>26374</v>
      </c>
      <c r="G6753" s="1" t="s">
        <v>26299</v>
      </c>
      <c r="H6753" s="1" t="s">
        <v>26300</v>
      </c>
      <c r="I6753" s="1" t="s">
        <v>26043</v>
      </c>
      <c r="J6753" s="1" t="s">
        <v>26375</v>
      </c>
    </row>
    <row r="6754" spans="1:10" x14ac:dyDescent="0.35">
      <c r="A6754" s="1" t="s">
        <v>26295</v>
      </c>
      <c r="B6754" s="1" t="s">
        <v>26037</v>
      </c>
      <c r="C6754" s="1" t="s">
        <v>110</v>
      </c>
      <c r="D6754" s="1" t="s">
        <v>26376</v>
      </c>
      <c r="E6754" s="1" t="s">
        <v>26377</v>
      </c>
      <c r="F6754" s="1" t="s">
        <v>26378</v>
      </c>
      <c r="G6754" s="1" t="s">
        <v>26299</v>
      </c>
      <c r="H6754" s="1" t="s">
        <v>26300</v>
      </c>
      <c r="I6754" s="1" t="s">
        <v>26043</v>
      </c>
      <c r="J6754" s="1" t="s">
        <v>26379</v>
      </c>
    </row>
    <row r="6755" spans="1:10" x14ac:dyDescent="0.35">
      <c r="A6755" s="1" t="s">
        <v>26295</v>
      </c>
      <c r="B6755" s="1" t="s">
        <v>26037</v>
      </c>
      <c r="C6755" s="1" t="s">
        <v>115</v>
      </c>
      <c r="D6755" s="1" t="s">
        <v>26380</v>
      </c>
      <c r="E6755" s="1" t="s">
        <v>26381</v>
      </c>
      <c r="F6755" s="1" t="s">
        <v>26382</v>
      </c>
      <c r="G6755" s="1" t="s">
        <v>26299</v>
      </c>
      <c r="H6755" s="1" t="s">
        <v>26300</v>
      </c>
      <c r="I6755" s="1" t="s">
        <v>26043</v>
      </c>
      <c r="J6755" s="1" t="s">
        <v>26383</v>
      </c>
    </row>
    <row r="6756" spans="1:10" x14ac:dyDescent="0.35">
      <c r="A6756" s="1" t="s">
        <v>26295</v>
      </c>
      <c r="B6756" s="1" t="s">
        <v>26037</v>
      </c>
      <c r="C6756" s="1" t="s">
        <v>120</v>
      </c>
      <c r="D6756" s="1" t="s">
        <v>26384</v>
      </c>
      <c r="E6756" s="1" t="s">
        <v>26385</v>
      </c>
      <c r="F6756" s="1" t="s">
        <v>26386</v>
      </c>
      <c r="G6756" s="1" t="s">
        <v>26299</v>
      </c>
      <c r="H6756" s="1" t="s">
        <v>26300</v>
      </c>
      <c r="I6756" s="1" t="s">
        <v>26043</v>
      </c>
      <c r="J6756" s="1" t="s">
        <v>26387</v>
      </c>
    </row>
    <row r="6757" spans="1:10" x14ac:dyDescent="0.35">
      <c r="A6757" s="1" t="s">
        <v>26295</v>
      </c>
      <c r="B6757" s="1" t="s">
        <v>26037</v>
      </c>
      <c r="C6757" s="1" t="s">
        <v>125</v>
      </c>
      <c r="D6757" s="1" t="s">
        <v>26388</v>
      </c>
      <c r="E6757" s="1" t="s">
        <v>26389</v>
      </c>
      <c r="F6757" s="1" t="s">
        <v>26390</v>
      </c>
      <c r="G6757" s="1" t="s">
        <v>26299</v>
      </c>
      <c r="H6757" s="1" t="s">
        <v>26300</v>
      </c>
      <c r="I6757" s="1" t="s">
        <v>26043</v>
      </c>
      <c r="J6757" s="1" t="s">
        <v>26391</v>
      </c>
    </row>
    <row r="6758" spans="1:10" x14ac:dyDescent="0.35">
      <c r="A6758" s="1" t="s">
        <v>26295</v>
      </c>
      <c r="B6758" s="1" t="s">
        <v>26037</v>
      </c>
      <c r="C6758" s="1" t="s">
        <v>130</v>
      </c>
      <c r="D6758" s="1" t="s">
        <v>26392</v>
      </c>
      <c r="E6758" s="1" t="s">
        <v>26393</v>
      </c>
      <c r="F6758" s="1" t="s">
        <v>26394</v>
      </c>
      <c r="G6758" s="1" t="s">
        <v>26299</v>
      </c>
      <c r="H6758" s="1" t="s">
        <v>26300</v>
      </c>
      <c r="I6758" s="1" t="s">
        <v>26043</v>
      </c>
      <c r="J6758" s="1" t="s">
        <v>26395</v>
      </c>
    </row>
    <row r="6759" spans="1:10" x14ac:dyDescent="0.35">
      <c r="A6759" s="1" t="s">
        <v>26295</v>
      </c>
      <c r="B6759" s="1" t="s">
        <v>26037</v>
      </c>
      <c r="C6759" s="1" t="s">
        <v>135</v>
      </c>
      <c r="D6759" s="1" t="s">
        <v>26396</v>
      </c>
      <c r="E6759" s="1" t="s">
        <v>26397</v>
      </c>
      <c r="F6759" s="1" t="s">
        <v>26398</v>
      </c>
      <c r="G6759" s="1" t="s">
        <v>26299</v>
      </c>
      <c r="H6759" s="1" t="s">
        <v>26300</v>
      </c>
      <c r="I6759" s="1" t="s">
        <v>26043</v>
      </c>
      <c r="J6759" s="1" t="s">
        <v>26399</v>
      </c>
    </row>
    <row r="6760" spans="1:10" x14ac:dyDescent="0.35">
      <c r="A6760" s="1" t="s">
        <v>26295</v>
      </c>
      <c r="B6760" s="1" t="s">
        <v>26037</v>
      </c>
      <c r="C6760" s="1" t="s">
        <v>140</v>
      </c>
      <c r="D6760" s="1" t="s">
        <v>26400</v>
      </c>
      <c r="E6760" s="1" t="s">
        <v>26401</v>
      </c>
      <c r="F6760" s="1" t="s">
        <v>26402</v>
      </c>
      <c r="G6760" s="1" t="s">
        <v>26299</v>
      </c>
      <c r="H6760" s="1" t="s">
        <v>26300</v>
      </c>
      <c r="I6760" s="1" t="s">
        <v>26043</v>
      </c>
      <c r="J6760" s="1" t="s">
        <v>26403</v>
      </c>
    </row>
    <row r="6761" spans="1:10" x14ac:dyDescent="0.35">
      <c r="A6761" s="1" t="s">
        <v>26295</v>
      </c>
      <c r="B6761" s="1" t="s">
        <v>26037</v>
      </c>
      <c r="C6761" s="1" t="s">
        <v>145</v>
      </c>
      <c r="D6761" s="1" t="s">
        <v>26404</v>
      </c>
      <c r="E6761" s="1" t="s">
        <v>26405</v>
      </c>
      <c r="F6761" s="1" t="s">
        <v>26406</v>
      </c>
      <c r="G6761" s="1" t="s">
        <v>26299</v>
      </c>
      <c r="H6761" s="1" t="s">
        <v>26300</v>
      </c>
      <c r="I6761" s="1" t="s">
        <v>26043</v>
      </c>
      <c r="J6761" s="1" t="s">
        <v>26407</v>
      </c>
    </row>
    <row r="6762" spans="1:10" x14ac:dyDescent="0.35">
      <c r="A6762" s="1" t="s">
        <v>26295</v>
      </c>
      <c r="B6762" s="1" t="s">
        <v>26037</v>
      </c>
      <c r="C6762" s="1" t="s">
        <v>150</v>
      </c>
      <c r="D6762" s="1" t="s">
        <v>26408</v>
      </c>
      <c r="E6762" s="1" t="s">
        <v>26409</v>
      </c>
      <c r="F6762" s="1" t="s">
        <v>26410</v>
      </c>
      <c r="G6762" s="1" t="s">
        <v>26299</v>
      </c>
      <c r="H6762" s="1" t="s">
        <v>26300</v>
      </c>
      <c r="I6762" s="1" t="s">
        <v>26043</v>
      </c>
      <c r="J6762" s="1" t="s">
        <v>26411</v>
      </c>
    </row>
    <row r="6763" spans="1:10" x14ac:dyDescent="0.35">
      <c r="A6763" s="1" t="s">
        <v>26295</v>
      </c>
      <c r="B6763" s="1" t="s">
        <v>26037</v>
      </c>
      <c r="C6763" s="1" t="s">
        <v>155</v>
      </c>
      <c r="D6763" s="1" t="s">
        <v>26412</v>
      </c>
      <c r="E6763" s="1" t="s">
        <v>26413</v>
      </c>
      <c r="F6763" s="1" t="s">
        <v>26414</v>
      </c>
      <c r="G6763" s="1" t="s">
        <v>26299</v>
      </c>
      <c r="H6763" s="1" t="s">
        <v>26300</v>
      </c>
      <c r="I6763" s="1" t="s">
        <v>26043</v>
      </c>
      <c r="J6763" s="1" t="s">
        <v>26415</v>
      </c>
    </row>
    <row r="6764" spans="1:10" x14ac:dyDescent="0.35">
      <c r="A6764" s="1" t="s">
        <v>26295</v>
      </c>
      <c r="B6764" s="1" t="s">
        <v>26037</v>
      </c>
      <c r="C6764" s="1" t="s">
        <v>160</v>
      </c>
      <c r="D6764" s="1" t="s">
        <v>26416</v>
      </c>
      <c r="E6764" s="1" t="s">
        <v>26417</v>
      </c>
      <c r="F6764" s="1" t="s">
        <v>26418</v>
      </c>
      <c r="G6764" s="1" t="s">
        <v>26299</v>
      </c>
      <c r="H6764" s="1" t="s">
        <v>26300</v>
      </c>
      <c r="I6764" s="1" t="s">
        <v>26043</v>
      </c>
      <c r="J6764" s="1" t="s">
        <v>26419</v>
      </c>
    </row>
    <row r="6765" spans="1:10" x14ac:dyDescent="0.35">
      <c r="A6765" s="1" t="s">
        <v>26295</v>
      </c>
      <c r="B6765" s="1" t="s">
        <v>26037</v>
      </c>
      <c r="C6765" s="1" t="s">
        <v>165</v>
      </c>
      <c r="D6765" s="1" t="s">
        <v>26420</v>
      </c>
      <c r="E6765" s="1" t="s">
        <v>26421</v>
      </c>
      <c r="F6765" s="1" t="s">
        <v>26422</v>
      </c>
      <c r="G6765" s="1" t="s">
        <v>26299</v>
      </c>
      <c r="H6765" s="1" t="s">
        <v>26300</v>
      </c>
      <c r="I6765" s="1" t="s">
        <v>26043</v>
      </c>
      <c r="J6765" s="1" t="s">
        <v>26423</v>
      </c>
    </row>
    <row r="6766" spans="1:10" x14ac:dyDescent="0.35">
      <c r="A6766" s="1" t="s">
        <v>26295</v>
      </c>
      <c r="B6766" s="1" t="s">
        <v>26037</v>
      </c>
      <c r="C6766" s="1" t="s">
        <v>170</v>
      </c>
      <c r="D6766" s="1" t="s">
        <v>26424</v>
      </c>
      <c r="E6766" s="1" t="s">
        <v>26425</v>
      </c>
      <c r="F6766" s="1" t="s">
        <v>26426</v>
      </c>
      <c r="G6766" s="1" t="s">
        <v>26299</v>
      </c>
      <c r="H6766" s="1" t="s">
        <v>26300</v>
      </c>
      <c r="I6766" s="1" t="s">
        <v>26043</v>
      </c>
      <c r="J6766" s="1" t="s">
        <v>26427</v>
      </c>
    </row>
    <row r="6767" spans="1:10" x14ac:dyDescent="0.35">
      <c r="A6767" s="1" t="s">
        <v>26428</v>
      </c>
      <c r="B6767" s="1" t="s">
        <v>26037</v>
      </c>
      <c r="C6767" s="1" t="s">
        <v>8</v>
      </c>
      <c r="D6767" s="1" t="s">
        <v>26429</v>
      </c>
      <c r="E6767" s="1" t="s">
        <v>26430</v>
      </c>
      <c r="F6767" s="1" t="s">
        <v>26431</v>
      </c>
      <c r="G6767" s="1" t="s">
        <v>26432</v>
      </c>
      <c r="H6767" s="1" t="s">
        <v>26433</v>
      </c>
      <c r="I6767" s="1" t="s">
        <v>26043</v>
      </c>
      <c r="J6767" s="1" t="s">
        <v>13</v>
      </c>
    </row>
    <row r="6768" spans="1:10" x14ac:dyDescent="0.35">
      <c r="A6768" s="1" t="s">
        <v>26428</v>
      </c>
      <c r="B6768" s="1" t="s">
        <v>26037</v>
      </c>
      <c r="C6768" s="1" t="s">
        <v>15</v>
      </c>
      <c r="D6768" s="1" t="s">
        <v>26434</v>
      </c>
      <c r="E6768" s="1" t="s">
        <v>26435</v>
      </c>
      <c r="F6768" s="1" t="s">
        <v>26436</v>
      </c>
      <c r="G6768" s="1" t="s">
        <v>26432</v>
      </c>
      <c r="H6768" s="1" t="s">
        <v>26433</v>
      </c>
      <c r="I6768" s="1" t="s">
        <v>26043</v>
      </c>
      <c r="J6768" s="1" t="s">
        <v>26437</v>
      </c>
    </row>
    <row r="6769" spans="1:10" x14ac:dyDescent="0.35">
      <c r="A6769" s="1" t="s">
        <v>26428</v>
      </c>
      <c r="B6769" s="1" t="s">
        <v>26037</v>
      </c>
      <c r="C6769" s="1" t="s">
        <v>20</v>
      </c>
      <c r="D6769" s="1" t="s">
        <v>26438</v>
      </c>
      <c r="E6769" s="1" t="s">
        <v>15392</v>
      </c>
      <c r="F6769" s="1" t="s">
        <v>26439</v>
      </c>
      <c r="G6769" s="1" t="s">
        <v>26432</v>
      </c>
      <c r="H6769" s="1" t="s">
        <v>26433</v>
      </c>
      <c r="I6769" s="1" t="s">
        <v>26043</v>
      </c>
      <c r="J6769" s="1" t="s">
        <v>26440</v>
      </c>
    </row>
    <row r="6770" spans="1:10" x14ac:dyDescent="0.35">
      <c r="A6770" s="1" t="s">
        <v>26428</v>
      </c>
      <c r="B6770" s="1" t="s">
        <v>26037</v>
      </c>
      <c r="C6770" s="1" t="s">
        <v>25</v>
      </c>
      <c r="D6770" s="1" t="s">
        <v>26441</v>
      </c>
      <c r="E6770" s="1" t="s">
        <v>26442</v>
      </c>
      <c r="F6770" s="1" t="s">
        <v>26443</v>
      </c>
      <c r="G6770" s="1" t="s">
        <v>26432</v>
      </c>
      <c r="H6770" s="1" t="s">
        <v>26433</v>
      </c>
      <c r="I6770" s="1" t="s">
        <v>26043</v>
      </c>
      <c r="J6770" s="1" t="s">
        <v>26444</v>
      </c>
    </row>
    <row r="6771" spans="1:10" x14ac:dyDescent="0.35">
      <c r="A6771" s="1" t="s">
        <v>26428</v>
      </c>
      <c r="B6771" s="1" t="s">
        <v>26037</v>
      </c>
      <c r="C6771" s="1" t="s">
        <v>30</v>
      </c>
      <c r="D6771" s="1" t="s">
        <v>26445</v>
      </c>
      <c r="E6771" s="1" t="s">
        <v>26446</v>
      </c>
      <c r="F6771" s="1" t="s">
        <v>26447</v>
      </c>
      <c r="G6771" s="1" t="s">
        <v>26432</v>
      </c>
      <c r="H6771" s="1" t="s">
        <v>26433</v>
      </c>
      <c r="I6771" s="1" t="s">
        <v>26043</v>
      </c>
      <c r="J6771" s="1" t="s">
        <v>26448</v>
      </c>
    </row>
    <row r="6772" spans="1:10" x14ac:dyDescent="0.35">
      <c r="A6772" s="1" t="s">
        <v>26428</v>
      </c>
      <c r="B6772" s="1" t="s">
        <v>26037</v>
      </c>
      <c r="C6772" s="1" t="s">
        <v>35</v>
      </c>
      <c r="D6772" s="1" t="s">
        <v>24695</v>
      </c>
      <c r="E6772" s="1" t="s">
        <v>26449</v>
      </c>
      <c r="F6772" s="1" t="s">
        <v>26450</v>
      </c>
      <c r="G6772" s="1" t="s">
        <v>26432</v>
      </c>
      <c r="H6772" s="1" t="s">
        <v>26433</v>
      </c>
      <c r="I6772" s="1" t="s">
        <v>26043</v>
      </c>
      <c r="J6772" s="1" t="s">
        <v>26451</v>
      </c>
    </row>
    <row r="6773" spans="1:10" x14ac:dyDescent="0.35">
      <c r="A6773" s="1" t="s">
        <v>26428</v>
      </c>
      <c r="B6773" s="1" t="s">
        <v>26037</v>
      </c>
      <c r="C6773" s="1" t="s">
        <v>40</v>
      </c>
      <c r="D6773" s="1" t="s">
        <v>21886</v>
      </c>
      <c r="E6773" s="1" t="s">
        <v>21779</v>
      </c>
      <c r="F6773" s="1" t="s">
        <v>26452</v>
      </c>
      <c r="G6773" s="1" t="s">
        <v>26432</v>
      </c>
      <c r="H6773" s="1" t="s">
        <v>26433</v>
      </c>
      <c r="I6773" s="1" t="s">
        <v>26043</v>
      </c>
      <c r="J6773" s="1" t="s">
        <v>26453</v>
      </c>
    </row>
    <row r="6774" spans="1:10" x14ac:dyDescent="0.35">
      <c r="A6774" s="1" t="s">
        <v>26428</v>
      </c>
      <c r="B6774" s="1" t="s">
        <v>26037</v>
      </c>
      <c r="C6774" s="1" t="s">
        <v>45</v>
      </c>
      <c r="D6774" s="1" t="s">
        <v>26454</v>
      </c>
      <c r="E6774" s="1" t="s">
        <v>26455</v>
      </c>
      <c r="F6774" s="1" t="s">
        <v>26456</v>
      </c>
      <c r="G6774" s="1" t="s">
        <v>26432</v>
      </c>
      <c r="H6774" s="1" t="s">
        <v>26433</v>
      </c>
      <c r="I6774" s="1" t="s">
        <v>26043</v>
      </c>
      <c r="J6774" s="1" t="s">
        <v>26457</v>
      </c>
    </row>
    <row r="6775" spans="1:10" x14ac:dyDescent="0.35">
      <c r="A6775" s="1" t="s">
        <v>26428</v>
      </c>
      <c r="B6775" s="1" t="s">
        <v>26037</v>
      </c>
      <c r="C6775" s="1" t="s">
        <v>50</v>
      </c>
      <c r="D6775" s="1" t="s">
        <v>26458</v>
      </c>
      <c r="E6775" s="1" t="s">
        <v>15263</v>
      </c>
      <c r="F6775" s="1" t="s">
        <v>26459</v>
      </c>
      <c r="G6775" s="1" t="s">
        <v>26432</v>
      </c>
      <c r="H6775" s="1" t="s">
        <v>26433</v>
      </c>
      <c r="I6775" s="1" t="s">
        <v>26043</v>
      </c>
      <c r="J6775" s="1" t="s">
        <v>26460</v>
      </c>
    </row>
    <row r="6776" spans="1:10" x14ac:dyDescent="0.35">
      <c r="A6776" s="1" t="s">
        <v>26428</v>
      </c>
      <c r="B6776" s="1" t="s">
        <v>26037</v>
      </c>
      <c r="C6776" s="1" t="s">
        <v>55</v>
      </c>
      <c r="D6776" s="1" t="s">
        <v>5290</v>
      </c>
      <c r="E6776" s="1" t="s">
        <v>26461</v>
      </c>
      <c r="F6776" s="1" t="s">
        <v>26462</v>
      </c>
      <c r="G6776" s="1" t="s">
        <v>26432</v>
      </c>
      <c r="H6776" s="1" t="s">
        <v>26433</v>
      </c>
      <c r="I6776" s="1" t="s">
        <v>26043</v>
      </c>
      <c r="J6776" s="1" t="s">
        <v>26463</v>
      </c>
    </row>
    <row r="6777" spans="1:10" x14ac:dyDescent="0.35">
      <c r="A6777" s="1" t="s">
        <v>26428</v>
      </c>
      <c r="B6777" s="1" t="s">
        <v>26037</v>
      </c>
      <c r="C6777" s="1" t="s">
        <v>60</v>
      </c>
      <c r="D6777" s="1" t="s">
        <v>26464</v>
      </c>
      <c r="E6777" s="1" t="s">
        <v>520</v>
      </c>
      <c r="F6777" s="1" t="s">
        <v>26465</v>
      </c>
      <c r="G6777" s="1" t="s">
        <v>26432</v>
      </c>
      <c r="H6777" s="1" t="s">
        <v>26433</v>
      </c>
      <c r="I6777" s="1" t="s">
        <v>26043</v>
      </c>
      <c r="J6777" s="1" t="s">
        <v>26466</v>
      </c>
    </row>
    <row r="6778" spans="1:10" x14ac:dyDescent="0.35">
      <c r="A6778" s="1" t="s">
        <v>26428</v>
      </c>
      <c r="B6778" s="1" t="s">
        <v>26037</v>
      </c>
      <c r="C6778" s="1" t="s">
        <v>65</v>
      </c>
      <c r="D6778" s="1" t="s">
        <v>26467</v>
      </c>
      <c r="E6778" s="1" t="s">
        <v>15857</v>
      </c>
      <c r="F6778" s="1" t="s">
        <v>26468</v>
      </c>
      <c r="G6778" s="1" t="s">
        <v>26432</v>
      </c>
      <c r="H6778" s="1" t="s">
        <v>26433</v>
      </c>
      <c r="I6778" s="1" t="s">
        <v>26043</v>
      </c>
      <c r="J6778" s="1" t="s">
        <v>26469</v>
      </c>
    </row>
    <row r="6779" spans="1:10" x14ac:dyDescent="0.35">
      <c r="A6779" s="1" t="s">
        <v>26428</v>
      </c>
      <c r="B6779" s="1" t="s">
        <v>26037</v>
      </c>
      <c r="C6779" s="1" t="s">
        <v>70</v>
      </c>
      <c r="D6779" s="1" t="s">
        <v>26470</v>
      </c>
      <c r="E6779" s="1" t="s">
        <v>23498</v>
      </c>
      <c r="F6779" s="1" t="s">
        <v>26471</v>
      </c>
      <c r="G6779" s="1" t="s">
        <v>26432</v>
      </c>
      <c r="H6779" s="1" t="s">
        <v>26433</v>
      </c>
      <c r="I6779" s="1" t="s">
        <v>26043</v>
      </c>
      <c r="J6779" s="1" t="s">
        <v>26472</v>
      </c>
    </row>
    <row r="6780" spans="1:10" x14ac:dyDescent="0.35">
      <c r="A6780" s="1" t="s">
        <v>26428</v>
      </c>
      <c r="B6780" s="1" t="s">
        <v>26037</v>
      </c>
      <c r="C6780" s="1" t="s">
        <v>75</v>
      </c>
      <c r="D6780" s="1" t="s">
        <v>26473</v>
      </c>
      <c r="E6780" s="1" t="s">
        <v>26474</v>
      </c>
      <c r="F6780" s="1" t="s">
        <v>26475</v>
      </c>
      <c r="G6780" s="1" t="s">
        <v>26432</v>
      </c>
      <c r="H6780" s="1" t="s">
        <v>26433</v>
      </c>
      <c r="I6780" s="1" t="s">
        <v>26043</v>
      </c>
      <c r="J6780" s="1" t="s">
        <v>26476</v>
      </c>
    </row>
    <row r="6781" spans="1:10" x14ac:dyDescent="0.35">
      <c r="A6781" s="1" t="s">
        <v>26428</v>
      </c>
      <c r="B6781" s="1" t="s">
        <v>26037</v>
      </c>
      <c r="C6781" s="1" t="s">
        <v>80</v>
      </c>
      <c r="D6781" s="1" t="s">
        <v>26477</v>
      </c>
      <c r="E6781" s="1" t="s">
        <v>26478</v>
      </c>
      <c r="F6781" s="1" t="s">
        <v>26479</v>
      </c>
      <c r="G6781" s="1" t="s">
        <v>26432</v>
      </c>
      <c r="H6781" s="1" t="s">
        <v>26433</v>
      </c>
      <c r="I6781" s="1" t="s">
        <v>26043</v>
      </c>
      <c r="J6781" s="1" t="s">
        <v>26480</v>
      </c>
    </row>
    <row r="6782" spans="1:10" x14ac:dyDescent="0.35">
      <c r="A6782" s="1" t="s">
        <v>26428</v>
      </c>
      <c r="B6782" s="1" t="s">
        <v>26037</v>
      </c>
      <c r="C6782" s="1" t="s">
        <v>85</v>
      </c>
      <c r="D6782" s="1" t="s">
        <v>26481</v>
      </c>
      <c r="E6782" s="1" t="s">
        <v>21974</v>
      </c>
      <c r="F6782" s="1" t="s">
        <v>26482</v>
      </c>
      <c r="G6782" s="1" t="s">
        <v>26432</v>
      </c>
      <c r="H6782" s="1" t="s">
        <v>26433</v>
      </c>
      <c r="I6782" s="1" t="s">
        <v>26043</v>
      </c>
      <c r="J6782" s="1" t="s">
        <v>26483</v>
      </c>
    </row>
    <row r="6783" spans="1:10" x14ac:dyDescent="0.35">
      <c r="A6783" s="1" t="s">
        <v>26428</v>
      </c>
      <c r="B6783" s="1" t="s">
        <v>26037</v>
      </c>
      <c r="C6783" s="1" t="s">
        <v>90</v>
      </c>
      <c r="D6783" s="1" t="s">
        <v>26484</v>
      </c>
      <c r="E6783" s="1" t="s">
        <v>15896</v>
      </c>
      <c r="F6783" s="1" t="s">
        <v>26485</v>
      </c>
      <c r="G6783" s="1" t="s">
        <v>26432</v>
      </c>
      <c r="H6783" s="1" t="s">
        <v>26433</v>
      </c>
      <c r="I6783" s="1" t="s">
        <v>26043</v>
      </c>
      <c r="J6783" s="1" t="s">
        <v>26486</v>
      </c>
    </row>
    <row r="6784" spans="1:10" x14ac:dyDescent="0.35">
      <c r="A6784" s="1" t="s">
        <v>26428</v>
      </c>
      <c r="B6784" s="1" t="s">
        <v>26037</v>
      </c>
      <c r="C6784" s="1" t="s">
        <v>95</v>
      </c>
      <c r="D6784" s="1" t="s">
        <v>26487</v>
      </c>
      <c r="E6784" s="1" t="s">
        <v>26488</v>
      </c>
      <c r="F6784" s="1" t="s">
        <v>26489</v>
      </c>
      <c r="G6784" s="1" t="s">
        <v>26432</v>
      </c>
      <c r="H6784" s="1" t="s">
        <v>26433</v>
      </c>
      <c r="I6784" s="1" t="s">
        <v>26043</v>
      </c>
      <c r="J6784" s="1" t="s">
        <v>26490</v>
      </c>
    </row>
    <row r="6785" spans="1:10" x14ac:dyDescent="0.35">
      <c r="A6785" s="1" t="s">
        <v>26428</v>
      </c>
      <c r="B6785" s="1" t="s">
        <v>26037</v>
      </c>
      <c r="C6785" s="1" t="s">
        <v>100</v>
      </c>
      <c r="D6785" s="1" t="s">
        <v>26491</v>
      </c>
      <c r="E6785" s="1" t="s">
        <v>26492</v>
      </c>
      <c r="F6785" s="1" t="s">
        <v>26493</v>
      </c>
      <c r="G6785" s="1" t="s">
        <v>26432</v>
      </c>
      <c r="H6785" s="1" t="s">
        <v>26433</v>
      </c>
      <c r="I6785" s="1" t="s">
        <v>26043</v>
      </c>
      <c r="J6785" s="1" t="s">
        <v>26494</v>
      </c>
    </row>
    <row r="6786" spans="1:10" x14ac:dyDescent="0.35">
      <c r="A6786" s="1" t="s">
        <v>26428</v>
      </c>
      <c r="B6786" s="1" t="s">
        <v>26037</v>
      </c>
      <c r="C6786" s="1" t="s">
        <v>105</v>
      </c>
      <c r="D6786" s="1" t="s">
        <v>26495</v>
      </c>
      <c r="E6786" s="1" t="s">
        <v>22290</v>
      </c>
      <c r="F6786" s="1" t="s">
        <v>26496</v>
      </c>
      <c r="G6786" s="1" t="s">
        <v>26432</v>
      </c>
      <c r="H6786" s="1" t="s">
        <v>26433</v>
      </c>
      <c r="I6786" s="1" t="s">
        <v>26043</v>
      </c>
      <c r="J6786" s="1" t="s">
        <v>26497</v>
      </c>
    </row>
    <row r="6787" spans="1:10" x14ac:dyDescent="0.35">
      <c r="A6787" s="1" t="s">
        <v>26428</v>
      </c>
      <c r="B6787" s="1" t="s">
        <v>26037</v>
      </c>
      <c r="C6787" s="1" t="s">
        <v>110</v>
      </c>
      <c r="D6787" s="1" t="s">
        <v>26498</v>
      </c>
      <c r="E6787" s="1" t="s">
        <v>26499</v>
      </c>
      <c r="F6787" s="1" t="s">
        <v>26500</v>
      </c>
      <c r="G6787" s="1" t="s">
        <v>26432</v>
      </c>
      <c r="H6787" s="1" t="s">
        <v>26433</v>
      </c>
      <c r="I6787" s="1" t="s">
        <v>26043</v>
      </c>
      <c r="J6787" s="1" t="s">
        <v>26501</v>
      </c>
    </row>
    <row r="6788" spans="1:10" x14ac:dyDescent="0.35">
      <c r="A6788" s="1" t="s">
        <v>26428</v>
      </c>
      <c r="B6788" s="1" t="s">
        <v>26037</v>
      </c>
      <c r="C6788" s="1" t="s">
        <v>115</v>
      </c>
      <c r="D6788" s="1" t="s">
        <v>26502</v>
      </c>
      <c r="E6788" s="1" t="s">
        <v>26503</v>
      </c>
      <c r="F6788" s="1" t="s">
        <v>26504</v>
      </c>
      <c r="G6788" s="1" t="s">
        <v>26432</v>
      </c>
      <c r="H6788" s="1" t="s">
        <v>26433</v>
      </c>
      <c r="I6788" s="1" t="s">
        <v>26043</v>
      </c>
      <c r="J6788" s="1" t="s">
        <v>26505</v>
      </c>
    </row>
    <row r="6789" spans="1:10" x14ac:dyDescent="0.35">
      <c r="A6789" s="1" t="s">
        <v>26428</v>
      </c>
      <c r="B6789" s="1" t="s">
        <v>26037</v>
      </c>
      <c r="C6789" s="1" t="s">
        <v>120</v>
      </c>
      <c r="D6789" s="1" t="s">
        <v>26506</v>
      </c>
      <c r="E6789" s="1" t="s">
        <v>26507</v>
      </c>
      <c r="F6789" s="1" t="s">
        <v>26508</v>
      </c>
      <c r="G6789" s="1" t="s">
        <v>26432</v>
      </c>
      <c r="H6789" s="1" t="s">
        <v>26433</v>
      </c>
      <c r="I6789" s="1" t="s">
        <v>26043</v>
      </c>
      <c r="J6789" s="1" t="s">
        <v>26509</v>
      </c>
    </row>
    <row r="6790" spans="1:10" x14ac:dyDescent="0.35">
      <c r="A6790" s="1" t="s">
        <v>26428</v>
      </c>
      <c r="B6790" s="1" t="s">
        <v>26037</v>
      </c>
      <c r="C6790" s="1" t="s">
        <v>125</v>
      </c>
      <c r="D6790" s="1" t="s">
        <v>26510</v>
      </c>
      <c r="E6790" s="1" t="s">
        <v>26492</v>
      </c>
      <c r="F6790" s="1" t="s">
        <v>26511</v>
      </c>
      <c r="G6790" s="1" t="s">
        <v>26432</v>
      </c>
      <c r="H6790" s="1" t="s">
        <v>26433</v>
      </c>
      <c r="I6790" s="1" t="s">
        <v>26043</v>
      </c>
      <c r="J6790" s="1" t="s">
        <v>26512</v>
      </c>
    </row>
    <row r="6791" spans="1:10" x14ac:dyDescent="0.35">
      <c r="A6791" s="1" t="s">
        <v>26428</v>
      </c>
      <c r="B6791" s="1" t="s">
        <v>26037</v>
      </c>
      <c r="C6791" s="1" t="s">
        <v>130</v>
      </c>
      <c r="D6791" s="1" t="s">
        <v>26513</v>
      </c>
      <c r="E6791" s="1" t="s">
        <v>24292</v>
      </c>
      <c r="F6791" s="1" t="s">
        <v>26514</v>
      </c>
      <c r="G6791" s="1" t="s">
        <v>26432</v>
      </c>
      <c r="H6791" s="1" t="s">
        <v>26433</v>
      </c>
      <c r="I6791" s="1" t="s">
        <v>26043</v>
      </c>
      <c r="J6791" s="1" t="s">
        <v>26515</v>
      </c>
    </row>
    <row r="6792" spans="1:10" x14ac:dyDescent="0.35">
      <c r="A6792" s="1" t="s">
        <v>26428</v>
      </c>
      <c r="B6792" s="1" t="s">
        <v>26037</v>
      </c>
      <c r="C6792" s="1" t="s">
        <v>135</v>
      </c>
      <c r="D6792" s="1" t="s">
        <v>26516</v>
      </c>
      <c r="E6792" s="1" t="s">
        <v>15403</v>
      </c>
      <c r="F6792" s="1" t="s">
        <v>26517</v>
      </c>
      <c r="G6792" s="1" t="s">
        <v>26432</v>
      </c>
      <c r="H6792" s="1" t="s">
        <v>26433</v>
      </c>
      <c r="I6792" s="1" t="s">
        <v>26043</v>
      </c>
      <c r="J6792" s="1" t="s">
        <v>26518</v>
      </c>
    </row>
    <row r="6793" spans="1:10" x14ac:dyDescent="0.35">
      <c r="A6793" s="1" t="s">
        <v>26428</v>
      </c>
      <c r="B6793" s="1" t="s">
        <v>26037</v>
      </c>
      <c r="C6793" s="1" t="s">
        <v>140</v>
      </c>
      <c r="D6793" s="1" t="s">
        <v>26519</v>
      </c>
      <c r="E6793" s="1" t="s">
        <v>26520</v>
      </c>
      <c r="F6793" s="1" t="s">
        <v>26521</v>
      </c>
      <c r="G6793" s="1" t="s">
        <v>26432</v>
      </c>
      <c r="H6793" s="1" t="s">
        <v>26433</v>
      </c>
      <c r="I6793" s="1" t="s">
        <v>26043</v>
      </c>
      <c r="J6793" s="1" t="s">
        <v>26522</v>
      </c>
    </row>
    <row r="6794" spans="1:10" x14ac:dyDescent="0.35">
      <c r="A6794" s="1" t="s">
        <v>26428</v>
      </c>
      <c r="B6794" s="1" t="s">
        <v>26037</v>
      </c>
      <c r="C6794" s="1" t="s">
        <v>145</v>
      </c>
      <c r="D6794" s="1" t="s">
        <v>26523</v>
      </c>
      <c r="E6794" s="1" t="s">
        <v>26524</v>
      </c>
      <c r="F6794" s="1" t="s">
        <v>26525</v>
      </c>
      <c r="G6794" s="1" t="s">
        <v>26432</v>
      </c>
      <c r="H6794" s="1" t="s">
        <v>26433</v>
      </c>
      <c r="I6794" s="1" t="s">
        <v>26043</v>
      </c>
      <c r="J6794" s="1" t="s">
        <v>26526</v>
      </c>
    </row>
    <row r="6795" spans="1:10" x14ac:dyDescent="0.35">
      <c r="A6795" s="1" t="s">
        <v>26428</v>
      </c>
      <c r="B6795" s="1" t="s">
        <v>26037</v>
      </c>
      <c r="C6795" s="1" t="s">
        <v>150</v>
      </c>
      <c r="D6795" s="1" t="s">
        <v>20772</v>
      </c>
      <c r="E6795" s="1" t="s">
        <v>26527</v>
      </c>
      <c r="F6795" s="1" t="s">
        <v>26528</v>
      </c>
      <c r="G6795" s="1" t="s">
        <v>26432</v>
      </c>
      <c r="H6795" s="1" t="s">
        <v>26433</v>
      </c>
      <c r="I6795" s="1" t="s">
        <v>26043</v>
      </c>
      <c r="J6795" s="1" t="s">
        <v>26529</v>
      </c>
    </row>
    <row r="6796" spans="1:10" x14ac:dyDescent="0.35">
      <c r="A6796" s="1" t="s">
        <v>26428</v>
      </c>
      <c r="B6796" s="1" t="s">
        <v>26037</v>
      </c>
      <c r="C6796" s="1" t="s">
        <v>155</v>
      </c>
      <c r="D6796" s="1" t="s">
        <v>26530</v>
      </c>
      <c r="E6796" s="1" t="s">
        <v>26531</v>
      </c>
      <c r="F6796" s="1" t="s">
        <v>26532</v>
      </c>
      <c r="G6796" s="1" t="s">
        <v>26432</v>
      </c>
      <c r="H6796" s="1" t="s">
        <v>26433</v>
      </c>
      <c r="I6796" s="1" t="s">
        <v>26043</v>
      </c>
      <c r="J6796" s="1" t="s">
        <v>26533</v>
      </c>
    </row>
    <row r="6797" spans="1:10" x14ac:dyDescent="0.35">
      <c r="A6797" s="1" t="s">
        <v>26428</v>
      </c>
      <c r="B6797" s="1" t="s">
        <v>26037</v>
      </c>
      <c r="C6797" s="1" t="s">
        <v>160</v>
      </c>
      <c r="D6797" s="1" t="s">
        <v>26534</v>
      </c>
      <c r="E6797" s="1" t="s">
        <v>26535</v>
      </c>
      <c r="F6797" s="1" t="s">
        <v>26536</v>
      </c>
      <c r="G6797" s="1" t="s">
        <v>26432</v>
      </c>
      <c r="H6797" s="1" t="s">
        <v>26433</v>
      </c>
      <c r="I6797" s="1" t="s">
        <v>26043</v>
      </c>
      <c r="J6797" s="1" t="s">
        <v>26537</v>
      </c>
    </row>
    <row r="6798" spans="1:10" x14ac:dyDescent="0.35">
      <c r="A6798" s="1" t="s">
        <v>26428</v>
      </c>
      <c r="B6798" s="1" t="s">
        <v>26037</v>
      </c>
      <c r="C6798" s="1" t="s">
        <v>165</v>
      </c>
      <c r="D6798" s="1" t="s">
        <v>26538</v>
      </c>
      <c r="E6798" s="1" t="s">
        <v>26539</v>
      </c>
      <c r="F6798" s="1" t="s">
        <v>26540</v>
      </c>
      <c r="G6798" s="1" t="s">
        <v>26432</v>
      </c>
      <c r="H6798" s="1" t="s">
        <v>26433</v>
      </c>
      <c r="I6798" s="1" t="s">
        <v>26043</v>
      </c>
      <c r="J6798" s="1" t="s">
        <v>26541</v>
      </c>
    </row>
    <row r="6799" spans="1:10" x14ac:dyDescent="0.35">
      <c r="A6799" s="1" t="s">
        <v>26428</v>
      </c>
      <c r="B6799" s="1" t="s">
        <v>26037</v>
      </c>
      <c r="C6799" s="1" t="s">
        <v>170</v>
      </c>
      <c r="D6799" s="1" t="s">
        <v>26542</v>
      </c>
      <c r="E6799" s="1" t="s">
        <v>26543</v>
      </c>
      <c r="F6799" s="1" t="s">
        <v>26544</v>
      </c>
      <c r="G6799" s="1" t="s">
        <v>26432</v>
      </c>
      <c r="H6799" s="1" t="s">
        <v>26433</v>
      </c>
      <c r="I6799" s="1" t="s">
        <v>26043</v>
      </c>
      <c r="J6799" s="1" t="s">
        <v>26545</v>
      </c>
    </row>
    <row r="6800" spans="1:10" x14ac:dyDescent="0.35">
      <c r="A6800" s="1" t="s">
        <v>26546</v>
      </c>
      <c r="B6800" s="1" t="s">
        <v>26037</v>
      </c>
      <c r="C6800" s="1" t="s">
        <v>8</v>
      </c>
      <c r="D6800" s="1" t="s">
        <v>26547</v>
      </c>
      <c r="E6800" s="1" t="s">
        <v>16087</v>
      </c>
      <c r="F6800" s="1" t="s">
        <v>26548</v>
      </c>
      <c r="G6800" s="1" t="s">
        <v>26549</v>
      </c>
      <c r="H6800" s="1" t="s">
        <v>26550</v>
      </c>
      <c r="I6800" s="1" t="s">
        <v>26043</v>
      </c>
      <c r="J6800" s="1" t="s">
        <v>13</v>
      </c>
    </row>
    <row r="6801" spans="1:10" x14ac:dyDescent="0.35">
      <c r="A6801" s="1" t="s">
        <v>26546</v>
      </c>
      <c r="B6801" s="1" t="s">
        <v>26037</v>
      </c>
      <c r="C6801" s="1" t="s">
        <v>15</v>
      </c>
      <c r="D6801" s="1" t="s">
        <v>26551</v>
      </c>
      <c r="E6801" s="1" t="s">
        <v>26552</v>
      </c>
      <c r="F6801" s="1" t="s">
        <v>26553</v>
      </c>
      <c r="G6801" s="1" t="s">
        <v>26549</v>
      </c>
      <c r="H6801" s="1" t="s">
        <v>26550</v>
      </c>
      <c r="I6801" s="1" t="s">
        <v>26043</v>
      </c>
      <c r="J6801" s="1" t="s">
        <v>26554</v>
      </c>
    </row>
    <row r="6802" spans="1:10" x14ac:dyDescent="0.35">
      <c r="A6802" s="1" t="s">
        <v>26546</v>
      </c>
      <c r="B6802" s="1" t="s">
        <v>26037</v>
      </c>
      <c r="C6802" s="1" t="s">
        <v>20</v>
      </c>
      <c r="D6802" s="1" t="s">
        <v>26555</v>
      </c>
      <c r="E6802" s="1" t="s">
        <v>26556</v>
      </c>
      <c r="F6802" s="1" t="s">
        <v>26557</v>
      </c>
      <c r="G6802" s="1" t="s">
        <v>26549</v>
      </c>
      <c r="H6802" s="1" t="s">
        <v>26550</v>
      </c>
      <c r="I6802" s="1" t="s">
        <v>26043</v>
      </c>
      <c r="J6802" s="1" t="s">
        <v>26558</v>
      </c>
    </row>
    <row r="6803" spans="1:10" x14ac:dyDescent="0.35">
      <c r="A6803" s="1" t="s">
        <v>26546</v>
      </c>
      <c r="B6803" s="1" t="s">
        <v>26037</v>
      </c>
      <c r="C6803" s="1" t="s">
        <v>25</v>
      </c>
      <c r="D6803" s="1" t="s">
        <v>26559</v>
      </c>
      <c r="E6803" s="1" t="s">
        <v>26560</v>
      </c>
      <c r="F6803" s="1" t="s">
        <v>26561</v>
      </c>
      <c r="G6803" s="1" t="s">
        <v>26549</v>
      </c>
      <c r="H6803" s="1" t="s">
        <v>26550</v>
      </c>
      <c r="I6803" s="1" t="s">
        <v>26043</v>
      </c>
      <c r="J6803" s="1" t="s">
        <v>26562</v>
      </c>
    </row>
    <row r="6804" spans="1:10" x14ac:dyDescent="0.35">
      <c r="A6804" s="1" t="s">
        <v>26546</v>
      </c>
      <c r="B6804" s="1" t="s">
        <v>26037</v>
      </c>
      <c r="C6804" s="1" t="s">
        <v>30</v>
      </c>
      <c r="D6804" s="1" t="s">
        <v>26563</v>
      </c>
      <c r="E6804" s="1" t="s">
        <v>26564</v>
      </c>
      <c r="F6804" s="1" t="s">
        <v>26565</v>
      </c>
      <c r="G6804" s="1" t="s">
        <v>26549</v>
      </c>
      <c r="H6804" s="1" t="s">
        <v>26550</v>
      </c>
      <c r="I6804" s="1" t="s">
        <v>26043</v>
      </c>
      <c r="J6804" s="1" t="s">
        <v>26566</v>
      </c>
    </row>
    <row r="6805" spans="1:10" x14ac:dyDescent="0.35">
      <c r="A6805" s="1" t="s">
        <v>26546</v>
      </c>
      <c r="B6805" s="1" t="s">
        <v>26037</v>
      </c>
      <c r="C6805" s="1" t="s">
        <v>35</v>
      </c>
      <c r="D6805" s="1" t="s">
        <v>26567</v>
      </c>
      <c r="E6805" s="1" t="s">
        <v>26568</v>
      </c>
      <c r="F6805" s="1" t="s">
        <v>26569</v>
      </c>
      <c r="G6805" s="1" t="s">
        <v>26549</v>
      </c>
      <c r="H6805" s="1" t="s">
        <v>26550</v>
      </c>
      <c r="I6805" s="1" t="s">
        <v>26043</v>
      </c>
      <c r="J6805" s="1" t="s">
        <v>26570</v>
      </c>
    </row>
    <row r="6806" spans="1:10" x14ac:dyDescent="0.35">
      <c r="A6806" s="1" t="s">
        <v>26546</v>
      </c>
      <c r="B6806" s="1" t="s">
        <v>26037</v>
      </c>
      <c r="C6806" s="1" t="s">
        <v>40</v>
      </c>
      <c r="D6806" s="1" t="s">
        <v>26571</v>
      </c>
      <c r="E6806" s="1" t="s">
        <v>26572</v>
      </c>
      <c r="F6806" s="1" t="s">
        <v>26573</v>
      </c>
      <c r="G6806" s="1" t="s">
        <v>26549</v>
      </c>
      <c r="H6806" s="1" t="s">
        <v>26550</v>
      </c>
      <c r="I6806" s="1" t="s">
        <v>26043</v>
      </c>
      <c r="J6806" s="1" t="s">
        <v>26574</v>
      </c>
    </row>
    <row r="6807" spans="1:10" x14ac:dyDescent="0.35">
      <c r="A6807" s="1" t="s">
        <v>26546</v>
      </c>
      <c r="B6807" s="1" t="s">
        <v>26037</v>
      </c>
      <c r="C6807" s="1" t="s">
        <v>45</v>
      </c>
      <c r="D6807" s="1" t="s">
        <v>26575</v>
      </c>
      <c r="E6807" s="1" t="s">
        <v>26576</v>
      </c>
      <c r="F6807" s="1" t="s">
        <v>26577</v>
      </c>
      <c r="G6807" s="1" t="s">
        <v>26549</v>
      </c>
      <c r="H6807" s="1" t="s">
        <v>26550</v>
      </c>
      <c r="I6807" s="1" t="s">
        <v>26043</v>
      </c>
      <c r="J6807" s="1" t="s">
        <v>26578</v>
      </c>
    </row>
    <row r="6808" spans="1:10" x14ac:dyDescent="0.35">
      <c r="A6808" s="1" t="s">
        <v>26546</v>
      </c>
      <c r="B6808" s="1" t="s">
        <v>26037</v>
      </c>
      <c r="C6808" s="1" t="s">
        <v>50</v>
      </c>
      <c r="D6808" s="1" t="s">
        <v>26579</v>
      </c>
      <c r="E6808" s="1" t="s">
        <v>24258</v>
      </c>
      <c r="F6808" s="1" t="s">
        <v>26580</v>
      </c>
      <c r="G6808" s="1" t="s">
        <v>26549</v>
      </c>
      <c r="H6808" s="1" t="s">
        <v>26550</v>
      </c>
      <c r="I6808" s="1" t="s">
        <v>26043</v>
      </c>
      <c r="J6808" s="1" t="s">
        <v>26581</v>
      </c>
    </row>
    <row r="6809" spans="1:10" x14ac:dyDescent="0.35">
      <c r="A6809" s="1" t="s">
        <v>26546</v>
      </c>
      <c r="B6809" s="1" t="s">
        <v>26037</v>
      </c>
      <c r="C6809" s="1" t="s">
        <v>55</v>
      </c>
      <c r="D6809" s="1" t="s">
        <v>26582</v>
      </c>
      <c r="E6809" s="1" t="s">
        <v>24250</v>
      </c>
      <c r="F6809" s="1" t="s">
        <v>26583</v>
      </c>
      <c r="G6809" s="1" t="s">
        <v>26549</v>
      </c>
      <c r="H6809" s="1" t="s">
        <v>26550</v>
      </c>
      <c r="I6809" s="1" t="s">
        <v>26043</v>
      </c>
      <c r="J6809" s="1" t="s">
        <v>26584</v>
      </c>
    </row>
    <row r="6810" spans="1:10" x14ac:dyDescent="0.35">
      <c r="A6810" s="1" t="s">
        <v>26546</v>
      </c>
      <c r="B6810" s="1" t="s">
        <v>26037</v>
      </c>
      <c r="C6810" s="1" t="s">
        <v>60</v>
      </c>
      <c r="D6810" s="1" t="s">
        <v>26585</v>
      </c>
      <c r="E6810" s="1" t="s">
        <v>26586</v>
      </c>
      <c r="F6810" s="1" t="s">
        <v>4247</v>
      </c>
      <c r="G6810" s="1" t="s">
        <v>26549</v>
      </c>
      <c r="H6810" s="1" t="s">
        <v>26550</v>
      </c>
      <c r="I6810" s="1" t="s">
        <v>26043</v>
      </c>
      <c r="J6810" s="1" t="s">
        <v>26587</v>
      </c>
    </row>
    <row r="6811" spans="1:10" x14ac:dyDescent="0.35">
      <c r="A6811" s="1" t="s">
        <v>26546</v>
      </c>
      <c r="B6811" s="1" t="s">
        <v>26037</v>
      </c>
      <c r="C6811" s="1" t="s">
        <v>65</v>
      </c>
      <c r="D6811" s="1" t="s">
        <v>26588</v>
      </c>
      <c r="E6811" s="1" t="s">
        <v>15319</v>
      </c>
      <c r="F6811" s="1" t="s">
        <v>26589</v>
      </c>
      <c r="G6811" s="1" t="s">
        <v>26549</v>
      </c>
      <c r="H6811" s="1" t="s">
        <v>26550</v>
      </c>
      <c r="I6811" s="1" t="s">
        <v>26043</v>
      </c>
      <c r="J6811" s="1" t="s">
        <v>26590</v>
      </c>
    </row>
    <row r="6812" spans="1:10" x14ac:dyDescent="0.35">
      <c r="A6812" s="1" t="s">
        <v>26546</v>
      </c>
      <c r="B6812" s="1" t="s">
        <v>26037</v>
      </c>
      <c r="C6812" s="1" t="s">
        <v>70</v>
      </c>
      <c r="D6812" s="1" t="s">
        <v>26591</v>
      </c>
      <c r="E6812" s="1" t="s">
        <v>26592</v>
      </c>
      <c r="F6812" s="1" t="s">
        <v>26593</v>
      </c>
      <c r="G6812" s="1" t="s">
        <v>26549</v>
      </c>
      <c r="H6812" s="1" t="s">
        <v>26550</v>
      </c>
      <c r="I6812" s="1" t="s">
        <v>26043</v>
      </c>
      <c r="J6812" s="1" t="s">
        <v>26594</v>
      </c>
    </row>
    <row r="6813" spans="1:10" x14ac:dyDescent="0.35">
      <c r="A6813" s="1" t="s">
        <v>26546</v>
      </c>
      <c r="B6813" s="1" t="s">
        <v>26037</v>
      </c>
      <c r="C6813" s="1" t="s">
        <v>75</v>
      </c>
      <c r="D6813" s="1" t="s">
        <v>26595</v>
      </c>
      <c r="E6813" s="1" t="s">
        <v>26596</v>
      </c>
      <c r="F6813" s="1" t="s">
        <v>26597</v>
      </c>
      <c r="G6813" s="1" t="s">
        <v>26549</v>
      </c>
      <c r="H6813" s="1" t="s">
        <v>26550</v>
      </c>
      <c r="I6813" s="1" t="s">
        <v>26043</v>
      </c>
      <c r="J6813" s="1" t="s">
        <v>26598</v>
      </c>
    </row>
    <row r="6814" spans="1:10" x14ac:dyDescent="0.35">
      <c r="A6814" s="1" t="s">
        <v>26546</v>
      </c>
      <c r="B6814" s="1" t="s">
        <v>26037</v>
      </c>
      <c r="C6814" s="1" t="s">
        <v>80</v>
      </c>
      <c r="D6814" s="1" t="s">
        <v>26599</v>
      </c>
      <c r="E6814" s="1" t="s">
        <v>26600</v>
      </c>
      <c r="F6814" s="1" t="s">
        <v>26601</v>
      </c>
      <c r="G6814" s="1" t="s">
        <v>26549</v>
      </c>
      <c r="H6814" s="1" t="s">
        <v>26550</v>
      </c>
      <c r="I6814" s="1" t="s">
        <v>26043</v>
      </c>
      <c r="J6814" s="1" t="s">
        <v>26602</v>
      </c>
    </row>
    <row r="6815" spans="1:10" x14ac:dyDescent="0.35">
      <c r="A6815" s="1" t="s">
        <v>26546</v>
      </c>
      <c r="B6815" s="1" t="s">
        <v>26037</v>
      </c>
      <c r="C6815" s="1" t="s">
        <v>85</v>
      </c>
      <c r="D6815" s="1" t="s">
        <v>26603</v>
      </c>
      <c r="E6815" s="1" t="s">
        <v>26604</v>
      </c>
      <c r="F6815" s="1" t="s">
        <v>26605</v>
      </c>
      <c r="G6815" s="1" t="s">
        <v>26549</v>
      </c>
      <c r="H6815" s="1" t="s">
        <v>26550</v>
      </c>
      <c r="I6815" s="1" t="s">
        <v>26043</v>
      </c>
      <c r="J6815" s="1" t="s">
        <v>26606</v>
      </c>
    </row>
    <row r="6816" spans="1:10" x14ac:dyDescent="0.35">
      <c r="A6816" s="1" t="s">
        <v>26546</v>
      </c>
      <c r="B6816" s="1" t="s">
        <v>26037</v>
      </c>
      <c r="C6816" s="1" t="s">
        <v>90</v>
      </c>
      <c r="D6816" s="1" t="s">
        <v>26607</v>
      </c>
      <c r="E6816" s="1" t="s">
        <v>24209</v>
      </c>
      <c r="F6816" s="1" t="s">
        <v>26608</v>
      </c>
      <c r="G6816" s="1" t="s">
        <v>26549</v>
      </c>
      <c r="H6816" s="1" t="s">
        <v>26550</v>
      </c>
      <c r="I6816" s="1" t="s">
        <v>26043</v>
      </c>
      <c r="J6816" s="1" t="s">
        <v>26609</v>
      </c>
    </row>
    <row r="6817" spans="1:10" x14ac:dyDescent="0.35">
      <c r="A6817" s="1" t="s">
        <v>26546</v>
      </c>
      <c r="B6817" s="1" t="s">
        <v>26037</v>
      </c>
      <c r="C6817" s="1" t="s">
        <v>95</v>
      </c>
      <c r="D6817" s="1" t="s">
        <v>26610</v>
      </c>
      <c r="E6817" s="1" t="s">
        <v>23262</v>
      </c>
      <c r="F6817" s="1" t="s">
        <v>26611</v>
      </c>
      <c r="G6817" s="1" t="s">
        <v>26549</v>
      </c>
      <c r="H6817" s="1" t="s">
        <v>26550</v>
      </c>
      <c r="I6817" s="1" t="s">
        <v>26043</v>
      </c>
      <c r="J6817" s="1" t="s">
        <v>26612</v>
      </c>
    </row>
    <row r="6818" spans="1:10" x14ac:dyDescent="0.35">
      <c r="A6818" s="1" t="s">
        <v>26546</v>
      </c>
      <c r="B6818" s="1" t="s">
        <v>26037</v>
      </c>
      <c r="C6818" s="1" t="s">
        <v>100</v>
      </c>
      <c r="D6818" s="1" t="s">
        <v>26613</v>
      </c>
      <c r="E6818" s="1" t="s">
        <v>26614</v>
      </c>
      <c r="F6818" s="1" t="s">
        <v>26615</v>
      </c>
      <c r="G6818" s="1" t="s">
        <v>26549</v>
      </c>
      <c r="H6818" s="1" t="s">
        <v>26550</v>
      </c>
      <c r="I6818" s="1" t="s">
        <v>26043</v>
      </c>
      <c r="J6818" s="1" t="s">
        <v>26616</v>
      </c>
    </row>
    <row r="6819" spans="1:10" x14ac:dyDescent="0.35">
      <c r="A6819" s="1" t="s">
        <v>26546</v>
      </c>
      <c r="B6819" s="1" t="s">
        <v>26037</v>
      </c>
      <c r="C6819" s="1" t="s">
        <v>105</v>
      </c>
      <c r="D6819" s="1" t="s">
        <v>26617</v>
      </c>
      <c r="E6819" s="1" t="s">
        <v>26618</v>
      </c>
      <c r="F6819" s="1" t="s">
        <v>26619</v>
      </c>
      <c r="G6819" s="1" t="s">
        <v>26549</v>
      </c>
      <c r="H6819" s="1" t="s">
        <v>26550</v>
      </c>
      <c r="I6819" s="1" t="s">
        <v>26043</v>
      </c>
      <c r="J6819" s="1" t="s">
        <v>26620</v>
      </c>
    </row>
    <row r="6820" spans="1:10" x14ac:dyDescent="0.35">
      <c r="A6820" s="1" t="s">
        <v>26546</v>
      </c>
      <c r="B6820" s="1" t="s">
        <v>26037</v>
      </c>
      <c r="C6820" s="1" t="s">
        <v>110</v>
      </c>
      <c r="D6820" s="1" t="s">
        <v>24113</v>
      </c>
      <c r="E6820" s="1" t="s">
        <v>26621</v>
      </c>
      <c r="F6820" s="1" t="s">
        <v>26622</v>
      </c>
      <c r="G6820" s="1" t="s">
        <v>26549</v>
      </c>
      <c r="H6820" s="1" t="s">
        <v>26550</v>
      </c>
      <c r="I6820" s="1" t="s">
        <v>26043</v>
      </c>
      <c r="J6820" s="1" t="s">
        <v>26623</v>
      </c>
    </row>
    <row r="6821" spans="1:10" x14ac:dyDescent="0.35">
      <c r="A6821" s="1" t="s">
        <v>26546</v>
      </c>
      <c r="B6821" s="1" t="s">
        <v>26037</v>
      </c>
      <c r="C6821" s="1" t="s">
        <v>115</v>
      </c>
      <c r="D6821" s="1" t="s">
        <v>26624</v>
      </c>
      <c r="E6821" s="1" t="s">
        <v>26625</v>
      </c>
      <c r="F6821" s="1" t="s">
        <v>26626</v>
      </c>
      <c r="G6821" s="1" t="s">
        <v>26549</v>
      </c>
      <c r="H6821" s="1" t="s">
        <v>26550</v>
      </c>
      <c r="I6821" s="1" t="s">
        <v>26043</v>
      </c>
      <c r="J6821" s="1" t="s">
        <v>26627</v>
      </c>
    </row>
    <row r="6822" spans="1:10" x14ac:dyDescent="0.35">
      <c r="A6822" s="1" t="s">
        <v>26546</v>
      </c>
      <c r="B6822" s="1" t="s">
        <v>26037</v>
      </c>
      <c r="C6822" s="1" t="s">
        <v>120</v>
      </c>
      <c r="D6822" s="1" t="s">
        <v>26628</v>
      </c>
      <c r="E6822" s="1" t="s">
        <v>26629</v>
      </c>
      <c r="F6822" s="1" t="s">
        <v>26630</v>
      </c>
      <c r="G6822" s="1" t="s">
        <v>26549</v>
      </c>
      <c r="H6822" s="1" t="s">
        <v>26550</v>
      </c>
      <c r="I6822" s="1" t="s">
        <v>26043</v>
      </c>
      <c r="J6822" s="1" t="s">
        <v>26631</v>
      </c>
    </row>
    <row r="6823" spans="1:10" x14ac:dyDescent="0.35">
      <c r="A6823" s="1" t="s">
        <v>26546</v>
      </c>
      <c r="B6823" s="1" t="s">
        <v>26037</v>
      </c>
      <c r="C6823" s="1" t="s">
        <v>125</v>
      </c>
      <c r="D6823" s="1" t="s">
        <v>7416</v>
      </c>
      <c r="E6823" s="1" t="s">
        <v>24408</v>
      </c>
      <c r="F6823" s="1" t="s">
        <v>26632</v>
      </c>
      <c r="G6823" s="1" t="s">
        <v>26549</v>
      </c>
      <c r="H6823" s="1" t="s">
        <v>26550</v>
      </c>
      <c r="I6823" s="1" t="s">
        <v>26043</v>
      </c>
      <c r="J6823" s="1" t="s">
        <v>26633</v>
      </c>
    </row>
    <row r="6824" spans="1:10" x14ac:dyDescent="0.35">
      <c r="A6824" s="1" t="s">
        <v>26546</v>
      </c>
      <c r="B6824" s="1" t="s">
        <v>26037</v>
      </c>
      <c r="C6824" s="1" t="s">
        <v>130</v>
      </c>
      <c r="D6824" s="1" t="s">
        <v>22456</v>
      </c>
      <c r="E6824" s="1" t="s">
        <v>22328</v>
      </c>
      <c r="F6824" s="1" t="s">
        <v>26634</v>
      </c>
      <c r="G6824" s="1" t="s">
        <v>26549</v>
      </c>
      <c r="H6824" s="1" t="s">
        <v>26550</v>
      </c>
      <c r="I6824" s="1" t="s">
        <v>26043</v>
      </c>
      <c r="J6824" s="1" t="s">
        <v>26635</v>
      </c>
    </row>
    <row r="6825" spans="1:10" x14ac:dyDescent="0.35">
      <c r="A6825" s="1" t="s">
        <v>26546</v>
      </c>
      <c r="B6825" s="1" t="s">
        <v>26037</v>
      </c>
      <c r="C6825" s="1" t="s">
        <v>135</v>
      </c>
      <c r="D6825" s="1" t="s">
        <v>26636</v>
      </c>
      <c r="E6825" s="1" t="s">
        <v>26637</v>
      </c>
      <c r="F6825" s="1" t="s">
        <v>26638</v>
      </c>
      <c r="G6825" s="1" t="s">
        <v>26549</v>
      </c>
      <c r="H6825" s="1" t="s">
        <v>26550</v>
      </c>
      <c r="I6825" s="1" t="s">
        <v>26043</v>
      </c>
      <c r="J6825" s="1" t="s">
        <v>26639</v>
      </c>
    </row>
    <row r="6826" spans="1:10" x14ac:dyDescent="0.35">
      <c r="A6826" s="1" t="s">
        <v>26546</v>
      </c>
      <c r="B6826" s="1" t="s">
        <v>26037</v>
      </c>
      <c r="C6826" s="1" t="s">
        <v>140</v>
      </c>
      <c r="D6826" s="1" t="s">
        <v>26640</v>
      </c>
      <c r="E6826" s="1" t="s">
        <v>26641</v>
      </c>
      <c r="F6826" s="1" t="s">
        <v>26642</v>
      </c>
      <c r="G6826" s="1" t="s">
        <v>26549</v>
      </c>
      <c r="H6826" s="1" t="s">
        <v>26550</v>
      </c>
      <c r="I6826" s="1" t="s">
        <v>26043</v>
      </c>
      <c r="J6826" s="1" t="s">
        <v>26643</v>
      </c>
    </row>
    <row r="6827" spans="1:10" x14ac:dyDescent="0.35">
      <c r="A6827" s="1" t="s">
        <v>26546</v>
      </c>
      <c r="B6827" s="1" t="s">
        <v>26037</v>
      </c>
      <c r="C6827" s="1" t="s">
        <v>145</v>
      </c>
      <c r="D6827" s="1" t="s">
        <v>20650</v>
      </c>
      <c r="E6827" s="1" t="s">
        <v>26644</v>
      </c>
      <c r="F6827" s="1" t="s">
        <v>26645</v>
      </c>
      <c r="G6827" s="1" t="s">
        <v>26549</v>
      </c>
      <c r="H6827" s="1" t="s">
        <v>26550</v>
      </c>
      <c r="I6827" s="1" t="s">
        <v>26043</v>
      </c>
      <c r="J6827" s="1" t="s">
        <v>26646</v>
      </c>
    </row>
    <row r="6828" spans="1:10" x14ac:dyDescent="0.35">
      <c r="A6828" s="1" t="s">
        <v>26546</v>
      </c>
      <c r="B6828" s="1" t="s">
        <v>26037</v>
      </c>
      <c r="C6828" s="1" t="s">
        <v>150</v>
      </c>
      <c r="D6828" s="1" t="s">
        <v>7448</v>
      </c>
      <c r="E6828" s="1" t="s">
        <v>26647</v>
      </c>
      <c r="F6828" s="1" t="s">
        <v>26648</v>
      </c>
      <c r="G6828" s="1" t="s">
        <v>26549</v>
      </c>
      <c r="H6828" s="1" t="s">
        <v>26550</v>
      </c>
      <c r="I6828" s="1" t="s">
        <v>26043</v>
      </c>
      <c r="J6828" s="1" t="s">
        <v>26649</v>
      </c>
    </row>
    <row r="6829" spans="1:10" x14ac:dyDescent="0.35">
      <c r="A6829" s="1" t="s">
        <v>26546</v>
      </c>
      <c r="B6829" s="1" t="s">
        <v>26037</v>
      </c>
      <c r="C6829" s="1" t="s">
        <v>155</v>
      </c>
      <c r="D6829" s="1" t="s">
        <v>26650</v>
      </c>
      <c r="E6829" s="1" t="s">
        <v>15428</v>
      </c>
      <c r="F6829" s="1" t="s">
        <v>26651</v>
      </c>
      <c r="G6829" s="1" t="s">
        <v>26549</v>
      </c>
      <c r="H6829" s="1" t="s">
        <v>26550</v>
      </c>
      <c r="I6829" s="1" t="s">
        <v>26043</v>
      </c>
      <c r="J6829" s="1" t="s">
        <v>26652</v>
      </c>
    </row>
    <row r="6830" spans="1:10" x14ac:dyDescent="0.35">
      <c r="A6830" s="1" t="s">
        <v>26546</v>
      </c>
      <c r="B6830" s="1" t="s">
        <v>26037</v>
      </c>
      <c r="C6830" s="1" t="s">
        <v>160</v>
      </c>
      <c r="D6830" s="1" t="s">
        <v>26653</v>
      </c>
      <c r="E6830" s="1" t="s">
        <v>26654</v>
      </c>
      <c r="F6830" s="1" t="s">
        <v>26655</v>
      </c>
      <c r="G6830" s="1" t="s">
        <v>26549</v>
      </c>
      <c r="H6830" s="1" t="s">
        <v>26550</v>
      </c>
      <c r="I6830" s="1" t="s">
        <v>26043</v>
      </c>
      <c r="J6830" s="1" t="s">
        <v>26656</v>
      </c>
    </row>
    <row r="6831" spans="1:10" x14ac:dyDescent="0.35">
      <c r="A6831" s="1" t="s">
        <v>26546</v>
      </c>
      <c r="B6831" s="1" t="s">
        <v>26037</v>
      </c>
      <c r="C6831" s="1" t="s">
        <v>165</v>
      </c>
      <c r="D6831" s="1" t="s">
        <v>26657</v>
      </c>
      <c r="E6831" s="1" t="s">
        <v>24217</v>
      </c>
      <c r="F6831" s="1" t="s">
        <v>26658</v>
      </c>
      <c r="G6831" s="1" t="s">
        <v>26549</v>
      </c>
      <c r="H6831" s="1" t="s">
        <v>26550</v>
      </c>
      <c r="I6831" s="1" t="s">
        <v>26043</v>
      </c>
      <c r="J6831" s="1" t="s">
        <v>26659</v>
      </c>
    </row>
    <row r="6832" spans="1:10" x14ac:dyDescent="0.35">
      <c r="A6832" s="1" t="s">
        <v>26546</v>
      </c>
      <c r="B6832" s="1" t="s">
        <v>26037</v>
      </c>
      <c r="C6832" s="1" t="s">
        <v>170</v>
      </c>
      <c r="D6832" s="1" t="s">
        <v>19907</v>
      </c>
      <c r="E6832" s="1" t="s">
        <v>26660</v>
      </c>
      <c r="F6832" s="1" t="s">
        <v>26661</v>
      </c>
      <c r="G6832" s="1" t="s">
        <v>26549</v>
      </c>
      <c r="H6832" s="1" t="s">
        <v>26550</v>
      </c>
      <c r="I6832" s="1" t="s">
        <v>26043</v>
      </c>
      <c r="J6832" s="1" t="s">
        <v>26662</v>
      </c>
    </row>
    <row r="6833" spans="1:10" x14ac:dyDescent="0.35">
      <c r="A6833" s="1" t="s">
        <v>26663</v>
      </c>
      <c r="B6833" s="1" t="s">
        <v>26037</v>
      </c>
      <c r="C6833" s="1" t="s">
        <v>8</v>
      </c>
      <c r="D6833" s="1" t="s">
        <v>26664</v>
      </c>
      <c r="E6833" s="1" t="s">
        <v>26665</v>
      </c>
      <c r="F6833" s="1" t="s">
        <v>26666</v>
      </c>
      <c r="G6833" s="1" t="s">
        <v>26667</v>
      </c>
      <c r="H6833" s="1" t="s">
        <v>26668</v>
      </c>
      <c r="I6833" s="1" t="s">
        <v>26043</v>
      </c>
      <c r="J6833" s="1" t="s">
        <v>13</v>
      </c>
    </row>
    <row r="6834" spans="1:10" x14ac:dyDescent="0.35">
      <c r="A6834" s="1" t="s">
        <v>26663</v>
      </c>
      <c r="B6834" s="1" t="s">
        <v>26037</v>
      </c>
      <c r="C6834" s="1" t="s">
        <v>15</v>
      </c>
      <c r="D6834" s="1" t="s">
        <v>26669</v>
      </c>
      <c r="E6834" s="1" t="s">
        <v>26670</v>
      </c>
      <c r="F6834" s="1" t="s">
        <v>26671</v>
      </c>
      <c r="G6834" s="1" t="s">
        <v>26667</v>
      </c>
      <c r="H6834" s="1" t="s">
        <v>26668</v>
      </c>
      <c r="I6834" s="1" t="s">
        <v>26043</v>
      </c>
      <c r="J6834" s="1" t="s">
        <v>26672</v>
      </c>
    </row>
    <row r="6835" spans="1:10" x14ac:dyDescent="0.35">
      <c r="A6835" s="1" t="s">
        <v>26663</v>
      </c>
      <c r="B6835" s="1" t="s">
        <v>26037</v>
      </c>
      <c r="C6835" s="1" t="s">
        <v>20</v>
      </c>
      <c r="D6835" s="1" t="s">
        <v>26673</v>
      </c>
      <c r="E6835" s="1" t="s">
        <v>26674</v>
      </c>
      <c r="F6835" s="1" t="s">
        <v>26675</v>
      </c>
      <c r="G6835" s="1" t="s">
        <v>26667</v>
      </c>
      <c r="H6835" s="1" t="s">
        <v>26668</v>
      </c>
      <c r="I6835" s="1" t="s">
        <v>26043</v>
      </c>
      <c r="J6835" s="1" t="s">
        <v>26676</v>
      </c>
    </row>
    <row r="6836" spans="1:10" x14ac:dyDescent="0.35">
      <c r="A6836" s="1" t="s">
        <v>26663</v>
      </c>
      <c r="B6836" s="1" t="s">
        <v>26037</v>
      </c>
      <c r="C6836" s="1" t="s">
        <v>25</v>
      </c>
      <c r="D6836" s="1" t="s">
        <v>26677</v>
      </c>
      <c r="E6836" s="1" t="s">
        <v>26678</v>
      </c>
      <c r="F6836" s="1" t="s">
        <v>26679</v>
      </c>
      <c r="G6836" s="1" t="s">
        <v>26667</v>
      </c>
      <c r="H6836" s="1" t="s">
        <v>26668</v>
      </c>
      <c r="I6836" s="1" t="s">
        <v>26043</v>
      </c>
      <c r="J6836" s="1" t="s">
        <v>26680</v>
      </c>
    </row>
    <row r="6837" spans="1:10" x14ac:dyDescent="0.35">
      <c r="A6837" s="1" t="s">
        <v>26663</v>
      </c>
      <c r="B6837" s="1" t="s">
        <v>26037</v>
      </c>
      <c r="C6837" s="1" t="s">
        <v>30</v>
      </c>
      <c r="D6837" s="1" t="s">
        <v>26681</v>
      </c>
      <c r="E6837" s="1" t="s">
        <v>26682</v>
      </c>
      <c r="F6837" s="1" t="s">
        <v>26683</v>
      </c>
      <c r="G6837" s="1" t="s">
        <v>26667</v>
      </c>
      <c r="H6837" s="1" t="s">
        <v>26668</v>
      </c>
      <c r="I6837" s="1" t="s">
        <v>26043</v>
      </c>
      <c r="J6837" s="1" t="s">
        <v>26684</v>
      </c>
    </row>
    <row r="6838" spans="1:10" x14ac:dyDescent="0.35">
      <c r="A6838" s="1" t="s">
        <v>26663</v>
      </c>
      <c r="B6838" s="1" t="s">
        <v>26037</v>
      </c>
      <c r="C6838" s="1" t="s">
        <v>35</v>
      </c>
      <c r="D6838" s="1" t="s">
        <v>26685</v>
      </c>
      <c r="E6838" s="1" t="s">
        <v>26686</v>
      </c>
      <c r="F6838" s="1" t="s">
        <v>26687</v>
      </c>
      <c r="G6838" s="1" t="s">
        <v>26667</v>
      </c>
      <c r="H6838" s="1" t="s">
        <v>26668</v>
      </c>
      <c r="I6838" s="1" t="s">
        <v>26043</v>
      </c>
      <c r="J6838" s="1" t="s">
        <v>26688</v>
      </c>
    </row>
    <row r="6839" spans="1:10" x14ac:dyDescent="0.35">
      <c r="A6839" s="1" t="s">
        <v>26663</v>
      </c>
      <c r="B6839" s="1" t="s">
        <v>26037</v>
      </c>
      <c r="C6839" s="1" t="s">
        <v>40</v>
      </c>
      <c r="D6839" s="1" t="s">
        <v>26689</v>
      </c>
      <c r="E6839" s="1" t="s">
        <v>26690</v>
      </c>
      <c r="F6839" s="1" t="s">
        <v>26691</v>
      </c>
      <c r="G6839" s="1" t="s">
        <v>26667</v>
      </c>
      <c r="H6839" s="1" t="s">
        <v>26668</v>
      </c>
      <c r="I6839" s="1" t="s">
        <v>26043</v>
      </c>
      <c r="J6839" s="1" t="s">
        <v>26692</v>
      </c>
    </row>
    <row r="6840" spans="1:10" x14ac:dyDescent="0.35">
      <c r="A6840" s="1" t="s">
        <v>26663</v>
      </c>
      <c r="B6840" s="1" t="s">
        <v>26037</v>
      </c>
      <c r="C6840" s="1" t="s">
        <v>45</v>
      </c>
      <c r="D6840" s="1" t="s">
        <v>26693</v>
      </c>
      <c r="E6840" s="1" t="s">
        <v>26694</v>
      </c>
      <c r="F6840" s="1" t="s">
        <v>26695</v>
      </c>
      <c r="G6840" s="1" t="s">
        <v>26667</v>
      </c>
      <c r="H6840" s="1" t="s">
        <v>26668</v>
      </c>
      <c r="I6840" s="1" t="s">
        <v>26043</v>
      </c>
      <c r="J6840" s="1" t="s">
        <v>26696</v>
      </c>
    </row>
    <row r="6841" spans="1:10" x14ac:dyDescent="0.35">
      <c r="A6841" s="1" t="s">
        <v>26663</v>
      </c>
      <c r="B6841" s="1" t="s">
        <v>26037</v>
      </c>
      <c r="C6841" s="1" t="s">
        <v>50</v>
      </c>
      <c r="D6841" s="1" t="s">
        <v>26697</v>
      </c>
      <c r="E6841" s="1" t="s">
        <v>26698</v>
      </c>
      <c r="F6841" s="1" t="s">
        <v>26699</v>
      </c>
      <c r="G6841" s="1" t="s">
        <v>26667</v>
      </c>
      <c r="H6841" s="1" t="s">
        <v>26668</v>
      </c>
      <c r="I6841" s="1" t="s">
        <v>26043</v>
      </c>
      <c r="J6841" s="1" t="s">
        <v>26700</v>
      </c>
    </row>
    <row r="6842" spans="1:10" x14ac:dyDescent="0.35">
      <c r="A6842" s="1" t="s">
        <v>26663</v>
      </c>
      <c r="B6842" s="1" t="s">
        <v>26037</v>
      </c>
      <c r="C6842" s="1" t="s">
        <v>55</v>
      </c>
      <c r="D6842" s="1" t="s">
        <v>26701</v>
      </c>
      <c r="E6842" s="1" t="s">
        <v>26702</v>
      </c>
      <c r="F6842" s="1" t="s">
        <v>26703</v>
      </c>
      <c r="G6842" s="1" t="s">
        <v>26667</v>
      </c>
      <c r="H6842" s="1" t="s">
        <v>26668</v>
      </c>
      <c r="I6842" s="1" t="s">
        <v>26043</v>
      </c>
      <c r="J6842" s="1" t="s">
        <v>26704</v>
      </c>
    </row>
    <row r="6843" spans="1:10" x14ac:dyDescent="0.35">
      <c r="A6843" s="1" t="s">
        <v>26663</v>
      </c>
      <c r="B6843" s="1" t="s">
        <v>26037</v>
      </c>
      <c r="C6843" s="1" t="s">
        <v>60</v>
      </c>
      <c r="D6843" s="1" t="s">
        <v>26705</v>
      </c>
      <c r="E6843" s="1" t="s">
        <v>26706</v>
      </c>
      <c r="F6843" s="1" t="s">
        <v>26707</v>
      </c>
      <c r="G6843" s="1" t="s">
        <v>26667</v>
      </c>
      <c r="H6843" s="1" t="s">
        <v>26668</v>
      </c>
      <c r="I6843" s="1" t="s">
        <v>26043</v>
      </c>
      <c r="J6843" s="1" t="s">
        <v>26708</v>
      </c>
    </row>
    <row r="6844" spans="1:10" x14ac:dyDescent="0.35">
      <c r="A6844" s="1" t="s">
        <v>26663</v>
      </c>
      <c r="B6844" s="1" t="s">
        <v>26037</v>
      </c>
      <c r="C6844" s="1" t="s">
        <v>65</v>
      </c>
      <c r="D6844" s="1" t="s">
        <v>26709</v>
      </c>
      <c r="E6844" s="1" t="s">
        <v>26710</v>
      </c>
      <c r="F6844" s="1" t="s">
        <v>26711</v>
      </c>
      <c r="G6844" s="1" t="s">
        <v>26667</v>
      </c>
      <c r="H6844" s="1" t="s">
        <v>26668</v>
      </c>
      <c r="I6844" s="1" t="s">
        <v>26043</v>
      </c>
      <c r="J6844" s="1" t="s">
        <v>26712</v>
      </c>
    </row>
    <row r="6845" spans="1:10" x14ac:dyDescent="0.35">
      <c r="A6845" s="1" t="s">
        <v>26663</v>
      </c>
      <c r="B6845" s="1" t="s">
        <v>26037</v>
      </c>
      <c r="C6845" s="1" t="s">
        <v>70</v>
      </c>
      <c r="D6845" s="1" t="s">
        <v>26713</v>
      </c>
      <c r="E6845" s="1" t="s">
        <v>26714</v>
      </c>
      <c r="F6845" s="1" t="s">
        <v>26715</v>
      </c>
      <c r="G6845" s="1" t="s">
        <v>26667</v>
      </c>
      <c r="H6845" s="1" t="s">
        <v>26668</v>
      </c>
      <c r="I6845" s="1" t="s">
        <v>26043</v>
      </c>
      <c r="J6845" s="1" t="s">
        <v>26716</v>
      </c>
    </row>
    <row r="6846" spans="1:10" x14ac:dyDescent="0.35">
      <c r="A6846" s="1" t="s">
        <v>26663</v>
      </c>
      <c r="B6846" s="1" t="s">
        <v>26037</v>
      </c>
      <c r="C6846" s="1" t="s">
        <v>75</v>
      </c>
      <c r="D6846" s="1" t="s">
        <v>26717</v>
      </c>
      <c r="E6846" s="1" t="s">
        <v>26718</v>
      </c>
      <c r="F6846" s="1" t="s">
        <v>26719</v>
      </c>
      <c r="G6846" s="1" t="s">
        <v>26667</v>
      </c>
      <c r="H6846" s="1" t="s">
        <v>26668</v>
      </c>
      <c r="I6846" s="1" t="s">
        <v>26043</v>
      </c>
      <c r="J6846" s="1" t="s">
        <v>26720</v>
      </c>
    </row>
    <row r="6847" spans="1:10" x14ac:dyDescent="0.35">
      <c r="A6847" s="1" t="s">
        <v>26663</v>
      </c>
      <c r="B6847" s="1" t="s">
        <v>26037</v>
      </c>
      <c r="C6847" s="1" t="s">
        <v>80</v>
      </c>
      <c r="D6847" s="1" t="s">
        <v>26721</v>
      </c>
      <c r="E6847" s="1" t="s">
        <v>26722</v>
      </c>
      <c r="F6847" s="1" t="s">
        <v>26723</v>
      </c>
      <c r="G6847" s="1" t="s">
        <v>26667</v>
      </c>
      <c r="H6847" s="1" t="s">
        <v>26668</v>
      </c>
      <c r="I6847" s="1" t="s">
        <v>26043</v>
      </c>
      <c r="J6847" s="1" t="s">
        <v>26724</v>
      </c>
    </row>
    <row r="6848" spans="1:10" x14ac:dyDescent="0.35">
      <c r="A6848" s="1" t="s">
        <v>26663</v>
      </c>
      <c r="B6848" s="1" t="s">
        <v>26037</v>
      </c>
      <c r="C6848" s="1" t="s">
        <v>85</v>
      </c>
      <c r="D6848" s="1" t="s">
        <v>26725</v>
      </c>
      <c r="E6848" s="1" t="s">
        <v>26726</v>
      </c>
      <c r="F6848" s="1" t="s">
        <v>26727</v>
      </c>
      <c r="G6848" s="1" t="s">
        <v>26667</v>
      </c>
      <c r="H6848" s="1" t="s">
        <v>26668</v>
      </c>
      <c r="I6848" s="1" t="s">
        <v>26043</v>
      </c>
      <c r="J6848" s="1" t="s">
        <v>26728</v>
      </c>
    </row>
    <row r="6849" spans="1:10" x14ac:dyDescent="0.35">
      <c r="A6849" s="1" t="s">
        <v>26663</v>
      </c>
      <c r="B6849" s="1" t="s">
        <v>26037</v>
      </c>
      <c r="C6849" s="1" t="s">
        <v>90</v>
      </c>
      <c r="D6849" s="1" t="s">
        <v>26729</v>
      </c>
      <c r="E6849" s="1" t="s">
        <v>26730</v>
      </c>
      <c r="F6849" s="1" t="s">
        <v>26731</v>
      </c>
      <c r="G6849" s="1" t="s">
        <v>26667</v>
      </c>
      <c r="H6849" s="1" t="s">
        <v>26668</v>
      </c>
      <c r="I6849" s="1" t="s">
        <v>26043</v>
      </c>
      <c r="J6849" s="1" t="s">
        <v>26732</v>
      </c>
    </row>
    <row r="6850" spans="1:10" x14ac:dyDescent="0.35">
      <c r="A6850" s="1" t="s">
        <v>26663</v>
      </c>
      <c r="B6850" s="1" t="s">
        <v>26037</v>
      </c>
      <c r="C6850" s="1" t="s">
        <v>95</v>
      </c>
      <c r="D6850" s="1" t="s">
        <v>22149</v>
      </c>
      <c r="E6850" s="1" t="s">
        <v>26733</v>
      </c>
      <c r="F6850" s="1" t="s">
        <v>26734</v>
      </c>
      <c r="G6850" s="1" t="s">
        <v>26667</v>
      </c>
      <c r="H6850" s="1" t="s">
        <v>26668</v>
      </c>
      <c r="I6850" s="1" t="s">
        <v>26043</v>
      </c>
      <c r="J6850" s="1" t="s">
        <v>26735</v>
      </c>
    </row>
    <row r="6851" spans="1:10" x14ac:dyDescent="0.35">
      <c r="A6851" s="1" t="s">
        <v>26663</v>
      </c>
      <c r="B6851" s="1" t="s">
        <v>26037</v>
      </c>
      <c r="C6851" s="1" t="s">
        <v>100</v>
      </c>
      <c r="D6851" s="1" t="s">
        <v>26736</v>
      </c>
      <c r="E6851" s="1" t="s">
        <v>26737</v>
      </c>
      <c r="F6851" s="1" t="s">
        <v>26738</v>
      </c>
      <c r="G6851" s="1" t="s">
        <v>26667</v>
      </c>
      <c r="H6851" s="1" t="s">
        <v>26668</v>
      </c>
      <c r="I6851" s="1" t="s">
        <v>26043</v>
      </c>
      <c r="J6851" s="1" t="s">
        <v>26739</v>
      </c>
    </row>
    <row r="6852" spans="1:10" x14ac:dyDescent="0.35">
      <c r="A6852" s="1" t="s">
        <v>26663</v>
      </c>
      <c r="B6852" s="1" t="s">
        <v>26037</v>
      </c>
      <c r="C6852" s="1" t="s">
        <v>105</v>
      </c>
      <c r="D6852" s="1" t="s">
        <v>26740</v>
      </c>
      <c r="E6852" s="1" t="s">
        <v>26741</v>
      </c>
      <c r="F6852" s="1" t="s">
        <v>26742</v>
      </c>
      <c r="G6852" s="1" t="s">
        <v>26667</v>
      </c>
      <c r="H6852" s="1" t="s">
        <v>26668</v>
      </c>
      <c r="I6852" s="1" t="s">
        <v>26043</v>
      </c>
      <c r="J6852" s="1" t="s">
        <v>26743</v>
      </c>
    </row>
    <row r="6853" spans="1:10" x14ac:dyDescent="0.35">
      <c r="A6853" s="1" t="s">
        <v>26663</v>
      </c>
      <c r="B6853" s="1" t="s">
        <v>26037</v>
      </c>
      <c r="C6853" s="1" t="s">
        <v>110</v>
      </c>
      <c r="D6853" s="1" t="s">
        <v>26744</v>
      </c>
      <c r="E6853" s="1" t="s">
        <v>26745</v>
      </c>
      <c r="F6853" s="1" t="s">
        <v>26746</v>
      </c>
      <c r="G6853" s="1" t="s">
        <v>26667</v>
      </c>
      <c r="H6853" s="1" t="s">
        <v>26668</v>
      </c>
      <c r="I6853" s="1" t="s">
        <v>26043</v>
      </c>
      <c r="J6853" s="1" t="s">
        <v>26747</v>
      </c>
    </row>
    <row r="6854" spans="1:10" x14ac:dyDescent="0.35">
      <c r="A6854" s="1" t="s">
        <v>26663</v>
      </c>
      <c r="B6854" s="1" t="s">
        <v>26037</v>
      </c>
      <c r="C6854" s="1" t="s">
        <v>115</v>
      </c>
      <c r="D6854" s="1" t="s">
        <v>24093</v>
      </c>
      <c r="E6854" s="1" t="s">
        <v>26748</v>
      </c>
      <c r="F6854" s="1" t="s">
        <v>26749</v>
      </c>
      <c r="G6854" s="1" t="s">
        <v>26667</v>
      </c>
      <c r="H6854" s="1" t="s">
        <v>26668</v>
      </c>
      <c r="I6854" s="1" t="s">
        <v>26043</v>
      </c>
      <c r="J6854" s="1" t="s">
        <v>26750</v>
      </c>
    </row>
    <row r="6855" spans="1:10" x14ac:dyDescent="0.35">
      <c r="A6855" s="1" t="s">
        <v>26663</v>
      </c>
      <c r="B6855" s="1" t="s">
        <v>26037</v>
      </c>
      <c r="C6855" s="1" t="s">
        <v>120</v>
      </c>
      <c r="D6855" s="1" t="s">
        <v>26751</v>
      </c>
      <c r="E6855" s="1" t="s">
        <v>26752</v>
      </c>
      <c r="F6855" s="1" t="s">
        <v>26753</v>
      </c>
      <c r="G6855" s="1" t="s">
        <v>26667</v>
      </c>
      <c r="H6855" s="1" t="s">
        <v>26668</v>
      </c>
      <c r="I6855" s="1" t="s">
        <v>26043</v>
      </c>
      <c r="J6855" s="1" t="s">
        <v>26754</v>
      </c>
    </row>
    <row r="6856" spans="1:10" x14ac:dyDescent="0.35">
      <c r="A6856" s="1" t="s">
        <v>26663</v>
      </c>
      <c r="B6856" s="1" t="s">
        <v>26037</v>
      </c>
      <c r="C6856" s="1" t="s">
        <v>125</v>
      </c>
      <c r="D6856" s="1" t="s">
        <v>26388</v>
      </c>
      <c r="E6856" s="1" t="s">
        <v>26755</v>
      </c>
      <c r="F6856" s="1" t="s">
        <v>26756</v>
      </c>
      <c r="G6856" s="1" t="s">
        <v>26667</v>
      </c>
      <c r="H6856" s="1" t="s">
        <v>26668</v>
      </c>
      <c r="I6856" s="1" t="s">
        <v>26043</v>
      </c>
      <c r="J6856" s="1" t="s">
        <v>26757</v>
      </c>
    </row>
    <row r="6857" spans="1:10" x14ac:dyDescent="0.35">
      <c r="A6857" s="1" t="s">
        <v>26663</v>
      </c>
      <c r="B6857" s="1" t="s">
        <v>26037</v>
      </c>
      <c r="C6857" s="1" t="s">
        <v>130</v>
      </c>
      <c r="D6857" s="1" t="s">
        <v>26758</v>
      </c>
      <c r="E6857" s="1" t="s">
        <v>26759</v>
      </c>
      <c r="F6857" s="1" t="s">
        <v>26760</v>
      </c>
      <c r="G6857" s="1" t="s">
        <v>26667</v>
      </c>
      <c r="H6857" s="1" t="s">
        <v>26668</v>
      </c>
      <c r="I6857" s="1" t="s">
        <v>26043</v>
      </c>
      <c r="J6857" s="1" t="s">
        <v>26761</v>
      </c>
    </row>
    <row r="6858" spans="1:10" x14ac:dyDescent="0.35">
      <c r="A6858" s="1" t="s">
        <v>26663</v>
      </c>
      <c r="B6858" s="1" t="s">
        <v>26037</v>
      </c>
      <c r="C6858" s="1" t="s">
        <v>135</v>
      </c>
      <c r="D6858" s="1" t="s">
        <v>26762</v>
      </c>
      <c r="E6858" s="1" t="s">
        <v>26763</v>
      </c>
      <c r="F6858" s="1" t="s">
        <v>26764</v>
      </c>
      <c r="G6858" s="1" t="s">
        <v>26667</v>
      </c>
      <c r="H6858" s="1" t="s">
        <v>26668</v>
      </c>
      <c r="I6858" s="1" t="s">
        <v>26043</v>
      </c>
      <c r="J6858" s="1" t="s">
        <v>26765</v>
      </c>
    </row>
    <row r="6859" spans="1:10" x14ac:dyDescent="0.35">
      <c r="A6859" s="1" t="s">
        <v>26663</v>
      </c>
      <c r="B6859" s="1" t="s">
        <v>26037</v>
      </c>
      <c r="C6859" s="1" t="s">
        <v>140</v>
      </c>
      <c r="D6859" s="1" t="s">
        <v>26766</v>
      </c>
      <c r="E6859" s="1" t="s">
        <v>26767</v>
      </c>
      <c r="F6859" s="1" t="s">
        <v>26768</v>
      </c>
      <c r="G6859" s="1" t="s">
        <v>26667</v>
      </c>
      <c r="H6859" s="1" t="s">
        <v>26668</v>
      </c>
      <c r="I6859" s="1" t="s">
        <v>26043</v>
      </c>
      <c r="J6859" s="1" t="s">
        <v>26769</v>
      </c>
    </row>
    <row r="6860" spans="1:10" x14ac:dyDescent="0.35">
      <c r="A6860" s="1" t="s">
        <v>26663</v>
      </c>
      <c r="B6860" s="1" t="s">
        <v>26037</v>
      </c>
      <c r="C6860" s="1" t="s">
        <v>145</v>
      </c>
      <c r="D6860" s="1" t="s">
        <v>26770</v>
      </c>
      <c r="E6860" s="1" t="s">
        <v>26759</v>
      </c>
      <c r="F6860" s="1" t="s">
        <v>26771</v>
      </c>
      <c r="G6860" s="1" t="s">
        <v>26667</v>
      </c>
      <c r="H6860" s="1" t="s">
        <v>26668</v>
      </c>
      <c r="I6860" s="1" t="s">
        <v>26043</v>
      </c>
      <c r="J6860" s="1" t="s">
        <v>26772</v>
      </c>
    </row>
    <row r="6861" spans="1:10" x14ac:dyDescent="0.35">
      <c r="A6861" s="1" t="s">
        <v>26663</v>
      </c>
      <c r="B6861" s="1" t="s">
        <v>26037</v>
      </c>
      <c r="C6861" s="1" t="s">
        <v>150</v>
      </c>
      <c r="D6861" s="1" t="s">
        <v>23479</v>
      </c>
      <c r="E6861" s="1" t="s">
        <v>26773</v>
      </c>
      <c r="F6861" s="1" t="s">
        <v>26774</v>
      </c>
      <c r="G6861" s="1" t="s">
        <v>26667</v>
      </c>
      <c r="H6861" s="1" t="s">
        <v>26668</v>
      </c>
      <c r="I6861" s="1" t="s">
        <v>26043</v>
      </c>
      <c r="J6861" s="1" t="s">
        <v>26775</v>
      </c>
    </row>
    <row r="6862" spans="1:10" x14ac:dyDescent="0.35">
      <c r="A6862" s="1" t="s">
        <v>26663</v>
      </c>
      <c r="B6862" s="1" t="s">
        <v>26037</v>
      </c>
      <c r="C6862" s="1" t="s">
        <v>155</v>
      </c>
      <c r="D6862" s="1" t="s">
        <v>26776</v>
      </c>
      <c r="E6862" s="1" t="s">
        <v>26777</v>
      </c>
      <c r="F6862" s="1" t="s">
        <v>26778</v>
      </c>
      <c r="G6862" s="1" t="s">
        <v>26667</v>
      </c>
      <c r="H6862" s="1" t="s">
        <v>26668</v>
      </c>
      <c r="I6862" s="1" t="s">
        <v>26043</v>
      </c>
      <c r="J6862" s="1" t="s">
        <v>26779</v>
      </c>
    </row>
    <row r="6863" spans="1:10" x14ac:dyDescent="0.35">
      <c r="A6863" s="1" t="s">
        <v>26663</v>
      </c>
      <c r="B6863" s="1" t="s">
        <v>26037</v>
      </c>
      <c r="C6863" s="1" t="s">
        <v>160</v>
      </c>
      <c r="D6863" s="1" t="s">
        <v>26780</v>
      </c>
      <c r="E6863" s="1" t="s">
        <v>26781</v>
      </c>
      <c r="F6863" s="1" t="s">
        <v>26782</v>
      </c>
      <c r="G6863" s="1" t="s">
        <v>26667</v>
      </c>
      <c r="H6863" s="1" t="s">
        <v>26668</v>
      </c>
      <c r="I6863" s="1" t="s">
        <v>26043</v>
      </c>
      <c r="J6863" s="1" t="s">
        <v>26783</v>
      </c>
    </row>
    <row r="6864" spans="1:10" x14ac:dyDescent="0.35">
      <c r="A6864" s="1" t="s">
        <v>26663</v>
      </c>
      <c r="B6864" s="1" t="s">
        <v>26037</v>
      </c>
      <c r="C6864" s="1" t="s">
        <v>165</v>
      </c>
      <c r="D6864" s="1" t="s">
        <v>26784</v>
      </c>
      <c r="E6864" s="1" t="s">
        <v>26785</v>
      </c>
      <c r="F6864" s="1" t="s">
        <v>26786</v>
      </c>
      <c r="G6864" s="1" t="s">
        <v>26667</v>
      </c>
      <c r="H6864" s="1" t="s">
        <v>26668</v>
      </c>
      <c r="I6864" s="1" t="s">
        <v>26043</v>
      </c>
      <c r="J6864" s="1" t="s">
        <v>26787</v>
      </c>
    </row>
    <row r="6865" spans="1:10" x14ac:dyDescent="0.35">
      <c r="A6865" s="1" t="s">
        <v>26663</v>
      </c>
      <c r="B6865" s="1" t="s">
        <v>26037</v>
      </c>
      <c r="C6865" s="1" t="s">
        <v>170</v>
      </c>
      <c r="D6865" s="1" t="s">
        <v>26788</v>
      </c>
      <c r="E6865" s="1" t="s">
        <v>26789</v>
      </c>
      <c r="F6865" s="1" t="s">
        <v>26790</v>
      </c>
      <c r="G6865" s="1" t="s">
        <v>26667</v>
      </c>
      <c r="H6865" s="1" t="s">
        <v>26668</v>
      </c>
      <c r="I6865" s="1" t="s">
        <v>26043</v>
      </c>
      <c r="J6865" s="1" t="s">
        <v>26791</v>
      </c>
    </row>
    <row r="6866" spans="1:10" x14ac:dyDescent="0.35">
      <c r="A6866" s="1" t="s">
        <v>26792</v>
      </c>
      <c r="B6866" s="1" t="s">
        <v>26037</v>
      </c>
      <c r="C6866" s="1" t="s">
        <v>8</v>
      </c>
      <c r="D6866" s="1" t="s">
        <v>26793</v>
      </c>
      <c r="E6866" s="1" t="s">
        <v>26794</v>
      </c>
      <c r="F6866" s="1" t="s">
        <v>26795</v>
      </c>
      <c r="G6866" s="1" t="s">
        <v>26796</v>
      </c>
      <c r="H6866" s="1" t="s">
        <v>26797</v>
      </c>
      <c r="I6866" s="1" t="s">
        <v>26043</v>
      </c>
      <c r="J6866" s="1" t="s">
        <v>13</v>
      </c>
    </row>
    <row r="6867" spans="1:10" x14ac:dyDescent="0.35">
      <c r="A6867" s="1" t="s">
        <v>26792</v>
      </c>
      <c r="B6867" s="1" t="s">
        <v>26037</v>
      </c>
      <c r="C6867" s="1" t="s">
        <v>15</v>
      </c>
      <c r="D6867" s="1" t="s">
        <v>26798</v>
      </c>
      <c r="E6867" s="1" t="s">
        <v>26799</v>
      </c>
      <c r="F6867" s="1" t="s">
        <v>26800</v>
      </c>
      <c r="G6867" s="1" t="s">
        <v>26796</v>
      </c>
      <c r="H6867" s="1" t="s">
        <v>26797</v>
      </c>
      <c r="I6867" s="1" t="s">
        <v>26043</v>
      </c>
      <c r="J6867" s="1" t="s">
        <v>26801</v>
      </c>
    </row>
    <row r="6868" spans="1:10" x14ac:dyDescent="0.35">
      <c r="A6868" s="1" t="s">
        <v>26792</v>
      </c>
      <c r="B6868" s="1" t="s">
        <v>26037</v>
      </c>
      <c r="C6868" s="1" t="s">
        <v>20</v>
      </c>
      <c r="D6868" s="1" t="s">
        <v>26802</v>
      </c>
      <c r="E6868" s="1" t="s">
        <v>26803</v>
      </c>
      <c r="F6868" s="1" t="s">
        <v>26804</v>
      </c>
      <c r="G6868" s="1" t="s">
        <v>26796</v>
      </c>
      <c r="H6868" s="1" t="s">
        <v>26797</v>
      </c>
      <c r="I6868" s="1" t="s">
        <v>26043</v>
      </c>
      <c r="J6868" s="1" t="s">
        <v>26805</v>
      </c>
    </row>
    <row r="6869" spans="1:10" x14ac:dyDescent="0.35">
      <c r="A6869" s="1" t="s">
        <v>26792</v>
      </c>
      <c r="B6869" s="1" t="s">
        <v>26037</v>
      </c>
      <c r="C6869" s="1" t="s">
        <v>25</v>
      </c>
      <c r="D6869" s="1" t="s">
        <v>26806</v>
      </c>
      <c r="E6869" s="1" t="s">
        <v>26807</v>
      </c>
      <c r="F6869" s="1" t="s">
        <v>26808</v>
      </c>
      <c r="G6869" s="1" t="s">
        <v>26796</v>
      </c>
      <c r="H6869" s="1" t="s">
        <v>26797</v>
      </c>
      <c r="I6869" s="1" t="s">
        <v>26043</v>
      </c>
      <c r="J6869" s="1" t="s">
        <v>26809</v>
      </c>
    </row>
    <row r="6870" spans="1:10" x14ac:dyDescent="0.35">
      <c r="A6870" s="1" t="s">
        <v>26792</v>
      </c>
      <c r="B6870" s="1" t="s">
        <v>26037</v>
      </c>
      <c r="C6870" s="1" t="s">
        <v>30</v>
      </c>
      <c r="D6870" s="1" t="s">
        <v>26810</v>
      </c>
      <c r="E6870" s="1" t="s">
        <v>26811</v>
      </c>
      <c r="F6870" s="1" t="s">
        <v>26812</v>
      </c>
      <c r="G6870" s="1" t="s">
        <v>26796</v>
      </c>
      <c r="H6870" s="1" t="s">
        <v>26797</v>
      </c>
      <c r="I6870" s="1" t="s">
        <v>26043</v>
      </c>
      <c r="J6870" s="1" t="s">
        <v>26813</v>
      </c>
    </row>
    <row r="6871" spans="1:10" x14ac:dyDescent="0.35">
      <c r="A6871" s="1" t="s">
        <v>26792</v>
      </c>
      <c r="B6871" s="1" t="s">
        <v>26037</v>
      </c>
      <c r="C6871" s="1" t="s">
        <v>35</v>
      </c>
      <c r="D6871" s="1" t="s">
        <v>26814</v>
      </c>
      <c r="E6871" s="1" t="s">
        <v>26815</v>
      </c>
      <c r="F6871" s="1" t="s">
        <v>26816</v>
      </c>
      <c r="G6871" s="1" t="s">
        <v>26796</v>
      </c>
      <c r="H6871" s="1" t="s">
        <v>26797</v>
      </c>
      <c r="I6871" s="1" t="s">
        <v>26043</v>
      </c>
      <c r="J6871" s="1" t="s">
        <v>26817</v>
      </c>
    </row>
    <row r="6872" spans="1:10" x14ac:dyDescent="0.35">
      <c r="A6872" s="1" t="s">
        <v>26792</v>
      </c>
      <c r="B6872" s="1" t="s">
        <v>26037</v>
      </c>
      <c r="C6872" s="1" t="s">
        <v>40</v>
      </c>
      <c r="D6872" s="1" t="s">
        <v>26818</v>
      </c>
      <c r="E6872" s="1" t="s">
        <v>26819</v>
      </c>
      <c r="F6872" s="1" t="s">
        <v>26820</v>
      </c>
      <c r="G6872" s="1" t="s">
        <v>26796</v>
      </c>
      <c r="H6872" s="1" t="s">
        <v>26797</v>
      </c>
      <c r="I6872" s="1" t="s">
        <v>26043</v>
      </c>
      <c r="J6872" s="1" t="s">
        <v>26821</v>
      </c>
    </row>
    <row r="6873" spans="1:10" x14ac:dyDescent="0.35">
      <c r="A6873" s="1" t="s">
        <v>26792</v>
      </c>
      <c r="B6873" s="1" t="s">
        <v>26037</v>
      </c>
      <c r="C6873" s="1" t="s">
        <v>45</v>
      </c>
      <c r="D6873" s="1" t="s">
        <v>26822</v>
      </c>
      <c r="E6873" s="1" t="s">
        <v>26823</v>
      </c>
      <c r="F6873" s="1" t="s">
        <v>26824</v>
      </c>
      <c r="G6873" s="1" t="s">
        <v>26796</v>
      </c>
      <c r="H6873" s="1" t="s">
        <v>26797</v>
      </c>
      <c r="I6873" s="1" t="s">
        <v>26043</v>
      </c>
      <c r="J6873" s="1" t="s">
        <v>26825</v>
      </c>
    </row>
    <row r="6874" spans="1:10" x14ac:dyDescent="0.35">
      <c r="A6874" s="1" t="s">
        <v>26792</v>
      </c>
      <c r="B6874" s="1" t="s">
        <v>26037</v>
      </c>
      <c r="C6874" s="1" t="s">
        <v>50</v>
      </c>
      <c r="D6874" s="1" t="s">
        <v>26826</v>
      </c>
      <c r="E6874" s="1" t="s">
        <v>26827</v>
      </c>
      <c r="F6874" s="1" t="s">
        <v>26828</v>
      </c>
      <c r="G6874" s="1" t="s">
        <v>26796</v>
      </c>
      <c r="H6874" s="1" t="s">
        <v>26797</v>
      </c>
      <c r="I6874" s="1" t="s">
        <v>26043</v>
      </c>
      <c r="J6874" s="1" t="s">
        <v>26829</v>
      </c>
    </row>
    <row r="6875" spans="1:10" x14ac:dyDescent="0.35">
      <c r="A6875" s="1" t="s">
        <v>26792</v>
      </c>
      <c r="B6875" s="1" t="s">
        <v>26037</v>
      </c>
      <c r="C6875" s="1" t="s">
        <v>55</v>
      </c>
      <c r="D6875" s="1" t="s">
        <v>26830</v>
      </c>
      <c r="E6875" s="1" t="s">
        <v>26831</v>
      </c>
      <c r="F6875" s="1" t="s">
        <v>26832</v>
      </c>
      <c r="G6875" s="1" t="s">
        <v>26796</v>
      </c>
      <c r="H6875" s="1" t="s">
        <v>26797</v>
      </c>
      <c r="I6875" s="1" t="s">
        <v>26043</v>
      </c>
      <c r="J6875" s="1" t="s">
        <v>26833</v>
      </c>
    </row>
    <row r="6876" spans="1:10" x14ac:dyDescent="0.35">
      <c r="A6876" s="1" t="s">
        <v>26792</v>
      </c>
      <c r="B6876" s="1" t="s">
        <v>26037</v>
      </c>
      <c r="C6876" s="1" t="s">
        <v>60</v>
      </c>
      <c r="D6876" s="1" t="s">
        <v>26834</v>
      </c>
      <c r="E6876" s="1" t="s">
        <v>26835</v>
      </c>
      <c r="F6876" s="1" t="s">
        <v>26836</v>
      </c>
      <c r="G6876" s="1" t="s">
        <v>26796</v>
      </c>
      <c r="H6876" s="1" t="s">
        <v>26797</v>
      </c>
      <c r="I6876" s="1" t="s">
        <v>26043</v>
      </c>
      <c r="J6876" s="1" t="s">
        <v>26837</v>
      </c>
    </row>
    <row r="6877" spans="1:10" x14ac:dyDescent="0.35">
      <c r="A6877" s="1" t="s">
        <v>26792</v>
      </c>
      <c r="B6877" s="1" t="s">
        <v>26037</v>
      </c>
      <c r="C6877" s="1" t="s">
        <v>65</v>
      </c>
      <c r="D6877" s="1" t="s">
        <v>26838</v>
      </c>
      <c r="E6877" s="1" t="s">
        <v>26839</v>
      </c>
      <c r="F6877" s="1" t="s">
        <v>26840</v>
      </c>
      <c r="G6877" s="1" t="s">
        <v>26796</v>
      </c>
      <c r="H6877" s="1" t="s">
        <v>26797</v>
      </c>
      <c r="I6877" s="1" t="s">
        <v>26043</v>
      </c>
      <c r="J6877" s="1" t="s">
        <v>26841</v>
      </c>
    </row>
    <row r="6878" spans="1:10" x14ac:dyDescent="0.35">
      <c r="A6878" s="1" t="s">
        <v>26792</v>
      </c>
      <c r="B6878" s="1" t="s">
        <v>26037</v>
      </c>
      <c r="C6878" s="1" t="s">
        <v>70</v>
      </c>
      <c r="D6878" s="1" t="s">
        <v>26842</v>
      </c>
      <c r="E6878" s="1" t="s">
        <v>26843</v>
      </c>
      <c r="F6878" s="1" t="s">
        <v>26844</v>
      </c>
      <c r="G6878" s="1" t="s">
        <v>26796</v>
      </c>
      <c r="H6878" s="1" t="s">
        <v>26797</v>
      </c>
      <c r="I6878" s="1" t="s">
        <v>26043</v>
      </c>
      <c r="J6878" s="1" t="s">
        <v>26845</v>
      </c>
    </row>
    <row r="6879" spans="1:10" x14ac:dyDescent="0.35">
      <c r="A6879" s="1" t="s">
        <v>26792</v>
      </c>
      <c r="B6879" s="1" t="s">
        <v>26037</v>
      </c>
      <c r="C6879" s="1" t="s">
        <v>75</v>
      </c>
      <c r="D6879" s="1" t="s">
        <v>26846</v>
      </c>
      <c r="E6879" s="1" t="s">
        <v>26847</v>
      </c>
      <c r="F6879" s="1" t="s">
        <v>26848</v>
      </c>
      <c r="G6879" s="1" t="s">
        <v>26796</v>
      </c>
      <c r="H6879" s="1" t="s">
        <v>26797</v>
      </c>
      <c r="I6879" s="1" t="s">
        <v>26043</v>
      </c>
      <c r="J6879" s="1" t="s">
        <v>26849</v>
      </c>
    </row>
    <row r="6880" spans="1:10" x14ac:dyDescent="0.35">
      <c r="A6880" s="1" t="s">
        <v>26792</v>
      </c>
      <c r="B6880" s="1" t="s">
        <v>26037</v>
      </c>
      <c r="C6880" s="1" t="s">
        <v>80</v>
      </c>
      <c r="D6880" s="1" t="s">
        <v>26850</v>
      </c>
      <c r="E6880" s="1" t="s">
        <v>26851</v>
      </c>
      <c r="F6880" s="1" t="s">
        <v>26852</v>
      </c>
      <c r="G6880" s="1" t="s">
        <v>26796</v>
      </c>
      <c r="H6880" s="1" t="s">
        <v>26797</v>
      </c>
      <c r="I6880" s="1" t="s">
        <v>26043</v>
      </c>
      <c r="J6880" s="1" t="s">
        <v>26853</v>
      </c>
    </row>
    <row r="6881" spans="1:10" x14ac:dyDescent="0.35">
      <c r="A6881" s="1" t="s">
        <v>26792</v>
      </c>
      <c r="B6881" s="1" t="s">
        <v>26037</v>
      </c>
      <c r="C6881" s="1" t="s">
        <v>85</v>
      </c>
      <c r="D6881" s="1" t="s">
        <v>26854</v>
      </c>
      <c r="E6881" s="1" t="s">
        <v>26855</v>
      </c>
      <c r="F6881" s="1" t="s">
        <v>26856</v>
      </c>
      <c r="G6881" s="1" t="s">
        <v>26796</v>
      </c>
      <c r="H6881" s="1" t="s">
        <v>26797</v>
      </c>
      <c r="I6881" s="1" t="s">
        <v>26043</v>
      </c>
      <c r="J6881" s="1" t="s">
        <v>26857</v>
      </c>
    </row>
    <row r="6882" spans="1:10" x14ac:dyDescent="0.35">
      <c r="A6882" s="1" t="s">
        <v>26792</v>
      </c>
      <c r="B6882" s="1" t="s">
        <v>26037</v>
      </c>
      <c r="C6882" s="1" t="s">
        <v>90</v>
      </c>
      <c r="D6882" s="1" t="s">
        <v>26858</v>
      </c>
      <c r="E6882" s="1" t="s">
        <v>26859</v>
      </c>
      <c r="F6882" s="1" t="s">
        <v>26860</v>
      </c>
      <c r="G6882" s="1" t="s">
        <v>26796</v>
      </c>
      <c r="H6882" s="1" t="s">
        <v>26797</v>
      </c>
      <c r="I6882" s="1" t="s">
        <v>26043</v>
      </c>
      <c r="J6882" s="1" t="s">
        <v>26861</v>
      </c>
    </row>
    <row r="6883" spans="1:10" x14ac:dyDescent="0.35">
      <c r="A6883" s="1" t="s">
        <v>26792</v>
      </c>
      <c r="B6883" s="1" t="s">
        <v>26037</v>
      </c>
      <c r="C6883" s="1" t="s">
        <v>95</v>
      </c>
      <c r="D6883" s="1" t="s">
        <v>26862</v>
      </c>
      <c r="E6883" s="1" t="s">
        <v>26863</v>
      </c>
      <c r="F6883" s="1" t="s">
        <v>26864</v>
      </c>
      <c r="G6883" s="1" t="s">
        <v>26796</v>
      </c>
      <c r="H6883" s="1" t="s">
        <v>26797</v>
      </c>
      <c r="I6883" s="1" t="s">
        <v>26043</v>
      </c>
      <c r="J6883" s="1" t="s">
        <v>26865</v>
      </c>
    </row>
    <row r="6884" spans="1:10" x14ac:dyDescent="0.35">
      <c r="A6884" s="1" t="s">
        <v>26792</v>
      </c>
      <c r="B6884" s="1" t="s">
        <v>26037</v>
      </c>
      <c r="C6884" s="1" t="s">
        <v>100</v>
      </c>
      <c r="D6884" s="1" t="s">
        <v>26866</v>
      </c>
      <c r="E6884" s="1" t="s">
        <v>26867</v>
      </c>
      <c r="F6884" s="1" t="s">
        <v>26868</v>
      </c>
      <c r="G6884" s="1" t="s">
        <v>26796</v>
      </c>
      <c r="H6884" s="1" t="s">
        <v>26797</v>
      </c>
      <c r="I6884" s="1" t="s">
        <v>26043</v>
      </c>
      <c r="J6884" s="1" t="s">
        <v>26869</v>
      </c>
    </row>
    <row r="6885" spans="1:10" x14ac:dyDescent="0.35">
      <c r="A6885" s="1" t="s">
        <v>26792</v>
      </c>
      <c r="B6885" s="1" t="s">
        <v>26037</v>
      </c>
      <c r="C6885" s="1" t="s">
        <v>105</v>
      </c>
      <c r="D6885" s="1" t="s">
        <v>26870</v>
      </c>
      <c r="E6885" s="1" t="s">
        <v>26871</v>
      </c>
      <c r="F6885" s="1" t="s">
        <v>26872</v>
      </c>
      <c r="G6885" s="1" t="s">
        <v>26796</v>
      </c>
      <c r="H6885" s="1" t="s">
        <v>26797</v>
      </c>
      <c r="I6885" s="1" t="s">
        <v>26043</v>
      </c>
      <c r="J6885" s="1" t="s">
        <v>26873</v>
      </c>
    </row>
    <row r="6886" spans="1:10" x14ac:dyDescent="0.35">
      <c r="A6886" s="1" t="s">
        <v>26792</v>
      </c>
      <c r="B6886" s="1" t="s">
        <v>26037</v>
      </c>
      <c r="C6886" s="1" t="s">
        <v>110</v>
      </c>
      <c r="D6886" s="1" t="s">
        <v>26874</v>
      </c>
      <c r="E6886" s="1" t="s">
        <v>26875</v>
      </c>
      <c r="F6886" s="1" t="s">
        <v>26876</v>
      </c>
      <c r="G6886" s="1" t="s">
        <v>26796</v>
      </c>
      <c r="H6886" s="1" t="s">
        <v>26797</v>
      </c>
      <c r="I6886" s="1" t="s">
        <v>26043</v>
      </c>
      <c r="J6886" s="1" t="s">
        <v>26877</v>
      </c>
    </row>
    <row r="6887" spans="1:10" x14ac:dyDescent="0.35">
      <c r="A6887" s="1" t="s">
        <v>26792</v>
      </c>
      <c r="B6887" s="1" t="s">
        <v>26037</v>
      </c>
      <c r="C6887" s="1" t="s">
        <v>115</v>
      </c>
      <c r="D6887" s="1" t="s">
        <v>26878</v>
      </c>
      <c r="E6887" s="1" t="s">
        <v>26879</v>
      </c>
      <c r="F6887" s="1" t="s">
        <v>26880</v>
      </c>
      <c r="G6887" s="1" t="s">
        <v>26796</v>
      </c>
      <c r="H6887" s="1" t="s">
        <v>26797</v>
      </c>
      <c r="I6887" s="1" t="s">
        <v>26043</v>
      </c>
      <c r="J6887" s="1" t="s">
        <v>26881</v>
      </c>
    </row>
    <row r="6888" spans="1:10" x14ac:dyDescent="0.35">
      <c r="A6888" s="1" t="s">
        <v>26792</v>
      </c>
      <c r="B6888" s="1" t="s">
        <v>26037</v>
      </c>
      <c r="C6888" s="1" t="s">
        <v>120</v>
      </c>
      <c r="D6888" s="1" t="s">
        <v>26882</v>
      </c>
      <c r="E6888" s="1" t="s">
        <v>26883</v>
      </c>
      <c r="F6888" s="1" t="s">
        <v>26884</v>
      </c>
      <c r="G6888" s="1" t="s">
        <v>26796</v>
      </c>
      <c r="H6888" s="1" t="s">
        <v>26797</v>
      </c>
      <c r="I6888" s="1" t="s">
        <v>26043</v>
      </c>
      <c r="J6888" s="1" t="s">
        <v>26885</v>
      </c>
    </row>
    <row r="6889" spans="1:10" x14ac:dyDescent="0.35">
      <c r="A6889" s="1" t="s">
        <v>26792</v>
      </c>
      <c r="B6889" s="1" t="s">
        <v>26037</v>
      </c>
      <c r="C6889" s="1" t="s">
        <v>125</v>
      </c>
      <c r="D6889" s="1" t="s">
        <v>26886</v>
      </c>
      <c r="E6889" s="1" t="s">
        <v>26887</v>
      </c>
      <c r="F6889" s="1" t="s">
        <v>26888</v>
      </c>
      <c r="G6889" s="1" t="s">
        <v>26796</v>
      </c>
      <c r="H6889" s="1" t="s">
        <v>26797</v>
      </c>
      <c r="I6889" s="1" t="s">
        <v>26043</v>
      </c>
      <c r="J6889" s="1" t="s">
        <v>26889</v>
      </c>
    </row>
    <row r="6890" spans="1:10" x14ac:dyDescent="0.35">
      <c r="A6890" s="1" t="s">
        <v>26792</v>
      </c>
      <c r="B6890" s="1" t="s">
        <v>26037</v>
      </c>
      <c r="C6890" s="1" t="s">
        <v>130</v>
      </c>
      <c r="D6890" s="1" t="s">
        <v>26890</v>
      </c>
      <c r="E6890" s="1" t="s">
        <v>26891</v>
      </c>
      <c r="F6890" s="1" t="s">
        <v>26892</v>
      </c>
      <c r="G6890" s="1" t="s">
        <v>26796</v>
      </c>
      <c r="H6890" s="1" t="s">
        <v>26797</v>
      </c>
      <c r="I6890" s="1" t="s">
        <v>26043</v>
      </c>
      <c r="J6890" s="1" t="s">
        <v>26893</v>
      </c>
    </row>
    <row r="6891" spans="1:10" x14ac:dyDescent="0.35">
      <c r="A6891" s="1" t="s">
        <v>26792</v>
      </c>
      <c r="B6891" s="1" t="s">
        <v>26037</v>
      </c>
      <c r="C6891" s="1" t="s">
        <v>135</v>
      </c>
      <c r="D6891" s="1" t="s">
        <v>26894</v>
      </c>
      <c r="E6891" s="1" t="s">
        <v>26895</v>
      </c>
      <c r="F6891" s="1" t="s">
        <v>26896</v>
      </c>
      <c r="G6891" s="1" t="s">
        <v>26796</v>
      </c>
      <c r="H6891" s="1" t="s">
        <v>26797</v>
      </c>
      <c r="I6891" s="1" t="s">
        <v>26043</v>
      </c>
      <c r="J6891" s="1" t="s">
        <v>26897</v>
      </c>
    </row>
    <row r="6892" spans="1:10" x14ac:dyDescent="0.35">
      <c r="A6892" s="1" t="s">
        <v>26792</v>
      </c>
      <c r="B6892" s="1" t="s">
        <v>26037</v>
      </c>
      <c r="C6892" s="1" t="s">
        <v>140</v>
      </c>
      <c r="D6892" s="1" t="s">
        <v>26898</v>
      </c>
      <c r="E6892" s="1" t="s">
        <v>26899</v>
      </c>
      <c r="F6892" s="1" t="s">
        <v>26900</v>
      </c>
      <c r="G6892" s="1" t="s">
        <v>26796</v>
      </c>
      <c r="H6892" s="1" t="s">
        <v>26797</v>
      </c>
      <c r="I6892" s="1" t="s">
        <v>26043</v>
      </c>
      <c r="J6892" s="1" t="s">
        <v>26901</v>
      </c>
    </row>
    <row r="6893" spans="1:10" x14ac:dyDescent="0.35">
      <c r="A6893" s="1" t="s">
        <v>26792</v>
      </c>
      <c r="B6893" s="1" t="s">
        <v>26037</v>
      </c>
      <c r="C6893" s="1" t="s">
        <v>145</v>
      </c>
      <c r="D6893" s="1" t="s">
        <v>26902</v>
      </c>
      <c r="E6893" s="1" t="s">
        <v>26903</v>
      </c>
      <c r="F6893" s="1" t="s">
        <v>26904</v>
      </c>
      <c r="G6893" s="1" t="s">
        <v>26796</v>
      </c>
      <c r="H6893" s="1" t="s">
        <v>26797</v>
      </c>
      <c r="I6893" s="1" t="s">
        <v>26043</v>
      </c>
      <c r="J6893" s="1" t="s">
        <v>26905</v>
      </c>
    </row>
    <row r="6894" spans="1:10" x14ac:dyDescent="0.35">
      <c r="A6894" s="1" t="s">
        <v>26792</v>
      </c>
      <c r="B6894" s="1" t="s">
        <v>26037</v>
      </c>
      <c r="C6894" s="1" t="s">
        <v>150</v>
      </c>
      <c r="D6894" s="1" t="s">
        <v>23974</v>
      </c>
      <c r="E6894" s="1" t="s">
        <v>26906</v>
      </c>
      <c r="F6894" s="1" t="s">
        <v>26907</v>
      </c>
      <c r="G6894" s="1" t="s">
        <v>26796</v>
      </c>
      <c r="H6894" s="1" t="s">
        <v>26797</v>
      </c>
      <c r="I6894" s="1" t="s">
        <v>26043</v>
      </c>
      <c r="J6894" s="1" t="s">
        <v>26908</v>
      </c>
    </row>
    <row r="6895" spans="1:10" x14ac:dyDescent="0.35">
      <c r="A6895" s="1" t="s">
        <v>26792</v>
      </c>
      <c r="B6895" s="1" t="s">
        <v>26037</v>
      </c>
      <c r="C6895" s="1" t="s">
        <v>155</v>
      </c>
      <c r="D6895" s="1" t="s">
        <v>26909</v>
      </c>
      <c r="E6895" s="1" t="s">
        <v>26910</v>
      </c>
      <c r="F6895" s="1" t="s">
        <v>26911</v>
      </c>
      <c r="G6895" s="1" t="s">
        <v>26796</v>
      </c>
      <c r="H6895" s="1" t="s">
        <v>26797</v>
      </c>
      <c r="I6895" s="1" t="s">
        <v>26043</v>
      </c>
      <c r="J6895" s="1" t="s">
        <v>26912</v>
      </c>
    </row>
    <row r="6896" spans="1:10" x14ac:dyDescent="0.35">
      <c r="A6896" s="1" t="s">
        <v>26792</v>
      </c>
      <c r="B6896" s="1" t="s">
        <v>26037</v>
      </c>
      <c r="C6896" s="1" t="s">
        <v>160</v>
      </c>
      <c r="D6896" s="1" t="s">
        <v>26913</v>
      </c>
      <c r="E6896" s="1" t="s">
        <v>26914</v>
      </c>
      <c r="F6896" s="1" t="s">
        <v>26915</v>
      </c>
      <c r="G6896" s="1" t="s">
        <v>26796</v>
      </c>
      <c r="H6896" s="1" t="s">
        <v>26797</v>
      </c>
      <c r="I6896" s="1" t="s">
        <v>26043</v>
      </c>
      <c r="J6896" s="1" t="s">
        <v>26916</v>
      </c>
    </row>
    <row r="6897" spans="1:10" x14ac:dyDescent="0.35">
      <c r="A6897" s="1" t="s">
        <v>26792</v>
      </c>
      <c r="B6897" s="1" t="s">
        <v>26037</v>
      </c>
      <c r="C6897" s="1" t="s">
        <v>165</v>
      </c>
      <c r="D6897" s="1" t="s">
        <v>26917</v>
      </c>
      <c r="E6897" s="1" t="s">
        <v>26918</v>
      </c>
      <c r="F6897" s="1" t="s">
        <v>26919</v>
      </c>
      <c r="G6897" s="1" t="s">
        <v>26796</v>
      </c>
      <c r="H6897" s="1" t="s">
        <v>26797</v>
      </c>
      <c r="I6897" s="1" t="s">
        <v>26043</v>
      </c>
      <c r="J6897" s="1" t="s">
        <v>26920</v>
      </c>
    </row>
    <row r="6898" spans="1:10" x14ac:dyDescent="0.35">
      <c r="A6898" s="1" t="s">
        <v>26792</v>
      </c>
      <c r="B6898" s="1" t="s">
        <v>26037</v>
      </c>
      <c r="C6898" s="1" t="s">
        <v>170</v>
      </c>
      <c r="D6898" s="1" t="s">
        <v>26921</v>
      </c>
      <c r="E6898" s="1" t="s">
        <v>26922</v>
      </c>
      <c r="F6898" s="1" t="s">
        <v>26923</v>
      </c>
      <c r="G6898" s="1" t="s">
        <v>26796</v>
      </c>
      <c r="H6898" s="1" t="s">
        <v>26797</v>
      </c>
      <c r="I6898" s="1" t="s">
        <v>26043</v>
      </c>
      <c r="J6898" s="1" t="s">
        <v>26924</v>
      </c>
    </row>
    <row r="6899" spans="1:10" x14ac:dyDescent="0.35">
      <c r="A6899" s="1" t="s">
        <v>26925</v>
      </c>
      <c r="B6899" s="1" t="s">
        <v>26037</v>
      </c>
      <c r="C6899" s="1" t="s">
        <v>8</v>
      </c>
      <c r="D6899" s="1" t="s">
        <v>5286</v>
      </c>
      <c r="E6899" s="1" t="s">
        <v>26926</v>
      </c>
      <c r="F6899" s="1" t="s">
        <v>26927</v>
      </c>
      <c r="G6899" s="1" t="s">
        <v>26928</v>
      </c>
      <c r="H6899" s="1" t="s">
        <v>26929</v>
      </c>
      <c r="I6899" s="1" t="s">
        <v>26043</v>
      </c>
      <c r="J6899" s="1" t="s">
        <v>13</v>
      </c>
    </row>
    <row r="6900" spans="1:10" x14ac:dyDescent="0.35">
      <c r="A6900" s="1" t="s">
        <v>26925</v>
      </c>
      <c r="B6900" s="1" t="s">
        <v>26037</v>
      </c>
      <c r="C6900" s="1" t="s">
        <v>15</v>
      </c>
      <c r="D6900" s="1" t="s">
        <v>26930</v>
      </c>
      <c r="E6900" s="1" t="s">
        <v>26931</v>
      </c>
      <c r="F6900" s="1" t="s">
        <v>26932</v>
      </c>
      <c r="G6900" s="1" t="s">
        <v>26928</v>
      </c>
      <c r="H6900" s="1" t="s">
        <v>26929</v>
      </c>
      <c r="I6900" s="1" t="s">
        <v>26043</v>
      </c>
      <c r="J6900" s="1" t="s">
        <v>26933</v>
      </c>
    </row>
    <row r="6901" spans="1:10" x14ac:dyDescent="0.35">
      <c r="A6901" s="1" t="s">
        <v>26925</v>
      </c>
      <c r="B6901" s="1" t="s">
        <v>26037</v>
      </c>
      <c r="C6901" s="1" t="s">
        <v>20</v>
      </c>
      <c r="D6901" s="1" t="s">
        <v>26934</v>
      </c>
      <c r="E6901" s="1" t="s">
        <v>26935</v>
      </c>
      <c r="F6901" s="1" t="s">
        <v>26936</v>
      </c>
      <c r="G6901" s="1" t="s">
        <v>26928</v>
      </c>
      <c r="H6901" s="1" t="s">
        <v>26929</v>
      </c>
      <c r="I6901" s="1" t="s">
        <v>26043</v>
      </c>
      <c r="J6901" s="1" t="s">
        <v>26937</v>
      </c>
    </row>
    <row r="6902" spans="1:10" x14ac:dyDescent="0.35">
      <c r="A6902" s="1" t="s">
        <v>26925</v>
      </c>
      <c r="B6902" s="1" t="s">
        <v>26037</v>
      </c>
      <c r="C6902" s="1" t="s">
        <v>25</v>
      </c>
      <c r="D6902" s="1" t="s">
        <v>26938</v>
      </c>
      <c r="E6902" s="1" t="s">
        <v>26939</v>
      </c>
      <c r="F6902" s="1" t="s">
        <v>26940</v>
      </c>
      <c r="G6902" s="1" t="s">
        <v>26928</v>
      </c>
      <c r="H6902" s="1" t="s">
        <v>26929</v>
      </c>
      <c r="I6902" s="1" t="s">
        <v>26043</v>
      </c>
      <c r="J6902" s="1" t="s">
        <v>26941</v>
      </c>
    </row>
    <row r="6903" spans="1:10" x14ac:dyDescent="0.35">
      <c r="A6903" s="1" t="s">
        <v>26925</v>
      </c>
      <c r="B6903" s="1" t="s">
        <v>26037</v>
      </c>
      <c r="C6903" s="1" t="s">
        <v>30</v>
      </c>
      <c r="D6903" s="1" t="s">
        <v>26942</v>
      </c>
      <c r="E6903" s="1" t="s">
        <v>26943</v>
      </c>
      <c r="F6903" s="1" t="s">
        <v>26944</v>
      </c>
      <c r="G6903" s="1" t="s">
        <v>26928</v>
      </c>
      <c r="H6903" s="1" t="s">
        <v>26929</v>
      </c>
      <c r="I6903" s="1" t="s">
        <v>26043</v>
      </c>
      <c r="J6903" s="1" t="s">
        <v>26945</v>
      </c>
    </row>
    <row r="6904" spans="1:10" x14ac:dyDescent="0.35">
      <c r="A6904" s="1" t="s">
        <v>26925</v>
      </c>
      <c r="B6904" s="1" t="s">
        <v>26037</v>
      </c>
      <c r="C6904" s="1" t="s">
        <v>35</v>
      </c>
      <c r="D6904" s="1" t="s">
        <v>26946</v>
      </c>
      <c r="E6904" s="1" t="s">
        <v>26947</v>
      </c>
      <c r="F6904" s="1" t="s">
        <v>26948</v>
      </c>
      <c r="G6904" s="1" t="s">
        <v>26928</v>
      </c>
      <c r="H6904" s="1" t="s">
        <v>26929</v>
      </c>
      <c r="I6904" s="1" t="s">
        <v>26043</v>
      </c>
      <c r="J6904" s="1" t="s">
        <v>26949</v>
      </c>
    </row>
    <row r="6905" spans="1:10" x14ac:dyDescent="0.35">
      <c r="A6905" s="1" t="s">
        <v>26925</v>
      </c>
      <c r="B6905" s="1" t="s">
        <v>26037</v>
      </c>
      <c r="C6905" s="1" t="s">
        <v>40</v>
      </c>
      <c r="D6905" s="1" t="s">
        <v>26950</v>
      </c>
      <c r="E6905" s="1" t="s">
        <v>26951</v>
      </c>
      <c r="F6905" s="1" t="s">
        <v>26952</v>
      </c>
      <c r="G6905" s="1" t="s">
        <v>26928</v>
      </c>
      <c r="H6905" s="1" t="s">
        <v>26929</v>
      </c>
      <c r="I6905" s="1" t="s">
        <v>26043</v>
      </c>
      <c r="J6905" s="1" t="s">
        <v>26953</v>
      </c>
    </row>
    <row r="6906" spans="1:10" x14ac:dyDescent="0.35">
      <c r="A6906" s="1" t="s">
        <v>26925</v>
      </c>
      <c r="B6906" s="1" t="s">
        <v>26037</v>
      </c>
      <c r="C6906" s="1" t="s">
        <v>45</v>
      </c>
      <c r="D6906" s="1" t="s">
        <v>26954</v>
      </c>
      <c r="E6906" s="1" t="s">
        <v>26955</v>
      </c>
      <c r="F6906" s="1" t="s">
        <v>26956</v>
      </c>
      <c r="G6906" s="1" t="s">
        <v>26928</v>
      </c>
      <c r="H6906" s="1" t="s">
        <v>26929</v>
      </c>
      <c r="I6906" s="1" t="s">
        <v>26043</v>
      </c>
      <c r="J6906" s="1" t="s">
        <v>26957</v>
      </c>
    </row>
    <row r="6907" spans="1:10" x14ac:dyDescent="0.35">
      <c r="A6907" s="1" t="s">
        <v>26925</v>
      </c>
      <c r="B6907" s="1" t="s">
        <v>26037</v>
      </c>
      <c r="C6907" s="1" t="s">
        <v>50</v>
      </c>
      <c r="D6907" s="1" t="s">
        <v>19233</v>
      </c>
      <c r="E6907" s="1" t="s">
        <v>26958</v>
      </c>
      <c r="F6907" s="1" t="s">
        <v>26959</v>
      </c>
      <c r="G6907" s="1" t="s">
        <v>26928</v>
      </c>
      <c r="H6907" s="1" t="s">
        <v>26929</v>
      </c>
      <c r="I6907" s="1" t="s">
        <v>26043</v>
      </c>
      <c r="J6907" s="1" t="s">
        <v>26960</v>
      </c>
    </row>
    <row r="6908" spans="1:10" x14ac:dyDescent="0.35">
      <c r="A6908" s="1" t="s">
        <v>26925</v>
      </c>
      <c r="B6908" s="1" t="s">
        <v>26037</v>
      </c>
      <c r="C6908" s="1" t="s">
        <v>55</v>
      </c>
      <c r="D6908" s="1" t="s">
        <v>26961</v>
      </c>
      <c r="E6908" s="1" t="s">
        <v>26962</v>
      </c>
      <c r="F6908" s="1" t="s">
        <v>26963</v>
      </c>
      <c r="G6908" s="1" t="s">
        <v>26928</v>
      </c>
      <c r="H6908" s="1" t="s">
        <v>26929</v>
      </c>
      <c r="I6908" s="1" t="s">
        <v>26043</v>
      </c>
      <c r="J6908" s="1" t="s">
        <v>26964</v>
      </c>
    </row>
    <row r="6909" spans="1:10" x14ac:dyDescent="0.35">
      <c r="A6909" s="1" t="s">
        <v>26925</v>
      </c>
      <c r="B6909" s="1" t="s">
        <v>26037</v>
      </c>
      <c r="C6909" s="1" t="s">
        <v>60</v>
      </c>
      <c r="D6909" s="1" t="s">
        <v>26965</v>
      </c>
      <c r="E6909" s="1" t="s">
        <v>26966</v>
      </c>
      <c r="F6909" s="1" t="s">
        <v>26967</v>
      </c>
      <c r="G6909" s="1" t="s">
        <v>26928</v>
      </c>
      <c r="H6909" s="1" t="s">
        <v>26929</v>
      </c>
      <c r="I6909" s="1" t="s">
        <v>26043</v>
      </c>
      <c r="J6909" s="1" t="s">
        <v>26968</v>
      </c>
    </row>
    <row r="6910" spans="1:10" x14ac:dyDescent="0.35">
      <c r="A6910" s="1" t="s">
        <v>26925</v>
      </c>
      <c r="B6910" s="1" t="s">
        <v>26037</v>
      </c>
      <c r="C6910" s="1" t="s">
        <v>65</v>
      </c>
      <c r="D6910" s="1" t="s">
        <v>26969</v>
      </c>
      <c r="E6910" s="1" t="s">
        <v>26970</v>
      </c>
      <c r="F6910" s="1" t="s">
        <v>26971</v>
      </c>
      <c r="G6910" s="1" t="s">
        <v>26928</v>
      </c>
      <c r="H6910" s="1" t="s">
        <v>26929</v>
      </c>
      <c r="I6910" s="1" t="s">
        <v>26043</v>
      </c>
      <c r="J6910" s="1" t="s">
        <v>26972</v>
      </c>
    </row>
    <row r="6911" spans="1:10" x14ac:dyDescent="0.35">
      <c r="A6911" s="1" t="s">
        <v>26925</v>
      </c>
      <c r="B6911" s="1" t="s">
        <v>26037</v>
      </c>
      <c r="C6911" s="1" t="s">
        <v>70</v>
      </c>
      <c r="D6911" s="1" t="s">
        <v>26973</v>
      </c>
      <c r="E6911" s="1" t="s">
        <v>26974</v>
      </c>
      <c r="F6911" s="1" t="s">
        <v>26975</v>
      </c>
      <c r="G6911" s="1" t="s">
        <v>26928</v>
      </c>
      <c r="H6911" s="1" t="s">
        <v>26929</v>
      </c>
      <c r="I6911" s="1" t="s">
        <v>26043</v>
      </c>
      <c r="J6911" s="1" t="s">
        <v>26976</v>
      </c>
    </row>
    <row r="6912" spans="1:10" x14ac:dyDescent="0.35">
      <c r="A6912" s="1" t="s">
        <v>26925</v>
      </c>
      <c r="B6912" s="1" t="s">
        <v>26037</v>
      </c>
      <c r="C6912" s="1" t="s">
        <v>75</v>
      </c>
      <c r="D6912" s="1" t="s">
        <v>26977</v>
      </c>
      <c r="E6912" s="1" t="s">
        <v>26978</v>
      </c>
      <c r="F6912" s="1" t="s">
        <v>26979</v>
      </c>
      <c r="G6912" s="1" t="s">
        <v>26928</v>
      </c>
      <c r="H6912" s="1" t="s">
        <v>26929</v>
      </c>
      <c r="I6912" s="1" t="s">
        <v>26043</v>
      </c>
      <c r="J6912" s="1" t="s">
        <v>26980</v>
      </c>
    </row>
    <row r="6913" spans="1:10" x14ac:dyDescent="0.35">
      <c r="A6913" s="1" t="s">
        <v>26925</v>
      </c>
      <c r="B6913" s="1" t="s">
        <v>26037</v>
      </c>
      <c r="C6913" s="1" t="s">
        <v>80</v>
      </c>
      <c r="D6913" s="1" t="s">
        <v>26981</v>
      </c>
      <c r="E6913" s="1" t="s">
        <v>26982</v>
      </c>
      <c r="F6913" s="1" t="s">
        <v>26983</v>
      </c>
      <c r="G6913" s="1" t="s">
        <v>26928</v>
      </c>
      <c r="H6913" s="1" t="s">
        <v>26929</v>
      </c>
      <c r="I6913" s="1" t="s">
        <v>26043</v>
      </c>
      <c r="J6913" s="1" t="s">
        <v>26984</v>
      </c>
    </row>
    <row r="6914" spans="1:10" x14ac:dyDescent="0.35">
      <c r="A6914" s="1" t="s">
        <v>26925</v>
      </c>
      <c r="B6914" s="1" t="s">
        <v>26037</v>
      </c>
      <c r="C6914" s="1" t="s">
        <v>85</v>
      </c>
      <c r="D6914" s="1" t="s">
        <v>26985</v>
      </c>
      <c r="E6914" s="1" t="s">
        <v>26986</v>
      </c>
      <c r="F6914" s="1" t="s">
        <v>26987</v>
      </c>
      <c r="G6914" s="1" t="s">
        <v>26928</v>
      </c>
      <c r="H6914" s="1" t="s">
        <v>26929</v>
      </c>
      <c r="I6914" s="1" t="s">
        <v>26043</v>
      </c>
      <c r="J6914" s="1" t="s">
        <v>26988</v>
      </c>
    </row>
    <row r="6915" spans="1:10" x14ac:dyDescent="0.35">
      <c r="A6915" s="1" t="s">
        <v>26925</v>
      </c>
      <c r="B6915" s="1" t="s">
        <v>26037</v>
      </c>
      <c r="C6915" s="1" t="s">
        <v>90</v>
      </c>
      <c r="D6915" s="1" t="s">
        <v>26989</v>
      </c>
      <c r="E6915" s="1" t="s">
        <v>26990</v>
      </c>
      <c r="F6915" s="1" t="s">
        <v>26991</v>
      </c>
      <c r="G6915" s="1" t="s">
        <v>26928</v>
      </c>
      <c r="H6915" s="1" t="s">
        <v>26929</v>
      </c>
      <c r="I6915" s="1" t="s">
        <v>26043</v>
      </c>
      <c r="J6915" s="1" t="s">
        <v>26992</v>
      </c>
    </row>
    <row r="6916" spans="1:10" x14ac:dyDescent="0.35">
      <c r="A6916" s="1" t="s">
        <v>26925</v>
      </c>
      <c r="B6916" s="1" t="s">
        <v>26037</v>
      </c>
      <c r="C6916" s="1" t="s">
        <v>95</v>
      </c>
      <c r="D6916" s="1" t="s">
        <v>26993</v>
      </c>
      <c r="E6916" s="1" t="s">
        <v>26994</v>
      </c>
      <c r="F6916" s="1" t="s">
        <v>26995</v>
      </c>
      <c r="G6916" s="1" t="s">
        <v>26928</v>
      </c>
      <c r="H6916" s="1" t="s">
        <v>26929</v>
      </c>
      <c r="I6916" s="1" t="s">
        <v>26043</v>
      </c>
      <c r="J6916" s="1" t="s">
        <v>26996</v>
      </c>
    </row>
    <row r="6917" spans="1:10" x14ac:dyDescent="0.35">
      <c r="A6917" s="1" t="s">
        <v>26925</v>
      </c>
      <c r="B6917" s="1" t="s">
        <v>26037</v>
      </c>
      <c r="C6917" s="1" t="s">
        <v>100</v>
      </c>
      <c r="D6917" s="1" t="s">
        <v>26997</v>
      </c>
      <c r="E6917" s="1" t="s">
        <v>26998</v>
      </c>
      <c r="F6917" s="1" t="s">
        <v>26999</v>
      </c>
      <c r="G6917" s="1" t="s">
        <v>26928</v>
      </c>
      <c r="H6917" s="1" t="s">
        <v>26929</v>
      </c>
      <c r="I6917" s="1" t="s">
        <v>26043</v>
      </c>
      <c r="J6917" s="1" t="s">
        <v>27000</v>
      </c>
    </row>
    <row r="6918" spans="1:10" x14ac:dyDescent="0.35">
      <c r="A6918" s="1" t="s">
        <v>26925</v>
      </c>
      <c r="B6918" s="1" t="s">
        <v>26037</v>
      </c>
      <c r="C6918" s="1" t="s">
        <v>105</v>
      </c>
      <c r="D6918" s="1" t="s">
        <v>27001</v>
      </c>
      <c r="E6918" s="1" t="s">
        <v>27002</v>
      </c>
      <c r="F6918" s="1" t="s">
        <v>27003</v>
      </c>
      <c r="G6918" s="1" t="s">
        <v>26928</v>
      </c>
      <c r="H6918" s="1" t="s">
        <v>26929</v>
      </c>
      <c r="I6918" s="1" t="s">
        <v>26043</v>
      </c>
      <c r="J6918" s="1" t="s">
        <v>27004</v>
      </c>
    </row>
    <row r="6919" spans="1:10" x14ac:dyDescent="0.35">
      <c r="A6919" s="1" t="s">
        <v>26925</v>
      </c>
      <c r="B6919" s="1" t="s">
        <v>26037</v>
      </c>
      <c r="C6919" s="1" t="s">
        <v>110</v>
      </c>
      <c r="D6919" s="1" t="s">
        <v>27005</v>
      </c>
      <c r="E6919" s="1" t="s">
        <v>27006</v>
      </c>
      <c r="F6919" s="1" t="s">
        <v>27007</v>
      </c>
      <c r="G6919" s="1" t="s">
        <v>26928</v>
      </c>
      <c r="H6919" s="1" t="s">
        <v>26929</v>
      </c>
      <c r="I6919" s="1" t="s">
        <v>26043</v>
      </c>
      <c r="J6919" s="1" t="s">
        <v>27008</v>
      </c>
    </row>
    <row r="6920" spans="1:10" x14ac:dyDescent="0.35">
      <c r="A6920" s="1" t="s">
        <v>26925</v>
      </c>
      <c r="B6920" s="1" t="s">
        <v>26037</v>
      </c>
      <c r="C6920" s="1" t="s">
        <v>115</v>
      </c>
      <c r="D6920" s="1" t="s">
        <v>27009</v>
      </c>
      <c r="E6920" s="1" t="s">
        <v>27010</v>
      </c>
      <c r="F6920" s="1" t="s">
        <v>27011</v>
      </c>
      <c r="G6920" s="1" t="s">
        <v>26928</v>
      </c>
      <c r="H6920" s="1" t="s">
        <v>26929</v>
      </c>
      <c r="I6920" s="1" t="s">
        <v>26043</v>
      </c>
      <c r="J6920" s="1" t="s">
        <v>27012</v>
      </c>
    </row>
    <row r="6921" spans="1:10" x14ac:dyDescent="0.35">
      <c r="A6921" s="1" t="s">
        <v>26925</v>
      </c>
      <c r="B6921" s="1" t="s">
        <v>26037</v>
      </c>
      <c r="C6921" s="1" t="s">
        <v>120</v>
      </c>
      <c r="D6921" s="1" t="s">
        <v>27013</v>
      </c>
      <c r="E6921" s="1" t="s">
        <v>27014</v>
      </c>
      <c r="F6921" s="1" t="s">
        <v>27015</v>
      </c>
      <c r="G6921" s="1" t="s">
        <v>26928</v>
      </c>
      <c r="H6921" s="1" t="s">
        <v>26929</v>
      </c>
      <c r="I6921" s="1" t="s">
        <v>26043</v>
      </c>
      <c r="J6921" s="1" t="s">
        <v>27016</v>
      </c>
    </row>
    <row r="6922" spans="1:10" x14ac:dyDescent="0.35">
      <c r="A6922" s="1" t="s">
        <v>26925</v>
      </c>
      <c r="B6922" s="1" t="s">
        <v>26037</v>
      </c>
      <c r="C6922" s="1" t="s">
        <v>125</v>
      </c>
      <c r="D6922" s="1" t="s">
        <v>27017</v>
      </c>
      <c r="E6922" s="1" t="s">
        <v>27018</v>
      </c>
      <c r="F6922" s="1" t="s">
        <v>27019</v>
      </c>
      <c r="G6922" s="1" t="s">
        <v>26928</v>
      </c>
      <c r="H6922" s="1" t="s">
        <v>26929</v>
      </c>
      <c r="I6922" s="1" t="s">
        <v>26043</v>
      </c>
      <c r="J6922" s="1" t="s">
        <v>27020</v>
      </c>
    </row>
    <row r="6923" spans="1:10" x14ac:dyDescent="0.35">
      <c r="A6923" s="1" t="s">
        <v>26925</v>
      </c>
      <c r="B6923" s="1" t="s">
        <v>26037</v>
      </c>
      <c r="C6923" s="1" t="s">
        <v>130</v>
      </c>
      <c r="D6923" s="1" t="s">
        <v>27021</v>
      </c>
      <c r="E6923" s="1" t="s">
        <v>27022</v>
      </c>
      <c r="F6923" s="1" t="s">
        <v>27023</v>
      </c>
      <c r="G6923" s="1" t="s">
        <v>26928</v>
      </c>
      <c r="H6923" s="1" t="s">
        <v>26929</v>
      </c>
      <c r="I6923" s="1" t="s">
        <v>26043</v>
      </c>
      <c r="J6923" s="1" t="s">
        <v>27024</v>
      </c>
    </row>
    <row r="6924" spans="1:10" x14ac:dyDescent="0.35">
      <c r="A6924" s="1" t="s">
        <v>26925</v>
      </c>
      <c r="B6924" s="1" t="s">
        <v>26037</v>
      </c>
      <c r="C6924" s="1" t="s">
        <v>135</v>
      </c>
      <c r="D6924" s="1" t="s">
        <v>27025</v>
      </c>
      <c r="E6924" s="1" t="s">
        <v>27026</v>
      </c>
      <c r="F6924" s="1" t="s">
        <v>14249</v>
      </c>
      <c r="G6924" s="1" t="s">
        <v>26928</v>
      </c>
      <c r="H6924" s="1" t="s">
        <v>26929</v>
      </c>
      <c r="I6924" s="1" t="s">
        <v>26043</v>
      </c>
      <c r="J6924" s="1" t="s">
        <v>27027</v>
      </c>
    </row>
    <row r="6925" spans="1:10" x14ac:dyDescent="0.35">
      <c r="A6925" s="1" t="s">
        <v>26925</v>
      </c>
      <c r="B6925" s="1" t="s">
        <v>26037</v>
      </c>
      <c r="C6925" s="1" t="s">
        <v>140</v>
      </c>
      <c r="D6925" s="1" t="s">
        <v>27028</v>
      </c>
      <c r="E6925" s="1" t="s">
        <v>27029</v>
      </c>
      <c r="F6925" s="1" t="s">
        <v>27030</v>
      </c>
      <c r="G6925" s="1" t="s">
        <v>26928</v>
      </c>
      <c r="H6925" s="1" t="s">
        <v>26929</v>
      </c>
      <c r="I6925" s="1" t="s">
        <v>26043</v>
      </c>
      <c r="J6925" s="1" t="s">
        <v>27031</v>
      </c>
    </row>
    <row r="6926" spans="1:10" x14ac:dyDescent="0.35">
      <c r="A6926" s="1" t="s">
        <v>26925</v>
      </c>
      <c r="B6926" s="1" t="s">
        <v>26037</v>
      </c>
      <c r="C6926" s="1" t="s">
        <v>145</v>
      </c>
      <c r="D6926" s="1" t="s">
        <v>27032</v>
      </c>
      <c r="E6926" s="1" t="s">
        <v>27033</v>
      </c>
      <c r="F6926" s="1" t="s">
        <v>27034</v>
      </c>
      <c r="G6926" s="1" t="s">
        <v>26928</v>
      </c>
      <c r="H6926" s="1" t="s">
        <v>26929</v>
      </c>
      <c r="I6926" s="1" t="s">
        <v>26043</v>
      </c>
      <c r="J6926" s="1" t="s">
        <v>27035</v>
      </c>
    </row>
    <row r="6927" spans="1:10" x14ac:dyDescent="0.35">
      <c r="A6927" s="1" t="s">
        <v>26925</v>
      </c>
      <c r="B6927" s="1" t="s">
        <v>26037</v>
      </c>
      <c r="C6927" s="1" t="s">
        <v>150</v>
      </c>
      <c r="D6927" s="1" t="s">
        <v>27036</v>
      </c>
      <c r="E6927" s="1" t="s">
        <v>27037</v>
      </c>
      <c r="F6927" s="1" t="s">
        <v>27038</v>
      </c>
      <c r="G6927" s="1" t="s">
        <v>26928</v>
      </c>
      <c r="H6927" s="1" t="s">
        <v>26929</v>
      </c>
      <c r="I6927" s="1" t="s">
        <v>26043</v>
      </c>
      <c r="J6927" s="1" t="s">
        <v>27039</v>
      </c>
    </row>
    <row r="6928" spans="1:10" x14ac:dyDescent="0.35">
      <c r="A6928" s="1" t="s">
        <v>26925</v>
      </c>
      <c r="B6928" s="1" t="s">
        <v>26037</v>
      </c>
      <c r="C6928" s="1" t="s">
        <v>155</v>
      </c>
      <c r="D6928" s="1" t="s">
        <v>27040</v>
      </c>
      <c r="E6928" s="1" t="s">
        <v>27041</v>
      </c>
      <c r="F6928" s="1" t="s">
        <v>27042</v>
      </c>
      <c r="G6928" s="1" t="s">
        <v>26928</v>
      </c>
      <c r="H6928" s="1" t="s">
        <v>26929</v>
      </c>
      <c r="I6928" s="1" t="s">
        <v>26043</v>
      </c>
      <c r="J6928" s="1" t="s">
        <v>27043</v>
      </c>
    </row>
    <row r="6929" spans="1:10" x14ac:dyDescent="0.35">
      <c r="A6929" s="1" t="s">
        <v>26925</v>
      </c>
      <c r="B6929" s="1" t="s">
        <v>26037</v>
      </c>
      <c r="C6929" s="1" t="s">
        <v>160</v>
      </c>
      <c r="D6929" s="1" t="s">
        <v>27044</v>
      </c>
      <c r="E6929" s="1" t="s">
        <v>27045</v>
      </c>
      <c r="F6929" s="1" t="s">
        <v>27046</v>
      </c>
      <c r="G6929" s="1" t="s">
        <v>26928</v>
      </c>
      <c r="H6929" s="1" t="s">
        <v>26929</v>
      </c>
      <c r="I6929" s="1" t="s">
        <v>26043</v>
      </c>
      <c r="J6929" s="1" t="s">
        <v>27047</v>
      </c>
    </row>
    <row r="6930" spans="1:10" x14ac:dyDescent="0.35">
      <c r="A6930" s="1" t="s">
        <v>26925</v>
      </c>
      <c r="B6930" s="1" t="s">
        <v>26037</v>
      </c>
      <c r="C6930" s="1" t="s">
        <v>165</v>
      </c>
      <c r="D6930" s="1" t="s">
        <v>27048</v>
      </c>
      <c r="E6930" s="1" t="s">
        <v>27049</v>
      </c>
      <c r="F6930" s="1" t="s">
        <v>27050</v>
      </c>
      <c r="G6930" s="1" t="s">
        <v>26928</v>
      </c>
      <c r="H6930" s="1" t="s">
        <v>26929</v>
      </c>
      <c r="I6930" s="1" t="s">
        <v>26043</v>
      </c>
      <c r="J6930" s="1" t="s">
        <v>27051</v>
      </c>
    </row>
    <row r="6931" spans="1:10" x14ac:dyDescent="0.35">
      <c r="A6931" s="1" t="s">
        <v>26925</v>
      </c>
      <c r="B6931" s="1" t="s">
        <v>26037</v>
      </c>
      <c r="C6931" s="1" t="s">
        <v>170</v>
      </c>
      <c r="D6931" s="1" t="s">
        <v>27052</v>
      </c>
      <c r="E6931" s="1" t="s">
        <v>27053</v>
      </c>
      <c r="F6931" s="1" t="s">
        <v>27054</v>
      </c>
      <c r="G6931" s="1" t="s">
        <v>26928</v>
      </c>
      <c r="H6931" s="1" t="s">
        <v>26929</v>
      </c>
      <c r="I6931" s="1" t="s">
        <v>26043</v>
      </c>
      <c r="J6931" s="1" t="s">
        <v>27055</v>
      </c>
    </row>
    <row r="6932" spans="1:10" x14ac:dyDescent="0.35">
      <c r="A6932" s="1" t="s">
        <v>27056</v>
      </c>
      <c r="B6932" s="1" t="s">
        <v>26037</v>
      </c>
      <c r="C6932" s="1" t="s">
        <v>8</v>
      </c>
      <c r="D6932" s="1" t="s">
        <v>27057</v>
      </c>
      <c r="E6932" s="1" t="s">
        <v>27058</v>
      </c>
      <c r="F6932" s="1" t="s">
        <v>27059</v>
      </c>
      <c r="G6932" s="1" t="s">
        <v>27060</v>
      </c>
      <c r="H6932" s="1" t="s">
        <v>27061</v>
      </c>
      <c r="I6932" s="1" t="s">
        <v>26043</v>
      </c>
      <c r="J6932" s="1" t="s">
        <v>13</v>
      </c>
    </row>
    <row r="6933" spans="1:10" x14ac:dyDescent="0.35">
      <c r="A6933" s="1" t="s">
        <v>27056</v>
      </c>
      <c r="B6933" s="1" t="s">
        <v>26037</v>
      </c>
      <c r="C6933" s="1" t="s">
        <v>15</v>
      </c>
      <c r="D6933" s="1" t="s">
        <v>27062</v>
      </c>
      <c r="E6933" s="1" t="s">
        <v>21834</v>
      </c>
      <c r="F6933" s="1" t="s">
        <v>27063</v>
      </c>
      <c r="G6933" s="1" t="s">
        <v>27060</v>
      </c>
      <c r="H6933" s="1" t="s">
        <v>27061</v>
      </c>
      <c r="I6933" s="1" t="s">
        <v>26043</v>
      </c>
      <c r="J6933" s="1" t="s">
        <v>27064</v>
      </c>
    </row>
    <row r="6934" spans="1:10" x14ac:dyDescent="0.35">
      <c r="A6934" s="1" t="s">
        <v>27056</v>
      </c>
      <c r="B6934" s="1" t="s">
        <v>26037</v>
      </c>
      <c r="C6934" s="1" t="s">
        <v>20</v>
      </c>
      <c r="D6934" s="1" t="s">
        <v>27065</v>
      </c>
      <c r="E6934" s="1" t="s">
        <v>27066</v>
      </c>
      <c r="F6934" s="1" t="s">
        <v>27067</v>
      </c>
      <c r="G6934" s="1" t="s">
        <v>27060</v>
      </c>
      <c r="H6934" s="1" t="s">
        <v>27061</v>
      </c>
      <c r="I6934" s="1" t="s">
        <v>26043</v>
      </c>
      <c r="J6934" s="1" t="s">
        <v>27068</v>
      </c>
    </row>
    <row r="6935" spans="1:10" x14ac:dyDescent="0.35">
      <c r="A6935" s="1" t="s">
        <v>27056</v>
      </c>
      <c r="B6935" s="1" t="s">
        <v>26037</v>
      </c>
      <c r="C6935" s="1" t="s">
        <v>25</v>
      </c>
      <c r="D6935" s="1" t="s">
        <v>27069</v>
      </c>
      <c r="E6935" s="1" t="s">
        <v>27070</v>
      </c>
      <c r="F6935" s="1" t="s">
        <v>27071</v>
      </c>
      <c r="G6935" s="1" t="s">
        <v>27060</v>
      </c>
      <c r="H6935" s="1" t="s">
        <v>27061</v>
      </c>
      <c r="I6935" s="1" t="s">
        <v>26043</v>
      </c>
      <c r="J6935" s="1" t="s">
        <v>27072</v>
      </c>
    </row>
    <row r="6936" spans="1:10" x14ac:dyDescent="0.35">
      <c r="A6936" s="1" t="s">
        <v>27056</v>
      </c>
      <c r="B6936" s="1" t="s">
        <v>26037</v>
      </c>
      <c r="C6936" s="1" t="s">
        <v>30</v>
      </c>
      <c r="D6936" s="1" t="s">
        <v>27073</v>
      </c>
      <c r="E6936" s="1" t="s">
        <v>27074</v>
      </c>
      <c r="F6936" s="1" t="s">
        <v>27075</v>
      </c>
      <c r="G6936" s="1" t="s">
        <v>27060</v>
      </c>
      <c r="H6936" s="1" t="s">
        <v>27061</v>
      </c>
      <c r="I6936" s="1" t="s">
        <v>26043</v>
      </c>
      <c r="J6936" s="1" t="s">
        <v>27076</v>
      </c>
    </row>
    <row r="6937" spans="1:10" x14ac:dyDescent="0.35">
      <c r="A6937" s="1" t="s">
        <v>27056</v>
      </c>
      <c r="B6937" s="1" t="s">
        <v>26037</v>
      </c>
      <c r="C6937" s="1" t="s">
        <v>35</v>
      </c>
      <c r="D6937" s="1" t="s">
        <v>27077</v>
      </c>
      <c r="E6937" s="1" t="s">
        <v>23421</v>
      </c>
      <c r="F6937" s="1" t="s">
        <v>27078</v>
      </c>
      <c r="G6937" s="1" t="s">
        <v>27060</v>
      </c>
      <c r="H6937" s="1" t="s">
        <v>27061</v>
      </c>
      <c r="I6937" s="1" t="s">
        <v>26043</v>
      </c>
      <c r="J6937" s="1" t="s">
        <v>27079</v>
      </c>
    </row>
    <row r="6938" spans="1:10" x14ac:dyDescent="0.35">
      <c r="A6938" s="1" t="s">
        <v>27056</v>
      </c>
      <c r="B6938" s="1" t="s">
        <v>26037</v>
      </c>
      <c r="C6938" s="1" t="s">
        <v>40</v>
      </c>
      <c r="D6938" s="1" t="s">
        <v>27080</v>
      </c>
      <c r="E6938" s="1" t="s">
        <v>23206</v>
      </c>
      <c r="F6938" s="1" t="s">
        <v>19929</v>
      </c>
      <c r="G6938" s="1" t="s">
        <v>27060</v>
      </c>
      <c r="H6938" s="1" t="s">
        <v>27061</v>
      </c>
      <c r="I6938" s="1" t="s">
        <v>26043</v>
      </c>
      <c r="J6938" s="1" t="s">
        <v>27081</v>
      </c>
    </row>
    <row r="6939" spans="1:10" x14ac:dyDescent="0.35">
      <c r="A6939" s="1" t="s">
        <v>27056</v>
      </c>
      <c r="B6939" s="1" t="s">
        <v>26037</v>
      </c>
      <c r="C6939" s="1" t="s">
        <v>45</v>
      </c>
      <c r="D6939" s="1" t="s">
        <v>27082</v>
      </c>
      <c r="E6939" s="1" t="s">
        <v>15388</v>
      </c>
      <c r="F6939" s="1" t="s">
        <v>27083</v>
      </c>
      <c r="G6939" s="1" t="s">
        <v>27060</v>
      </c>
      <c r="H6939" s="1" t="s">
        <v>27061</v>
      </c>
      <c r="I6939" s="1" t="s">
        <v>26043</v>
      </c>
      <c r="J6939" s="1" t="s">
        <v>27084</v>
      </c>
    </row>
    <row r="6940" spans="1:10" x14ac:dyDescent="0.35">
      <c r="A6940" s="1" t="s">
        <v>27056</v>
      </c>
      <c r="B6940" s="1" t="s">
        <v>26037</v>
      </c>
      <c r="C6940" s="1" t="s">
        <v>50</v>
      </c>
      <c r="D6940" s="1" t="s">
        <v>27085</v>
      </c>
      <c r="E6940" s="1" t="s">
        <v>15380</v>
      </c>
      <c r="F6940" s="1" t="s">
        <v>27086</v>
      </c>
      <c r="G6940" s="1" t="s">
        <v>27060</v>
      </c>
      <c r="H6940" s="1" t="s">
        <v>27061</v>
      </c>
      <c r="I6940" s="1" t="s">
        <v>26043</v>
      </c>
      <c r="J6940" s="1" t="s">
        <v>27087</v>
      </c>
    </row>
    <row r="6941" spans="1:10" x14ac:dyDescent="0.35">
      <c r="A6941" s="1" t="s">
        <v>27056</v>
      </c>
      <c r="B6941" s="1" t="s">
        <v>26037</v>
      </c>
      <c r="C6941" s="1" t="s">
        <v>55</v>
      </c>
      <c r="D6941" s="1" t="s">
        <v>27088</v>
      </c>
      <c r="E6941" s="1" t="s">
        <v>27089</v>
      </c>
      <c r="F6941" s="1" t="s">
        <v>27090</v>
      </c>
      <c r="G6941" s="1" t="s">
        <v>27060</v>
      </c>
      <c r="H6941" s="1" t="s">
        <v>27061</v>
      </c>
      <c r="I6941" s="1" t="s">
        <v>26043</v>
      </c>
      <c r="J6941" s="1" t="s">
        <v>27091</v>
      </c>
    </row>
    <row r="6942" spans="1:10" x14ac:dyDescent="0.35">
      <c r="A6942" s="1" t="s">
        <v>27056</v>
      </c>
      <c r="B6942" s="1" t="s">
        <v>26037</v>
      </c>
      <c r="C6942" s="1" t="s">
        <v>60</v>
      </c>
      <c r="D6942" s="1" t="s">
        <v>27092</v>
      </c>
      <c r="E6942" s="1" t="s">
        <v>27093</v>
      </c>
      <c r="F6942" s="1" t="s">
        <v>27094</v>
      </c>
      <c r="G6942" s="1" t="s">
        <v>27060</v>
      </c>
      <c r="H6942" s="1" t="s">
        <v>27061</v>
      </c>
      <c r="I6942" s="1" t="s">
        <v>26043</v>
      </c>
      <c r="J6942" s="1" t="s">
        <v>27095</v>
      </c>
    </row>
    <row r="6943" spans="1:10" x14ac:dyDescent="0.35">
      <c r="A6943" s="1" t="s">
        <v>27056</v>
      </c>
      <c r="B6943" s="1" t="s">
        <v>26037</v>
      </c>
      <c r="C6943" s="1" t="s">
        <v>65</v>
      </c>
      <c r="D6943" s="1" t="s">
        <v>27096</v>
      </c>
      <c r="E6943" s="1" t="s">
        <v>27097</v>
      </c>
      <c r="F6943" s="1" t="s">
        <v>27098</v>
      </c>
      <c r="G6943" s="1" t="s">
        <v>27060</v>
      </c>
      <c r="H6943" s="1" t="s">
        <v>27061</v>
      </c>
      <c r="I6943" s="1" t="s">
        <v>26043</v>
      </c>
      <c r="J6943" s="1" t="s">
        <v>27099</v>
      </c>
    </row>
    <row r="6944" spans="1:10" x14ac:dyDescent="0.35">
      <c r="A6944" s="1" t="s">
        <v>27056</v>
      </c>
      <c r="B6944" s="1" t="s">
        <v>26037</v>
      </c>
      <c r="C6944" s="1" t="s">
        <v>70</v>
      </c>
      <c r="D6944" s="1" t="s">
        <v>26201</v>
      </c>
      <c r="E6944" s="1" t="s">
        <v>27100</v>
      </c>
      <c r="F6944" s="1" t="s">
        <v>27101</v>
      </c>
      <c r="G6944" s="1" t="s">
        <v>27060</v>
      </c>
      <c r="H6944" s="1" t="s">
        <v>27061</v>
      </c>
      <c r="I6944" s="1" t="s">
        <v>26043</v>
      </c>
      <c r="J6944" s="1" t="s">
        <v>27102</v>
      </c>
    </row>
    <row r="6945" spans="1:10" x14ac:dyDescent="0.35">
      <c r="A6945" s="1" t="s">
        <v>27056</v>
      </c>
      <c r="B6945" s="1" t="s">
        <v>26037</v>
      </c>
      <c r="C6945" s="1" t="s">
        <v>75</v>
      </c>
      <c r="D6945" s="1" t="s">
        <v>27103</v>
      </c>
      <c r="E6945" s="1" t="s">
        <v>27104</v>
      </c>
      <c r="F6945" s="1" t="s">
        <v>27105</v>
      </c>
      <c r="G6945" s="1" t="s">
        <v>27060</v>
      </c>
      <c r="H6945" s="1" t="s">
        <v>27061</v>
      </c>
      <c r="I6945" s="1" t="s">
        <v>26043</v>
      </c>
      <c r="J6945" s="1" t="s">
        <v>27106</v>
      </c>
    </row>
    <row r="6946" spans="1:10" x14ac:dyDescent="0.35">
      <c r="A6946" s="1" t="s">
        <v>27056</v>
      </c>
      <c r="B6946" s="1" t="s">
        <v>26037</v>
      </c>
      <c r="C6946" s="1" t="s">
        <v>80</v>
      </c>
      <c r="D6946" s="1" t="s">
        <v>27107</v>
      </c>
      <c r="E6946" s="1" t="s">
        <v>16157</v>
      </c>
      <c r="F6946" s="1" t="s">
        <v>27108</v>
      </c>
      <c r="G6946" s="1" t="s">
        <v>27060</v>
      </c>
      <c r="H6946" s="1" t="s">
        <v>27061</v>
      </c>
      <c r="I6946" s="1" t="s">
        <v>26043</v>
      </c>
      <c r="J6946" s="1" t="s">
        <v>27109</v>
      </c>
    </row>
    <row r="6947" spans="1:10" x14ac:dyDescent="0.35">
      <c r="A6947" s="1" t="s">
        <v>27056</v>
      </c>
      <c r="B6947" s="1" t="s">
        <v>26037</v>
      </c>
      <c r="C6947" s="1" t="s">
        <v>85</v>
      </c>
      <c r="D6947" s="1" t="s">
        <v>27110</v>
      </c>
      <c r="E6947" s="1" t="s">
        <v>27111</v>
      </c>
      <c r="F6947" s="1" t="s">
        <v>27112</v>
      </c>
      <c r="G6947" s="1" t="s">
        <v>27060</v>
      </c>
      <c r="H6947" s="1" t="s">
        <v>27061</v>
      </c>
      <c r="I6947" s="1" t="s">
        <v>26043</v>
      </c>
      <c r="J6947" s="1" t="s">
        <v>27113</v>
      </c>
    </row>
    <row r="6948" spans="1:10" x14ac:dyDescent="0.35">
      <c r="A6948" s="1" t="s">
        <v>27056</v>
      </c>
      <c r="B6948" s="1" t="s">
        <v>26037</v>
      </c>
      <c r="C6948" s="1" t="s">
        <v>90</v>
      </c>
      <c r="D6948" s="1" t="s">
        <v>27114</v>
      </c>
      <c r="E6948" s="1" t="s">
        <v>27115</v>
      </c>
      <c r="F6948" s="1" t="s">
        <v>27116</v>
      </c>
      <c r="G6948" s="1" t="s">
        <v>27060</v>
      </c>
      <c r="H6948" s="1" t="s">
        <v>27061</v>
      </c>
      <c r="I6948" s="1" t="s">
        <v>26043</v>
      </c>
      <c r="J6948" s="1" t="s">
        <v>26861</v>
      </c>
    </row>
    <row r="6949" spans="1:10" x14ac:dyDescent="0.35">
      <c r="A6949" s="1" t="s">
        <v>27056</v>
      </c>
      <c r="B6949" s="1" t="s">
        <v>26037</v>
      </c>
      <c r="C6949" s="1" t="s">
        <v>95</v>
      </c>
      <c r="D6949" s="1" t="s">
        <v>27117</v>
      </c>
      <c r="E6949" s="1" t="s">
        <v>27118</v>
      </c>
      <c r="F6949" s="1" t="s">
        <v>27119</v>
      </c>
      <c r="G6949" s="1" t="s">
        <v>27060</v>
      </c>
      <c r="H6949" s="1" t="s">
        <v>27061</v>
      </c>
      <c r="I6949" s="1" t="s">
        <v>26043</v>
      </c>
      <c r="J6949" s="1" t="s">
        <v>27120</v>
      </c>
    </row>
    <row r="6950" spans="1:10" x14ac:dyDescent="0.35">
      <c r="A6950" s="1" t="s">
        <v>27056</v>
      </c>
      <c r="B6950" s="1" t="s">
        <v>26037</v>
      </c>
      <c r="C6950" s="1" t="s">
        <v>100</v>
      </c>
      <c r="D6950" s="1" t="s">
        <v>27121</v>
      </c>
      <c r="E6950" s="1" t="s">
        <v>27122</v>
      </c>
      <c r="F6950" s="1" t="s">
        <v>27123</v>
      </c>
      <c r="G6950" s="1" t="s">
        <v>27060</v>
      </c>
      <c r="H6950" s="1" t="s">
        <v>27061</v>
      </c>
      <c r="I6950" s="1" t="s">
        <v>26043</v>
      </c>
      <c r="J6950" s="1" t="s">
        <v>27124</v>
      </c>
    </row>
    <row r="6951" spans="1:10" x14ac:dyDescent="0.35">
      <c r="A6951" s="1" t="s">
        <v>27056</v>
      </c>
      <c r="B6951" s="1" t="s">
        <v>26037</v>
      </c>
      <c r="C6951" s="1" t="s">
        <v>105</v>
      </c>
      <c r="D6951" s="1" t="s">
        <v>27125</v>
      </c>
      <c r="E6951" s="1" t="s">
        <v>27126</v>
      </c>
      <c r="F6951" s="1" t="s">
        <v>27127</v>
      </c>
      <c r="G6951" s="1" t="s">
        <v>27060</v>
      </c>
      <c r="H6951" s="1" t="s">
        <v>27061</v>
      </c>
      <c r="I6951" s="1" t="s">
        <v>26043</v>
      </c>
      <c r="J6951" s="1" t="s">
        <v>27128</v>
      </c>
    </row>
    <row r="6952" spans="1:10" x14ac:dyDescent="0.35">
      <c r="A6952" s="1" t="s">
        <v>27056</v>
      </c>
      <c r="B6952" s="1" t="s">
        <v>26037</v>
      </c>
      <c r="C6952" s="1" t="s">
        <v>110</v>
      </c>
      <c r="D6952" s="1" t="s">
        <v>27129</v>
      </c>
      <c r="E6952" s="1" t="s">
        <v>27130</v>
      </c>
      <c r="F6952" s="1" t="s">
        <v>27131</v>
      </c>
      <c r="G6952" s="1" t="s">
        <v>27060</v>
      </c>
      <c r="H6952" s="1" t="s">
        <v>27061</v>
      </c>
      <c r="I6952" s="1" t="s">
        <v>26043</v>
      </c>
      <c r="J6952" s="1" t="s">
        <v>27132</v>
      </c>
    </row>
    <row r="6953" spans="1:10" x14ac:dyDescent="0.35">
      <c r="A6953" s="1" t="s">
        <v>27056</v>
      </c>
      <c r="B6953" s="1" t="s">
        <v>26037</v>
      </c>
      <c r="C6953" s="1" t="s">
        <v>115</v>
      </c>
      <c r="D6953" s="1" t="s">
        <v>27133</v>
      </c>
      <c r="E6953" s="1" t="s">
        <v>27134</v>
      </c>
      <c r="F6953" s="1" t="s">
        <v>27135</v>
      </c>
      <c r="G6953" s="1" t="s">
        <v>27060</v>
      </c>
      <c r="H6953" s="1" t="s">
        <v>27061</v>
      </c>
      <c r="I6953" s="1" t="s">
        <v>26043</v>
      </c>
      <c r="J6953" s="1" t="s">
        <v>27136</v>
      </c>
    </row>
    <row r="6954" spans="1:10" x14ac:dyDescent="0.35">
      <c r="A6954" s="1" t="s">
        <v>27056</v>
      </c>
      <c r="B6954" s="1" t="s">
        <v>26037</v>
      </c>
      <c r="C6954" s="1" t="s">
        <v>120</v>
      </c>
      <c r="D6954" s="1" t="s">
        <v>26254</v>
      </c>
      <c r="E6954" s="1" t="s">
        <v>27137</v>
      </c>
      <c r="F6954" s="1" t="s">
        <v>27138</v>
      </c>
      <c r="G6954" s="1" t="s">
        <v>27060</v>
      </c>
      <c r="H6954" s="1" t="s">
        <v>27061</v>
      </c>
      <c r="I6954" s="1" t="s">
        <v>26043</v>
      </c>
      <c r="J6954" s="1" t="s">
        <v>27139</v>
      </c>
    </row>
    <row r="6955" spans="1:10" x14ac:dyDescent="0.35">
      <c r="A6955" s="1" t="s">
        <v>27056</v>
      </c>
      <c r="B6955" s="1" t="s">
        <v>26037</v>
      </c>
      <c r="C6955" s="1" t="s">
        <v>125</v>
      </c>
      <c r="D6955" s="1" t="s">
        <v>27140</v>
      </c>
      <c r="E6955" s="1" t="s">
        <v>24258</v>
      </c>
      <c r="F6955" s="1" t="s">
        <v>27141</v>
      </c>
      <c r="G6955" s="1" t="s">
        <v>27060</v>
      </c>
      <c r="H6955" s="1" t="s">
        <v>27061</v>
      </c>
      <c r="I6955" s="1" t="s">
        <v>26043</v>
      </c>
      <c r="J6955" s="1" t="s">
        <v>27142</v>
      </c>
    </row>
    <row r="6956" spans="1:10" x14ac:dyDescent="0.35">
      <c r="A6956" s="1" t="s">
        <v>27056</v>
      </c>
      <c r="B6956" s="1" t="s">
        <v>26037</v>
      </c>
      <c r="C6956" s="1" t="s">
        <v>130</v>
      </c>
      <c r="D6956" s="1" t="s">
        <v>27143</v>
      </c>
      <c r="E6956" s="1" t="s">
        <v>26156</v>
      </c>
      <c r="F6956" s="1" t="s">
        <v>27144</v>
      </c>
      <c r="G6956" s="1" t="s">
        <v>27060</v>
      </c>
      <c r="H6956" s="1" t="s">
        <v>27061</v>
      </c>
      <c r="I6956" s="1" t="s">
        <v>26043</v>
      </c>
      <c r="J6956" s="1" t="s">
        <v>27145</v>
      </c>
    </row>
    <row r="6957" spans="1:10" x14ac:dyDescent="0.35">
      <c r="A6957" s="1" t="s">
        <v>27056</v>
      </c>
      <c r="B6957" s="1" t="s">
        <v>26037</v>
      </c>
      <c r="C6957" s="1" t="s">
        <v>135</v>
      </c>
      <c r="D6957" s="1" t="s">
        <v>27146</v>
      </c>
      <c r="E6957" s="1" t="s">
        <v>24209</v>
      </c>
      <c r="F6957" s="1" t="s">
        <v>27147</v>
      </c>
      <c r="G6957" s="1" t="s">
        <v>27060</v>
      </c>
      <c r="H6957" s="1" t="s">
        <v>27061</v>
      </c>
      <c r="I6957" s="1" t="s">
        <v>26043</v>
      </c>
      <c r="J6957" s="1" t="s">
        <v>27148</v>
      </c>
    </row>
    <row r="6958" spans="1:10" x14ac:dyDescent="0.35">
      <c r="A6958" s="1" t="s">
        <v>27056</v>
      </c>
      <c r="B6958" s="1" t="s">
        <v>26037</v>
      </c>
      <c r="C6958" s="1" t="s">
        <v>140</v>
      </c>
      <c r="D6958" s="1" t="s">
        <v>27149</v>
      </c>
      <c r="E6958" s="1" t="s">
        <v>15837</v>
      </c>
      <c r="F6958" s="1" t="s">
        <v>27150</v>
      </c>
      <c r="G6958" s="1" t="s">
        <v>27060</v>
      </c>
      <c r="H6958" s="1" t="s">
        <v>27061</v>
      </c>
      <c r="I6958" s="1" t="s">
        <v>26043</v>
      </c>
      <c r="J6958" s="1" t="s">
        <v>27151</v>
      </c>
    </row>
    <row r="6959" spans="1:10" x14ac:dyDescent="0.35">
      <c r="A6959" s="1" t="s">
        <v>27056</v>
      </c>
      <c r="B6959" s="1" t="s">
        <v>26037</v>
      </c>
      <c r="C6959" s="1" t="s">
        <v>145</v>
      </c>
      <c r="D6959" s="1" t="s">
        <v>27152</v>
      </c>
      <c r="E6959" s="1" t="s">
        <v>27153</v>
      </c>
      <c r="F6959" s="1" t="s">
        <v>27154</v>
      </c>
      <c r="G6959" s="1" t="s">
        <v>27060</v>
      </c>
      <c r="H6959" s="1" t="s">
        <v>27061</v>
      </c>
      <c r="I6959" s="1" t="s">
        <v>26043</v>
      </c>
      <c r="J6959" s="1" t="s">
        <v>27155</v>
      </c>
    </row>
    <row r="6960" spans="1:10" x14ac:dyDescent="0.35">
      <c r="A6960" s="1" t="s">
        <v>27056</v>
      </c>
      <c r="B6960" s="1" t="s">
        <v>26037</v>
      </c>
      <c r="C6960" s="1" t="s">
        <v>150</v>
      </c>
      <c r="D6960" s="1" t="s">
        <v>27156</v>
      </c>
      <c r="E6960" s="1" t="s">
        <v>22309</v>
      </c>
      <c r="F6960" s="1" t="s">
        <v>27157</v>
      </c>
      <c r="G6960" s="1" t="s">
        <v>27060</v>
      </c>
      <c r="H6960" s="1" t="s">
        <v>27061</v>
      </c>
      <c r="I6960" s="1" t="s">
        <v>26043</v>
      </c>
      <c r="J6960" s="1" t="s">
        <v>27158</v>
      </c>
    </row>
    <row r="6961" spans="1:10" x14ac:dyDescent="0.35">
      <c r="A6961" s="1" t="s">
        <v>27056</v>
      </c>
      <c r="B6961" s="1" t="s">
        <v>26037</v>
      </c>
      <c r="C6961" s="1" t="s">
        <v>155</v>
      </c>
      <c r="D6961" s="1" t="s">
        <v>27159</v>
      </c>
      <c r="E6961" s="1" t="s">
        <v>27160</v>
      </c>
      <c r="F6961" s="1" t="s">
        <v>27161</v>
      </c>
      <c r="G6961" s="1" t="s">
        <v>27060</v>
      </c>
      <c r="H6961" s="1" t="s">
        <v>27061</v>
      </c>
      <c r="I6961" s="1" t="s">
        <v>26043</v>
      </c>
      <c r="J6961" s="1" t="s">
        <v>27162</v>
      </c>
    </row>
    <row r="6962" spans="1:10" x14ac:dyDescent="0.35">
      <c r="A6962" s="1" t="s">
        <v>27056</v>
      </c>
      <c r="B6962" s="1" t="s">
        <v>26037</v>
      </c>
      <c r="C6962" s="1" t="s">
        <v>160</v>
      </c>
      <c r="D6962" s="1" t="s">
        <v>27163</v>
      </c>
      <c r="E6962" s="1" t="s">
        <v>27164</v>
      </c>
      <c r="F6962" s="1" t="s">
        <v>27165</v>
      </c>
      <c r="G6962" s="1" t="s">
        <v>27060</v>
      </c>
      <c r="H6962" s="1" t="s">
        <v>27061</v>
      </c>
      <c r="I6962" s="1" t="s">
        <v>26043</v>
      </c>
      <c r="J6962" s="1" t="s">
        <v>27166</v>
      </c>
    </row>
    <row r="6963" spans="1:10" x14ac:dyDescent="0.35">
      <c r="A6963" s="1" t="s">
        <v>27056</v>
      </c>
      <c r="B6963" s="1" t="s">
        <v>26037</v>
      </c>
      <c r="C6963" s="1" t="s">
        <v>165</v>
      </c>
      <c r="D6963" s="1" t="s">
        <v>27167</v>
      </c>
      <c r="E6963" s="1" t="s">
        <v>15927</v>
      </c>
      <c r="F6963" s="1" t="s">
        <v>21991</v>
      </c>
      <c r="G6963" s="1" t="s">
        <v>27060</v>
      </c>
      <c r="H6963" s="1" t="s">
        <v>27061</v>
      </c>
      <c r="I6963" s="1" t="s">
        <v>26043</v>
      </c>
      <c r="J6963" s="1" t="s">
        <v>27168</v>
      </c>
    </row>
    <row r="6964" spans="1:10" x14ac:dyDescent="0.35">
      <c r="A6964" s="1" t="s">
        <v>27056</v>
      </c>
      <c r="B6964" s="1" t="s">
        <v>26037</v>
      </c>
      <c r="C6964" s="1" t="s">
        <v>170</v>
      </c>
      <c r="D6964" s="1" t="s">
        <v>12126</v>
      </c>
      <c r="E6964" s="1" t="s">
        <v>27169</v>
      </c>
      <c r="F6964" s="1" t="s">
        <v>27170</v>
      </c>
      <c r="G6964" s="1" t="s">
        <v>27060</v>
      </c>
      <c r="H6964" s="1" t="s">
        <v>27061</v>
      </c>
      <c r="I6964" s="1" t="s">
        <v>26043</v>
      </c>
      <c r="J6964" s="1" t="s">
        <v>27171</v>
      </c>
    </row>
    <row r="6965" spans="1:10" x14ac:dyDescent="0.35">
      <c r="A6965" s="1" t="s">
        <v>27172</v>
      </c>
      <c r="B6965" s="1" t="s">
        <v>26037</v>
      </c>
      <c r="C6965" s="1" t="s">
        <v>8</v>
      </c>
      <c r="D6965" s="1" t="s">
        <v>27173</v>
      </c>
      <c r="E6965" s="1" t="s">
        <v>27174</v>
      </c>
      <c r="F6965" s="1" t="s">
        <v>27175</v>
      </c>
      <c r="G6965" s="1" t="s">
        <v>27176</v>
      </c>
      <c r="H6965" s="1" t="s">
        <v>27177</v>
      </c>
      <c r="I6965" s="1" t="s">
        <v>26043</v>
      </c>
      <c r="J6965" s="1" t="s">
        <v>13</v>
      </c>
    </row>
    <row r="6966" spans="1:10" x14ac:dyDescent="0.35">
      <c r="A6966" s="1" t="s">
        <v>27172</v>
      </c>
      <c r="B6966" s="1" t="s">
        <v>26037</v>
      </c>
      <c r="C6966" s="1" t="s">
        <v>15</v>
      </c>
      <c r="D6966" s="1" t="s">
        <v>27178</v>
      </c>
      <c r="E6966" s="1" t="s">
        <v>27179</v>
      </c>
      <c r="F6966" s="1" t="s">
        <v>27180</v>
      </c>
      <c r="G6966" s="1" t="s">
        <v>27176</v>
      </c>
      <c r="H6966" s="1" t="s">
        <v>27177</v>
      </c>
      <c r="I6966" s="1" t="s">
        <v>26043</v>
      </c>
      <c r="J6966" s="1" t="s">
        <v>27181</v>
      </c>
    </row>
    <row r="6967" spans="1:10" x14ac:dyDescent="0.35">
      <c r="A6967" s="1" t="s">
        <v>27172</v>
      </c>
      <c r="B6967" s="1" t="s">
        <v>26037</v>
      </c>
      <c r="C6967" s="1" t="s">
        <v>20</v>
      </c>
      <c r="D6967" s="1" t="s">
        <v>27182</v>
      </c>
      <c r="E6967" s="1" t="s">
        <v>27183</v>
      </c>
      <c r="F6967" s="1" t="s">
        <v>27184</v>
      </c>
      <c r="G6967" s="1" t="s">
        <v>27176</v>
      </c>
      <c r="H6967" s="1" t="s">
        <v>27177</v>
      </c>
      <c r="I6967" s="1" t="s">
        <v>26043</v>
      </c>
      <c r="J6967" s="1" t="s">
        <v>27185</v>
      </c>
    </row>
    <row r="6968" spans="1:10" x14ac:dyDescent="0.35">
      <c r="A6968" s="1" t="s">
        <v>27172</v>
      </c>
      <c r="B6968" s="1" t="s">
        <v>26037</v>
      </c>
      <c r="C6968" s="1" t="s">
        <v>25</v>
      </c>
      <c r="D6968" s="1" t="s">
        <v>27186</v>
      </c>
      <c r="E6968" s="1" t="s">
        <v>27187</v>
      </c>
      <c r="F6968" s="1" t="s">
        <v>27188</v>
      </c>
      <c r="G6968" s="1" t="s">
        <v>27176</v>
      </c>
      <c r="H6968" s="1" t="s">
        <v>27177</v>
      </c>
      <c r="I6968" s="1" t="s">
        <v>26043</v>
      </c>
      <c r="J6968" s="1" t="s">
        <v>27189</v>
      </c>
    </row>
    <row r="6969" spans="1:10" x14ac:dyDescent="0.35">
      <c r="A6969" s="1" t="s">
        <v>27172</v>
      </c>
      <c r="B6969" s="1" t="s">
        <v>26037</v>
      </c>
      <c r="C6969" s="1" t="s">
        <v>30</v>
      </c>
      <c r="D6969" s="1" t="s">
        <v>27190</v>
      </c>
      <c r="E6969" s="1" t="s">
        <v>27191</v>
      </c>
      <c r="F6969" s="1" t="s">
        <v>27192</v>
      </c>
      <c r="G6969" s="1" t="s">
        <v>27176</v>
      </c>
      <c r="H6969" s="1" t="s">
        <v>27177</v>
      </c>
      <c r="I6969" s="1" t="s">
        <v>26043</v>
      </c>
      <c r="J6969" s="1" t="s">
        <v>27193</v>
      </c>
    </row>
    <row r="6970" spans="1:10" x14ac:dyDescent="0.35">
      <c r="A6970" s="1" t="s">
        <v>27172</v>
      </c>
      <c r="B6970" s="1" t="s">
        <v>26037</v>
      </c>
      <c r="C6970" s="1" t="s">
        <v>35</v>
      </c>
      <c r="D6970" s="1" t="s">
        <v>27194</v>
      </c>
      <c r="E6970" s="1" t="s">
        <v>27195</v>
      </c>
      <c r="F6970" s="1" t="s">
        <v>27196</v>
      </c>
      <c r="G6970" s="1" t="s">
        <v>27176</v>
      </c>
      <c r="H6970" s="1" t="s">
        <v>27177</v>
      </c>
      <c r="I6970" s="1" t="s">
        <v>26043</v>
      </c>
      <c r="J6970" s="1" t="s">
        <v>27197</v>
      </c>
    </row>
    <row r="6971" spans="1:10" x14ac:dyDescent="0.35">
      <c r="A6971" s="1" t="s">
        <v>27172</v>
      </c>
      <c r="B6971" s="1" t="s">
        <v>26037</v>
      </c>
      <c r="C6971" s="1" t="s">
        <v>40</v>
      </c>
      <c r="D6971" s="1" t="s">
        <v>27198</v>
      </c>
      <c r="E6971" s="1" t="s">
        <v>27199</v>
      </c>
      <c r="F6971" s="1" t="s">
        <v>27200</v>
      </c>
      <c r="G6971" s="1" t="s">
        <v>27176</v>
      </c>
      <c r="H6971" s="1" t="s">
        <v>27177</v>
      </c>
      <c r="I6971" s="1" t="s">
        <v>26043</v>
      </c>
      <c r="J6971" s="1" t="s">
        <v>27201</v>
      </c>
    </row>
    <row r="6972" spans="1:10" x14ac:dyDescent="0.35">
      <c r="A6972" s="1" t="s">
        <v>27172</v>
      </c>
      <c r="B6972" s="1" t="s">
        <v>26037</v>
      </c>
      <c r="C6972" s="1" t="s">
        <v>45</v>
      </c>
      <c r="D6972" s="1" t="s">
        <v>27202</v>
      </c>
      <c r="E6972" s="1" t="s">
        <v>27203</v>
      </c>
      <c r="F6972" s="1" t="s">
        <v>27204</v>
      </c>
      <c r="G6972" s="1" t="s">
        <v>27176</v>
      </c>
      <c r="H6972" s="1" t="s">
        <v>27177</v>
      </c>
      <c r="I6972" s="1" t="s">
        <v>26043</v>
      </c>
      <c r="J6972" s="1" t="s">
        <v>27205</v>
      </c>
    </row>
    <row r="6973" spans="1:10" x14ac:dyDescent="0.35">
      <c r="A6973" s="1" t="s">
        <v>27172</v>
      </c>
      <c r="B6973" s="1" t="s">
        <v>26037</v>
      </c>
      <c r="C6973" s="1" t="s">
        <v>50</v>
      </c>
      <c r="D6973" s="1" t="s">
        <v>27206</v>
      </c>
      <c r="E6973" s="1" t="s">
        <v>27207</v>
      </c>
      <c r="F6973" s="1" t="s">
        <v>27208</v>
      </c>
      <c r="G6973" s="1" t="s">
        <v>27176</v>
      </c>
      <c r="H6973" s="1" t="s">
        <v>27177</v>
      </c>
      <c r="I6973" s="1" t="s">
        <v>26043</v>
      </c>
      <c r="J6973" s="1" t="s">
        <v>27209</v>
      </c>
    </row>
    <row r="6974" spans="1:10" x14ac:dyDescent="0.35">
      <c r="A6974" s="1" t="s">
        <v>27172</v>
      </c>
      <c r="B6974" s="1" t="s">
        <v>26037</v>
      </c>
      <c r="C6974" s="1" t="s">
        <v>55</v>
      </c>
      <c r="D6974" s="1" t="s">
        <v>27210</v>
      </c>
      <c r="E6974" s="1" t="s">
        <v>27211</v>
      </c>
      <c r="F6974" s="1" t="s">
        <v>27212</v>
      </c>
      <c r="G6974" s="1" t="s">
        <v>27176</v>
      </c>
      <c r="H6974" s="1" t="s">
        <v>27177</v>
      </c>
      <c r="I6974" s="1" t="s">
        <v>26043</v>
      </c>
      <c r="J6974" s="1" t="s">
        <v>27213</v>
      </c>
    </row>
    <row r="6975" spans="1:10" x14ac:dyDescent="0.35">
      <c r="A6975" s="1" t="s">
        <v>27172</v>
      </c>
      <c r="B6975" s="1" t="s">
        <v>26037</v>
      </c>
      <c r="C6975" s="1" t="s">
        <v>60</v>
      </c>
      <c r="D6975" s="1" t="s">
        <v>27214</v>
      </c>
      <c r="E6975" s="1" t="s">
        <v>27215</v>
      </c>
      <c r="F6975" s="1" t="s">
        <v>27216</v>
      </c>
      <c r="G6975" s="1" t="s">
        <v>27176</v>
      </c>
      <c r="H6975" s="1" t="s">
        <v>27177</v>
      </c>
      <c r="I6975" s="1" t="s">
        <v>26043</v>
      </c>
      <c r="J6975" s="1" t="s">
        <v>27217</v>
      </c>
    </row>
    <row r="6976" spans="1:10" x14ac:dyDescent="0.35">
      <c r="A6976" s="1" t="s">
        <v>27172</v>
      </c>
      <c r="B6976" s="1" t="s">
        <v>26037</v>
      </c>
      <c r="C6976" s="1" t="s">
        <v>65</v>
      </c>
      <c r="D6976" s="1" t="s">
        <v>27218</v>
      </c>
      <c r="E6976" s="1" t="s">
        <v>27219</v>
      </c>
      <c r="F6976" s="1" t="s">
        <v>27220</v>
      </c>
      <c r="G6976" s="1" t="s">
        <v>27176</v>
      </c>
      <c r="H6976" s="1" t="s">
        <v>27177</v>
      </c>
      <c r="I6976" s="1" t="s">
        <v>26043</v>
      </c>
      <c r="J6976" s="1" t="s">
        <v>27221</v>
      </c>
    </row>
    <row r="6977" spans="1:10" x14ac:dyDescent="0.35">
      <c r="A6977" s="1" t="s">
        <v>27172</v>
      </c>
      <c r="B6977" s="1" t="s">
        <v>26037</v>
      </c>
      <c r="C6977" s="1" t="s">
        <v>70</v>
      </c>
      <c r="D6977" s="1" t="s">
        <v>27222</v>
      </c>
      <c r="E6977" s="1" t="s">
        <v>27223</v>
      </c>
      <c r="F6977" s="1" t="s">
        <v>27224</v>
      </c>
      <c r="G6977" s="1" t="s">
        <v>27176</v>
      </c>
      <c r="H6977" s="1" t="s">
        <v>27177</v>
      </c>
      <c r="I6977" s="1" t="s">
        <v>26043</v>
      </c>
      <c r="J6977" s="1" t="s">
        <v>27225</v>
      </c>
    </row>
    <row r="6978" spans="1:10" x14ac:dyDescent="0.35">
      <c r="A6978" s="1" t="s">
        <v>27172</v>
      </c>
      <c r="B6978" s="1" t="s">
        <v>26037</v>
      </c>
      <c r="C6978" s="1" t="s">
        <v>75</v>
      </c>
      <c r="D6978" s="1" t="s">
        <v>27226</v>
      </c>
      <c r="E6978" s="1" t="s">
        <v>27227</v>
      </c>
      <c r="F6978" s="1" t="s">
        <v>27228</v>
      </c>
      <c r="G6978" s="1" t="s">
        <v>27176</v>
      </c>
      <c r="H6978" s="1" t="s">
        <v>27177</v>
      </c>
      <c r="I6978" s="1" t="s">
        <v>26043</v>
      </c>
      <c r="J6978" s="1" t="s">
        <v>27229</v>
      </c>
    </row>
    <row r="6979" spans="1:10" x14ac:dyDescent="0.35">
      <c r="A6979" s="1" t="s">
        <v>27172</v>
      </c>
      <c r="B6979" s="1" t="s">
        <v>26037</v>
      </c>
      <c r="C6979" s="1" t="s">
        <v>80</v>
      </c>
      <c r="D6979" s="1" t="s">
        <v>27230</v>
      </c>
      <c r="E6979" s="1" t="s">
        <v>27231</v>
      </c>
      <c r="F6979" s="1" t="s">
        <v>27232</v>
      </c>
      <c r="G6979" s="1" t="s">
        <v>27176</v>
      </c>
      <c r="H6979" s="1" t="s">
        <v>27177</v>
      </c>
      <c r="I6979" s="1" t="s">
        <v>26043</v>
      </c>
      <c r="J6979" s="1" t="s">
        <v>27233</v>
      </c>
    </row>
    <row r="6980" spans="1:10" x14ac:dyDescent="0.35">
      <c r="A6980" s="1" t="s">
        <v>27172</v>
      </c>
      <c r="B6980" s="1" t="s">
        <v>26037</v>
      </c>
      <c r="C6980" s="1" t="s">
        <v>85</v>
      </c>
      <c r="D6980" s="1" t="s">
        <v>27234</v>
      </c>
      <c r="E6980" s="1" t="s">
        <v>27235</v>
      </c>
      <c r="F6980" s="1" t="s">
        <v>27236</v>
      </c>
      <c r="G6980" s="1" t="s">
        <v>27176</v>
      </c>
      <c r="H6980" s="1" t="s">
        <v>27177</v>
      </c>
      <c r="I6980" s="1" t="s">
        <v>26043</v>
      </c>
      <c r="J6980" s="1" t="s">
        <v>27237</v>
      </c>
    </row>
    <row r="6981" spans="1:10" x14ac:dyDescent="0.35">
      <c r="A6981" s="1" t="s">
        <v>27172</v>
      </c>
      <c r="B6981" s="1" t="s">
        <v>26037</v>
      </c>
      <c r="C6981" s="1" t="s">
        <v>90</v>
      </c>
      <c r="D6981" s="1" t="s">
        <v>27238</v>
      </c>
      <c r="E6981" s="1" t="s">
        <v>27239</v>
      </c>
      <c r="F6981" s="1" t="s">
        <v>27240</v>
      </c>
      <c r="G6981" s="1" t="s">
        <v>27176</v>
      </c>
      <c r="H6981" s="1" t="s">
        <v>27177</v>
      </c>
      <c r="I6981" s="1" t="s">
        <v>26043</v>
      </c>
      <c r="J6981" s="1" t="s">
        <v>27241</v>
      </c>
    </row>
    <row r="6982" spans="1:10" x14ac:dyDescent="0.35">
      <c r="A6982" s="1" t="s">
        <v>27172</v>
      </c>
      <c r="B6982" s="1" t="s">
        <v>26037</v>
      </c>
      <c r="C6982" s="1" t="s">
        <v>95</v>
      </c>
      <c r="D6982" s="1" t="s">
        <v>27242</v>
      </c>
      <c r="E6982" s="1" t="s">
        <v>27243</v>
      </c>
      <c r="F6982" s="1" t="s">
        <v>27244</v>
      </c>
      <c r="G6982" s="1" t="s">
        <v>27176</v>
      </c>
      <c r="H6982" s="1" t="s">
        <v>27177</v>
      </c>
      <c r="I6982" s="1" t="s">
        <v>26043</v>
      </c>
      <c r="J6982" s="1" t="s">
        <v>27245</v>
      </c>
    </row>
    <row r="6983" spans="1:10" x14ac:dyDescent="0.35">
      <c r="A6983" s="1" t="s">
        <v>27172</v>
      </c>
      <c r="B6983" s="1" t="s">
        <v>26037</v>
      </c>
      <c r="C6983" s="1" t="s">
        <v>100</v>
      </c>
      <c r="D6983" s="1" t="s">
        <v>27246</v>
      </c>
      <c r="E6983" s="1" t="s">
        <v>27247</v>
      </c>
      <c r="F6983" s="1" t="s">
        <v>27248</v>
      </c>
      <c r="G6983" s="1" t="s">
        <v>27176</v>
      </c>
      <c r="H6983" s="1" t="s">
        <v>27177</v>
      </c>
      <c r="I6983" s="1" t="s">
        <v>26043</v>
      </c>
      <c r="J6983" s="1" t="s">
        <v>27249</v>
      </c>
    </row>
    <row r="6984" spans="1:10" x14ac:dyDescent="0.35">
      <c r="A6984" s="1" t="s">
        <v>27172</v>
      </c>
      <c r="B6984" s="1" t="s">
        <v>26037</v>
      </c>
      <c r="C6984" s="1" t="s">
        <v>105</v>
      </c>
      <c r="D6984" s="1" t="s">
        <v>27250</v>
      </c>
      <c r="E6984" s="1" t="s">
        <v>27251</v>
      </c>
      <c r="F6984" s="1" t="s">
        <v>27252</v>
      </c>
      <c r="G6984" s="1" t="s">
        <v>27176</v>
      </c>
      <c r="H6984" s="1" t="s">
        <v>27177</v>
      </c>
      <c r="I6984" s="1" t="s">
        <v>26043</v>
      </c>
      <c r="J6984" s="1" t="s">
        <v>27253</v>
      </c>
    </row>
    <row r="6985" spans="1:10" x14ac:dyDescent="0.35">
      <c r="A6985" s="1" t="s">
        <v>27172</v>
      </c>
      <c r="B6985" s="1" t="s">
        <v>26037</v>
      </c>
      <c r="C6985" s="1" t="s">
        <v>110</v>
      </c>
      <c r="D6985" s="1" t="s">
        <v>27254</v>
      </c>
      <c r="E6985" s="1" t="s">
        <v>27255</v>
      </c>
      <c r="F6985" s="1" t="s">
        <v>27256</v>
      </c>
      <c r="G6985" s="1" t="s">
        <v>27176</v>
      </c>
      <c r="H6985" s="1" t="s">
        <v>27177</v>
      </c>
      <c r="I6985" s="1" t="s">
        <v>26043</v>
      </c>
      <c r="J6985" s="1" t="s">
        <v>27257</v>
      </c>
    </row>
    <row r="6986" spans="1:10" x14ac:dyDescent="0.35">
      <c r="A6986" s="1" t="s">
        <v>27172</v>
      </c>
      <c r="B6986" s="1" t="s">
        <v>26037</v>
      </c>
      <c r="C6986" s="1" t="s">
        <v>115</v>
      </c>
      <c r="D6986" s="1" t="s">
        <v>27258</v>
      </c>
      <c r="E6986" s="1" t="s">
        <v>27259</v>
      </c>
      <c r="F6986" s="1" t="s">
        <v>27260</v>
      </c>
      <c r="G6986" s="1" t="s">
        <v>27176</v>
      </c>
      <c r="H6986" s="1" t="s">
        <v>27177</v>
      </c>
      <c r="I6986" s="1" t="s">
        <v>26043</v>
      </c>
      <c r="J6986" s="1" t="s">
        <v>27261</v>
      </c>
    </row>
    <row r="6987" spans="1:10" x14ac:dyDescent="0.35">
      <c r="A6987" s="1" t="s">
        <v>27172</v>
      </c>
      <c r="B6987" s="1" t="s">
        <v>26037</v>
      </c>
      <c r="C6987" s="1" t="s">
        <v>120</v>
      </c>
      <c r="D6987" s="1" t="s">
        <v>27262</v>
      </c>
      <c r="E6987" s="1" t="s">
        <v>27263</v>
      </c>
      <c r="F6987" s="1" t="s">
        <v>27264</v>
      </c>
      <c r="G6987" s="1" t="s">
        <v>27176</v>
      </c>
      <c r="H6987" s="1" t="s">
        <v>27177</v>
      </c>
      <c r="I6987" s="1" t="s">
        <v>26043</v>
      </c>
      <c r="J6987" s="1" t="s">
        <v>27265</v>
      </c>
    </row>
    <row r="6988" spans="1:10" x14ac:dyDescent="0.35">
      <c r="A6988" s="1" t="s">
        <v>27172</v>
      </c>
      <c r="B6988" s="1" t="s">
        <v>26037</v>
      </c>
      <c r="C6988" s="1" t="s">
        <v>125</v>
      </c>
      <c r="D6988" s="1" t="s">
        <v>27266</v>
      </c>
      <c r="E6988" s="1" t="s">
        <v>27267</v>
      </c>
      <c r="F6988" s="1" t="s">
        <v>27268</v>
      </c>
      <c r="G6988" s="1" t="s">
        <v>27176</v>
      </c>
      <c r="H6988" s="1" t="s">
        <v>27177</v>
      </c>
      <c r="I6988" s="1" t="s">
        <v>26043</v>
      </c>
      <c r="J6988" s="1" t="s">
        <v>27269</v>
      </c>
    </row>
    <row r="6989" spans="1:10" x14ac:dyDescent="0.35">
      <c r="A6989" s="1" t="s">
        <v>27172</v>
      </c>
      <c r="B6989" s="1" t="s">
        <v>26037</v>
      </c>
      <c r="C6989" s="1" t="s">
        <v>130</v>
      </c>
      <c r="D6989" s="1" t="s">
        <v>27270</v>
      </c>
      <c r="E6989" s="1" t="s">
        <v>27271</v>
      </c>
      <c r="F6989" s="1" t="s">
        <v>27272</v>
      </c>
      <c r="G6989" s="1" t="s">
        <v>27176</v>
      </c>
      <c r="H6989" s="1" t="s">
        <v>27177</v>
      </c>
      <c r="I6989" s="1" t="s">
        <v>26043</v>
      </c>
      <c r="J6989" s="1" t="s">
        <v>27273</v>
      </c>
    </row>
    <row r="6990" spans="1:10" x14ac:dyDescent="0.35">
      <c r="A6990" s="1" t="s">
        <v>27172</v>
      </c>
      <c r="B6990" s="1" t="s">
        <v>26037</v>
      </c>
      <c r="C6990" s="1" t="s">
        <v>135</v>
      </c>
      <c r="D6990" s="1" t="s">
        <v>27274</v>
      </c>
      <c r="E6990" s="1" t="s">
        <v>27275</v>
      </c>
      <c r="F6990" s="1" t="s">
        <v>27276</v>
      </c>
      <c r="G6990" s="1" t="s">
        <v>27176</v>
      </c>
      <c r="H6990" s="1" t="s">
        <v>27177</v>
      </c>
      <c r="I6990" s="1" t="s">
        <v>26043</v>
      </c>
      <c r="J6990" s="1" t="s">
        <v>27277</v>
      </c>
    </row>
    <row r="6991" spans="1:10" x14ac:dyDescent="0.35">
      <c r="A6991" s="1" t="s">
        <v>27172</v>
      </c>
      <c r="B6991" s="1" t="s">
        <v>26037</v>
      </c>
      <c r="C6991" s="1" t="s">
        <v>140</v>
      </c>
      <c r="D6991" s="1" t="s">
        <v>27278</v>
      </c>
      <c r="E6991" s="1" t="s">
        <v>27279</v>
      </c>
      <c r="F6991" s="1" t="s">
        <v>27280</v>
      </c>
      <c r="G6991" s="1" t="s">
        <v>27176</v>
      </c>
      <c r="H6991" s="1" t="s">
        <v>27177</v>
      </c>
      <c r="I6991" s="1" t="s">
        <v>26043</v>
      </c>
      <c r="J6991" s="1" t="s">
        <v>27281</v>
      </c>
    </row>
    <row r="6992" spans="1:10" x14ac:dyDescent="0.35">
      <c r="A6992" s="1" t="s">
        <v>27172</v>
      </c>
      <c r="B6992" s="1" t="s">
        <v>26037</v>
      </c>
      <c r="C6992" s="1" t="s">
        <v>145</v>
      </c>
      <c r="D6992" s="1" t="s">
        <v>27282</v>
      </c>
      <c r="E6992" s="1" t="s">
        <v>27283</v>
      </c>
      <c r="F6992" s="1" t="s">
        <v>27284</v>
      </c>
      <c r="G6992" s="1" t="s">
        <v>27176</v>
      </c>
      <c r="H6992" s="1" t="s">
        <v>27177</v>
      </c>
      <c r="I6992" s="1" t="s">
        <v>26043</v>
      </c>
      <c r="J6992" s="1" t="s">
        <v>27285</v>
      </c>
    </row>
    <row r="6993" spans="1:10" x14ac:dyDescent="0.35">
      <c r="A6993" s="1" t="s">
        <v>27172</v>
      </c>
      <c r="B6993" s="1" t="s">
        <v>26037</v>
      </c>
      <c r="C6993" s="1" t="s">
        <v>150</v>
      </c>
      <c r="D6993" s="1" t="s">
        <v>27286</v>
      </c>
      <c r="E6993" s="1" t="s">
        <v>27287</v>
      </c>
      <c r="F6993" s="1" t="s">
        <v>27288</v>
      </c>
      <c r="G6993" s="1" t="s">
        <v>27176</v>
      </c>
      <c r="H6993" s="1" t="s">
        <v>27177</v>
      </c>
      <c r="I6993" s="1" t="s">
        <v>26043</v>
      </c>
      <c r="J6993" s="1" t="s">
        <v>27289</v>
      </c>
    </row>
    <row r="6994" spans="1:10" x14ac:dyDescent="0.35">
      <c r="A6994" s="1" t="s">
        <v>27172</v>
      </c>
      <c r="B6994" s="1" t="s">
        <v>26037</v>
      </c>
      <c r="C6994" s="1" t="s">
        <v>155</v>
      </c>
      <c r="D6994" s="1" t="s">
        <v>27290</v>
      </c>
      <c r="E6994" s="1" t="s">
        <v>27291</v>
      </c>
      <c r="F6994" s="1" t="s">
        <v>27292</v>
      </c>
      <c r="G6994" s="1" t="s">
        <v>27176</v>
      </c>
      <c r="H6994" s="1" t="s">
        <v>27177</v>
      </c>
      <c r="I6994" s="1" t="s">
        <v>26043</v>
      </c>
      <c r="J6994" s="1" t="s">
        <v>27293</v>
      </c>
    </row>
    <row r="6995" spans="1:10" x14ac:dyDescent="0.35">
      <c r="A6995" s="1" t="s">
        <v>27172</v>
      </c>
      <c r="B6995" s="1" t="s">
        <v>26037</v>
      </c>
      <c r="C6995" s="1" t="s">
        <v>160</v>
      </c>
      <c r="D6995" s="1" t="s">
        <v>27294</v>
      </c>
      <c r="E6995" s="1" t="s">
        <v>27295</v>
      </c>
      <c r="F6995" s="1" t="s">
        <v>27296</v>
      </c>
      <c r="G6995" s="1" t="s">
        <v>27176</v>
      </c>
      <c r="H6995" s="1" t="s">
        <v>27177</v>
      </c>
      <c r="I6995" s="1" t="s">
        <v>26043</v>
      </c>
      <c r="J6995" s="1" t="s">
        <v>27297</v>
      </c>
    </row>
    <row r="6996" spans="1:10" x14ac:dyDescent="0.35">
      <c r="A6996" s="1" t="s">
        <v>27172</v>
      </c>
      <c r="B6996" s="1" t="s">
        <v>26037</v>
      </c>
      <c r="C6996" s="1" t="s">
        <v>165</v>
      </c>
      <c r="D6996" s="1" t="s">
        <v>27298</v>
      </c>
      <c r="E6996" s="1" t="s">
        <v>27299</v>
      </c>
      <c r="F6996" s="1" t="s">
        <v>27300</v>
      </c>
      <c r="G6996" s="1" t="s">
        <v>27176</v>
      </c>
      <c r="H6996" s="1" t="s">
        <v>27177</v>
      </c>
      <c r="I6996" s="1" t="s">
        <v>26043</v>
      </c>
      <c r="J6996" s="1" t="s">
        <v>27301</v>
      </c>
    </row>
    <row r="6997" spans="1:10" x14ac:dyDescent="0.35">
      <c r="A6997" s="1" t="s">
        <v>27172</v>
      </c>
      <c r="B6997" s="1" t="s">
        <v>26037</v>
      </c>
      <c r="C6997" s="1" t="s">
        <v>170</v>
      </c>
      <c r="D6997" s="1" t="s">
        <v>27302</v>
      </c>
      <c r="E6997" s="1" t="s">
        <v>27303</v>
      </c>
      <c r="F6997" s="1" t="s">
        <v>27304</v>
      </c>
      <c r="G6997" s="1" t="s">
        <v>27176</v>
      </c>
      <c r="H6997" s="1" t="s">
        <v>27177</v>
      </c>
      <c r="I6997" s="1" t="s">
        <v>26043</v>
      </c>
      <c r="J6997" s="1" t="s">
        <v>27305</v>
      </c>
    </row>
    <row r="6998" spans="1:10" x14ac:dyDescent="0.35">
      <c r="A6998" s="1" t="s">
        <v>27306</v>
      </c>
      <c r="B6998" s="1" t="s">
        <v>27307</v>
      </c>
      <c r="C6998" s="1" t="s">
        <v>8</v>
      </c>
      <c r="D6998" s="1" t="s">
        <v>12108</v>
      </c>
      <c r="E6998" s="1" t="s">
        <v>27308</v>
      </c>
      <c r="F6998" s="1" t="s">
        <v>27309</v>
      </c>
      <c r="G6998" s="1" t="s">
        <v>27310</v>
      </c>
      <c r="H6998" s="1" t="s">
        <v>27311</v>
      </c>
      <c r="I6998" s="1" t="s">
        <v>27312</v>
      </c>
      <c r="J6998" s="1" t="s">
        <v>13</v>
      </c>
    </row>
    <row r="6999" spans="1:10" x14ac:dyDescent="0.35">
      <c r="A6999" s="1" t="s">
        <v>27306</v>
      </c>
      <c r="B6999" s="1" t="s">
        <v>27307</v>
      </c>
      <c r="C6999" s="1" t="s">
        <v>15</v>
      </c>
      <c r="D6999" s="1" t="s">
        <v>27313</v>
      </c>
      <c r="E6999" s="1" t="s">
        <v>27314</v>
      </c>
      <c r="F6999" s="1" t="s">
        <v>27315</v>
      </c>
      <c r="G6999" s="1" t="s">
        <v>27310</v>
      </c>
      <c r="H6999" s="1" t="s">
        <v>27311</v>
      </c>
      <c r="I6999" s="1" t="s">
        <v>27312</v>
      </c>
      <c r="J6999" s="1" t="s">
        <v>27316</v>
      </c>
    </row>
    <row r="7000" spans="1:10" x14ac:dyDescent="0.35">
      <c r="A7000" s="1" t="s">
        <v>27306</v>
      </c>
      <c r="B7000" s="1" t="s">
        <v>27307</v>
      </c>
      <c r="C7000" s="1" t="s">
        <v>20</v>
      </c>
      <c r="D7000" s="1" t="s">
        <v>3949</v>
      </c>
      <c r="E7000" s="1" t="s">
        <v>27317</v>
      </c>
      <c r="F7000" s="1" t="s">
        <v>27318</v>
      </c>
      <c r="G7000" s="1" t="s">
        <v>27310</v>
      </c>
      <c r="H7000" s="1" t="s">
        <v>27311</v>
      </c>
      <c r="I7000" s="1" t="s">
        <v>27312</v>
      </c>
      <c r="J7000" s="1" t="s">
        <v>27319</v>
      </c>
    </row>
    <row r="7001" spans="1:10" x14ac:dyDescent="0.35">
      <c r="A7001" s="1" t="s">
        <v>27306</v>
      </c>
      <c r="B7001" s="1" t="s">
        <v>27307</v>
      </c>
      <c r="C7001" s="1" t="s">
        <v>25</v>
      </c>
      <c r="D7001" s="1" t="s">
        <v>130</v>
      </c>
      <c r="E7001" s="1" t="s">
        <v>27320</v>
      </c>
      <c r="F7001" s="1" t="s">
        <v>27321</v>
      </c>
      <c r="G7001" s="1" t="s">
        <v>27310</v>
      </c>
      <c r="H7001" s="1" t="s">
        <v>27311</v>
      </c>
      <c r="I7001" s="1" t="s">
        <v>27312</v>
      </c>
      <c r="J7001" s="1" t="s">
        <v>27322</v>
      </c>
    </row>
    <row r="7002" spans="1:10" x14ac:dyDescent="0.35">
      <c r="A7002" s="1" t="s">
        <v>27306</v>
      </c>
      <c r="B7002" s="1" t="s">
        <v>27307</v>
      </c>
      <c r="C7002" s="1" t="s">
        <v>30</v>
      </c>
      <c r="D7002" s="1" t="s">
        <v>27323</v>
      </c>
      <c r="E7002" s="1" t="s">
        <v>27324</v>
      </c>
      <c r="F7002" s="1" t="s">
        <v>27325</v>
      </c>
      <c r="G7002" s="1" t="s">
        <v>27310</v>
      </c>
      <c r="H7002" s="1" t="s">
        <v>27311</v>
      </c>
      <c r="I7002" s="1" t="s">
        <v>27312</v>
      </c>
      <c r="J7002" s="1" t="s">
        <v>27326</v>
      </c>
    </row>
    <row r="7003" spans="1:10" x14ac:dyDescent="0.35">
      <c r="A7003" s="1" t="s">
        <v>27306</v>
      </c>
      <c r="B7003" s="1" t="s">
        <v>27307</v>
      </c>
      <c r="C7003" s="1" t="s">
        <v>35</v>
      </c>
      <c r="D7003" s="1" t="s">
        <v>5508</v>
      </c>
      <c r="E7003" s="1" t="s">
        <v>27327</v>
      </c>
      <c r="F7003" s="1" t="s">
        <v>27328</v>
      </c>
      <c r="G7003" s="1" t="s">
        <v>27310</v>
      </c>
      <c r="H7003" s="1" t="s">
        <v>27311</v>
      </c>
      <c r="I7003" s="1" t="s">
        <v>27312</v>
      </c>
      <c r="J7003" s="1" t="s">
        <v>27329</v>
      </c>
    </row>
    <row r="7004" spans="1:10" x14ac:dyDescent="0.35">
      <c r="A7004" s="1" t="s">
        <v>27306</v>
      </c>
      <c r="B7004" s="1" t="s">
        <v>27307</v>
      </c>
      <c r="C7004" s="1" t="s">
        <v>40</v>
      </c>
      <c r="D7004" s="1" t="s">
        <v>27330</v>
      </c>
      <c r="E7004" s="1" t="s">
        <v>27331</v>
      </c>
      <c r="F7004" s="1" t="s">
        <v>27332</v>
      </c>
      <c r="G7004" s="1" t="s">
        <v>27310</v>
      </c>
      <c r="H7004" s="1" t="s">
        <v>27311</v>
      </c>
      <c r="I7004" s="1" t="s">
        <v>27312</v>
      </c>
      <c r="J7004" s="1" t="s">
        <v>27333</v>
      </c>
    </row>
    <row r="7005" spans="1:10" x14ac:dyDescent="0.35">
      <c r="A7005" s="1" t="s">
        <v>27306</v>
      </c>
      <c r="B7005" s="1" t="s">
        <v>27307</v>
      </c>
      <c r="C7005" s="1" t="s">
        <v>45</v>
      </c>
      <c r="D7005" s="1" t="s">
        <v>27334</v>
      </c>
      <c r="E7005" s="1" t="s">
        <v>27335</v>
      </c>
      <c r="F7005" s="1" t="s">
        <v>27336</v>
      </c>
      <c r="G7005" s="1" t="s">
        <v>27310</v>
      </c>
      <c r="H7005" s="1" t="s">
        <v>27311</v>
      </c>
      <c r="I7005" s="1" t="s">
        <v>27312</v>
      </c>
      <c r="J7005" s="1" t="s">
        <v>27337</v>
      </c>
    </row>
    <row r="7006" spans="1:10" x14ac:dyDescent="0.35">
      <c r="A7006" s="1" t="s">
        <v>27306</v>
      </c>
      <c r="B7006" s="1" t="s">
        <v>27307</v>
      </c>
      <c r="C7006" s="1" t="s">
        <v>50</v>
      </c>
      <c r="D7006" s="1" t="s">
        <v>14983</v>
      </c>
      <c r="E7006" s="1" t="s">
        <v>27338</v>
      </c>
      <c r="F7006" s="1" t="s">
        <v>27339</v>
      </c>
      <c r="G7006" s="1" t="s">
        <v>27310</v>
      </c>
      <c r="H7006" s="1" t="s">
        <v>27311</v>
      </c>
      <c r="I7006" s="1" t="s">
        <v>27312</v>
      </c>
      <c r="J7006" s="1" t="s">
        <v>27340</v>
      </c>
    </row>
    <row r="7007" spans="1:10" x14ac:dyDescent="0.35">
      <c r="A7007" s="1" t="s">
        <v>27306</v>
      </c>
      <c r="B7007" s="1" t="s">
        <v>27307</v>
      </c>
      <c r="C7007" s="1" t="s">
        <v>55</v>
      </c>
      <c r="D7007" s="1" t="s">
        <v>27341</v>
      </c>
      <c r="E7007" s="1" t="s">
        <v>27342</v>
      </c>
      <c r="F7007" s="1" t="s">
        <v>27343</v>
      </c>
      <c r="G7007" s="1" t="s">
        <v>27310</v>
      </c>
      <c r="H7007" s="1" t="s">
        <v>27311</v>
      </c>
      <c r="I7007" s="1" t="s">
        <v>27312</v>
      </c>
      <c r="J7007" s="1" t="s">
        <v>27344</v>
      </c>
    </row>
    <row r="7008" spans="1:10" x14ac:dyDescent="0.35">
      <c r="A7008" s="1" t="s">
        <v>27306</v>
      </c>
      <c r="B7008" s="1" t="s">
        <v>27307</v>
      </c>
      <c r="C7008" s="1" t="s">
        <v>60</v>
      </c>
      <c r="D7008" s="1" t="s">
        <v>27345</v>
      </c>
      <c r="E7008" s="1" t="s">
        <v>27346</v>
      </c>
      <c r="F7008" s="1" t="s">
        <v>27347</v>
      </c>
      <c r="G7008" s="1" t="s">
        <v>27310</v>
      </c>
      <c r="H7008" s="1" t="s">
        <v>27311</v>
      </c>
      <c r="I7008" s="1" t="s">
        <v>27312</v>
      </c>
      <c r="J7008" s="1" t="s">
        <v>27348</v>
      </c>
    </row>
    <row r="7009" spans="1:10" x14ac:dyDescent="0.35">
      <c r="A7009" s="1" t="s">
        <v>27306</v>
      </c>
      <c r="B7009" s="1" t="s">
        <v>27307</v>
      </c>
      <c r="C7009" s="1" t="s">
        <v>65</v>
      </c>
      <c r="D7009" s="1" t="s">
        <v>105</v>
      </c>
      <c r="E7009" s="1" t="s">
        <v>27349</v>
      </c>
      <c r="F7009" s="1" t="s">
        <v>27350</v>
      </c>
      <c r="G7009" s="1" t="s">
        <v>27310</v>
      </c>
      <c r="H7009" s="1" t="s">
        <v>27311</v>
      </c>
      <c r="I7009" s="1" t="s">
        <v>27312</v>
      </c>
      <c r="J7009" s="1" t="s">
        <v>27351</v>
      </c>
    </row>
    <row r="7010" spans="1:10" x14ac:dyDescent="0.35">
      <c r="A7010" s="1" t="s">
        <v>27306</v>
      </c>
      <c r="B7010" s="1" t="s">
        <v>27307</v>
      </c>
      <c r="C7010" s="1" t="s">
        <v>70</v>
      </c>
      <c r="D7010" s="1" t="s">
        <v>3988</v>
      </c>
      <c r="E7010" s="1" t="s">
        <v>27352</v>
      </c>
      <c r="F7010" s="1" t="s">
        <v>27353</v>
      </c>
      <c r="G7010" s="1" t="s">
        <v>27310</v>
      </c>
      <c r="H7010" s="1" t="s">
        <v>27311</v>
      </c>
      <c r="I7010" s="1" t="s">
        <v>27312</v>
      </c>
      <c r="J7010" s="1" t="s">
        <v>27354</v>
      </c>
    </row>
    <row r="7011" spans="1:10" x14ac:dyDescent="0.35">
      <c r="A7011" s="1" t="s">
        <v>27306</v>
      </c>
      <c r="B7011" s="1" t="s">
        <v>27307</v>
      </c>
      <c r="C7011" s="1" t="s">
        <v>75</v>
      </c>
      <c r="D7011" s="1" t="s">
        <v>5525</v>
      </c>
      <c r="E7011" s="1" t="s">
        <v>27355</v>
      </c>
      <c r="F7011" s="1" t="s">
        <v>27356</v>
      </c>
      <c r="G7011" s="1" t="s">
        <v>27310</v>
      </c>
      <c r="H7011" s="1" t="s">
        <v>27311</v>
      </c>
      <c r="I7011" s="1" t="s">
        <v>27312</v>
      </c>
      <c r="J7011" s="1" t="s">
        <v>27357</v>
      </c>
    </row>
    <row r="7012" spans="1:10" x14ac:dyDescent="0.35">
      <c r="A7012" s="1" t="s">
        <v>27306</v>
      </c>
      <c r="B7012" s="1" t="s">
        <v>27307</v>
      </c>
      <c r="C7012" s="1" t="s">
        <v>80</v>
      </c>
      <c r="D7012" s="1" t="s">
        <v>27358</v>
      </c>
      <c r="E7012" s="1" t="s">
        <v>27359</v>
      </c>
      <c r="F7012" s="1" t="s">
        <v>27360</v>
      </c>
      <c r="G7012" s="1" t="s">
        <v>27310</v>
      </c>
      <c r="H7012" s="1" t="s">
        <v>27311</v>
      </c>
      <c r="I7012" s="1" t="s">
        <v>27312</v>
      </c>
      <c r="J7012" s="1" t="s">
        <v>27361</v>
      </c>
    </row>
    <row r="7013" spans="1:10" x14ac:dyDescent="0.35">
      <c r="A7013" s="1" t="s">
        <v>27306</v>
      </c>
      <c r="B7013" s="1" t="s">
        <v>27307</v>
      </c>
      <c r="C7013" s="1" t="s">
        <v>85</v>
      </c>
      <c r="D7013" s="1" t="s">
        <v>27362</v>
      </c>
      <c r="E7013" s="1" t="s">
        <v>27363</v>
      </c>
      <c r="F7013" s="1" t="s">
        <v>27364</v>
      </c>
      <c r="G7013" s="1" t="s">
        <v>27310</v>
      </c>
      <c r="H7013" s="1" t="s">
        <v>27311</v>
      </c>
      <c r="I7013" s="1" t="s">
        <v>27312</v>
      </c>
      <c r="J7013" s="1" t="s">
        <v>27365</v>
      </c>
    </row>
    <row r="7014" spans="1:10" x14ac:dyDescent="0.35">
      <c r="A7014" s="1" t="s">
        <v>27306</v>
      </c>
      <c r="B7014" s="1" t="s">
        <v>27307</v>
      </c>
      <c r="C7014" s="1" t="s">
        <v>90</v>
      </c>
      <c r="D7014" s="1" t="s">
        <v>27366</v>
      </c>
      <c r="E7014" s="1" t="s">
        <v>27367</v>
      </c>
      <c r="F7014" s="1" t="s">
        <v>27368</v>
      </c>
      <c r="G7014" s="1" t="s">
        <v>27310</v>
      </c>
      <c r="H7014" s="1" t="s">
        <v>27311</v>
      </c>
      <c r="I7014" s="1" t="s">
        <v>27312</v>
      </c>
      <c r="J7014" s="1" t="s">
        <v>27369</v>
      </c>
    </row>
    <row r="7015" spans="1:10" x14ac:dyDescent="0.35">
      <c r="A7015" s="1" t="s">
        <v>27306</v>
      </c>
      <c r="B7015" s="1" t="s">
        <v>27307</v>
      </c>
      <c r="C7015" s="1" t="s">
        <v>95</v>
      </c>
      <c r="D7015" s="1" t="s">
        <v>27370</v>
      </c>
      <c r="E7015" s="1" t="s">
        <v>27371</v>
      </c>
      <c r="F7015" s="1" t="s">
        <v>27372</v>
      </c>
      <c r="G7015" s="1" t="s">
        <v>27310</v>
      </c>
      <c r="H7015" s="1" t="s">
        <v>27311</v>
      </c>
      <c r="I7015" s="1" t="s">
        <v>27312</v>
      </c>
      <c r="J7015" s="1" t="s">
        <v>27373</v>
      </c>
    </row>
    <row r="7016" spans="1:10" x14ac:dyDescent="0.35">
      <c r="A7016" s="1" t="s">
        <v>27306</v>
      </c>
      <c r="B7016" s="1" t="s">
        <v>27307</v>
      </c>
      <c r="C7016" s="1" t="s">
        <v>100</v>
      </c>
      <c r="D7016" s="1" t="s">
        <v>15</v>
      </c>
      <c r="E7016" s="1" t="s">
        <v>27374</v>
      </c>
      <c r="F7016" s="1" t="s">
        <v>27375</v>
      </c>
      <c r="G7016" s="1" t="s">
        <v>27310</v>
      </c>
      <c r="H7016" s="1" t="s">
        <v>27311</v>
      </c>
      <c r="I7016" s="1" t="s">
        <v>27312</v>
      </c>
      <c r="J7016" s="1" t="s">
        <v>27376</v>
      </c>
    </row>
    <row r="7017" spans="1:10" x14ac:dyDescent="0.35">
      <c r="A7017" s="1" t="s">
        <v>27306</v>
      </c>
      <c r="B7017" s="1" t="s">
        <v>27307</v>
      </c>
      <c r="C7017" s="1" t="s">
        <v>105</v>
      </c>
      <c r="D7017" s="1" t="s">
        <v>40</v>
      </c>
      <c r="E7017" s="1" t="s">
        <v>27377</v>
      </c>
      <c r="F7017" s="1" t="s">
        <v>27378</v>
      </c>
      <c r="G7017" s="1" t="s">
        <v>27310</v>
      </c>
      <c r="H7017" s="1" t="s">
        <v>27311</v>
      </c>
      <c r="I7017" s="1" t="s">
        <v>27312</v>
      </c>
      <c r="J7017" s="1" t="s">
        <v>27379</v>
      </c>
    </row>
    <row r="7018" spans="1:10" x14ac:dyDescent="0.35">
      <c r="A7018" s="1" t="s">
        <v>27306</v>
      </c>
      <c r="B7018" s="1" t="s">
        <v>27307</v>
      </c>
      <c r="C7018" s="1" t="s">
        <v>110</v>
      </c>
      <c r="D7018" s="1" t="s">
        <v>45</v>
      </c>
      <c r="E7018" s="1" t="s">
        <v>27380</v>
      </c>
      <c r="F7018" s="1" t="s">
        <v>27381</v>
      </c>
      <c r="G7018" s="1" t="s">
        <v>27310</v>
      </c>
      <c r="H7018" s="1" t="s">
        <v>27311</v>
      </c>
      <c r="I7018" s="1" t="s">
        <v>27312</v>
      </c>
      <c r="J7018" s="1" t="s">
        <v>27382</v>
      </c>
    </row>
    <row r="7019" spans="1:10" x14ac:dyDescent="0.35">
      <c r="A7019" s="1" t="s">
        <v>27306</v>
      </c>
      <c r="B7019" s="1" t="s">
        <v>27307</v>
      </c>
      <c r="C7019" s="1" t="s">
        <v>115</v>
      </c>
      <c r="D7019" s="1" t="s">
        <v>120</v>
      </c>
      <c r="E7019" s="1" t="s">
        <v>27383</v>
      </c>
      <c r="F7019" s="1" t="s">
        <v>27384</v>
      </c>
      <c r="G7019" s="1" t="s">
        <v>27310</v>
      </c>
      <c r="H7019" s="1" t="s">
        <v>27311</v>
      </c>
      <c r="I7019" s="1" t="s">
        <v>27312</v>
      </c>
      <c r="J7019" s="1" t="s">
        <v>27385</v>
      </c>
    </row>
    <row r="7020" spans="1:10" x14ac:dyDescent="0.35">
      <c r="A7020" s="1" t="s">
        <v>27306</v>
      </c>
      <c r="B7020" s="1" t="s">
        <v>27307</v>
      </c>
      <c r="C7020" s="1" t="s">
        <v>120</v>
      </c>
      <c r="D7020" s="1" t="s">
        <v>1221</v>
      </c>
      <c r="E7020" s="1" t="s">
        <v>27386</v>
      </c>
      <c r="F7020" s="1" t="s">
        <v>27387</v>
      </c>
      <c r="G7020" s="1" t="s">
        <v>27310</v>
      </c>
      <c r="H7020" s="1" t="s">
        <v>27311</v>
      </c>
      <c r="I7020" s="1" t="s">
        <v>27312</v>
      </c>
      <c r="J7020" s="1" t="s">
        <v>3937</v>
      </c>
    </row>
    <row r="7021" spans="1:10" x14ac:dyDescent="0.35">
      <c r="A7021" s="1" t="s">
        <v>27306</v>
      </c>
      <c r="B7021" s="1" t="s">
        <v>27307</v>
      </c>
      <c r="C7021" s="1" t="s">
        <v>125</v>
      </c>
      <c r="D7021" s="1" t="s">
        <v>6443</v>
      </c>
      <c r="E7021" s="1" t="s">
        <v>27388</v>
      </c>
      <c r="F7021" s="1" t="s">
        <v>27389</v>
      </c>
      <c r="G7021" s="1" t="s">
        <v>27310</v>
      </c>
      <c r="H7021" s="1" t="s">
        <v>27311</v>
      </c>
      <c r="I7021" s="1" t="s">
        <v>27312</v>
      </c>
      <c r="J7021" s="1" t="s">
        <v>27390</v>
      </c>
    </row>
    <row r="7022" spans="1:10" x14ac:dyDescent="0.35">
      <c r="A7022" s="1" t="s">
        <v>27306</v>
      </c>
      <c r="B7022" s="1" t="s">
        <v>27307</v>
      </c>
      <c r="C7022" s="1" t="s">
        <v>130</v>
      </c>
      <c r="D7022" s="1" t="s">
        <v>27391</v>
      </c>
      <c r="E7022" s="1" t="s">
        <v>27392</v>
      </c>
      <c r="F7022" s="1" t="s">
        <v>27393</v>
      </c>
      <c r="G7022" s="1" t="s">
        <v>27310</v>
      </c>
      <c r="H7022" s="1" t="s">
        <v>27311</v>
      </c>
      <c r="I7022" s="1" t="s">
        <v>27312</v>
      </c>
      <c r="J7022" s="1" t="s">
        <v>27394</v>
      </c>
    </row>
    <row r="7023" spans="1:10" x14ac:dyDescent="0.35">
      <c r="A7023" s="1" t="s">
        <v>27306</v>
      </c>
      <c r="B7023" s="1" t="s">
        <v>27307</v>
      </c>
      <c r="C7023" s="1" t="s">
        <v>135</v>
      </c>
      <c r="D7023" s="1" t="s">
        <v>27395</v>
      </c>
      <c r="E7023" s="1" t="s">
        <v>27396</v>
      </c>
      <c r="F7023" s="1" t="s">
        <v>27397</v>
      </c>
      <c r="G7023" s="1" t="s">
        <v>27310</v>
      </c>
      <c r="H7023" s="1" t="s">
        <v>27311</v>
      </c>
      <c r="I7023" s="1" t="s">
        <v>27312</v>
      </c>
      <c r="J7023" s="1" t="s">
        <v>27398</v>
      </c>
    </row>
    <row r="7024" spans="1:10" x14ac:dyDescent="0.35">
      <c r="A7024" s="1" t="s">
        <v>27306</v>
      </c>
      <c r="B7024" s="1" t="s">
        <v>27307</v>
      </c>
      <c r="C7024" s="1" t="s">
        <v>140</v>
      </c>
      <c r="D7024" s="1" t="s">
        <v>27399</v>
      </c>
      <c r="E7024" s="1" t="s">
        <v>27400</v>
      </c>
      <c r="F7024" s="1" t="s">
        <v>27401</v>
      </c>
      <c r="G7024" s="1" t="s">
        <v>27310</v>
      </c>
      <c r="H7024" s="1" t="s">
        <v>27311</v>
      </c>
      <c r="I7024" s="1" t="s">
        <v>27312</v>
      </c>
      <c r="J7024" s="1" t="s">
        <v>27402</v>
      </c>
    </row>
    <row r="7025" spans="1:10" x14ac:dyDescent="0.35">
      <c r="A7025" s="1" t="s">
        <v>27306</v>
      </c>
      <c r="B7025" s="1" t="s">
        <v>27307</v>
      </c>
      <c r="C7025" s="1" t="s">
        <v>145</v>
      </c>
      <c r="D7025" s="1" t="s">
        <v>27403</v>
      </c>
      <c r="E7025" s="1" t="s">
        <v>27404</v>
      </c>
      <c r="F7025" s="1" t="s">
        <v>27405</v>
      </c>
      <c r="G7025" s="1" t="s">
        <v>27310</v>
      </c>
      <c r="H7025" s="1" t="s">
        <v>27311</v>
      </c>
      <c r="I7025" s="1" t="s">
        <v>27312</v>
      </c>
      <c r="J7025" s="1" t="s">
        <v>27406</v>
      </c>
    </row>
    <row r="7026" spans="1:10" x14ac:dyDescent="0.35">
      <c r="A7026" s="1" t="s">
        <v>27306</v>
      </c>
      <c r="B7026" s="1" t="s">
        <v>27307</v>
      </c>
      <c r="C7026" s="1" t="s">
        <v>150</v>
      </c>
      <c r="D7026" s="1" t="s">
        <v>15059</v>
      </c>
      <c r="E7026" s="1" t="s">
        <v>27407</v>
      </c>
      <c r="F7026" s="1" t="s">
        <v>27408</v>
      </c>
      <c r="G7026" s="1" t="s">
        <v>27310</v>
      </c>
      <c r="H7026" s="1" t="s">
        <v>27311</v>
      </c>
      <c r="I7026" s="1" t="s">
        <v>27312</v>
      </c>
      <c r="J7026" s="1" t="s">
        <v>27409</v>
      </c>
    </row>
    <row r="7027" spans="1:10" x14ac:dyDescent="0.35">
      <c r="A7027" s="1" t="s">
        <v>27306</v>
      </c>
      <c r="B7027" s="1" t="s">
        <v>27307</v>
      </c>
      <c r="C7027" s="1" t="s">
        <v>155</v>
      </c>
      <c r="D7027" s="1" t="s">
        <v>27410</v>
      </c>
      <c r="E7027" s="1" t="s">
        <v>27411</v>
      </c>
      <c r="F7027" s="1" t="s">
        <v>27412</v>
      </c>
      <c r="G7027" s="1" t="s">
        <v>27310</v>
      </c>
      <c r="H7027" s="1" t="s">
        <v>27311</v>
      </c>
      <c r="I7027" s="1" t="s">
        <v>27312</v>
      </c>
      <c r="J7027" s="1" t="s">
        <v>27413</v>
      </c>
    </row>
    <row r="7028" spans="1:10" x14ac:dyDescent="0.35">
      <c r="A7028" s="1" t="s">
        <v>27306</v>
      </c>
      <c r="B7028" s="1" t="s">
        <v>27307</v>
      </c>
      <c r="C7028" s="1" t="s">
        <v>160</v>
      </c>
      <c r="D7028" s="1" t="s">
        <v>27414</v>
      </c>
      <c r="E7028" s="1" t="s">
        <v>27415</v>
      </c>
      <c r="F7028" s="1" t="s">
        <v>27416</v>
      </c>
      <c r="G7028" s="1" t="s">
        <v>27310</v>
      </c>
      <c r="H7028" s="1" t="s">
        <v>27311</v>
      </c>
      <c r="I7028" s="1" t="s">
        <v>27312</v>
      </c>
      <c r="J7028" s="1" t="s">
        <v>27417</v>
      </c>
    </row>
    <row r="7029" spans="1:10" x14ac:dyDescent="0.35">
      <c r="A7029" s="1" t="s">
        <v>27306</v>
      </c>
      <c r="B7029" s="1" t="s">
        <v>27307</v>
      </c>
      <c r="C7029" s="1" t="s">
        <v>165</v>
      </c>
      <c r="D7029" s="1" t="s">
        <v>1663</v>
      </c>
      <c r="E7029" s="1" t="s">
        <v>27418</v>
      </c>
      <c r="F7029" s="1" t="s">
        <v>27419</v>
      </c>
      <c r="G7029" s="1" t="s">
        <v>27310</v>
      </c>
      <c r="H7029" s="1" t="s">
        <v>27311</v>
      </c>
      <c r="I7029" s="1" t="s">
        <v>27312</v>
      </c>
      <c r="J7029" s="1" t="s">
        <v>27420</v>
      </c>
    </row>
    <row r="7030" spans="1:10" x14ac:dyDescent="0.35">
      <c r="A7030" s="1" t="s">
        <v>27306</v>
      </c>
      <c r="B7030" s="1" t="s">
        <v>27307</v>
      </c>
      <c r="C7030" s="1" t="s">
        <v>170</v>
      </c>
      <c r="D7030" s="1" t="s">
        <v>27421</v>
      </c>
      <c r="E7030" s="1" t="s">
        <v>27422</v>
      </c>
      <c r="F7030" s="1" t="s">
        <v>27423</v>
      </c>
      <c r="G7030" s="1" t="s">
        <v>27310</v>
      </c>
      <c r="H7030" s="1" t="s">
        <v>27311</v>
      </c>
      <c r="I7030" s="1" t="s">
        <v>27312</v>
      </c>
      <c r="J7030" s="1" t="s">
        <v>27424</v>
      </c>
    </row>
    <row r="7031" spans="1:10" x14ac:dyDescent="0.35">
      <c r="A7031" s="1" t="s">
        <v>27425</v>
      </c>
      <c r="B7031" s="1" t="s">
        <v>27307</v>
      </c>
      <c r="C7031" s="1" t="s">
        <v>8</v>
      </c>
      <c r="D7031" s="1" t="s">
        <v>8687</v>
      </c>
      <c r="E7031" s="1" t="s">
        <v>8543</v>
      </c>
      <c r="F7031" s="1" t="s">
        <v>27426</v>
      </c>
      <c r="G7031" s="1" t="s">
        <v>27427</v>
      </c>
      <c r="H7031" s="1" t="s">
        <v>27428</v>
      </c>
      <c r="I7031" s="1" t="s">
        <v>27312</v>
      </c>
      <c r="J7031" s="1" t="s">
        <v>13</v>
      </c>
    </row>
    <row r="7032" spans="1:10" x14ac:dyDescent="0.35">
      <c r="A7032" s="1" t="s">
        <v>27425</v>
      </c>
      <c r="B7032" s="1" t="s">
        <v>27307</v>
      </c>
      <c r="C7032" s="1" t="s">
        <v>15</v>
      </c>
      <c r="D7032" s="1" t="s">
        <v>27429</v>
      </c>
      <c r="E7032" s="1" t="s">
        <v>27430</v>
      </c>
      <c r="F7032" s="1" t="s">
        <v>27431</v>
      </c>
      <c r="G7032" s="1" t="s">
        <v>27427</v>
      </c>
      <c r="H7032" s="1" t="s">
        <v>27428</v>
      </c>
      <c r="I7032" s="1" t="s">
        <v>27312</v>
      </c>
      <c r="J7032" s="1" t="s">
        <v>27432</v>
      </c>
    </row>
    <row r="7033" spans="1:10" x14ac:dyDescent="0.35">
      <c r="A7033" s="1" t="s">
        <v>27425</v>
      </c>
      <c r="B7033" s="1" t="s">
        <v>27307</v>
      </c>
      <c r="C7033" s="1" t="s">
        <v>20</v>
      </c>
      <c r="D7033" s="1" t="s">
        <v>27433</v>
      </c>
      <c r="E7033" s="1" t="s">
        <v>27434</v>
      </c>
      <c r="F7033" s="1" t="s">
        <v>27435</v>
      </c>
      <c r="G7033" s="1" t="s">
        <v>27427</v>
      </c>
      <c r="H7033" s="1" t="s">
        <v>27428</v>
      </c>
      <c r="I7033" s="1" t="s">
        <v>27312</v>
      </c>
      <c r="J7033" s="1" t="s">
        <v>27436</v>
      </c>
    </row>
    <row r="7034" spans="1:10" x14ac:dyDescent="0.35">
      <c r="A7034" s="1" t="s">
        <v>27425</v>
      </c>
      <c r="B7034" s="1" t="s">
        <v>27307</v>
      </c>
      <c r="C7034" s="1" t="s">
        <v>25</v>
      </c>
      <c r="D7034" s="1" t="s">
        <v>27437</v>
      </c>
      <c r="E7034" s="1" t="s">
        <v>472</v>
      </c>
      <c r="F7034" s="1" t="s">
        <v>27438</v>
      </c>
      <c r="G7034" s="1" t="s">
        <v>27427</v>
      </c>
      <c r="H7034" s="1" t="s">
        <v>27428</v>
      </c>
      <c r="I7034" s="1" t="s">
        <v>27312</v>
      </c>
      <c r="J7034" s="1" t="s">
        <v>27439</v>
      </c>
    </row>
    <row r="7035" spans="1:10" x14ac:dyDescent="0.35">
      <c r="A7035" s="1" t="s">
        <v>27425</v>
      </c>
      <c r="B7035" s="1" t="s">
        <v>27307</v>
      </c>
      <c r="C7035" s="1" t="s">
        <v>30</v>
      </c>
      <c r="D7035" s="1" t="s">
        <v>27440</v>
      </c>
      <c r="E7035" s="1" t="s">
        <v>27441</v>
      </c>
      <c r="F7035" s="1" t="s">
        <v>27442</v>
      </c>
      <c r="G7035" s="1" t="s">
        <v>27427</v>
      </c>
      <c r="H7035" s="1" t="s">
        <v>27428</v>
      </c>
      <c r="I7035" s="1" t="s">
        <v>27312</v>
      </c>
      <c r="J7035" s="1" t="s">
        <v>27443</v>
      </c>
    </row>
    <row r="7036" spans="1:10" x14ac:dyDescent="0.35">
      <c r="A7036" s="1" t="s">
        <v>27425</v>
      </c>
      <c r="B7036" s="1" t="s">
        <v>27307</v>
      </c>
      <c r="C7036" s="1" t="s">
        <v>35</v>
      </c>
      <c r="D7036" s="1" t="s">
        <v>27444</v>
      </c>
      <c r="E7036" s="1" t="s">
        <v>27445</v>
      </c>
      <c r="F7036" s="1" t="s">
        <v>27446</v>
      </c>
      <c r="G7036" s="1" t="s">
        <v>27427</v>
      </c>
      <c r="H7036" s="1" t="s">
        <v>27428</v>
      </c>
      <c r="I7036" s="1" t="s">
        <v>27312</v>
      </c>
      <c r="J7036" s="1" t="s">
        <v>27447</v>
      </c>
    </row>
    <row r="7037" spans="1:10" x14ac:dyDescent="0.35">
      <c r="A7037" s="1" t="s">
        <v>27425</v>
      </c>
      <c r="B7037" s="1" t="s">
        <v>27307</v>
      </c>
      <c r="C7037" s="1" t="s">
        <v>40</v>
      </c>
      <c r="D7037" s="1" t="s">
        <v>25600</v>
      </c>
      <c r="E7037" s="1" t="s">
        <v>27448</v>
      </c>
      <c r="F7037" s="1" t="s">
        <v>27449</v>
      </c>
      <c r="G7037" s="1" t="s">
        <v>27427</v>
      </c>
      <c r="H7037" s="1" t="s">
        <v>27428</v>
      </c>
      <c r="I7037" s="1" t="s">
        <v>27312</v>
      </c>
      <c r="J7037" s="1" t="s">
        <v>27450</v>
      </c>
    </row>
    <row r="7038" spans="1:10" x14ac:dyDescent="0.35">
      <c r="A7038" s="1" t="s">
        <v>27425</v>
      </c>
      <c r="B7038" s="1" t="s">
        <v>27307</v>
      </c>
      <c r="C7038" s="1" t="s">
        <v>45</v>
      </c>
      <c r="D7038" s="1" t="s">
        <v>8377</v>
      </c>
      <c r="E7038" s="1" t="s">
        <v>7903</v>
      </c>
      <c r="F7038" s="1" t="s">
        <v>27451</v>
      </c>
      <c r="G7038" s="1" t="s">
        <v>27427</v>
      </c>
      <c r="H7038" s="1" t="s">
        <v>27428</v>
      </c>
      <c r="I7038" s="1" t="s">
        <v>27312</v>
      </c>
      <c r="J7038" s="1" t="s">
        <v>27452</v>
      </c>
    </row>
    <row r="7039" spans="1:10" x14ac:dyDescent="0.35">
      <c r="A7039" s="1" t="s">
        <v>27425</v>
      </c>
      <c r="B7039" s="1" t="s">
        <v>27307</v>
      </c>
      <c r="C7039" s="1" t="s">
        <v>50</v>
      </c>
      <c r="D7039" s="1" t="s">
        <v>27453</v>
      </c>
      <c r="E7039" s="1" t="s">
        <v>12138</v>
      </c>
      <c r="F7039" s="1" t="s">
        <v>27454</v>
      </c>
      <c r="G7039" s="1" t="s">
        <v>27427</v>
      </c>
      <c r="H7039" s="1" t="s">
        <v>27428</v>
      </c>
      <c r="I7039" s="1" t="s">
        <v>27312</v>
      </c>
      <c r="J7039" s="1" t="s">
        <v>27455</v>
      </c>
    </row>
    <row r="7040" spans="1:10" x14ac:dyDescent="0.35">
      <c r="A7040" s="1" t="s">
        <v>27425</v>
      </c>
      <c r="B7040" s="1" t="s">
        <v>27307</v>
      </c>
      <c r="C7040" s="1" t="s">
        <v>55</v>
      </c>
      <c r="D7040" s="1" t="s">
        <v>25600</v>
      </c>
      <c r="E7040" s="1" t="s">
        <v>27456</v>
      </c>
      <c r="F7040" s="1" t="s">
        <v>27457</v>
      </c>
      <c r="G7040" s="1" t="s">
        <v>27427</v>
      </c>
      <c r="H7040" s="1" t="s">
        <v>27428</v>
      </c>
      <c r="I7040" s="1" t="s">
        <v>27312</v>
      </c>
      <c r="J7040" s="1" t="s">
        <v>27458</v>
      </c>
    </row>
    <row r="7041" spans="1:10" x14ac:dyDescent="0.35">
      <c r="A7041" s="1" t="s">
        <v>27425</v>
      </c>
      <c r="B7041" s="1" t="s">
        <v>27307</v>
      </c>
      <c r="C7041" s="1" t="s">
        <v>60</v>
      </c>
      <c r="D7041" s="1" t="s">
        <v>9251</v>
      </c>
      <c r="E7041" s="1" t="s">
        <v>27459</v>
      </c>
      <c r="F7041" s="1" t="s">
        <v>27460</v>
      </c>
      <c r="G7041" s="1" t="s">
        <v>27427</v>
      </c>
      <c r="H7041" s="1" t="s">
        <v>27428</v>
      </c>
      <c r="I7041" s="1" t="s">
        <v>27312</v>
      </c>
      <c r="J7041" s="1" t="s">
        <v>27461</v>
      </c>
    </row>
    <row r="7042" spans="1:10" x14ac:dyDescent="0.35">
      <c r="A7042" s="1" t="s">
        <v>27425</v>
      </c>
      <c r="B7042" s="1" t="s">
        <v>27307</v>
      </c>
      <c r="C7042" s="1" t="s">
        <v>65</v>
      </c>
      <c r="D7042" s="1" t="s">
        <v>8901</v>
      </c>
      <c r="E7042" s="1" t="s">
        <v>14795</v>
      </c>
      <c r="F7042" s="1" t="s">
        <v>27462</v>
      </c>
      <c r="G7042" s="1" t="s">
        <v>27427</v>
      </c>
      <c r="H7042" s="1" t="s">
        <v>27428</v>
      </c>
      <c r="I7042" s="1" t="s">
        <v>27312</v>
      </c>
      <c r="J7042" s="1" t="s">
        <v>27463</v>
      </c>
    </row>
    <row r="7043" spans="1:10" x14ac:dyDescent="0.35">
      <c r="A7043" s="1" t="s">
        <v>27425</v>
      </c>
      <c r="B7043" s="1" t="s">
        <v>27307</v>
      </c>
      <c r="C7043" s="1" t="s">
        <v>70</v>
      </c>
      <c r="D7043" s="1" t="s">
        <v>8035</v>
      </c>
      <c r="E7043" s="1" t="s">
        <v>27464</v>
      </c>
      <c r="F7043" s="1" t="s">
        <v>27465</v>
      </c>
      <c r="G7043" s="1" t="s">
        <v>27427</v>
      </c>
      <c r="H7043" s="1" t="s">
        <v>27428</v>
      </c>
      <c r="I7043" s="1" t="s">
        <v>27312</v>
      </c>
      <c r="J7043" s="1" t="s">
        <v>27466</v>
      </c>
    </row>
    <row r="7044" spans="1:10" x14ac:dyDescent="0.35">
      <c r="A7044" s="1" t="s">
        <v>27425</v>
      </c>
      <c r="B7044" s="1" t="s">
        <v>27307</v>
      </c>
      <c r="C7044" s="1" t="s">
        <v>75</v>
      </c>
      <c r="D7044" s="1" t="s">
        <v>4388</v>
      </c>
      <c r="E7044" s="1" t="s">
        <v>8658</v>
      </c>
      <c r="F7044" s="1" t="s">
        <v>27467</v>
      </c>
      <c r="G7044" s="1" t="s">
        <v>27427</v>
      </c>
      <c r="H7044" s="1" t="s">
        <v>27428</v>
      </c>
      <c r="I7044" s="1" t="s">
        <v>27312</v>
      </c>
      <c r="J7044" s="1" t="s">
        <v>27468</v>
      </c>
    </row>
    <row r="7045" spans="1:10" x14ac:dyDescent="0.35">
      <c r="A7045" s="1" t="s">
        <v>27425</v>
      </c>
      <c r="B7045" s="1" t="s">
        <v>27307</v>
      </c>
      <c r="C7045" s="1" t="s">
        <v>80</v>
      </c>
      <c r="D7045" s="1" t="s">
        <v>10274</v>
      </c>
      <c r="E7045" s="1" t="s">
        <v>27469</v>
      </c>
      <c r="F7045" s="1" t="s">
        <v>27470</v>
      </c>
      <c r="G7045" s="1" t="s">
        <v>27427</v>
      </c>
      <c r="H7045" s="1" t="s">
        <v>27428</v>
      </c>
      <c r="I7045" s="1" t="s">
        <v>27312</v>
      </c>
      <c r="J7045" s="1" t="s">
        <v>27471</v>
      </c>
    </row>
    <row r="7046" spans="1:10" x14ac:dyDescent="0.35">
      <c r="A7046" s="1" t="s">
        <v>27425</v>
      </c>
      <c r="B7046" s="1" t="s">
        <v>27307</v>
      </c>
      <c r="C7046" s="1" t="s">
        <v>85</v>
      </c>
      <c r="D7046" s="1" t="s">
        <v>27472</v>
      </c>
      <c r="E7046" s="1" t="s">
        <v>27473</v>
      </c>
      <c r="F7046" s="1" t="s">
        <v>27474</v>
      </c>
      <c r="G7046" s="1" t="s">
        <v>27427</v>
      </c>
      <c r="H7046" s="1" t="s">
        <v>27428</v>
      </c>
      <c r="I7046" s="1" t="s">
        <v>27312</v>
      </c>
      <c r="J7046" s="1" t="s">
        <v>27475</v>
      </c>
    </row>
    <row r="7047" spans="1:10" x14ac:dyDescent="0.35">
      <c r="A7047" s="1" t="s">
        <v>27425</v>
      </c>
      <c r="B7047" s="1" t="s">
        <v>27307</v>
      </c>
      <c r="C7047" s="1" t="s">
        <v>90</v>
      </c>
      <c r="D7047" s="1" t="s">
        <v>27476</v>
      </c>
      <c r="E7047" s="1" t="s">
        <v>27477</v>
      </c>
      <c r="F7047" s="1" t="s">
        <v>27478</v>
      </c>
      <c r="G7047" s="1" t="s">
        <v>27427</v>
      </c>
      <c r="H7047" s="1" t="s">
        <v>27428</v>
      </c>
      <c r="I7047" s="1" t="s">
        <v>27312</v>
      </c>
      <c r="J7047" s="1" t="s">
        <v>27479</v>
      </c>
    </row>
    <row r="7048" spans="1:10" x14ac:dyDescent="0.35">
      <c r="A7048" s="1" t="s">
        <v>27425</v>
      </c>
      <c r="B7048" s="1" t="s">
        <v>27307</v>
      </c>
      <c r="C7048" s="1" t="s">
        <v>95</v>
      </c>
      <c r="D7048" s="1" t="s">
        <v>27480</v>
      </c>
      <c r="E7048" s="1" t="s">
        <v>8588</v>
      </c>
      <c r="F7048" s="1" t="s">
        <v>27481</v>
      </c>
      <c r="G7048" s="1" t="s">
        <v>27427</v>
      </c>
      <c r="H7048" s="1" t="s">
        <v>27428</v>
      </c>
      <c r="I7048" s="1" t="s">
        <v>27312</v>
      </c>
      <c r="J7048" s="1" t="s">
        <v>27482</v>
      </c>
    </row>
    <row r="7049" spans="1:10" x14ac:dyDescent="0.35">
      <c r="A7049" s="1" t="s">
        <v>27425</v>
      </c>
      <c r="B7049" s="1" t="s">
        <v>27307</v>
      </c>
      <c r="C7049" s="1" t="s">
        <v>100</v>
      </c>
      <c r="D7049" s="1" t="s">
        <v>27483</v>
      </c>
      <c r="E7049" s="1" t="s">
        <v>27484</v>
      </c>
      <c r="F7049" s="1" t="s">
        <v>27485</v>
      </c>
      <c r="G7049" s="1" t="s">
        <v>27427</v>
      </c>
      <c r="H7049" s="1" t="s">
        <v>27428</v>
      </c>
      <c r="I7049" s="1" t="s">
        <v>27312</v>
      </c>
      <c r="J7049" s="1" t="s">
        <v>27486</v>
      </c>
    </row>
    <row r="7050" spans="1:10" x14ac:dyDescent="0.35">
      <c r="A7050" s="1" t="s">
        <v>27425</v>
      </c>
      <c r="B7050" s="1" t="s">
        <v>27307</v>
      </c>
      <c r="C7050" s="1" t="s">
        <v>105</v>
      </c>
      <c r="D7050" s="1" t="s">
        <v>27487</v>
      </c>
      <c r="E7050" s="1" t="s">
        <v>27488</v>
      </c>
      <c r="F7050" s="1" t="s">
        <v>27489</v>
      </c>
      <c r="G7050" s="1" t="s">
        <v>27427</v>
      </c>
      <c r="H7050" s="1" t="s">
        <v>27428</v>
      </c>
      <c r="I7050" s="1" t="s">
        <v>27312</v>
      </c>
      <c r="J7050" s="1" t="s">
        <v>27490</v>
      </c>
    </row>
    <row r="7051" spans="1:10" x14ac:dyDescent="0.35">
      <c r="A7051" s="1" t="s">
        <v>27425</v>
      </c>
      <c r="B7051" s="1" t="s">
        <v>27307</v>
      </c>
      <c r="C7051" s="1" t="s">
        <v>110</v>
      </c>
      <c r="D7051" s="1" t="s">
        <v>27491</v>
      </c>
      <c r="E7051" s="1" t="s">
        <v>27492</v>
      </c>
      <c r="F7051" s="1" t="s">
        <v>27493</v>
      </c>
      <c r="G7051" s="1" t="s">
        <v>27427</v>
      </c>
      <c r="H7051" s="1" t="s">
        <v>27428</v>
      </c>
      <c r="I7051" s="1" t="s">
        <v>27312</v>
      </c>
      <c r="J7051" s="1" t="s">
        <v>27494</v>
      </c>
    </row>
    <row r="7052" spans="1:10" x14ac:dyDescent="0.35">
      <c r="A7052" s="1" t="s">
        <v>27425</v>
      </c>
      <c r="B7052" s="1" t="s">
        <v>27307</v>
      </c>
      <c r="C7052" s="1" t="s">
        <v>115</v>
      </c>
      <c r="D7052" s="1" t="s">
        <v>27495</v>
      </c>
      <c r="E7052" s="1" t="s">
        <v>8566</v>
      </c>
      <c r="F7052" s="1" t="s">
        <v>27496</v>
      </c>
      <c r="G7052" s="1" t="s">
        <v>27427</v>
      </c>
      <c r="H7052" s="1" t="s">
        <v>27428</v>
      </c>
      <c r="I7052" s="1" t="s">
        <v>27312</v>
      </c>
      <c r="J7052" s="1" t="s">
        <v>27497</v>
      </c>
    </row>
    <row r="7053" spans="1:10" x14ac:dyDescent="0.35">
      <c r="A7053" s="1" t="s">
        <v>27425</v>
      </c>
      <c r="B7053" s="1" t="s">
        <v>27307</v>
      </c>
      <c r="C7053" s="1" t="s">
        <v>120</v>
      </c>
      <c r="D7053" s="1" t="s">
        <v>27498</v>
      </c>
      <c r="E7053" s="1" t="s">
        <v>8592</v>
      </c>
      <c r="F7053" s="1" t="s">
        <v>27499</v>
      </c>
      <c r="G7053" s="1" t="s">
        <v>27427</v>
      </c>
      <c r="H7053" s="1" t="s">
        <v>27428</v>
      </c>
      <c r="I7053" s="1" t="s">
        <v>27312</v>
      </c>
      <c r="J7053" s="1" t="s">
        <v>27500</v>
      </c>
    </row>
    <row r="7054" spans="1:10" x14ac:dyDescent="0.35">
      <c r="A7054" s="1" t="s">
        <v>27425</v>
      </c>
      <c r="B7054" s="1" t="s">
        <v>27307</v>
      </c>
      <c r="C7054" s="1" t="s">
        <v>125</v>
      </c>
      <c r="D7054" s="1" t="s">
        <v>27501</v>
      </c>
      <c r="E7054" s="1" t="s">
        <v>8566</v>
      </c>
      <c r="F7054" s="1" t="s">
        <v>27502</v>
      </c>
      <c r="G7054" s="1" t="s">
        <v>27427</v>
      </c>
      <c r="H7054" s="1" t="s">
        <v>27428</v>
      </c>
      <c r="I7054" s="1" t="s">
        <v>27312</v>
      </c>
      <c r="J7054" s="1" t="s">
        <v>27503</v>
      </c>
    </row>
    <row r="7055" spans="1:10" x14ac:dyDescent="0.35">
      <c r="A7055" s="1" t="s">
        <v>27425</v>
      </c>
      <c r="B7055" s="1" t="s">
        <v>27307</v>
      </c>
      <c r="C7055" s="1" t="s">
        <v>130</v>
      </c>
      <c r="D7055" s="1" t="s">
        <v>27504</v>
      </c>
      <c r="E7055" s="1" t="s">
        <v>8566</v>
      </c>
      <c r="F7055" s="1" t="s">
        <v>27505</v>
      </c>
      <c r="G7055" s="1" t="s">
        <v>27427</v>
      </c>
      <c r="H7055" s="1" t="s">
        <v>27428</v>
      </c>
      <c r="I7055" s="1" t="s">
        <v>27312</v>
      </c>
      <c r="J7055" s="1" t="s">
        <v>27506</v>
      </c>
    </row>
    <row r="7056" spans="1:10" x14ac:dyDescent="0.35">
      <c r="A7056" s="1" t="s">
        <v>27425</v>
      </c>
      <c r="B7056" s="1" t="s">
        <v>27307</v>
      </c>
      <c r="C7056" s="1" t="s">
        <v>135</v>
      </c>
      <c r="D7056" s="1" t="s">
        <v>27507</v>
      </c>
      <c r="E7056" s="1" t="s">
        <v>27508</v>
      </c>
      <c r="F7056" s="1" t="s">
        <v>27509</v>
      </c>
      <c r="G7056" s="1" t="s">
        <v>27427</v>
      </c>
      <c r="H7056" s="1" t="s">
        <v>27428</v>
      </c>
      <c r="I7056" s="1" t="s">
        <v>27312</v>
      </c>
      <c r="J7056" s="1" t="s">
        <v>27510</v>
      </c>
    </row>
    <row r="7057" spans="1:10" x14ac:dyDescent="0.35">
      <c r="A7057" s="1" t="s">
        <v>27425</v>
      </c>
      <c r="B7057" s="1" t="s">
        <v>27307</v>
      </c>
      <c r="C7057" s="1" t="s">
        <v>140</v>
      </c>
      <c r="D7057" s="1" t="s">
        <v>6559</v>
      </c>
      <c r="E7057" s="1" t="s">
        <v>27511</v>
      </c>
      <c r="F7057" s="1" t="s">
        <v>27512</v>
      </c>
      <c r="G7057" s="1" t="s">
        <v>27427</v>
      </c>
      <c r="H7057" s="1" t="s">
        <v>27428</v>
      </c>
      <c r="I7057" s="1" t="s">
        <v>27312</v>
      </c>
      <c r="J7057" s="1" t="s">
        <v>27513</v>
      </c>
    </row>
    <row r="7058" spans="1:10" x14ac:dyDescent="0.35">
      <c r="A7058" s="1" t="s">
        <v>27425</v>
      </c>
      <c r="B7058" s="1" t="s">
        <v>27307</v>
      </c>
      <c r="C7058" s="1" t="s">
        <v>145</v>
      </c>
      <c r="D7058" s="1" t="s">
        <v>25521</v>
      </c>
      <c r="E7058" s="1" t="s">
        <v>27514</v>
      </c>
      <c r="F7058" s="1" t="s">
        <v>27515</v>
      </c>
      <c r="G7058" s="1" t="s">
        <v>27427</v>
      </c>
      <c r="H7058" s="1" t="s">
        <v>27428</v>
      </c>
      <c r="I7058" s="1" t="s">
        <v>27312</v>
      </c>
      <c r="J7058" s="1" t="s">
        <v>27516</v>
      </c>
    </row>
    <row r="7059" spans="1:10" x14ac:dyDescent="0.35">
      <c r="A7059" s="1" t="s">
        <v>27425</v>
      </c>
      <c r="B7059" s="1" t="s">
        <v>27307</v>
      </c>
      <c r="C7059" s="1" t="s">
        <v>150</v>
      </c>
      <c r="D7059" s="1" t="s">
        <v>27517</v>
      </c>
      <c r="E7059" s="1" t="s">
        <v>13693</v>
      </c>
      <c r="F7059" s="1" t="s">
        <v>20949</v>
      </c>
      <c r="G7059" s="1" t="s">
        <v>27427</v>
      </c>
      <c r="H7059" s="1" t="s">
        <v>27428</v>
      </c>
      <c r="I7059" s="1" t="s">
        <v>27312</v>
      </c>
      <c r="J7059" s="1" t="s">
        <v>27518</v>
      </c>
    </row>
    <row r="7060" spans="1:10" x14ac:dyDescent="0.35">
      <c r="A7060" s="1" t="s">
        <v>27425</v>
      </c>
      <c r="B7060" s="1" t="s">
        <v>27307</v>
      </c>
      <c r="C7060" s="1" t="s">
        <v>155</v>
      </c>
      <c r="D7060" s="1" t="s">
        <v>27519</v>
      </c>
      <c r="E7060" s="1" t="s">
        <v>27520</v>
      </c>
      <c r="F7060" s="1" t="s">
        <v>27521</v>
      </c>
      <c r="G7060" s="1" t="s">
        <v>27427</v>
      </c>
      <c r="H7060" s="1" t="s">
        <v>27428</v>
      </c>
      <c r="I7060" s="1" t="s">
        <v>27312</v>
      </c>
      <c r="J7060" s="1" t="s">
        <v>27522</v>
      </c>
    </row>
    <row r="7061" spans="1:10" x14ac:dyDescent="0.35">
      <c r="A7061" s="1" t="s">
        <v>27425</v>
      </c>
      <c r="B7061" s="1" t="s">
        <v>27307</v>
      </c>
      <c r="C7061" s="1" t="s">
        <v>160</v>
      </c>
      <c r="D7061" s="1" t="s">
        <v>27523</v>
      </c>
      <c r="E7061" s="1" t="s">
        <v>13704</v>
      </c>
      <c r="F7061" s="1" t="s">
        <v>27524</v>
      </c>
      <c r="G7061" s="1" t="s">
        <v>27427</v>
      </c>
      <c r="H7061" s="1" t="s">
        <v>27428</v>
      </c>
      <c r="I7061" s="1" t="s">
        <v>27312</v>
      </c>
      <c r="J7061" s="1" t="s">
        <v>27525</v>
      </c>
    </row>
    <row r="7062" spans="1:10" x14ac:dyDescent="0.35">
      <c r="A7062" s="1" t="s">
        <v>27425</v>
      </c>
      <c r="B7062" s="1" t="s">
        <v>27307</v>
      </c>
      <c r="C7062" s="1" t="s">
        <v>165</v>
      </c>
      <c r="D7062" s="1" t="s">
        <v>27526</v>
      </c>
      <c r="E7062" s="1" t="s">
        <v>27527</v>
      </c>
      <c r="F7062" s="1" t="s">
        <v>27528</v>
      </c>
      <c r="G7062" s="1" t="s">
        <v>27427</v>
      </c>
      <c r="H7062" s="1" t="s">
        <v>27428</v>
      </c>
      <c r="I7062" s="1" t="s">
        <v>27312</v>
      </c>
      <c r="J7062" s="1" t="s">
        <v>27529</v>
      </c>
    </row>
    <row r="7063" spans="1:10" x14ac:dyDescent="0.35">
      <c r="A7063" s="1" t="s">
        <v>27425</v>
      </c>
      <c r="B7063" s="1" t="s">
        <v>27307</v>
      </c>
      <c r="C7063" s="1" t="s">
        <v>170</v>
      </c>
      <c r="D7063" s="1" t="s">
        <v>27530</v>
      </c>
      <c r="E7063" s="1" t="s">
        <v>27531</v>
      </c>
      <c r="F7063" s="1" t="s">
        <v>27532</v>
      </c>
      <c r="G7063" s="1" t="s">
        <v>27427</v>
      </c>
      <c r="H7063" s="1" t="s">
        <v>27428</v>
      </c>
      <c r="I7063" s="1" t="s">
        <v>27312</v>
      </c>
      <c r="J7063" s="1" t="s">
        <v>27533</v>
      </c>
    </row>
    <row r="7064" spans="1:10" x14ac:dyDescent="0.35">
      <c r="A7064" s="1" t="s">
        <v>27534</v>
      </c>
      <c r="B7064" s="1" t="s">
        <v>27307</v>
      </c>
      <c r="C7064" s="1" t="s">
        <v>8</v>
      </c>
      <c r="D7064" s="1" t="s">
        <v>27535</v>
      </c>
      <c r="E7064" s="1" t="s">
        <v>27536</v>
      </c>
      <c r="F7064" s="1" t="s">
        <v>27537</v>
      </c>
      <c r="G7064" s="1" t="s">
        <v>27538</v>
      </c>
      <c r="H7064" s="1" t="s">
        <v>27539</v>
      </c>
      <c r="I7064" s="1" t="s">
        <v>27312</v>
      </c>
      <c r="J7064" s="1" t="s">
        <v>13</v>
      </c>
    </row>
    <row r="7065" spans="1:10" x14ac:dyDescent="0.35">
      <c r="A7065" s="1" t="s">
        <v>27534</v>
      </c>
      <c r="B7065" s="1" t="s">
        <v>27307</v>
      </c>
      <c r="C7065" s="1" t="s">
        <v>15</v>
      </c>
      <c r="D7065" s="1" t="s">
        <v>27540</v>
      </c>
      <c r="E7065" s="1" t="s">
        <v>27541</v>
      </c>
      <c r="F7065" s="1" t="s">
        <v>27542</v>
      </c>
      <c r="G7065" s="1" t="s">
        <v>27538</v>
      </c>
      <c r="H7065" s="1" t="s">
        <v>27539</v>
      </c>
      <c r="I7065" s="1" t="s">
        <v>27312</v>
      </c>
      <c r="J7065" s="1" t="s">
        <v>27543</v>
      </c>
    </row>
    <row r="7066" spans="1:10" x14ac:dyDescent="0.35">
      <c r="A7066" s="1" t="s">
        <v>27534</v>
      </c>
      <c r="B7066" s="1" t="s">
        <v>27307</v>
      </c>
      <c r="C7066" s="1" t="s">
        <v>20</v>
      </c>
      <c r="D7066" s="1" t="s">
        <v>27544</v>
      </c>
      <c r="E7066" s="1" t="s">
        <v>27545</v>
      </c>
      <c r="F7066" s="1" t="s">
        <v>27546</v>
      </c>
      <c r="G7066" s="1" t="s">
        <v>27538</v>
      </c>
      <c r="H7066" s="1" t="s">
        <v>27539</v>
      </c>
      <c r="I7066" s="1" t="s">
        <v>27312</v>
      </c>
      <c r="J7066" s="1" t="s">
        <v>27547</v>
      </c>
    </row>
    <row r="7067" spans="1:10" x14ac:dyDescent="0.35">
      <c r="A7067" s="1" t="s">
        <v>27534</v>
      </c>
      <c r="B7067" s="1" t="s">
        <v>27307</v>
      </c>
      <c r="C7067" s="1" t="s">
        <v>25</v>
      </c>
      <c r="D7067" s="1" t="s">
        <v>27548</v>
      </c>
      <c r="E7067" s="1" t="s">
        <v>27549</v>
      </c>
      <c r="F7067" s="1" t="s">
        <v>27550</v>
      </c>
      <c r="G7067" s="1" t="s">
        <v>27538</v>
      </c>
      <c r="H7067" s="1" t="s">
        <v>27539</v>
      </c>
      <c r="I7067" s="1" t="s">
        <v>27312</v>
      </c>
      <c r="J7067" s="1" t="s">
        <v>27551</v>
      </c>
    </row>
    <row r="7068" spans="1:10" x14ac:dyDescent="0.35">
      <c r="A7068" s="1" t="s">
        <v>27534</v>
      </c>
      <c r="B7068" s="1" t="s">
        <v>27307</v>
      </c>
      <c r="C7068" s="1" t="s">
        <v>30</v>
      </c>
      <c r="D7068" s="1" t="s">
        <v>9316</v>
      </c>
      <c r="E7068" s="1" t="s">
        <v>27552</v>
      </c>
      <c r="F7068" s="1" t="s">
        <v>27553</v>
      </c>
      <c r="G7068" s="1" t="s">
        <v>27538</v>
      </c>
      <c r="H7068" s="1" t="s">
        <v>27539</v>
      </c>
      <c r="I7068" s="1" t="s">
        <v>27312</v>
      </c>
      <c r="J7068" s="1" t="s">
        <v>27554</v>
      </c>
    </row>
    <row r="7069" spans="1:10" x14ac:dyDescent="0.35">
      <c r="A7069" s="1" t="s">
        <v>27534</v>
      </c>
      <c r="B7069" s="1" t="s">
        <v>27307</v>
      </c>
      <c r="C7069" s="1" t="s">
        <v>35</v>
      </c>
      <c r="D7069" s="1" t="s">
        <v>27555</v>
      </c>
      <c r="E7069" s="1" t="s">
        <v>27556</v>
      </c>
      <c r="F7069" s="1" t="s">
        <v>27557</v>
      </c>
      <c r="G7069" s="1" t="s">
        <v>27538</v>
      </c>
      <c r="H7069" s="1" t="s">
        <v>27539</v>
      </c>
      <c r="I7069" s="1" t="s">
        <v>27312</v>
      </c>
      <c r="J7069" s="1" t="s">
        <v>27558</v>
      </c>
    </row>
    <row r="7070" spans="1:10" x14ac:dyDescent="0.35">
      <c r="A7070" s="1" t="s">
        <v>27534</v>
      </c>
      <c r="B7070" s="1" t="s">
        <v>27307</v>
      </c>
      <c r="C7070" s="1" t="s">
        <v>40</v>
      </c>
      <c r="D7070" s="1" t="s">
        <v>27559</v>
      </c>
      <c r="E7070" s="1" t="s">
        <v>27560</v>
      </c>
      <c r="F7070" s="1" t="s">
        <v>27561</v>
      </c>
      <c r="G7070" s="1" t="s">
        <v>27538</v>
      </c>
      <c r="H7070" s="1" t="s">
        <v>27539</v>
      </c>
      <c r="I7070" s="1" t="s">
        <v>27312</v>
      </c>
      <c r="J7070" s="1" t="s">
        <v>27562</v>
      </c>
    </row>
    <row r="7071" spans="1:10" x14ac:dyDescent="0.35">
      <c r="A7071" s="1" t="s">
        <v>27534</v>
      </c>
      <c r="B7071" s="1" t="s">
        <v>27307</v>
      </c>
      <c r="C7071" s="1" t="s">
        <v>45</v>
      </c>
      <c r="D7071" s="1" t="s">
        <v>5531</v>
      </c>
      <c r="E7071" s="1" t="s">
        <v>27563</v>
      </c>
      <c r="F7071" s="1" t="s">
        <v>27564</v>
      </c>
      <c r="G7071" s="1" t="s">
        <v>27538</v>
      </c>
      <c r="H7071" s="1" t="s">
        <v>27539</v>
      </c>
      <c r="I7071" s="1" t="s">
        <v>27312</v>
      </c>
      <c r="J7071" s="1" t="s">
        <v>27565</v>
      </c>
    </row>
    <row r="7072" spans="1:10" x14ac:dyDescent="0.35">
      <c r="A7072" s="1" t="s">
        <v>27534</v>
      </c>
      <c r="B7072" s="1" t="s">
        <v>27307</v>
      </c>
      <c r="C7072" s="1" t="s">
        <v>50</v>
      </c>
      <c r="D7072" s="1" t="s">
        <v>27370</v>
      </c>
      <c r="E7072" s="1" t="s">
        <v>27566</v>
      </c>
      <c r="F7072" s="1" t="s">
        <v>27567</v>
      </c>
      <c r="G7072" s="1" t="s">
        <v>27538</v>
      </c>
      <c r="H7072" s="1" t="s">
        <v>27539</v>
      </c>
      <c r="I7072" s="1" t="s">
        <v>27312</v>
      </c>
      <c r="J7072" s="1" t="s">
        <v>27568</v>
      </c>
    </row>
    <row r="7073" spans="1:10" x14ac:dyDescent="0.35">
      <c r="A7073" s="1" t="s">
        <v>27534</v>
      </c>
      <c r="B7073" s="1" t="s">
        <v>27307</v>
      </c>
      <c r="C7073" s="1" t="s">
        <v>55</v>
      </c>
      <c r="D7073" s="1" t="s">
        <v>27569</v>
      </c>
      <c r="E7073" s="1" t="s">
        <v>27570</v>
      </c>
      <c r="F7073" s="1" t="s">
        <v>27571</v>
      </c>
      <c r="G7073" s="1" t="s">
        <v>27538</v>
      </c>
      <c r="H7073" s="1" t="s">
        <v>27539</v>
      </c>
      <c r="I7073" s="1" t="s">
        <v>27312</v>
      </c>
      <c r="J7073" s="1" t="s">
        <v>27572</v>
      </c>
    </row>
    <row r="7074" spans="1:10" x14ac:dyDescent="0.35">
      <c r="A7074" s="1" t="s">
        <v>27534</v>
      </c>
      <c r="B7074" s="1" t="s">
        <v>27307</v>
      </c>
      <c r="C7074" s="1" t="s">
        <v>60</v>
      </c>
      <c r="D7074" s="1" t="s">
        <v>27573</v>
      </c>
      <c r="E7074" s="1" t="s">
        <v>27574</v>
      </c>
      <c r="F7074" s="1" t="s">
        <v>27575</v>
      </c>
      <c r="G7074" s="1" t="s">
        <v>27538</v>
      </c>
      <c r="H7074" s="1" t="s">
        <v>27539</v>
      </c>
      <c r="I7074" s="1" t="s">
        <v>27312</v>
      </c>
      <c r="J7074" s="1" t="s">
        <v>27576</v>
      </c>
    </row>
    <row r="7075" spans="1:10" x14ac:dyDescent="0.35">
      <c r="A7075" s="1" t="s">
        <v>27534</v>
      </c>
      <c r="B7075" s="1" t="s">
        <v>27307</v>
      </c>
      <c r="C7075" s="1" t="s">
        <v>65</v>
      </c>
      <c r="D7075" s="1" t="s">
        <v>27577</v>
      </c>
      <c r="E7075" s="1" t="s">
        <v>27578</v>
      </c>
      <c r="F7075" s="1" t="s">
        <v>27579</v>
      </c>
      <c r="G7075" s="1" t="s">
        <v>27538</v>
      </c>
      <c r="H7075" s="1" t="s">
        <v>27539</v>
      </c>
      <c r="I7075" s="1" t="s">
        <v>27312</v>
      </c>
      <c r="J7075" s="1" t="s">
        <v>27580</v>
      </c>
    </row>
    <row r="7076" spans="1:10" x14ac:dyDescent="0.35">
      <c r="A7076" s="1" t="s">
        <v>27534</v>
      </c>
      <c r="B7076" s="1" t="s">
        <v>27307</v>
      </c>
      <c r="C7076" s="1" t="s">
        <v>70</v>
      </c>
      <c r="D7076" s="1" t="s">
        <v>27581</v>
      </c>
      <c r="E7076" s="1" t="s">
        <v>27582</v>
      </c>
      <c r="F7076" s="1" t="s">
        <v>27583</v>
      </c>
      <c r="G7076" s="1" t="s">
        <v>27538</v>
      </c>
      <c r="H7076" s="1" t="s">
        <v>27539</v>
      </c>
      <c r="I7076" s="1" t="s">
        <v>27312</v>
      </c>
      <c r="J7076" s="1" t="s">
        <v>27584</v>
      </c>
    </row>
    <row r="7077" spans="1:10" x14ac:dyDescent="0.35">
      <c r="A7077" s="1" t="s">
        <v>27534</v>
      </c>
      <c r="B7077" s="1" t="s">
        <v>27307</v>
      </c>
      <c r="C7077" s="1" t="s">
        <v>75</v>
      </c>
      <c r="D7077" s="1" t="s">
        <v>14185</v>
      </c>
      <c r="E7077" s="1" t="s">
        <v>27585</v>
      </c>
      <c r="F7077" s="1" t="s">
        <v>27586</v>
      </c>
      <c r="G7077" s="1" t="s">
        <v>27538</v>
      </c>
      <c r="H7077" s="1" t="s">
        <v>27539</v>
      </c>
      <c r="I7077" s="1" t="s">
        <v>27312</v>
      </c>
      <c r="J7077" s="1" t="s">
        <v>27587</v>
      </c>
    </row>
    <row r="7078" spans="1:10" x14ac:dyDescent="0.35">
      <c r="A7078" s="1" t="s">
        <v>27534</v>
      </c>
      <c r="B7078" s="1" t="s">
        <v>27307</v>
      </c>
      <c r="C7078" s="1" t="s">
        <v>80</v>
      </c>
      <c r="D7078" s="1" t="s">
        <v>27588</v>
      </c>
      <c r="E7078" s="1" t="s">
        <v>27589</v>
      </c>
      <c r="F7078" s="1" t="s">
        <v>27590</v>
      </c>
      <c r="G7078" s="1" t="s">
        <v>27538</v>
      </c>
      <c r="H7078" s="1" t="s">
        <v>27539</v>
      </c>
      <c r="I7078" s="1" t="s">
        <v>27312</v>
      </c>
      <c r="J7078" s="1" t="s">
        <v>27591</v>
      </c>
    </row>
    <row r="7079" spans="1:10" x14ac:dyDescent="0.35">
      <c r="A7079" s="1" t="s">
        <v>27534</v>
      </c>
      <c r="B7079" s="1" t="s">
        <v>27307</v>
      </c>
      <c r="C7079" s="1" t="s">
        <v>85</v>
      </c>
      <c r="D7079" s="1" t="s">
        <v>27592</v>
      </c>
      <c r="E7079" s="1" t="s">
        <v>27593</v>
      </c>
      <c r="F7079" s="1" t="s">
        <v>27594</v>
      </c>
      <c r="G7079" s="1" t="s">
        <v>27538</v>
      </c>
      <c r="H7079" s="1" t="s">
        <v>27539</v>
      </c>
      <c r="I7079" s="1" t="s">
        <v>27312</v>
      </c>
      <c r="J7079" s="1" t="s">
        <v>27595</v>
      </c>
    </row>
    <row r="7080" spans="1:10" x14ac:dyDescent="0.35">
      <c r="A7080" s="1" t="s">
        <v>27534</v>
      </c>
      <c r="B7080" s="1" t="s">
        <v>27307</v>
      </c>
      <c r="C7080" s="1" t="s">
        <v>90</v>
      </c>
      <c r="D7080" s="1" t="s">
        <v>27596</v>
      </c>
      <c r="E7080" s="1" t="s">
        <v>27597</v>
      </c>
      <c r="F7080" s="1" t="s">
        <v>27598</v>
      </c>
      <c r="G7080" s="1" t="s">
        <v>27538</v>
      </c>
      <c r="H7080" s="1" t="s">
        <v>27539</v>
      </c>
      <c r="I7080" s="1" t="s">
        <v>27312</v>
      </c>
      <c r="J7080" s="1" t="s">
        <v>27599</v>
      </c>
    </row>
    <row r="7081" spans="1:10" x14ac:dyDescent="0.35">
      <c r="A7081" s="1" t="s">
        <v>27534</v>
      </c>
      <c r="B7081" s="1" t="s">
        <v>27307</v>
      </c>
      <c r="C7081" s="1" t="s">
        <v>95</v>
      </c>
      <c r="D7081" s="1" t="s">
        <v>25720</v>
      </c>
      <c r="E7081" s="1" t="s">
        <v>27600</v>
      </c>
      <c r="F7081" s="1" t="s">
        <v>27601</v>
      </c>
      <c r="G7081" s="1" t="s">
        <v>27538</v>
      </c>
      <c r="H7081" s="1" t="s">
        <v>27539</v>
      </c>
      <c r="I7081" s="1" t="s">
        <v>27312</v>
      </c>
      <c r="J7081" s="1" t="s">
        <v>27602</v>
      </c>
    </row>
    <row r="7082" spans="1:10" x14ac:dyDescent="0.35">
      <c r="A7082" s="1" t="s">
        <v>27534</v>
      </c>
      <c r="B7082" s="1" t="s">
        <v>27307</v>
      </c>
      <c r="C7082" s="1" t="s">
        <v>100</v>
      </c>
      <c r="D7082" s="1" t="s">
        <v>27603</v>
      </c>
      <c r="E7082" s="1" t="s">
        <v>27604</v>
      </c>
      <c r="F7082" s="1" t="s">
        <v>27605</v>
      </c>
      <c r="G7082" s="1" t="s">
        <v>27538</v>
      </c>
      <c r="H7082" s="1" t="s">
        <v>27539</v>
      </c>
      <c r="I7082" s="1" t="s">
        <v>27312</v>
      </c>
      <c r="J7082" s="1" t="s">
        <v>27606</v>
      </c>
    </row>
    <row r="7083" spans="1:10" x14ac:dyDescent="0.35">
      <c r="A7083" s="1" t="s">
        <v>27534</v>
      </c>
      <c r="B7083" s="1" t="s">
        <v>27307</v>
      </c>
      <c r="C7083" s="1" t="s">
        <v>105</v>
      </c>
      <c r="D7083" s="1" t="s">
        <v>27607</v>
      </c>
      <c r="E7083" s="1" t="s">
        <v>27608</v>
      </c>
      <c r="F7083" s="1" t="s">
        <v>27609</v>
      </c>
      <c r="G7083" s="1" t="s">
        <v>27538</v>
      </c>
      <c r="H7083" s="1" t="s">
        <v>27539</v>
      </c>
      <c r="I7083" s="1" t="s">
        <v>27312</v>
      </c>
      <c r="J7083" s="1" t="s">
        <v>27610</v>
      </c>
    </row>
    <row r="7084" spans="1:10" x14ac:dyDescent="0.35">
      <c r="A7084" s="1" t="s">
        <v>27534</v>
      </c>
      <c r="B7084" s="1" t="s">
        <v>27307</v>
      </c>
      <c r="C7084" s="1" t="s">
        <v>110</v>
      </c>
      <c r="D7084" s="1" t="s">
        <v>27611</v>
      </c>
      <c r="E7084" s="1" t="s">
        <v>27612</v>
      </c>
      <c r="F7084" s="1" t="s">
        <v>27613</v>
      </c>
      <c r="G7084" s="1" t="s">
        <v>27538</v>
      </c>
      <c r="H7084" s="1" t="s">
        <v>27539</v>
      </c>
      <c r="I7084" s="1" t="s">
        <v>27312</v>
      </c>
      <c r="J7084" s="1" t="s">
        <v>27614</v>
      </c>
    </row>
    <row r="7085" spans="1:10" x14ac:dyDescent="0.35">
      <c r="A7085" s="1" t="s">
        <v>27534</v>
      </c>
      <c r="B7085" s="1" t="s">
        <v>27307</v>
      </c>
      <c r="C7085" s="1" t="s">
        <v>115</v>
      </c>
      <c r="D7085" s="1" t="s">
        <v>27615</v>
      </c>
      <c r="E7085" s="1" t="s">
        <v>27616</v>
      </c>
      <c r="F7085" s="1" t="s">
        <v>27617</v>
      </c>
      <c r="G7085" s="1" t="s">
        <v>27538</v>
      </c>
      <c r="H7085" s="1" t="s">
        <v>27539</v>
      </c>
      <c r="I7085" s="1" t="s">
        <v>27312</v>
      </c>
      <c r="J7085" s="1" t="s">
        <v>27618</v>
      </c>
    </row>
    <row r="7086" spans="1:10" x14ac:dyDescent="0.35">
      <c r="A7086" s="1" t="s">
        <v>27534</v>
      </c>
      <c r="B7086" s="1" t="s">
        <v>27307</v>
      </c>
      <c r="C7086" s="1" t="s">
        <v>120</v>
      </c>
      <c r="D7086" s="1" t="s">
        <v>27619</v>
      </c>
      <c r="E7086" s="1" t="s">
        <v>27620</v>
      </c>
      <c r="F7086" s="1" t="s">
        <v>27621</v>
      </c>
      <c r="G7086" s="1" t="s">
        <v>27538</v>
      </c>
      <c r="H7086" s="1" t="s">
        <v>27539</v>
      </c>
      <c r="I7086" s="1" t="s">
        <v>27312</v>
      </c>
      <c r="J7086" s="1" t="s">
        <v>4041</v>
      </c>
    </row>
    <row r="7087" spans="1:10" x14ac:dyDescent="0.35">
      <c r="A7087" s="1" t="s">
        <v>27534</v>
      </c>
      <c r="B7087" s="1" t="s">
        <v>27307</v>
      </c>
      <c r="C7087" s="1" t="s">
        <v>125</v>
      </c>
      <c r="D7087" s="1" t="s">
        <v>27622</v>
      </c>
      <c r="E7087" s="1" t="s">
        <v>27623</v>
      </c>
      <c r="F7087" s="1" t="s">
        <v>27624</v>
      </c>
      <c r="G7087" s="1" t="s">
        <v>27538</v>
      </c>
      <c r="H7087" s="1" t="s">
        <v>27539</v>
      </c>
      <c r="I7087" s="1" t="s">
        <v>27312</v>
      </c>
      <c r="J7087" s="1" t="s">
        <v>27625</v>
      </c>
    </row>
    <row r="7088" spans="1:10" x14ac:dyDescent="0.35">
      <c r="A7088" s="1" t="s">
        <v>27534</v>
      </c>
      <c r="B7088" s="1" t="s">
        <v>27307</v>
      </c>
      <c r="C7088" s="1" t="s">
        <v>130</v>
      </c>
      <c r="D7088" s="1" t="s">
        <v>27626</v>
      </c>
      <c r="E7088" s="1" t="s">
        <v>27627</v>
      </c>
      <c r="F7088" s="1" t="s">
        <v>27628</v>
      </c>
      <c r="G7088" s="1" t="s">
        <v>27538</v>
      </c>
      <c r="H7088" s="1" t="s">
        <v>27539</v>
      </c>
      <c r="I7088" s="1" t="s">
        <v>27312</v>
      </c>
      <c r="J7088" s="1" t="s">
        <v>27629</v>
      </c>
    </row>
    <row r="7089" spans="1:10" x14ac:dyDescent="0.35">
      <c r="A7089" s="1" t="s">
        <v>27534</v>
      </c>
      <c r="B7089" s="1" t="s">
        <v>27307</v>
      </c>
      <c r="C7089" s="1" t="s">
        <v>135</v>
      </c>
      <c r="D7089" s="1" t="s">
        <v>27630</v>
      </c>
      <c r="E7089" s="1" t="s">
        <v>27631</v>
      </c>
      <c r="F7089" s="1" t="s">
        <v>27632</v>
      </c>
      <c r="G7089" s="1" t="s">
        <v>27538</v>
      </c>
      <c r="H7089" s="1" t="s">
        <v>27539</v>
      </c>
      <c r="I7089" s="1" t="s">
        <v>27312</v>
      </c>
      <c r="J7089" s="1" t="s">
        <v>27633</v>
      </c>
    </row>
    <row r="7090" spans="1:10" x14ac:dyDescent="0.35">
      <c r="A7090" s="1" t="s">
        <v>27534</v>
      </c>
      <c r="B7090" s="1" t="s">
        <v>27307</v>
      </c>
      <c r="C7090" s="1" t="s">
        <v>140</v>
      </c>
      <c r="D7090" s="1" t="s">
        <v>14150</v>
      </c>
      <c r="E7090" s="1" t="s">
        <v>27634</v>
      </c>
      <c r="F7090" s="1" t="s">
        <v>27635</v>
      </c>
      <c r="G7090" s="1" t="s">
        <v>27538</v>
      </c>
      <c r="H7090" s="1" t="s">
        <v>27539</v>
      </c>
      <c r="I7090" s="1" t="s">
        <v>27312</v>
      </c>
      <c r="J7090" s="1" t="s">
        <v>27636</v>
      </c>
    </row>
    <row r="7091" spans="1:10" x14ac:dyDescent="0.35">
      <c r="A7091" s="1" t="s">
        <v>27534</v>
      </c>
      <c r="B7091" s="1" t="s">
        <v>27307</v>
      </c>
      <c r="C7091" s="1" t="s">
        <v>145</v>
      </c>
      <c r="D7091" s="1" t="s">
        <v>14017</v>
      </c>
      <c r="E7091" s="1" t="s">
        <v>27637</v>
      </c>
      <c r="F7091" s="1" t="s">
        <v>27638</v>
      </c>
      <c r="G7091" s="1" t="s">
        <v>27538</v>
      </c>
      <c r="H7091" s="1" t="s">
        <v>27539</v>
      </c>
      <c r="I7091" s="1" t="s">
        <v>27312</v>
      </c>
      <c r="J7091" s="1" t="s">
        <v>27639</v>
      </c>
    </row>
    <row r="7092" spans="1:10" x14ac:dyDescent="0.35">
      <c r="A7092" s="1" t="s">
        <v>27534</v>
      </c>
      <c r="B7092" s="1" t="s">
        <v>27307</v>
      </c>
      <c r="C7092" s="1" t="s">
        <v>150</v>
      </c>
      <c r="D7092" s="1" t="s">
        <v>27640</v>
      </c>
      <c r="E7092" s="1" t="s">
        <v>27641</v>
      </c>
      <c r="F7092" s="1" t="s">
        <v>27642</v>
      </c>
      <c r="G7092" s="1" t="s">
        <v>27538</v>
      </c>
      <c r="H7092" s="1" t="s">
        <v>27539</v>
      </c>
      <c r="I7092" s="1" t="s">
        <v>27312</v>
      </c>
      <c r="J7092" s="1" t="s">
        <v>27643</v>
      </c>
    </row>
    <row r="7093" spans="1:10" x14ac:dyDescent="0.35">
      <c r="A7093" s="1" t="s">
        <v>27534</v>
      </c>
      <c r="B7093" s="1" t="s">
        <v>27307</v>
      </c>
      <c r="C7093" s="1" t="s">
        <v>155</v>
      </c>
      <c r="D7093" s="1" t="s">
        <v>27644</v>
      </c>
      <c r="E7093" s="1" t="s">
        <v>27645</v>
      </c>
      <c r="F7093" s="1" t="s">
        <v>27646</v>
      </c>
      <c r="G7093" s="1" t="s">
        <v>27538</v>
      </c>
      <c r="H7093" s="1" t="s">
        <v>27539</v>
      </c>
      <c r="I7093" s="1" t="s">
        <v>27312</v>
      </c>
      <c r="J7093" s="1" t="s">
        <v>27647</v>
      </c>
    </row>
    <row r="7094" spans="1:10" x14ac:dyDescent="0.35">
      <c r="A7094" s="1" t="s">
        <v>27534</v>
      </c>
      <c r="B7094" s="1" t="s">
        <v>27307</v>
      </c>
      <c r="C7094" s="1" t="s">
        <v>160</v>
      </c>
      <c r="D7094" s="1" t="s">
        <v>27648</v>
      </c>
      <c r="E7094" s="1" t="s">
        <v>27649</v>
      </c>
      <c r="F7094" s="1" t="s">
        <v>27650</v>
      </c>
      <c r="G7094" s="1" t="s">
        <v>27538</v>
      </c>
      <c r="H7094" s="1" t="s">
        <v>27539</v>
      </c>
      <c r="I7094" s="1" t="s">
        <v>27312</v>
      </c>
      <c r="J7094" s="1" t="s">
        <v>27651</v>
      </c>
    </row>
    <row r="7095" spans="1:10" x14ac:dyDescent="0.35">
      <c r="A7095" s="1" t="s">
        <v>27534</v>
      </c>
      <c r="B7095" s="1" t="s">
        <v>27307</v>
      </c>
      <c r="C7095" s="1" t="s">
        <v>165</v>
      </c>
      <c r="D7095" s="1" t="s">
        <v>8357</v>
      </c>
      <c r="E7095" s="1" t="s">
        <v>27652</v>
      </c>
      <c r="F7095" s="1" t="s">
        <v>27653</v>
      </c>
      <c r="G7095" s="1" t="s">
        <v>27538</v>
      </c>
      <c r="H7095" s="1" t="s">
        <v>27539</v>
      </c>
      <c r="I7095" s="1" t="s">
        <v>27312</v>
      </c>
      <c r="J7095" s="1" t="s">
        <v>27654</v>
      </c>
    </row>
    <row r="7096" spans="1:10" x14ac:dyDescent="0.35">
      <c r="A7096" s="1" t="s">
        <v>27534</v>
      </c>
      <c r="B7096" s="1" t="s">
        <v>27307</v>
      </c>
      <c r="C7096" s="1" t="s">
        <v>170</v>
      </c>
      <c r="D7096" s="1" t="s">
        <v>2022</v>
      </c>
      <c r="E7096" s="1" t="s">
        <v>27655</v>
      </c>
      <c r="F7096" s="1" t="s">
        <v>27656</v>
      </c>
      <c r="G7096" s="1" t="s">
        <v>27538</v>
      </c>
      <c r="H7096" s="1" t="s">
        <v>27539</v>
      </c>
      <c r="I7096" s="1" t="s">
        <v>27312</v>
      </c>
      <c r="J7096" s="1" t="s">
        <v>27657</v>
      </c>
    </row>
    <row r="7097" spans="1:10" x14ac:dyDescent="0.35">
      <c r="A7097" s="1" t="s">
        <v>27658</v>
      </c>
      <c r="B7097" s="1" t="s">
        <v>27307</v>
      </c>
      <c r="C7097" s="1" t="s">
        <v>8</v>
      </c>
      <c r="D7097" s="1" t="s">
        <v>6417</v>
      </c>
      <c r="E7097" s="1" t="s">
        <v>27659</v>
      </c>
      <c r="F7097" s="1" t="s">
        <v>27660</v>
      </c>
      <c r="G7097" s="1" t="s">
        <v>27661</v>
      </c>
      <c r="H7097" s="1" t="s">
        <v>27662</v>
      </c>
      <c r="I7097" s="1" t="s">
        <v>27312</v>
      </c>
      <c r="J7097" s="1" t="s">
        <v>13</v>
      </c>
    </row>
    <row r="7098" spans="1:10" x14ac:dyDescent="0.35">
      <c r="A7098" s="1" t="s">
        <v>27658</v>
      </c>
      <c r="B7098" s="1" t="s">
        <v>27307</v>
      </c>
      <c r="C7098" s="1" t="s">
        <v>15</v>
      </c>
      <c r="D7098" s="1" t="s">
        <v>5538</v>
      </c>
      <c r="E7098" s="1" t="s">
        <v>27663</v>
      </c>
      <c r="F7098" s="1" t="s">
        <v>27664</v>
      </c>
      <c r="G7098" s="1" t="s">
        <v>27661</v>
      </c>
      <c r="H7098" s="1" t="s">
        <v>27662</v>
      </c>
      <c r="I7098" s="1" t="s">
        <v>27312</v>
      </c>
      <c r="J7098" s="1" t="s">
        <v>27665</v>
      </c>
    </row>
    <row r="7099" spans="1:10" x14ac:dyDescent="0.35">
      <c r="A7099" s="1" t="s">
        <v>27658</v>
      </c>
      <c r="B7099" s="1" t="s">
        <v>27307</v>
      </c>
      <c r="C7099" s="1" t="s">
        <v>20</v>
      </c>
      <c r="D7099" s="1" t="s">
        <v>27666</v>
      </c>
      <c r="E7099" s="1" t="s">
        <v>27667</v>
      </c>
      <c r="F7099" s="1" t="s">
        <v>27668</v>
      </c>
      <c r="G7099" s="1" t="s">
        <v>27661</v>
      </c>
      <c r="H7099" s="1" t="s">
        <v>27662</v>
      </c>
      <c r="I7099" s="1" t="s">
        <v>27312</v>
      </c>
      <c r="J7099" s="1" t="s">
        <v>27669</v>
      </c>
    </row>
    <row r="7100" spans="1:10" x14ac:dyDescent="0.35">
      <c r="A7100" s="1" t="s">
        <v>27658</v>
      </c>
      <c r="B7100" s="1" t="s">
        <v>27307</v>
      </c>
      <c r="C7100" s="1" t="s">
        <v>25</v>
      </c>
      <c r="D7100" s="1" t="s">
        <v>27313</v>
      </c>
      <c r="E7100" s="1" t="s">
        <v>27670</v>
      </c>
      <c r="F7100" s="1" t="s">
        <v>27671</v>
      </c>
      <c r="G7100" s="1" t="s">
        <v>27661</v>
      </c>
      <c r="H7100" s="1" t="s">
        <v>27662</v>
      </c>
      <c r="I7100" s="1" t="s">
        <v>27312</v>
      </c>
      <c r="J7100" s="1" t="s">
        <v>27672</v>
      </c>
    </row>
    <row r="7101" spans="1:10" x14ac:dyDescent="0.35">
      <c r="A7101" s="1" t="s">
        <v>27658</v>
      </c>
      <c r="B7101" s="1" t="s">
        <v>27307</v>
      </c>
      <c r="C7101" s="1" t="s">
        <v>30</v>
      </c>
      <c r="D7101" s="1" t="s">
        <v>27666</v>
      </c>
      <c r="E7101" s="1" t="s">
        <v>27673</v>
      </c>
      <c r="F7101" s="1" t="s">
        <v>27674</v>
      </c>
      <c r="G7101" s="1" t="s">
        <v>27661</v>
      </c>
      <c r="H7101" s="1" t="s">
        <v>27662</v>
      </c>
      <c r="I7101" s="1" t="s">
        <v>27312</v>
      </c>
      <c r="J7101" s="1" t="s">
        <v>27675</v>
      </c>
    </row>
    <row r="7102" spans="1:10" x14ac:dyDescent="0.35">
      <c r="A7102" s="1" t="s">
        <v>27658</v>
      </c>
      <c r="B7102" s="1" t="s">
        <v>27307</v>
      </c>
      <c r="C7102" s="1" t="s">
        <v>35</v>
      </c>
      <c r="D7102" s="1" t="s">
        <v>27676</v>
      </c>
      <c r="E7102" s="1" t="s">
        <v>27677</v>
      </c>
      <c r="F7102" s="1" t="s">
        <v>27678</v>
      </c>
      <c r="G7102" s="1" t="s">
        <v>27661</v>
      </c>
      <c r="H7102" s="1" t="s">
        <v>27662</v>
      </c>
      <c r="I7102" s="1" t="s">
        <v>27312</v>
      </c>
      <c r="J7102" s="1" t="s">
        <v>27679</v>
      </c>
    </row>
    <row r="7103" spans="1:10" x14ac:dyDescent="0.35">
      <c r="A7103" s="1" t="s">
        <v>27658</v>
      </c>
      <c r="B7103" s="1" t="s">
        <v>27307</v>
      </c>
      <c r="C7103" s="1" t="s">
        <v>40</v>
      </c>
      <c r="D7103" s="1" t="s">
        <v>25117</v>
      </c>
      <c r="E7103" s="1" t="s">
        <v>27680</v>
      </c>
      <c r="F7103" s="1" t="s">
        <v>27681</v>
      </c>
      <c r="G7103" s="1" t="s">
        <v>27661</v>
      </c>
      <c r="H7103" s="1" t="s">
        <v>27662</v>
      </c>
      <c r="I7103" s="1" t="s">
        <v>27312</v>
      </c>
      <c r="J7103" s="1" t="s">
        <v>27682</v>
      </c>
    </row>
    <row r="7104" spans="1:10" x14ac:dyDescent="0.35">
      <c r="A7104" s="1" t="s">
        <v>27658</v>
      </c>
      <c r="B7104" s="1" t="s">
        <v>27307</v>
      </c>
      <c r="C7104" s="1" t="s">
        <v>45</v>
      </c>
      <c r="D7104" s="1" t="s">
        <v>3928</v>
      </c>
      <c r="E7104" s="1" t="s">
        <v>27683</v>
      </c>
      <c r="F7104" s="1" t="s">
        <v>27684</v>
      </c>
      <c r="G7104" s="1" t="s">
        <v>27661</v>
      </c>
      <c r="H7104" s="1" t="s">
        <v>27662</v>
      </c>
      <c r="I7104" s="1" t="s">
        <v>27312</v>
      </c>
      <c r="J7104" s="1" t="s">
        <v>27685</v>
      </c>
    </row>
    <row r="7105" spans="1:10" x14ac:dyDescent="0.35">
      <c r="A7105" s="1" t="s">
        <v>27658</v>
      </c>
      <c r="B7105" s="1" t="s">
        <v>27307</v>
      </c>
      <c r="C7105" s="1" t="s">
        <v>50</v>
      </c>
      <c r="D7105" s="1" t="s">
        <v>27334</v>
      </c>
      <c r="E7105" s="1" t="s">
        <v>27686</v>
      </c>
      <c r="F7105" s="1" t="s">
        <v>27687</v>
      </c>
      <c r="G7105" s="1" t="s">
        <v>27661</v>
      </c>
      <c r="H7105" s="1" t="s">
        <v>27662</v>
      </c>
      <c r="I7105" s="1" t="s">
        <v>27312</v>
      </c>
      <c r="J7105" s="1" t="s">
        <v>27688</v>
      </c>
    </row>
    <row r="7106" spans="1:10" x14ac:dyDescent="0.35">
      <c r="A7106" s="1" t="s">
        <v>27658</v>
      </c>
      <c r="B7106" s="1" t="s">
        <v>27307</v>
      </c>
      <c r="C7106" s="1" t="s">
        <v>55</v>
      </c>
      <c r="D7106" s="1" t="s">
        <v>27689</v>
      </c>
      <c r="E7106" s="1" t="s">
        <v>27690</v>
      </c>
      <c r="F7106" s="1" t="s">
        <v>27691</v>
      </c>
      <c r="G7106" s="1" t="s">
        <v>27661</v>
      </c>
      <c r="H7106" s="1" t="s">
        <v>27662</v>
      </c>
      <c r="I7106" s="1" t="s">
        <v>27312</v>
      </c>
      <c r="J7106" s="1" t="s">
        <v>27692</v>
      </c>
    </row>
    <row r="7107" spans="1:10" x14ac:dyDescent="0.35">
      <c r="A7107" s="1" t="s">
        <v>27658</v>
      </c>
      <c r="B7107" s="1" t="s">
        <v>27307</v>
      </c>
      <c r="C7107" s="1" t="s">
        <v>60</v>
      </c>
      <c r="D7107" s="1" t="s">
        <v>27693</v>
      </c>
      <c r="E7107" s="1" t="s">
        <v>27694</v>
      </c>
      <c r="F7107" s="1" t="s">
        <v>27695</v>
      </c>
      <c r="G7107" s="1" t="s">
        <v>27661</v>
      </c>
      <c r="H7107" s="1" t="s">
        <v>27662</v>
      </c>
      <c r="I7107" s="1" t="s">
        <v>27312</v>
      </c>
      <c r="J7107" s="1" t="s">
        <v>27696</v>
      </c>
    </row>
    <row r="7108" spans="1:10" x14ac:dyDescent="0.35">
      <c r="A7108" s="1" t="s">
        <v>27658</v>
      </c>
      <c r="B7108" s="1" t="s">
        <v>27307</v>
      </c>
      <c r="C7108" s="1" t="s">
        <v>65</v>
      </c>
      <c r="D7108" s="1" t="s">
        <v>27697</v>
      </c>
      <c r="E7108" s="1" t="s">
        <v>27698</v>
      </c>
      <c r="F7108" s="1" t="s">
        <v>27699</v>
      </c>
      <c r="G7108" s="1" t="s">
        <v>27661</v>
      </c>
      <c r="H7108" s="1" t="s">
        <v>27662</v>
      </c>
      <c r="I7108" s="1" t="s">
        <v>27312</v>
      </c>
      <c r="J7108" s="1" t="s">
        <v>27700</v>
      </c>
    </row>
    <row r="7109" spans="1:10" x14ac:dyDescent="0.35">
      <c r="A7109" s="1" t="s">
        <v>27658</v>
      </c>
      <c r="B7109" s="1" t="s">
        <v>27307</v>
      </c>
      <c r="C7109" s="1" t="s">
        <v>70</v>
      </c>
      <c r="D7109" s="1" t="s">
        <v>27701</v>
      </c>
      <c r="E7109" s="1" t="s">
        <v>27702</v>
      </c>
      <c r="F7109" s="1" t="s">
        <v>27703</v>
      </c>
      <c r="G7109" s="1" t="s">
        <v>27661</v>
      </c>
      <c r="H7109" s="1" t="s">
        <v>27662</v>
      </c>
      <c r="I7109" s="1" t="s">
        <v>27312</v>
      </c>
      <c r="J7109" s="1" t="s">
        <v>27704</v>
      </c>
    </row>
    <row r="7110" spans="1:10" x14ac:dyDescent="0.35">
      <c r="A7110" s="1" t="s">
        <v>27658</v>
      </c>
      <c r="B7110" s="1" t="s">
        <v>27307</v>
      </c>
      <c r="C7110" s="1" t="s">
        <v>75</v>
      </c>
      <c r="D7110" s="1" t="s">
        <v>10943</v>
      </c>
      <c r="E7110" s="1" t="s">
        <v>27705</v>
      </c>
      <c r="F7110" s="1" t="s">
        <v>27706</v>
      </c>
      <c r="G7110" s="1" t="s">
        <v>27661</v>
      </c>
      <c r="H7110" s="1" t="s">
        <v>27662</v>
      </c>
      <c r="I7110" s="1" t="s">
        <v>27312</v>
      </c>
      <c r="J7110" s="1" t="s">
        <v>27707</v>
      </c>
    </row>
    <row r="7111" spans="1:10" x14ac:dyDescent="0.35">
      <c r="A7111" s="1" t="s">
        <v>27658</v>
      </c>
      <c r="B7111" s="1" t="s">
        <v>27307</v>
      </c>
      <c r="C7111" s="1" t="s">
        <v>80</v>
      </c>
      <c r="D7111" s="1" t="s">
        <v>14192</v>
      </c>
      <c r="E7111" s="1" t="s">
        <v>27708</v>
      </c>
      <c r="F7111" s="1" t="s">
        <v>27709</v>
      </c>
      <c r="G7111" s="1" t="s">
        <v>27661</v>
      </c>
      <c r="H7111" s="1" t="s">
        <v>27662</v>
      </c>
      <c r="I7111" s="1" t="s">
        <v>27312</v>
      </c>
      <c r="J7111" s="1" t="s">
        <v>27710</v>
      </c>
    </row>
    <row r="7112" spans="1:10" x14ac:dyDescent="0.35">
      <c r="A7112" s="1" t="s">
        <v>27658</v>
      </c>
      <c r="B7112" s="1" t="s">
        <v>27307</v>
      </c>
      <c r="C7112" s="1" t="s">
        <v>85</v>
      </c>
      <c r="D7112" s="1" t="s">
        <v>12970</v>
      </c>
      <c r="E7112" s="1" t="s">
        <v>27711</v>
      </c>
      <c r="F7112" s="1" t="s">
        <v>27712</v>
      </c>
      <c r="G7112" s="1" t="s">
        <v>27661</v>
      </c>
      <c r="H7112" s="1" t="s">
        <v>27662</v>
      </c>
      <c r="I7112" s="1" t="s">
        <v>27312</v>
      </c>
      <c r="J7112" s="1" t="s">
        <v>27713</v>
      </c>
    </row>
    <row r="7113" spans="1:10" x14ac:dyDescent="0.35">
      <c r="A7113" s="1" t="s">
        <v>27658</v>
      </c>
      <c r="B7113" s="1" t="s">
        <v>27307</v>
      </c>
      <c r="C7113" s="1" t="s">
        <v>90</v>
      </c>
      <c r="D7113" s="1" t="s">
        <v>25</v>
      </c>
      <c r="E7113" s="1" t="s">
        <v>27714</v>
      </c>
      <c r="F7113" s="1" t="s">
        <v>27715</v>
      </c>
      <c r="G7113" s="1" t="s">
        <v>27661</v>
      </c>
      <c r="H7113" s="1" t="s">
        <v>27662</v>
      </c>
      <c r="I7113" s="1" t="s">
        <v>27312</v>
      </c>
      <c r="J7113" s="1" t="s">
        <v>27716</v>
      </c>
    </row>
    <row r="7114" spans="1:10" x14ac:dyDescent="0.35">
      <c r="A7114" s="1" t="s">
        <v>27658</v>
      </c>
      <c r="B7114" s="1" t="s">
        <v>27307</v>
      </c>
      <c r="C7114" s="1" t="s">
        <v>95</v>
      </c>
      <c r="D7114" s="1" t="s">
        <v>5479</v>
      </c>
      <c r="E7114" s="1" t="s">
        <v>27717</v>
      </c>
      <c r="F7114" s="1" t="s">
        <v>27718</v>
      </c>
      <c r="G7114" s="1" t="s">
        <v>27661</v>
      </c>
      <c r="H7114" s="1" t="s">
        <v>27662</v>
      </c>
      <c r="I7114" s="1" t="s">
        <v>27312</v>
      </c>
      <c r="J7114" s="1" t="s">
        <v>27719</v>
      </c>
    </row>
    <row r="7115" spans="1:10" x14ac:dyDescent="0.35">
      <c r="A7115" s="1" t="s">
        <v>27658</v>
      </c>
      <c r="B7115" s="1" t="s">
        <v>27307</v>
      </c>
      <c r="C7115" s="1" t="s">
        <v>100</v>
      </c>
      <c r="D7115" s="1" t="s">
        <v>27345</v>
      </c>
      <c r="E7115" s="1" t="s">
        <v>27720</v>
      </c>
      <c r="F7115" s="1" t="s">
        <v>27721</v>
      </c>
      <c r="G7115" s="1" t="s">
        <v>27661</v>
      </c>
      <c r="H7115" s="1" t="s">
        <v>27662</v>
      </c>
      <c r="I7115" s="1" t="s">
        <v>27312</v>
      </c>
      <c r="J7115" s="1" t="s">
        <v>27722</v>
      </c>
    </row>
    <row r="7116" spans="1:10" x14ac:dyDescent="0.35">
      <c r="A7116" s="1" t="s">
        <v>27658</v>
      </c>
      <c r="B7116" s="1" t="s">
        <v>27307</v>
      </c>
      <c r="C7116" s="1" t="s">
        <v>105</v>
      </c>
      <c r="D7116" s="1" t="s">
        <v>27723</v>
      </c>
      <c r="E7116" s="1" t="s">
        <v>27724</v>
      </c>
      <c r="F7116" s="1" t="s">
        <v>27725</v>
      </c>
      <c r="G7116" s="1" t="s">
        <v>27661</v>
      </c>
      <c r="H7116" s="1" t="s">
        <v>27662</v>
      </c>
      <c r="I7116" s="1" t="s">
        <v>27312</v>
      </c>
      <c r="J7116" s="1" t="s">
        <v>27726</v>
      </c>
    </row>
    <row r="7117" spans="1:10" x14ac:dyDescent="0.35">
      <c r="A7117" s="1" t="s">
        <v>27658</v>
      </c>
      <c r="B7117" s="1" t="s">
        <v>27307</v>
      </c>
      <c r="C7117" s="1" t="s">
        <v>110</v>
      </c>
      <c r="D7117" s="1" t="s">
        <v>27727</v>
      </c>
      <c r="E7117" s="1" t="s">
        <v>27728</v>
      </c>
      <c r="F7117" s="1" t="s">
        <v>27729</v>
      </c>
      <c r="G7117" s="1" t="s">
        <v>27661</v>
      </c>
      <c r="H7117" s="1" t="s">
        <v>27662</v>
      </c>
      <c r="I7117" s="1" t="s">
        <v>27312</v>
      </c>
      <c r="J7117" s="1" t="s">
        <v>27730</v>
      </c>
    </row>
    <row r="7118" spans="1:10" x14ac:dyDescent="0.35">
      <c r="A7118" s="1" t="s">
        <v>27658</v>
      </c>
      <c r="B7118" s="1" t="s">
        <v>27307</v>
      </c>
      <c r="C7118" s="1" t="s">
        <v>115</v>
      </c>
      <c r="D7118" s="1" t="s">
        <v>27731</v>
      </c>
      <c r="E7118" s="1" t="s">
        <v>27732</v>
      </c>
      <c r="F7118" s="1" t="s">
        <v>27733</v>
      </c>
      <c r="G7118" s="1" t="s">
        <v>27661</v>
      </c>
      <c r="H7118" s="1" t="s">
        <v>27662</v>
      </c>
      <c r="I7118" s="1" t="s">
        <v>27312</v>
      </c>
      <c r="J7118" s="1" t="s">
        <v>27734</v>
      </c>
    </row>
    <row r="7119" spans="1:10" x14ac:dyDescent="0.35">
      <c r="A7119" s="1" t="s">
        <v>27658</v>
      </c>
      <c r="B7119" s="1" t="s">
        <v>27307</v>
      </c>
      <c r="C7119" s="1" t="s">
        <v>120</v>
      </c>
      <c r="D7119" s="1" t="s">
        <v>3942</v>
      </c>
      <c r="E7119" s="1" t="s">
        <v>27735</v>
      </c>
      <c r="F7119" s="1" t="s">
        <v>27736</v>
      </c>
      <c r="G7119" s="1" t="s">
        <v>27661</v>
      </c>
      <c r="H7119" s="1" t="s">
        <v>27662</v>
      </c>
      <c r="I7119" s="1" t="s">
        <v>27312</v>
      </c>
      <c r="J7119" s="1" t="s">
        <v>27737</v>
      </c>
    </row>
    <row r="7120" spans="1:10" x14ac:dyDescent="0.35">
      <c r="A7120" s="1" t="s">
        <v>27658</v>
      </c>
      <c r="B7120" s="1" t="s">
        <v>27307</v>
      </c>
      <c r="C7120" s="1" t="s">
        <v>125</v>
      </c>
      <c r="D7120" s="1" t="s">
        <v>12088</v>
      </c>
      <c r="E7120" s="1" t="s">
        <v>27738</v>
      </c>
      <c r="F7120" s="1" t="s">
        <v>27739</v>
      </c>
      <c r="G7120" s="1" t="s">
        <v>27661</v>
      </c>
      <c r="H7120" s="1" t="s">
        <v>27662</v>
      </c>
      <c r="I7120" s="1" t="s">
        <v>27312</v>
      </c>
      <c r="J7120" s="1" t="s">
        <v>27740</v>
      </c>
    </row>
    <row r="7121" spans="1:10" x14ac:dyDescent="0.35">
      <c r="A7121" s="1" t="s">
        <v>27658</v>
      </c>
      <c r="B7121" s="1" t="s">
        <v>27307</v>
      </c>
      <c r="C7121" s="1" t="s">
        <v>130</v>
      </c>
      <c r="D7121" s="1" t="s">
        <v>27741</v>
      </c>
      <c r="E7121" s="1" t="s">
        <v>27742</v>
      </c>
      <c r="F7121" s="1" t="s">
        <v>27743</v>
      </c>
      <c r="G7121" s="1" t="s">
        <v>27661</v>
      </c>
      <c r="H7121" s="1" t="s">
        <v>27662</v>
      </c>
      <c r="I7121" s="1" t="s">
        <v>27312</v>
      </c>
      <c r="J7121" s="1" t="s">
        <v>27744</v>
      </c>
    </row>
    <row r="7122" spans="1:10" x14ac:dyDescent="0.35">
      <c r="A7122" s="1" t="s">
        <v>27658</v>
      </c>
      <c r="B7122" s="1" t="s">
        <v>27307</v>
      </c>
      <c r="C7122" s="1" t="s">
        <v>135</v>
      </c>
      <c r="D7122" s="1" t="s">
        <v>27745</v>
      </c>
      <c r="E7122" s="1" t="s">
        <v>27746</v>
      </c>
      <c r="F7122" s="1" t="s">
        <v>27747</v>
      </c>
      <c r="G7122" s="1" t="s">
        <v>27661</v>
      </c>
      <c r="H7122" s="1" t="s">
        <v>27662</v>
      </c>
      <c r="I7122" s="1" t="s">
        <v>27312</v>
      </c>
      <c r="J7122" s="1" t="s">
        <v>27748</v>
      </c>
    </row>
    <row r="7123" spans="1:10" x14ac:dyDescent="0.35">
      <c r="A7123" s="1" t="s">
        <v>27658</v>
      </c>
      <c r="B7123" s="1" t="s">
        <v>27307</v>
      </c>
      <c r="C7123" s="1" t="s">
        <v>140</v>
      </c>
      <c r="D7123" s="1" t="s">
        <v>27749</v>
      </c>
      <c r="E7123" s="1" t="s">
        <v>27750</v>
      </c>
      <c r="F7123" s="1" t="s">
        <v>27751</v>
      </c>
      <c r="G7123" s="1" t="s">
        <v>27661</v>
      </c>
      <c r="H7123" s="1" t="s">
        <v>27662</v>
      </c>
      <c r="I7123" s="1" t="s">
        <v>27312</v>
      </c>
      <c r="J7123" s="1" t="s">
        <v>27752</v>
      </c>
    </row>
    <row r="7124" spans="1:10" x14ac:dyDescent="0.35">
      <c r="A7124" s="1" t="s">
        <v>27658</v>
      </c>
      <c r="B7124" s="1" t="s">
        <v>27307</v>
      </c>
      <c r="C7124" s="1" t="s">
        <v>145</v>
      </c>
      <c r="D7124" s="1" t="s">
        <v>27619</v>
      </c>
      <c r="E7124" s="1" t="s">
        <v>27753</v>
      </c>
      <c r="F7124" s="1" t="s">
        <v>27754</v>
      </c>
      <c r="G7124" s="1" t="s">
        <v>27661</v>
      </c>
      <c r="H7124" s="1" t="s">
        <v>27662</v>
      </c>
      <c r="I7124" s="1" t="s">
        <v>27312</v>
      </c>
      <c r="J7124" s="1" t="s">
        <v>27755</v>
      </c>
    </row>
    <row r="7125" spans="1:10" x14ac:dyDescent="0.35">
      <c r="A7125" s="1" t="s">
        <v>27658</v>
      </c>
      <c r="B7125" s="1" t="s">
        <v>27307</v>
      </c>
      <c r="C7125" s="1" t="s">
        <v>150</v>
      </c>
      <c r="D7125" s="1" t="s">
        <v>27756</v>
      </c>
      <c r="E7125" s="1" t="s">
        <v>27757</v>
      </c>
      <c r="F7125" s="1" t="s">
        <v>27758</v>
      </c>
      <c r="G7125" s="1" t="s">
        <v>27661</v>
      </c>
      <c r="H7125" s="1" t="s">
        <v>27662</v>
      </c>
      <c r="I7125" s="1" t="s">
        <v>27312</v>
      </c>
      <c r="J7125" s="1" t="s">
        <v>27759</v>
      </c>
    </row>
    <row r="7126" spans="1:10" x14ac:dyDescent="0.35">
      <c r="A7126" s="1" t="s">
        <v>27658</v>
      </c>
      <c r="B7126" s="1" t="s">
        <v>27307</v>
      </c>
      <c r="C7126" s="1" t="s">
        <v>155</v>
      </c>
      <c r="D7126" s="1" t="s">
        <v>8741</v>
      </c>
      <c r="E7126" s="1" t="s">
        <v>27760</v>
      </c>
      <c r="F7126" s="1" t="s">
        <v>27761</v>
      </c>
      <c r="G7126" s="1" t="s">
        <v>27661</v>
      </c>
      <c r="H7126" s="1" t="s">
        <v>27662</v>
      </c>
      <c r="I7126" s="1" t="s">
        <v>27312</v>
      </c>
      <c r="J7126" s="1" t="s">
        <v>27762</v>
      </c>
    </row>
    <row r="7127" spans="1:10" x14ac:dyDescent="0.35">
      <c r="A7127" s="1" t="s">
        <v>27658</v>
      </c>
      <c r="B7127" s="1" t="s">
        <v>27307</v>
      </c>
      <c r="C7127" s="1" t="s">
        <v>160</v>
      </c>
      <c r="D7127" s="1" t="s">
        <v>27763</v>
      </c>
      <c r="E7127" s="1" t="s">
        <v>27764</v>
      </c>
      <c r="F7127" s="1" t="s">
        <v>27765</v>
      </c>
      <c r="G7127" s="1" t="s">
        <v>27661</v>
      </c>
      <c r="H7127" s="1" t="s">
        <v>27662</v>
      </c>
      <c r="I7127" s="1" t="s">
        <v>27312</v>
      </c>
      <c r="J7127" s="1" t="s">
        <v>27766</v>
      </c>
    </row>
    <row r="7128" spans="1:10" x14ac:dyDescent="0.35">
      <c r="A7128" s="1" t="s">
        <v>27658</v>
      </c>
      <c r="B7128" s="1" t="s">
        <v>27307</v>
      </c>
      <c r="C7128" s="1" t="s">
        <v>165</v>
      </c>
      <c r="D7128" s="1" t="s">
        <v>27767</v>
      </c>
      <c r="E7128" s="1" t="s">
        <v>27768</v>
      </c>
      <c r="F7128" s="1" t="s">
        <v>27769</v>
      </c>
      <c r="G7128" s="1" t="s">
        <v>27661</v>
      </c>
      <c r="H7128" s="1" t="s">
        <v>27662</v>
      </c>
      <c r="I7128" s="1" t="s">
        <v>27312</v>
      </c>
      <c r="J7128" s="1" t="s">
        <v>27770</v>
      </c>
    </row>
    <row r="7129" spans="1:10" x14ac:dyDescent="0.35">
      <c r="A7129" s="1" t="s">
        <v>27658</v>
      </c>
      <c r="B7129" s="1" t="s">
        <v>27307</v>
      </c>
      <c r="C7129" s="1" t="s">
        <v>170</v>
      </c>
      <c r="D7129" s="1" t="s">
        <v>27771</v>
      </c>
      <c r="E7129" s="1" t="s">
        <v>27772</v>
      </c>
      <c r="F7129" s="1" t="s">
        <v>27773</v>
      </c>
      <c r="G7129" s="1" t="s">
        <v>27661</v>
      </c>
      <c r="H7129" s="1" t="s">
        <v>27662</v>
      </c>
      <c r="I7129" s="1" t="s">
        <v>27312</v>
      </c>
      <c r="J7129" s="1" t="s">
        <v>27774</v>
      </c>
    </row>
    <row r="7130" spans="1:10" x14ac:dyDescent="0.35">
      <c r="A7130" s="1" t="s">
        <v>27775</v>
      </c>
      <c r="B7130" s="1" t="s">
        <v>27307</v>
      </c>
      <c r="C7130" s="1" t="s">
        <v>8</v>
      </c>
      <c r="D7130" s="1" t="s">
        <v>27776</v>
      </c>
      <c r="E7130" s="1" t="s">
        <v>27777</v>
      </c>
      <c r="F7130" s="1" t="s">
        <v>27778</v>
      </c>
      <c r="G7130" s="1" t="s">
        <v>27779</v>
      </c>
      <c r="H7130" s="1" t="s">
        <v>27780</v>
      </c>
      <c r="I7130" s="1" t="s">
        <v>27312</v>
      </c>
      <c r="J7130" s="1" t="s">
        <v>13</v>
      </c>
    </row>
    <row r="7131" spans="1:10" x14ac:dyDescent="0.35">
      <c r="A7131" s="1" t="s">
        <v>27775</v>
      </c>
      <c r="B7131" s="1" t="s">
        <v>27307</v>
      </c>
      <c r="C7131" s="1" t="s">
        <v>15</v>
      </c>
      <c r="D7131" s="1" t="s">
        <v>9916</v>
      </c>
      <c r="E7131" s="1" t="s">
        <v>27781</v>
      </c>
      <c r="F7131" s="1" t="s">
        <v>27782</v>
      </c>
      <c r="G7131" s="1" t="s">
        <v>27779</v>
      </c>
      <c r="H7131" s="1" t="s">
        <v>27780</v>
      </c>
      <c r="I7131" s="1" t="s">
        <v>27312</v>
      </c>
      <c r="J7131" s="1" t="s">
        <v>27783</v>
      </c>
    </row>
    <row r="7132" spans="1:10" x14ac:dyDescent="0.35">
      <c r="A7132" s="1" t="s">
        <v>27775</v>
      </c>
      <c r="B7132" s="1" t="s">
        <v>27307</v>
      </c>
      <c r="C7132" s="1" t="s">
        <v>20</v>
      </c>
      <c r="D7132" s="1" t="s">
        <v>27611</v>
      </c>
      <c r="E7132" s="1" t="s">
        <v>27784</v>
      </c>
      <c r="F7132" s="1" t="s">
        <v>27785</v>
      </c>
      <c r="G7132" s="1" t="s">
        <v>27779</v>
      </c>
      <c r="H7132" s="1" t="s">
        <v>27780</v>
      </c>
      <c r="I7132" s="1" t="s">
        <v>27312</v>
      </c>
      <c r="J7132" s="1" t="s">
        <v>27786</v>
      </c>
    </row>
    <row r="7133" spans="1:10" x14ac:dyDescent="0.35">
      <c r="A7133" s="1" t="s">
        <v>27775</v>
      </c>
      <c r="B7133" s="1" t="s">
        <v>27307</v>
      </c>
      <c r="C7133" s="1" t="s">
        <v>25</v>
      </c>
      <c r="D7133" s="1" t="s">
        <v>27787</v>
      </c>
      <c r="E7133" s="1" t="s">
        <v>27788</v>
      </c>
      <c r="F7133" s="1" t="s">
        <v>27789</v>
      </c>
      <c r="G7133" s="1" t="s">
        <v>27779</v>
      </c>
      <c r="H7133" s="1" t="s">
        <v>27780</v>
      </c>
      <c r="I7133" s="1" t="s">
        <v>27312</v>
      </c>
      <c r="J7133" s="1" t="s">
        <v>27790</v>
      </c>
    </row>
    <row r="7134" spans="1:10" x14ac:dyDescent="0.35">
      <c r="A7134" s="1" t="s">
        <v>27775</v>
      </c>
      <c r="B7134" s="1" t="s">
        <v>27307</v>
      </c>
      <c r="C7134" s="1" t="s">
        <v>30</v>
      </c>
      <c r="D7134" s="1" t="s">
        <v>27791</v>
      </c>
      <c r="E7134" s="1" t="s">
        <v>27792</v>
      </c>
      <c r="F7134" s="1" t="s">
        <v>27793</v>
      </c>
      <c r="G7134" s="1" t="s">
        <v>27779</v>
      </c>
      <c r="H7134" s="1" t="s">
        <v>27780</v>
      </c>
      <c r="I7134" s="1" t="s">
        <v>27312</v>
      </c>
      <c r="J7134" s="1" t="s">
        <v>27794</v>
      </c>
    </row>
    <row r="7135" spans="1:10" x14ac:dyDescent="0.35">
      <c r="A7135" s="1" t="s">
        <v>27775</v>
      </c>
      <c r="B7135" s="1" t="s">
        <v>27307</v>
      </c>
      <c r="C7135" s="1" t="s">
        <v>35</v>
      </c>
      <c r="D7135" s="1" t="s">
        <v>10266</v>
      </c>
      <c r="E7135" s="1" t="s">
        <v>27795</v>
      </c>
      <c r="F7135" s="1" t="s">
        <v>27796</v>
      </c>
      <c r="G7135" s="1" t="s">
        <v>27779</v>
      </c>
      <c r="H7135" s="1" t="s">
        <v>27780</v>
      </c>
      <c r="I7135" s="1" t="s">
        <v>27312</v>
      </c>
      <c r="J7135" s="1" t="s">
        <v>27797</v>
      </c>
    </row>
    <row r="7136" spans="1:10" x14ac:dyDescent="0.35">
      <c r="A7136" s="1" t="s">
        <v>27775</v>
      </c>
      <c r="B7136" s="1" t="s">
        <v>27307</v>
      </c>
      <c r="C7136" s="1" t="s">
        <v>40</v>
      </c>
      <c r="D7136" s="1" t="s">
        <v>27798</v>
      </c>
      <c r="E7136" s="1" t="s">
        <v>27799</v>
      </c>
      <c r="F7136" s="1" t="s">
        <v>27800</v>
      </c>
      <c r="G7136" s="1" t="s">
        <v>27779</v>
      </c>
      <c r="H7136" s="1" t="s">
        <v>27780</v>
      </c>
      <c r="I7136" s="1" t="s">
        <v>27312</v>
      </c>
      <c r="J7136" s="1" t="s">
        <v>27801</v>
      </c>
    </row>
    <row r="7137" spans="1:10" x14ac:dyDescent="0.35">
      <c r="A7137" s="1" t="s">
        <v>27775</v>
      </c>
      <c r="B7137" s="1" t="s">
        <v>27307</v>
      </c>
      <c r="C7137" s="1" t="s">
        <v>45</v>
      </c>
      <c r="D7137" s="1" t="s">
        <v>27802</v>
      </c>
      <c r="E7137" s="1" t="s">
        <v>27803</v>
      </c>
      <c r="F7137" s="1" t="s">
        <v>27804</v>
      </c>
      <c r="G7137" s="1" t="s">
        <v>27779</v>
      </c>
      <c r="H7137" s="1" t="s">
        <v>27780</v>
      </c>
      <c r="I7137" s="1" t="s">
        <v>27312</v>
      </c>
      <c r="J7137" s="1" t="s">
        <v>27805</v>
      </c>
    </row>
    <row r="7138" spans="1:10" x14ac:dyDescent="0.35">
      <c r="A7138" s="1" t="s">
        <v>27775</v>
      </c>
      <c r="B7138" s="1" t="s">
        <v>27307</v>
      </c>
      <c r="C7138" s="1" t="s">
        <v>50</v>
      </c>
      <c r="D7138" s="1" t="s">
        <v>27806</v>
      </c>
      <c r="E7138" s="1" t="s">
        <v>27807</v>
      </c>
      <c r="F7138" s="1" t="s">
        <v>27808</v>
      </c>
      <c r="G7138" s="1" t="s">
        <v>27779</v>
      </c>
      <c r="H7138" s="1" t="s">
        <v>27780</v>
      </c>
      <c r="I7138" s="1" t="s">
        <v>27312</v>
      </c>
      <c r="J7138" s="1" t="s">
        <v>27809</v>
      </c>
    </row>
    <row r="7139" spans="1:10" x14ac:dyDescent="0.35">
      <c r="A7139" s="1" t="s">
        <v>27775</v>
      </c>
      <c r="B7139" s="1" t="s">
        <v>27307</v>
      </c>
      <c r="C7139" s="1" t="s">
        <v>55</v>
      </c>
      <c r="D7139" s="1" t="s">
        <v>7040</v>
      </c>
      <c r="E7139" s="1" t="s">
        <v>27810</v>
      </c>
      <c r="F7139" s="1" t="s">
        <v>27811</v>
      </c>
      <c r="G7139" s="1" t="s">
        <v>27779</v>
      </c>
      <c r="H7139" s="1" t="s">
        <v>27780</v>
      </c>
      <c r="I7139" s="1" t="s">
        <v>27312</v>
      </c>
      <c r="J7139" s="1" t="s">
        <v>27812</v>
      </c>
    </row>
    <row r="7140" spans="1:10" x14ac:dyDescent="0.35">
      <c r="A7140" s="1" t="s">
        <v>27775</v>
      </c>
      <c r="B7140" s="1" t="s">
        <v>27307</v>
      </c>
      <c r="C7140" s="1" t="s">
        <v>60</v>
      </c>
      <c r="D7140" s="1" t="s">
        <v>27813</v>
      </c>
      <c r="E7140" s="1" t="s">
        <v>27814</v>
      </c>
      <c r="F7140" s="1" t="s">
        <v>27815</v>
      </c>
      <c r="G7140" s="1" t="s">
        <v>27779</v>
      </c>
      <c r="H7140" s="1" t="s">
        <v>27780</v>
      </c>
      <c r="I7140" s="1" t="s">
        <v>27312</v>
      </c>
      <c r="J7140" s="1" t="s">
        <v>27816</v>
      </c>
    </row>
    <row r="7141" spans="1:10" x14ac:dyDescent="0.35">
      <c r="A7141" s="1" t="s">
        <v>27775</v>
      </c>
      <c r="B7141" s="1" t="s">
        <v>27307</v>
      </c>
      <c r="C7141" s="1" t="s">
        <v>65</v>
      </c>
      <c r="D7141" s="1" t="s">
        <v>332</v>
      </c>
      <c r="E7141" s="1" t="s">
        <v>27817</v>
      </c>
      <c r="F7141" s="1" t="s">
        <v>27818</v>
      </c>
      <c r="G7141" s="1" t="s">
        <v>27779</v>
      </c>
      <c r="H7141" s="1" t="s">
        <v>27780</v>
      </c>
      <c r="I7141" s="1" t="s">
        <v>27312</v>
      </c>
      <c r="J7141" s="1" t="s">
        <v>27819</v>
      </c>
    </row>
    <row r="7142" spans="1:10" x14ac:dyDescent="0.35">
      <c r="A7142" s="1" t="s">
        <v>27775</v>
      </c>
      <c r="B7142" s="1" t="s">
        <v>27307</v>
      </c>
      <c r="C7142" s="1" t="s">
        <v>70</v>
      </c>
      <c r="D7142" s="1" t="s">
        <v>27820</v>
      </c>
      <c r="E7142" s="1" t="s">
        <v>27821</v>
      </c>
      <c r="F7142" s="1" t="s">
        <v>27822</v>
      </c>
      <c r="G7142" s="1" t="s">
        <v>27779</v>
      </c>
      <c r="H7142" s="1" t="s">
        <v>27780</v>
      </c>
      <c r="I7142" s="1" t="s">
        <v>27312</v>
      </c>
      <c r="J7142" s="1" t="s">
        <v>27823</v>
      </c>
    </row>
    <row r="7143" spans="1:10" x14ac:dyDescent="0.35">
      <c r="A7143" s="1" t="s">
        <v>27775</v>
      </c>
      <c r="B7143" s="1" t="s">
        <v>27307</v>
      </c>
      <c r="C7143" s="1" t="s">
        <v>75</v>
      </c>
      <c r="D7143" s="1" t="s">
        <v>27824</v>
      </c>
      <c r="E7143" s="1" t="s">
        <v>27825</v>
      </c>
      <c r="F7143" s="1" t="s">
        <v>27826</v>
      </c>
      <c r="G7143" s="1" t="s">
        <v>27779</v>
      </c>
      <c r="H7143" s="1" t="s">
        <v>27780</v>
      </c>
      <c r="I7143" s="1" t="s">
        <v>27312</v>
      </c>
      <c r="J7143" s="1" t="s">
        <v>27827</v>
      </c>
    </row>
    <row r="7144" spans="1:10" x14ac:dyDescent="0.35">
      <c r="A7144" s="1" t="s">
        <v>27775</v>
      </c>
      <c r="B7144" s="1" t="s">
        <v>27307</v>
      </c>
      <c r="C7144" s="1" t="s">
        <v>80</v>
      </c>
      <c r="D7144" s="1" t="s">
        <v>27828</v>
      </c>
      <c r="E7144" s="1" t="s">
        <v>27829</v>
      </c>
      <c r="F7144" s="1" t="s">
        <v>27830</v>
      </c>
      <c r="G7144" s="1" t="s">
        <v>27779</v>
      </c>
      <c r="H7144" s="1" t="s">
        <v>27780</v>
      </c>
      <c r="I7144" s="1" t="s">
        <v>27312</v>
      </c>
      <c r="J7144" s="1" t="s">
        <v>27831</v>
      </c>
    </row>
    <row r="7145" spans="1:10" x14ac:dyDescent="0.35">
      <c r="A7145" s="1" t="s">
        <v>27775</v>
      </c>
      <c r="B7145" s="1" t="s">
        <v>27307</v>
      </c>
      <c r="C7145" s="1" t="s">
        <v>85</v>
      </c>
      <c r="D7145" s="1" t="s">
        <v>8337</v>
      </c>
      <c r="E7145" s="1" t="s">
        <v>27832</v>
      </c>
      <c r="F7145" s="1" t="s">
        <v>27833</v>
      </c>
      <c r="G7145" s="1" t="s">
        <v>27779</v>
      </c>
      <c r="H7145" s="1" t="s">
        <v>27780</v>
      </c>
      <c r="I7145" s="1" t="s">
        <v>27312</v>
      </c>
      <c r="J7145" s="1" t="s">
        <v>27834</v>
      </c>
    </row>
    <row r="7146" spans="1:10" x14ac:dyDescent="0.35">
      <c r="A7146" s="1" t="s">
        <v>27775</v>
      </c>
      <c r="B7146" s="1" t="s">
        <v>27307</v>
      </c>
      <c r="C7146" s="1" t="s">
        <v>90</v>
      </c>
      <c r="D7146" s="1" t="s">
        <v>25506</v>
      </c>
      <c r="E7146" s="1" t="s">
        <v>27835</v>
      </c>
      <c r="F7146" s="1" t="s">
        <v>27836</v>
      </c>
      <c r="G7146" s="1" t="s">
        <v>27779</v>
      </c>
      <c r="H7146" s="1" t="s">
        <v>27780</v>
      </c>
      <c r="I7146" s="1" t="s">
        <v>27312</v>
      </c>
      <c r="J7146" s="1" t="s">
        <v>27837</v>
      </c>
    </row>
    <row r="7147" spans="1:10" x14ac:dyDescent="0.35">
      <c r="A7147" s="1" t="s">
        <v>27775</v>
      </c>
      <c r="B7147" s="1" t="s">
        <v>27307</v>
      </c>
      <c r="C7147" s="1" t="s">
        <v>95</v>
      </c>
      <c r="D7147" s="1" t="s">
        <v>2035</v>
      </c>
      <c r="E7147" s="1" t="s">
        <v>27838</v>
      </c>
      <c r="F7147" s="1" t="s">
        <v>27839</v>
      </c>
      <c r="G7147" s="1" t="s">
        <v>27779</v>
      </c>
      <c r="H7147" s="1" t="s">
        <v>27780</v>
      </c>
      <c r="I7147" s="1" t="s">
        <v>27312</v>
      </c>
      <c r="J7147" s="1" t="s">
        <v>27840</v>
      </c>
    </row>
    <row r="7148" spans="1:10" x14ac:dyDescent="0.35">
      <c r="A7148" s="1" t="s">
        <v>27775</v>
      </c>
      <c r="B7148" s="1" t="s">
        <v>27307</v>
      </c>
      <c r="C7148" s="1" t="s">
        <v>100</v>
      </c>
      <c r="D7148" s="1" t="s">
        <v>9991</v>
      </c>
      <c r="E7148" s="1" t="s">
        <v>27841</v>
      </c>
      <c r="F7148" s="1" t="s">
        <v>27842</v>
      </c>
      <c r="G7148" s="1" t="s">
        <v>27779</v>
      </c>
      <c r="H7148" s="1" t="s">
        <v>27780</v>
      </c>
      <c r="I7148" s="1" t="s">
        <v>27312</v>
      </c>
      <c r="J7148" s="1" t="s">
        <v>27843</v>
      </c>
    </row>
    <row r="7149" spans="1:10" x14ac:dyDescent="0.35">
      <c r="A7149" s="1" t="s">
        <v>27775</v>
      </c>
      <c r="B7149" s="1" t="s">
        <v>27307</v>
      </c>
      <c r="C7149" s="1" t="s">
        <v>105</v>
      </c>
      <c r="D7149" s="1" t="s">
        <v>8365</v>
      </c>
      <c r="E7149" s="1" t="s">
        <v>27844</v>
      </c>
      <c r="F7149" s="1" t="s">
        <v>27845</v>
      </c>
      <c r="G7149" s="1" t="s">
        <v>27779</v>
      </c>
      <c r="H7149" s="1" t="s">
        <v>27780</v>
      </c>
      <c r="I7149" s="1" t="s">
        <v>27312</v>
      </c>
      <c r="J7149" s="1" t="s">
        <v>27846</v>
      </c>
    </row>
    <row r="7150" spans="1:10" x14ac:dyDescent="0.35">
      <c r="A7150" s="1" t="s">
        <v>27775</v>
      </c>
      <c r="B7150" s="1" t="s">
        <v>27307</v>
      </c>
      <c r="C7150" s="1" t="s">
        <v>110</v>
      </c>
      <c r="D7150" s="1" t="s">
        <v>27847</v>
      </c>
      <c r="E7150" s="1" t="s">
        <v>27848</v>
      </c>
      <c r="F7150" s="1" t="s">
        <v>27849</v>
      </c>
      <c r="G7150" s="1" t="s">
        <v>27779</v>
      </c>
      <c r="H7150" s="1" t="s">
        <v>27780</v>
      </c>
      <c r="I7150" s="1" t="s">
        <v>27312</v>
      </c>
      <c r="J7150" s="1" t="s">
        <v>27850</v>
      </c>
    </row>
    <row r="7151" spans="1:10" x14ac:dyDescent="0.35">
      <c r="A7151" s="1" t="s">
        <v>27775</v>
      </c>
      <c r="B7151" s="1" t="s">
        <v>27307</v>
      </c>
      <c r="C7151" s="1" t="s">
        <v>115</v>
      </c>
      <c r="D7151" s="1" t="s">
        <v>27851</v>
      </c>
      <c r="E7151" s="1" t="s">
        <v>27852</v>
      </c>
      <c r="F7151" s="1" t="s">
        <v>27853</v>
      </c>
      <c r="G7151" s="1" t="s">
        <v>27779</v>
      </c>
      <c r="H7151" s="1" t="s">
        <v>27780</v>
      </c>
      <c r="I7151" s="1" t="s">
        <v>27312</v>
      </c>
      <c r="J7151" s="1" t="s">
        <v>27854</v>
      </c>
    </row>
    <row r="7152" spans="1:10" x14ac:dyDescent="0.35">
      <c r="A7152" s="1" t="s">
        <v>27775</v>
      </c>
      <c r="B7152" s="1" t="s">
        <v>27307</v>
      </c>
      <c r="C7152" s="1" t="s">
        <v>120</v>
      </c>
      <c r="D7152" s="1" t="s">
        <v>27855</v>
      </c>
      <c r="E7152" s="1" t="s">
        <v>27856</v>
      </c>
      <c r="F7152" s="1" t="s">
        <v>27857</v>
      </c>
      <c r="G7152" s="1" t="s">
        <v>27779</v>
      </c>
      <c r="H7152" s="1" t="s">
        <v>27780</v>
      </c>
      <c r="I7152" s="1" t="s">
        <v>27312</v>
      </c>
      <c r="J7152" s="1" t="s">
        <v>27858</v>
      </c>
    </row>
    <row r="7153" spans="1:10" x14ac:dyDescent="0.35">
      <c r="A7153" s="1" t="s">
        <v>27775</v>
      </c>
      <c r="B7153" s="1" t="s">
        <v>27307</v>
      </c>
      <c r="C7153" s="1" t="s">
        <v>125</v>
      </c>
      <c r="D7153" s="1" t="s">
        <v>27859</v>
      </c>
      <c r="E7153" s="1" t="s">
        <v>27860</v>
      </c>
      <c r="F7153" s="1" t="s">
        <v>27861</v>
      </c>
      <c r="G7153" s="1" t="s">
        <v>27779</v>
      </c>
      <c r="H7153" s="1" t="s">
        <v>27780</v>
      </c>
      <c r="I7153" s="1" t="s">
        <v>27312</v>
      </c>
      <c r="J7153" s="1" t="s">
        <v>27862</v>
      </c>
    </row>
    <row r="7154" spans="1:10" x14ac:dyDescent="0.35">
      <c r="A7154" s="1" t="s">
        <v>27775</v>
      </c>
      <c r="B7154" s="1" t="s">
        <v>27307</v>
      </c>
      <c r="C7154" s="1" t="s">
        <v>130</v>
      </c>
      <c r="D7154" s="1" t="s">
        <v>27863</v>
      </c>
      <c r="E7154" s="1" t="s">
        <v>27864</v>
      </c>
      <c r="F7154" s="1" t="s">
        <v>27865</v>
      </c>
      <c r="G7154" s="1" t="s">
        <v>27779</v>
      </c>
      <c r="H7154" s="1" t="s">
        <v>27780</v>
      </c>
      <c r="I7154" s="1" t="s">
        <v>27312</v>
      </c>
      <c r="J7154" s="1" t="s">
        <v>27866</v>
      </c>
    </row>
    <row r="7155" spans="1:10" x14ac:dyDescent="0.35">
      <c r="A7155" s="1" t="s">
        <v>27775</v>
      </c>
      <c r="B7155" s="1" t="s">
        <v>27307</v>
      </c>
      <c r="C7155" s="1" t="s">
        <v>135</v>
      </c>
      <c r="D7155" s="1" t="s">
        <v>27867</v>
      </c>
      <c r="E7155" s="1" t="s">
        <v>27868</v>
      </c>
      <c r="F7155" s="1" t="s">
        <v>27869</v>
      </c>
      <c r="G7155" s="1" t="s">
        <v>27779</v>
      </c>
      <c r="H7155" s="1" t="s">
        <v>27780</v>
      </c>
      <c r="I7155" s="1" t="s">
        <v>27312</v>
      </c>
      <c r="J7155" s="1" t="s">
        <v>27870</v>
      </c>
    </row>
    <row r="7156" spans="1:10" x14ac:dyDescent="0.35">
      <c r="A7156" s="1" t="s">
        <v>27775</v>
      </c>
      <c r="B7156" s="1" t="s">
        <v>27307</v>
      </c>
      <c r="C7156" s="1" t="s">
        <v>140</v>
      </c>
      <c r="D7156" s="1" t="s">
        <v>27871</v>
      </c>
      <c r="E7156" s="1" t="s">
        <v>27872</v>
      </c>
      <c r="F7156" s="1" t="s">
        <v>27873</v>
      </c>
      <c r="G7156" s="1" t="s">
        <v>27779</v>
      </c>
      <c r="H7156" s="1" t="s">
        <v>27780</v>
      </c>
      <c r="I7156" s="1" t="s">
        <v>27312</v>
      </c>
      <c r="J7156" s="1" t="s">
        <v>27874</v>
      </c>
    </row>
    <row r="7157" spans="1:10" x14ac:dyDescent="0.35">
      <c r="A7157" s="1" t="s">
        <v>27775</v>
      </c>
      <c r="B7157" s="1" t="s">
        <v>27307</v>
      </c>
      <c r="C7157" s="1" t="s">
        <v>145</v>
      </c>
      <c r="D7157" s="1" t="s">
        <v>26004</v>
      </c>
      <c r="E7157" s="1" t="s">
        <v>27875</v>
      </c>
      <c r="F7157" s="1" t="s">
        <v>27876</v>
      </c>
      <c r="G7157" s="1" t="s">
        <v>27779</v>
      </c>
      <c r="H7157" s="1" t="s">
        <v>27780</v>
      </c>
      <c r="I7157" s="1" t="s">
        <v>27312</v>
      </c>
      <c r="J7157" s="1" t="s">
        <v>27877</v>
      </c>
    </row>
    <row r="7158" spans="1:10" x14ac:dyDescent="0.35">
      <c r="A7158" s="1" t="s">
        <v>27775</v>
      </c>
      <c r="B7158" s="1" t="s">
        <v>27307</v>
      </c>
      <c r="C7158" s="1" t="s">
        <v>150</v>
      </c>
      <c r="D7158" s="1" t="s">
        <v>27878</v>
      </c>
      <c r="E7158" s="1" t="s">
        <v>27879</v>
      </c>
      <c r="F7158" s="1" t="s">
        <v>27880</v>
      </c>
      <c r="G7158" s="1" t="s">
        <v>27779</v>
      </c>
      <c r="H7158" s="1" t="s">
        <v>27780</v>
      </c>
      <c r="I7158" s="1" t="s">
        <v>27312</v>
      </c>
      <c r="J7158" s="1" t="s">
        <v>27881</v>
      </c>
    </row>
    <row r="7159" spans="1:10" x14ac:dyDescent="0.35">
      <c r="A7159" s="1" t="s">
        <v>27775</v>
      </c>
      <c r="B7159" s="1" t="s">
        <v>27307</v>
      </c>
      <c r="C7159" s="1" t="s">
        <v>155</v>
      </c>
      <c r="D7159" s="1" t="s">
        <v>27882</v>
      </c>
      <c r="E7159" s="1" t="s">
        <v>27883</v>
      </c>
      <c r="F7159" s="1" t="s">
        <v>27884</v>
      </c>
      <c r="G7159" s="1" t="s">
        <v>27779</v>
      </c>
      <c r="H7159" s="1" t="s">
        <v>27780</v>
      </c>
      <c r="I7159" s="1" t="s">
        <v>27312</v>
      </c>
      <c r="J7159" s="1" t="s">
        <v>27885</v>
      </c>
    </row>
    <row r="7160" spans="1:10" x14ac:dyDescent="0.35">
      <c r="A7160" s="1" t="s">
        <v>27775</v>
      </c>
      <c r="B7160" s="1" t="s">
        <v>27307</v>
      </c>
      <c r="C7160" s="1" t="s">
        <v>160</v>
      </c>
      <c r="D7160" s="1" t="s">
        <v>4082</v>
      </c>
      <c r="E7160" s="1" t="s">
        <v>27886</v>
      </c>
      <c r="F7160" s="1" t="s">
        <v>27887</v>
      </c>
      <c r="G7160" s="1" t="s">
        <v>27779</v>
      </c>
      <c r="H7160" s="1" t="s">
        <v>27780</v>
      </c>
      <c r="I7160" s="1" t="s">
        <v>27312</v>
      </c>
      <c r="J7160" s="1" t="s">
        <v>27888</v>
      </c>
    </row>
    <row r="7161" spans="1:10" x14ac:dyDescent="0.35">
      <c r="A7161" s="1" t="s">
        <v>27775</v>
      </c>
      <c r="B7161" s="1" t="s">
        <v>27307</v>
      </c>
      <c r="C7161" s="1" t="s">
        <v>165</v>
      </c>
      <c r="D7161" s="1" t="s">
        <v>27889</v>
      </c>
      <c r="E7161" s="1" t="s">
        <v>27890</v>
      </c>
      <c r="F7161" s="1" t="s">
        <v>27891</v>
      </c>
      <c r="G7161" s="1" t="s">
        <v>27779</v>
      </c>
      <c r="H7161" s="1" t="s">
        <v>27780</v>
      </c>
      <c r="I7161" s="1" t="s">
        <v>27312</v>
      </c>
      <c r="J7161" s="1" t="s">
        <v>27892</v>
      </c>
    </row>
    <row r="7162" spans="1:10" x14ac:dyDescent="0.35">
      <c r="A7162" s="1" t="s">
        <v>27775</v>
      </c>
      <c r="B7162" s="1" t="s">
        <v>27307</v>
      </c>
      <c r="C7162" s="1" t="s">
        <v>170</v>
      </c>
      <c r="D7162" s="1" t="s">
        <v>27893</v>
      </c>
      <c r="E7162" s="1" t="s">
        <v>27894</v>
      </c>
      <c r="F7162" s="1" t="s">
        <v>27895</v>
      </c>
      <c r="G7162" s="1" t="s">
        <v>27779</v>
      </c>
      <c r="H7162" s="1" t="s">
        <v>27780</v>
      </c>
      <c r="I7162" s="1" t="s">
        <v>27312</v>
      </c>
      <c r="J7162" s="1" t="s">
        <v>27896</v>
      </c>
    </row>
    <row r="7163" spans="1:10" x14ac:dyDescent="0.35">
      <c r="A7163" s="1" t="s">
        <v>27897</v>
      </c>
      <c r="B7163" s="1" t="s">
        <v>27307</v>
      </c>
      <c r="C7163" s="1" t="s">
        <v>8</v>
      </c>
      <c r="D7163" s="1" t="s">
        <v>27898</v>
      </c>
      <c r="E7163" s="1" t="s">
        <v>27899</v>
      </c>
      <c r="F7163" s="1" t="s">
        <v>27900</v>
      </c>
      <c r="G7163" s="1" t="s">
        <v>27901</v>
      </c>
      <c r="H7163" s="1" t="s">
        <v>27902</v>
      </c>
      <c r="I7163" s="1" t="s">
        <v>27312</v>
      </c>
      <c r="J7163" s="1" t="s">
        <v>13</v>
      </c>
    </row>
    <row r="7164" spans="1:10" x14ac:dyDescent="0.35">
      <c r="A7164" s="1" t="s">
        <v>27897</v>
      </c>
      <c r="B7164" s="1" t="s">
        <v>27307</v>
      </c>
      <c r="C7164" s="1" t="s">
        <v>15</v>
      </c>
      <c r="D7164" s="1" t="s">
        <v>27903</v>
      </c>
      <c r="E7164" s="1" t="s">
        <v>27904</v>
      </c>
      <c r="F7164" s="1" t="s">
        <v>27905</v>
      </c>
      <c r="G7164" s="1" t="s">
        <v>27901</v>
      </c>
      <c r="H7164" s="1" t="s">
        <v>27902</v>
      </c>
      <c r="I7164" s="1" t="s">
        <v>27312</v>
      </c>
      <c r="J7164" s="1" t="s">
        <v>27906</v>
      </c>
    </row>
    <row r="7165" spans="1:10" x14ac:dyDescent="0.35">
      <c r="A7165" s="1" t="s">
        <v>27897</v>
      </c>
      <c r="B7165" s="1" t="s">
        <v>27307</v>
      </c>
      <c r="C7165" s="1" t="s">
        <v>20</v>
      </c>
      <c r="D7165" s="1" t="s">
        <v>27907</v>
      </c>
      <c r="E7165" s="1" t="s">
        <v>27908</v>
      </c>
      <c r="F7165" s="1" t="s">
        <v>27909</v>
      </c>
      <c r="G7165" s="1" t="s">
        <v>27901</v>
      </c>
      <c r="H7165" s="1" t="s">
        <v>27902</v>
      </c>
      <c r="I7165" s="1" t="s">
        <v>27312</v>
      </c>
      <c r="J7165" s="1" t="s">
        <v>27910</v>
      </c>
    </row>
    <row r="7166" spans="1:10" x14ac:dyDescent="0.35">
      <c r="A7166" s="1" t="s">
        <v>27897</v>
      </c>
      <c r="B7166" s="1" t="s">
        <v>27307</v>
      </c>
      <c r="C7166" s="1" t="s">
        <v>25</v>
      </c>
      <c r="D7166" s="1" t="s">
        <v>27911</v>
      </c>
      <c r="E7166" s="1" t="s">
        <v>27912</v>
      </c>
      <c r="F7166" s="1" t="s">
        <v>27913</v>
      </c>
      <c r="G7166" s="1" t="s">
        <v>27901</v>
      </c>
      <c r="H7166" s="1" t="s">
        <v>27902</v>
      </c>
      <c r="I7166" s="1" t="s">
        <v>27312</v>
      </c>
      <c r="J7166" s="1" t="s">
        <v>27914</v>
      </c>
    </row>
    <row r="7167" spans="1:10" x14ac:dyDescent="0.35">
      <c r="A7167" s="1" t="s">
        <v>27897</v>
      </c>
      <c r="B7167" s="1" t="s">
        <v>27307</v>
      </c>
      <c r="C7167" s="1" t="s">
        <v>30</v>
      </c>
      <c r="D7167" s="1" t="s">
        <v>27362</v>
      </c>
      <c r="E7167" s="1" t="s">
        <v>27915</v>
      </c>
      <c r="F7167" s="1" t="s">
        <v>27916</v>
      </c>
      <c r="G7167" s="1" t="s">
        <v>27901</v>
      </c>
      <c r="H7167" s="1" t="s">
        <v>27902</v>
      </c>
      <c r="I7167" s="1" t="s">
        <v>27312</v>
      </c>
      <c r="J7167" s="1" t="s">
        <v>27917</v>
      </c>
    </row>
    <row r="7168" spans="1:10" x14ac:dyDescent="0.35">
      <c r="A7168" s="1" t="s">
        <v>27897</v>
      </c>
      <c r="B7168" s="1" t="s">
        <v>27307</v>
      </c>
      <c r="C7168" s="1" t="s">
        <v>35</v>
      </c>
      <c r="D7168" s="1" t="s">
        <v>27918</v>
      </c>
      <c r="E7168" s="1" t="s">
        <v>27919</v>
      </c>
      <c r="F7168" s="1" t="s">
        <v>27920</v>
      </c>
      <c r="G7168" s="1" t="s">
        <v>27901</v>
      </c>
      <c r="H7168" s="1" t="s">
        <v>27902</v>
      </c>
      <c r="I7168" s="1" t="s">
        <v>27312</v>
      </c>
      <c r="J7168" s="1" t="s">
        <v>27921</v>
      </c>
    </row>
    <row r="7169" spans="1:10" x14ac:dyDescent="0.35">
      <c r="A7169" s="1" t="s">
        <v>27897</v>
      </c>
      <c r="B7169" s="1" t="s">
        <v>27307</v>
      </c>
      <c r="C7169" s="1" t="s">
        <v>40</v>
      </c>
      <c r="D7169" s="1" t="s">
        <v>6417</v>
      </c>
      <c r="E7169" s="1" t="s">
        <v>27922</v>
      </c>
      <c r="F7169" s="1" t="s">
        <v>27923</v>
      </c>
      <c r="G7169" s="1" t="s">
        <v>27901</v>
      </c>
      <c r="H7169" s="1" t="s">
        <v>27902</v>
      </c>
      <c r="I7169" s="1" t="s">
        <v>27312</v>
      </c>
      <c r="J7169" s="1" t="s">
        <v>27924</v>
      </c>
    </row>
    <row r="7170" spans="1:10" x14ac:dyDescent="0.35">
      <c r="A7170" s="1" t="s">
        <v>27897</v>
      </c>
      <c r="B7170" s="1" t="s">
        <v>27307</v>
      </c>
      <c r="C7170" s="1" t="s">
        <v>45</v>
      </c>
      <c r="D7170" s="1" t="s">
        <v>55</v>
      </c>
      <c r="E7170" s="1" t="s">
        <v>27925</v>
      </c>
      <c r="F7170" s="1" t="s">
        <v>27926</v>
      </c>
      <c r="G7170" s="1" t="s">
        <v>27901</v>
      </c>
      <c r="H7170" s="1" t="s">
        <v>27902</v>
      </c>
      <c r="I7170" s="1" t="s">
        <v>27312</v>
      </c>
      <c r="J7170" s="1" t="s">
        <v>27927</v>
      </c>
    </row>
    <row r="7171" spans="1:10" x14ac:dyDescent="0.35">
      <c r="A7171" s="1" t="s">
        <v>27897</v>
      </c>
      <c r="B7171" s="1" t="s">
        <v>27307</v>
      </c>
      <c r="C7171" s="1" t="s">
        <v>50</v>
      </c>
      <c r="D7171" s="1" t="s">
        <v>160</v>
      </c>
      <c r="E7171" s="1" t="s">
        <v>27928</v>
      </c>
      <c r="F7171" s="1" t="s">
        <v>27929</v>
      </c>
      <c r="G7171" s="1" t="s">
        <v>27901</v>
      </c>
      <c r="H7171" s="1" t="s">
        <v>27902</v>
      </c>
      <c r="I7171" s="1" t="s">
        <v>27312</v>
      </c>
      <c r="J7171" s="1" t="s">
        <v>27930</v>
      </c>
    </row>
    <row r="7172" spans="1:10" x14ac:dyDescent="0.35">
      <c r="A7172" s="1" t="s">
        <v>27897</v>
      </c>
      <c r="B7172" s="1" t="s">
        <v>27307</v>
      </c>
      <c r="C7172" s="1" t="s">
        <v>55</v>
      </c>
      <c r="D7172" s="1" t="s">
        <v>25853</v>
      </c>
      <c r="E7172" s="1" t="s">
        <v>27931</v>
      </c>
      <c r="F7172" s="1" t="s">
        <v>27932</v>
      </c>
      <c r="G7172" s="1" t="s">
        <v>27901</v>
      </c>
      <c r="H7172" s="1" t="s">
        <v>27902</v>
      </c>
      <c r="I7172" s="1" t="s">
        <v>27312</v>
      </c>
      <c r="J7172" s="1" t="s">
        <v>27933</v>
      </c>
    </row>
    <row r="7173" spans="1:10" x14ac:dyDescent="0.35">
      <c r="A7173" s="1" t="s">
        <v>27897</v>
      </c>
      <c r="B7173" s="1" t="s">
        <v>27307</v>
      </c>
      <c r="C7173" s="1" t="s">
        <v>60</v>
      </c>
      <c r="D7173" s="1" t="s">
        <v>1193</v>
      </c>
      <c r="E7173" s="1" t="s">
        <v>27934</v>
      </c>
      <c r="F7173" s="1" t="s">
        <v>27935</v>
      </c>
      <c r="G7173" s="1" t="s">
        <v>27901</v>
      </c>
      <c r="H7173" s="1" t="s">
        <v>27902</v>
      </c>
      <c r="I7173" s="1" t="s">
        <v>27312</v>
      </c>
      <c r="J7173" s="1" t="s">
        <v>27936</v>
      </c>
    </row>
    <row r="7174" spans="1:10" x14ac:dyDescent="0.35">
      <c r="A7174" s="1" t="s">
        <v>27897</v>
      </c>
      <c r="B7174" s="1" t="s">
        <v>27307</v>
      </c>
      <c r="C7174" s="1" t="s">
        <v>65</v>
      </c>
      <c r="D7174" s="1" t="s">
        <v>27937</v>
      </c>
      <c r="E7174" s="1" t="s">
        <v>27938</v>
      </c>
      <c r="F7174" s="1" t="s">
        <v>27939</v>
      </c>
      <c r="G7174" s="1" t="s">
        <v>27901</v>
      </c>
      <c r="H7174" s="1" t="s">
        <v>27902</v>
      </c>
      <c r="I7174" s="1" t="s">
        <v>27312</v>
      </c>
      <c r="J7174" s="1" t="s">
        <v>27940</v>
      </c>
    </row>
    <row r="7175" spans="1:10" x14ac:dyDescent="0.35">
      <c r="A7175" s="1" t="s">
        <v>27897</v>
      </c>
      <c r="B7175" s="1" t="s">
        <v>27307</v>
      </c>
      <c r="C7175" s="1" t="s">
        <v>70</v>
      </c>
      <c r="D7175" s="1" t="s">
        <v>1954</v>
      </c>
      <c r="E7175" s="1" t="s">
        <v>27941</v>
      </c>
      <c r="F7175" s="1" t="s">
        <v>27942</v>
      </c>
      <c r="G7175" s="1" t="s">
        <v>27901</v>
      </c>
      <c r="H7175" s="1" t="s">
        <v>27902</v>
      </c>
      <c r="I7175" s="1" t="s">
        <v>27312</v>
      </c>
      <c r="J7175" s="1" t="s">
        <v>27943</v>
      </c>
    </row>
    <row r="7176" spans="1:10" x14ac:dyDescent="0.35">
      <c r="A7176" s="1" t="s">
        <v>27897</v>
      </c>
      <c r="B7176" s="1" t="s">
        <v>27307</v>
      </c>
      <c r="C7176" s="1" t="s">
        <v>75</v>
      </c>
      <c r="D7176" s="1" t="s">
        <v>6308</v>
      </c>
      <c r="E7176" s="1" t="s">
        <v>27944</v>
      </c>
      <c r="F7176" s="1" t="s">
        <v>27945</v>
      </c>
      <c r="G7176" s="1" t="s">
        <v>27901</v>
      </c>
      <c r="H7176" s="1" t="s">
        <v>27902</v>
      </c>
      <c r="I7176" s="1" t="s">
        <v>27312</v>
      </c>
      <c r="J7176" s="1" t="s">
        <v>27946</v>
      </c>
    </row>
    <row r="7177" spans="1:10" x14ac:dyDescent="0.35">
      <c r="A7177" s="1" t="s">
        <v>27897</v>
      </c>
      <c r="B7177" s="1" t="s">
        <v>27307</v>
      </c>
      <c r="C7177" s="1" t="s">
        <v>80</v>
      </c>
      <c r="D7177" s="1" t="s">
        <v>27947</v>
      </c>
      <c r="E7177" s="1" t="s">
        <v>27948</v>
      </c>
      <c r="F7177" s="1" t="s">
        <v>27949</v>
      </c>
      <c r="G7177" s="1" t="s">
        <v>27901</v>
      </c>
      <c r="H7177" s="1" t="s">
        <v>27902</v>
      </c>
      <c r="I7177" s="1" t="s">
        <v>27312</v>
      </c>
      <c r="J7177" s="1" t="s">
        <v>27950</v>
      </c>
    </row>
    <row r="7178" spans="1:10" x14ac:dyDescent="0.35">
      <c r="A7178" s="1" t="s">
        <v>27897</v>
      </c>
      <c r="B7178" s="1" t="s">
        <v>27307</v>
      </c>
      <c r="C7178" s="1" t="s">
        <v>85</v>
      </c>
      <c r="D7178" s="1" t="s">
        <v>27951</v>
      </c>
      <c r="E7178" s="1" t="s">
        <v>27952</v>
      </c>
      <c r="F7178" s="1" t="s">
        <v>27953</v>
      </c>
      <c r="G7178" s="1" t="s">
        <v>27901</v>
      </c>
      <c r="H7178" s="1" t="s">
        <v>27902</v>
      </c>
      <c r="I7178" s="1" t="s">
        <v>27312</v>
      </c>
      <c r="J7178" s="1" t="s">
        <v>27954</v>
      </c>
    </row>
    <row r="7179" spans="1:10" x14ac:dyDescent="0.35">
      <c r="A7179" s="1" t="s">
        <v>27897</v>
      </c>
      <c r="B7179" s="1" t="s">
        <v>27307</v>
      </c>
      <c r="C7179" s="1" t="s">
        <v>90</v>
      </c>
      <c r="D7179" s="1" t="s">
        <v>15833</v>
      </c>
      <c r="E7179" s="1" t="s">
        <v>27955</v>
      </c>
      <c r="F7179" s="1" t="s">
        <v>27956</v>
      </c>
      <c r="G7179" s="1" t="s">
        <v>27901</v>
      </c>
      <c r="H7179" s="1" t="s">
        <v>27902</v>
      </c>
      <c r="I7179" s="1" t="s">
        <v>27312</v>
      </c>
      <c r="J7179" s="1" t="s">
        <v>27957</v>
      </c>
    </row>
    <row r="7180" spans="1:10" x14ac:dyDescent="0.35">
      <c r="A7180" s="1" t="s">
        <v>27897</v>
      </c>
      <c r="B7180" s="1" t="s">
        <v>27307</v>
      </c>
      <c r="C7180" s="1" t="s">
        <v>95</v>
      </c>
      <c r="D7180" s="1" t="s">
        <v>27958</v>
      </c>
      <c r="E7180" s="1" t="s">
        <v>27959</v>
      </c>
      <c r="F7180" s="1" t="s">
        <v>27960</v>
      </c>
      <c r="G7180" s="1" t="s">
        <v>27901</v>
      </c>
      <c r="H7180" s="1" t="s">
        <v>27902</v>
      </c>
      <c r="I7180" s="1" t="s">
        <v>27312</v>
      </c>
      <c r="J7180" s="1" t="s">
        <v>27961</v>
      </c>
    </row>
    <row r="7181" spans="1:10" x14ac:dyDescent="0.35">
      <c r="A7181" s="1" t="s">
        <v>27897</v>
      </c>
      <c r="B7181" s="1" t="s">
        <v>27307</v>
      </c>
      <c r="C7181" s="1" t="s">
        <v>100</v>
      </c>
      <c r="D7181" s="1" t="s">
        <v>27611</v>
      </c>
      <c r="E7181" s="1" t="s">
        <v>27962</v>
      </c>
      <c r="F7181" s="1" t="s">
        <v>27963</v>
      </c>
      <c r="G7181" s="1" t="s">
        <v>27901</v>
      </c>
      <c r="H7181" s="1" t="s">
        <v>27902</v>
      </c>
      <c r="I7181" s="1" t="s">
        <v>27312</v>
      </c>
      <c r="J7181" s="1" t="s">
        <v>27964</v>
      </c>
    </row>
    <row r="7182" spans="1:10" x14ac:dyDescent="0.35">
      <c r="A7182" s="1" t="s">
        <v>27897</v>
      </c>
      <c r="B7182" s="1" t="s">
        <v>27307</v>
      </c>
      <c r="C7182" s="1" t="s">
        <v>105</v>
      </c>
      <c r="D7182" s="1" t="s">
        <v>27965</v>
      </c>
      <c r="E7182" s="1" t="s">
        <v>27966</v>
      </c>
      <c r="F7182" s="1" t="s">
        <v>27967</v>
      </c>
      <c r="G7182" s="1" t="s">
        <v>27901</v>
      </c>
      <c r="H7182" s="1" t="s">
        <v>27902</v>
      </c>
      <c r="I7182" s="1" t="s">
        <v>27312</v>
      </c>
      <c r="J7182" s="1" t="s">
        <v>27968</v>
      </c>
    </row>
    <row r="7183" spans="1:10" x14ac:dyDescent="0.35">
      <c r="A7183" s="1" t="s">
        <v>27897</v>
      </c>
      <c r="B7183" s="1" t="s">
        <v>27307</v>
      </c>
      <c r="C7183" s="1" t="s">
        <v>110</v>
      </c>
      <c r="D7183" s="1" t="s">
        <v>27969</v>
      </c>
      <c r="E7183" s="1" t="s">
        <v>27970</v>
      </c>
      <c r="F7183" s="1" t="s">
        <v>27971</v>
      </c>
      <c r="G7183" s="1" t="s">
        <v>27901</v>
      </c>
      <c r="H7183" s="1" t="s">
        <v>27902</v>
      </c>
      <c r="I7183" s="1" t="s">
        <v>27312</v>
      </c>
      <c r="J7183" s="1" t="s">
        <v>27972</v>
      </c>
    </row>
    <row r="7184" spans="1:10" x14ac:dyDescent="0.35">
      <c r="A7184" s="1" t="s">
        <v>27897</v>
      </c>
      <c r="B7184" s="1" t="s">
        <v>27307</v>
      </c>
      <c r="C7184" s="1" t="s">
        <v>115</v>
      </c>
      <c r="D7184" s="1" t="s">
        <v>27973</v>
      </c>
      <c r="E7184" s="1" t="s">
        <v>27974</v>
      </c>
      <c r="F7184" s="1" t="s">
        <v>27975</v>
      </c>
      <c r="G7184" s="1" t="s">
        <v>27901</v>
      </c>
      <c r="H7184" s="1" t="s">
        <v>27902</v>
      </c>
      <c r="I7184" s="1" t="s">
        <v>27312</v>
      </c>
      <c r="J7184" s="1" t="s">
        <v>27976</v>
      </c>
    </row>
    <row r="7185" spans="1:10" x14ac:dyDescent="0.35">
      <c r="A7185" s="1" t="s">
        <v>27897</v>
      </c>
      <c r="B7185" s="1" t="s">
        <v>27307</v>
      </c>
      <c r="C7185" s="1" t="s">
        <v>120</v>
      </c>
      <c r="D7185" s="1" t="s">
        <v>27977</v>
      </c>
      <c r="E7185" s="1" t="s">
        <v>27978</v>
      </c>
      <c r="F7185" s="1" t="s">
        <v>27979</v>
      </c>
      <c r="G7185" s="1" t="s">
        <v>27901</v>
      </c>
      <c r="H7185" s="1" t="s">
        <v>27902</v>
      </c>
      <c r="I7185" s="1" t="s">
        <v>27312</v>
      </c>
      <c r="J7185" s="1" t="s">
        <v>27980</v>
      </c>
    </row>
    <row r="7186" spans="1:10" x14ac:dyDescent="0.35">
      <c r="A7186" s="1" t="s">
        <v>27897</v>
      </c>
      <c r="B7186" s="1" t="s">
        <v>27307</v>
      </c>
      <c r="C7186" s="1" t="s">
        <v>125</v>
      </c>
      <c r="D7186" s="1" t="s">
        <v>27981</v>
      </c>
      <c r="E7186" s="1" t="s">
        <v>27982</v>
      </c>
      <c r="F7186" s="1" t="s">
        <v>27983</v>
      </c>
      <c r="G7186" s="1" t="s">
        <v>27901</v>
      </c>
      <c r="H7186" s="1" t="s">
        <v>27902</v>
      </c>
      <c r="I7186" s="1" t="s">
        <v>27312</v>
      </c>
      <c r="J7186" s="1" t="s">
        <v>27984</v>
      </c>
    </row>
    <row r="7187" spans="1:10" x14ac:dyDescent="0.35">
      <c r="A7187" s="1" t="s">
        <v>27897</v>
      </c>
      <c r="B7187" s="1" t="s">
        <v>27307</v>
      </c>
      <c r="C7187" s="1" t="s">
        <v>130</v>
      </c>
      <c r="D7187" s="1" t="s">
        <v>15844</v>
      </c>
      <c r="E7187" s="1" t="s">
        <v>27985</v>
      </c>
      <c r="F7187" s="1" t="s">
        <v>27986</v>
      </c>
      <c r="G7187" s="1" t="s">
        <v>27901</v>
      </c>
      <c r="H7187" s="1" t="s">
        <v>27902</v>
      </c>
      <c r="I7187" s="1" t="s">
        <v>27312</v>
      </c>
      <c r="J7187" s="1" t="s">
        <v>27987</v>
      </c>
    </row>
    <row r="7188" spans="1:10" x14ac:dyDescent="0.35">
      <c r="A7188" s="1" t="s">
        <v>27897</v>
      </c>
      <c r="B7188" s="1" t="s">
        <v>27307</v>
      </c>
      <c r="C7188" s="1" t="s">
        <v>135</v>
      </c>
      <c r="D7188" s="1" t="s">
        <v>27403</v>
      </c>
      <c r="E7188" s="1" t="s">
        <v>27988</v>
      </c>
      <c r="F7188" s="1" t="s">
        <v>27989</v>
      </c>
      <c r="G7188" s="1" t="s">
        <v>27901</v>
      </c>
      <c r="H7188" s="1" t="s">
        <v>27902</v>
      </c>
      <c r="I7188" s="1" t="s">
        <v>27312</v>
      </c>
      <c r="J7188" s="1" t="s">
        <v>27990</v>
      </c>
    </row>
    <row r="7189" spans="1:10" x14ac:dyDescent="0.35">
      <c r="A7189" s="1" t="s">
        <v>27897</v>
      </c>
      <c r="B7189" s="1" t="s">
        <v>27307</v>
      </c>
      <c r="C7189" s="1" t="s">
        <v>140</v>
      </c>
      <c r="D7189" s="1" t="s">
        <v>7040</v>
      </c>
      <c r="E7189" s="1" t="s">
        <v>27991</v>
      </c>
      <c r="F7189" s="1" t="s">
        <v>27992</v>
      </c>
      <c r="G7189" s="1" t="s">
        <v>27901</v>
      </c>
      <c r="H7189" s="1" t="s">
        <v>27902</v>
      </c>
      <c r="I7189" s="1" t="s">
        <v>27312</v>
      </c>
      <c r="J7189" s="1" t="s">
        <v>27993</v>
      </c>
    </row>
    <row r="7190" spans="1:10" x14ac:dyDescent="0.35">
      <c r="A7190" s="1" t="s">
        <v>27897</v>
      </c>
      <c r="B7190" s="1" t="s">
        <v>27307</v>
      </c>
      <c r="C7190" s="1" t="s">
        <v>145</v>
      </c>
      <c r="D7190" s="1" t="s">
        <v>1647</v>
      </c>
      <c r="E7190" s="1" t="s">
        <v>27994</v>
      </c>
      <c r="F7190" s="1" t="s">
        <v>27995</v>
      </c>
      <c r="G7190" s="1" t="s">
        <v>27901</v>
      </c>
      <c r="H7190" s="1" t="s">
        <v>27902</v>
      </c>
      <c r="I7190" s="1" t="s">
        <v>27312</v>
      </c>
      <c r="J7190" s="1" t="s">
        <v>27996</v>
      </c>
    </row>
    <row r="7191" spans="1:10" x14ac:dyDescent="0.35">
      <c r="A7191" s="1" t="s">
        <v>27897</v>
      </c>
      <c r="B7191" s="1" t="s">
        <v>27307</v>
      </c>
      <c r="C7191" s="1" t="s">
        <v>150</v>
      </c>
      <c r="D7191" s="1" t="s">
        <v>4729</v>
      </c>
      <c r="E7191" s="1" t="s">
        <v>27997</v>
      </c>
      <c r="F7191" s="1" t="s">
        <v>27998</v>
      </c>
      <c r="G7191" s="1" t="s">
        <v>27901</v>
      </c>
      <c r="H7191" s="1" t="s">
        <v>27902</v>
      </c>
      <c r="I7191" s="1" t="s">
        <v>27312</v>
      </c>
      <c r="J7191" s="1" t="s">
        <v>27999</v>
      </c>
    </row>
    <row r="7192" spans="1:10" x14ac:dyDescent="0.35">
      <c r="A7192" s="1" t="s">
        <v>27897</v>
      </c>
      <c r="B7192" s="1" t="s">
        <v>27307</v>
      </c>
      <c r="C7192" s="1" t="s">
        <v>155</v>
      </c>
      <c r="D7192" s="1" t="s">
        <v>2097</v>
      </c>
      <c r="E7192" s="1" t="s">
        <v>28000</v>
      </c>
      <c r="F7192" s="1" t="s">
        <v>28001</v>
      </c>
      <c r="G7192" s="1" t="s">
        <v>27901</v>
      </c>
      <c r="H7192" s="1" t="s">
        <v>27902</v>
      </c>
      <c r="I7192" s="1" t="s">
        <v>27312</v>
      </c>
      <c r="J7192" s="1" t="s">
        <v>28002</v>
      </c>
    </row>
    <row r="7193" spans="1:10" x14ac:dyDescent="0.35">
      <c r="A7193" s="1" t="s">
        <v>27897</v>
      </c>
      <c r="B7193" s="1" t="s">
        <v>27307</v>
      </c>
      <c r="C7193" s="1" t="s">
        <v>160</v>
      </c>
      <c r="D7193" s="1" t="s">
        <v>28003</v>
      </c>
      <c r="E7193" s="1" t="s">
        <v>28004</v>
      </c>
      <c r="F7193" s="1" t="s">
        <v>28005</v>
      </c>
      <c r="G7193" s="1" t="s">
        <v>27901</v>
      </c>
      <c r="H7193" s="1" t="s">
        <v>27902</v>
      </c>
      <c r="I7193" s="1" t="s">
        <v>27312</v>
      </c>
      <c r="J7193" s="1" t="s">
        <v>28006</v>
      </c>
    </row>
    <row r="7194" spans="1:10" x14ac:dyDescent="0.35">
      <c r="A7194" s="1" t="s">
        <v>27897</v>
      </c>
      <c r="B7194" s="1" t="s">
        <v>27307</v>
      </c>
      <c r="C7194" s="1" t="s">
        <v>165</v>
      </c>
      <c r="D7194" s="1" t="s">
        <v>28007</v>
      </c>
      <c r="E7194" s="1" t="s">
        <v>28008</v>
      </c>
      <c r="F7194" s="1" t="s">
        <v>28009</v>
      </c>
      <c r="G7194" s="1" t="s">
        <v>27901</v>
      </c>
      <c r="H7194" s="1" t="s">
        <v>27902</v>
      </c>
      <c r="I7194" s="1" t="s">
        <v>27312</v>
      </c>
      <c r="J7194" s="1" t="s">
        <v>28010</v>
      </c>
    </row>
    <row r="7195" spans="1:10" x14ac:dyDescent="0.35">
      <c r="A7195" s="1" t="s">
        <v>27897</v>
      </c>
      <c r="B7195" s="1" t="s">
        <v>27307</v>
      </c>
      <c r="C7195" s="1" t="s">
        <v>170</v>
      </c>
      <c r="D7195" s="1" t="s">
        <v>10952</v>
      </c>
      <c r="E7195" s="1" t="s">
        <v>28011</v>
      </c>
      <c r="F7195" s="1" t="s">
        <v>28012</v>
      </c>
      <c r="G7195" s="1" t="s">
        <v>27901</v>
      </c>
      <c r="H7195" s="1" t="s">
        <v>27902</v>
      </c>
      <c r="I7195" s="1" t="s">
        <v>27312</v>
      </c>
      <c r="J7195" s="1" t="s">
        <v>28013</v>
      </c>
    </row>
    <row r="7196" spans="1:10" x14ac:dyDescent="0.35">
      <c r="A7196" s="1" t="s">
        <v>28014</v>
      </c>
      <c r="B7196" s="1" t="s">
        <v>28015</v>
      </c>
      <c r="C7196" s="1" t="s">
        <v>8</v>
      </c>
      <c r="D7196" s="1" t="s">
        <v>28016</v>
      </c>
      <c r="E7196" s="1" t="s">
        <v>28017</v>
      </c>
      <c r="F7196" s="1" t="s">
        <v>28018</v>
      </c>
      <c r="G7196" s="1" t="s">
        <v>28019</v>
      </c>
      <c r="H7196" s="1" t="s">
        <v>28020</v>
      </c>
      <c r="I7196" s="1" t="s">
        <v>28021</v>
      </c>
      <c r="J7196" s="1" t="s">
        <v>13</v>
      </c>
    </row>
    <row r="7197" spans="1:10" x14ac:dyDescent="0.35">
      <c r="A7197" s="1" t="s">
        <v>28014</v>
      </c>
      <c r="B7197" s="1" t="s">
        <v>28015</v>
      </c>
      <c r="C7197" s="1" t="s">
        <v>15</v>
      </c>
      <c r="D7197" s="1" t="s">
        <v>28022</v>
      </c>
      <c r="E7197" s="1" t="s">
        <v>28023</v>
      </c>
      <c r="F7197" s="1" t="s">
        <v>28024</v>
      </c>
      <c r="G7197" s="1" t="s">
        <v>28019</v>
      </c>
      <c r="H7197" s="1" t="s">
        <v>28020</v>
      </c>
      <c r="I7197" s="1" t="s">
        <v>28021</v>
      </c>
      <c r="J7197" s="1" t="s">
        <v>28025</v>
      </c>
    </row>
    <row r="7198" spans="1:10" x14ac:dyDescent="0.35">
      <c r="A7198" s="1" t="s">
        <v>28014</v>
      </c>
      <c r="B7198" s="1" t="s">
        <v>28015</v>
      </c>
      <c r="C7198" s="1" t="s">
        <v>20</v>
      </c>
      <c r="D7198" s="1" t="s">
        <v>28026</v>
      </c>
      <c r="E7198" s="1" t="s">
        <v>28027</v>
      </c>
      <c r="F7198" s="1" t="s">
        <v>28028</v>
      </c>
      <c r="G7198" s="1" t="s">
        <v>28019</v>
      </c>
      <c r="H7198" s="1" t="s">
        <v>28020</v>
      </c>
      <c r="I7198" s="1" t="s">
        <v>28021</v>
      </c>
      <c r="J7198" s="1" t="s">
        <v>28029</v>
      </c>
    </row>
    <row r="7199" spans="1:10" x14ac:dyDescent="0.35">
      <c r="A7199" s="1" t="s">
        <v>28014</v>
      </c>
      <c r="B7199" s="1" t="s">
        <v>28015</v>
      </c>
      <c r="C7199" s="1" t="s">
        <v>25</v>
      </c>
      <c r="D7199" s="1" t="s">
        <v>27535</v>
      </c>
      <c r="E7199" s="1" t="s">
        <v>15093</v>
      </c>
      <c r="F7199" s="1" t="s">
        <v>28030</v>
      </c>
      <c r="G7199" s="1" t="s">
        <v>28019</v>
      </c>
      <c r="H7199" s="1" t="s">
        <v>28020</v>
      </c>
      <c r="I7199" s="1" t="s">
        <v>28021</v>
      </c>
      <c r="J7199" s="1" t="s">
        <v>28031</v>
      </c>
    </row>
    <row r="7200" spans="1:10" x14ac:dyDescent="0.35">
      <c r="A7200" s="1" t="s">
        <v>28014</v>
      </c>
      <c r="B7200" s="1" t="s">
        <v>28015</v>
      </c>
      <c r="C7200" s="1" t="s">
        <v>30</v>
      </c>
      <c r="D7200" s="1" t="s">
        <v>28032</v>
      </c>
      <c r="E7200" s="1" t="s">
        <v>28033</v>
      </c>
      <c r="F7200" s="1" t="s">
        <v>28034</v>
      </c>
      <c r="G7200" s="1" t="s">
        <v>28019</v>
      </c>
      <c r="H7200" s="1" t="s">
        <v>28020</v>
      </c>
      <c r="I7200" s="1" t="s">
        <v>28021</v>
      </c>
      <c r="J7200" s="1" t="s">
        <v>28035</v>
      </c>
    </row>
    <row r="7201" spans="1:10" x14ac:dyDescent="0.35">
      <c r="A7201" s="1" t="s">
        <v>28014</v>
      </c>
      <c r="B7201" s="1" t="s">
        <v>28015</v>
      </c>
      <c r="C7201" s="1" t="s">
        <v>35</v>
      </c>
      <c r="D7201" s="1" t="s">
        <v>13910</v>
      </c>
      <c r="E7201" s="1" t="s">
        <v>28036</v>
      </c>
      <c r="F7201" s="1" t="s">
        <v>15132</v>
      </c>
      <c r="G7201" s="1" t="s">
        <v>28019</v>
      </c>
      <c r="H7201" s="1" t="s">
        <v>28020</v>
      </c>
      <c r="I7201" s="1" t="s">
        <v>28021</v>
      </c>
      <c r="J7201" s="1" t="s">
        <v>28037</v>
      </c>
    </row>
    <row r="7202" spans="1:10" x14ac:dyDescent="0.35">
      <c r="A7202" s="1" t="s">
        <v>28014</v>
      </c>
      <c r="B7202" s="1" t="s">
        <v>28015</v>
      </c>
      <c r="C7202" s="1" t="s">
        <v>40</v>
      </c>
      <c r="D7202" s="1" t="s">
        <v>6151</v>
      </c>
      <c r="E7202" s="1" t="s">
        <v>28038</v>
      </c>
      <c r="F7202" s="1" t="s">
        <v>28039</v>
      </c>
      <c r="G7202" s="1" t="s">
        <v>28019</v>
      </c>
      <c r="H7202" s="1" t="s">
        <v>28020</v>
      </c>
      <c r="I7202" s="1" t="s">
        <v>28021</v>
      </c>
      <c r="J7202" s="1" t="s">
        <v>28040</v>
      </c>
    </row>
    <row r="7203" spans="1:10" x14ac:dyDescent="0.35">
      <c r="A7203" s="1" t="s">
        <v>28014</v>
      </c>
      <c r="B7203" s="1" t="s">
        <v>28015</v>
      </c>
      <c r="C7203" s="1" t="s">
        <v>45</v>
      </c>
      <c r="D7203" s="1" t="s">
        <v>28041</v>
      </c>
      <c r="E7203" s="1" t="s">
        <v>28042</v>
      </c>
      <c r="F7203" s="1" t="s">
        <v>28043</v>
      </c>
      <c r="G7203" s="1" t="s">
        <v>28019</v>
      </c>
      <c r="H7203" s="1" t="s">
        <v>28020</v>
      </c>
      <c r="I7203" s="1" t="s">
        <v>28021</v>
      </c>
      <c r="J7203" s="1" t="s">
        <v>28044</v>
      </c>
    </row>
    <row r="7204" spans="1:10" x14ac:dyDescent="0.35">
      <c r="A7204" s="1" t="s">
        <v>28014</v>
      </c>
      <c r="B7204" s="1" t="s">
        <v>28015</v>
      </c>
      <c r="C7204" s="1" t="s">
        <v>50</v>
      </c>
      <c r="D7204" s="1" t="s">
        <v>28045</v>
      </c>
      <c r="E7204" s="1" t="s">
        <v>8813</v>
      </c>
      <c r="F7204" s="1" t="s">
        <v>28046</v>
      </c>
      <c r="G7204" s="1" t="s">
        <v>28019</v>
      </c>
      <c r="H7204" s="1" t="s">
        <v>28020</v>
      </c>
      <c r="I7204" s="1" t="s">
        <v>28021</v>
      </c>
      <c r="J7204" s="1" t="s">
        <v>28047</v>
      </c>
    </row>
    <row r="7205" spans="1:10" x14ac:dyDescent="0.35">
      <c r="A7205" s="1" t="s">
        <v>28014</v>
      </c>
      <c r="B7205" s="1" t="s">
        <v>28015</v>
      </c>
      <c r="C7205" s="1" t="s">
        <v>55</v>
      </c>
      <c r="D7205" s="1" t="s">
        <v>10469</v>
      </c>
      <c r="E7205" s="1" t="s">
        <v>8843</v>
      </c>
      <c r="F7205" s="1" t="s">
        <v>28048</v>
      </c>
      <c r="G7205" s="1" t="s">
        <v>28019</v>
      </c>
      <c r="H7205" s="1" t="s">
        <v>28020</v>
      </c>
      <c r="I7205" s="1" t="s">
        <v>28021</v>
      </c>
      <c r="J7205" s="1" t="s">
        <v>28049</v>
      </c>
    </row>
    <row r="7206" spans="1:10" x14ac:dyDescent="0.35">
      <c r="A7206" s="1" t="s">
        <v>28014</v>
      </c>
      <c r="B7206" s="1" t="s">
        <v>28015</v>
      </c>
      <c r="C7206" s="1" t="s">
        <v>60</v>
      </c>
      <c r="D7206" s="1" t="s">
        <v>28050</v>
      </c>
      <c r="E7206" s="1" t="s">
        <v>15180</v>
      </c>
      <c r="F7206" s="1" t="s">
        <v>28051</v>
      </c>
      <c r="G7206" s="1" t="s">
        <v>28019</v>
      </c>
      <c r="H7206" s="1" t="s">
        <v>28020</v>
      </c>
      <c r="I7206" s="1" t="s">
        <v>28021</v>
      </c>
      <c r="J7206" s="1" t="s">
        <v>28052</v>
      </c>
    </row>
    <row r="7207" spans="1:10" x14ac:dyDescent="0.35">
      <c r="A7207" s="1" t="s">
        <v>28014</v>
      </c>
      <c r="B7207" s="1" t="s">
        <v>28015</v>
      </c>
      <c r="C7207" s="1" t="s">
        <v>65</v>
      </c>
      <c r="D7207" s="1" t="s">
        <v>28053</v>
      </c>
      <c r="E7207" s="1" t="s">
        <v>8802</v>
      </c>
      <c r="F7207" s="1" t="s">
        <v>28054</v>
      </c>
      <c r="G7207" s="1" t="s">
        <v>28019</v>
      </c>
      <c r="H7207" s="1" t="s">
        <v>28020</v>
      </c>
      <c r="I7207" s="1" t="s">
        <v>28021</v>
      </c>
      <c r="J7207" s="1" t="s">
        <v>28055</v>
      </c>
    </row>
    <row r="7208" spans="1:10" x14ac:dyDescent="0.35">
      <c r="A7208" s="1" t="s">
        <v>28014</v>
      </c>
      <c r="B7208" s="1" t="s">
        <v>28015</v>
      </c>
      <c r="C7208" s="1" t="s">
        <v>70</v>
      </c>
      <c r="D7208" s="1" t="s">
        <v>9879</v>
      </c>
      <c r="E7208" s="1" t="s">
        <v>28056</v>
      </c>
      <c r="F7208" s="1" t="s">
        <v>28057</v>
      </c>
      <c r="G7208" s="1" t="s">
        <v>28019</v>
      </c>
      <c r="H7208" s="1" t="s">
        <v>28020</v>
      </c>
      <c r="I7208" s="1" t="s">
        <v>28021</v>
      </c>
      <c r="J7208" s="1" t="s">
        <v>28058</v>
      </c>
    </row>
    <row r="7209" spans="1:10" x14ac:dyDescent="0.35">
      <c r="A7209" s="1" t="s">
        <v>28014</v>
      </c>
      <c r="B7209" s="1" t="s">
        <v>28015</v>
      </c>
      <c r="C7209" s="1" t="s">
        <v>75</v>
      </c>
      <c r="D7209" s="1" t="s">
        <v>6392</v>
      </c>
      <c r="E7209" s="1" t="s">
        <v>28059</v>
      </c>
      <c r="F7209" s="1" t="s">
        <v>28060</v>
      </c>
      <c r="G7209" s="1" t="s">
        <v>28019</v>
      </c>
      <c r="H7209" s="1" t="s">
        <v>28020</v>
      </c>
      <c r="I7209" s="1" t="s">
        <v>28021</v>
      </c>
      <c r="J7209" s="1" t="s">
        <v>28061</v>
      </c>
    </row>
    <row r="7210" spans="1:10" x14ac:dyDescent="0.35">
      <c r="A7210" s="1" t="s">
        <v>28014</v>
      </c>
      <c r="B7210" s="1" t="s">
        <v>28015</v>
      </c>
      <c r="C7210" s="1" t="s">
        <v>80</v>
      </c>
      <c r="D7210" s="1" t="s">
        <v>6421</v>
      </c>
      <c r="E7210" s="1" t="s">
        <v>28062</v>
      </c>
      <c r="F7210" s="1" t="s">
        <v>28063</v>
      </c>
      <c r="G7210" s="1" t="s">
        <v>28019</v>
      </c>
      <c r="H7210" s="1" t="s">
        <v>28020</v>
      </c>
      <c r="I7210" s="1" t="s">
        <v>28021</v>
      </c>
      <c r="J7210" s="1" t="s">
        <v>28064</v>
      </c>
    </row>
    <row r="7211" spans="1:10" x14ac:dyDescent="0.35">
      <c r="A7211" s="1" t="s">
        <v>28014</v>
      </c>
      <c r="B7211" s="1" t="s">
        <v>28015</v>
      </c>
      <c r="C7211" s="1" t="s">
        <v>85</v>
      </c>
      <c r="D7211" s="1" t="s">
        <v>28065</v>
      </c>
      <c r="E7211" s="1" t="s">
        <v>28066</v>
      </c>
      <c r="F7211" s="1" t="s">
        <v>28067</v>
      </c>
      <c r="G7211" s="1" t="s">
        <v>28019</v>
      </c>
      <c r="H7211" s="1" t="s">
        <v>28020</v>
      </c>
      <c r="I7211" s="1" t="s">
        <v>28021</v>
      </c>
      <c r="J7211" s="1" t="s">
        <v>28068</v>
      </c>
    </row>
    <row r="7212" spans="1:10" x14ac:dyDescent="0.35">
      <c r="A7212" s="1" t="s">
        <v>28014</v>
      </c>
      <c r="B7212" s="1" t="s">
        <v>28015</v>
      </c>
      <c r="C7212" s="1" t="s">
        <v>90</v>
      </c>
      <c r="D7212" s="1" t="s">
        <v>28069</v>
      </c>
      <c r="E7212" s="1" t="s">
        <v>4170</v>
      </c>
      <c r="F7212" s="1" t="s">
        <v>28070</v>
      </c>
      <c r="G7212" s="1" t="s">
        <v>28019</v>
      </c>
      <c r="H7212" s="1" t="s">
        <v>28020</v>
      </c>
      <c r="I7212" s="1" t="s">
        <v>28021</v>
      </c>
      <c r="J7212" s="1" t="s">
        <v>28071</v>
      </c>
    </row>
    <row r="7213" spans="1:10" x14ac:dyDescent="0.35">
      <c r="A7213" s="1" t="s">
        <v>28014</v>
      </c>
      <c r="B7213" s="1" t="s">
        <v>28015</v>
      </c>
      <c r="C7213" s="1" t="s">
        <v>95</v>
      </c>
      <c r="D7213" s="1" t="s">
        <v>10292</v>
      </c>
      <c r="E7213" s="1" t="s">
        <v>28072</v>
      </c>
      <c r="F7213" s="1" t="s">
        <v>28073</v>
      </c>
      <c r="G7213" s="1" t="s">
        <v>28019</v>
      </c>
      <c r="H7213" s="1" t="s">
        <v>28020</v>
      </c>
      <c r="I7213" s="1" t="s">
        <v>28021</v>
      </c>
      <c r="J7213" s="1" t="s">
        <v>28074</v>
      </c>
    </row>
    <row r="7214" spans="1:10" x14ac:dyDescent="0.35">
      <c r="A7214" s="1" t="s">
        <v>28014</v>
      </c>
      <c r="B7214" s="1" t="s">
        <v>28015</v>
      </c>
      <c r="C7214" s="1" t="s">
        <v>100</v>
      </c>
      <c r="D7214" s="1" t="s">
        <v>28075</v>
      </c>
      <c r="E7214" s="1" t="s">
        <v>28076</v>
      </c>
      <c r="F7214" s="1" t="s">
        <v>28077</v>
      </c>
      <c r="G7214" s="1" t="s">
        <v>28019</v>
      </c>
      <c r="H7214" s="1" t="s">
        <v>28020</v>
      </c>
      <c r="I7214" s="1" t="s">
        <v>28021</v>
      </c>
      <c r="J7214" s="1" t="s">
        <v>28078</v>
      </c>
    </row>
    <row r="7215" spans="1:10" x14ac:dyDescent="0.35">
      <c r="A7215" s="1" t="s">
        <v>28014</v>
      </c>
      <c r="B7215" s="1" t="s">
        <v>28015</v>
      </c>
      <c r="C7215" s="1" t="s">
        <v>105</v>
      </c>
      <c r="D7215" s="1" t="s">
        <v>28079</v>
      </c>
      <c r="E7215" s="1" t="s">
        <v>28080</v>
      </c>
      <c r="F7215" s="1" t="s">
        <v>28081</v>
      </c>
      <c r="G7215" s="1" t="s">
        <v>28019</v>
      </c>
      <c r="H7215" s="1" t="s">
        <v>28020</v>
      </c>
      <c r="I7215" s="1" t="s">
        <v>28021</v>
      </c>
      <c r="J7215" s="1" t="s">
        <v>28082</v>
      </c>
    </row>
    <row r="7216" spans="1:10" x14ac:dyDescent="0.35">
      <c r="A7216" s="1" t="s">
        <v>28014</v>
      </c>
      <c r="B7216" s="1" t="s">
        <v>28015</v>
      </c>
      <c r="C7216" s="1" t="s">
        <v>110</v>
      </c>
      <c r="D7216" s="1" t="s">
        <v>28083</v>
      </c>
      <c r="E7216" s="1" t="s">
        <v>28084</v>
      </c>
      <c r="F7216" s="1" t="s">
        <v>28085</v>
      </c>
      <c r="G7216" s="1" t="s">
        <v>28019</v>
      </c>
      <c r="H7216" s="1" t="s">
        <v>28020</v>
      </c>
      <c r="I7216" s="1" t="s">
        <v>28021</v>
      </c>
      <c r="J7216" s="1" t="s">
        <v>28086</v>
      </c>
    </row>
    <row r="7217" spans="1:10" x14ac:dyDescent="0.35">
      <c r="A7217" s="1" t="s">
        <v>28014</v>
      </c>
      <c r="B7217" s="1" t="s">
        <v>28015</v>
      </c>
      <c r="C7217" s="1" t="s">
        <v>115</v>
      </c>
      <c r="D7217" s="1" t="s">
        <v>1564</v>
      </c>
      <c r="E7217" s="1" t="s">
        <v>28087</v>
      </c>
      <c r="F7217" s="1" t="s">
        <v>28088</v>
      </c>
      <c r="G7217" s="1" t="s">
        <v>28019</v>
      </c>
      <c r="H7217" s="1" t="s">
        <v>28020</v>
      </c>
      <c r="I7217" s="1" t="s">
        <v>28021</v>
      </c>
      <c r="J7217" s="1" t="s">
        <v>28089</v>
      </c>
    </row>
    <row r="7218" spans="1:10" x14ac:dyDescent="0.35">
      <c r="A7218" s="1" t="s">
        <v>28014</v>
      </c>
      <c r="B7218" s="1" t="s">
        <v>28015</v>
      </c>
      <c r="C7218" s="1" t="s">
        <v>120</v>
      </c>
      <c r="D7218" s="1" t="s">
        <v>27847</v>
      </c>
      <c r="E7218" s="1" t="s">
        <v>28090</v>
      </c>
      <c r="F7218" s="1" t="s">
        <v>28091</v>
      </c>
      <c r="G7218" s="1" t="s">
        <v>28019</v>
      </c>
      <c r="H7218" s="1" t="s">
        <v>28020</v>
      </c>
      <c r="I7218" s="1" t="s">
        <v>28021</v>
      </c>
      <c r="J7218" s="1" t="s">
        <v>28092</v>
      </c>
    </row>
    <row r="7219" spans="1:10" x14ac:dyDescent="0.35">
      <c r="A7219" s="1" t="s">
        <v>28014</v>
      </c>
      <c r="B7219" s="1" t="s">
        <v>28015</v>
      </c>
      <c r="C7219" s="1" t="s">
        <v>125</v>
      </c>
      <c r="D7219" s="1" t="s">
        <v>8083</v>
      </c>
      <c r="E7219" s="1" t="s">
        <v>15180</v>
      </c>
      <c r="F7219" s="1" t="s">
        <v>28093</v>
      </c>
      <c r="G7219" s="1" t="s">
        <v>28019</v>
      </c>
      <c r="H7219" s="1" t="s">
        <v>28020</v>
      </c>
      <c r="I7219" s="1" t="s">
        <v>28021</v>
      </c>
      <c r="J7219" s="1" t="s">
        <v>28094</v>
      </c>
    </row>
    <row r="7220" spans="1:10" x14ac:dyDescent="0.35">
      <c r="A7220" s="1" t="s">
        <v>28014</v>
      </c>
      <c r="B7220" s="1" t="s">
        <v>28015</v>
      </c>
      <c r="C7220" s="1" t="s">
        <v>130</v>
      </c>
      <c r="D7220" s="1" t="s">
        <v>28095</v>
      </c>
      <c r="E7220" s="1" t="s">
        <v>28096</v>
      </c>
      <c r="F7220" s="1" t="s">
        <v>28097</v>
      </c>
      <c r="G7220" s="1" t="s">
        <v>28019</v>
      </c>
      <c r="H7220" s="1" t="s">
        <v>28020</v>
      </c>
      <c r="I7220" s="1" t="s">
        <v>28021</v>
      </c>
      <c r="J7220" s="1" t="s">
        <v>28098</v>
      </c>
    </row>
    <row r="7221" spans="1:10" x14ac:dyDescent="0.35">
      <c r="A7221" s="1" t="s">
        <v>28014</v>
      </c>
      <c r="B7221" s="1" t="s">
        <v>28015</v>
      </c>
      <c r="C7221" s="1" t="s">
        <v>135</v>
      </c>
      <c r="D7221" s="1" t="s">
        <v>27824</v>
      </c>
      <c r="E7221" s="1" t="s">
        <v>28099</v>
      </c>
      <c r="F7221" s="1" t="s">
        <v>28100</v>
      </c>
      <c r="G7221" s="1" t="s">
        <v>28019</v>
      </c>
      <c r="H7221" s="1" t="s">
        <v>28020</v>
      </c>
      <c r="I7221" s="1" t="s">
        <v>28021</v>
      </c>
      <c r="J7221" s="1" t="s">
        <v>28101</v>
      </c>
    </row>
    <row r="7222" spans="1:10" x14ac:dyDescent="0.35">
      <c r="A7222" s="1" t="s">
        <v>28014</v>
      </c>
      <c r="B7222" s="1" t="s">
        <v>28015</v>
      </c>
      <c r="C7222" s="1" t="s">
        <v>140</v>
      </c>
      <c r="D7222" s="1" t="s">
        <v>28102</v>
      </c>
      <c r="E7222" s="1" t="s">
        <v>28103</v>
      </c>
      <c r="F7222" s="1" t="s">
        <v>28104</v>
      </c>
      <c r="G7222" s="1" t="s">
        <v>28019</v>
      </c>
      <c r="H7222" s="1" t="s">
        <v>28020</v>
      </c>
      <c r="I7222" s="1" t="s">
        <v>28021</v>
      </c>
      <c r="J7222" s="1" t="s">
        <v>28105</v>
      </c>
    </row>
    <row r="7223" spans="1:10" x14ac:dyDescent="0.35">
      <c r="A7223" s="1" t="s">
        <v>28014</v>
      </c>
      <c r="B7223" s="1" t="s">
        <v>28015</v>
      </c>
      <c r="C7223" s="1" t="s">
        <v>145</v>
      </c>
      <c r="D7223" s="1" t="s">
        <v>6952</v>
      </c>
      <c r="E7223" s="1" t="s">
        <v>28106</v>
      </c>
      <c r="F7223" s="1" t="s">
        <v>28107</v>
      </c>
      <c r="G7223" s="1" t="s">
        <v>28019</v>
      </c>
      <c r="H7223" s="1" t="s">
        <v>28020</v>
      </c>
      <c r="I7223" s="1" t="s">
        <v>28021</v>
      </c>
      <c r="J7223" s="1" t="s">
        <v>28108</v>
      </c>
    </row>
    <row r="7224" spans="1:10" x14ac:dyDescent="0.35">
      <c r="A7224" s="1" t="s">
        <v>28014</v>
      </c>
      <c r="B7224" s="1" t="s">
        <v>28015</v>
      </c>
      <c r="C7224" s="1" t="s">
        <v>150</v>
      </c>
      <c r="D7224" s="1" t="s">
        <v>28109</v>
      </c>
      <c r="E7224" s="1" t="s">
        <v>15089</v>
      </c>
      <c r="F7224" s="1" t="s">
        <v>28110</v>
      </c>
      <c r="G7224" s="1" t="s">
        <v>28019</v>
      </c>
      <c r="H7224" s="1" t="s">
        <v>28020</v>
      </c>
      <c r="I7224" s="1" t="s">
        <v>28021</v>
      </c>
      <c r="J7224" s="1" t="s">
        <v>28111</v>
      </c>
    </row>
    <row r="7225" spans="1:10" x14ac:dyDescent="0.35">
      <c r="A7225" s="1" t="s">
        <v>28014</v>
      </c>
      <c r="B7225" s="1" t="s">
        <v>28015</v>
      </c>
      <c r="C7225" s="1" t="s">
        <v>155</v>
      </c>
      <c r="D7225" s="1" t="s">
        <v>2643</v>
      </c>
      <c r="E7225" s="1" t="s">
        <v>28112</v>
      </c>
      <c r="F7225" s="1" t="s">
        <v>28113</v>
      </c>
      <c r="G7225" s="1" t="s">
        <v>28019</v>
      </c>
      <c r="H7225" s="1" t="s">
        <v>28020</v>
      </c>
      <c r="I7225" s="1" t="s">
        <v>28021</v>
      </c>
      <c r="J7225" s="1" t="s">
        <v>28114</v>
      </c>
    </row>
    <row r="7226" spans="1:10" x14ac:dyDescent="0.35">
      <c r="A7226" s="1" t="s">
        <v>28014</v>
      </c>
      <c r="B7226" s="1" t="s">
        <v>28015</v>
      </c>
      <c r="C7226" s="1" t="s">
        <v>160</v>
      </c>
      <c r="D7226" s="1" t="s">
        <v>28115</v>
      </c>
      <c r="E7226" s="1" t="s">
        <v>28116</v>
      </c>
      <c r="F7226" s="1" t="s">
        <v>28117</v>
      </c>
      <c r="G7226" s="1" t="s">
        <v>28019</v>
      </c>
      <c r="H7226" s="1" t="s">
        <v>28020</v>
      </c>
      <c r="I7226" s="1" t="s">
        <v>28021</v>
      </c>
      <c r="J7226" s="1" t="s">
        <v>28118</v>
      </c>
    </row>
    <row r="7227" spans="1:10" x14ac:dyDescent="0.35">
      <c r="A7227" s="1" t="s">
        <v>28014</v>
      </c>
      <c r="B7227" s="1" t="s">
        <v>28015</v>
      </c>
      <c r="C7227" s="1" t="s">
        <v>165</v>
      </c>
      <c r="D7227" s="1" t="s">
        <v>27507</v>
      </c>
      <c r="E7227" s="1" t="s">
        <v>28119</v>
      </c>
      <c r="F7227" s="1" t="s">
        <v>28120</v>
      </c>
      <c r="G7227" s="1" t="s">
        <v>28019</v>
      </c>
      <c r="H7227" s="1" t="s">
        <v>28020</v>
      </c>
      <c r="I7227" s="1" t="s">
        <v>28021</v>
      </c>
      <c r="J7227" s="1" t="s">
        <v>28121</v>
      </c>
    </row>
    <row r="7228" spans="1:10" x14ac:dyDescent="0.35">
      <c r="A7228" s="1" t="s">
        <v>28014</v>
      </c>
      <c r="B7228" s="1" t="s">
        <v>28015</v>
      </c>
      <c r="C7228" s="1" t="s">
        <v>170</v>
      </c>
      <c r="D7228" s="1" t="s">
        <v>28122</v>
      </c>
      <c r="E7228" s="1" t="s">
        <v>28123</v>
      </c>
      <c r="F7228" s="1" t="s">
        <v>28124</v>
      </c>
      <c r="G7228" s="1" t="s">
        <v>28019</v>
      </c>
      <c r="H7228" s="1" t="s">
        <v>28020</v>
      </c>
      <c r="I7228" s="1" t="s">
        <v>28021</v>
      </c>
      <c r="J7228" s="1" t="s">
        <v>28125</v>
      </c>
    </row>
    <row r="7229" spans="1:10" x14ac:dyDescent="0.35">
      <c r="A7229" s="1" t="s">
        <v>28126</v>
      </c>
      <c r="B7229" s="1" t="s">
        <v>28015</v>
      </c>
      <c r="C7229" s="1" t="s">
        <v>8</v>
      </c>
      <c r="D7229" s="1" t="s">
        <v>1181</v>
      </c>
      <c r="E7229" s="1" t="s">
        <v>15076</v>
      </c>
      <c r="F7229" s="1" t="s">
        <v>28127</v>
      </c>
      <c r="G7229" s="1" t="s">
        <v>28128</v>
      </c>
      <c r="H7229" s="1" t="s">
        <v>28129</v>
      </c>
      <c r="I7229" s="1" t="s">
        <v>28021</v>
      </c>
      <c r="J7229" s="1" t="s">
        <v>13</v>
      </c>
    </row>
    <row r="7230" spans="1:10" x14ac:dyDescent="0.35">
      <c r="A7230" s="1" t="s">
        <v>28126</v>
      </c>
      <c r="B7230" s="1" t="s">
        <v>28015</v>
      </c>
      <c r="C7230" s="1" t="s">
        <v>15</v>
      </c>
      <c r="D7230" s="1" t="s">
        <v>28130</v>
      </c>
      <c r="E7230" s="1" t="s">
        <v>28131</v>
      </c>
      <c r="F7230" s="1" t="s">
        <v>28132</v>
      </c>
      <c r="G7230" s="1" t="s">
        <v>28128</v>
      </c>
      <c r="H7230" s="1" t="s">
        <v>28129</v>
      </c>
      <c r="I7230" s="1" t="s">
        <v>28021</v>
      </c>
      <c r="J7230" s="1" t="s">
        <v>28133</v>
      </c>
    </row>
    <row r="7231" spans="1:10" x14ac:dyDescent="0.35">
      <c r="A7231" s="1" t="s">
        <v>28126</v>
      </c>
      <c r="B7231" s="1" t="s">
        <v>28015</v>
      </c>
      <c r="C7231" s="1" t="s">
        <v>20</v>
      </c>
      <c r="D7231" s="1" t="s">
        <v>28134</v>
      </c>
      <c r="E7231" s="1" t="s">
        <v>15076</v>
      </c>
      <c r="F7231" s="1" t="s">
        <v>28135</v>
      </c>
      <c r="G7231" s="1" t="s">
        <v>28128</v>
      </c>
      <c r="H7231" s="1" t="s">
        <v>28129</v>
      </c>
      <c r="I7231" s="1" t="s">
        <v>28021</v>
      </c>
      <c r="J7231" s="1" t="s">
        <v>28136</v>
      </c>
    </row>
    <row r="7232" spans="1:10" x14ac:dyDescent="0.35">
      <c r="A7232" s="1" t="s">
        <v>28126</v>
      </c>
      <c r="B7232" s="1" t="s">
        <v>28015</v>
      </c>
      <c r="C7232" s="1" t="s">
        <v>25</v>
      </c>
      <c r="D7232" s="1" t="s">
        <v>28137</v>
      </c>
      <c r="E7232" s="1" t="s">
        <v>28138</v>
      </c>
      <c r="F7232" s="1" t="s">
        <v>28139</v>
      </c>
      <c r="G7232" s="1" t="s">
        <v>28128</v>
      </c>
      <c r="H7232" s="1" t="s">
        <v>28129</v>
      </c>
      <c r="I7232" s="1" t="s">
        <v>28021</v>
      </c>
      <c r="J7232" s="1" t="s">
        <v>28140</v>
      </c>
    </row>
    <row r="7233" spans="1:10" x14ac:dyDescent="0.35">
      <c r="A7233" s="1" t="s">
        <v>28126</v>
      </c>
      <c r="B7233" s="1" t="s">
        <v>28015</v>
      </c>
      <c r="C7233" s="1" t="s">
        <v>30</v>
      </c>
      <c r="D7233" s="1" t="s">
        <v>28141</v>
      </c>
      <c r="E7233" s="1" t="s">
        <v>15180</v>
      </c>
      <c r="F7233" s="1" t="s">
        <v>28142</v>
      </c>
      <c r="G7233" s="1" t="s">
        <v>28128</v>
      </c>
      <c r="H7233" s="1" t="s">
        <v>28129</v>
      </c>
      <c r="I7233" s="1" t="s">
        <v>28021</v>
      </c>
      <c r="J7233" s="1" t="s">
        <v>28143</v>
      </c>
    </row>
    <row r="7234" spans="1:10" x14ac:dyDescent="0.35">
      <c r="A7234" s="1" t="s">
        <v>28126</v>
      </c>
      <c r="B7234" s="1" t="s">
        <v>28015</v>
      </c>
      <c r="C7234" s="1" t="s">
        <v>35</v>
      </c>
      <c r="D7234" s="1" t="s">
        <v>28144</v>
      </c>
      <c r="E7234" s="1" t="s">
        <v>28145</v>
      </c>
      <c r="F7234" s="1" t="s">
        <v>28146</v>
      </c>
      <c r="G7234" s="1" t="s">
        <v>28128</v>
      </c>
      <c r="H7234" s="1" t="s">
        <v>28129</v>
      </c>
      <c r="I7234" s="1" t="s">
        <v>28021</v>
      </c>
      <c r="J7234" s="1" t="s">
        <v>28147</v>
      </c>
    </row>
    <row r="7235" spans="1:10" x14ac:dyDescent="0.35">
      <c r="A7235" s="1" t="s">
        <v>28126</v>
      </c>
      <c r="B7235" s="1" t="s">
        <v>28015</v>
      </c>
      <c r="C7235" s="1" t="s">
        <v>40</v>
      </c>
      <c r="D7235" s="1" t="s">
        <v>28148</v>
      </c>
      <c r="E7235" s="1" t="s">
        <v>28149</v>
      </c>
      <c r="F7235" s="1" t="s">
        <v>28150</v>
      </c>
      <c r="G7235" s="1" t="s">
        <v>28128</v>
      </c>
      <c r="H7235" s="1" t="s">
        <v>28129</v>
      </c>
      <c r="I7235" s="1" t="s">
        <v>28021</v>
      </c>
      <c r="J7235" s="1" t="s">
        <v>28151</v>
      </c>
    </row>
    <row r="7236" spans="1:10" x14ac:dyDescent="0.35">
      <c r="A7236" s="1" t="s">
        <v>28126</v>
      </c>
      <c r="B7236" s="1" t="s">
        <v>28015</v>
      </c>
      <c r="C7236" s="1" t="s">
        <v>45</v>
      </c>
      <c r="D7236" s="1" t="s">
        <v>4496</v>
      </c>
      <c r="E7236" s="1" t="s">
        <v>28152</v>
      </c>
      <c r="F7236" s="1" t="s">
        <v>28153</v>
      </c>
      <c r="G7236" s="1" t="s">
        <v>28128</v>
      </c>
      <c r="H7236" s="1" t="s">
        <v>28129</v>
      </c>
      <c r="I7236" s="1" t="s">
        <v>28021</v>
      </c>
      <c r="J7236" s="1" t="s">
        <v>28154</v>
      </c>
    </row>
    <row r="7237" spans="1:10" x14ac:dyDescent="0.35">
      <c r="A7237" s="1" t="s">
        <v>28126</v>
      </c>
      <c r="B7237" s="1" t="s">
        <v>28015</v>
      </c>
      <c r="C7237" s="1" t="s">
        <v>50</v>
      </c>
      <c r="D7237" s="1" t="s">
        <v>28137</v>
      </c>
      <c r="E7237" s="1" t="s">
        <v>28155</v>
      </c>
      <c r="F7237" s="1" t="s">
        <v>28156</v>
      </c>
      <c r="G7237" s="1" t="s">
        <v>28128</v>
      </c>
      <c r="H7237" s="1" t="s">
        <v>28129</v>
      </c>
      <c r="I7237" s="1" t="s">
        <v>28021</v>
      </c>
      <c r="J7237" s="1" t="s">
        <v>28157</v>
      </c>
    </row>
    <row r="7238" spans="1:10" x14ac:dyDescent="0.35">
      <c r="A7238" s="1" t="s">
        <v>28126</v>
      </c>
      <c r="B7238" s="1" t="s">
        <v>28015</v>
      </c>
      <c r="C7238" s="1" t="s">
        <v>55</v>
      </c>
      <c r="D7238" s="1" t="s">
        <v>28158</v>
      </c>
      <c r="E7238" s="1" t="s">
        <v>28159</v>
      </c>
      <c r="F7238" s="1" t="s">
        <v>28160</v>
      </c>
      <c r="G7238" s="1" t="s">
        <v>28128</v>
      </c>
      <c r="H7238" s="1" t="s">
        <v>28129</v>
      </c>
      <c r="I7238" s="1" t="s">
        <v>28021</v>
      </c>
      <c r="J7238" s="1" t="s">
        <v>28161</v>
      </c>
    </row>
    <row r="7239" spans="1:10" x14ac:dyDescent="0.35">
      <c r="A7239" s="1" t="s">
        <v>28126</v>
      </c>
      <c r="B7239" s="1" t="s">
        <v>28015</v>
      </c>
      <c r="C7239" s="1" t="s">
        <v>60</v>
      </c>
      <c r="D7239" s="1" t="s">
        <v>13862</v>
      </c>
      <c r="E7239" s="1" t="s">
        <v>28162</v>
      </c>
      <c r="F7239" s="1" t="s">
        <v>28163</v>
      </c>
      <c r="G7239" s="1" t="s">
        <v>28128</v>
      </c>
      <c r="H7239" s="1" t="s">
        <v>28129</v>
      </c>
      <c r="I7239" s="1" t="s">
        <v>28021</v>
      </c>
      <c r="J7239" s="1" t="s">
        <v>28164</v>
      </c>
    </row>
    <row r="7240" spans="1:10" x14ac:dyDescent="0.35">
      <c r="A7240" s="1" t="s">
        <v>28126</v>
      </c>
      <c r="B7240" s="1" t="s">
        <v>28015</v>
      </c>
      <c r="C7240" s="1" t="s">
        <v>65</v>
      </c>
      <c r="D7240" s="1" t="s">
        <v>28165</v>
      </c>
      <c r="E7240" s="1" t="s">
        <v>28166</v>
      </c>
      <c r="F7240" s="1" t="s">
        <v>28167</v>
      </c>
      <c r="G7240" s="1" t="s">
        <v>28128</v>
      </c>
      <c r="H7240" s="1" t="s">
        <v>28129</v>
      </c>
      <c r="I7240" s="1" t="s">
        <v>28021</v>
      </c>
      <c r="J7240" s="1" t="s">
        <v>28168</v>
      </c>
    </row>
    <row r="7241" spans="1:10" x14ac:dyDescent="0.35">
      <c r="A7241" s="1" t="s">
        <v>28126</v>
      </c>
      <c r="B7241" s="1" t="s">
        <v>28015</v>
      </c>
      <c r="C7241" s="1" t="s">
        <v>70</v>
      </c>
      <c r="D7241" s="1" t="s">
        <v>25386</v>
      </c>
      <c r="E7241" s="1" t="s">
        <v>28169</v>
      </c>
      <c r="F7241" s="1" t="s">
        <v>28170</v>
      </c>
      <c r="G7241" s="1" t="s">
        <v>28128</v>
      </c>
      <c r="H7241" s="1" t="s">
        <v>28129</v>
      </c>
      <c r="I7241" s="1" t="s">
        <v>28021</v>
      </c>
      <c r="J7241" s="1" t="s">
        <v>28171</v>
      </c>
    </row>
    <row r="7242" spans="1:10" x14ac:dyDescent="0.35">
      <c r="A7242" s="1" t="s">
        <v>28126</v>
      </c>
      <c r="B7242" s="1" t="s">
        <v>28015</v>
      </c>
      <c r="C7242" s="1" t="s">
        <v>75</v>
      </c>
      <c r="D7242" s="1" t="s">
        <v>3920</v>
      </c>
      <c r="E7242" s="1" t="s">
        <v>28172</v>
      </c>
      <c r="F7242" s="1" t="s">
        <v>28173</v>
      </c>
      <c r="G7242" s="1" t="s">
        <v>28128</v>
      </c>
      <c r="H7242" s="1" t="s">
        <v>28129</v>
      </c>
      <c r="I7242" s="1" t="s">
        <v>28021</v>
      </c>
      <c r="J7242" s="1" t="s">
        <v>28174</v>
      </c>
    </row>
    <row r="7243" spans="1:10" x14ac:dyDescent="0.35">
      <c r="A7243" s="1" t="s">
        <v>28126</v>
      </c>
      <c r="B7243" s="1" t="s">
        <v>28015</v>
      </c>
      <c r="C7243" s="1" t="s">
        <v>80</v>
      </c>
      <c r="D7243" s="1" t="s">
        <v>28175</v>
      </c>
      <c r="E7243" s="1" t="s">
        <v>8798</v>
      </c>
      <c r="F7243" s="1" t="s">
        <v>28176</v>
      </c>
      <c r="G7243" s="1" t="s">
        <v>28128</v>
      </c>
      <c r="H7243" s="1" t="s">
        <v>28129</v>
      </c>
      <c r="I7243" s="1" t="s">
        <v>28021</v>
      </c>
      <c r="J7243" s="1" t="s">
        <v>28177</v>
      </c>
    </row>
    <row r="7244" spans="1:10" x14ac:dyDescent="0.35">
      <c r="A7244" s="1" t="s">
        <v>28126</v>
      </c>
      <c r="B7244" s="1" t="s">
        <v>28015</v>
      </c>
      <c r="C7244" s="1" t="s">
        <v>85</v>
      </c>
      <c r="D7244" s="1" t="s">
        <v>28178</v>
      </c>
      <c r="E7244" s="1" t="s">
        <v>4162</v>
      </c>
      <c r="F7244" s="1" t="s">
        <v>28179</v>
      </c>
      <c r="G7244" s="1" t="s">
        <v>28128</v>
      </c>
      <c r="H7244" s="1" t="s">
        <v>28129</v>
      </c>
      <c r="I7244" s="1" t="s">
        <v>28021</v>
      </c>
      <c r="J7244" s="1" t="s">
        <v>28180</v>
      </c>
    </row>
    <row r="7245" spans="1:10" x14ac:dyDescent="0.35">
      <c r="A7245" s="1" t="s">
        <v>28126</v>
      </c>
      <c r="B7245" s="1" t="s">
        <v>28015</v>
      </c>
      <c r="C7245" s="1" t="s">
        <v>90</v>
      </c>
      <c r="D7245" s="1" t="s">
        <v>28181</v>
      </c>
      <c r="E7245" s="1" t="s">
        <v>8824</v>
      </c>
      <c r="F7245" s="1" t="s">
        <v>28182</v>
      </c>
      <c r="G7245" s="1" t="s">
        <v>28128</v>
      </c>
      <c r="H7245" s="1" t="s">
        <v>28129</v>
      </c>
      <c r="I7245" s="1" t="s">
        <v>28021</v>
      </c>
      <c r="J7245" s="1" t="s">
        <v>28183</v>
      </c>
    </row>
    <row r="7246" spans="1:10" x14ac:dyDescent="0.35">
      <c r="A7246" s="1" t="s">
        <v>28126</v>
      </c>
      <c r="B7246" s="1" t="s">
        <v>28015</v>
      </c>
      <c r="C7246" s="1" t="s">
        <v>95</v>
      </c>
      <c r="D7246" s="1" t="s">
        <v>28184</v>
      </c>
      <c r="E7246" s="1" t="s">
        <v>28185</v>
      </c>
      <c r="F7246" s="1" t="s">
        <v>28186</v>
      </c>
      <c r="G7246" s="1" t="s">
        <v>28128</v>
      </c>
      <c r="H7246" s="1" t="s">
        <v>28129</v>
      </c>
      <c r="I7246" s="1" t="s">
        <v>28021</v>
      </c>
      <c r="J7246" s="1" t="s">
        <v>28187</v>
      </c>
    </row>
    <row r="7247" spans="1:10" x14ac:dyDescent="0.35">
      <c r="A7247" s="1" t="s">
        <v>28126</v>
      </c>
      <c r="B7247" s="1" t="s">
        <v>28015</v>
      </c>
      <c r="C7247" s="1" t="s">
        <v>100</v>
      </c>
      <c r="D7247" s="1" t="s">
        <v>8702</v>
      </c>
      <c r="E7247" s="1" t="s">
        <v>28188</v>
      </c>
      <c r="F7247" s="1" t="s">
        <v>28189</v>
      </c>
      <c r="G7247" s="1" t="s">
        <v>28128</v>
      </c>
      <c r="H7247" s="1" t="s">
        <v>28129</v>
      </c>
      <c r="I7247" s="1" t="s">
        <v>28021</v>
      </c>
      <c r="J7247" s="1" t="s">
        <v>28190</v>
      </c>
    </row>
    <row r="7248" spans="1:10" x14ac:dyDescent="0.35">
      <c r="A7248" s="1" t="s">
        <v>28126</v>
      </c>
      <c r="B7248" s="1" t="s">
        <v>28015</v>
      </c>
      <c r="C7248" s="1" t="s">
        <v>105</v>
      </c>
      <c r="D7248" s="1" t="s">
        <v>25558</v>
      </c>
      <c r="E7248" s="1" t="s">
        <v>28191</v>
      </c>
      <c r="F7248" s="1" t="s">
        <v>28192</v>
      </c>
      <c r="G7248" s="1" t="s">
        <v>28128</v>
      </c>
      <c r="H7248" s="1" t="s">
        <v>28129</v>
      </c>
      <c r="I7248" s="1" t="s">
        <v>28021</v>
      </c>
      <c r="J7248" s="1" t="s">
        <v>28193</v>
      </c>
    </row>
    <row r="7249" spans="1:10" x14ac:dyDescent="0.35">
      <c r="A7249" s="1" t="s">
        <v>28126</v>
      </c>
      <c r="B7249" s="1" t="s">
        <v>28015</v>
      </c>
      <c r="C7249" s="1" t="s">
        <v>110</v>
      </c>
      <c r="D7249" s="1" t="s">
        <v>4054</v>
      </c>
      <c r="E7249" s="1" t="s">
        <v>28194</v>
      </c>
      <c r="F7249" s="1" t="s">
        <v>28195</v>
      </c>
      <c r="G7249" s="1" t="s">
        <v>28128</v>
      </c>
      <c r="H7249" s="1" t="s">
        <v>28129</v>
      </c>
      <c r="I7249" s="1" t="s">
        <v>28021</v>
      </c>
      <c r="J7249" s="1" t="s">
        <v>28196</v>
      </c>
    </row>
    <row r="7250" spans="1:10" x14ac:dyDescent="0.35">
      <c r="A7250" s="1" t="s">
        <v>28126</v>
      </c>
      <c r="B7250" s="1" t="s">
        <v>28015</v>
      </c>
      <c r="C7250" s="1" t="s">
        <v>115</v>
      </c>
      <c r="D7250" s="1" t="s">
        <v>2089</v>
      </c>
      <c r="E7250" s="1" t="s">
        <v>28197</v>
      </c>
      <c r="F7250" s="1" t="s">
        <v>28198</v>
      </c>
      <c r="G7250" s="1" t="s">
        <v>28128</v>
      </c>
      <c r="H7250" s="1" t="s">
        <v>28129</v>
      </c>
      <c r="I7250" s="1" t="s">
        <v>28021</v>
      </c>
      <c r="J7250" s="1" t="s">
        <v>28199</v>
      </c>
    </row>
    <row r="7251" spans="1:10" x14ac:dyDescent="0.35">
      <c r="A7251" s="1" t="s">
        <v>28126</v>
      </c>
      <c r="B7251" s="1" t="s">
        <v>28015</v>
      </c>
      <c r="C7251" s="1" t="s">
        <v>120</v>
      </c>
      <c r="D7251" s="1" t="s">
        <v>10943</v>
      </c>
      <c r="E7251" s="1" t="s">
        <v>28200</v>
      </c>
      <c r="F7251" s="1" t="s">
        <v>28201</v>
      </c>
      <c r="G7251" s="1" t="s">
        <v>28128</v>
      </c>
      <c r="H7251" s="1" t="s">
        <v>28129</v>
      </c>
      <c r="I7251" s="1" t="s">
        <v>28021</v>
      </c>
      <c r="J7251" s="1" t="s">
        <v>28202</v>
      </c>
    </row>
    <row r="7252" spans="1:10" x14ac:dyDescent="0.35">
      <c r="A7252" s="1" t="s">
        <v>28126</v>
      </c>
      <c r="B7252" s="1" t="s">
        <v>28015</v>
      </c>
      <c r="C7252" s="1" t="s">
        <v>125</v>
      </c>
      <c r="D7252" s="1" t="s">
        <v>27824</v>
      </c>
      <c r="E7252" s="1" t="s">
        <v>28203</v>
      </c>
      <c r="F7252" s="1" t="s">
        <v>28204</v>
      </c>
      <c r="G7252" s="1" t="s">
        <v>28128</v>
      </c>
      <c r="H7252" s="1" t="s">
        <v>28129</v>
      </c>
      <c r="I7252" s="1" t="s">
        <v>28021</v>
      </c>
      <c r="J7252" s="1" t="s">
        <v>28205</v>
      </c>
    </row>
    <row r="7253" spans="1:10" x14ac:dyDescent="0.35">
      <c r="A7253" s="1" t="s">
        <v>28126</v>
      </c>
      <c r="B7253" s="1" t="s">
        <v>28015</v>
      </c>
      <c r="C7253" s="1" t="s">
        <v>130</v>
      </c>
      <c r="D7253" s="1" t="s">
        <v>28206</v>
      </c>
      <c r="E7253" s="1" t="s">
        <v>28207</v>
      </c>
      <c r="F7253" s="1" t="s">
        <v>28208</v>
      </c>
      <c r="G7253" s="1" t="s">
        <v>28128</v>
      </c>
      <c r="H7253" s="1" t="s">
        <v>28129</v>
      </c>
      <c r="I7253" s="1" t="s">
        <v>28021</v>
      </c>
      <c r="J7253" s="1" t="s">
        <v>28209</v>
      </c>
    </row>
    <row r="7254" spans="1:10" x14ac:dyDescent="0.35">
      <c r="A7254" s="1" t="s">
        <v>28126</v>
      </c>
      <c r="B7254" s="1" t="s">
        <v>28015</v>
      </c>
      <c r="C7254" s="1" t="s">
        <v>135</v>
      </c>
      <c r="D7254" s="1" t="s">
        <v>28210</v>
      </c>
      <c r="E7254" s="1" t="s">
        <v>28211</v>
      </c>
      <c r="F7254" s="1" t="s">
        <v>28212</v>
      </c>
      <c r="G7254" s="1" t="s">
        <v>28128</v>
      </c>
      <c r="H7254" s="1" t="s">
        <v>28129</v>
      </c>
      <c r="I7254" s="1" t="s">
        <v>28021</v>
      </c>
      <c r="J7254" s="1" t="s">
        <v>28213</v>
      </c>
    </row>
    <row r="7255" spans="1:10" x14ac:dyDescent="0.35">
      <c r="A7255" s="1" t="s">
        <v>28126</v>
      </c>
      <c r="B7255" s="1" t="s">
        <v>28015</v>
      </c>
      <c r="C7255" s="1" t="s">
        <v>140</v>
      </c>
      <c r="D7255" s="1" t="s">
        <v>25517</v>
      </c>
      <c r="E7255" s="1" t="s">
        <v>28214</v>
      </c>
      <c r="F7255" s="1" t="s">
        <v>28215</v>
      </c>
      <c r="G7255" s="1" t="s">
        <v>28128</v>
      </c>
      <c r="H7255" s="1" t="s">
        <v>28129</v>
      </c>
      <c r="I7255" s="1" t="s">
        <v>28021</v>
      </c>
      <c r="J7255" s="1" t="s">
        <v>28216</v>
      </c>
    </row>
    <row r="7256" spans="1:10" x14ac:dyDescent="0.35">
      <c r="A7256" s="1" t="s">
        <v>28126</v>
      </c>
      <c r="B7256" s="1" t="s">
        <v>28015</v>
      </c>
      <c r="C7256" s="1" t="s">
        <v>145</v>
      </c>
      <c r="D7256" s="1" t="s">
        <v>7507</v>
      </c>
      <c r="E7256" s="1" t="s">
        <v>28217</v>
      </c>
      <c r="F7256" s="1" t="s">
        <v>28218</v>
      </c>
      <c r="G7256" s="1" t="s">
        <v>28128</v>
      </c>
      <c r="H7256" s="1" t="s">
        <v>28129</v>
      </c>
      <c r="I7256" s="1" t="s">
        <v>28021</v>
      </c>
      <c r="J7256" s="1" t="s">
        <v>28219</v>
      </c>
    </row>
    <row r="7257" spans="1:10" x14ac:dyDescent="0.35">
      <c r="A7257" s="1" t="s">
        <v>28126</v>
      </c>
      <c r="B7257" s="1" t="s">
        <v>28015</v>
      </c>
      <c r="C7257" s="1" t="s">
        <v>150</v>
      </c>
      <c r="D7257" s="1" t="s">
        <v>28220</v>
      </c>
      <c r="E7257" s="1" t="s">
        <v>28221</v>
      </c>
      <c r="F7257" s="1" t="s">
        <v>28222</v>
      </c>
      <c r="G7257" s="1" t="s">
        <v>28128</v>
      </c>
      <c r="H7257" s="1" t="s">
        <v>28129</v>
      </c>
      <c r="I7257" s="1" t="s">
        <v>28021</v>
      </c>
      <c r="J7257" s="1" t="s">
        <v>28223</v>
      </c>
    </row>
    <row r="7258" spans="1:10" x14ac:dyDescent="0.35">
      <c r="A7258" s="1" t="s">
        <v>28126</v>
      </c>
      <c r="B7258" s="1" t="s">
        <v>28015</v>
      </c>
      <c r="C7258" s="1" t="s">
        <v>155</v>
      </c>
      <c r="D7258" s="1" t="s">
        <v>28224</v>
      </c>
      <c r="E7258" s="1" t="s">
        <v>28225</v>
      </c>
      <c r="F7258" s="1" t="s">
        <v>28226</v>
      </c>
      <c r="G7258" s="1" t="s">
        <v>28128</v>
      </c>
      <c r="H7258" s="1" t="s">
        <v>28129</v>
      </c>
      <c r="I7258" s="1" t="s">
        <v>28021</v>
      </c>
      <c r="J7258" s="1" t="s">
        <v>28227</v>
      </c>
    </row>
    <row r="7259" spans="1:10" x14ac:dyDescent="0.35">
      <c r="A7259" s="1" t="s">
        <v>28126</v>
      </c>
      <c r="B7259" s="1" t="s">
        <v>28015</v>
      </c>
      <c r="C7259" s="1" t="s">
        <v>160</v>
      </c>
      <c r="D7259" s="1" t="s">
        <v>28228</v>
      </c>
      <c r="E7259" s="1" t="s">
        <v>28229</v>
      </c>
      <c r="F7259" s="1" t="s">
        <v>28230</v>
      </c>
      <c r="G7259" s="1" t="s">
        <v>28128</v>
      </c>
      <c r="H7259" s="1" t="s">
        <v>28129</v>
      </c>
      <c r="I7259" s="1" t="s">
        <v>28021</v>
      </c>
      <c r="J7259" s="1" t="s">
        <v>28231</v>
      </c>
    </row>
    <row r="7260" spans="1:10" x14ac:dyDescent="0.35">
      <c r="A7260" s="1" t="s">
        <v>28126</v>
      </c>
      <c r="B7260" s="1" t="s">
        <v>28015</v>
      </c>
      <c r="C7260" s="1" t="s">
        <v>165</v>
      </c>
      <c r="D7260" s="1" t="s">
        <v>28232</v>
      </c>
      <c r="E7260" s="1" t="s">
        <v>28162</v>
      </c>
      <c r="F7260" s="1" t="s">
        <v>28233</v>
      </c>
      <c r="G7260" s="1" t="s">
        <v>28128</v>
      </c>
      <c r="H7260" s="1" t="s">
        <v>28129</v>
      </c>
      <c r="I7260" s="1" t="s">
        <v>28021</v>
      </c>
      <c r="J7260" s="1" t="s">
        <v>28234</v>
      </c>
    </row>
    <row r="7261" spans="1:10" x14ac:dyDescent="0.35">
      <c r="A7261" s="1" t="s">
        <v>28126</v>
      </c>
      <c r="B7261" s="1" t="s">
        <v>28015</v>
      </c>
      <c r="C7261" s="1" t="s">
        <v>170</v>
      </c>
      <c r="D7261" s="1" t="s">
        <v>28235</v>
      </c>
      <c r="E7261" s="1" t="s">
        <v>28236</v>
      </c>
      <c r="F7261" s="1" t="s">
        <v>28237</v>
      </c>
      <c r="G7261" s="1" t="s">
        <v>28128</v>
      </c>
      <c r="H7261" s="1" t="s">
        <v>28129</v>
      </c>
      <c r="I7261" s="1" t="s">
        <v>28021</v>
      </c>
      <c r="J7261" s="1" t="s">
        <v>28238</v>
      </c>
    </row>
    <row r="7262" spans="1:10" x14ac:dyDescent="0.35">
      <c r="A7262" s="1" t="s">
        <v>28239</v>
      </c>
      <c r="B7262" s="1" t="s">
        <v>28015</v>
      </c>
      <c r="C7262" s="1" t="s">
        <v>8</v>
      </c>
      <c r="D7262" s="1" t="s">
        <v>15059</v>
      </c>
      <c r="E7262" s="1" t="s">
        <v>28017</v>
      </c>
      <c r="F7262" s="1" t="s">
        <v>28240</v>
      </c>
      <c r="G7262" s="1" t="s">
        <v>28241</v>
      </c>
      <c r="H7262" s="1" t="s">
        <v>28242</v>
      </c>
      <c r="I7262" s="1" t="s">
        <v>28021</v>
      </c>
      <c r="J7262" s="1" t="s">
        <v>13</v>
      </c>
    </row>
    <row r="7263" spans="1:10" x14ac:dyDescent="0.35">
      <c r="A7263" s="1" t="s">
        <v>28239</v>
      </c>
      <c r="B7263" s="1" t="s">
        <v>28015</v>
      </c>
      <c r="C7263" s="1" t="s">
        <v>15</v>
      </c>
      <c r="D7263" s="1" t="s">
        <v>10172</v>
      </c>
      <c r="E7263" s="1" t="s">
        <v>28243</v>
      </c>
      <c r="F7263" s="1" t="s">
        <v>28244</v>
      </c>
      <c r="G7263" s="1" t="s">
        <v>28241</v>
      </c>
      <c r="H7263" s="1" t="s">
        <v>28242</v>
      </c>
      <c r="I7263" s="1" t="s">
        <v>28021</v>
      </c>
      <c r="J7263" s="1" t="s">
        <v>28245</v>
      </c>
    </row>
    <row r="7264" spans="1:10" x14ac:dyDescent="0.35">
      <c r="A7264" s="1" t="s">
        <v>28239</v>
      </c>
      <c r="B7264" s="1" t="s">
        <v>28015</v>
      </c>
      <c r="C7264" s="1" t="s">
        <v>20</v>
      </c>
      <c r="D7264" s="1" t="s">
        <v>1655</v>
      </c>
      <c r="E7264" s="1" t="s">
        <v>28246</v>
      </c>
      <c r="F7264" s="1" t="s">
        <v>28247</v>
      </c>
      <c r="G7264" s="1" t="s">
        <v>28241</v>
      </c>
      <c r="H7264" s="1" t="s">
        <v>28242</v>
      </c>
      <c r="I7264" s="1" t="s">
        <v>28021</v>
      </c>
      <c r="J7264" s="1" t="s">
        <v>28248</v>
      </c>
    </row>
    <row r="7265" spans="1:10" x14ac:dyDescent="0.35">
      <c r="A7265" s="1" t="s">
        <v>28239</v>
      </c>
      <c r="B7265" s="1" t="s">
        <v>28015</v>
      </c>
      <c r="C7265" s="1" t="s">
        <v>25</v>
      </c>
      <c r="D7265" s="1" t="s">
        <v>28249</v>
      </c>
      <c r="E7265" s="1" t="s">
        <v>28250</v>
      </c>
      <c r="F7265" s="1" t="s">
        <v>28251</v>
      </c>
      <c r="G7265" s="1" t="s">
        <v>28241</v>
      </c>
      <c r="H7265" s="1" t="s">
        <v>28242</v>
      </c>
      <c r="I7265" s="1" t="s">
        <v>28021</v>
      </c>
      <c r="J7265" s="1" t="s">
        <v>28252</v>
      </c>
    </row>
    <row r="7266" spans="1:10" x14ac:dyDescent="0.35">
      <c r="A7266" s="1" t="s">
        <v>28239</v>
      </c>
      <c r="B7266" s="1" t="s">
        <v>28015</v>
      </c>
      <c r="C7266" s="1" t="s">
        <v>30</v>
      </c>
      <c r="D7266" s="1" t="s">
        <v>28253</v>
      </c>
      <c r="E7266" s="1" t="s">
        <v>28162</v>
      </c>
      <c r="F7266" s="1" t="s">
        <v>28254</v>
      </c>
      <c r="G7266" s="1" t="s">
        <v>28241</v>
      </c>
      <c r="H7266" s="1" t="s">
        <v>28242</v>
      </c>
      <c r="I7266" s="1" t="s">
        <v>28021</v>
      </c>
      <c r="J7266" s="1" t="s">
        <v>28255</v>
      </c>
    </row>
    <row r="7267" spans="1:10" x14ac:dyDescent="0.35">
      <c r="A7267" s="1" t="s">
        <v>28239</v>
      </c>
      <c r="B7267" s="1" t="s">
        <v>28015</v>
      </c>
      <c r="C7267" s="1" t="s">
        <v>35</v>
      </c>
      <c r="D7267" s="1" t="s">
        <v>28256</v>
      </c>
      <c r="E7267" s="1" t="s">
        <v>8802</v>
      </c>
      <c r="F7267" s="1" t="s">
        <v>28257</v>
      </c>
      <c r="G7267" s="1" t="s">
        <v>28241</v>
      </c>
      <c r="H7267" s="1" t="s">
        <v>28242</v>
      </c>
      <c r="I7267" s="1" t="s">
        <v>28021</v>
      </c>
      <c r="J7267" s="1" t="s">
        <v>28258</v>
      </c>
    </row>
    <row r="7268" spans="1:10" x14ac:dyDescent="0.35">
      <c r="A7268" s="1" t="s">
        <v>28239</v>
      </c>
      <c r="B7268" s="1" t="s">
        <v>28015</v>
      </c>
      <c r="C7268" s="1" t="s">
        <v>40</v>
      </c>
      <c r="D7268" s="1" t="s">
        <v>28259</v>
      </c>
      <c r="E7268" s="1" t="s">
        <v>28260</v>
      </c>
      <c r="F7268" s="1" t="s">
        <v>28261</v>
      </c>
      <c r="G7268" s="1" t="s">
        <v>28241</v>
      </c>
      <c r="H7268" s="1" t="s">
        <v>28242</v>
      </c>
      <c r="I7268" s="1" t="s">
        <v>28021</v>
      </c>
      <c r="J7268" s="1" t="s">
        <v>28262</v>
      </c>
    </row>
    <row r="7269" spans="1:10" x14ac:dyDescent="0.35">
      <c r="A7269" s="1" t="s">
        <v>28239</v>
      </c>
      <c r="B7269" s="1" t="s">
        <v>28015</v>
      </c>
      <c r="C7269" s="1" t="s">
        <v>45</v>
      </c>
      <c r="D7269" s="1" t="s">
        <v>7494</v>
      </c>
      <c r="E7269" s="1" t="s">
        <v>28263</v>
      </c>
      <c r="F7269" s="1" t="s">
        <v>28264</v>
      </c>
      <c r="G7269" s="1" t="s">
        <v>28241</v>
      </c>
      <c r="H7269" s="1" t="s">
        <v>28242</v>
      </c>
      <c r="I7269" s="1" t="s">
        <v>28021</v>
      </c>
      <c r="J7269" s="1" t="s">
        <v>28265</v>
      </c>
    </row>
    <row r="7270" spans="1:10" x14ac:dyDescent="0.35">
      <c r="A7270" s="1" t="s">
        <v>28239</v>
      </c>
      <c r="B7270" s="1" t="s">
        <v>28015</v>
      </c>
      <c r="C7270" s="1" t="s">
        <v>50</v>
      </c>
      <c r="D7270" s="1" t="s">
        <v>28266</v>
      </c>
      <c r="E7270" s="1" t="s">
        <v>28087</v>
      </c>
      <c r="F7270" s="1" t="s">
        <v>28267</v>
      </c>
      <c r="G7270" s="1" t="s">
        <v>28241</v>
      </c>
      <c r="H7270" s="1" t="s">
        <v>28242</v>
      </c>
      <c r="I7270" s="1" t="s">
        <v>28021</v>
      </c>
      <c r="J7270" s="1" t="s">
        <v>28268</v>
      </c>
    </row>
    <row r="7271" spans="1:10" x14ac:dyDescent="0.35">
      <c r="A7271" s="1" t="s">
        <v>28239</v>
      </c>
      <c r="B7271" s="1" t="s">
        <v>28015</v>
      </c>
      <c r="C7271" s="1" t="s">
        <v>55</v>
      </c>
      <c r="D7271" s="1" t="s">
        <v>2873</v>
      </c>
      <c r="E7271" s="1" t="s">
        <v>28056</v>
      </c>
      <c r="F7271" s="1" t="s">
        <v>28269</v>
      </c>
      <c r="G7271" s="1" t="s">
        <v>28241</v>
      </c>
      <c r="H7271" s="1" t="s">
        <v>28242</v>
      </c>
      <c r="I7271" s="1" t="s">
        <v>28021</v>
      </c>
      <c r="J7271" s="1" t="s">
        <v>28270</v>
      </c>
    </row>
    <row r="7272" spans="1:10" x14ac:dyDescent="0.35">
      <c r="A7272" s="1" t="s">
        <v>28239</v>
      </c>
      <c r="B7272" s="1" t="s">
        <v>28015</v>
      </c>
      <c r="C7272" s="1" t="s">
        <v>60</v>
      </c>
      <c r="D7272" s="1" t="s">
        <v>28271</v>
      </c>
      <c r="E7272" s="1" t="s">
        <v>28272</v>
      </c>
      <c r="F7272" s="1" t="s">
        <v>28273</v>
      </c>
      <c r="G7272" s="1" t="s">
        <v>28241</v>
      </c>
      <c r="H7272" s="1" t="s">
        <v>28242</v>
      </c>
      <c r="I7272" s="1" t="s">
        <v>28021</v>
      </c>
      <c r="J7272" s="1" t="s">
        <v>28274</v>
      </c>
    </row>
    <row r="7273" spans="1:10" x14ac:dyDescent="0.35">
      <c r="A7273" s="1" t="s">
        <v>28239</v>
      </c>
      <c r="B7273" s="1" t="s">
        <v>28015</v>
      </c>
      <c r="C7273" s="1" t="s">
        <v>65</v>
      </c>
      <c r="D7273" s="1" t="s">
        <v>28275</v>
      </c>
      <c r="E7273" s="1" t="s">
        <v>28169</v>
      </c>
      <c r="F7273" s="1" t="s">
        <v>28276</v>
      </c>
      <c r="G7273" s="1" t="s">
        <v>28241</v>
      </c>
      <c r="H7273" s="1" t="s">
        <v>28242</v>
      </c>
      <c r="I7273" s="1" t="s">
        <v>28021</v>
      </c>
      <c r="J7273" s="1" t="s">
        <v>28277</v>
      </c>
    </row>
    <row r="7274" spans="1:10" x14ac:dyDescent="0.35">
      <c r="A7274" s="1" t="s">
        <v>28239</v>
      </c>
      <c r="B7274" s="1" t="s">
        <v>28015</v>
      </c>
      <c r="C7274" s="1" t="s">
        <v>70</v>
      </c>
      <c r="D7274" s="1" t="s">
        <v>28206</v>
      </c>
      <c r="E7274" s="1" t="s">
        <v>28278</v>
      </c>
      <c r="F7274" s="1" t="s">
        <v>28279</v>
      </c>
      <c r="G7274" s="1" t="s">
        <v>28241</v>
      </c>
      <c r="H7274" s="1" t="s">
        <v>28242</v>
      </c>
      <c r="I7274" s="1" t="s">
        <v>28021</v>
      </c>
      <c r="J7274" s="1" t="s">
        <v>28280</v>
      </c>
    </row>
    <row r="7275" spans="1:10" x14ac:dyDescent="0.35">
      <c r="A7275" s="1" t="s">
        <v>28239</v>
      </c>
      <c r="B7275" s="1" t="s">
        <v>28015</v>
      </c>
      <c r="C7275" s="1" t="s">
        <v>75</v>
      </c>
      <c r="D7275" s="1" t="s">
        <v>28281</v>
      </c>
      <c r="E7275" s="1" t="s">
        <v>15135</v>
      </c>
      <c r="F7275" s="1" t="s">
        <v>28282</v>
      </c>
      <c r="G7275" s="1" t="s">
        <v>28241</v>
      </c>
      <c r="H7275" s="1" t="s">
        <v>28242</v>
      </c>
      <c r="I7275" s="1" t="s">
        <v>28021</v>
      </c>
      <c r="J7275" s="1" t="s">
        <v>28283</v>
      </c>
    </row>
    <row r="7276" spans="1:10" x14ac:dyDescent="0.35">
      <c r="A7276" s="1" t="s">
        <v>28239</v>
      </c>
      <c r="B7276" s="1" t="s">
        <v>28015</v>
      </c>
      <c r="C7276" s="1" t="s">
        <v>80</v>
      </c>
      <c r="D7276" s="1" t="s">
        <v>28284</v>
      </c>
      <c r="E7276" s="1" t="s">
        <v>28285</v>
      </c>
      <c r="F7276" s="1" t="s">
        <v>28286</v>
      </c>
      <c r="G7276" s="1" t="s">
        <v>28241</v>
      </c>
      <c r="H7276" s="1" t="s">
        <v>28242</v>
      </c>
      <c r="I7276" s="1" t="s">
        <v>28021</v>
      </c>
      <c r="J7276" s="1" t="s">
        <v>28287</v>
      </c>
    </row>
    <row r="7277" spans="1:10" x14ac:dyDescent="0.35">
      <c r="A7277" s="1" t="s">
        <v>28239</v>
      </c>
      <c r="B7277" s="1" t="s">
        <v>28015</v>
      </c>
      <c r="C7277" s="1" t="s">
        <v>85</v>
      </c>
      <c r="D7277" s="1" t="s">
        <v>28288</v>
      </c>
      <c r="E7277" s="1" t="s">
        <v>28289</v>
      </c>
      <c r="F7277" s="1" t="s">
        <v>28290</v>
      </c>
      <c r="G7277" s="1" t="s">
        <v>28241</v>
      </c>
      <c r="H7277" s="1" t="s">
        <v>28242</v>
      </c>
      <c r="I7277" s="1" t="s">
        <v>28021</v>
      </c>
      <c r="J7277" s="1" t="s">
        <v>28291</v>
      </c>
    </row>
    <row r="7278" spans="1:10" x14ac:dyDescent="0.35">
      <c r="A7278" s="1" t="s">
        <v>28239</v>
      </c>
      <c r="B7278" s="1" t="s">
        <v>28015</v>
      </c>
      <c r="C7278" s="1" t="s">
        <v>90</v>
      </c>
      <c r="D7278" s="1" t="s">
        <v>28292</v>
      </c>
      <c r="E7278" s="1" t="s">
        <v>4230</v>
      </c>
      <c r="F7278" s="1" t="s">
        <v>28293</v>
      </c>
      <c r="G7278" s="1" t="s">
        <v>28241</v>
      </c>
      <c r="H7278" s="1" t="s">
        <v>28242</v>
      </c>
      <c r="I7278" s="1" t="s">
        <v>28021</v>
      </c>
      <c r="J7278" s="1" t="s">
        <v>28294</v>
      </c>
    </row>
    <row r="7279" spans="1:10" x14ac:dyDescent="0.35">
      <c r="A7279" s="1" t="s">
        <v>28239</v>
      </c>
      <c r="B7279" s="1" t="s">
        <v>28015</v>
      </c>
      <c r="C7279" s="1" t="s">
        <v>95</v>
      </c>
      <c r="D7279" s="1" t="s">
        <v>28295</v>
      </c>
      <c r="E7279" s="1" t="s">
        <v>6889</v>
      </c>
      <c r="F7279" s="1" t="s">
        <v>28296</v>
      </c>
      <c r="G7279" s="1" t="s">
        <v>28241</v>
      </c>
      <c r="H7279" s="1" t="s">
        <v>28242</v>
      </c>
      <c r="I7279" s="1" t="s">
        <v>28021</v>
      </c>
      <c r="J7279" s="1" t="s">
        <v>28297</v>
      </c>
    </row>
    <row r="7280" spans="1:10" x14ac:dyDescent="0.35">
      <c r="A7280" s="1" t="s">
        <v>28239</v>
      </c>
      <c r="B7280" s="1" t="s">
        <v>28015</v>
      </c>
      <c r="C7280" s="1" t="s">
        <v>100</v>
      </c>
      <c r="D7280" s="1" t="s">
        <v>28298</v>
      </c>
      <c r="E7280" s="1" t="s">
        <v>28056</v>
      </c>
      <c r="F7280" s="1" t="s">
        <v>28299</v>
      </c>
      <c r="G7280" s="1" t="s">
        <v>28241</v>
      </c>
      <c r="H7280" s="1" t="s">
        <v>28242</v>
      </c>
      <c r="I7280" s="1" t="s">
        <v>28021</v>
      </c>
      <c r="J7280" s="1" t="s">
        <v>28300</v>
      </c>
    </row>
    <row r="7281" spans="1:10" x14ac:dyDescent="0.35">
      <c r="A7281" s="1" t="s">
        <v>28239</v>
      </c>
      <c r="B7281" s="1" t="s">
        <v>28015</v>
      </c>
      <c r="C7281" s="1" t="s">
        <v>105</v>
      </c>
      <c r="D7281" s="1" t="s">
        <v>14530</v>
      </c>
      <c r="E7281" s="1" t="s">
        <v>4234</v>
      </c>
      <c r="F7281" s="1" t="s">
        <v>28301</v>
      </c>
      <c r="G7281" s="1" t="s">
        <v>28241</v>
      </c>
      <c r="H7281" s="1" t="s">
        <v>28242</v>
      </c>
      <c r="I7281" s="1" t="s">
        <v>28021</v>
      </c>
      <c r="J7281" s="1" t="s">
        <v>28302</v>
      </c>
    </row>
    <row r="7282" spans="1:10" x14ac:dyDescent="0.35">
      <c r="A7282" s="1" t="s">
        <v>28239</v>
      </c>
      <c r="B7282" s="1" t="s">
        <v>28015</v>
      </c>
      <c r="C7282" s="1" t="s">
        <v>110</v>
      </c>
      <c r="D7282" s="1" t="s">
        <v>28303</v>
      </c>
      <c r="E7282" s="1" t="s">
        <v>4242</v>
      </c>
      <c r="F7282" s="1" t="s">
        <v>28304</v>
      </c>
      <c r="G7282" s="1" t="s">
        <v>28241</v>
      </c>
      <c r="H7282" s="1" t="s">
        <v>28242</v>
      </c>
      <c r="I7282" s="1" t="s">
        <v>28021</v>
      </c>
      <c r="J7282" s="1" t="s">
        <v>28305</v>
      </c>
    </row>
    <row r="7283" spans="1:10" x14ac:dyDescent="0.35">
      <c r="A7283" s="1" t="s">
        <v>28239</v>
      </c>
      <c r="B7283" s="1" t="s">
        <v>28015</v>
      </c>
      <c r="C7283" s="1" t="s">
        <v>115</v>
      </c>
      <c r="D7283" s="1" t="s">
        <v>28306</v>
      </c>
      <c r="E7283" s="1" t="s">
        <v>28307</v>
      </c>
      <c r="F7283" s="1" t="s">
        <v>28308</v>
      </c>
      <c r="G7283" s="1" t="s">
        <v>28241</v>
      </c>
      <c r="H7283" s="1" t="s">
        <v>28242</v>
      </c>
      <c r="I7283" s="1" t="s">
        <v>28021</v>
      </c>
      <c r="J7283" s="1" t="s">
        <v>28309</v>
      </c>
    </row>
    <row r="7284" spans="1:10" x14ac:dyDescent="0.35">
      <c r="A7284" s="1" t="s">
        <v>28239</v>
      </c>
      <c r="B7284" s="1" t="s">
        <v>28015</v>
      </c>
      <c r="C7284" s="1" t="s">
        <v>120</v>
      </c>
      <c r="D7284" s="1" t="s">
        <v>28310</v>
      </c>
      <c r="E7284" s="1" t="s">
        <v>28311</v>
      </c>
      <c r="F7284" s="1" t="s">
        <v>28312</v>
      </c>
      <c r="G7284" s="1" t="s">
        <v>28241</v>
      </c>
      <c r="H7284" s="1" t="s">
        <v>28242</v>
      </c>
      <c r="I7284" s="1" t="s">
        <v>28021</v>
      </c>
      <c r="J7284" s="1" t="s">
        <v>28313</v>
      </c>
    </row>
    <row r="7285" spans="1:10" x14ac:dyDescent="0.35">
      <c r="A7285" s="1" t="s">
        <v>28239</v>
      </c>
      <c r="B7285" s="1" t="s">
        <v>28015</v>
      </c>
      <c r="C7285" s="1" t="s">
        <v>125</v>
      </c>
      <c r="D7285" s="1" t="s">
        <v>28314</v>
      </c>
      <c r="E7285" s="1" t="s">
        <v>28315</v>
      </c>
      <c r="F7285" s="1" t="s">
        <v>28316</v>
      </c>
      <c r="G7285" s="1" t="s">
        <v>28241</v>
      </c>
      <c r="H7285" s="1" t="s">
        <v>28242</v>
      </c>
      <c r="I7285" s="1" t="s">
        <v>28021</v>
      </c>
      <c r="J7285" s="1" t="s">
        <v>28317</v>
      </c>
    </row>
    <row r="7286" spans="1:10" x14ac:dyDescent="0.35">
      <c r="A7286" s="1" t="s">
        <v>28239</v>
      </c>
      <c r="B7286" s="1" t="s">
        <v>28015</v>
      </c>
      <c r="C7286" s="1" t="s">
        <v>130</v>
      </c>
      <c r="D7286" s="1" t="s">
        <v>28318</v>
      </c>
      <c r="E7286" s="1" t="s">
        <v>28319</v>
      </c>
      <c r="F7286" s="1" t="s">
        <v>28320</v>
      </c>
      <c r="G7286" s="1" t="s">
        <v>28241</v>
      </c>
      <c r="H7286" s="1" t="s">
        <v>28242</v>
      </c>
      <c r="I7286" s="1" t="s">
        <v>28021</v>
      </c>
      <c r="J7286" s="1" t="s">
        <v>28321</v>
      </c>
    </row>
    <row r="7287" spans="1:10" x14ac:dyDescent="0.35">
      <c r="A7287" s="1" t="s">
        <v>28239</v>
      </c>
      <c r="B7287" s="1" t="s">
        <v>28015</v>
      </c>
      <c r="C7287" s="1" t="s">
        <v>135</v>
      </c>
      <c r="D7287" s="1" t="s">
        <v>28322</v>
      </c>
      <c r="E7287" s="1" t="s">
        <v>28323</v>
      </c>
      <c r="F7287" s="1" t="s">
        <v>28324</v>
      </c>
      <c r="G7287" s="1" t="s">
        <v>28241</v>
      </c>
      <c r="H7287" s="1" t="s">
        <v>28242</v>
      </c>
      <c r="I7287" s="1" t="s">
        <v>28021</v>
      </c>
      <c r="J7287" s="1" t="s">
        <v>28325</v>
      </c>
    </row>
    <row r="7288" spans="1:10" x14ac:dyDescent="0.35">
      <c r="A7288" s="1" t="s">
        <v>28239</v>
      </c>
      <c r="B7288" s="1" t="s">
        <v>28015</v>
      </c>
      <c r="C7288" s="1" t="s">
        <v>140</v>
      </c>
      <c r="D7288" s="1" t="s">
        <v>28326</v>
      </c>
      <c r="E7288" s="1" t="s">
        <v>8813</v>
      </c>
      <c r="F7288" s="1" t="s">
        <v>28327</v>
      </c>
      <c r="G7288" s="1" t="s">
        <v>28241</v>
      </c>
      <c r="H7288" s="1" t="s">
        <v>28242</v>
      </c>
      <c r="I7288" s="1" t="s">
        <v>28021</v>
      </c>
      <c r="J7288" s="1" t="s">
        <v>28328</v>
      </c>
    </row>
    <row r="7289" spans="1:10" x14ac:dyDescent="0.35">
      <c r="A7289" s="1" t="s">
        <v>28239</v>
      </c>
      <c r="B7289" s="1" t="s">
        <v>28015</v>
      </c>
      <c r="C7289" s="1" t="s">
        <v>145</v>
      </c>
      <c r="D7289" s="1" t="s">
        <v>28329</v>
      </c>
      <c r="E7289" s="1" t="s">
        <v>28017</v>
      </c>
      <c r="F7289" s="1" t="s">
        <v>28330</v>
      </c>
      <c r="G7289" s="1" t="s">
        <v>28241</v>
      </c>
      <c r="H7289" s="1" t="s">
        <v>28242</v>
      </c>
      <c r="I7289" s="1" t="s">
        <v>28021</v>
      </c>
      <c r="J7289" s="1" t="s">
        <v>28331</v>
      </c>
    </row>
    <row r="7290" spans="1:10" x14ac:dyDescent="0.35">
      <c r="A7290" s="1" t="s">
        <v>28239</v>
      </c>
      <c r="B7290" s="1" t="s">
        <v>28015</v>
      </c>
      <c r="C7290" s="1" t="s">
        <v>150</v>
      </c>
      <c r="D7290" s="1" t="s">
        <v>28332</v>
      </c>
      <c r="E7290" s="1" t="s">
        <v>28246</v>
      </c>
      <c r="F7290" s="1" t="s">
        <v>28333</v>
      </c>
      <c r="G7290" s="1" t="s">
        <v>28241</v>
      </c>
      <c r="H7290" s="1" t="s">
        <v>28242</v>
      </c>
      <c r="I7290" s="1" t="s">
        <v>28021</v>
      </c>
      <c r="J7290" s="1" t="s">
        <v>28334</v>
      </c>
    </row>
    <row r="7291" spans="1:10" x14ac:dyDescent="0.35">
      <c r="A7291" s="1" t="s">
        <v>28239</v>
      </c>
      <c r="B7291" s="1" t="s">
        <v>28015</v>
      </c>
      <c r="C7291" s="1" t="s">
        <v>155</v>
      </c>
      <c r="D7291" s="1" t="s">
        <v>28335</v>
      </c>
      <c r="E7291" s="1" t="s">
        <v>28336</v>
      </c>
      <c r="F7291" s="1" t="s">
        <v>28337</v>
      </c>
      <c r="G7291" s="1" t="s">
        <v>28241</v>
      </c>
      <c r="H7291" s="1" t="s">
        <v>28242</v>
      </c>
      <c r="I7291" s="1" t="s">
        <v>28021</v>
      </c>
      <c r="J7291" s="1" t="s">
        <v>28338</v>
      </c>
    </row>
    <row r="7292" spans="1:10" x14ac:dyDescent="0.35">
      <c r="A7292" s="1" t="s">
        <v>28239</v>
      </c>
      <c r="B7292" s="1" t="s">
        <v>28015</v>
      </c>
      <c r="C7292" s="1" t="s">
        <v>160</v>
      </c>
      <c r="D7292" s="1" t="s">
        <v>28339</v>
      </c>
      <c r="E7292" s="1" t="s">
        <v>28340</v>
      </c>
      <c r="F7292" s="1" t="s">
        <v>28341</v>
      </c>
      <c r="G7292" s="1" t="s">
        <v>28241</v>
      </c>
      <c r="H7292" s="1" t="s">
        <v>28242</v>
      </c>
      <c r="I7292" s="1" t="s">
        <v>28021</v>
      </c>
      <c r="J7292" s="1" t="s">
        <v>28342</v>
      </c>
    </row>
    <row r="7293" spans="1:10" x14ac:dyDescent="0.35">
      <c r="A7293" s="1" t="s">
        <v>28239</v>
      </c>
      <c r="B7293" s="1" t="s">
        <v>28015</v>
      </c>
      <c r="C7293" s="1" t="s">
        <v>165</v>
      </c>
      <c r="D7293" s="1" t="s">
        <v>28343</v>
      </c>
      <c r="E7293" s="1" t="s">
        <v>456</v>
      </c>
      <c r="F7293" s="1" t="s">
        <v>28344</v>
      </c>
      <c r="G7293" s="1" t="s">
        <v>28241</v>
      </c>
      <c r="H7293" s="1" t="s">
        <v>28242</v>
      </c>
      <c r="I7293" s="1" t="s">
        <v>28021</v>
      </c>
      <c r="J7293" s="1" t="s">
        <v>28345</v>
      </c>
    </row>
    <row r="7294" spans="1:10" x14ac:dyDescent="0.35">
      <c r="A7294" s="1" t="s">
        <v>28239</v>
      </c>
      <c r="B7294" s="1" t="s">
        <v>28015</v>
      </c>
      <c r="C7294" s="1" t="s">
        <v>170</v>
      </c>
      <c r="D7294" s="1" t="s">
        <v>28346</v>
      </c>
      <c r="E7294" s="1" t="s">
        <v>28347</v>
      </c>
      <c r="F7294" s="1" t="s">
        <v>28348</v>
      </c>
      <c r="G7294" s="1" t="s">
        <v>28241</v>
      </c>
      <c r="H7294" s="1" t="s">
        <v>28242</v>
      </c>
      <c r="I7294" s="1" t="s">
        <v>28021</v>
      </c>
      <c r="J7294" s="1" t="s">
        <v>28349</v>
      </c>
    </row>
    <row r="7295" spans="1:10" x14ac:dyDescent="0.35">
      <c r="A7295" s="1" t="s">
        <v>28350</v>
      </c>
      <c r="B7295" s="1" t="s">
        <v>28015</v>
      </c>
      <c r="C7295" s="1" t="s">
        <v>8</v>
      </c>
      <c r="D7295" s="1" t="s">
        <v>28351</v>
      </c>
      <c r="E7295" s="1" t="s">
        <v>28352</v>
      </c>
      <c r="F7295" s="1" t="s">
        <v>28353</v>
      </c>
      <c r="G7295" s="1" t="s">
        <v>28354</v>
      </c>
      <c r="H7295" s="1" t="s">
        <v>28355</v>
      </c>
      <c r="I7295" s="1" t="s">
        <v>28021</v>
      </c>
      <c r="J7295" s="1" t="s">
        <v>13</v>
      </c>
    </row>
    <row r="7296" spans="1:10" x14ac:dyDescent="0.35">
      <c r="A7296" s="1" t="s">
        <v>28350</v>
      </c>
      <c r="B7296" s="1" t="s">
        <v>28015</v>
      </c>
      <c r="C7296" s="1" t="s">
        <v>15</v>
      </c>
      <c r="D7296" s="1" t="s">
        <v>12988</v>
      </c>
      <c r="E7296" s="1" t="s">
        <v>28356</v>
      </c>
      <c r="F7296" s="1" t="s">
        <v>28357</v>
      </c>
      <c r="G7296" s="1" t="s">
        <v>28354</v>
      </c>
      <c r="H7296" s="1" t="s">
        <v>28355</v>
      </c>
      <c r="I7296" s="1" t="s">
        <v>28021</v>
      </c>
      <c r="J7296" s="1" t="s">
        <v>28358</v>
      </c>
    </row>
    <row r="7297" spans="1:10" x14ac:dyDescent="0.35">
      <c r="A7297" s="1" t="s">
        <v>28350</v>
      </c>
      <c r="B7297" s="1" t="s">
        <v>28015</v>
      </c>
      <c r="C7297" s="1" t="s">
        <v>20</v>
      </c>
      <c r="D7297" s="1" t="s">
        <v>225</v>
      </c>
      <c r="E7297" s="1" t="s">
        <v>28359</v>
      </c>
      <c r="F7297" s="1" t="s">
        <v>28360</v>
      </c>
      <c r="G7297" s="1" t="s">
        <v>28354</v>
      </c>
      <c r="H7297" s="1" t="s">
        <v>28355</v>
      </c>
      <c r="I7297" s="1" t="s">
        <v>28021</v>
      </c>
      <c r="J7297" s="1" t="s">
        <v>12995</v>
      </c>
    </row>
    <row r="7298" spans="1:10" x14ac:dyDescent="0.35">
      <c r="A7298" s="1" t="s">
        <v>28350</v>
      </c>
      <c r="B7298" s="1" t="s">
        <v>28015</v>
      </c>
      <c r="C7298" s="1" t="s">
        <v>25</v>
      </c>
      <c r="D7298" s="1" t="s">
        <v>28361</v>
      </c>
      <c r="E7298" s="1" t="s">
        <v>28362</v>
      </c>
      <c r="F7298" s="1" t="s">
        <v>28363</v>
      </c>
      <c r="G7298" s="1" t="s">
        <v>28354</v>
      </c>
      <c r="H7298" s="1" t="s">
        <v>28355</v>
      </c>
      <c r="I7298" s="1" t="s">
        <v>28021</v>
      </c>
      <c r="J7298" s="1" t="s">
        <v>28364</v>
      </c>
    </row>
    <row r="7299" spans="1:10" x14ac:dyDescent="0.35">
      <c r="A7299" s="1" t="s">
        <v>28350</v>
      </c>
      <c r="B7299" s="1" t="s">
        <v>28015</v>
      </c>
      <c r="C7299" s="1" t="s">
        <v>30</v>
      </c>
      <c r="D7299" s="1" t="s">
        <v>8932</v>
      </c>
      <c r="E7299" s="1" t="s">
        <v>28365</v>
      </c>
      <c r="F7299" s="1" t="s">
        <v>28366</v>
      </c>
      <c r="G7299" s="1" t="s">
        <v>28354</v>
      </c>
      <c r="H7299" s="1" t="s">
        <v>28355</v>
      </c>
      <c r="I7299" s="1" t="s">
        <v>28021</v>
      </c>
      <c r="J7299" s="1" t="s">
        <v>28367</v>
      </c>
    </row>
    <row r="7300" spans="1:10" x14ac:dyDescent="0.35">
      <c r="A7300" s="1" t="s">
        <v>28350</v>
      </c>
      <c r="B7300" s="1" t="s">
        <v>28015</v>
      </c>
      <c r="C7300" s="1" t="s">
        <v>35</v>
      </c>
      <c r="D7300" s="1" t="s">
        <v>27798</v>
      </c>
      <c r="E7300" s="1" t="s">
        <v>28368</v>
      </c>
      <c r="F7300" s="1" t="s">
        <v>28369</v>
      </c>
      <c r="G7300" s="1" t="s">
        <v>28354</v>
      </c>
      <c r="H7300" s="1" t="s">
        <v>28355</v>
      </c>
      <c r="I7300" s="1" t="s">
        <v>28021</v>
      </c>
      <c r="J7300" s="1" t="s">
        <v>28370</v>
      </c>
    </row>
    <row r="7301" spans="1:10" x14ac:dyDescent="0.35">
      <c r="A7301" s="1" t="s">
        <v>28350</v>
      </c>
      <c r="B7301" s="1" t="s">
        <v>28015</v>
      </c>
      <c r="C7301" s="1" t="s">
        <v>40</v>
      </c>
      <c r="D7301" s="1" t="s">
        <v>28371</v>
      </c>
      <c r="E7301" s="1" t="s">
        <v>28372</v>
      </c>
      <c r="F7301" s="1" t="s">
        <v>28373</v>
      </c>
      <c r="G7301" s="1" t="s">
        <v>28354</v>
      </c>
      <c r="H7301" s="1" t="s">
        <v>28355</v>
      </c>
      <c r="I7301" s="1" t="s">
        <v>28021</v>
      </c>
      <c r="J7301" s="1" t="s">
        <v>28374</v>
      </c>
    </row>
    <row r="7302" spans="1:10" x14ac:dyDescent="0.35">
      <c r="A7302" s="1" t="s">
        <v>28350</v>
      </c>
      <c r="B7302" s="1" t="s">
        <v>28015</v>
      </c>
      <c r="C7302" s="1" t="s">
        <v>45</v>
      </c>
      <c r="D7302" s="1" t="s">
        <v>28375</v>
      </c>
      <c r="E7302" s="1" t="s">
        <v>28376</v>
      </c>
      <c r="F7302" s="1" t="s">
        <v>28377</v>
      </c>
      <c r="G7302" s="1" t="s">
        <v>28354</v>
      </c>
      <c r="H7302" s="1" t="s">
        <v>28355</v>
      </c>
      <c r="I7302" s="1" t="s">
        <v>28021</v>
      </c>
      <c r="J7302" s="1" t="s">
        <v>28378</v>
      </c>
    </row>
    <row r="7303" spans="1:10" x14ac:dyDescent="0.35">
      <c r="A7303" s="1" t="s">
        <v>28350</v>
      </c>
      <c r="B7303" s="1" t="s">
        <v>28015</v>
      </c>
      <c r="C7303" s="1" t="s">
        <v>50</v>
      </c>
      <c r="D7303" s="1" t="s">
        <v>28379</v>
      </c>
      <c r="E7303" s="1" t="s">
        <v>28380</v>
      </c>
      <c r="F7303" s="1" t="s">
        <v>28381</v>
      </c>
      <c r="G7303" s="1" t="s">
        <v>28354</v>
      </c>
      <c r="H7303" s="1" t="s">
        <v>28355</v>
      </c>
      <c r="I7303" s="1" t="s">
        <v>28021</v>
      </c>
      <c r="J7303" s="1" t="s">
        <v>28382</v>
      </c>
    </row>
    <row r="7304" spans="1:10" x14ac:dyDescent="0.35">
      <c r="A7304" s="1" t="s">
        <v>28350</v>
      </c>
      <c r="B7304" s="1" t="s">
        <v>28015</v>
      </c>
      <c r="C7304" s="1" t="s">
        <v>55</v>
      </c>
      <c r="D7304" s="1" t="s">
        <v>12970</v>
      </c>
      <c r="E7304" s="1" t="s">
        <v>28383</v>
      </c>
      <c r="F7304" s="1" t="s">
        <v>28384</v>
      </c>
      <c r="G7304" s="1" t="s">
        <v>28354</v>
      </c>
      <c r="H7304" s="1" t="s">
        <v>28355</v>
      </c>
      <c r="I7304" s="1" t="s">
        <v>28021</v>
      </c>
      <c r="J7304" s="1" t="s">
        <v>28385</v>
      </c>
    </row>
    <row r="7305" spans="1:10" x14ac:dyDescent="0.35">
      <c r="A7305" s="1" t="s">
        <v>28350</v>
      </c>
      <c r="B7305" s="1" t="s">
        <v>28015</v>
      </c>
      <c r="C7305" s="1" t="s">
        <v>60</v>
      </c>
      <c r="D7305" s="1" t="s">
        <v>15208</v>
      </c>
      <c r="E7305" s="1" t="s">
        <v>28386</v>
      </c>
      <c r="F7305" s="1" t="s">
        <v>28387</v>
      </c>
      <c r="G7305" s="1" t="s">
        <v>28354</v>
      </c>
      <c r="H7305" s="1" t="s">
        <v>28355</v>
      </c>
      <c r="I7305" s="1" t="s">
        <v>28021</v>
      </c>
      <c r="J7305" s="1" t="s">
        <v>28388</v>
      </c>
    </row>
    <row r="7306" spans="1:10" x14ac:dyDescent="0.35">
      <c r="A7306" s="1" t="s">
        <v>28350</v>
      </c>
      <c r="B7306" s="1" t="s">
        <v>28015</v>
      </c>
      <c r="C7306" s="1" t="s">
        <v>65</v>
      </c>
      <c r="D7306" s="1" t="s">
        <v>3904</v>
      </c>
      <c r="E7306" s="1" t="s">
        <v>28389</v>
      </c>
      <c r="F7306" s="1" t="s">
        <v>28390</v>
      </c>
      <c r="G7306" s="1" t="s">
        <v>28354</v>
      </c>
      <c r="H7306" s="1" t="s">
        <v>28355</v>
      </c>
      <c r="I7306" s="1" t="s">
        <v>28021</v>
      </c>
      <c r="J7306" s="1" t="s">
        <v>28391</v>
      </c>
    </row>
    <row r="7307" spans="1:10" x14ac:dyDescent="0.35">
      <c r="A7307" s="1" t="s">
        <v>28350</v>
      </c>
      <c r="B7307" s="1" t="s">
        <v>28015</v>
      </c>
      <c r="C7307" s="1" t="s">
        <v>70</v>
      </c>
      <c r="D7307" s="1" t="s">
        <v>13866</v>
      </c>
      <c r="E7307" s="1" t="s">
        <v>28392</v>
      </c>
      <c r="F7307" s="1" t="s">
        <v>28393</v>
      </c>
      <c r="G7307" s="1" t="s">
        <v>28354</v>
      </c>
      <c r="H7307" s="1" t="s">
        <v>28355</v>
      </c>
      <c r="I7307" s="1" t="s">
        <v>28021</v>
      </c>
      <c r="J7307" s="1" t="s">
        <v>28394</v>
      </c>
    </row>
    <row r="7308" spans="1:10" x14ac:dyDescent="0.35">
      <c r="A7308" s="1" t="s">
        <v>28350</v>
      </c>
      <c r="B7308" s="1" t="s">
        <v>28015</v>
      </c>
      <c r="C7308" s="1" t="s">
        <v>75</v>
      </c>
      <c r="D7308" s="1" t="s">
        <v>28395</v>
      </c>
      <c r="E7308" s="1" t="s">
        <v>28396</v>
      </c>
      <c r="F7308" s="1" t="s">
        <v>28397</v>
      </c>
      <c r="G7308" s="1" t="s">
        <v>28354</v>
      </c>
      <c r="H7308" s="1" t="s">
        <v>28355</v>
      </c>
      <c r="I7308" s="1" t="s">
        <v>28021</v>
      </c>
      <c r="J7308" s="1" t="s">
        <v>28398</v>
      </c>
    </row>
    <row r="7309" spans="1:10" x14ac:dyDescent="0.35">
      <c r="A7309" s="1" t="s">
        <v>28350</v>
      </c>
      <c r="B7309" s="1" t="s">
        <v>28015</v>
      </c>
      <c r="C7309" s="1" t="s">
        <v>80</v>
      </c>
      <c r="D7309" s="1" t="s">
        <v>1989</v>
      </c>
      <c r="E7309" s="1" t="s">
        <v>28399</v>
      </c>
      <c r="F7309" s="1" t="s">
        <v>28400</v>
      </c>
      <c r="G7309" s="1" t="s">
        <v>28354</v>
      </c>
      <c r="H7309" s="1" t="s">
        <v>28355</v>
      </c>
      <c r="I7309" s="1" t="s">
        <v>28021</v>
      </c>
      <c r="J7309" s="1" t="s">
        <v>28401</v>
      </c>
    </row>
    <row r="7310" spans="1:10" x14ac:dyDescent="0.35">
      <c r="A7310" s="1" t="s">
        <v>28350</v>
      </c>
      <c r="B7310" s="1" t="s">
        <v>28015</v>
      </c>
      <c r="C7310" s="1" t="s">
        <v>85</v>
      </c>
      <c r="D7310" s="1" t="s">
        <v>28402</v>
      </c>
      <c r="E7310" s="1" t="s">
        <v>28403</v>
      </c>
      <c r="F7310" s="1" t="s">
        <v>28404</v>
      </c>
      <c r="G7310" s="1" t="s">
        <v>28354</v>
      </c>
      <c r="H7310" s="1" t="s">
        <v>28355</v>
      </c>
      <c r="I7310" s="1" t="s">
        <v>28021</v>
      </c>
      <c r="J7310" s="1" t="s">
        <v>28405</v>
      </c>
    </row>
    <row r="7311" spans="1:10" x14ac:dyDescent="0.35">
      <c r="A7311" s="1" t="s">
        <v>28350</v>
      </c>
      <c r="B7311" s="1" t="s">
        <v>28015</v>
      </c>
      <c r="C7311" s="1" t="s">
        <v>90</v>
      </c>
      <c r="D7311" s="1" t="s">
        <v>3912</v>
      </c>
      <c r="E7311" s="1" t="s">
        <v>28406</v>
      </c>
      <c r="F7311" s="1" t="s">
        <v>28407</v>
      </c>
      <c r="G7311" s="1" t="s">
        <v>28354</v>
      </c>
      <c r="H7311" s="1" t="s">
        <v>28355</v>
      </c>
      <c r="I7311" s="1" t="s">
        <v>28021</v>
      </c>
      <c r="J7311" s="1" t="s">
        <v>28408</v>
      </c>
    </row>
    <row r="7312" spans="1:10" x14ac:dyDescent="0.35">
      <c r="A7312" s="1" t="s">
        <v>28350</v>
      </c>
      <c r="B7312" s="1" t="s">
        <v>28015</v>
      </c>
      <c r="C7312" s="1" t="s">
        <v>95</v>
      </c>
      <c r="D7312" s="1" t="s">
        <v>1383</v>
      </c>
      <c r="E7312" s="1" t="s">
        <v>28409</v>
      </c>
      <c r="F7312" s="1" t="s">
        <v>28410</v>
      </c>
      <c r="G7312" s="1" t="s">
        <v>28354</v>
      </c>
      <c r="H7312" s="1" t="s">
        <v>28355</v>
      </c>
      <c r="I7312" s="1" t="s">
        <v>28021</v>
      </c>
      <c r="J7312" s="1" t="s">
        <v>28411</v>
      </c>
    </row>
    <row r="7313" spans="1:10" x14ac:dyDescent="0.35">
      <c r="A7313" s="1" t="s">
        <v>28350</v>
      </c>
      <c r="B7313" s="1" t="s">
        <v>28015</v>
      </c>
      <c r="C7313" s="1" t="s">
        <v>100</v>
      </c>
      <c r="D7313" s="1" t="s">
        <v>28412</v>
      </c>
      <c r="E7313" s="1" t="s">
        <v>28413</v>
      </c>
      <c r="F7313" s="1" t="s">
        <v>28414</v>
      </c>
      <c r="G7313" s="1" t="s">
        <v>28354</v>
      </c>
      <c r="H7313" s="1" t="s">
        <v>28355</v>
      </c>
      <c r="I7313" s="1" t="s">
        <v>28021</v>
      </c>
      <c r="J7313" s="1" t="s">
        <v>28415</v>
      </c>
    </row>
    <row r="7314" spans="1:10" x14ac:dyDescent="0.35">
      <c r="A7314" s="1" t="s">
        <v>28350</v>
      </c>
      <c r="B7314" s="1" t="s">
        <v>28015</v>
      </c>
      <c r="C7314" s="1" t="s">
        <v>105</v>
      </c>
      <c r="D7314" s="1" t="s">
        <v>28416</v>
      </c>
      <c r="E7314" s="1" t="s">
        <v>28417</v>
      </c>
      <c r="F7314" s="1" t="s">
        <v>28418</v>
      </c>
      <c r="G7314" s="1" t="s">
        <v>28354</v>
      </c>
      <c r="H7314" s="1" t="s">
        <v>28355</v>
      </c>
      <c r="I7314" s="1" t="s">
        <v>28021</v>
      </c>
      <c r="J7314" s="1" t="s">
        <v>28419</v>
      </c>
    </row>
    <row r="7315" spans="1:10" x14ac:dyDescent="0.35">
      <c r="A7315" s="1" t="s">
        <v>28350</v>
      </c>
      <c r="B7315" s="1" t="s">
        <v>28015</v>
      </c>
      <c r="C7315" s="1" t="s">
        <v>110</v>
      </c>
      <c r="D7315" s="1" t="s">
        <v>28420</v>
      </c>
      <c r="E7315" s="1" t="s">
        <v>28421</v>
      </c>
      <c r="F7315" s="1" t="s">
        <v>28422</v>
      </c>
      <c r="G7315" s="1" t="s">
        <v>28354</v>
      </c>
      <c r="H7315" s="1" t="s">
        <v>28355</v>
      </c>
      <c r="I7315" s="1" t="s">
        <v>28021</v>
      </c>
      <c r="J7315" s="1" t="s">
        <v>28423</v>
      </c>
    </row>
    <row r="7316" spans="1:10" x14ac:dyDescent="0.35">
      <c r="A7316" s="1" t="s">
        <v>28350</v>
      </c>
      <c r="B7316" s="1" t="s">
        <v>28015</v>
      </c>
      <c r="C7316" s="1" t="s">
        <v>115</v>
      </c>
      <c r="D7316" s="1" t="s">
        <v>28424</v>
      </c>
      <c r="E7316" s="1" t="s">
        <v>28425</v>
      </c>
      <c r="F7316" s="1" t="s">
        <v>28426</v>
      </c>
      <c r="G7316" s="1" t="s">
        <v>28354</v>
      </c>
      <c r="H7316" s="1" t="s">
        <v>28355</v>
      </c>
      <c r="I7316" s="1" t="s">
        <v>28021</v>
      </c>
      <c r="J7316" s="1" t="s">
        <v>28427</v>
      </c>
    </row>
    <row r="7317" spans="1:10" x14ac:dyDescent="0.35">
      <c r="A7317" s="1" t="s">
        <v>28350</v>
      </c>
      <c r="B7317" s="1" t="s">
        <v>28015</v>
      </c>
      <c r="C7317" s="1" t="s">
        <v>120</v>
      </c>
      <c r="D7317" s="1" t="s">
        <v>28428</v>
      </c>
      <c r="E7317" s="1" t="s">
        <v>28429</v>
      </c>
      <c r="F7317" s="1" t="s">
        <v>28430</v>
      </c>
      <c r="G7317" s="1" t="s">
        <v>28354</v>
      </c>
      <c r="H7317" s="1" t="s">
        <v>28355</v>
      </c>
      <c r="I7317" s="1" t="s">
        <v>28021</v>
      </c>
      <c r="J7317" s="1" t="s">
        <v>28431</v>
      </c>
    </row>
    <row r="7318" spans="1:10" x14ac:dyDescent="0.35">
      <c r="A7318" s="1" t="s">
        <v>28350</v>
      </c>
      <c r="B7318" s="1" t="s">
        <v>28015</v>
      </c>
      <c r="C7318" s="1" t="s">
        <v>125</v>
      </c>
      <c r="D7318" s="1" t="s">
        <v>28432</v>
      </c>
      <c r="E7318" s="1" t="s">
        <v>28433</v>
      </c>
      <c r="F7318" s="1" t="s">
        <v>28434</v>
      </c>
      <c r="G7318" s="1" t="s">
        <v>28354</v>
      </c>
      <c r="H7318" s="1" t="s">
        <v>28355</v>
      </c>
      <c r="I7318" s="1" t="s">
        <v>28021</v>
      </c>
      <c r="J7318" s="1" t="s">
        <v>28435</v>
      </c>
    </row>
    <row r="7319" spans="1:10" x14ac:dyDescent="0.35">
      <c r="A7319" s="1" t="s">
        <v>28350</v>
      </c>
      <c r="B7319" s="1" t="s">
        <v>28015</v>
      </c>
      <c r="C7319" s="1" t="s">
        <v>130</v>
      </c>
      <c r="D7319" s="1" t="s">
        <v>28436</v>
      </c>
      <c r="E7319" s="1" t="s">
        <v>28437</v>
      </c>
      <c r="F7319" s="1" t="s">
        <v>28438</v>
      </c>
      <c r="G7319" s="1" t="s">
        <v>28354</v>
      </c>
      <c r="H7319" s="1" t="s">
        <v>28355</v>
      </c>
      <c r="I7319" s="1" t="s">
        <v>28021</v>
      </c>
      <c r="J7319" s="1" t="s">
        <v>28439</v>
      </c>
    </row>
    <row r="7320" spans="1:10" x14ac:dyDescent="0.35">
      <c r="A7320" s="1" t="s">
        <v>28350</v>
      </c>
      <c r="B7320" s="1" t="s">
        <v>28015</v>
      </c>
      <c r="C7320" s="1" t="s">
        <v>135</v>
      </c>
      <c r="D7320" s="1" t="s">
        <v>27863</v>
      </c>
      <c r="E7320" s="1" t="s">
        <v>28440</v>
      </c>
      <c r="F7320" s="1" t="s">
        <v>28441</v>
      </c>
      <c r="G7320" s="1" t="s">
        <v>28354</v>
      </c>
      <c r="H7320" s="1" t="s">
        <v>28355</v>
      </c>
      <c r="I7320" s="1" t="s">
        <v>28021</v>
      </c>
      <c r="J7320" s="1" t="s">
        <v>28442</v>
      </c>
    </row>
    <row r="7321" spans="1:10" x14ac:dyDescent="0.35">
      <c r="A7321" s="1" t="s">
        <v>28350</v>
      </c>
      <c r="B7321" s="1" t="s">
        <v>28015</v>
      </c>
      <c r="C7321" s="1" t="s">
        <v>140</v>
      </c>
      <c r="D7321" s="1" t="s">
        <v>28443</v>
      </c>
      <c r="E7321" s="1" t="s">
        <v>28444</v>
      </c>
      <c r="F7321" s="1" t="s">
        <v>28445</v>
      </c>
      <c r="G7321" s="1" t="s">
        <v>28354</v>
      </c>
      <c r="H7321" s="1" t="s">
        <v>28355</v>
      </c>
      <c r="I7321" s="1" t="s">
        <v>28021</v>
      </c>
      <c r="J7321" s="1" t="s">
        <v>28446</v>
      </c>
    </row>
    <row r="7322" spans="1:10" x14ac:dyDescent="0.35">
      <c r="A7322" s="1" t="s">
        <v>28350</v>
      </c>
      <c r="B7322" s="1" t="s">
        <v>28015</v>
      </c>
      <c r="C7322" s="1" t="s">
        <v>145</v>
      </c>
      <c r="D7322" s="1" t="s">
        <v>28447</v>
      </c>
      <c r="E7322" s="1" t="s">
        <v>28448</v>
      </c>
      <c r="F7322" s="1" t="s">
        <v>28449</v>
      </c>
      <c r="G7322" s="1" t="s">
        <v>28354</v>
      </c>
      <c r="H7322" s="1" t="s">
        <v>28355</v>
      </c>
      <c r="I7322" s="1" t="s">
        <v>28021</v>
      </c>
      <c r="J7322" s="1" t="s">
        <v>28450</v>
      </c>
    </row>
    <row r="7323" spans="1:10" x14ac:dyDescent="0.35">
      <c r="A7323" s="1" t="s">
        <v>28350</v>
      </c>
      <c r="B7323" s="1" t="s">
        <v>28015</v>
      </c>
      <c r="C7323" s="1" t="s">
        <v>150</v>
      </c>
      <c r="D7323" s="1" t="s">
        <v>8127</v>
      </c>
      <c r="E7323" s="1" t="s">
        <v>28451</v>
      </c>
      <c r="F7323" s="1" t="s">
        <v>28452</v>
      </c>
      <c r="G7323" s="1" t="s">
        <v>28354</v>
      </c>
      <c r="H7323" s="1" t="s">
        <v>28355</v>
      </c>
      <c r="I7323" s="1" t="s">
        <v>28021</v>
      </c>
      <c r="J7323" s="1" t="s">
        <v>28453</v>
      </c>
    </row>
    <row r="7324" spans="1:10" x14ac:dyDescent="0.35">
      <c r="A7324" s="1" t="s">
        <v>28350</v>
      </c>
      <c r="B7324" s="1" t="s">
        <v>28015</v>
      </c>
      <c r="C7324" s="1" t="s">
        <v>155</v>
      </c>
      <c r="D7324" s="1" t="s">
        <v>4094</v>
      </c>
      <c r="E7324" s="1" t="s">
        <v>28454</v>
      </c>
      <c r="F7324" s="1" t="s">
        <v>28455</v>
      </c>
      <c r="G7324" s="1" t="s">
        <v>28354</v>
      </c>
      <c r="H7324" s="1" t="s">
        <v>28355</v>
      </c>
      <c r="I7324" s="1" t="s">
        <v>28021</v>
      </c>
      <c r="J7324" s="1" t="s">
        <v>28456</v>
      </c>
    </row>
    <row r="7325" spans="1:10" x14ac:dyDescent="0.35">
      <c r="A7325" s="1" t="s">
        <v>28350</v>
      </c>
      <c r="B7325" s="1" t="s">
        <v>28015</v>
      </c>
      <c r="C7325" s="1" t="s">
        <v>160</v>
      </c>
      <c r="D7325" s="1" t="s">
        <v>28457</v>
      </c>
      <c r="E7325" s="1" t="s">
        <v>28458</v>
      </c>
      <c r="F7325" s="1" t="s">
        <v>28459</v>
      </c>
      <c r="G7325" s="1" t="s">
        <v>28354</v>
      </c>
      <c r="H7325" s="1" t="s">
        <v>28355</v>
      </c>
      <c r="I7325" s="1" t="s">
        <v>28021</v>
      </c>
      <c r="J7325" s="1" t="s">
        <v>28460</v>
      </c>
    </row>
    <row r="7326" spans="1:10" x14ac:dyDescent="0.35">
      <c r="A7326" s="1" t="s">
        <v>28350</v>
      </c>
      <c r="B7326" s="1" t="s">
        <v>28015</v>
      </c>
      <c r="C7326" s="1" t="s">
        <v>165</v>
      </c>
      <c r="D7326" s="1" t="s">
        <v>28461</v>
      </c>
      <c r="E7326" s="1" t="s">
        <v>28462</v>
      </c>
      <c r="F7326" s="1" t="s">
        <v>28463</v>
      </c>
      <c r="G7326" s="1" t="s">
        <v>28354</v>
      </c>
      <c r="H7326" s="1" t="s">
        <v>28355</v>
      </c>
      <c r="I7326" s="1" t="s">
        <v>28021</v>
      </c>
      <c r="J7326" s="1" t="s">
        <v>28464</v>
      </c>
    </row>
    <row r="7327" spans="1:10" x14ac:dyDescent="0.35">
      <c r="A7327" s="1" t="s">
        <v>28350</v>
      </c>
      <c r="B7327" s="1" t="s">
        <v>28015</v>
      </c>
      <c r="C7327" s="1" t="s">
        <v>170</v>
      </c>
      <c r="D7327" s="1" t="s">
        <v>28465</v>
      </c>
      <c r="E7327" s="1" t="s">
        <v>28466</v>
      </c>
      <c r="F7327" s="1" t="s">
        <v>28467</v>
      </c>
      <c r="G7327" s="1" t="s">
        <v>28354</v>
      </c>
      <c r="H7327" s="1" t="s">
        <v>28355</v>
      </c>
      <c r="I7327" s="1" t="s">
        <v>28021</v>
      </c>
      <c r="J7327" s="1" t="s">
        <v>28468</v>
      </c>
    </row>
    <row r="7328" spans="1:10" x14ac:dyDescent="0.35">
      <c r="A7328" s="1" t="s">
        <v>28469</v>
      </c>
      <c r="B7328" s="1" t="s">
        <v>28015</v>
      </c>
      <c r="C7328" s="1" t="s">
        <v>8</v>
      </c>
      <c r="D7328" s="1" t="s">
        <v>28470</v>
      </c>
      <c r="E7328" s="1" t="s">
        <v>28471</v>
      </c>
      <c r="F7328" s="1" t="s">
        <v>28472</v>
      </c>
      <c r="G7328" s="1" t="s">
        <v>28473</v>
      </c>
      <c r="H7328" s="1" t="s">
        <v>28474</v>
      </c>
      <c r="I7328" s="1" t="s">
        <v>28021</v>
      </c>
      <c r="J7328" s="1" t="s">
        <v>13</v>
      </c>
    </row>
    <row r="7329" spans="1:10" x14ac:dyDescent="0.35">
      <c r="A7329" s="1" t="s">
        <v>28469</v>
      </c>
      <c r="B7329" s="1" t="s">
        <v>28015</v>
      </c>
      <c r="C7329" s="1" t="s">
        <v>15</v>
      </c>
      <c r="D7329" s="1" t="s">
        <v>6089</v>
      </c>
      <c r="E7329" s="1" t="s">
        <v>28475</v>
      </c>
      <c r="F7329" s="1" t="s">
        <v>28476</v>
      </c>
      <c r="G7329" s="1" t="s">
        <v>28473</v>
      </c>
      <c r="H7329" s="1" t="s">
        <v>28474</v>
      </c>
      <c r="I7329" s="1" t="s">
        <v>28021</v>
      </c>
      <c r="J7329" s="1" t="s">
        <v>28477</v>
      </c>
    </row>
    <row r="7330" spans="1:10" x14ac:dyDescent="0.35">
      <c r="A7330" s="1" t="s">
        <v>28469</v>
      </c>
      <c r="B7330" s="1" t="s">
        <v>28015</v>
      </c>
      <c r="C7330" s="1" t="s">
        <v>20</v>
      </c>
      <c r="D7330" s="1" t="s">
        <v>28478</v>
      </c>
      <c r="E7330" s="1" t="s">
        <v>28479</v>
      </c>
      <c r="F7330" s="1" t="s">
        <v>28480</v>
      </c>
      <c r="G7330" s="1" t="s">
        <v>28473</v>
      </c>
      <c r="H7330" s="1" t="s">
        <v>28474</v>
      </c>
      <c r="I7330" s="1" t="s">
        <v>28021</v>
      </c>
      <c r="J7330" s="1" t="s">
        <v>28481</v>
      </c>
    </row>
    <row r="7331" spans="1:10" x14ac:dyDescent="0.35">
      <c r="A7331" s="1" t="s">
        <v>28469</v>
      </c>
      <c r="B7331" s="1" t="s">
        <v>28015</v>
      </c>
      <c r="C7331" s="1" t="s">
        <v>25</v>
      </c>
      <c r="D7331" s="1" t="s">
        <v>9309</v>
      </c>
      <c r="E7331" s="1" t="s">
        <v>28482</v>
      </c>
      <c r="F7331" s="1" t="s">
        <v>28483</v>
      </c>
      <c r="G7331" s="1" t="s">
        <v>28473</v>
      </c>
      <c r="H7331" s="1" t="s">
        <v>28474</v>
      </c>
      <c r="I7331" s="1" t="s">
        <v>28021</v>
      </c>
      <c r="J7331" s="1" t="s">
        <v>28484</v>
      </c>
    </row>
    <row r="7332" spans="1:10" x14ac:dyDescent="0.35">
      <c r="A7332" s="1" t="s">
        <v>28469</v>
      </c>
      <c r="B7332" s="1" t="s">
        <v>28015</v>
      </c>
      <c r="C7332" s="1" t="s">
        <v>30</v>
      </c>
      <c r="D7332" s="1" t="s">
        <v>8495</v>
      </c>
      <c r="E7332" s="1" t="s">
        <v>28485</v>
      </c>
      <c r="F7332" s="1" t="s">
        <v>28486</v>
      </c>
      <c r="G7332" s="1" t="s">
        <v>28473</v>
      </c>
      <c r="H7332" s="1" t="s">
        <v>28474</v>
      </c>
      <c r="I7332" s="1" t="s">
        <v>28021</v>
      </c>
      <c r="J7332" s="1" t="s">
        <v>28487</v>
      </c>
    </row>
    <row r="7333" spans="1:10" x14ac:dyDescent="0.35">
      <c r="A7333" s="1" t="s">
        <v>28469</v>
      </c>
      <c r="B7333" s="1" t="s">
        <v>28015</v>
      </c>
      <c r="C7333" s="1" t="s">
        <v>35</v>
      </c>
      <c r="D7333" s="1" t="s">
        <v>28488</v>
      </c>
      <c r="E7333" s="1" t="s">
        <v>28489</v>
      </c>
      <c r="F7333" s="1" t="s">
        <v>28490</v>
      </c>
      <c r="G7333" s="1" t="s">
        <v>28473</v>
      </c>
      <c r="H7333" s="1" t="s">
        <v>28474</v>
      </c>
      <c r="I7333" s="1" t="s">
        <v>28021</v>
      </c>
      <c r="J7333" s="1" t="s">
        <v>28491</v>
      </c>
    </row>
    <row r="7334" spans="1:10" x14ac:dyDescent="0.35">
      <c r="A7334" s="1" t="s">
        <v>28469</v>
      </c>
      <c r="B7334" s="1" t="s">
        <v>28015</v>
      </c>
      <c r="C7334" s="1" t="s">
        <v>40</v>
      </c>
      <c r="D7334" s="1" t="s">
        <v>4301</v>
      </c>
      <c r="E7334" s="1" t="s">
        <v>28492</v>
      </c>
      <c r="F7334" s="1" t="s">
        <v>28493</v>
      </c>
      <c r="G7334" s="1" t="s">
        <v>28473</v>
      </c>
      <c r="H7334" s="1" t="s">
        <v>28474</v>
      </c>
      <c r="I7334" s="1" t="s">
        <v>28021</v>
      </c>
      <c r="J7334" s="1" t="s">
        <v>28494</v>
      </c>
    </row>
    <row r="7335" spans="1:10" x14ac:dyDescent="0.35">
      <c r="A7335" s="1" t="s">
        <v>28469</v>
      </c>
      <c r="B7335" s="1" t="s">
        <v>28015</v>
      </c>
      <c r="C7335" s="1" t="s">
        <v>45</v>
      </c>
      <c r="D7335" s="1" t="s">
        <v>13910</v>
      </c>
      <c r="E7335" s="1" t="s">
        <v>28495</v>
      </c>
      <c r="F7335" s="1" t="s">
        <v>28496</v>
      </c>
      <c r="G7335" s="1" t="s">
        <v>28473</v>
      </c>
      <c r="H7335" s="1" t="s">
        <v>28474</v>
      </c>
      <c r="I7335" s="1" t="s">
        <v>28021</v>
      </c>
      <c r="J7335" s="1" t="s">
        <v>28497</v>
      </c>
    </row>
    <row r="7336" spans="1:10" x14ac:dyDescent="0.35">
      <c r="A7336" s="1" t="s">
        <v>28469</v>
      </c>
      <c r="B7336" s="1" t="s">
        <v>28015</v>
      </c>
      <c r="C7336" s="1" t="s">
        <v>50</v>
      </c>
      <c r="D7336" s="1" t="s">
        <v>28498</v>
      </c>
      <c r="E7336" s="1" t="s">
        <v>28499</v>
      </c>
      <c r="F7336" s="1" t="s">
        <v>28500</v>
      </c>
      <c r="G7336" s="1" t="s">
        <v>28473</v>
      </c>
      <c r="H7336" s="1" t="s">
        <v>28474</v>
      </c>
      <c r="I7336" s="1" t="s">
        <v>28021</v>
      </c>
      <c r="J7336" s="1" t="s">
        <v>28501</v>
      </c>
    </row>
    <row r="7337" spans="1:10" x14ac:dyDescent="0.35">
      <c r="A7337" s="1" t="s">
        <v>28469</v>
      </c>
      <c r="B7337" s="1" t="s">
        <v>28015</v>
      </c>
      <c r="C7337" s="1" t="s">
        <v>55</v>
      </c>
      <c r="D7337" s="1" t="s">
        <v>28502</v>
      </c>
      <c r="E7337" s="1" t="s">
        <v>28503</v>
      </c>
      <c r="F7337" s="1" t="s">
        <v>28504</v>
      </c>
      <c r="G7337" s="1" t="s">
        <v>28473</v>
      </c>
      <c r="H7337" s="1" t="s">
        <v>28474</v>
      </c>
      <c r="I7337" s="1" t="s">
        <v>28021</v>
      </c>
      <c r="J7337" s="1" t="s">
        <v>28505</v>
      </c>
    </row>
    <row r="7338" spans="1:10" x14ac:dyDescent="0.35">
      <c r="A7338" s="1" t="s">
        <v>28469</v>
      </c>
      <c r="B7338" s="1" t="s">
        <v>28015</v>
      </c>
      <c r="C7338" s="1" t="s">
        <v>60</v>
      </c>
      <c r="D7338" s="1" t="s">
        <v>28506</v>
      </c>
      <c r="E7338" s="1" t="s">
        <v>28507</v>
      </c>
      <c r="F7338" s="1" t="s">
        <v>28508</v>
      </c>
      <c r="G7338" s="1" t="s">
        <v>28473</v>
      </c>
      <c r="H7338" s="1" t="s">
        <v>28474</v>
      </c>
      <c r="I7338" s="1" t="s">
        <v>28021</v>
      </c>
      <c r="J7338" s="1" t="s">
        <v>28509</v>
      </c>
    </row>
    <row r="7339" spans="1:10" x14ac:dyDescent="0.35">
      <c r="A7339" s="1" t="s">
        <v>28469</v>
      </c>
      <c r="B7339" s="1" t="s">
        <v>28015</v>
      </c>
      <c r="C7339" s="1" t="s">
        <v>65</v>
      </c>
      <c r="D7339" s="1" t="s">
        <v>4337</v>
      </c>
      <c r="E7339" s="1" t="s">
        <v>28510</v>
      </c>
      <c r="F7339" s="1" t="s">
        <v>28511</v>
      </c>
      <c r="G7339" s="1" t="s">
        <v>28473</v>
      </c>
      <c r="H7339" s="1" t="s">
        <v>28474</v>
      </c>
      <c r="I7339" s="1" t="s">
        <v>28021</v>
      </c>
      <c r="J7339" s="1" t="s">
        <v>28512</v>
      </c>
    </row>
    <row r="7340" spans="1:10" x14ac:dyDescent="0.35">
      <c r="A7340" s="1" t="s">
        <v>28469</v>
      </c>
      <c r="B7340" s="1" t="s">
        <v>28015</v>
      </c>
      <c r="C7340" s="1" t="s">
        <v>70</v>
      </c>
      <c r="D7340" s="1" t="s">
        <v>5525</v>
      </c>
      <c r="E7340" s="1" t="s">
        <v>28513</v>
      </c>
      <c r="F7340" s="1" t="s">
        <v>28514</v>
      </c>
      <c r="G7340" s="1" t="s">
        <v>28473</v>
      </c>
      <c r="H7340" s="1" t="s">
        <v>28474</v>
      </c>
      <c r="I7340" s="1" t="s">
        <v>28021</v>
      </c>
      <c r="J7340" s="1" t="s">
        <v>28515</v>
      </c>
    </row>
    <row r="7341" spans="1:10" x14ac:dyDescent="0.35">
      <c r="A7341" s="1" t="s">
        <v>28469</v>
      </c>
      <c r="B7341" s="1" t="s">
        <v>28015</v>
      </c>
      <c r="C7341" s="1" t="s">
        <v>75</v>
      </c>
      <c r="D7341" s="1" t="s">
        <v>28395</v>
      </c>
      <c r="E7341" s="1" t="s">
        <v>28516</v>
      </c>
      <c r="F7341" s="1" t="s">
        <v>28517</v>
      </c>
      <c r="G7341" s="1" t="s">
        <v>28473</v>
      </c>
      <c r="H7341" s="1" t="s">
        <v>28474</v>
      </c>
      <c r="I7341" s="1" t="s">
        <v>28021</v>
      </c>
      <c r="J7341" s="1" t="s">
        <v>28518</v>
      </c>
    </row>
    <row r="7342" spans="1:10" x14ac:dyDescent="0.35">
      <c r="A7342" s="1" t="s">
        <v>28469</v>
      </c>
      <c r="B7342" s="1" t="s">
        <v>28015</v>
      </c>
      <c r="C7342" s="1" t="s">
        <v>80</v>
      </c>
      <c r="D7342" s="1" t="s">
        <v>28519</v>
      </c>
      <c r="E7342" s="1" t="s">
        <v>28520</v>
      </c>
      <c r="F7342" s="1" t="s">
        <v>28521</v>
      </c>
      <c r="G7342" s="1" t="s">
        <v>28473</v>
      </c>
      <c r="H7342" s="1" t="s">
        <v>28474</v>
      </c>
      <c r="I7342" s="1" t="s">
        <v>28021</v>
      </c>
      <c r="J7342" s="1" t="s">
        <v>28522</v>
      </c>
    </row>
    <row r="7343" spans="1:10" x14ac:dyDescent="0.35">
      <c r="A7343" s="1" t="s">
        <v>28469</v>
      </c>
      <c r="B7343" s="1" t="s">
        <v>28015</v>
      </c>
      <c r="C7343" s="1" t="s">
        <v>85</v>
      </c>
      <c r="D7343" s="1" t="s">
        <v>170</v>
      </c>
      <c r="E7343" s="1" t="s">
        <v>28523</v>
      </c>
      <c r="F7343" s="1" t="s">
        <v>28524</v>
      </c>
      <c r="G7343" s="1" t="s">
        <v>28473</v>
      </c>
      <c r="H7343" s="1" t="s">
        <v>28474</v>
      </c>
      <c r="I7343" s="1" t="s">
        <v>28021</v>
      </c>
      <c r="J7343" s="1" t="s">
        <v>28525</v>
      </c>
    </row>
    <row r="7344" spans="1:10" x14ac:dyDescent="0.35">
      <c r="A7344" s="1" t="s">
        <v>28469</v>
      </c>
      <c r="B7344" s="1" t="s">
        <v>28015</v>
      </c>
      <c r="C7344" s="1" t="s">
        <v>90</v>
      </c>
      <c r="D7344" s="1" t="s">
        <v>8706</v>
      </c>
      <c r="E7344" s="1" t="s">
        <v>28526</v>
      </c>
      <c r="F7344" s="1" t="s">
        <v>28527</v>
      </c>
      <c r="G7344" s="1" t="s">
        <v>28473</v>
      </c>
      <c r="H7344" s="1" t="s">
        <v>28474</v>
      </c>
      <c r="I7344" s="1" t="s">
        <v>28021</v>
      </c>
      <c r="J7344" s="1" t="s">
        <v>28528</v>
      </c>
    </row>
    <row r="7345" spans="1:10" x14ac:dyDescent="0.35">
      <c r="A7345" s="1" t="s">
        <v>28469</v>
      </c>
      <c r="B7345" s="1" t="s">
        <v>28015</v>
      </c>
      <c r="C7345" s="1" t="s">
        <v>95</v>
      </c>
      <c r="D7345" s="1" t="s">
        <v>27619</v>
      </c>
      <c r="E7345" s="1" t="s">
        <v>28529</v>
      </c>
      <c r="F7345" s="1" t="s">
        <v>28530</v>
      </c>
      <c r="G7345" s="1" t="s">
        <v>28473</v>
      </c>
      <c r="H7345" s="1" t="s">
        <v>28474</v>
      </c>
      <c r="I7345" s="1" t="s">
        <v>28021</v>
      </c>
      <c r="J7345" s="1" t="s">
        <v>28531</v>
      </c>
    </row>
    <row r="7346" spans="1:10" x14ac:dyDescent="0.35">
      <c r="A7346" s="1" t="s">
        <v>28469</v>
      </c>
      <c r="B7346" s="1" t="s">
        <v>28015</v>
      </c>
      <c r="C7346" s="1" t="s">
        <v>100</v>
      </c>
      <c r="D7346" s="1" t="s">
        <v>28532</v>
      </c>
      <c r="E7346" s="1" t="s">
        <v>28533</v>
      </c>
      <c r="F7346" s="1" t="s">
        <v>28534</v>
      </c>
      <c r="G7346" s="1" t="s">
        <v>28473</v>
      </c>
      <c r="H7346" s="1" t="s">
        <v>28474</v>
      </c>
      <c r="I7346" s="1" t="s">
        <v>28021</v>
      </c>
      <c r="J7346" s="1" t="s">
        <v>28535</v>
      </c>
    </row>
    <row r="7347" spans="1:10" x14ac:dyDescent="0.35">
      <c r="A7347" s="1" t="s">
        <v>28469</v>
      </c>
      <c r="B7347" s="1" t="s">
        <v>28015</v>
      </c>
      <c r="C7347" s="1" t="s">
        <v>105</v>
      </c>
      <c r="D7347" s="1" t="s">
        <v>28536</v>
      </c>
      <c r="E7347" s="1" t="s">
        <v>28537</v>
      </c>
      <c r="F7347" s="1" t="s">
        <v>28538</v>
      </c>
      <c r="G7347" s="1" t="s">
        <v>28473</v>
      </c>
      <c r="H7347" s="1" t="s">
        <v>28474</v>
      </c>
      <c r="I7347" s="1" t="s">
        <v>28021</v>
      </c>
      <c r="J7347" s="1" t="s">
        <v>28539</v>
      </c>
    </row>
    <row r="7348" spans="1:10" x14ac:dyDescent="0.35">
      <c r="A7348" s="1" t="s">
        <v>28469</v>
      </c>
      <c r="B7348" s="1" t="s">
        <v>28015</v>
      </c>
      <c r="C7348" s="1" t="s">
        <v>110</v>
      </c>
      <c r="D7348" s="1" t="s">
        <v>28540</v>
      </c>
      <c r="E7348" s="1" t="s">
        <v>28541</v>
      </c>
      <c r="F7348" s="1" t="s">
        <v>28542</v>
      </c>
      <c r="G7348" s="1" t="s">
        <v>28473</v>
      </c>
      <c r="H7348" s="1" t="s">
        <v>28474</v>
      </c>
      <c r="I7348" s="1" t="s">
        <v>28021</v>
      </c>
      <c r="J7348" s="1" t="s">
        <v>14122</v>
      </c>
    </row>
    <row r="7349" spans="1:10" x14ac:dyDescent="0.35">
      <c r="A7349" s="1" t="s">
        <v>28469</v>
      </c>
      <c r="B7349" s="1" t="s">
        <v>28015</v>
      </c>
      <c r="C7349" s="1" t="s">
        <v>115</v>
      </c>
      <c r="D7349" s="1" t="s">
        <v>28543</v>
      </c>
      <c r="E7349" s="1" t="s">
        <v>28544</v>
      </c>
      <c r="F7349" s="1" t="s">
        <v>28545</v>
      </c>
      <c r="G7349" s="1" t="s">
        <v>28473</v>
      </c>
      <c r="H7349" s="1" t="s">
        <v>28474</v>
      </c>
      <c r="I7349" s="1" t="s">
        <v>28021</v>
      </c>
      <c r="J7349" s="1" t="s">
        <v>28546</v>
      </c>
    </row>
    <row r="7350" spans="1:10" x14ac:dyDescent="0.35">
      <c r="A7350" s="1" t="s">
        <v>28469</v>
      </c>
      <c r="B7350" s="1" t="s">
        <v>28015</v>
      </c>
      <c r="C7350" s="1" t="s">
        <v>120</v>
      </c>
      <c r="D7350" s="1" t="s">
        <v>28547</v>
      </c>
      <c r="E7350" s="1" t="s">
        <v>28548</v>
      </c>
      <c r="F7350" s="1" t="s">
        <v>28549</v>
      </c>
      <c r="G7350" s="1" t="s">
        <v>28473</v>
      </c>
      <c r="H7350" s="1" t="s">
        <v>28474</v>
      </c>
      <c r="I7350" s="1" t="s">
        <v>28021</v>
      </c>
      <c r="J7350" s="1" t="s">
        <v>28550</v>
      </c>
    </row>
    <row r="7351" spans="1:10" x14ac:dyDescent="0.35">
      <c r="A7351" s="1" t="s">
        <v>28469</v>
      </c>
      <c r="B7351" s="1" t="s">
        <v>28015</v>
      </c>
      <c r="C7351" s="1" t="s">
        <v>125</v>
      </c>
      <c r="D7351" s="1" t="s">
        <v>28551</v>
      </c>
      <c r="E7351" s="1" t="s">
        <v>28552</v>
      </c>
      <c r="F7351" s="1" t="s">
        <v>28553</v>
      </c>
      <c r="G7351" s="1" t="s">
        <v>28473</v>
      </c>
      <c r="H7351" s="1" t="s">
        <v>28474</v>
      </c>
      <c r="I7351" s="1" t="s">
        <v>28021</v>
      </c>
      <c r="J7351" s="1" t="s">
        <v>28554</v>
      </c>
    </row>
    <row r="7352" spans="1:10" x14ac:dyDescent="0.35">
      <c r="A7352" s="1" t="s">
        <v>28469</v>
      </c>
      <c r="B7352" s="1" t="s">
        <v>28015</v>
      </c>
      <c r="C7352" s="1" t="s">
        <v>130</v>
      </c>
      <c r="D7352" s="1" t="s">
        <v>7560</v>
      </c>
      <c r="E7352" s="1" t="s">
        <v>28555</v>
      </c>
      <c r="F7352" s="1" t="s">
        <v>28556</v>
      </c>
      <c r="G7352" s="1" t="s">
        <v>28473</v>
      </c>
      <c r="H7352" s="1" t="s">
        <v>28474</v>
      </c>
      <c r="I7352" s="1" t="s">
        <v>28021</v>
      </c>
      <c r="J7352" s="1" t="s">
        <v>28557</v>
      </c>
    </row>
    <row r="7353" spans="1:10" x14ac:dyDescent="0.35">
      <c r="A7353" s="1" t="s">
        <v>28469</v>
      </c>
      <c r="B7353" s="1" t="s">
        <v>28015</v>
      </c>
      <c r="C7353" s="1" t="s">
        <v>135</v>
      </c>
      <c r="D7353" s="1" t="s">
        <v>28558</v>
      </c>
      <c r="E7353" s="1" t="s">
        <v>28559</v>
      </c>
      <c r="F7353" s="1" t="s">
        <v>28560</v>
      </c>
      <c r="G7353" s="1" t="s">
        <v>28473</v>
      </c>
      <c r="H7353" s="1" t="s">
        <v>28474</v>
      </c>
      <c r="I7353" s="1" t="s">
        <v>28021</v>
      </c>
      <c r="J7353" s="1" t="s">
        <v>28561</v>
      </c>
    </row>
    <row r="7354" spans="1:10" x14ac:dyDescent="0.35">
      <c r="A7354" s="1" t="s">
        <v>28469</v>
      </c>
      <c r="B7354" s="1" t="s">
        <v>28015</v>
      </c>
      <c r="C7354" s="1" t="s">
        <v>140</v>
      </c>
      <c r="D7354" s="1" t="s">
        <v>28562</v>
      </c>
      <c r="E7354" s="1" t="s">
        <v>28563</v>
      </c>
      <c r="F7354" s="1" t="s">
        <v>28564</v>
      </c>
      <c r="G7354" s="1" t="s">
        <v>28473</v>
      </c>
      <c r="H7354" s="1" t="s">
        <v>28474</v>
      </c>
      <c r="I7354" s="1" t="s">
        <v>28021</v>
      </c>
      <c r="J7354" s="1" t="s">
        <v>28565</v>
      </c>
    </row>
    <row r="7355" spans="1:10" x14ac:dyDescent="0.35">
      <c r="A7355" s="1" t="s">
        <v>28469</v>
      </c>
      <c r="B7355" s="1" t="s">
        <v>28015</v>
      </c>
      <c r="C7355" s="1" t="s">
        <v>145</v>
      </c>
      <c r="D7355" s="1" t="s">
        <v>28566</v>
      </c>
      <c r="E7355" s="1" t="s">
        <v>28567</v>
      </c>
      <c r="F7355" s="1" t="s">
        <v>28568</v>
      </c>
      <c r="G7355" s="1" t="s">
        <v>28473</v>
      </c>
      <c r="H7355" s="1" t="s">
        <v>28474</v>
      </c>
      <c r="I7355" s="1" t="s">
        <v>28021</v>
      </c>
      <c r="J7355" s="1" t="s">
        <v>28569</v>
      </c>
    </row>
    <row r="7356" spans="1:10" x14ac:dyDescent="0.35">
      <c r="A7356" s="1" t="s">
        <v>28469</v>
      </c>
      <c r="B7356" s="1" t="s">
        <v>28015</v>
      </c>
      <c r="C7356" s="1" t="s">
        <v>150</v>
      </c>
      <c r="D7356" s="1" t="s">
        <v>28570</v>
      </c>
      <c r="E7356" s="1" t="s">
        <v>28571</v>
      </c>
      <c r="F7356" s="1" t="s">
        <v>28572</v>
      </c>
      <c r="G7356" s="1" t="s">
        <v>28473</v>
      </c>
      <c r="H7356" s="1" t="s">
        <v>28474</v>
      </c>
      <c r="I7356" s="1" t="s">
        <v>28021</v>
      </c>
      <c r="J7356" s="1" t="s">
        <v>28573</v>
      </c>
    </row>
    <row r="7357" spans="1:10" x14ac:dyDescent="0.35">
      <c r="A7357" s="1" t="s">
        <v>28469</v>
      </c>
      <c r="B7357" s="1" t="s">
        <v>28015</v>
      </c>
      <c r="C7357" s="1" t="s">
        <v>155</v>
      </c>
      <c r="D7357" s="1" t="s">
        <v>28574</v>
      </c>
      <c r="E7357" s="1" t="s">
        <v>28575</v>
      </c>
      <c r="F7357" s="1" t="s">
        <v>28576</v>
      </c>
      <c r="G7357" s="1" t="s">
        <v>28473</v>
      </c>
      <c r="H7357" s="1" t="s">
        <v>28474</v>
      </c>
      <c r="I7357" s="1" t="s">
        <v>28021</v>
      </c>
      <c r="J7357" s="1" t="s">
        <v>28577</v>
      </c>
    </row>
    <row r="7358" spans="1:10" x14ac:dyDescent="0.35">
      <c r="A7358" s="1" t="s">
        <v>28469</v>
      </c>
      <c r="B7358" s="1" t="s">
        <v>28015</v>
      </c>
      <c r="C7358" s="1" t="s">
        <v>160</v>
      </c>
      <c r="D7358" s="1" t="s">
        <v>28578</v>
      </c>
      <c r="E7358" s="1" t="s">
        <v>28579</v>
      </c>
      <c r="F7358" s="1" t="s">
        <v>28580</v>
      </c>
      <c r="G7358" s="1" t="s">
        <v>28473</v>
      </c>
      <c r="H7358" s="1" t="s">
        <v>28474</v>
      </c>
      <c r="I7358" s="1" t="s">
        <v>28021</v>
      </c>
      <c r="J7358" s="1" t="s">
        <v>28581</v>
      </c>
    </row>
    <row r="7359" spans="1:10" x14ac:dyDescent="0.35">
      <c r="A7359" s="1" t="s">
        <v>28469</v>
      </c>
      <c r="B7359" s="1" t="s">
        <v>28015</v>
      </c>
      <c r="C7359" s="1" t="s">
        <v>165</v>
      </c>
      <c r="D7359" s="1" t="s">
        <v>28582</v>
      </c>
      <c r="E7359" s="1" t="s">
        <v>28583</v>
      </c>
      <c r="F7359" s="1" t="s">
        <v>28584</v>
      </c>
      <c r="G7359" s="1" t="s">
        <v>28473</v>
      </c>
      <c r="H7359" s="1" t="s">
        <v>28474</v>
      </c>
      <c r="I7359" s="1" t="s">
        <v>28021</v>
      </c>
      <c r="J7359" s="1" t="s">
        <v>28585</v>
      </c>
    </row>
    <row r="7360" spans="1:10" x14ac:dyDescent="0.35">
      <c r="A7360" s="1" t="s">
        <v>28469</v>
      </c>
      <c r="B7360" s="1" t="s">
        <v>28015</v>
      </c>
      <c r="C7360" s="1" t="s">
        <v>170</v>
      </c>
      <c r="D7360" s="1" t="s">
        <v>16336</v>
      </c>
      <c r="E7360" s="1" t="s">
        <v>28586</v>
      </c>
      <c r="F7360" s="1" t="s">
        <v>28587</v>
      </c>
      <c r="G7360" s="1" t="s">
        <v>28473</v>
      </c>
      <c r="H7360" s="1" t="s">
        <v>28474</v>
      </c>
      <c r="I7360" s="1" t="s">
        <v>28021</v>
      </c>
      <c r="J7360" s="1" t="s">
        <v>28588</v>
      </c>
    </row>
    <row r="7361" spans="1:10" x14ac:dyDescent="0.35">
      <c r="A7361" s="1" t="s">
        <v>28589</v>
      </c>
      <c r="B7361" s="1" t="s">
        <v>28015</v>
      </c>
      <c r="C7361" s="1" t="s">
        <v>8</v>
      </c>
      <c r="D7361" s="1" t="s">
        <v>13877</v>
      </c>
      <c r="E7361" s="1" t="s">
        <v>28590</v>
      </c>
      <c r="F7361" s="1" t="s">
        <v>28591</v>
      </c>
      <c r="G7361" s="1" t="s">
        <v>28592</v>
      </c>
      <c r="H7361" s="1" t="s">
        <v>28593</v>
      </c>
      <c r="I7361" s="1" t="s">
        <v>28021</v>
      </c>
      <c r="J7361" s="1" t="s">
        <v>13</v>
      </c>
    </row>
    <row r="7362" spans="1:10" x14ac:dyDescent="0.35">
      <c r="A7362" s="1" t="s">
        <v>28589</v>
      </c>
      <c r="B7362" s="1" t="s">
        <v>28015</v>
      </c>
      <c r="C7362" s="1" t="s">
        <v>15</v>
      </c>
      <c r="D7362" s="1" t="s">
        <v>1985</v>
      </c>
      <c r="E7362" s="1" t="s">
        <v>28594</v>
      </c>
      <c r="F7362" s="1" t="s">
        <v>28595</v>
      </c>
      <c r="G7362" s="1" t="s">
        <v>28592</v>
      </c>
      <c r="H7362" s="1" t="s">
        <v>28593</v>
      </c>
      <c r="I7362" s="1" t="s">
        <v>28021</v>
      </c>
      <c r="J7362" s="1" t="s">
        <v>28596</v>
      </c>
    </row>
    <row r="7363" spans="1:10" x14ac:dyDescent="0.35">
      <c r="A7363" s="1" t="s">
        <v>28589</v>
      </c>
      <c r="B7363" s="1" t="s">
        <v>28015</v>
      </c>
      <c r="C7363" s="1" t="s">
        <v>20</v>
      </c>
      <c r="D7363" s="1" t="s">
        <v>28597</v>
      </c>
      <c r="E7363" s="1" t="s">
        <v>28598</v>
      </c>
      <c r="F7363" s="1" t="s">
        <v>28599</v>
      </c>
      <c r="G7363" s="1" t="s">
        <v>28592</v>
      </c>
      <c r="H7363" s="1" t="s">
        <v>28593</v>
      </c>
      <c r="I7363" s="1" t="s">
        <v>28021</v>
      </c>
      <c r="J7363" s="1" t="s">
        <v>28600</v>
      </c>
    </row>
    <row r="7364" spans="1:10" x14ac:dyDescent="0.35">
      <c r="A7364" s="1" t="s">
        <v>28589</v>
      </c>
      <c r="B7364" s="1" t="s">
        <v>28015</v>
      </c>
      <c r="C7364" s="1" t="s">
        <v>25</v>
      </c>
      <c r="D7364" s="1" t="s">
        <v>1209</v>
      </c>
      <c r="E7364" s="1" t="s">
        <v>28601</v>
      </c>
      <c r="F7364" s="1" t="s">
        <v>28602</v>
      </c>
      <c r="G7364" s="1" t="s">
        <v>28592</v>
      </c>
      <c r="H7364" s="1" t="s">
        <v>28593</v>
      </c>
      <c r="I7364" s="1" t="s">
        <v>28021</v>
      </c>
      <c r="J7364" s="1" t="s">
        <v>28603</v>
      </c>
    </row>
    <row r="7365" spans="1:10" x14ac:dyDescent="0.35">
      <c r="A7365" s="1" t="s">
        <v>28589</v>
      </c>
      <c r="B7365" s="1" t="s">
        <v>28015</v>
      </c>
      <c r="C7365" s="1" t="s">
        <v>30</v>
      </c>
      <c r="D7365" s="1" t="s">
        <v>8020</v>
      </c>
      <c r="E7365" s="1" t="s">
        <v>28604</v>
      </c>
      <c r="F7365" s="1" t="s">
        <v>28605</v>
      </c>
      <c r="G7365" s="1" t="s">
        <v>28592</v>
      </c>
      <c r="H7365" s="1" t="s">
        <v>28593</v>
      </c>
      <c r="I7365" s="1" t="s">
        <v>28021</v>
      </c>
      <c r="J7365" s="1" t="s">
        <v>28606</v>
      </c>
    </row>
    <row r="7366" spans="1:10" x14ac:dyDescent="0.35">
      <c r="A7366" s="1" t="s">
        <v>28589</v>
      </c>
      <c r="B7366" s="1" t="s">
        <v>28015</v>
      </c>
      <c r="C7366" s="1" t="s">
        <v>35</v>
      </c>
      <c r="D7366" s="1" t="s">
        <v>28607</v>
      </c>
      <c r="E7366" s="1" t="s">
        <v>28608</v>
      </c>
      <c r="F7366" s="1" t="s">
        <v>28609</v>
      </c>
      <c r="G7366" s="1" t="s">
        <v>28592</v>
      </c>
      <c r="H7366" s="1" t="s">
        <v>28593</v>
      </c>
      <c r="I7366" s="1" t="s">
        <v>28021</v>
      </c>
      <c r="J7366" s="1" t="s">
        <v>28610</v>
      </c>
    </row>
    <row r="7367" spans="1:10" x14ac:dyDescent="0.35">
      <c r="A7367" s="1" t="s">
        <v>28589</v>
      </c>
      <c r="B7367" s="1" t="s">
        <v>28015</v>
      </c>
      <c r="C7367" s="1" t="s">
        <v>40</v>
      </c>
      <c r="D7367" s="1" t="s">
        <v>25604</v>
      </c>
      <c r="E7367" s="1" t="s">
        <v>28611</v>
      </c>
      <c r="F7367" s="1" t="s">
        <v>28612</v>
      </c>
      <c r="G7367" s="1" t="s">
        <v>28592</v>
      </c>
      <c r="H7367" s="1" t="s">
        <v>28593</v>
      </c>
      <c r="I7367" s="1" t="s">
        <v>28021</v>
      </c>
      <c r="J7367" s="1" t="s">
        <v>28613</v>
      </c>
    </row>
    <row r="7368" spans="1:10" x14ac:dyDescent="0.35">
      <c r="A7368" s="1" t="s">
        <v>28589</v>
      </c>
      <c r="B7368" s="1" t="s">
        <v>28015</v>
      </c>
      <c r="C7368" s="1" t="s">
        <v>45</v>
      </c>
      <c r="D7368" s="1" t="s">
        <v>2410</v>
      </c>
      <c r="E7368" s="1" t="s">
        <v>28614</v>
      </c>
      <c r="F7368" s="1" t="s">
        <v>28615</v>
      </c>
      <c r="G7368" s="1" t="s">
        <v>28592</v>
      </c>
      <c r="H7368" s="1" t="s">
        <v>28593</v>
      </c>
      <c r="I7368" s="1" t="s">
        <v>28021</v>
      </c>
      <c r="J7368" s="1" t="s">
        <v>28616</v>
      </c>
    </row>
    <row r="7369" spans="1:10" x14ac:dyDescent="0.35">
      <c r="A7369" s="1" t="s">
        <v>28589</v>
      </c>
      <c r="B7369" s="1" t="s">
        <v>28015</v>
      </c>
      <c r="C7369" s="1" t="s">
        <v>50</v>
      </c>
      <c r="D7369" s="1" t="s">
        <v>7618</v>
      </c>
      <c r="E7369" s="1" t="s">
        <v>28617</v>
      </c>
      <c r="F7369" s="1" t="s">
        <v>28618</v>
      </c>
      <c r="G7369" s="1" t="s">
        <v>28592</v>
      </c>
      <c r="H7369" s="1" t="s">
        <v>28593</v>
      </c>
      <c r="I7369" s="1" t="s">
        <v>28021</v>
      </c>
      <c r="J7369" s="1" t="s">
        <v>28619</v>
      </c>
    </row>
    <row r="7370" spans="1:10" x14ac:dyDescent="0.35">
      <c r="A7370" s="1" t="s">
        <v>28589</v>
      </c>
      <c r="B7370" s="1" t="s">
        <v>28015</v>
      </c>
      <c r="C7370" s="1" t="s">
        <v>55</v>
      </c>
      <c r="D7370" s="1" t="s">
        <v>28620</v>
      </c>
      <c r="E7370" s="1" t="s">
        <v>28621</v>
      </c>
      <c r="F7370" s="1" t="s">
        <v>28622</v>
      </c>
      <c r="G7370" s="1" t="s">
        <v>28592</v>
      </c>
      <c r="H7370" s="1" t="s">
        <v>28593</v>
      </c>
      <c r="I7370" s="1" t="s">
        <v>28021</v>
      </c>
      <c r="J7370" s="1" t="s">
        <v>28623</v>
      </c>
    </row>
    <row r="7371" spans="1:10" x14ac:dyDescent="0.35">
      <c r="A7371" s="1" t="s">
        <v>28589</v>
      </c>
      <c r="B7371" s="1" t="s">
        <v>28015</v>
      </c>
      <c r="C7371" s="1" t="s">
        <v>60</v>
      </c>
      <c r="D7371" s="1" t="s">
        <v>352</v>
      </c>
      <c r="E7371" s="1" t="s">
        <v>28624</v>
      </c>
      <c r="F7371" s="1" t="s">
        <v>28625</v>
      </c>
      <c r="G7371" s="1" t="s">
        <v>28592</v>
      </c>
      <c r="H7371" s="1" t="s">
        <v>28593</v>
      </c>
      <c r="I7371" s="1" t="s">
        <v>28021</v>
      </c>
      <c r="J7371" s="1" t="s">
        <v>28626</v>
      </c>
    </row>
    <row r="7372" spans="1:10" x14ac:dyDescent="0.35">
      <c r="A7372" s="1" t="s">
        <v>28589</v>
      </c>
      <c r="B7372" s="1" t="s">
        <v>28015</v>
      </c>
      <c r="C7372" s="1" t="s">
        <v>65</v>
      </c>
      <c r="D7372" s="1" t="s">
        <v>28627</v>
      </c>
      <c r="E7372" s="1" t="s">
        <v>28628</v>
      </c>
      <c r="F7372" s="1" t="s">
        <v>28629</v>
      </c>
      <c r="G7372" s="1" t="s">
        <v>28592</v>
      </c>
      <c r="H7372" s="1" t="s">
        <v>28593</v>
      </c>
      <c r="I7372" s="1" t="s">
        <v>28021</v>
      </c>
      <c r="J7372" s="1" t="s">
        <v>28630</v>
      </c>
    </row>
    <row r="7373" spans="1:10" x14ac:dyDescent="0.35">
      <c r="A7373" s="1" t="s">
        <v>28589</v>
      </c>
      <c r="B7373" s="1" t="s">
        <v>28015</v>
      </c>
      <c r="C7373" s="1" t="s">
        <v>70</v>
      </c>
      <c r="D7373" s="1" t="s">
        <v>28631</v>
      </c>
      <c r="E7373" s="1" t="s">
        <v>28632</v>
      </c>
      <c r="F7373" s="1" t="s">
        <v>28633</v>
      </c>
      <c r="G7373" s="1" t="s">
        <v>28592</v>
      </c>
      <c r="H7373" s="1" t="s">
        <v>28593</v>
      </c>
      <c r="I7373" s="1" t="s">
        <v>28021</v>
      </c>
      <c r="J7373" s="1" t="s">
        <v>28634</v>
      </c>
    </row>
    <row r="7374" spans="1:10" x14ac:dyDescent="0.35">
      <c r="A7374" s="1" t="s">
        <v>28589</v>
      </c>
      <c r="B7374" s="1" t="s">
        <v>28015</v>
      </c>
      <c r="C7374" s="1" t="s">
        <v>75</v>
      </c>
      <c r="D7374" s="1" t="s">
        <v>10830</v>
      </c>
      <c r="E7374" s="1" t="s">
        <v>28635</v>
      </c>
      <c r="F7374" s="1" t="s">
        <v>28636</v>
      </c>
      <c r="G7374" s="1" t="s">
        <v>28592</v>
      </c>
      <c r="H7374" s="1" t="s">
        <v>28593</v>
      </c>
      <c r="I7374" s="1" t="s">
        <v>28021</v>
      </c>
      <c r="J7374" s="1" t="s">
        <v>28637</v>
      </c>
    </row>
    <row r="7375" spans="1:10" x14ac:dyDescent="0.35">
      <c r="A7375" s="1" t="s">
        <v>28589</v>
      </c>
      <c r="B7375" s="1" t="s">
        <v>28015</v>
      </c>
      <c r="C7375" s="1" t="s">
        <v>80</v>
      </c>
      <c r="D7375" s="1" t="s">
        <v>2925</v>
      </c>
      <c r="E7375" s="1" t="s">
        <v>28638</v>
      </c>
      <c r="F7375" s="1" t="s">
        <v>28639</v>
      </c>
      <c r="G7375" s="1" t="s">
        <v>28592</v>
      </c>
      <c r="H7375" s="1" t="s">
        <v>28593</v>
      </c>
      <c r="I7375" s="1" t="s">
        <v>28021</v>
      </c>
      <c r="J7375" s="1" t="s">
        <v>28640</v>
      </c>
    </row>
    <row r="7376" spans="1:10" x14ac:dyDescent="0.35">
      <c r="A7376" s="1" t="s">
        <v>28589</v>
      </c>
      <c r="B7376" s="1" t="s">
        <v>28015</v>
      </c>
      <c r="C7376" s="1" t="s">
        <v>85</v>
      </c>
      <c r="D7376" s="1" t="s">
        <v>28641</v>
      </c>
      <c r="E7376" s="1" t="s">
        <v>28642</v>
      </c>
      <c r="F7376" s="1" t="s">
        <v>28643</v>
      </c>
      <c r="G7376" s="1" t="s">
        <v>28592</v>
      </c>
      <c r="H7376" s="1" t="s">
        <v>28593</v>
      </c>
      <c r="I7376" s="1" t="s">
        <v>28021</v>
      </c>
      <c r="J7376" s="1" t="s">
        <v>28644</v>
      </c>
    </row>
    <row r="7377" spans="1:10" x14ac:dyDescent="0.35">
      <c r="A7377" s="1" t="s">
        <v>28589</v>
      </c>
      <c r="B7377" s="1" t="s">
        <v>28015</v>
      </c>
      <c r="C7377" s="1" t="s">
        <v>90</v>
      </c>
      <c r="D7377" s="1" t="s">
        <v>28645</v>
      </c>
      <c r="E7377" s="1" t="s">
        <v>28646</v>
      </c>
      <c r="F7377" s="1" t="s">
        <v>28647</v>
      </c>
      <c r="G7377" s="1" t="s">
        <v>28592</v>
      </c>
      <c r="H7377" s="1" t="s">
        <v>28593</v>
      </c>
      <c r="I7377" s="1" t="s">
        <v>28021</v>
      </c>
      <c r="J7377" s="1" t="s">
        <v>28648</v>
      </c>
    </row>
    <row r="7378" spans="1:10" x14ac:dyDescent="0.35">
      <c r="A7378" s="1" t="s">
        <v>28589</v>
      </c>
      <c r="B7378" s="1" t="s">
        <v>28015</v>
      </c>
      <c r="C7378" s="1" t="s">
        <v>95</v>
      </c>
      <c r="D7378" s="1" t="s">
        <v>28649</v>
      </c>
      <c r="E7378" s="1" t="s">
        <v>28650</v>
      </c>
      <c r="F7378" s="1" t="s">
        <v>28651</v>
      </c>
      <c r="G7378" s="1" t="s">
        <v>28592</v>
      </c>
      <c r="H7378" s="1" t="s">
        <v>28593</v>
      </c>
      <c r="I7378" s="1" t="s">
        <v>28021</v>
      </c>
      <c r="J7378" s="1" t="s">
        <v>28652</v>
      </c>
    </row>
    <row r="7379" spans="1:10" x14ac:dyDescent="0.35">
      <c r="A7379" s="1" t="s">
        <v>28589</v>
      </c>
      <c r="B7379" s="1" t="s">
        <v>28015</v>
      </c>
      <c r="C7379" s="1" t="s">
        <v>100</v>
      </c>
      <c r="D7379" s="1" t="s">
        <v>229</v>
      </c>
      <c r="E7379" s="1" t="s">
        <v>28653</v>
      </c>
      <c r="F7379" s="1" t="s">
        <v>28654</v>
      </c>
      <c r="G7379" s="1" t="s">
        <v>28592</v>
      </c>
      <c r="H7379" s="1" t="s">
        <v>28593</v>
      </c>
      <c r="I7379" s="1" t="s">
        <v>28021</v>
      </c>
      <c r="J7379" s="1" t="s">
        <v>28655</v>
      </c>
    </row>
    <row r="7380" spans="1:10" x14ac:dyDescent="0.35">
      <c r="A7380" s="1" t="s">
        <v>28589</v>
      </c>
      <c r="B7380" s="1" t="s">
        <v>28015</v>
      </c>
      <c r="C7380" s="1" t="s">
        <v>105</v>
      </c>
      <c r="D7380" s="1" t="s">
        <v>4138</v>
      </c>
      <c r="E7380" s="1" t="s">
        <v>28656</v>
      </c>
      <c r="F7380" s="1" t="s">
        <v>28657</v>
      </c>
      <c r="G7380" s="1" t="s">
        <v>28592</v>
      </c>
      <c r="H7380" s="1" t="s">
        <v>28593</v>
      </c>
      <c r="I7380" s="1" t="s">
        <v>28021</v>
      </c>
      <c r="J7380" s="1" t="s">
        <v>28658</v>
      </c>
    </row>
    <row r="7381" spans="1:10" x14ac:dyDescent="0.35">
      <c r="A7381" s="1" t="s">
        <v>28589</v>
      </c>
      <c r="B7381" s="1" t="s">
        <v>28015</v>
      </c>
      <c r="C7381" s="1" t="s">
        <v>110</v>
      </c>
      <c r="D7381" s="1" t="s">
        <v>7984</v>
      </c>
      <c r="E7381" s="1" t="s">
        <v>28659</v>
      </c>
      <c r="F7381" s="1" t="s">
        <v>28660</v>
      </c>
      <c r="G7381" s="1" t="s">
        <v>28592</v>
      </c>
      <c r="H7381" s="1" t="s">
        <v>28593</v>
      </c>
      <c r="I7381" s="1" t="s">
        <v>28021</v>
      </c>
      <c r="J7381" s="1" t="s">
        <v>28661</v>
      </c>
    </row>
    <row r="7382" spans="1:10" x14ac:dyDescent="0.35">
      <c r="A7382" s="1" t="s">
        <v>28589</v>
      </c>
      <c r="B7382" s="1" t="s">
        <v>28015</v>
      </c>
      <c r="C7382" s="1" t="s">
        <v>115</v>
      </c>
      <c r="D7382" s="1" t="s">
        <v>28662</v>
      </c>
      <c r="E7382" s="1" t="s">
        <v>28663</v>
      </c>
      <c r="F7382" s="1" t="s">
        <v>28664</v>
      </c>
      <c r="G7382" s="1" t="s">
        <v>28592</v>
      </c>
      <c r="H7382" s="1" t="s">
        <v>28593</v>
      </c>
      <c r="I7382" s="1" t="s">
        <v>28021</v>
      </c>
      <c r="J7382" s="1" t="s">
        <v>28665</v>
      </c>
    </row>
    <row r="7383" spans="1:10" x14ac:dyDescent="0.35">
      <c r="A7383" s="1" t="s">
        <v>28589</v>
      </c>
      <c r="B7383" s="1" t="s">
        <v>28015</v>
      </c>
      <c r="C7383" s="1" t="s">
        <v>120</v>
      </c>
      <c r="D7383" s="1" t="s">
        <v>28666</v>
      </c>
      <c r="E7383" s="1" t="s">
        <v>28667</v>
      </c>
      <c r="F7383" s="1" t="s">
        <v>28668</v>
      </c>
      <c r="G7383" s="1" t="s">
        <v>28592</v>
      </c>
      <c r="H7383" s="1" t="s">
        <v>28593</v>
      </c>
      <c r="I7383" s="1" t="s">
        <v>28021</v>
      </c>
      <c r="J7383" s="1" t="s">
        <v>28669</v>
      </c>
    </row>
    <row r="7384" spans="1:10" x14ac:dyDescent="0.35">
      <c r="A7384" s="1" t="s">
        <v>28589</v>
      </c>
      <c r="B7384" s="1" t="s">
        <v>28015</v>
      </c>
      <c r="C7384" s="1" t="s">
        <v>125</v>
      </c>
      <c r="D7384" s="1" t="s">
        <v>28670</v>
      </c>
      <c r="E7384" s="1" t="s">
        <v>28671</v>
      </c>
      <c r="F7384" s="1" t="s">
        <v>28672</v>
      </c>
      <c r="G7384" s="1" t="s">
        <v>28592</v>
      </c>
      <c r="H7384" s="1" t="s">
        <v>28593</v>
      </c>
      <c r="I7384" s="1" t="s">
        <v>28021</v>
      </c>
      <c r="J7384" s="1" t="s">
        <v>28673</v>
      </c>
    </row>
    <row r="7385" spans="1:10" x14ac:dyDescent="0.35">
      <c r="A7385" s="1" t="s">
        <v>28589</v>
      </c>
      <c r="B7385" s="1" t="s">
        <v>28015</v>
      </c>
      <c r="C7385" s="1" t="s">
        <v>130</v>
      </c>
      <c r="D7385" s="1" t="s">
        <v>28674</v>
      </c>
      <c r="E7385" s="1" t="s">
        <v>28675</v>
      </c>
      <c r="F7385" s="1" t="s">
        <v>28676</v>
      </c>
      <c r="G7385" s="1" t="s">
        <v>28592</v>
      </c>
      <c r="H7385" s="1" t="s">
        <v>28593</v>
      </c>
      <c r="I7385" s="1" t="s">
        <v>28021</v>
      </c>
      <c r="J7385" s="1" t="s">
        <v>28677</v>
      </c>
    </row>
    <row r="7386" spans="1:10" x14ac:dyDescent="0.35">
      <c r="A7386" s="1" t="s">
        <v>28589</v>
      </c>
      <c r="B7386" s="1" t="s">
        <v>28015</v>
      </c>
      <c r="C7386" s="1" t="s">
        <v>135</v>
      </c>
      <c r="D7386" s="1" t="s">
        <v>28678</v>
      </c>
      <c r="E7386" s="1" t="s">
        <v>28679</v>
      </c>
      <c r="F7386" s="1" t="s">
        <v>28680</v>
      </c>
      <c r="G7386" s="1" t="s">
        <v>28592</v>
      </c>
      <c r="H7386" s="1" t="s">
        <v>28593</v>
      </c>
      <c r="I7386" s="1" t="s">
        <v>28021</v>
      </c>
      <c r="J7386" s="1" t="s">
        <v>28681</v>
      </c>
    </row>
    <row r="7387" spans="1:10" x14ac:dyDescent="0.35">
      <c r="A7387" s="1" t="s">
        <v>28589</v>
      </c>
      <c r="B7387" s="1" t="s">
        <v>28015</v>
      </c>
      <c r="C7387" s="1" t="s">
        <v>140</v>
      </c>
      <c r="D7387" s="1" t="s">
        <v>28682</v>
      </c>
      <c r="E7387" s="1" t="s">
        <v>28683</v>
      </c>
      <c r="F7387" s="1" t="s">
        <v>28684</v>
      </c>
      <c r="G7387" s="1" t="s">
        <v>28592</v>
      </c>
      <c r="H7387" s="1" t="s">
        <v>28593</v>
      </c>
      <c r="I7387" s="1" t="s">
        <v>28021</v>
      </c>
      <c r="J7387" s="1" t="s">
        <v>28685</v>
      </c>
    </row>
    <row r="7388" spans="1:10" x14ac:dyDescent="0.35">
      <c r="A7388" s="1" t="s">
        <v>28589</v>
      </c>
      <c r="B7388" s="1" t="s">
        <v>28015</v>
      </c>
      <c r="C7388" s="1" t="s">
        <v>145</v>
      </c>
      <c r="D7388" s="1" t="s">
        <v>28686</v>
      </c>
      <c r="E7388" s="1" t="s">
        <v>28687</v>
      </c>
      <c r="F7388" s="1" t="s">
        <v>28688</v>
      </c>
      <c r="G7388" s="1" t="s">
        <v>28592</v>
      </c>
      <c r="H7388" s="1" t="s">
        <v>28593</v>
      </c>
      <c r="I7388" s="1" t="s">
        <v>28021</v>
      </c>
      <c r="J7388" s="1" t="s">
        <v>28689</v>
      </c>
    </row>
    <row r="7389" spans="1:10" x14ac:dyDescent="0.35">
      <c r="A7389" s="1" t="s">
        <v>28589</v>
      </c>
      <c r="B7389" s="1" t="s">
        <v>28015</v>
      </c>
      <c r="C7389" s="1" t="s">
        <v>150</v>
      </c>
      <c r="D7389" s="1" t="s">
        <v>28690</v>
      </c>
      <c r="E7389" s="1" t="s">
        <v>28691</v>
      </c>
      <c r="F7389" s="1" t="s">
        <v>28692</v>
      </c>
      <c r="G7389" s="1" t="s">
        <v>28592</v>
      </c>
      <c r="H7389" s="1" t="s">
        <v>28593</v>
      </c>
      <c r="I7389" s="1" t="s">
        <v>28021</v>
      </c>
      <c r="J7389" s="1" t="s">
        <v>28693</v>
      </c>
    </row>
    <row r="7390" spans="1:10" x14ac:dyDescent="0.35">
      <c r="A7390" s="1" t="s">
        <v>28589</v>
      </c>
      <c r="B7390" s="1" t="s">
        <v>28015</v>
      </c>
      <c r="C7390" s="1" t="s">
        <v>155</v>
      </c>
      <c r="D7390" s="1" t="s">
        <v>28694</v>
      </c>
      <c r="E7390" s="1" t="s">
        <v>28695</v>
      </c>
      <c r="F7390" s="1" t="s">
        <v>28696</v>
      </c>
      <c r="G7390" s="1" t="s">
        <v>28592</v>
      </c>
      <c r="H7390" s="1" t="s">
        <v>28593</v>
      </c>
      <c r="I7390" s="1" t="s">
        <v>28021</v>
      </c>
      <c r="J7390" s="1" t="s">
        <v>28697</v>
      </c>
    </row>
    <row r="7391" spans="1:10" x14ac:dyDescent="0.35">
      <c r="A7391" s="1" t="s">
        <v>28589</v>
      </c>
      <c r="B7391" s="1" t="s">
        <v>28015</v>
      </c>
      <c r="C7391" s="1" t="s">
        <v>160</v>
      </c>
      <c r="D7391" s="1" t="s">
        <v>28698</v>
      </c>
      <c r="E7391" s="1" t="s">
        <v>28699</v>
      </c>
      <c r="F7391" s="1" t="s">
        <v>28700</v>
      </c>
      <c r="G7391" s="1" t="s">
        <v>28592</v>
      </c>
      <c r="H7391" s="1" t="s">
        <v>28593</v>
      </c>
      <c r="I7391" s="1" t="s">
        <v>28021</v>
      </c>
      <c r="J7391" s="1" t="s">
        <v>28701</v>
      </c>
    </row>
    <row r="7392" spans="1:10" x14ac:dyDescent="0.35">
      <c r="A7392" s="1" t="s">
        <v>28589</v>
      </c>
      <c r="B7392" s="1" t="s">
        <v>28015</v>
      </c>
      <c r="C7392" s="1" t="s">
        <v>165</v>
      </c>
      <c r="D7392" s="1" t="s">
        <v>28702</v>
      </c>
      <c r="E7392" s="1" t="s">
        <v>28703</v>
      </c>
      <c r="F7392" s="1" t="s">
        <v>28704</v>
      </c>
      <c r="G7392" s="1" t="s">
        <v>28592</v>
      </c>
      <c r="H7392" s="1" t="s">
        <v>28593</v>
      </c>
      <c r="I7392" s="1" t="s">
        <v>28021</v>
      </c>
      <c r="J7392" s="1" t="s">
        <v>28705</v>
      </c>
    </row>
    <row r="7393" spans="1:10" x14ac:dyDescent="0.35">
      <c r="A7393" s="1" t="s">
        <v>28589</v>
      </c>
      <c r="B7393" s="1" t="s">
        <v>28015</v>
      </c>
      <c r="C7393" s="1" t="s">
        <v>170</v>
      </c>
      <c r="D7393" s="1" t="s">
        <v>28706</v>
      </c>
      <c r="E7393" s="1" t="s">
        <v>28707</v>
      </c>
      <c r="F7393" s="1" t="s">
        <v>28708</v>
      </c>
      <c r="G7393" s="1" t="s">
        <v>28592</v>
      </c>
      <c r="H7393" s="1" t="s">
        <v>28593</v>
      </c>
      <c r="I7393" s="1" t="s">
        <v>28021</v>
      </c>
      <c r="J7393" s="1" t="s">
        <v>28709</v>
      </c>
    </row>
    <row r="7394" spans="1:10" x14ac:dyDescent="0.35">
      <c r="A7394" s="1" t="s">
        <v>28710</v>
      </c>
      <c r="B7394" s="1" t="s">
        <v>28015</v>
      </c>
      <c r="C7394" s="1" t="s">
        <v>8</v>
      </c>
      <c r="D7394" s="1" t="s">
        <v>3577</v>
      </c>
      <c r="E7394" s="1" t="s">
        <v>28711</v>
      </c>
      <c r="F7394" s="1" t="s">
        <v>28712</v>
      </c>
      <c r="G7394" s="1" t="s">
        <v>28713</v>
      </c>
      <c r="H7394" s="1" t="s">
        <v>28714</v>
      </c>
      <c r="I7394" s="1" t="s">
        <v>28021</v>
      </c>
      <c r="J7394" s="1" t="s">
        <v>13</v>
      </c>
    </row>
    <row r="7395" spans="1:10" x14ac:dyDescent="0.35">
      <c r="A7395" s="1" t="s">
        <v>28710</v>
      </c>
      <c r="B7395" s="1" t="s">
        <v>28015</v>
      </c>
      <c r="C7395" s="1" t="s">
        <v>15</v>
      </c>
      <c r="D7395" s="1" t="s">
        <v>1540</v>
      </c>
      <c r="E7395" s="1" t="s">
        <v>28715</v>
      </c>
      <c r="F7395" s="1" t="s">
        <v>28716</v>
      </c>
      <c r="G7395" s="1" t="s">
        <v>28713</v>
      </c>
      <c r="H7395" s="1" t="s">
        <v>28714</v>
      </c>
      <c r="I7395" s="1" t="s">
        <v>28021</v>
      </c>
      <c r="J7395" s="1" t="s">
        <v>28717</v>
      </c>
    </row>
    <row r="7396" spans="1:10" x14ac:dyDescent="0.35">
      <c r="A7396" s="1" t="s">
        <v>28710</v>
      </c>
      <c r="B7396" s="1" t="s">
        <v>28015</v>
      </c>
      <c r="C7396" s="1" t="s">
        <v>20</v>
      </c>
      <c r="D7396" s="1" t="s">
        <v>4492</v>
      </c>
      <c r="E7396" s="1" t="s">
        <v>28718</v>
      </c>
      <c r="F7396" s="1" t="s">
        <v>28719</v>
      </c>
      <c r="G7396" s="1" t="s">
        <v>28713</v>
      </c>
      <c r="H7396" s="1" t="s">
        <v>28714</v>
      </c>
      <c r="I7396" s="1" t="s">
        <v>28021</v>
      </c>
      <c r="J7396" s="1" t="s">
        <v>28720</v>
      </c>
    </row>
    <row r="7397" spans="1:10" x14ac:dyDescent="0.35">
      <c r="A7397" s="1" t="s">
        <v>28710</v>
      </c>
      <c r="B7397" s="1" t="s">
        <v>28015</v>
      </c>
      <c r="C7397" s="1" t="s">
        <v>25</v>
      </c>
      <c r="D7397" s="1" t="s">
        <v>28721</v>
      </c>
      <c r="E7397" s="1" t="s">
        <v>28722</v>
      </c>
      <c r="F7397" s="1" t="s">
        <v>28723</v>
      </c>
      <c r="G7397" s="1" t="s">
        <v>28713</v>
      </c>
      <c r="H7397" s="1" t="s">
        <v>28714</v>
      </c>
      <c r="I7397" s="1" t="s">
        <v>28021</v>
      </c>
      <c r="J7397" s="1" t="s">
        <v>28724</v>
      </c>
    </row>
    <row r="7398" spans="1:10" x14ac:dyDescent="0.35">
      <c r="A7398" s="1" t="s">
        <v>28710</v>
      </c>
      <c r="B7398" s="1" t="s">
        <v>28015</v>
      </c>
      <c r="C7398" s="1" t="s">
        <v>30</v>
      </c>
      <c r="D7398" s="1" t="s">
        <v>4496</v>
      </c>
      <c r="E7398" s="1" t="s">
        <v>28725</v>
      </c>
      <c r="F7398" s="1" t="s">
        <v>28726</v>
      </c>
      <c r="G7398" s="1" t="s">
        <v>28713</v>
      </c>
      <c r="H7398" s="1" t="s">
        <v>28714</v>
      </c>
      <c r="I7398" s="1" t="s">
        <v>28021</v>
      </c>
      <c r="J7398" s="1" t="s">
        <v>28727</v>
      </c>
    </row>
    <row r="7399" spans="1:10" x14ac:dyDescent="0.35">
      <c r="A7399" s="1" t="s">
        <v>28710</v>
      </c>
      <c r="B7399" s="1" t="s">
        <v>28015</v>
      </c>
      <c r="C7399" s="1" t="s">
        <v>35</v>
      </c>
      <c r="D7399" s="1" t="s">
        <v>28728</v>
      </c>
      <c r="E7399" s="1" t="s">
        <v>28729</v>
      </c>
      <c r="F7399" s="1" t="s">
        <v>28730</v>
      </c>
      <c r="G7399" s="1" t="s">
        <v>28713</v>
      </c>
      <c r="H7399" s="1" t="s">
        <v>28714</v>
      </c>
      <c r="I7399" s="1" t="s">
        <v>28021</v>
      </c>
      <c r="J7399" s="1" t="s">
        <v>28731</v>
      </c>
    </row>
    <row r="7400" spans="1:10" x14ac:dyDescent="0.35">
      <c r="A7400" s="1" t="s">
        <v>28710</v>
      </c>
      <c r="B7400" s="1" t="s">
        <v>28015</v>
      </c>
      <c r="C7400" s="1" t="s">
        <v>40</v>
      </c>
      <c r="D7400" s="1" t="s">
        <v>4504</v>
      </c>
      <c r="E7400" s="1" t="s">
        <v>28732</v>
      </c>
      <c r="F7400" s="1" t="s">
        <v>28733</v>
      </c>
      <c r="G7400" s="1" t="s">
        <v>28713</v>
      </c>
      <c r="H7400" s="1" t="s">
        <v>28714</v>
      </c>
      <c r="I7400" s="1" t="s">
        <v>28021</v>
      </c>
      <c r="J7400" s="1" t="s">
        <v>28734</v>
      </c>
    </row>
    <row r="7401" spans="1:10" x14ac:dyDescent="0.35">
      <c r="A7401" s="1" t="s">
        <v>28710</v>
      </c>
      <c r="B7401" s="1" t="s">
        <v>28015</v>
      </c>
      <c r="C7401" s="1" t="s">
        <v>45</v>
      </c>
      <c r="D7401" s="1" t="s">
        <v>28735</v>
      </c>
      <c r="E7401" s="1" t="s">
        <v>28736</v>
      </c>
      <c r="F7401" s="1" t="s">
        <v>28737</v>
      </c>
      <c r="G7401" s="1" t="s">
        <v>28713</v>
      </c>
      <c r="H7401" s="1" t="s">
        <v>28714</v>
      </c>
      <c r="I7401" s="1" t="s">
        <v>28021</v>
      </c>
      <c r="J7401" s="1" t="s">
        <v>28738</v>
      </c>
    </row>
    <row r="7402" spans="1:10" x14ac:dyDescent="0.35">
      <c r="A7402" s="1" t="s">
        <v>28710</v>
      </c>
      <c r="B7402" s="1" t="s">
        <v>28015</v>
      </c>
      <c r="C7402" s="1" t="s">
        <v>50</v>
      </c>
      <c r="D7402" s="1" t="s">
        <v>28402</v>
      </c>
      <c r="E7402" s="1" t="s">
        <v>28739</v>
      </c>
      <c r="F7402" s="1" t="s">
        <v>28740</v>
      </c>
      <c r="G7402" s="1" t="s">
        <v>28713</v>
      </c>
      <c r="H7402" s="1" t="s">
        <v>28714</v>
      </c>
      <c r="I7402" s="1" t="s">
        <v>28021</v>
      </c>
      <c r="J7402" s="1" t="s">
        <v>28741</v>
      </c>
    </row>
    <row r="7403" spans="1:10" x14ac:dyDescent="0.35">
      <c r="A7403" s="1" t="s">
        <v>28710</v>
      </c>
      <c r="B7403" s="1" t="s">
        <v>28015</v>
      </c>
      <c r="C7403" s="1" t="s">
        <v>55</v>
      </c>
      <c r="D7403" s="1" t="s">
        <v>4361</v>
      </c>
      <c r="E7403" s="1" t="s">
        <v>28742</v>
      </c>
      <c r="F7403" s="1" t="s">
        <v>28743</v>
      </c>
      <c r="G7403" s="1" t="s">
        <v>28713</v>
      </c>
      <c r="H7403" s="1" t="s">
        <v>28714</v>
      </c>
      <c r="I7403" s="1" t="s">
        <v>28021</v>
      </c>
      <c r="J7403" s="1" t="s">
        <v>28744</v>
      </c>
    </row>
    <row r="7404" spans="1:10" x14ac:dyDescent="0.35">
      <c r="A7404" s="1" t="s">
        <v>28710</v>
      </c>
      <c r="B7404" s="1" t="s">
        <v>28015</v>
      </c>
      <c r="C7404" s="1" t="s">
        <v>60</v>
      </c>
      <c r="D7404" s="1" t="s">
        <v>12108</v>
      </c>
      <c r="E7404" s="1" t="s">
        <v>28745</v>
      </c>
      <c r="F7404" s="1" t="s">
        <v>28746</v>
      </c>
      <c r="G7404" s="1" t="s">
        <v>28713</v>
      </c>
      <c r="H7404" s="1" t="s">
        <v>28714</v>
      </c>
      <c r="I7404" s="1" t="s">
        <v>28021</v>
      </c>
      <c r="J7404" s="1" t="s">
        <v>28747</v>
      </c>
    </row>
    <row r="7405" spans="1:10" x14ac:dyDescent="0.35">
      <c r="A7405" s="1" t="s">
        <v>28710</v>
      </c>
      <c r="B7405" s="1" t="s">
        <v>28015</v>
      </c>
      <c r="C7405" s="1" t="s">
        <v>65</v>
      </c>
      <c r="D7405" s="1" t="s">
        <v>165</v>
      </c>
      <c r="E7405" s="1" t="s">
        <v>28748</v>
      </c>
      <c r="F7405" s="1" t="s">
        <v>28749</v>
      </c>
      <c r="G7405" s="1" t="s">
        <v>28713</v>
      </c>
      <c r="H7405" s="1" t="s">
        <v>28714</v>
      </c>
      <c r="I7405" s="1" t="s">
        <v>28021</v>
      </c>
      <c r="J7405" s="1" t="s">
        <v>28750</v>
      </c>
    </row>
    <row r="7406" spans="1:10" x14ac:dyDescent="0.35">
      <c r="A7406" s="1" t="s">
        <v>28710</v>
      </c>
      <c r="B7406" s="1" t="s">
        <v>28015</v>
      </c>
      <c r="C7406" s="1" t="s">
        <v>70</v>
      </c>
      <c r="D7406" s="1" t="s">
        <v>28751</v>
      </c>
      <c r="E7406" s="1" t="s">
        <v>28752</v>
      </c>
      <c r="F7406" s="1" t="s">
        <v>28753</v>
      </c>
      <c r="G7406" s="1" t="s">
        <v>28713</v>
      </c>
      <c r="H7406" s="1" t="s">
        <v>28714</v>
      </c>
      <c r="I7406" s="1" t="s">
        <v>28021</v>
      </c>
      <c r="J7406" s="1" t="s">
        <v>28754</v>
      </c>
    </row>
    <row r="7407" spans="1:10" x14ac:dyDescent="0.35">
      <c r="A7407" s="1" t="s">
        <v>28710</v>
      </c>
      <c r="B7407" s="1" t="s">
        <v>28015</v>
      </c>
      <c r="C7407" s="1" t="s">
        <v>75</v>
      </c>
      <c r="D7407" s="1" t="s">
        <v>28755</v>
      </c>
      <c r="E7407" s="1" t="s">
        <v>28756</v>
      </c>
      <c r="F7407" s="1" t="s">
        <v>28757</v>
      </c>
      <c r="G7407" s="1" t="s">
        <v>28713</v>
      </c>
      <c r="H7407" s="1" t="s">
        <v>28714</v>
      </c>
      <c r="I7407" s="1" t="s">
        <v>28021</v>
      </c>
      <c r="J7407" s="1" t="s">
        <v>28758</v>
      </c>
    </row>
    <row r="7408" spans="1:10" x14ac:dyDescent="0.35">
      <c r="A7408" s="1" t="s">
        <v>28710</v>
      </c>
      <c r="B7408" s="1" t="s">
        <v>28015</v>
      </c>
      <c r="C7408" s="1" t="s">
        <v>80</v>
      </c>
      <c r="D7408" s="1" t="s">
        <v>28759</v>
      </c>
      <c r="E7408" s="1" t="s">
        <v>28760</v>
      </c>
      <c r="F7408" s="1" t="s">
        <v>28761</v>
      </c>
      <c r="G7408" s="1" t="s">
        <v>28713</v>
      </c>
      <c r="H7408" s="1" t="s">
        <v>28714</v>
      </c>
      <c r="I7408" s="1" t="s">
        <v>28021</v>
      </c>
      <c r="J7408" s="1" t="s">
        <v>28762</v>
      </c>
    </row>
    <row r="7409" spans="1:10" x14ac:dyDescent="0.35">
      <c r="A7409" s="1" t="s">
        <v>28710</v>
      </c>
      <c r="B7409" s="1" t="s">
        <v>28015</v>
      </c>
      <c r="C7409" s="1" t="s">
        <v>85</v>
      </c>
      <c r="D7409" s="1" t="s">
        <v>28763</v>
      </c>
      <c r="E7409" s="1" t="s">
        <v>28764</v>
      </c>
      <c r="F7409" s="1" t="s">
        <v>28765</v>
      </c>
      <c r="G7409" s="1" t="s">
        <v>28713</v>
      </c>
      <c r="H7409" s="1" t="s">
        <v>28714</v>
      </c>
      <c r="I7409" s="1" t="s">
        <v>28021</v>
      </c>
      <c r="J7409" s="1" t="s">
        <v>13034</v>
      </c>
    </row>
    <row r="7410" spans="1:10" x14ac:dyDescent="0.35">
      <c r="A7410" s="1" t="s">
        <v>28710</v>
      </c>
      <c r="B7410" s="1" t="s">
        <v>28015</v>
      </c>
      <c r="C7410" s="1" t="s">
        <v>90</v>
      </c>
      <c r="D7410" s="1" t="s">
        <v>28766</v>
      </c>
      <c r="E7410" s="1" t="s">
        <v>28767</v>
      </c>
      <c r="F7410" s="1" t="s">
        <v>28768</v>
      </c>
      <c r="G7410" s="1" t="s">
        <v>28713</v>
      </c>
      <c r="H7410" s="1" t="s">
        <v>28714</v>
      </c>
      <c r="I7410" s="1" t="s">
        <v>28021</v>
      </c>
      <c r="J7410" s="1" t="s">
        <v>28769</v>
      </c>
    </row>
    <row r="7411" spans="1:10" x14ac:dyDescent="0.35">
      <c r="A7411" s="1" t="s">
        <v>28710</v>
      </c>
      <c r="B7411" s="1" t="s">
        <v>28015</v>
      </c>
      <c r="C7411" s="1" t="s">
        <v>95</v>
      </c>
      <c r="D7411" s="1" t="s">
        <v>9171</v>
      </c>
      <c r="E7411" s="1" t="s">
        <v>28770</v>
      </c>
      <c r="F7411" s="1" t="s">
        <v>28771</v>
      </c>
      <c r="G7411" s="1" t="s">
        <v>28713</v>
      </c>
      <c r="H7411" s="1" t="s">
        <v>28714</v>
      </c>
      <c r="I7411" s="1" t="s">
        <v>28021</v>
      </c>
      <c r="J7411" s="1" t="s">
        <v>28772</v>
      </c>
    </row>
    <row r="7412" spans="1:10" x14ac:dyDescent="0.35">
      <c r="A7412" s="1" t="s">
        <v>28710</v>
      </c>
      <c r="B7412" s="1" t="s">
        <v>28015</v>
      </c>
      <c r="C7412" s="1" t="s">
        <v>100</v>
      </c>
      <c r="D7412" s="1" t="s">
        <v>28773</v>
      </c>
      <c r="E7412" s="1" t="s">
        <v>28774</v>
      </c>
      <c r="F7412" s="1" t="s">
        <v>28775</v>
      </c>
      <c r="G7412" s="1" t="s">
        <v>28713</v>
      </c>
      <c r="H7412" s="1" t="s">
        <v>28714</v>
      </c>
      <c r="I7412" s="1" t="s">
        <v>28021</v>
      </c>
      <c r="J7412" s="1" t="s">
        <v>28776</v>
      </c>
    </row>
    <row r="7413" spans="1:10" x14ac:dyDescent="0.35">
      <c r="A7413" s="1" t="s">
        <v>28710</v>
      </c>
      <c r="B7413" s="1" t="s">
        <v>28015</v>
      </c>
      <c r="C7413" s="1" t="s">
        <v>105</v>
      </c>
      <c r="D7413" s="1" t="s">
        <v>10114</v>
      </c>
      <c r="E7413" s="1" t="s">
        <v>28777</v>
      </c>
      <c r="F7413" s="1" t="s">
        <v>28778</v>
      </c>
      <c r="G7413" s="1" t="s">
        <v>28713</v>
      </c>
      <c r="H7413" s="1" t="s">
        <v>28714</v>
      </c>
      <c r="I7413" s="1" t="s">
        <v>28021</v>
      </c>
      <c r="J7413" s="1" t="s">
        <v>28779</v>
      </c>
    </row>
    <row r="7414" spans="1:10" x14ac:dyDescent="0.35">
      <c r="A7414" s="1" t="s">
        <v>28710</v>
      </c>
      <c r="B7414" s="1" t="s">
        <v>28015</v>
      </c>
      <c r="C7414" s="1" t="s">
        <v>110</v>
      </c>
      <c r="D7414" s="1" t="s">
        <v>28780</v>
      </c>
      <c r="E7414" s="1" t="s">
        <v>28781</v>
      </c>
      <c r="F7414" s="1" t="s">
        <v>28782</v>
      </c>
      <c r="G7414" s="1" t="s">
        <v>28713</v>
      </c>
      <c r="H7414" s="1" t="s">
        <v>28714</v>
      </c>
      <c r="I7414" s="1" t="s">
        <v>28021</v>
      </c>
      <c r="J7414" s="1" t="s">
        <v>28783</v>
      </c>
    </row>
    <row r="7415" spans="1:10" x14ac:dyDescent="0.35">
      <c r="A7415" s="1" t="s">
        <v>28710</v>
      </c>
      <c r="B7415" s="1" t="s">
        <v>28015</v>
      </c>
      <c r="C7415" s="1" t="s">
        <v>115</v>
      </c>
      <c r="D7415" s="1" t="s">
        <v>28784</v>
      </c>
      <c r="E7415" s="1" t="s">
        <v>28785</v>
      </c>
      <c r="F7415" s="1" t="s">
        <v>28786</v>
      </c>
      <c r="G7415" s="1" t="s">
        <v>28713</v>
      </c>
      <c r="H7415" s="1" t="s">
        <v>28714</v>
      </c>
      <c r="I7415" s="1" t="s">
        <v>28021</v>
      </c>
      <c r="J7415" s="1" t="s">
        <v>28787</v>
      </c>
    </row>
    <row r="7416" spans="1:10" x14ac:dyDescent="0.35">
      <c r="A7416" s="1" t="s">
        <v>28710</v>
      </c>
      <c r="B7416" s="1" t="s">
        <v>28015</v>
      </c>
      <c r="C7416" s="1" t="s">
        <v>120</v>
      </c>
      <c r="D7416" s="1" t="s">
        <v>2121</v>
      </c>
      <c r="E7416" s="1" t="s">
        <v>28788</v>
      </c>
      <c r="F7416" s="1" t="s">
        <v>28789</v>
      </c>
      <c r="G7416" s="1" t="s">
        <v>28713</v>
      </c>
      <c r="H7416" s="1" t="s">
        <v>28714</v>
      </c>
      <c r="I7416" s="1" t="s">
        <v>28021</v>
      </c>
      <c r="J7416" s="1" t="s">
        <v>28790</v>
      </c>
    </row>
    <row r="7417" spans="1:10" x14ac:dyDescent="0.35">
      <c r="A7417" s="1" t="s">
        <v>28710</v>
      </c>
      <c r="B7417" s="1" t="s">
        <v>28015</v>
      </c>
      <c r="C7417" s="1" t="s">
        <v>125</v>
      </c>
      <c r="D7417" s="1" t="s">
        <v>2137</v>
      </c>
      <c r="E7417" s="1" t="s">
        <v>28791</v>
      </c>
      <c r="F7417" s="1" t="s">
        <v>28792</v>
      </c>
      <c r="G7417" s="1" t="s">
        <v>28713</v>
      </c>
      <c r="H7417" s="1" t="s">
        <v>28714</v>
      </c>
      <c r="I7417" s="1" t="s">
        <v>28021</v>
      </c>
      <c r="J7417" s="1" t="s">
        <v>28793</v>
      </c>
    </row>
    <row r="7418" spans="1:10" x14ac:dyDescent="0.35">
      <c r="A7418" s="1" t="s">
        <v>28710</v>
      </c>
      <c r="B7418" s="1" t="s">
        <v>28015</v>
      </c>
      <c r="C7418" s="1" t="s">
        <v>130</v>
      </c>
      <c r="D7418" s="1" t="s">
        <v>28794</v>
      </c>
      <c r="E7418" s="1" t="s">
        <v>28795</v>
      </c>
      <c r="F7418" s="1" t="s">
        <v>28796</v>
      </c>
      <c r="G7418" s="1" t="s">
        <v>28713</v>
      </c>
      <c r="H7418" s="1" t="s">
        <v>28714</v>
      </c>
      <c r="I7418" s="1" t="s">
        <v>28021</v>
      </c>
      <c r="J7418" s="1" t="s">
        <v>28797</v>
      </c>
    </row>
    <row r="7419" spans="1:10" x14ac:dyDescent="0.35">
      <c r="A7419" s="1" t="s">
        <v>28710</v>
      </c>
      <c r="B7419" s="1" t="s">
        <v>28015</v>
      </c>
      <c r="C7419" s="1" t="s">
        <v>135</v>
      </c>
      <c r="D7419" s="1" t="s">
        <v>1727</v>
      </c>
      <c r="E7419" s="1" t="s">
        <v>28798</v>
      </c>
      <c r="F7419" s="1" t="s">
        <v>28799</v>
      </c>
      <c r="G7419" s="1" t="s">
        <v>28713</v>
      </c>
      <c r="H7419" s="1" t="s">
        <v>28714</v>
      </c>
      <c r="I7419" s="1" t="s">
        <v>28021</v>
      </c>
      <c r="J7419" s="1" t="s">
        <v>28800</v>
      </c>
    </row>
    <row r="7420" spans="1:10" x14ac:dyDescent="0.35">
      <c r="A7420" s="1" t="s">
        <v>28710</v>
      </c>
      <c r="B7420" s="1" t="s">
        <v>28015</v>
      </c>
      <c r="C7420" s="1" t="s">
        <v>140</v>
      </c>
      <c r="D7420" s="1" t="s">
        <v>28801</v>
      </c>
      <c r="E7420" s="1" t="s">
        <v>28802</v>
      </c>
      <c r="F7420" s="1" t="s">
        <v>28803</v>
      </c>
      <c r="G7420" s="1" t="s">
        <v>28713</v>
      </c>
      <c r="H7420" s="1" t="s">
        <v>28714</v>
      </c>
      <c r="I7420" s="1" t="s">
        <v>28021</v>
      </c>
      <c r="J7420" s="1" t="s">
        <v>28804</v>
      </c>
    </row>
    <row r="7421" spans="1:10" x14ac:dyDescent="0.35">
      <c r="A7421" s="1" t="s">
        <v>28710</v>
      </c>
      <c r="B7421" s="1" t="s">
        <v>28015</v>
      </c>
      <c r="C7421" s="1" t="s">
        <v>145</v>
      </c>
      <c r="D7421" s="1" t="s">
        <v>28805</v>
      </c>
      <c r="E7421" s="1" t="s">
        <v>28806</v>
      </c>
      <c r="F7421" s="1" t="s">
        <v>28807</v>
      </c>
      <c r="G7421" s="1" t="s">
        <v>28713</v>
      </c>
      <c r="H7421" s="1" t="s">
        <v>28714</v>
      </c>
      <c r="I7421" s="1" t="s">
        <v>28021</v>
      </c>
      <c r="J7421" s="1" t="s">
        <v>28808</v>
      </c>
    </row>
    <row r="7422" spans="1:10" x14ac:dyDescent="0.35">
      <c r="A7422" s="1" t="s">
        <v>28710</v>
      </c>
      <c r="B7422" s="1" t="s">
        <v>28015</v>
      </c>
      <c r="C7422" s="1" t="s">
        <v>150</v>
      </c>
      <c r="D7422" s="1" t="s">
        <v>28809</v>
      </c>
      <c r="E7422" s="1" t="s">
        <v>28810</v>
      </c>
      <c r="F7422" s="1" t="s">
        <v>28811</v>
      </c>
      <c r="G7422" s="1" t="s">
        <v>28713</v>
      </c>
      <c r="H7422" s="1" t="s">
        <v>28714</v>
      </c>
      <c r="I7422" s="1" t="s">
        <v>28021</v>
      </c>
      <c r="J7422" s="1" t="s">
        <v>12282</v>
      </c>
    </row>
    <row r="7423" spans="1:10" x14ac:dyDescent="0.35">
      <c r="A7423" s="1" t="s">
        <v>28710</v>
      </c>
      <c r="B7423" s="1" t="s">
        <v>28015</v>
      </c>
      <c r="C7423" s="1" t="s">
        <v>155</v>
      </c>
      <c r="D7423" s="1" t="s">
        <v>28812</v>
      </c>
      <c r="E7423" s="1" t="s">
        <v>28813</v>
      </c>
      <c r="F7423" s="1" t="s">
        <v>28814</v>
      </c>
      <c r="G7423" s="1" t="s">
        <v>28713</v>
      </c>
      <c r="H7423" s="1" t="s">
        <v>28714</v>
      </c>
      <c r="I7423" s="1" t="s">
        <v>28021</v>
      </c>
      <c r="J7423" s="1" t="s">
        <v>28815</v>
      </c>
    </row>
    <row r="7424" spans="1:10" x14ac:dyDescent="0.35">
      <c r="A7424" s="1" t="s">
        <v>28710</v>
      </c>
      <c r="B7424" s="1" t="s">
        <v>28015</v>
      </c>
      <c r="C7424" s="1" t="s">
        <v>160</v>
      </c>
      <c r="D7424" s="1" t="s">
        <v>28816</v>
      </c>
      <c r="E7424" s="1" t="s">
        <v>28817</v>
      </c>
      <c r="F7424" s="1" t="s">
        <v>28818</v>
      </c>
      <c r="G7424" s="1" t="s">
        <v>28713</v>
      </c>
      <c r="H7424" s="1" t="s">
        <v>28714</v>
      </c>
      <c r="I7424" s="1" t="s">
        <v>28021</v>
      </c>
      <c r="J7424" s="1" t="s">
        <v>28819</v>
      </c>
    </row>
    <row r="7425" spans="1:10" x14ac:dyDescent="0.35">
      <c r="A7425" s="1" t="s">
        <v>28710</v>
      </c>
      <c r="B7425" s="1" t="s">
        <v>28015</v>
      </c>
      <c r="C7425" s="1" t="s">
        <v>165</v>
      </c>
      <c r="D7425" s="1" t="s">
        <v>28820</v>
      </c>
      <c r="E7425" s="1" t="s">
        <v>28821</v>
      </c>
      <c r="F7425" s="1" t="s">
        <v>28822</v>
      </c>
      <c r="G7425" s="1" t="s">
        <v>28713</v>
      </c>
      <c r="H7425" s="1" t="s">
        <v>28714</v>
      </c>
      <c r="I7425" s="1" t="s">
        <v>28021</v>
      </c>
      <c r="J7425" s="1" t="s">
        <v>28823</v>
      </c>
    </row>
    <row r="7426" spans="1:10" x14ac:dyDescent="0.35">
      <c r="A7426" s="1" t="s">
        <v>28710</v>
      </c>
      <c r="B7426" s="1" t="s">
        <v>28015</v>
      </c>
      <c r="C7426" s="1" t="s">
        <v>170</v>
      </c>
      <c r="D7426" s="1" t="s">
        <v>28824</v>
      </c>
      <c r="E7426" s="1" t="s">
        <v>28825</v>
      </c>
      <c r="F7426" s="1" t="s">
        <v>28826</v>
      </c>
      <c r="G7426" s="1" t="s">
        <v>28713</v>
      </c>
      <c r="H7426" s="1" t="s">
        <v>28714</v>
      </c>
      <c r="I7426" s="1" t="s">
        <v>28021</v>
      </c>
      <c r="J7426" s="1" t="s">
        <v>28827</v>
      </c>
    </row>
    <row r="7427" spans="1:10" x14ac:dyDescent="0.35">
      <c r="A7427" s="1" t="s">
        <v>28828</v>
      </c>
      <c r="B7427" s="1" t="s">
        <v>28015</v>
      </c>
      <c r="C7427" s="1" t="s">
        <v>8</v>
      </c>
      <c r="D7427" s="1" t="s">
        <v>13899</v>
      </c>
      <c r="E7427" s="1" t="s">
        <v>28829</v>
      </c>
      <c r="F7427" s="1" t="s">
        <v>28830</v>
      </c>
      <c r="G7427" s="1" t="s">
        <v>28831</v>
      </c>
      <c r="H7427" s="1" t="s">
        <v>28832</v>
      </c>
      <c r="I7427" s="1" t="s">
        <v>28021</v>
      </c>
      <c r="J7427" s="1" t="s">
        <v>13</v>
      </c>
    </row>
    <row r="7428" spans="1:10" x14ac:dyDescent="0.35">
      <c r="A7428" s="1" t="s">
        <v>28828</v>
      </c>
      <c r="B7428" s="1" t="s">
        <v>28015</v>
      </c>
      <c r="C7428" s="1" t="s">
        <v>15</v>
      </c>
      <c r="D7428" s="1" t="s">
        <v>10522</v>
      </c>
      <c r="E7428" s="1" t="s">
        <v>28833</v>
      </c>
      <c r="F7428" s="1" t="s">
        <v>28834</v>
      </c>
      <c r="G7428" s="1" t="s">
        <v>28831</v>
      </c>
      <c r="H7428" s="1" t="s">
        <v>28832</v>
      </c>
      <c r="I7428" s="1" t="s">
        <v>28021</v>
      </c>
      <c r="J7428" s="1" t="s">
        <v>28835</v>
      </c>
    </row>
    <row r="7429" spans="1:10" x14ac:dyDescent="0.35">
      <c r="A7429" s="1" t="s">
        <v>28828</v>
      </c>
      <c r="B7429" s="1" t="s">
        <v>28015</v>
      </c>
      <c r="C7429" s="1" t="s">
        <v>20</v>
      </c>
      <c r="D7429" s="1" t="s">
        <v>4488</v>
      </c>
      <c r="E7429" s="1" t="s">
        <v>28836</v>
      </c>
      <c r="F7429" s="1" t="s">
        <v>28837</v>
      </c>
      <c r="G7429" s="1" t="s">
        <v>28831</v>
      </c>
      <c r="H7429" s="1" t="s">
        <v>28832</v>
      </c>
      <c r="I7429" s="1" t="s">
        <v>28021</v>
      </c>
      <c r="J7429" s="1" t="s">
        <v>28838</v>
      </c>
    </row>
    <row r="7430" spans="1:10" x14ac:dyDescent="0.35">
      <c r="A7430" s="1" t="s">
        <v>28828</v>
      </c>
      <c r="B7430" s="1" t="s">
        <v>28015</v>
      </c>
      <c r="C7430" s="1" t="s">
        <v>25</v>
      </c>
      <c r="D7430" s="1" t="s">
        <v>13877</v>
      </c>
      <c r="E7430" s="1" t="s">
        <v>28839</v>
      </c>
      <c r="F7430" s="1" t="s">
        <v>28840</v>
      </c>
      <c r="G7430" s="1" t="s">
        <v>28831</v>
      </c>
      <c r="H7430" s="1" t="s">
        <v>28832</v>
      </c>
      <c r="I7430" s="1" t="s">
        <v>28021</v>
      </c>
      <c r="J7430" s="1" t="s">
        <v>28841</v>
      </c>
    </row>
    <row r="7431" spans="1:10" x14ac:dyDescent="0.35">
      <c r="A7431" s="1" t="s">
        <v>28828</v>
      </c>
      <c r="B7431" s="1" t="s">
        <v>28015</v>
      </c>
      <c r="C7431" s="1" t="s">
        <v>30</v>
      </c>
      <c r="D7431" s="1" t="s">
        <v>28842</v>
      </c>
      <c r="E7431" s="1" t="s">
        <v>28843</v>
      </c>
      <c r="F7431" s="1" t="s">
        <v>28844</v>
      </c>
      <c r="G7431" s="1" t="s">
        <v>28831</v>
      </c>
      <c r="H7431" s="1" t="s">
        <v>28832</v>
      </c>
      <c r="I7431" s="1" t="s">
        <v>28021</v>
      </c>
      <c r="J7431" s="1" t="s">
        <v>28845</v>
      </c>
    </row>
    <row r="7432" spans="1:10" x14ac:dyDescent="0.35">
      <c r="A7432" s="1" t="s">
        <v>28828</v>
      </c>
      <c r="B7432" s="1" t="s">
        <v>28015</v>
      </c>
      <c r="C7432" s="1" t="s">
        <v>35</v>
      </c>
      <c r="D7432" s="1" t="s">
        <v>8409</v>
      </c>
      <c r="E7432" s="1" t="s">
        <v>28846</v>
      </c>
      <c r="F7432" s="1" t="s">
        <v>28847</v>
      </c>
      <c r="G7432" s="1" t="s">
        <v>28831</v>
      </c>
      <c r="H7432" s="1" t="s">
        <v>28832</v>
      </c>
      <c r="I7432" s="1" t="s">
        <v>28021</v>
      </c>
      <c r="J7432" s="1" t="s">
        <v>28848</v>
      </c>
    </row>
    <row r="7433" spans="1:10" x14ac:dyDescent="0.35">
      <c r="A7433" s="1" t="s">
        <v>28828</v>
      </c>
      <c r="B7433" s="1" t="s">
        <v>28015</v>
      </c>
      <c r="C7433" s="1" t="s">
        <v>40</v>
      </c>
      <c r="D7433" s="1" t="s">
        <v>28849</v>
      </c>
      <c r="E7433" s="1" t="s">
        <v>28850</v>
      </c>
      <c r="F7433" s="1" t="s">
        <v>28851</v>
      </c>
      <c r="G7433" s="1" t="s">
        <v>28831</v>
      </c>
      <c r="H7433" s="1" t="s">
        <v>28832</v>
      </c>
      <c r="I7433" s="1" t="s">
        <v>28021</v>
      </c>
      <c r="J7433" s="1" t="s">
        <v>28852</v>
      </c>
    </row>
    <row r="7434" spans="1:10" x14ac:dyDescent="0.35">
      <c r="A7434" s="1" t="s">
        <v>28828</v>
      </c>
      <c r="B7434" s="1" t="s">
        <v>28015</v>
      </c>
      <c r="C7434" s="1" t="s">
        <v>45</v>
      </c>
      <c r="D7434" s="1" t="s">
        <v>13214</v>
      </c>
      <c r="E7434" s="1" t="s">
        <v>28853</v>
      </c>
      <c r="F7434" s="1" t="s">
        <v>28854</v>
      </c>
      <c r="G7434" s="1" t="s">
        <v>28831</v>
      </c>
      <c r="H7434" s="1" t="s">
        <v>28832</v>
      </c>
      <c r="I7434" s="1" t="s">
        <v>28021</v>
      </c>
      <c r="J7434" s="1" t="s">
        <v>28855</v>
      </c>
    </row>
    <row r="7435" spans="1:10" x14ac:dyDescent="0.35">
      <c r="A7435" s="1" t="s">
        <v>28828</v>
      </c>
      <c r="B7435" s="1" t="s">
        <v>28015</v>
      </c>
      <c r="C7435" s="1" t="s">
        <v>50</v>
      </c>
      <c r="D7435" s="1" t="s">
        <v>13210</v>
      </c>
      <c r="E7435" s="1" t="s">
        <v>28856</v>
      </c>
      <c r="F7435" s="1" t="s">
        <v>28857</v>
      </c>
      <c r="G7435" s="1" t="s">
        <v>28831</v>
      </c>
      <c r="H7435" s="1" t="s">
        <v>28832</v>
      </c>
      <c r="I7435" s="1" t="s">
        <v>28021</v>
      </c>
      <c r="J7435" s="1" t="s">
        <v>28858</v>
      </c>
    </row>
    <row r="7436" spans="1:10" x14ac:dyDescent="0.35">
      <c r="A7436" s="1" t="s">
        <v>28828</v>
      </c>
      <c r="B7436" s="1" t="s">
        <v>28015</v>
      </c>
      <c r="C7436" s="1" t="s">
        <v>55</v>
      </c>
      <c r="D7436" s="1" t="s">
        <v>28859</v>
      </c>
      <c r="E7436" s="1" t="s">
        <v>28860</v>
      </c>
      <c r="F7436" s="1" t="s">
        <v>28861</v>
      </c>
      <c r="G7436" s="1" t="s">
        <v>28831</v>
      </c>
      <c r="H7436" s="1" t="s">
        <v>28832</v>
      </c>
      <c r="I7436" s="1" t="s">
        <v>28021</v>
      </c>
      <c r="J7436" s="1" t="s">
        <v>28862</v>
      </c>
    </row>
    <row r="7437" spans="1:10" x14ac:dyDescent="0.35">
      <c r="A7437" s="1" t="s">
        <v>28828</v>
      </c>
      <c r="B7437" s="1" t="s">
        <v>28015</v>
      </c>
      <c r="C7437" s="1" t="s">
        <v>60</v>
      </c>
      <c r="D7437" s="1" t="s">
        <v>25975</v>
      </c>
      <c r="E7437" s="1" t="s">
        <v>28863</v>
      </c>
      <c r="F7437" s="1" t="s">
        <v>28864</v>
      </c>
      <c r="G7437" s="1" t="s">
        <v>28831</v>
      </c>
      <c r="H7437" s="1" t="s">
        <v>28832</v>
      </c>
      <c r="I7437" s="1" t="s">
        <v>28021</v>
      </c>
      <c r="J7437" s="1" t="s">
        <v>28865</v>
      </c>
    </row>
    <row r="7438" spans="1:10" x14ac:dyDescent="0.35">
      <c r="A7438" s="1" t="s">
        <v>28828</v>
      </c>
      <c r="B7438" s="1" t="s">
        <v>28015</v>
      </c>
      <c r="C7438" s="1" t="s">
        <v>65</v>
      </c>
      <c r="D7438" s="1" t="s">
        <v>27937</v>
      </c>
      <c r="E7438" s="1" t="s">
        <v>28866</v>
      </c>
      <c r="F7438" s="1" t="s">
        <v>28867</v>
      </c>
      <c r="G7438" s="1" t="s">
        <v>28831</v>
      </c>
      <c r="H7438" s="1" t="s">
        <v>28832</v>
      </c>
      <c r="I7438" s="1" t="s">
        <v>28021</v>
      </c>
      <c r="J7438" s="1" t="s">
        <v>28868</v>
      </c>
    </row>
    <row r="7439" spans="1:10" x14ac:dyDescent="0.35">
      <c r="A7439" s="1" t="s">
        <v>28828</v>
      </c>
      <c r="B7439" s="1" t="s">
        <v>28015</v>
      </c>
      <c r="C7439" s="1" t="s">
        <v>70</v>
      </c>
      <c r="D7439" s="1" t="s">
        <v>13892</v>
      </c>
      <c r="E7439" s="1" t="s">
        <v>28869</v>
      </c>
      <c r="F7439" s="1" t="s">
        <v>28870</v>
      </c>
      <c r="G7439" s="1" t="s">
        <v>28831</v>
      </c>
      <c r="H7439" s="1" t="s">
        <v>28832</v>
      </c>
      <c r="I7439" s="1" t="s">
        <v>28021</v>
      </c>
      <c r="J7439" s="1" t="s">
        <v>28871</v>
      </c>
    </row>
    <row r="7440" spans="1:10" x14ac:dyDescent="0.35">
      <c r="A7440" s="1" t="s">
        <v>28828</v>
      </c>
      <c r="B7440" s="1" t="s">
        <v>28015</v>
      </c>
      <c r="C7440" s="1" t="s">
        <v>75</v>
      </c>
      <c r="D7440" s="1" t="s">
        <v>4341</v>
      </c>
      <c r="E7440" s="1" t="s">
        <v>28872</v>
      </c>
      <c r="F7440" s="1" t="s">
        <v>28873</v>
      </c>
      <c r="G7440" s="1" t="s">
        <v>28831</v>
      </c>
      <c r="H7440" s="1" t="s">
        <v>28832</v>
      </c>
      <c r="I7440" s="1" t="s">
        <v>28021</v>
      </c>
      <c r="J7440" s="1" t="s">
        <v>28874</v>
      </c>
    </row>
    <row r="7441" spans="1:10" x14ac:dyDescent="0.35">
      <c r="A7441" s="1" t="s">
        <v>28828</v>
      </c>
      <c r="B7441" s="1" t="s">
        <v>28015</v>
      </c>
      <c r="C7441" s="1" t="s">
        <v>80</v>
      </c>
      <c r="D7441" s="1" t="s">
        <v>28875</v>
      </c>
      <c r="E7441" s="1" t="s">
        <v>28876</v>
      </c>
      <c r="F7441" s="1" t="s">
        <v>28877</v>
      </c>
      <c r="G7441" s="1" t="s">
        <v>28831</v>
      </c>
      <c r="H7441" s="1" t="s">
        <v>28832</v>
      </c>
      <c r="I7441" s="1" t="s">
        <v>28021</v>
      </c>
      <c r="J7441" s="1" t="s">
        <v>28878</v>
      </c>
    </row>
    <row r="7442" spans="1:10" x14ac:dyDescent="0.35">
      <c r="A7442" s="1" t="s">
        <v>28828</v>
      </c>
      <c r="B7442" s="1" t="s">
        <v>28015</v>
      </c>
      <c r="C7442" s="1" t="s">
        <v>85</v>
      </c>
      <c r="D7442" s="1" t="s">
        <v>28879</v>
      </c>
      <c r="E7442" s="1" t="s">
        <v>28880</v>
      </c>
      <c r="F7442" s="1" t="s">
        <v>28881</v>
      </c>
      <c r="G7442" s="1" t="s">
        <v>28831</v>
      </c>
      <c r="H7442" s="1" t="s">
        <v>28832</v>
      </c>
      <c r="I7442" s="1" t="s">
        <v>28021</v>
      </c>
      <c r="J7442" s="1" t="s">
        <v>28882</v>
      </c>
    </row>
    <row r="7443" spans="1:10" x14ac:dyDescent="0.35">
      <c r="A7443" s="1" t="s">
        <v>28828</v>
      </c>
      <c r="B7443" s="1" t="s">
        <v>28015</v>
      </c>
      <c r="C7443" s="1" t="s">
        <v>90</v>
      </c>
      <c r="D7443" s="1" t="s">
        <v>50</v>
      </c>
      <c r="E7443" s="1" t="s">
        <v>28883</v>
      </c>
      <c r="F7443" s="1" t="s">
        <v>28884</v>
      </c>
      <c r="G7443" s="1" t="s">
        <v>28831</v>
      </c>
      <c r="H7443" s="1" t="s">
        <v>28832</v>
      </c>
      <c r="I7443" s="1" t="s">
        <v>28021</v>
      </c>
      <c r="J7443" s="1" t="s">
        <v>28885</v>
      </c>
    </row>
    <row r="7444" spans="1:10" x14ac:dyDescent="0.35">
      <c r="A7444" s="1" t="s">
        <v>28828</v>
      </c>
      <c r="B7444" s="1" t="s">
        <v>28015</v>
      </c>
      <c r="C7444" s="1" t="s">
        <v>95</v>
      </c>
      <c r="D7444" s="1" t="s">
        <v>28886</v>
      </c>
      <c r="E7444" s="1" t="s">
        <v>28887</v>
      </c>
      <c r="F7444" s="1" t="s">
        <v>28888</v>
      </c>
      <c r="G7444" s="1" t="s">
        <v>28831</v>
      </c>
      <c r="H7444" s="1" t="s">
        <v>28832</v>
      </c>
      <c r="I7444" s="1" t="s">
        <v>28021</v>
      </c>
      <c r="J7444" s="1" t="s">
        <v>28889</v>
      </c>
    </row>
    <row r="7445" spans="1:10" x14ac:dyDescent="0.35">
      <c r="A7445" s="1" t="s">
        <v>28828</v>
      </c>
      <c r="B7445" s="1" t="s">
        <v>28015</v>
      </c>
      <c r="C7445" s="1" t="s">
        <v>100</v>
      </c>
      <c r="D7445" s="1" t="s">
        <v>11040</v>
      </c>
      <c r="E7445" s="1" t="s">
        <v>28890</v>
      </c>
      <c r="F7445" s="1" t="s">
        <v>28891</v>
      </c>
      <c r="G7445" s="1" t="s">
        <v>28831</v>
      </c>
      <c r="H7445" s="1" t="s">
        <v>28832</v>
      </c>
      <c r="I7445" s="1" t="s">
        <v>28021</v>
      </c>
      <c r="J7445" s="1" t="s">
        <v>28892</v>
      </c>
    </row>
    <row r="7446" spans="1:10" x14ac:dyDescent="0.35">
      <c r="A7446" s="1" t="s">
        <v>28828</v>
      </c>
      <c r="B7446" s="1" t="s">
        <v>28015</v>
      </c>
      <c r="C7446" s="1" t="s">
        <v>105</v>
      </c>
      <c r="D7446" s="1" t="s">
        <v>4013</v>
      </c>
      <c r="E7446" s="1" t="s">
        <v>28893</v>
      </c>
      <c r="F7446" s="1" t="s">
        <v>28894</v>
      </c>
      <c r="G7446" s="1" t="s">
        <v>28831</v>
      </c>
      <c r="H7446" s="1" t="s">
        <v>28832</v>
      </c>
      <c r="I7446" s="1" t="s">
        <v>28021</v>
      </c>
      <c r="J7446" s="1" t="s">
        <v>28895</v>
      </c>
    </row>
    <row r="7447" spans="1:10" x14ac:dyDescent="0.35">
      <c r="A7447" s="1" t="s">
        <v>28828</v>
      </c>
      <c r="B7447" s="1" t="s">
        <v>28015</v>
      </c>
      <c r="C7447" s="1" t="s">
        <v>110</v>
      </c>
      <c r="D7447" s="1" t="s">
        <v>8299</v>
      </c>
      <c r="E7447" s="1" t="s">
        <v>28896</v>
      </c>
      <c r="F7447" s="1" t="s">
        <v>28897</v>
      </c>
      <c r="G7447" s="1" t="s">
        <v>28831</v>
      </c>
      <c r="H7447" s="1" t="s">
        <v>28832</v>
      </c>
      <c r="I7447" s="1" t="s">
        <v>28021</v>
      </c>
      <c r="J7447" s="1" t="s">
        <v>28898</v>
      </c>
    </row>
    <row r="7448" spans="1:10" x14ac:dyDescent="0.35">
      <c r="A7448" s="1" t="s">
        <v>28828</v>
      </c>
      <c r="B7448" s="1" t="s">
        <v>28015</v>
      </c>
      <c r="C7448" s="1" t="s">
        <v>115</v>
      </c>
      <c r="D7448" s="1" t="s">
        <v>25239</v>
      </c>
      <c r="E7448" s="1" t="s">
        <v>28899</v>
      </c>
      <c r="F7448" s="1" t="s">
        <v>28900</v>
      </c>
      <c r="G7448" s="1" t="s">
        <v>28831</v>
      </c>
      <c r="H7448" s="1" t="s">
        <v>28832</v>
      </c>
      <c r="I7448" s="1" t="s">
        <v>28021</v>
      </c>
      <c r="J7448" s="1" t="s">
        <v>28901</v>
      </c>
    </row>
    <row r="7449" spans="1:10" x14ac:dyDescent="0.35">
      <c r="A7449" s="1" t="s">
        <v>28828</v>
      </c>
      <c r="B7449" s="1" t="s">
        <v>28015</v>
      </c>
      <c r="C7449" s="1" t="s">
        <v>120</v>
      </c>
      <c r="D7449" s="1" t="s">
        <v>28902</v>
      </c>
      <c r="E7449" s="1" t="s">
        <v>28903</v>
      </c>
      <c r="F7449" s="1" t="s">
        <v>28904</v>
      </c>
      <c r="G7449" s="1" t="s">
        <v>28831</v>
      </c>
      <c r="H7449" s="1" t="s">
        <v>28832</v>
      </c>
      <c r="I7449" s="1" t="s">
        <v>28021</v>
      </c>
      <c r="J7449" s="1" t="s">
        <v>28905</v>
      </c>
    </row>
    <row r="7450" spans="1:10" x14ac:dyDescent="0.35">
      <c r="A7450" s="1" t="s">
        <v>28828</v>
      </c>
      <c r="B7450" s="1" t="s">
        <v>28015</v>
      </c>
      <c r="C7450" s="1" t="s">
        <v>125</v>
      </c>
      <c r="D7450" s="1" t="s">
        <v>8901</v>
      </c>
      <c r="E7450" s="1" t="s">
        <v>28906</v>
      </c>
      <c r="F7450" s="1" t="s">
        <v>28907</v>
      </c>
      <c r="G7450" s="1" t="s">
        <v>28831</v>
      </c>
      <c r="H7450" s="1" t="s">
        <v>28832</v>
      </c>
      <c r="I7450" s="1" t="s">
        <v>28021</v>
      </c>
      <c r="J7450" s="1" t="s">
        <v>28908</v>
      </c>
    </row>
    <row r="7451" spans="1:10" x14ac:dyDescent="0.35">
      <c r="A7451" s="1" t="s">
        <v>28828</v>
      </c>
      <c r="B7451" s="1" t="s">
        <v>28015</v>
      </c>
      <c r="C7451" s="1" t="s">
        <v>130</v>
      </c>
      <c r="D7451" s="1" t="s">
        <v>2075</v>
      </c>
      <c r="E7451" s="1" t="s">
        <v>28909</v>
      </c>
      <c r="F7451" s="1" t="s">
        <v>28910</v>
      </c>
      <c r="G7451" s="1" t="s">
        <v>28831</v>
      </c>
      <c r="H7451" s="1" t="s">
        <v>28832</v>
      </c>
      <c r="I7451" s="1" t="s">
        <v>28021</v>
      </c>
      <c r="J7451" s="1" t="s">
        <v>28911</v>
      </c>
    </row>
    <row r="7452" spans="1:10" x14ac:dyDescent="0.35">
      <c r="A7452" s="1" t="s">
        <v>28828</v>
      </c>
      <c r="B7452" s="1" t="s">
        <v>28015</v>
      </c>
      <c r="C7452" s="1" t="s">
        <v>135</v>
      </c>
      <c r="D7452" s="1" t="s">
        <v>28912</v>
      </c>
      <c r="E7452" s="1" t="s">
        <v>28913</v>
      </c>
      <c r="F7452" s="1" t="s">
        <v>28914</v>
      </c>
      <c r="G7452" s="1" t="s">
        <v>28831</v>
      </c>
      <c r="H7452" s="1" t="s">
        <v>28832</v>
      </c>
      <c r="I7452" s="1" t="s">
        <v>28021</v>
      </c>
      <c r="J7452" s="1" t="s">
        <v>28915</v>
      </c>
    </row>
    <row r="7453" spans="1:10" x14ac:dyDescent="0.35">
      <c r="A7453" s="1" t="s">
        <v>28828</v>
      </c>
      <c r="B7453" s="1" t="s">
        <v>28015</v>
      </c>
      <c r="C7453" s="1" t="s">
        <v>140</v>
      </c>
      <c r="D7453" s="1" t="s">
        <v>1584</v>
      </c>
      <c r="E7453" s="1" t="s">
        <v>28916</v>
      </c>
      <c r="F7453" s="1" t="s">
        <v>28917</v>
      </c>
      <c r="G7453" s="1" t="s">
        <v>28831</v>
      </c>
      <c r="H7453" s="1" t="s">
        <v>28832</v>
      </c>
      <c r="I7453" s="1" t="s">
        <v>28021</v>
      </c>
      <c r="J7453" s="1" t="s">
        <v>28918</v>
      </c>
    </row>
    <row r="7454" spans="1:10" x14ac:dyDescent="0.35">
      <c r="A7454" s="1" t="s">
        <v>28828</v>
      </c>
      <c r="B7454" s="1" t="s">
        <v>28015</v>
      </c>
      <c r="C7454" s="1" t="s">
        <v>145</v>
      </c>
      <c r="D7454" s="1" t="s">
        <v>28919</v>
      </c>
      <c r="E7454" s="1" t="s">
        <v>28920</v>
      </c>
      <c r="F7454" s="1" t="s">
        <v>28921</v>
      </c>
      <c r="G7454" s="1" t="s">
        <v>28831</v>
      </c>
      <c r="H7454" s="1" t="s">
        <v>28832</v>
      </c>
      <c r="I7454" s="1" t="s">
        <v>28021</v>
      </c>
      <c r="J7454" s="1" t="s">
        <v>28922</v>
      </c>
    </row>
    <row r="7455" spans="1:10" x14ac:dyDescent="0.35">
      <c r="A7455" s="1" t="s">
        <v>28828</v>
      </c>
      <c r="B7455" s="1" t="s">
        <v>28015</v>
      </c>
      <c r="C7455" s="1" t="s">
        <v>150</v>
      </c>
      <c r="D7455" s="1" t="s">
        <v>6535</v>
      </c>
      <c r="E7455" s="1" t="s">
        <v>28923</v>
      </c>
      <c r="F7455" s="1" t="s">
        <v>28924</v>
      </c>
      <c r="G7455" s="1" t="s">
        <v>28831</v>
      </c>
      <c r="H7455" s="1" t="s">
        <v>28832</v>
      </c>
      <c r="I7455" s="1" t="s">
        <v>28021</v>
      </c>
      <c r="J7455" s="1" t="s">
        <v>28925</v>
      </c>
    </row>
    <row r="7456" spans="1:10" x14ac:dyDescent="0.35">
      <c r="A7456" s="1" t="s">
        <v>28828</v>
      </c>
      <c r="B7456" s="1" t="s">
        <v>28015</v>
      </c>
      <c r="C7456" s="1" t="s">
        <v>155</v>
      </c>
      <c r="D7456" s="1" t="s">
        <v>2905</v>
      </c>
      <c r="E7456" s="1" t="s">
        <v>28926</v>
      </c>
      <c r="F7456" s="1" t="s">
        <v>28927</v>
      </c>
      <c r="G7456" s="1" t="s">
        <v>28831</v>
      </c>
      <c r="H7456" s="1" t="s">
        <v>28832</v>
      </c>
      <c r="I7456" s="1" t="s">
        <v>28021</v>
      </c>
      <c r="J7456" s="1" t="s">
        <v>28928</v>
      </c>
    </row>
    <row r="7457" spans="1:10" x14ac:dyDescent="0.35">
      <c r="A7457" s="1" t="s">
        <v>28828</v>
      </c>
      <c r="B7457" s="1" t="s">
        <v>28015</v>
      </c>
      <c r="C7457" s="1" t="s">
        <v>160</v>
      </c>
      <c r="D7457" s="1" t="s">
        <v>28929</v>
      </c>
      <c r="E7457" s="1" t="s">
        <v>28930</v>
      </c>
      <c r="F7457" s="1" t="s">
        <v>28931</v>
      </c>
      <c r="G7457" s="1" t="s">
        <v>28831</v>
      </c>
      <c r="H7457" s="1" t="s">
        <v>28832</v>
      </c>
      <c r="I7457" s="1" t="s">
        <v>28021</v>
      </c>
      <c r="J7457" s="1" t="s">
        <v>28932</v>
      </c>
    </row>
    <row r="7458" spans="1:10" x14ac:dyDescent="0.35">
      <c r="A7458" s="1" t="s">
        <v>28828</v>
      </c>
      <c r="B7458" s="1" t="s">
        <v>28015</v>
      </c>
      <c r="C7458" s="1" t="s">
        <v>165</v>
      </c>
      <c r="D7458" s="1" t="s">
        <v>28933</v>
      </c>
      <c r="E7458" s="1" t="s">
        <v>28934</v>
      </c>
      <c r="F7458" s="1" t="s">
        <v>28935</v>
      </c>
      <c r="G7458" s="1" t="s">
        <v>28831</v>
      </c>
      <c r="H7458" s="1" t="s">
        <v>28832</v>
      </c>
      <c r="I7458" s="1" t="s">
        <v>28021</v>
      </c>
      <c r="J7458" s="1" t="s">
        <v>28936</v>
      </c>
    </row>
    <row r="7459" spans="1:10" x14ac:dyDescent="0.35">
      <c r="A7459" s="1" t="s">
        <v>28828</v>
      </c>
      <c r="B7459" s="1" t="s">
        <v>28015</v>
      </c>
      <c r="C7459" s="1" t="s">
        <v>170</v>
      </c>
      <c r="D7459" s="1" t="s">
        <v>15871</v>
      </c>
      <c r="E7459" s="1" t="s">
        <v>28937</v>
      </c>
      <c r="F7459" s="1" t="s">
        <v>28938</v>
      </c>
      <c r="G7459" s="1" t="s">
        <v>28831</v>
      </c>
      <c r="H7459" s="1" t="s">
        <v>28832</v>
      </c>
      <c r="I7459" s="1" t="s">
        <v>28021</v>
      </c>
      <c r="J7459" s="1" t="s">
        <v>28939</v>
      </c>
    </row>
    <row r="7460" spans="1:10" x14ac:dyDescent="0.35">
      <c r="A7460" s="1" t="s">
        <v>28940</v>
      </c>
      <c r="B7460" s="1" t="s">
        <v>28015</v>
      </c>
      <c r="C7460" s="1" t="s">
        <v>8</v>
      </c>
      <c r="D7460" s="1" t="s">
        <v>9316</v>
      </c>
      <c r="E7460" s="1" t="s">
        <v>28941</v>
      </c>
      <c r="F7460" s="1" t="s">
        <v>28942</v>
      </c>
      <c r="G7460" s="1" t="s">
        <v>28943</v>
      </c>
      <c r="H7460" s="1" t="s">
        <v>28944</v>
      </c>
      <c r="I7460" s="1" t="s">
        <v>28021</v>
      </c>
      <c r="J7460" s="1" t="s">
        <v>13</v>
      </c>
    </row>
    <row r="7461" spans="1:10" x14ac:dyDescent="0.35">
      <c r="A7461" s="1" t="s">
        <v>28940</v>
      </c>
      <c r="B7461" s="1" t="s">
        <v>28015</v>
      </c>
      <c r="C7461" s="1" t="s">
        <v>15</v>
      </c>
      <c r="D7461" s="1" t="s">
        <v>28945</v>
      </c>
      <c r="E7461" s="1" t="s">
        <v>28946</v>
      </c>
      <c r="F7461" s="1" t="s">
        <v>28947</v>
      </c>
      <c r="G7461" s="1" t="s">
        <v>28943</v>
      </c>
      <c r="H7461" s="1" t="s">
        <v>28944</v>
      </c>
      <c r="I7461" s="1" t="s">
        <v>28021</v>
      </c>
      <c r="J7461" s="1" t="s">
        <v>28948</v>
      </c>
    </row>
    <row r="7462" spans="1:10" x14ac:dyDescent="0.35">
      <c r="A7462" s="1" t="s">
        <v>28940</v>
      </c>
      <c r="B7462" s="1" t="s">
        <v>28015</v>
      </c>
      <c r="C7462" s="1" t="s">
        <v>20</v>
      </c>
      <c r="D7462" s="1" t="s">
        <v>4520</v>
      </c>
      <c r="E7462" s="1" t="s">
        <v>28949</v>
      </c>
      <c r="F7462" s="1" t="s">
        <v>28950</v>
      </c>
      <c r="G7462" s="1" t="s">
        <v>28943</v>
      </c>
      <c r="H7462" s="1" t="s">
        <v>28944</v>
      </c>
      <c r="I7462" s="1" t="s">
        <v>28021</v>
      </c>
      <c r="J7462" s="1" t="s">
        <v>28951</v>
      </c>
    </row>
    <row r="7463" spans="1:10" x14ac:dyDescent="0.35">
      <c r="A7463" s="1" t="s">
        <v>28940</v>
      </c>
      <c r="B7463" s="1" t="s">
        <v>28015</v>
      </c>
      <c r="C7463" s="1" t="s">
        <v>25</v>
      </c>
      <c r="D7463" s="1" t="s">
        <v>9382</v>
      </c>
      <c r="E7463" s="1" t="s">
        <v>28952</v>
      </c>
      <c r="F7463" s="1" t="s">
        <v>28953</v>
      </c>
      <c r="G7463" s="1" t="s">
        <v>28943</v>
      </c>
      <c r="H7463" s="1" t="s">
        <v>28944</v>
      </c>
      <c r="I7463" s="1" t="s">
        <v>28021</v>
      </c>
      <c r="J7463" s="1" t="s">
        <v>28954</v>
      </c>
    </row>
    <row r="7464" spans="1:10" x14ac:dyDescent="0.35">
      <c r="A7464" s="1" t="s">
        <v>28940</v>
      </c>
      <c r="B7464" s="1" t="s">
        <v>28015</v>
      </c>
      <c r="C7464" s="1" t="s">
        <v>30</v>
      </c>
      <c r="D7464" s="1" t="s">
        <v>13899</v>
      </c>
      <c r="E7464" s="1" t="s">
        <v>28955</v>
      </c>
      <c r="F7464" s="1" t="s">
        <v>28956</v>
      </c>
      <c r="G7464" s="1" t="s">
        <v>28943</v>
      </c>
      <c r="H7464" s="1" t="s">
        <v>28944</v>
      </c>
      <c r="I7464" s="1" t="s">
        <v>28021</v>
      </c>
      <c r="J7464" s="1" t="s">
        <v>28957</v>
      </c>
    </row>
    <row r="7465" spans="1:10" x14ac:dyDescent="0.35">
      <c r="A7465" s="1" t="s">
        <v>28940</v>
      </c>
      <c r="B7465" s="1" t="s">
        <v>28015</v>
      </c>
      <c r="C7465" s="1" t="s">
        <v>35</v>
      </c>
      <c r="D7465" s="1" t="s">
        <v>28958</v>
      </c>
      <c r="E7465" s="1" t="s">
        <v>28959</v>
      </c>
      <c r="F7465" s="1" t="s">
        <v>28960</v>
      </c>
      <c r="G7465" s="1" t="s">
        <v>28943</v>
      </c>
      <c r="H7465" s="1" t="s">
        <v>28944</v>
      </c>
      <c r="I7465" s="1" t="s">
        <v>28021</v>
      </c>
      <c r="J7465" s="1" t="s">
        <v>28961</v>
      </c>
    </row>
    <row r="7466" spans="1:10" x14ac:dyDescent="0.35">
      <c r="A7466" s="1" t="s">
        <v>28940</v>
      </c>
      <c r="B7466" s="1" t="s">
        <v>28015</v>
      </c>
      <c r="C7466" s="1" t="s">
        <v>40</v>
      </c>
      <c r="D7466" s="1" t="s">
        <v>25478</v>
      </c>
      <c r="E7466" s="1" t="s">
        <v>11835</v>
      </c>
      <c r="F7466" s="1" t="s">
        <v>28962</v>
      </c>
      <c r="G7466" s="1" t="s">
        <v>28943</v>
      </c>
      <c r="H7466" s="1" t="s">
        <v>28944</v>
      </c>
      <c r="I7466" s="1" t="s">
        <v>28021</v>
      </c>
      <c r="J7466" s="1" t="s">
        <v>28963</v>
      </c>
    </row>
    <row r="7467" spans="1:10" x14ac:dyDescent="0.35">
      <c r="A7467" s="1" t="s">
        <v>28940</v>
      </c>
      <c r="B7467" s="1" t="s">
        <v>28015</v>
      </c>
      <c r="C7467" s="1" t="s">
        <v>45</v>
      </c>
      <c r="D7467" s="1" t="s">
        <v>8510</v>
      </c>
      <c r="E7467" s="1" t="s">
        <v>28964</v>
      </c>
      <c r="F7467" s="1" t="s">
        <v>28965</v>
      </c>
      <c r="G7467" s="1" t="s">
        <v>28943</v>
      </c>
      <c r="H7467" s="1" t="s">
        <v>28944</v>
      </c>
      <c r="I7467" s="1" t="s">
        <v>28021</v>
      </c>
      <c r="J7467" s="1" t="s">
        <v>28966</v>
      </c>
    </row>
    <row r="7468" spans="1:10" x14ac:dyDescent="0.35">
      <c r="A7468" s="1" t="s">
        <v>28940</v>
      </c>
      <c r="B7468" s="1" t="s">
        <v>28015</v>
      </c>
      <c r="C7468" s="1" t="s">
        <v>50</v>
      </c>
      <c r="D7468" s="1" t="s">
        <v>11061</v>
      </c>
      <c r="E7468" s="1" t="s">
        <v>28033</v>
      </c>
      <c r="F7468" s="1" t="s">
        <v>28967</v>
      </c>
      <c r="G7468" s="1" t="s">
        <v>28943</v>
      </c>
      <c r="H7468" s="1" t="s">
        <v>28944</v>
      </c>
      <c r="I7468" s="1" t="s">
        <v>28021</v>
      </c>
      <c r="J7468" s="1" t="s">
        <v>28968</v>
      </c>
    </row>
    <row r="7469" spans="1:10" x14ac:dyDescent="0.35">
      <c r="A7469" s="1" t="s">
        <v>28940</v>
      </c>
      <c r="B7469" s="1" t="s">
        <v>28015</v>
      </c>
      <c r="C7469" s="1" t="s">
        <v>55</v>
      </c>
      <c r="D7469" s="1" t="s">
        <v>28728</v>
      </c>
      <c r="E7469" s="1" t="s">
        <v>28969</v>
      </c>
      <c r="F7469" s="1" t="s">
        <v>28970</v>
      </c>
      <c r="G7469" s="1" t="s">
        <v>28943</v>
      </c>
      <c r="H7469" s="1" t="s">
        <v>28944</v>
      </c>
      <c r="I7469" s="1" t="s">
        <v>28021</v>
      </c>
      <c r="J7469" s="1" t="s">
        <v>28971</v>
      </c>
    </row>
    <row r="7470" spans="1:10" x14ac:dyDescent="0.35">
      <c r="A7470" s="1" t="s">
        <v>28940</v>
      </c>
      <c r="B7470" s="1" t="s">
        <v>28015</v>
      </c>
      <c r="C7470" s="1" t="s">
        <v>60</v>
      </c>
      <c r="D7470" s="1" t="s">
        <v>27898</v>
      </c>
      <c r="E7470" s="1" t="s">
        <v>28972</v>
      </c>
      <c r="F7470" s="1" t="s">
        <v>28973</v>
      </c>
      <c r="G7470" s="1" t="s">
        <v>28943</v>
      </c>
      <c r="H7470" s="1" t="s">
        <v>28944</v>
      </c>
      <c r="I7470" s="1" t="s">
        <v>28021</v>
      </c>
      <c r="J7470" s="1" t="s">
        <v>28974</v>
      </c>
    </row>
    <row r="7471" spans="1:10" x14ac:dyDescent="0.35">
      <c r="A7471" s="1" t="s">
        <v>28940</v>
      </c>
      <c r="B7471" s="1" t="s">
        <v>28015</v>
      </c>
      <c r="C7471" s="1" t="s">
        <v>65</v>
      </c>
      <c r="D7471" s="1" t="s">
        <v>5681</v>
      </c>
      <c r="E7471" s="1" t="s">
        <v>28975</v>
      </c>
      <c r="F7471" s="1" t="s">
        <v>28976</v>
      </c>
      <c r="G7471" s="1" t="s">
        <v>28943</v>
      </c>
      <c r="H7471" s="1" t="s">
        <v>28944</v>
      </c>
      <c r="I7471" s="1" t="s">
        <v>28021</v>
      </c>
      <c r="J7471" s="1" t="s">
        <v>28977</v>
      </c>
    </row>
    <row r="7472" spans="1:10" x14ac:dyDescent="0.35">
      <c r="A7472" s="1" t="s">
        <v>28940</v>
      </c>
      <c r="B7472" s="1" t="s">
        <v>28015</v>
      </c>
      <c r="C7472" s="1" t="s">
        <v>70</v>
      </c>
      <c r="D7472" s="1" t="s">
        <v>5502</v>
      </c>
      <c r="E7472" s="1" t="s">
        <v>28978</v>
      </c>
      <c r="F7472" s="1" t="s">
        <v>28979</v>
      </c>
      <c r="G7472" s="1" t="s">
        <v>28943</v>
      </c>
      <c r="H7472" s="1" t="s">
        <v>28944</v>
      </c>
      <c r="I7472" s="1" t="s">
        <v>28021</v>
      </c>
      <c r="J7472" s="1" t="s">
        <v>28980</v>
      </c>
    </row>
    <row r="7473" spans="1:10" x14ac:dyDescent="0.35">
      <c r="A7473" s="1" t="s">
        <v>28940</v>
      </c>
      <c r="B7473" s="1" t="s">
        <v>28015</v>
      </c>
      <c r="C7473" s="1" t="s">
        <v>75</v>
      </c>
      <c r="D7473" s="1" t="s">
        <v>14013</v>
      </c>
      <c r="E7473" s="1" t="s">
        <v>28229</v>
      </c>
      <c r="F7473" s="1" t="s">
        <v>28981</v>
      </c>
      <c r="G7473" s="1" t="s">
        <v>28943</v>
      </c>
      <c r="H7473" s="1" t="s">
        <v>28944</v>
      </c>
      <c r="I7473" s="1" t="s">
        <v>28021</v>
      </c>
      <c r="J7473" s="1" t="s">
        <v>28982</v>
      </c>
    </row>
    <row r="7474" spans="1:10" x14ac:dyDescent="0.35">
      <c r="A7474" s="1" t="s">
        <v>28940</v>
      </c>
      <c r="B7474" s="1" t="s">
        <v>28015</v>
      </c>
      <c r="C7474" s="1" t="s">
        <v>80</v>
      </c>
      <c r="D7474" s="1" t="s">
        <v>10262</v>
      </c>
      <c r="E7474" s="1" t="s">
        <v>28263</v>
      </c>
      <c r="F7474" s="1" t="s">
        <v>28983</v>
      </c>
      <c r="G7474" s="1" t="s">
        <v>28943</v>
      </c>
      <c r="H7474" s="1" t="s">
        <v>28944</v>
      </c>
      <c r="I7474" s="1" t="s">
        <v>28021</v>
      </c>
      <c r="J7474" s="1" t="s">
        <v>28984</v>
      </c>
    </row>
    <row r="7475" spans="1:10" x14ac:dyDescent="0.35">
      <c r="A7475" s="1" t="s">
        <v>28940</v>
      </c>
      <c r="B7475" s="1" t="s">
        <v>28015</v>
      </c>
      <c r="C7475" s="1" t="s">
        <v>85</v>
      </c>
      <c r="D7475" s="1" t="s">
        <v>28985</v>
      </c>
      <c r="E7475" s="1" t="s">
        <v>28207</v>
      </c>
      <c r="F7475" s="1" t="s">
        <v>28986</v>
      </c>
      <c r="G7475" s="1" t="s">
        <v>28943</v>
      </c>
      <c r="H7475" s="1" t="s">
        <v>28944</v>
      </c>
      <c r="I7475" s="1" t="s">
        <v>28021</v>
      </c>
      <c r="J7475" s="1" t="s">
        <v>28987</v>
      </c>
    </row>
    <row r="7476" spans="1:10" x14ac:dyDescent="0.35">
      <c r="A7476" s="1" t="s">
        <v>28940</v>
      </c>
      <c r="B7476" s="1" t="s">
        <v>28015</v>
      </c>
      <c r="C7476" s="1" t="s">
        <v>90</v>
      </c>
      <c r="D7476" s="1" t="s">
        <v>2055</v>
      </c>
      <c r="E7476" s="1" t="s">
        <v>28988</v>
      </c>
      <c r="F7476" s="1" t="s">
        <v>28989</v>
      </c>
      <c r="G7476" s="1" t="s">
        <v>28943</v>
      </c>
      <c r="H7476" s="1" t="s">
        <v>28944</v>
      </c>
      <c r="I7476" s="1" t="s">
        <v>28021</v>
      </c>
      <c r="J7476" s="1" t="s">
        <v>28990</v>
      </c>
    </row>
    <row r="7477" spans="1:10" x14ac:dyDescent="0.35">
      <c r="A7477" s="1" t="s">
        <v>28940</v>
      </c>
      <c r="B7477" s="1" t="s">
        <v>28015</v>
      </c>
      <c r="C7477" s="1" t="s">
        <v>95</v>
      </c>
      <c r="D7477" s="1" t="s">
        <v>10043</v>
      </c>
      <c r="E7477" s="1" t="s">
        <v>28991</v>
      </c>
      <c r="F7477" s="1" t="s">
        <v>28992</v>
      </c>
      <c r="G7477" s="1" t="s">
        <v>28943</v>
      </c>
      <c r="H7477" s="1" t="s">
        <v>28944</v>
      </c>
      <c r="I7477" s="1" t="s">
        <v>28021</v>
      </c>
      <c r="J7477" s="1" t="s">
        <v>28993</v>
      </c>
    </row>
    <row r="7478" spans="1:10" x14ac:dyDescent="0.35">
      <c r="A7478" s="1" t="s">
        <v>28940</v>
      </c>
      <c r="B7478" s="1" t="s">
        <v>28015</v>
      </c>
      <c r="C7478" s="1" t="s">
        <v>100</v>
      </c>
      <c r="D7478" s="1" t="s">
        <v>28994</v>
      </c>
      <c r="E7478" s="1" t="s">
        <v>28995</v>
      </c>
      <c r="F7478" s="1" t="s">
        <v>28996</v>
      </c>
      <c r="G7478" s="1" t="s">
        <v>28943</v>
      </c>
      <c r="H7478" s="1" t="s">
        <v>28944</v>
      </c>
      <c r="I7478" s="1" t="s">
        <v>28021</v>
      </c>
      <c r="J7478" s="1" t="s">
        <v>28997</v>
      </c>
    </row>
    <row r="7479" spans="1:10" x14ac:dyDescent="0.35">
      <c r="A7479" s="1" t="s">
        <v>28940</v>
      </c>
      <c r="B7479" s="1" t="s">
        <v>28015</v>
      </c>
      <c r="C7479" s="1" t="s">
        <v>105</v>
      </c>
      <c r="D7479" s="1" t="s">
        <v>28998</v>
      </c>
      <c r="E7479" s="1" t="s">
        <v>15176</v>
      </c>
      <c r="F7479" s="1" t="s">
        <v>28999</v>
      </c>
      <c r="G7479" s="1" t="s">
        <v>28943</v>
      </c>
      <c r="H7479" s="1" t="s">
        <v>28944</v>
      </c>
      <c r="I7479" s="1" t="s">
        <v>28021</v>
      </c>
      <c r="J7479" s="1" t="s">
        <v>29000</v>
      </c>
    </row>
    <row r="7480" spans="1:10" x14ac:dyDescent="0.35">
      <c r="A7480" s="1" t="s">
        <v>28940</v>
      </c>
      <c r="B7480" s="1" t="s">
        <v>28015</v>
      </c>
      <c r="C7480" s="1" t="s">
        <v>110</v>
      </c>
      <c r="D7480" s="1" t="s">
        <v>29001</v>
      </c>
      <c r="E7480" s="1" t="s">
        <v>28116</v>
      </c>
      <c r="F7480" s="1" t="s">
        <v>29002</v>
      </c>
      <c r="G7480" s="1" t="s">
        <v>28943</v>
      </c>
      <c r="H7480" s="1" t="s">
        <v>28944</v>
      </c>
      <c r="I7480" s="1" t="s">
        <v>28021</v>
      </c>
      <c r="J7480" s="1" t="s">
        <v>29003</v>
      </c>
    </row>
    <row r="7481" spans="1:10" x14ac:dyDescent="0.35">
      <c r="A7481" s="1" t="s">
        <v>28940</v>
      </c>
      <c r="B7481" s="1" t="s">
        <v>28015</v>
      </c>
      <c r="C7481" s="1" t="s">
        <v>115</v>
      </c>
      <c r="D7481" s="1" t="s">
        <v>29004</v>
      </c>
      <c r="E7481" s="1" t="s">
        <v>29005</v>
      </c>
      <c r="F7481" s="1" t="s">
        <v>29006</v>
      </c>
      <c r="G7481" s="1" t="s">
        <v>28943</v>
      </c>
      <c r="H7481" s="1" t="s">
        <v>28944</v>
      </c>
      <c r="I7481" s="1" t="s">
        <v>28021</v>
      </c>
      <c r="J7481" s="1" t="s">
        <v>29007</v>
      </c>
    </row>
    <row r="7482" spans="1:10" x14ac:dyDescent="0.35">
      <c r="A7482" s="1" t="s">
        <v>28940</v>
      </c>
      <c r="B7482" s="1" t="s">
        <v>28015</v>
      </c>
      <c r="C7482" s="1" t="s">
        <v>120</v>
      </c>
      <c r="D7482" s="1" t="s">
        <v>8127</v>
      </c>
      <c r="E7482" s="1" t="s">
        <v>29008</v>
      </c>
      <c r="F7482" s="1" t="s">
        <v>29009</v>
      </c>
      <c r="G7482" s="1" t="s">
        <v>28943</v>
      </c>
      <c r="H7482" s="1" t="s">
        <v>28944</v>
      </c>
      <c r="I7482" s="1" t="s">
        <v>28021</v>
      </c>
      <c r="J7482" s="1" t="s">
        <v>29010</v>
      </c>
    </row>
    <row r="7483" spans="1:10" x14ac:dyDescent="0.35">
      <c r="A7483" s="1" t="s">
        <v>28940</v>
      </c>
      <c r="B7483" s="1" t="s">
        <v>28015</v>
      </c>
      <c r="C7483" s="1" t="s">
        <v>125</v>
      </c>
      <c r="D7483" s="1" t="s">
        <v>29011</v>
      </c>
      <c r="E7483" s="1" t="s">
        <v>29012</v>
      </c>
      <c r="F7483" s="1" t="s">
        <v>29013</v>
      </c>
      <c r="G7483" s="1" t="s">
        <v>28943</v>
      </c>
      <c r="H7483" s="1" t="s">
        <v>28944</v>
      </c>
      <c r="I7483" s="1" t="s">
        <v>28021</v>
      </c>
      <c r="J7483" s="1" t="s">
        <v>29014</v>
      </c>
    </row>
    <row r="7484" spans="1:10" x14ac:dyDescent="0.35">
      <c r="A7484" s="1" t="s">
        <v>28940</v>
      </c>
      <c r="B7484" s="1" t="s">
        <v>28015</v>
      </c>
      <c r="C7484" s="1" t="s">
        <v>130</v>
      </c>
      <c r="D7484" s="1" t="s">
        <v>29015</v>
      </c>
      <c r="E7484" s="1" t="s">
        <v>28978</v>
      </c>
      <c r="F7484" s="1" t="s">
        <v>29016</v>
      </c>
      <c r="G7484" s="1" t="s">
        <v>28943</v>
      </c>
      <c r="H7484" s="1" t="s">
        <v>28944</v>
      </c>
      <c r="I7484" s="1" t="s">
        <v>28021</v>
      </c>
      <c r="J7484" s="1" t="s">
        <v>29017</v>
      </c>
    </row>
    <row r="7485" spans="1:10" x14ac:dyDescent="0.35">
      <c r="A7485" s="1" t="s">
        <v>28940</v>
      </c>
      <c r="B7485" s="1" t="s">
        <v>28015</v>
      </c>
      <c r="C7485" s="1" t="s">
        <v>135</v>
      </c>
      <c r="D7485" s="1" t="s">
        <v>6551</v>
      </c>
      <c r="E7485" s="1" t="s">
        <v>29018</v>
      </c>
      <c r="F7485" s="1" t="s">
        <v>29019</v>
      </c>
      <c r="G7485" s="1" t="s">
        <v>28943</v>
      </c>
      <c r="H7485" s="1" t="s">
        <v>28944</v>
      </c>
      <c r="I7485" s="1" t="s">
        <v>28021</v>
      </c>
      <c r="J7485" s="1" t="s">
        <v>29020</v>
      </c>
    </row>
    <row r="7486" spans="1:10" x14ac:dyDescent="0.35">
      <c r="A7486" s="1" t="s">
        <v>28940</v>
      </c>
      <c r="B7486" s="1" t="s">
        <v>28015</v>
      </c>
      <c r="C7486" s="1" t="s">
        <v>140</v>
      </c>
      <c r="D7486" s="1" t="s">
        <v>29021</v>
      </c>
      <c r="E7486" s="1" t="s">
        <v>29022</v>
      </c>
      <c r="F7486" s="1" t="s">
        <v>29023</v>
      </c>
      <c r="G7486" s="1" t="s">
        <v>28943</v>
      </c>
      <c r="H7486" s="1" t="s">
        <v>28944</v>
      </c>
      <c r="I7486" s="1" t="s">
        <v>28021</v>
      </c>
      <c r="J7486" s="1" t="s">
        <v>29024</v>
      </c>
    </row>
    <row r="7487" spans="1:10" x14ac:dyDescent="0.35">
      <c r="A7487" s="1" t="s">
        <v>28940</v>
      </c>
      <c r="B7487" s="1" t="s">
        <v>28015</v>
      </c>
      <c r="C7487" s="1" t="s">
        <v>145</v>
      </c>
      <c r="D7487" s="1" t="s">
        <v>29025</v>
      </c>
      <c r="E7487" s="1" t="s">
        <v>11835</v>
      </c>
      <c r="F7487" s="1" t="s">
        <v>29026</v>
      </c>
      <c r="G7487" s="1" t="s">
        <v>28943</v>
      </c>
      <c r="H7487" s="1" t="s">
        <v>28944</v>
      </c>
      <c r="I7487" s="1" t="s">
        <v>28021</v>
      </c>
      <c r="J7487" s="1" t="s">
        <v>29027</v>
      </c>
    </row>
    <row r="7488" spans="1:10" x14ac:dyDescent="0.35">
      <c r="A7488" s="1" t="s">
        <v>28940</v>
      </c>
      <c r="B7488" s="1" t="s">
        <v>28015</v>
      </c>
      <c r="C7488" s="1" t="s">
        <v>150</v>
      </c>
      <c r="D7488" s="1" t="s">
        <v>29028</v>
      </c>
      <c r="E7488" s="1" t="s">
        <v>29029</v>
      </c>
      <c r="F7488" s="1" t="s">
        <v>29030</v>
      </c>
      <c r="G7488" s="1" t="s">
        <v>28943</v>
      </c>
      <c r="H7488" s="1" t="s">
        <v>28944</v>
      </c>
      <c r="I7488" s="1" t="s">
        <v>28021</v>
      </c>
      <c r="J7488" s="1" t="s">
        <v>29031</v>
      </c>
    </row>
    <row r="7489" spans="1:10" x14ac:dyDescent="0.35">
      <c r="A7489" s="1" t="s">
        <v>28940</v>
      </c>
      <c r="B7489" s="1" t="s">
        <v>28015</v>
      </c>
      <c r="C7489" s="1" t="s">
        <v>155</v>
      </c>
      <c r="D7489" s="1" t="s">
        <v>29032</v>
      </c>
      <c r="E7489" s="1" t="s">
        <v>29033</v>
      </c>
      <c r="F7489" s="1" t="s">
        <v>29034</v>
      </c>
      <c r="G7489" s="1" t="s">
        <v>28943</v>
      </c>
      <c r="H7489" s="1" t="s">
        <v>28944</v>
      </c>
      <c r="I7489" s="1" t="s">
        <v>28021</v>
      </c>
      <c r="J7489" s="1" t="s">
        <v>29035</v>
      </c>
    </row>
    <row r="7490" spans="1:10" x14ac:dyDescent="0.35">
      <c r="A7490" s="1" t="s">
        <v>28940</v>
      </c>
      <c r="B7490" s="1" t="s">
        <v>28015</v>
      </c>
      <c r="C7490" s="1" t="s">
        <v>160</v>
      </c>
      <c r="D7490" s="1" t="s">
        <v>5762</v>
      </c>
      <c r="E7490" s="1" t="s">
        <v>29036</v>
      </c>
      <c r="F7490" s="1" t="s">
        <v>29037</v>
      </c>
      <c r="G7490" s="1" t="s">
        <v>28943</v>
      </c>
      <c r="H7490" s="1" t="s">
        <v>28944</v>
      </c>
      <c r="I7490" s="1" t="s">
        <v>28021</v>
      </c>
      <c r="J7490" s="1" t="s">
        <v>29038</v>
      </c>
    </row>
    <row r="7491" spans="1:10" x14ac:dyDescent="0.35">
      <c r="A7491" s="1" t="s">
        <v>28940</v>
      </c>
      <c r="B7491" s="1" t="s">
        <v>28015</v>
      </c>
      <c r="C7491" s="1" t="s">
        <v>165</v>
      </c>
      <c r="D7491" s="1" t="s">
        <v>28361</v>
      </c>
      <c r="E7491" s="1" t="s">
        <v>29039</v>
      </c>
      <c r="F7491" s="1" t="s">
        <v>29040</v>
      </c>
      <c r="G7491" s="1" t="s">
        <v>28943</v>
      </c>
      <c r="H7491" s="1" t="s">
        <v>28944</v>
      </c>
      <c r="I7491" s="1" t="s">
        <v>28021</v>
      </c>
      <c r="J7491" s="1" t="s">
        <v>29041</v>
      </c>
    </row>
    <row r="7492" spans="1:10" x14ac:dyDescent="0.35">
      <c r="A7492" s="1" t="s">
        <v>28940</v>
      </c>
      <c r="B7492" s="1" t="s">
        <v>28015</v>
      </c>
      <c r="C7492" s="1" t="s">
        <v>170</v>
      </c>
      <c r="D7492" s="1" t="s">
        <v>29042</v>
      </c>
      <c r="E7492" s="1" t="s">
        <v>29043</v>
      </c>
      <c r="F7492" s="1" t="s">
        <v>29044</v>
      </c>
      <c r="G7492" s="1" t="s">
        <v>28943</v>
      </c>
      <c r="H7492" s="1" t="s">
        <v>28944</v>
      </c>
      <c r="I7492" s="1" t="s">
        <v>28021</v>
      </c>
      <c r="J7492" s="1" t="s">
        <v>29045</v>
      </c>
    </row>
    <row r="7493" spans="1:10" x14ac:dyDescent="0.35">
      <c r="A7493" s="1" t="s">
        <v>29046</v>
      </c>
      <c r="B7493" s="1" t="s">
        <v>28015</v>
      </c>
      <c r="C7493" s="1" t="s">
        <v>8</v>
      </c>
      <c r="D7493" s="1" t="s">
        <v>1505</v>
      </c>
      <c r="E7493" s="1" t="s">
        <v>29047</v>
      </c>
      <c r="F7493" s="1" t="s">
        <v>29048</v>
      </c>
      <c r="G7493" s="1" t="s">
        <v>29049</v>
      </c>
      <c r="H7493" s="1" t="s">
        <v>29050</v>
      </c>
      <c r="I7493" s="1" t="s">
        <v>28021</v>
      </c>
      <c r="J7493" s="1" t="s">
        <v>13</v>
      </c>
    </row>
    <row r="7494" spans="1:10" x14ac:dyDescent="0.35">
      <c r="A7494" s="1" t="s">
        <v>29046</v>
      </c>
      <c r="B7494" s="1" t="s">
        <v>28015</v>
      </c>
      <c r="C7494" s="1" t="s">
        <v>15</v>
      </c>
      <c r="D7494" s="1" t="s">
        <v>1969</v>
      </c>
      <c r="E7494" s="1" t="s">
        <v>452</v>
      </c>
      <c r="F7494" s="1" t="s">
        <v>29051</v>
      </c>
      <c r="G7494" s="1" t="s">
        <v>29049</v>
      </c>
      <c r="H7494" s="1" t="s">
        <v>29050</v>
      </c>
      <c r="I7494" s="1" t="s">
        <v>28021</v>
      </c>
      <c r="J7494" s="1" t="s">
        <v>29052</v>
      </c>
    </row>
    <row r="7495" spans="1:10" x14ac:dyDescent="0.35">
      <c r="A7495" s="1" t="s">
        <v>29046</v>
      </c>
      <c r="B7495" s="1" t="s">
        <v>28015</v>
      </c>
      <c r="C7495" s="1" t="s">
        <v>20</v>
      </c>
      <c r="D7495" s="1" t="s">
        <v>9316</v>
      </c>
      <c r="E7495" s="1" t="s">
        <v>28169</v>
      </c>
      <c r="F7495" s="1" t="s">
        <v>29053</v>
      </c>
      <c r="G7495" s="1" t="s">
        <v>29049</v>
      </c>
      <c r="H7495" s="1" t="s">
        <v>29050</v>
      </c>
      <c r="I7495" s="1" t="s">
        <v>28021</v>
      </c>
      <c r="J7495" s="1" t="s">
        <v>29054</v>
      </c>
    </row>
    <row r="7496" spans="1:10" x14ac:dyDescent="0.35">
      <c r="A7496" s="1" t="s">
        <v>29046</v>
      </c>
      <c r="B7496" s="1" t="s">
        <v>28015</v>
      </c>
      <c r="C7496" s="1" t="s">
        <v>25</v>
      </c>
      <c r="D7496" s="1" t="s">
        <v>29055</v>
      </c>
      <c r="E7496" s="1" t="s">
        <v>8778</v>
      </c>
      <c r="F7496" s="1" t="s">
        <v>29056</v>
      </c>
      <c r="G7496" s="1" t="s">
        <v>29049</v>
      </c>
      <c r="H7496" s="1" t="s">
        <v>29050</v>
      </c>
      <c r="I7496" s="1" t="s">
        <v>28021</v>
      </c>
      <c r="J7496" s="1" t="s">
        <v>29057</v>
      </c>
    </row>
    <row r="7497" spans="1:10" x14ac:dyDescent="0.35">
      <c r="A7497" s="1" t="s">
        <v>29046</v>
      </c>
      <c r="B7497" s="1" t="s">
        <v>28015</v>
      </c>
      <c r="C7497" s="1" t="s">
        <v>30</v>
      </c>
      <c r="D7497" s="1" t="s">
        <v>29058</v>
      </c>
      <c r="E7497" s="1" t="s">
        <v>28123</v>
      </c>
      <c r="F7497" s="1" t="s">
        <v>29059</v>
      </c>
      <c r="G7497" s="1" t="s">
        <v>29049</v>
      </c>
      <c r="H7497" s="1" t="s">
        <v>29050</v>
      </c>
      <c r="I7497" s="1" t="s">
        <v>28021</v>
      </c>
      <c r="J7497" s="1" t="s">
        <v>29060</v>
      </c>
    </row>
    <row r="7498" spans="1:10" x14ac:dyDescent="0.35">
      <c r="A7498" s="1" t="s">
        <v>29046</v>
      </c>
      <c r="B7498" s="1" t="s">
        <v>28015</v>
      </c>
      <c r="C7498" s="1" t="s">
        <v>35</v>
      </c>
      <c r="D7498" s="1" t="s">
        <v>27548</v>
      </c>
      <c r="E7498" s="1" t="s">
        <v>29061</v>
      </c>
      <c r="F7498" s="1" t="s">
        <v>29062</v>
      </c>
      <c r="G7498" s="1" t="s">
        <v>29049</v>
      </c>
      <c r="H7498" s="1" t="s">
        <v>29050</v>
      </c>
      <c r="I7498" s="1" t="s">
        <v>28021</v>
      </c>
      <c r="J7498" s="1" t="s">
        <v>29063</v>
      </c>
    </row>
    <row r="7499" spans="1:10" x14ac:dyDescent="0.35">
      <c r="A7499" s="1" t="s">
        <v>29046</v>
      </c>
      <c r="B7499" s="1" t="s">
        <v>28015</v>
      </c>
      <c r="C7499" s="1" t="s">
        <v>40</v>
      </c>
      <c r="D7499" s="1" t="s">
        <v>4520</v>
      </c>
      <c r="E7499" s="1" t="s">
        <v>8791</v>
      </c>
      <c r="F7499" s="1" t="s">
        <v>29064</v>
      </c>
      <c r="G7499" s="1" t="s">
        <v>29049</v>
      </c>
      <c r="H7499" s="1" t="s">
        <v>29050</v>
      </c>
      <c r="I7499" s="1" t="s">
        <v>28021</v>
      </c>
      <c r="J7499" s="1" t="s">
        <v>29065</v>
      </c>
    </row>
    <row r="7500" spans="1:10" x14ac:dyDescent="0.35">
      <c r="A7500" s="1" t="s">
        <v>29046</v>
      </c>
      <c r="B7500" s="1" t="s">
        <v>28015</v>
      </c>
      <c r="C7500" s="1" t="s">
        <v>45</v>
      </c>
      <c r="D7500" s="1" t="s">
        <v>9382</v>
      </c>
      <c r="E7500" s="1" t="s">
        <v>29066</v>
      </c>
      <c r="F7500" s="1" t="s">
        <v>29067</v>
      </c>
      <c r="G7500" s="1" t="s">
        <v>29049</v>
      </c>
      <c r="H7500" s="1" t="s">
        <v>29050</v>
      </c>
      <c r="I7500" s="1" t="s">
        <v>28021</v>
      </c>
      <c r="J7500" s="1" t="s">
        <v>28954</v>
      </c>
    </row>
    <row r="7501" spans="1:10" x14ac:dyDescent="0.35">
      <c r="A7501" s="1" t="s">
        <v>29046</v>
      </c>
      <c r="B7501" s="1" t="s">
        <v>28015</v>
      </c>
      <c r="C7501" s="1" t="s">
        <v>50</v>
      </c>
      <c r="D7501" s="1" t="s">
        <v>85</v>
      </c>
      <c r="E7501" s="1" t="s">
        <v>29068</v>
      </c>
      <c r="F7501" s="1" t="s">
        <v>29069</v>
      </c>
      <c r="G7501" s="1" t="s">
        <v>29049</v>
      </c>
      <c r="H7501" s="1" t="s">
        <v>29050</v>
      </c>
      <c r="I7501" s="1" t="s">
        <v>28021</v>
      </c>
      <c r="J7501" s="1" t="s">
        <v>29070</v>
      </c>
    </row>
    <row r="7502" spans="1:10" x14ac:dyDescent="0.35">
      <c r="A7502" s="1" t="s">
        <v>29046</v>
      </c>
      <c r="B7502" s="1" t="s">
        <v>28015</v>
      </c>
      <c r="C7502" s="1" t="s">
        <v>55</v>
      </c>
      <c r="D7502" s="1" t="s">
        <v>3888</v>
      </c>
      <c r="E7502" s="1" t="s">
        <v>29071</v>
      </c>
      <c r="F7502" s="1" t="s">
        <v>29072</v>
      </c>
      <c r="G7502" s="1" t="s">
        <v>29049</v>
      </c>
      <c r="H7502" s="1" t="s">
        <v>29050</v>
      </c>
      <c r="I7502" s="1" t="s">
        <v>28021</v>
      </c>
      <c r="J7502" s="1" t="s">
        <v>29073</v>
      </c>
    </row>
    <row r="7503" spans="1:10" x14ac:dyDescent="0.35">
      <c r="A7503" s="1" t="s">
        <v>29046</v>
      </c>
      <c r="B7503" s="1" t="s">
        <v>28015</v>
      </c>
      <c r="C7503" s="1" t="s">
        <v>60</v>
      </c>
      <c r="D7503" s="1" t="s">
        <v>29074</v>
      </c>
      <c r="E7503" s="1" t="s">
        <v>29075</v>
      </c>
      <c r="F7503" s="1" t="s">
        <v>29076</v>
      </c>
      <c r="G7503" s="1" t="s">
        <v>29049</v>
      </c>
      <c r="H7503" s="1" t="s">
        <v>29050</v>
      </c>
      <c r="I7503" s="1" t="s">
        <v>28021</v>
      </c>
      <c r="J7503" s="1" t="s">
        <v>29077</v>
      </c>
    </row>
    <row r="7504" spans="1:10" x14ac:dyDescent="0.35">
      <c r="A7504" s="1" t="s">
        <v>29046</v>
      </c>
      <c r="B7504" s="1" t="s">
        <v>28015</v>
      </c>
      <c r="C7504" s="1" t="s">
        <v>65</v>
      </c>
      <c r="D7504" s="1" t="s">
        <v>29078</v>
      </c>
      <c r="E7504" s="1" t="s">
        <v>29079</v>
      </c>
      <c r="F7504" s="1" t="s">
        <v>29080</v>
      </c>
      <c r="G7504" s="1" t="s">
        <v>29049</v>
      </c>
      <c r="H7504" s="1" t="s">
        <v>29050</v>
      </c>
      <c r="I7504" s="1" t="s">
        <v>28021</v>
      </c>
      <c r="J7504" s="1" t="s">
        <v>29081</v>
      </c>
    </row>
    <row r="7505" spans="1:10" x14ac:dyDescent="0.35">
      <c r="A7505" s="1" t="s">
        <v>29046</v>
      </c>
      <c r="B7505" s="1" t="s">
        <v>28015</v>
      </c>
      <c r="C7505" s="1" t="s">
        <v>70</v>
      </c>
      <c r="D7505" s="1" t="s">
        <v>29082</v>
      </c>
      <c r="E7505" s="1" t="s">
        <v>15168</v>
      </c>
      <c r="F7505" s="1" t="s">
        <v>29083</v>
      </c>
      <c r="G7505" s="1" t="s">
        <v>29049</v>
      </c>
      <c r="H7505" s="1" t="s">
        <v>29050</v>
      </c>
      <c r="I7505" s="1" t="s">
        <v>28021</v>
      </c>
      <c r="J7505" s="1" t="s">
        <v>29084</v>
      </c>
    </row>
    <row r="7506" spans="1:10" x14ac:dyDescent="0.35">
      <c r="A7506" s="1" t="s">
        <v>29046</v>
      </c>
      <c r="B7506" s="1" t="s">
        <v>28015</v>
      </c>
      <c r="C7506" s="1" t="s">
        <v>75</v>
      </c>
      <c r="D7506" s="1" t="s">
        <v>4034</v>
      </c>
      <c r="E7506" s="1" t="s">
        <v>28159</v>
      </c>
      <c r="F7506" s="1" t="s">
        <v>29085</v>
      </c>
      <c r="G7506" s="1" t="s">
        <v>29049</v>
      </c>
      <c r="H7506" s="1" t="s">
        <v>29050</v>
      </c>
      <c r="I7506" s="1" t="s">
        <v>28021</v>
      </c>
      <c r="J7506" s="1" t="s">
        <v>29086</v>
      </c>
    </row>
    <row r="7507" spans="1:10" x14ac:dyDescent="0.35">
      <c r="A7507" s="1" t="s">
        <v>29046</v>
      </c>
      <c r="B7507" s="1" t="s">
        <v>28015</v>
      </c>
      <c r="C7507" s="1" t="s">
        <v>80</v>
      </c>
      <c r="D7507" s="1" t="s">
        <v>29087</v>
      </c>
      <c r="E7507" s="1" t="s">
        <v>28159</v>
      </c>
      <c r="F7507" s="1" t="s">
        <v>29088</v>
      </c>
      <c r="G7507" s="1" t="s">
        <v>29049</v>
      </c>
      <c r="H7507" s="1" t="s">
        <v>29050</v>
      </c>
      <c r="I7507" s="1" t="s">
        <v>28021</v>
      </c>
      <c r="J7507" s="1" t="s">
        <v>29089</v>
      </c>
    </row>
    <row r="7508" spans="1:10" x14ac:dyDescent="0.35">
      <c r="A7508" s="1" t="s">
        <v>29046</v>
      </c>
      <c r="B7508" s="1" t="s">
        <v>28015</v>
      </c>
      <c r="C7508" s="1" t="s">
        <v>85</v>
      </c>
      <c r="D7508" s="1" t="s">
        <v>29090</v>
      </c>
      <c r="E7508" s="1" t="s">
        <v>4178</v>
      </c>
      <c r="F7508" s="1" t="s">
        <v>29091</v>
      </c>
      <c r="G7508" s="1" t="s">
        <v>29049</v>
      </c>
      <c r="H7508" s="1" t="s">
        <v>29050</v>
      </c>
      <c r="I7508" s="1" t="s">
        <v>28021</v>
      </c>
      <c r="J7508" s="1" t="s">
        <v>29092</v>
      </c>
    </row>
    <row r="7509" spans="1:10" x14ac:dyDescent="0.35">
      <c r="A7509" s="1" t="s">
        <v>29046</v>
      </c>
      <c r="B7509" s="1" t="s">
        <v>28015</v>
      </c>
      <c r="C7509" s="1" t="s">
        <v>90</v>
      </c>
      <c r="D7509" s="1" t="s">
        <v>29093</v>
      </c>
      <c r="E7509" s="1" t="s">
        <v>4203</v>
      </c>
      <c r="F7509" s="1" t="s">
        <v>29094</v>
      </c>
      <c r="G7509" s="1" t="s">
        <v>29049</v>
      </c>
      <c r="H7509" s="1" t="s">
        <v>29050</v>
      </c>
      <c r="I7509" s="1" t="s">
        <v>28021</v>
      </c>
      <c r="J7509" s="1" t="s">
        <v>29095</v>
      </c>
    </row>
    <row r="7510" spans="1:10" x14ac:dyDescent="0.35">
      <c r="A7510" s="1" t="s">
        <v>29046</v>
      </c>
      <c r="B7510" s="1" t="s">
        <v>28015</v>
      </c>
      <c r="C7510" s="1" t="s">
        <v>95</v>
      </c>
      <c r="D7510" s="1" t="s">
        <v>29096</v>
      </c>
      <c r="E7510" s="1" t="s">
        <v>29097</v>
      </c>
      <c r="F7510" s="1" t="s">
        <v>29098</v>
      </c>
      <c r="G7510" s="1" t="s">
        <v>29049</v>
      </c>
      <c r="H7510" s="1" t="s">
        <v>29050</v>
      </c>
      <c r="I7510" s="1" t="s">
        <v>28021</v>
      </c>
      <c r="J7510" s="1" t="s">
        <v>29099</v>
      </c>
    </row>
    <row r="7511" spans="1:10" x14ac:dyDescent="0.35">
      <c r="A7511" s="1" t="s">
        <v>29046</v>
      </c>
      <c r="B7511" s="1" t="s">
        <v>28015</v>
      </c>
      <c r="C7511" s="1" t="s">
        <v>100</v>
      </c>
      <c r="D7511" s="1" t="s">
        <v>1711</v>
      </c>
      <c r="E7511" s="1" t="s">
        <v>28076</v>
      </c>
      <c r="F7511" s="1" t="s">
        <v>29100</v>
      </c>
      <c r="G7511" s="1" t="s">
        <v>29049</v>
      </c>
      <c r="H7511" s="1" t="s">
        <v>29050</v>
      </c>
      <c r="I7511" s="1" t="s">
        <v>28021</v>
      </c>
      <c r="J7511" s="1" t="s">
        <v>29101</v>
      </c>
    </row>
    <row r="7512" spans="1:10" x14ac:dyDescent="0.35">
      <c r="A7512" s="1" t="s">
        <v>29046</v>
      </c>
      <c r="B7512" s="1" t="s">
        <v>28015</v>
      </c>
      <c r="C7512" s="1" t="s">
        <v>105</v>
      </c>
      <c r="D7512" s="1" t="s">
        <v>29102</v>
      </c>
      <c r="E7512" s="1" t="s">
        <v>29103</v>
      </c>
      <c r="F7512" s="1" t="s">
        <v>29104</v>
      </c>
      <c r="G7512" s="1" t="s">
        <v>29049</v>
      </c>
      <c r="H7512" s="1" t="s">
        <v>29050</v>
      </c>
      <c r="I7512" s="1" t="s">
        <v>28021</v>
      </c>
      <c r="J7512" s="1" t="s">
        <v>29105</v>
      </c>
    </row>
    <row r="7513" spans="1:10" x14ac:dyDescent="0.35">
      <c r="A7513" s="1" t="s">
        <v>29046</v>
      </c>
      <c r="B7513" s="1" t="s">
        <v>28015</v>
      </c>
      <c r="C7513" s="1" t="s">
        <v>110</v>
      </c>
      <c r="D7513" s="1" t="s">
        <v>2901</v>
      </c>
      <c r="E7513" s="1" t="s">
        <v>4246</v>
      </c>
      <c r="F7513" s="1" t="s">
        <v>29106</v>
      </c>
      <c r="G7513" s="1" t="s">
        <v>29049</v>
      </c>
      <c r="H7513" s="1" t="s">
        <v>29050</v>
      </c>
      <c r="I7513" s="1" t="s">
        <v>28021</v>
      </c>
      <c r="J7513" s="1" t="s">
        <v>29107</v>
      </c>
    </row>
    <row r="7514" spans="1:10" x14ac:dyDescent="0.35">
      <c r="A7514" s="1" t="s">
        <v>29046</v>
      </c>
      <c r="B7514" s="1" t="s">
        <v>28015</v>
      </c>
      <c r="C7514" s="1" t="s">
        <v>115</v>
      </c>
      <c r="D7514" s="1" t="s">
        <v>29108</v>
      </c>
      <c r="E7514" s="1" t="s">
        <v>29075</v>
      </c>
      <c r="F7514" s="1" t="s">
        <v>29109</v>
      </c>
      <c r="G7514" s="1" t="s">
        <v>29049</v>
      </c>
      <c r="H7514" s="1" t="s">
        <v>29050</v>
      </c>
      <c r="I7514" s="1" t="s">
        <v>28021</v>
      </c>
      <c r="J7514" s="1" t="s">
        <v>29110</v>
      </c>
    </row>
    <row r="7515" spans="1:10" x14ac:dyDescent="0.35">
      <c r="A7515" s="1" t="s">
        <v>29046</v>
      </c>
      <c r="B7515" s="1" t="s">
        <v>28015</v>
      </c>
      <c r="C7515" s="1" t="s">
        <v>120</v>
      </c>
      <c r="D7515" s="1" t="s">
        <v>29111</v>
      </c>
      <c r="E7515" s="1" t="s">
        <v>8787</v>
      </c>
      <c r="F7515" s="1" t="s">
        <v>29112</v>
      </c>
      <c r="G7515" s="1" t="s">
        <v>29049</v>
      </c>
      <c r="H7515" s="1" t="s">
        <v>29050</v>
      </c>
      <c r="I7515" s="1" t="s">
        <v>28021</v>
      </c>
      <c r="J7515" s="1" t="s">
        <v>29113</v>
      </c>
    </row>
    <row r="7516" spans="1:10" x14ac:dyDescent="0.35">
      <c r="A7516" s="1" t="s">
        <v>29046</v>
      </c>
      <c r="B7516" s="1" t="s">
        <v>28015</v>
      </c>
      <c r="C7516" s="1" t="s">
        <v>125</v>
      </c>
      <c r="D7516" s="1" t="s">
        <v>29114</v>
      </c>
      <c r="E7516" s="1" t="s">
        <v>15194</v>
      </c>
      <c r="F7516" s="1" t="s">
        <v>29115</v>
      </c>
      <c r="G7516" s="1" t="s">
        <v>29049</v>
      </c>
      <c r="H7516" s="1" t="s">
        <v>29050</v>
      </c>
      <c r="I7516" s="1" t="s">
        <v>28021</v>
      </c>
      <c r="J7516" s="1" t="s">
        <v>29116</v>
      </c>
    </row>
    <row r="7517" spans="1:10" x14ac:dyDescent="0.35">
      <c r="A7517" s="1" t="s">
        <v>29046</v>
      </c>
      <c r="B7517" s="1" t="s">
        <v>28015</v>
      </c>
      <c r="C7517" s="1" t="s">
        <v>130</v>
      </c>
      <c r="D7517" s="1" t="s">
        <v>8948</v>
      </c>
      <c r="E7517" s="1" t="s">
        <v>29117</v>
      </c>
      <c r="F7517" s="1" t="s">
        <v>29118</v>
      </c>
      <c r="G7517" s="1" t="s">
        <v>29049</v>
      </c>
      <c r="H7517" s="1" t="s">
        <v>29050</v>
      </c>
      <c r="I7517" s="1" t="s">
        <v>28021</v>
      </c>
      <c r="J7517" s="1" t="s">
        <v>29119</v>
      </c>
    </row>
    <row r="7518" spans="1:10" x14ac:dyDescent="0.35">
      <c r="A7518" s="1" t="s">
        <v>29046</v>
      </c>
      <c r="B7518" s="1" t="s">
        <v>28015</v>
      </c>
      <c r="C7518" s="1" t="s">
        <v>135</v>
      </c>
      <c r="D7518" s="1" t="s">
        <v>2315</v>
      </c>
      <c r="E7518" s="1" t="s">
        <v>15153</v>
      </c>
      <c r="F7518" s="1" t="s">
        <v>29120</v>
      </c>
      <c r="G7518" s="1" t="s">
        <v>29049</v>
      </c>
      <c r="H7518" s="1" t="s">
        <v>29050</v>
      </c>
      <c r="I7518" s="1" t="s">
        <v>28021</v>
      </c>
      <c r="J7518" s="1" t="s">
        <v>29121</v>
      </c>
    </row>
    <row r="7519" spans="1:10" x14ac:dyDescent="0.35">
      <c r="A7519" s="1" t="s">
        <v>29046</v>
      </c>
      <c r="B7519" s="1" t="s">
        <v>28015</v>
      </c>
      <c r="C7519" s="1" t="s">
        <v>140</v>
      </c>
      <c r="D7519" s="1" t="s">
        <v>2358</v>
      </c>
      <c r="E7519" s="1" t="s">
        <v>4178</v>
      </c>
      <c r="F7519" s="1" t="s">
        <v>29122</v>
      </c>
      <c r="G7519" s="1" t="s">
        <v>29049</v>
      </c>
      <c r="H7519" s="1" t="s">
        <v>29050</v>
      </c>
      <c r="I7519" s="1" t="s">
        <v>28021</v>
      </c>
      <c r="J7519" s="1" t="s">
        <v>29123</v>
      </c>
    </row>
    <row r="7520" spans="1:10" x14ac:dyDescent="0.35">
      <c r="A7520" s="1" t="s">
        <v>29046</v>
      </c>
      <c r="B7520" s="1" t="s">
        <v>28015</v>
      </c>
      <c r="C7520" s="1" t="s">
        <v>145</v>
      </c>
      <c r="D7520" s="1" t="s">
        <v>29124</v>
      </c>
      <c r="E7520" s="1" t="s">
        <v>29047</v>
      </c>
      <c r="F7520" s="1" t="s">
        <v>29125</v>
      </c>
      <c r="G7520" s="1" t="s">
        <v>29049</v>
      </c>
      <c r="H7520" s="1" t="s">
        <v>29050</v>
      </c>
      <c r="I7520" s="1" t="s">
        <v>28021</v>
      </c>
      <c r="J7520" s="1" t="s">
        <v>29126</v>
      </c>
    </row>
    <row r="7521" spans="1:10" x14ac:dyDescent="0.35">
      <c r="A7521" s="1" t="s">
        <v>29046</v>
      </c>
      <c r="B7521" s="1" t="s">
        <v>28015</v>
      </c>
      <c r="C7521" s="1" t="s">
        <v>150</v>
      </c>
      <c r="D7521" s="1" t="s">
        <v>29127</v>
      </c>
      <c r="E7521" s="1" t="s">
        <v>8794</v>
      </c>
      <c r="F7521" s="1" t="s">
        <v>29128</v>
      </c>
      <c r="G7521" s="1" t="s">
        <v>29049</v>
      </c>
      <c r="H7521" s="1" t="s">
        <v>29050</v>
      </c>
      <c r="I7521" s="1" t="s">
        <v>28021</v>
      </c>
      <c r="J7521" s="1" t="s">
        <v>12282</v>
      </c>
    </row>
    <row r="7522" spans="1:10" x14ac:dyDescent="0.35">
      <c r="A7522" s="1" t="s">
        <v>29046</v>
      </c>
      <c r="B7522" s="1" t="s">
        <v>28015</v>
      </c>
      <c r="C7522" s="1" t="s">
        <v>155</v>
      </c>
      <c r="D7522" s="1" t="s">
        <v>29129</v>
      </c>
      <c r="E7522" s="1" t="s">
        <v>28056</v>
      </c>
      <c r="F7522" s="1" t="s">
        <v>29130</v>
      </c>
      <c r="G7522" s="1" t="s">
        <v>29049</v>
      </c>
      <c r="H7522" s="1" t="s">
        <v>29050</v>
      </c>
      <c r="I7522" s="1" t="s">
        <v>28021</v>
      </c>
      <c r="J7522" s="1" t="s">
        <v>29131</v>
      </c>
    </row>
    <row r="7523" spans="1:10" x14ac:dyDescent="0.35">
      <c r="A7523" s="1" t="s">
        <v>29046</v>
      </c>
      <c r="B7523" s="1" t="s">
        <v>28015</v>
      </c>
      <c r="C7523" s="1" t="s">
        <v>160</v>
      </c>
      <c r="D7523" s="1" t="s">
        <v>177</v>
      </c>
      <c r="E7523" s="1" t="s">
        <v>28307</v>
      </c>
      <c r="F7523" s="1" t="s">
        <v>29132</v>
      </c>
      <c r="G7523" s="1" t="s">
        <v>29049</v>
      </c>
      <c r="H7523" s="1" t="s">
        <v>29050</v>
      </c>
      <c r="I7523" s="1" t="s">
        <v>28021</v>
      </c>
      <c r="J7523" s="1" t="s">
        <v>29133</v>
      </c>
    </row>
    <row r="7524" spans="1:10" x14ac:dyDescent="0.35">
      <c r="A7524" s="1" t="s">
        <v>29046</v>
      </c>
      <c r="B7524" s="1" t="s">
        <v>28015</v>
      </c>
      <c r="C7524" s="1" t="s">
        <v>165</v>
      </c>
      <c r="D7524" s="1" t="s">
        <v>29134</v>
      </c>
      <c r="E7524" s="1" t="s">
        <v>28347</v>
      </c>
      <c r="F7524" s="1" t="s">
        <v>29135</v>
      </c>
      <c r="G7524" s="1" t="s">
        <v>29049</v>
      </c>
      <c r="H7524" s="1" t="s">
        <v>29050</v>
      </c>
      <c r="I7524" s="1" t="s">
        <v>28021</v>
      </c>
      <c r="J7524" s="1" t="s">
        <v>29136</v>
      </c>
    </row>
    <row r="7525" spans="1:10" x14ac:dyDescent="0.35">
      <c r="A7525" s="1" t="s">
        <v>29046</v>
      </c>
      <c r="B7525" s="1" t="s">
        <v>28015</v>
      </c>
      <c r="C7525" s="1" t="s">
        <v>170</v>
      </c>
      <c r="D7525" s="1" t="s">
        <v>29137</v>
      </c>
      <c r="E7525" s="1" t="s">
        <v>29138</v>
      </c>
      <c r="F7525" s="1" t="s">
        <v>29139</v>
      </c>
      <c r="G7525" s="1" t="s">
        <v>29049</v>
      </c>
      <c r="H7525" s="1" t="s">
        <v>29050</v>
      </c>
      <c r="I7525" s="1" t="s">
        <v>28021</v>
      </c>
      <c r="J7525" s="1" t="s">
        <v>29140</v>
      </c>
    </row>
    <row r="7526" spans="1:10" x14ac:dyDescent="0.35">
      <c r="A7526" s="1" t="s">
        <v>29141</v>
      </c>
      <c r="B7526" s="1" t="s">
        <v>28015</v>
      </c>
      <c r="C7526" s="1" t="s">
        <v>8</v>
      </c>
      <c r="D7526" s="1" t="s">
        <v>5494</v>
      </c>
      <c r="E7526" s="1" t="s">
        <v>29142</v>
      </c>
      <c r="F7526" s="1" t="s">
        <v>29143</v>
      </c>
      <c r="G7526" s="1" t="s">
        <v>29144</v>
      </c>
      <c r="H7526" s="1" t="s">
        <v>29145</v>
      </c>
      <c r="I7526" s="1" t="s">
        <v>28021</v>
      </c>
      <c r="J7526" s="1" t="s">
        <v>13</v>
      </c>
    </row>
    <row r="7527" spans="1:10" x14ac:dyDescent="0.35">
      <c r="A7527" s="1" t="s">
        <v>29141</v>
      </c>
      <c r="B7527" s="1" t="s">
        <v>28015</v>
      </c>
      <c r="C7527" s="1" t="s">
        <v>15</v>
      </c>
      <c r="D7527" s="1" t="s">
        <v>6407</v>
      </c>
      <c r="E7527" s="1" t="s">
        <v>29146</v>
      </c>
      <c r="F7527" s="1" t="s">
        <v>29147</v>
      </c>
      <c r="G7527" s="1" t="s">
        <v>29144</v>
      </c>
      <c r="H7527" s="1" t="s">
        <v>29145</v>
      </c>
      <c r="I7527" s="1" t="s">
        <v>28021</v>
      </c>
      <c r="J7527" s="1" t="s">
        <v>6410</v>
      </c>
    </row>
    <row r="7528" spans="1:10" x14ac:dyDescent="0.35">
      <c r="A7528" s="1" t="s">
        <v>29141</v>
      </c>
      <c r="B7528" s="1" t="s">
        <v>28015</v>
      </c>
      <c r="C7528" s="1" t="s">
        <v>20</v>
      </c>
      <c r="D7528" s="1" t="s">
        <v>29148</v>
      </c>
      <c r="E7528" s="1" t="s">
        <v>29149</v>
      </c>
      <c r="F7528" s="1" t="s">
        <v>29150</v>
      </c>
      <c r="G7528" s="1" t="s">
        <v>29144</v>
      </c>
      <c r="H7528" s="1" t="s">
        <v>29145</v>
      </c>
      <c r="I7528" s="1" t="s">
        <v>28021</v>
      </c>
      <c r="J7528" s="1" t="s">
        <v>29151</v>
      </c>
    </row>
    <row r="7529" spans="1:10" x14ac:dyDescent="0.35">
      <c r="A7529" s="1" t="s">
        <v>29141</v>
      </c>
      <c r="B7529" s="1" t="s">
        <v>28015</v>
      </c>
      <c r="C7529" s="1" t="s">
        <v>25</v>
      </c>
      <c r="D7529" s="1" t="s">
        <v>14972</v>
      </c>
      <c r="E7529" s="1" t="s">
        <v>29152</v>
      </c>
      <c r="F7529" s="1" t="s">
        <v>29153</v>
      </c>
      <c r="G7529" s="1" t="s">
        <v>29144</v>
      </c>
      <c r="H7529" s="1" t="s">
        <v>29145</v>
      </c>
      <c r="I7529" s="1" t="s">
        <v>28021</v>
      </c>
      <c r="J7529" s="1" t="s">
        <v>29154</v>
      </c>
    </row>
    <row r="7530" spans="1:10" x14ac:dyDescent="0.35">
      <c r="A7530" s="1" t="s">
        <v>29141</v>
      </c>
      <c r="B7530" s="1" t="s">
        <v>28015</v>
      </c>
      <c r="C7530" s="1" t="s">
        <v>30</v>
      </c>
      <c r="D7530" s="1" t="s">
        <v>10070</v>
      </c>
      <c r="E7530" s="1" t="s">
        <v>29155</v>
      </c>
      <c r="F7530" s="1" t="s">
        <v>29156</v>
      </c>
      <c r="G7530" s="1" t="s">
        <v>29144</v>
      </c>
      <c r="H7530" s="1" t="s">
        <v>29145</v>
      </c>
      <c r="I7530" s="1" t="s">
        <v>28021</v>
      </c>
      <c r="J7530" s="1" t="s">
        <v>29157</v>
      </c>
    </row>
    <row r="7531" spans="1:10" x14ac:dyDescent="0.35">
      <c r="A7531" s="1" t="s">
        <v>29141</v>
      </c>
      <c r="B7531" s="1" t="s">
        <v>28015</v>
      </c>
      <c r="C7531" s="1" t="s">
        <v>35</v>
      </c>
      <c r="D7531" s="1" t="s">
        <v>3888</v>
      </c>
      <c r="E7531" s="1" t="s">
        <v>29158</v>
      </c>
      <c r="F7531" s="1" t="s">
        <v>29159</v>
      </c>
      <c r="G7531" s="1" t="s">
        <v>29144</v>
      </c>
      <c r="H7531" s="1" t="s">
        <v>29145</v>
      </c>
      <c r="I7531" s="1" t="s">
        <v>28021</v>
      </c>
      <c r="J7531" s="1" t="s">
        <v>29160</v>
      </c>
    </row>
    <row r="7532" spans="1:10" x14ac:dyDescent="0.35">
      <c r="A7532" s="1" t="s">
        <v>29141</v>
      </c>
      <c r="B7532" s="1" t="s">
        <v>28015</v>
      </c>
      <c r="C7532" s="1" t="s">
        <v>40</v>
      </c>
      <c r="D7532" s="1" t="s">
        <v>6447</v>
      </c>
      <c r="E7532" s="1" t="s">
        <v>29161</v>
      </c>
      <c r="F7532" s="1" t="s">
        <v>29162</v>
      </c>
      <c r="G7532" s="1" t="s">
        <v>29144</v>
      </c>
      <c r="H7532" s="1" t="s">
        <v>29145</v>
      </c>
      <c r="I7532" s="1" t="s">
        <v>28021</v>
      </c>
      <c r="J7532" s="1" t="s">
        <v>29163</v>
      </c>
    </row>
    <row r="7533" spans="1:10" x14ac:dyDescent="0.35">
      <c r="A7533" s="1" t="s">
        <v>29141</v>
      </c>
      <c r="B7533" s="1" t="s">
        <v>28015</v>
      </c>
      <c r="C7533" s="1" t="s">
        <v>45</v>
      </c>
      <c r="D7533" s="1" t="s">
        <v>27745</v>
      </c>
      <c r="E7533" s="1" t="s">
        <v>29164</v>
      </c>
      <c r="F7533" s="1" t="s">
        <v>29165</v>
      </c>
      <c r="G7533" s="1" t="s">
        <v>29144</v>
      </c>
      <c r="H7533" s="1" t="s">
        <v>29145</v>
      </c>
      <c r="I7533" s="1" t="s">
        <v>28021</v>
      </c>
      <c r="J7533" s="1" t="s">
        <v>29166</v>
      </c>
    </row>
    <row r="7534" spans="1:10" x14ac:dyDescent="0.35">
      <c r="A7534" s="1" t="s">
        <v>29141</v>
      </c>
      <c r="B7534" s="1" t="s">
        <v>28015</v>
      </c>
      <c r="C7534" s="1" t="s">
        <v>50</v>
      </c>
      <c r="D7534" s="1" t="s">
        <v>29167</v>
      </c>
      <c r="E7534" s="1" t="s">
        <v>29168</v>
      </c>
      <c r="F7534" s="1" t="s">
        <v>29169</v>
      </c>
      <c r="G7534" s="1" t="s">
        <v>29144</v>
      </c>
      <c r="H7534" s="1" t="s">
        <v>29145</v>
      </c>
      <c r="I7534" s="1" t="s">
        <v>28021</v>
      </c>
      <c r="J7534" s="1" t="s">
        <v>29170</v>
      </c>
    </row>
    <row r="7535" spans="1:10" x14ac:dyDescent="0.35">
      <c r="A7535" s="1" t="s">
        <v>29141</v>
      </c>
      <c r="B7535" s="1" t="s">
        <v>28015</v>
      </c>
      <c r="C7535" s="1" t="s">
        <v>55</v>
      </c>
      <c r="D7535" s="1" t="s">
        <v>29171</v>
      </c>
      <c r="E7535" s="1" t="s">
        <v>29172</v>
      </c>
      <c r="F7535" s="1" t="s">
        <v>29173</v>
      </c>
      <c r="G7535" s="1" t="s">
        <v>29144</v>
      </c>
      <c r="H7535" s="1" t="s">
        <v>29145</v>
      </c>
      <c r="I7535" s="1" t="s">
        <v>28021</v>
      </c>
      <c r="J7535" s="1" t="s">
        <v>29174</v>
      </c>
    </row>
    <row r="7536" spans="1:10" x14ac:dyDescent="0.35">
      <c r="A7536" s="1" t="s">
        <v>29141</v>
      </c>
      <c r="B7536" s="1" t="s">
        <v>28015</v>
      </c>
      <c r="C7536" s="1" t="s">
        <v>60</v>
      </c>
      <c r="D7536" s="1" t="s">
        <v>29175</v>
      </c>
      <c r="E7536" s="1" t="s">
        <v>29176</v>
      </c>
      <c r="F7536" s="1" t="s">
        <v>29177</v>
      </c>
      <c r="G7536" s="1" t="s">
        <v>29144</v>
      </c>
      <c r="H7536" s="1" t="s">
        <v>29145</v>
      </c>
      <c r="I7536" s="1" t="s">
        <v>28021</v>
      </c>
      <c r="J7536" s="1" t="s">
        <v>29178</v>
      </c>
    </row>
    <row r="7537" spans="1:10" x14ac:dyDescent="0.35">
      <c r="A7537" s="1" t="s">
        <v>29141</v>
      </c>
      <c r="B7537" s="1" t="s">
        <v>28015</v>
      </c>
      <c r="C7537" s="1" t="s">
        <v>65</v>
      </c>
      <c r="D7537" s="1" t="s">
        <v>29179</v>
      </c>
      <c r="E7537" s="1" t="s">
        <v>29180</v>
      </c>
      <c r="F7537" s="1" t="s">
        <v>29181</v>
      </c>
      <c r="G7537" s="1" t="s">
        <v>29144</v>
      </c>
      <c r="H7537" s="1" t="s">
        <v>29145</v>
      </c>
      <c r="I7537" s="1" t="s">
        <v>28021</v>
      </c>
      <c r="J7537" s="1" t="s">
        <v>29182</v>
      </c>
    </row>
    <row r="7538" spans="1:10" x14ac:dyDescent="0.35">
      <c r="A7538" s="1" t="s">
        <v>29141</v>
      </c>
      <c r="B7538" s="1" t="s">
        <v>28015</v>
      </c>
      <c r="C7538" s="1" t="s">
        <v>70</v>
      </c>
      <c r="D7538" s="1" t="s">
        <v>29183</v>
      </c>
      <c r="E7538" s="1" t="s">
        <v>29184</v>
      </c>
      <c r="F7538" s="1" t="s">
        <v>29185</v>
      </c>
      <c r="G7538" s="1" t="s">
        <v>29144</v>
      </c>
      <c r="H7538" s="1" t="s">
        <v>29145</v>
      </c>
      <c r="I7538" s="1" t="s">
        <v>28021</v>
      </c>
      <c r="J7538" s="1" t="s">
        <v>29186</v>
      </c>
    </row>
    <row r="7539" spans="1:10" x14ac:dyDescent="0.35">
      <c r="A7539" s="1" t="s">
        <v>29141</v>
      </c>
      <c r="B7539" s="1" t="s">
        <v>28015</v>
      </c>
      <c r="C7539" s="1" t="s">
        <v>75</v>
      </c>
      <c r="D7539" s="1" t="s">
        <v>29187</v>
      </c>
      <c r="E7539" s="1" t="s">
        <v>29188</v>
      </c>
      <c r="F7539" s="1" t="s">
        <v>29189</v>
      </c>
      <c r="G7539" s="1" t="s">
        <v>29144</v>
      </c>
      <c r="H7539" s="1" t="s">
        <v>29145</v>
      </c>
      <c r="I7539" s="1" t="s">
        <v>28021</v>
      </c>
      <c r="J7539" s="1" t="s">
        <v>29190</v>
      </c>
    </row>
    <row r="7540" spans="1:10" x14ac:dyDescent="0.35">
      <c r="A7540" s="1" t="s">
        <v>29141</v>
      </c>
      <c r="B7540" s="1" t="s">
        <v>28015</v>
      </c>
      <c r="C7540" s="1" t="s">
        <v>80</v>
      </c>
      <c r="D7540" s="1" t="s">
        <v>26000</v>
      </c>
      <c r="E7540" s="1" t="s">
        <v>29191</v>
      </c>
      <c r="F7540" s="1" t="s">
        <v>29192</v>
      </c>
      <c r="G7540" s="1" t="s">
        <v>29144</v>
      </c>
      <c r="H7540" s="1" t="s">
        <v>29145</v>
      </c>
      <c r="I7540" s="1" t="s">
        <v>28021</v>
      </c>
      <c r="J7540" s="1" t="s">
        <v>29193</v>
      </c>
    </row>
    <row r="7541" spans="1:10" x14ac:dyDescent="0.35">
      <c r="A7541" s="1" t="s">
        <v>29141</v>
      </c>
      <c r="B7541" s="1" t="s">
        <v>28015</v>
      </c>
      <c r="C7541" s="1" t="s">
        <v>85</v>
      </c>
      <c r="D7541" s="1" t="s">
        <v>4074</v>
      </c>
      <c r="E7541" s="1" t="s">
        <v>29194</v>
      </c>
      <c r="F7541" s="1" t="s">
        <v>29195</v>
      </c>
      <c r="G7541" s="1" t="s">
        <v>29144</v>
      </c>
      <c r="H7541" s="1" t="s">
        <v>29145</v>
      </c>
      <c r="I7541" s="1" t="s">
        <v>28021</v>
      </c>
      <c r="J7541" s="1" t="s">
        <v>29196</v>
      </c>
    </row>
    <row r="7542" spans="1:10" x14ac:dyDescent="0.35">
      <c r="A7542" s="1" t="s">
        <v>29141</v>
      </c>
      <c r="B7542" s="1" t="s">
        <v>28015</v>
      </c>
      <c r="C7542" s="1" t="s">
        <v>90</v>
      </c>
      <c r="D7542" s="1" t="s">
        <v>10956</v>
      </c>
      <c r="E7542" s="1" t="s">
        <v>29197</v>
      </c>
      <c r="F7542" s="1" t="s">
        <v>29198</v>
      </c>
      <c r="G7542" s="1" t="s">
        <v>29144</v>
      </c>
      <c r="H7542" s="1" t="s">
        <v>29145</v>
      </c>
      <c r="I7542" s="1" t="s">
        <v>28021</v>
      </c>
      <c r="J7542" s="1" t="s">
        <v>29199</v>
      </c>
    </row>
    <row r="7543" spans="1:10" x14ac:dyDescent="0.35">
      <c r="A7543" s="1" t="s">
        <v>29141</v>
      </c>
      <c r="B7543" s="1" t="s">
        <v>28015</v>
      </c>
      <c r="C7543" s="1" t="s">
        <v>95</v>
      </c>
      <c r="D7543" s="1" t="s">
        <v>29200</v>
      </c>
      <c r="E7543" s="1" t="s">
        <v>29201</v>
      </c>
      <c r="F7543" s="1" t="s">
        <v>29202</v>
      </c>
      <c r="G7543" s="1" t="s">
        <v>29144</v>
      </c>
      <c r="H7543" s="1" t="s">
        <v>29145</v>
      </c>
      <c r="I7543" s="1" t="s">
        <v>28021</v>
      </c>
      <c r="J7543" s="1" t="s">
        <v>29203</v>
      </c>
    </row>
    <row r="7544" spans="1:10" x14ac:dyDescent="0.35">
      <c r="A7544" s="1" t="s">
        <v>29141</v>
      </c>
      <c r="B7544" s="1" t="s">
        <v>28015</v>
      </c>
      <c r="C7544" s="1" t="s">
        <v>100</v>
      </c>
      <c r="D7544" s="1" t="s">
        <v>29204</v>
      </c>
      <c r="E7544" s="1" t="s">
        <v>29205</v>
      </c>
      <c r="F7544" s="1" t="s">
        <v>29206</v>
      </c>
      <c r="G7544" s="1" t="s">
        <v>29144</v>
      </c>
      <c r="H7544" s="1" t="s">
        <v>29145</v>
      </c>
      <c r="I7544" s="1" t="s">
        <v>28021</v>
      </c>
      <c r="J7544" s="1" t="s">
        <v>29207</v>
      </c>
    </row>
    <row r="7545" spans="1:10" x14ac:dyDescent="0.35">
      <c r="A7545" s="1" t="s">
        <v>29141</v>
      </c>
      <c r="B7545" s="1" t="s">
        <v>28015</v>
      </c>
      <c r="C7545" s="1" t="s">
        <v>105</v>
      </c>
      <c r="D7545" s="1" t="s">
        <v>29208</v>
      </c>
      <c r="E7545" s="1" t="s">
        <v>29209</v>
      </c>
      <c r="F7545" s="1" t="s">
        <v>29210</v>
      </c>
      <c r="G7545" s="1" t="s">
        <v>29144</v>
      </c>
      <c r="H7545" s="1" t="s">
        <v>29145</v>
      </c>
      <c r="I7545" s="1" t="s">
        <v>28021</v>
      </c>
      <c r="J7545" s="1" t="s">
        <v>29211</v>
      </c>
    </row>
    <row r="7546" spans="1:10" x14ac:dyDescent="0.35">
      <c r="A7546" s="1" t="s">
        <v>29141</v>
      </c>
      <c r="B7546" s="1" t="s">
        <v>28015</v>
      </c>
      <c r="C7546" s="1" t="s">
        <v>110</v>
      </c>
      <c r="D7546" s="1" t="s">
        <v>29212</v>
      </c>
      <c r="E7546" s="1" t="s">
        <v>29213</v>
      </c>
      <c r="F7546" s="1" t="s">
        <v>29214</v>
      </c>
      <c r="G7546" s="1" t="s">
        <v>29144</v>
      </c>
      <c r="H7546" s="1" t="s">
        <v>29145</v>
      </c>
      <c r="I7546" s="1" t="s">
        <v>28021</v>
      </c>
      <c r="J7546" s="1" t="s">
        <v>29215</v>
      </c>
    </row>
    <row r="7547" spans="1:10" x14ac:dyDescent="0.35">
      <c r="A7547" s="1" t="s">
        <v>29141</v>
      </c>
      <c r="B7547" s="1" t="s">
        <v>28015</v>
      </c>
      <c r="C7547" s="1" t="s">
        <v>115</v>
      </c>
      <c r="D7547" s="1" t="s">
        <v>29216</v>
      </c>
      <c r="E7547" s="1" t="s">
        <v>29217</v>
      </c>
      <c r="F7547" s="1" t="s">
        <v>29218</v>
      </c>
      <c r="G7547" s="1" t="s">
        <v>29144</v>
      </c>
      <c r="H7547" s="1" t="s">
        <v>29145</v>
      </c>
      <c r="I7547" s="1" t="s">
        <v>28021</v>
      </c>
      <c r="J7547" s="1" t="s">
        <v>29219</v>
      </c>
    </row>
    <row r="7548" spans="1:10" x14ac:dyDescent="0.35">
      <c r="A7548" s="1" t="s">
        <v>29141</v>
      </c>
      <c r="B7548" s="1" t="s">
        <v>28015</v>
      </c>
      <c r="C7548" s="1" t="s">
        <v>120</v>
      </c>
      <c r="D7548" s="1" t="s">
        <v>29220</v>
      </c>
      <c r="E7548" s="1" t="s">
        <v>29221</v>
      </c>
      <c r="F7548" s="1" t="s">
        <v>29222</v>
      </c>
      <c r="G7548" s="1" t="s">
        <v>29144</v>
      </c>
      <c r="H7548" s="1" t="s">
        <v>29145</v>
      </c>
      <c r="I7548" s="1" t="s">
        <v>28021</v>
      </c>
      <c r="J7548" s="1" t="s">
        <v>29223</v>
      </c>
    </row>
    <row r="7549" spans="1:10" x14ac:dyDescent="0.35">
      <c r="A7549" s="1" t="s">
        <v>29141</v>
      </c>
      <c r="B7549" s="1" t="s">
        <v>28015</v>
      </c>
      <c r="C7549" s="1" t="s">
        <v>125</v>
      </c>
      <c r="D7549" s="1" t="s">
        <v>1608</v>
      </c>
      <c r="E7549" s="1" t="s">
        <v>29224</v>
      </c>
      <c r="F7549" s="1" t="s">
        <v>29225</v>
      </c>
      <c r="G7549" s="1" t="s">
        <v>29144</v>
      </c>
      <c r="H7549" s="1" t="s">
        <v>29145</v>
      </c>
      <c r="I7549" s="1" t="s">
        <v>28021</v>
      </c>
      <c r="J7549" s="1" t="s">
        <v>29226</v>
      </c>
    </row>
    <row r="7550" spans="1:10" x14ac:dyDescent="0.35">
      <c r="A7550" s="1" t="s">
        <v>29141</v>
      </c>
      <c r="B7550" s="1" t="s">
        <v>28015</v>
      </c>
      <c r="C7550" s="1" t="s">
        <v>130</v>
      </c>
      <c r="D7550" s="1" t="s">
        <v>29227</v>
      </c>
      <c r="E7550" s="1" t="s">
        <v>29228</v>
      </c>
      <c r="F7550" s="1" t="s">
        <v>29229</v>
      </c>
      <c r="G7550" s="1" t="s">
        <v>29144</v>
      </c>
      <c r="H7550" s="1" t="s">
        <v>29145</v>
      </c>
      <c r="I7550" s="1" t="s">
        <v>28021</v>
      </c>
      <c r="J7550" s="1" t="s">
        <v>29230</v>
      </c>
    </row>
    <row r="7551" spans="1:10" x14ac:dyDescent="0.35">
      <c r="A7551" s="1" t="s">
        <v>29141</v>
      </c>
      <c r="B7551" s="1" t="s">
        <v>28015</v>
      </c>
      <c r="C7551" s="1" t="s">
        <v>135</v>
      </c>
      <c r="D7551" s="1" t="s">
        <v>29231</v>
      </c>
      <c r="E7551" s="1" t="s">
        <v>29232</v>
      </c>
      <c r="F7551" s="1" t="s">
        <v>29233</v>
      </c>
      <c r="G7551" s="1" t="s">
        <v>29144</v>
      </c>
      <c r="H7551" s="1" t="s">
        <v>29145</v>
      </c>
      <c r="I7551" s="1" t="s">
        <v>28021</v>
      </c>
      <c r="J7551" s="1" t="s">
        <v>29234</v>
      </c>
    </row>
    <row r="7552" spans="1:10" x14ac:dyDescent="0.35">
      <c r="A7552" s="1" t="s">
        <v>29141</v>
      </c>
      <c r="B7552" s="1" t="s">
        <v>28015</v>
      </c>
      <c r="C7552" s="1" t="s">
        <v>140</v>
      </c>
      <c r="D7552" s="1" t="s">
        <v>2374</v>
      </c>
      <c r="E7552" s="1" t="s">
        <v>29235</v>
      </c>
      <c r="F7552" s="1" t="s">
        <v>29236</v>
      </c>
      <c r="G7552" s="1" t="s">
        <v>29144</v>
      </c>
      <c r="H7552" s="1" t="s">
        <v>29145</v>
      </c>
      <c r="I7552" s="1" t="s">
        <v>28021</v>
      </c>
      <c r="J7552" s="1" t="s">
        <v>29237</v>
      </c>
    </row>
    <row r="7553" spans="1:10" x14ac:dyDescent="0.35">
      <c r="A7553" s="1" t="s">
        <v>29141</v>
      </c>
      <c r="B7553" s="1" t="s">
        <v>28015</v>
      </c>
      <c r="C7553" s="1" t="s">
        <v>145</v>
      </c>
      <c r="D7553" s="1" t="s">
        <v>29238</v>
      </c>
      <c r="E7553" s="1" t="s">
        <v>29239</v>
      </c>
      <c r="F7553" s="1" t="s">
        <v>29240</v>
      </c>
      <c r="G7553" s="1" t="s">
        <v>29144</v>
      </c>
      <c r="H7553" s="1" t="s">
        <v>29145</v>
      </c>
      <c r="I7553" s="1" t="s">
        <v>28021</v>
      </c>
      <c r="J7553" s="1" t="s">
        <v>29241</v>
      </c>
    </row>
    <row r="7554" spans="1:10" x14ac:dyDescent="0.35">
      <c r="A7554" s="1" t="s">
        <v>29141</v>
      </c>
      <c r="B7554" s="1" t="s">
        <v>28015</v>
      </c>
      <c r="C7554" s="1" t="s">
        <v>150</v>
      </c>
      <c r="D7554" s="1" t="s">
        <v>29242</v>
      </c>
      <c r="E7554" s="1" t="s">
        <v>29243</v>
      </c>
      <c r="F7554" s="1" t="s">
        <v>29244</v>
      </c>
      <c r="G7554" s="1" t="s">
        <v>29144</v>
      </c>
      <c r="H7554" s="1" t="s">
        <v>29145</v>
      </c>
      <c r="I7554" s="1" t="s">
        <v>28021</v>
      </c>
      <c r="J7554" s="1" t="s">
        <v>29245</v>
      </c>
    </row>
    <row r="7555" spans="1:10" x14ac:dyDescent="0.35">
      <c r="A7555" s="1" t="s">
        <v>29141</v>
      </c>
      <c r="B7555" s="1" t="s">
        <v>28015</v>
      </c>
      <c r="C7555" s="1" t="s">
        <v>155</v>
      </c>
      <c r="D7555" s="1" t="s">
        <v>29246</v>
      </c>
      <c r="E7555" s="1" t="s">
        <v>29247</v>
      </c>
      <c r="F7555" s="1" t="s">
        <v>29248</v>
      </c>
      <c r="G7555" s="1" t="s">
        <v>29144</v>
      </c>
      <c r="H7555" s="1" t="s">
        <v>29145</v>
      </c>
      <c r="I7555" s="1" t="s">
        <v>28021</v>
      </c>
      <c r="J7555" s="1" t="s">
        <v>29249</v>
      </c>
    </row>
    <row r="7556" spans="1:10" x14ac:dyDescent="0.35">
      <c r="A7556" s="1" t="s">
        <v>29141</v>
      </c>
      <c r="B7556" s="1" t="s">
        <v>28015</v>
      </c>
      <c r="C7556" s="1" t="s">
        <v>160</v>
      </c>
      <c r="D7556" s="1" t="s">
        <v>29250</v>
      </c>
      <c r="E7556" s="1" t="s">
        <v>29251</v>
      </c>
      <c r="F7556" s="1" t="s">
        <v>29252</v>
      </c>
      <c r="G7556" s="1" t="s">
        <v>29144</v>
      </c>
      <c r="H7556" s="1" t="s">
        <v>29145</v>
      </c>
      <c r="I7556" s="1" t="s">
        <v>28021</v>
      </c>
      <c r="J7556" s="1" t="s">
        <v>29253</v>
      </c>
    </row>
    <row r="7557" spans="1:10" x14ac:dyDescent="0.35">
      <c r="A7557" s="1" t="s">
        <v>29141</v>
      </c>
      <c r="B7557" s="1" t="s">
        <v>28015</v>
      </c>
      <c r="C7557" s="1" t="s">
        <v>165</v>
      </c>
      <c r="D7557" s="1" t="s">
        <v>29254</v>
      </c>
      <c r="E7557" s="1" t="s">
        <v>29255</v>
      </c>
      <c r="F7557" s="1" t="s">
        <v>29256</v>
      </c>
      <c r="G7557" s="1" t="s">
        <v>29144</v>
      </c>
      <c r="H7557" s="1" t="s">
        <v>29145</v>
      </c>
      <c r="I7557" s="1" t="s">
        <v>28021</v>
      </c>
      <c r="J7557" s="1" t="s">
        <v>29257</v>
      </c>
    </row>
    <row r="7558" spans="1:10" x14ac:dyDescent="0.35">
      <c r="A7558" s="1" t="s">
        <v>29141</v>
      </c>
      <c r="B7558" s="1" t="s">
        <v>28015</v>
      </c>
      <c r="C7558" s="1" t="s">
        <v>170</v>
      </c>
      <c r="D7558" s="1" t="s">
        <v>29258</v>
      </c>
      <c r="E7558" s="1" t="s">
        <v>29259</v>
      </c>
      <c r="F7558" s="1" t="s">
        <v>29260</v>
      </c>
      <c r="G7558" s="1" t="s">
        <v>29144</v>
      </c>
      <c r="H7558" s="1" t="s">
        <v>29145</v>
      </c>
      <c r="I7558" s="1" t="s">
        <v>28021</v>
      </c>
      <c r="J7558" s="1" t="s">
        <v>29261</v>
      </c>
    </row>
    <row r="7559" spans="1:10" x14ac:dyDescent="0.35">
      <c r="A7559" s="1" t="s">
        <v>29262</v>
      </c>
      <c r="B7559" s="1" t="s">
        <v>28015</v>
      </c>
      <c r="C7559" s="1" t="s">
        <v>8</v>
      </c>
      <c r="D7559" s="1" t="s">
        <v>29263</v>
      </c>
      <c r="E7559" s="1" t="s">
        <v>29264</v>
      </c>
      <c r="F7559" s="1" t="s">
        <v>29265</v>
      </c>
      <c r="G7559" s="1" t="s">
        <v>29266</v>
      </c>
      <c r="H7559" s="1" t="s">
        <v>29267</v>
      </c>
      <c r="I7559" s="1" t="s">
        <v>28021</v>
      </c>
      <c r="J7559" s="1" t="s">
        <v>13</v>
      </c>
    </row>
    <row r="7560" spans="1:10" x14ac:dyDescent="0.35">
      <c r="A7560" s="1" t="s">
        <v>29262</v>
      </c>
      <c r="B7560" s="1" t="s">
        <v>28015</v>
      </c>
      <c r="C7560" s="1" t="s">
        <v>15</v>
      </c>
      <c r="D7560" s="1" t="s">
        <v>29268</v>
      </c>
      <c r="E7560" s="1" t="s">
        <v>29269</v>
      </c>
      <c r="F7560" s="1" t="s">
        <v>29270</v>
      </c>
      <c r="G7560" s="1" t="s">
        <v>29266</v>
      </c>
      <c r="H7560" s="1" t="s">
        <v>29267</v>
      </c>
      <c r="I7560" s="1" t="s">
        <v>28021</v>
      </c>
      <c r="J7560" s="1" t="s">
        <v>29271</v>
      </c>
    </row>
    <row r="7561" spans="1:10" x14ac:dyDescent="0.35">
      <c r="A7561" s="1" t="s">
        <v>29262</v>
      </c>
      <c r="B7561" s="1" t="s">
        <v>28015</v>
      </c>
      <c r="C7561" s="1" t="s">
        <v>20</v>
      </c>
      <c r="D7561" s="1" t="s">
        <v>29272</v>
      </c>
      <c r="E7561" s="1" t="s">
        <v>29273</v>
      </c>
      <c r="F7561" s="1" t="s">
        <v>29274</v>
      </c>
      <c r="G7561" s="1" t="s">
        <v>29266</v>
      </c>
      <c r="H7561" s="1" t="s">
        <v>29267</v>
      </c>
      <c r="I7561" s="1" t="s">
        <v>28021</v>
      </c>
      <c r="J7561" s="1" t="s">
        <v>29275</v>
      </c>
    </row>
    <row r="7562" spans="1:10" x14ac:dyDescent="0.35">
      <c r="A7562" s="1" t="s">
        <v>29262</v>
      </c>
      <c r="B7562" s="1" t="s">
        <v>28015</v>
      </c>
      <c r="C7562" s="1" t="s">
        <v>25</v>
      </c>
      <c r="D7562" s="1" t="s">
        <v>29276</v>
      </c>
      <c r="E7562" s="1" t="s">
        <v>29277</v>
      </c>
      <c r="F7562" s="1" t="s">
        <v>29278</v>
      </c>
      <c r="G7562" s="1" t="s">
        <v>29266</v>
      </c>
      <c r="H7562" s="1" t="s">
        <v>29267</v>
      </c>
      <c r="I7562" s="1" t="s">
        <v>28021</v>
      </c>
      <c r="J7562" s="1" t="s">
        <v>29279</v>
      </c>
    </row>
    <row r="7563" spans="1:10" x14ac:dyDescent="0.35">
      <c r="A7563" s="1" t="s">
        <v>29262</v>
      </c>
      <c r="B7563" s="1" t="s">
        <v>28015</v>
      </c>
      <c r="C7563" s="1" t="s">
        <v>30</v>
      </c>
      <c r="D7563" s="1" t="s">
        <v>28721</v>
      </c>
      <c r="E7563" s="1" t="s">
        <v>29280</v>
      </c>
      <c r="F7563" s="1" t="s">
        <v>29281</v>
      </c>
      <c r="G7563" s="1" t="s">
        <v>29266</v>
      </c>
      <c r="H7563" s="1" t="s">
        <v>29267</v>
      </c>
      <c r="I7563" s="1" t="s">
        <v>28021</v>
      </c>
      <c r="J7563" s="1" t="s">
        <v>29282</v>
      </c>
    </row>
    <row r="7564" spans="1:10" x14ac:dyDescent="0.35">
      <c r="A7564" s="1" t="s">
        <v>29262</v>
      </c>
      <c r="B7564" s="1" t="s">
        <v>28015</v>
      </c>
      <c r="C7564" s="1" t="s">
        <v>35</v>
      </c>
      <c r="D7564" s="1" t="s">
        <v>29283</v>
      </c>
      <c r="E7564" s="1" t="s">
        <v>29284</v>
      </c>
      <c r="F7564" s="1" t="s">
        <v>29285</v>
      </c>
      <c r="G7564" s="1" t="s">
        <v>29266</v>
      </c>
      <c r="H7564" s="1" t="s">
        <v>29267</v>
      </c>
      <c r="I7564" s="1" t="s">
        <v>28021</v>
      </c>
      <c r="J7564" s="1" t="s">
        <v>29286</v>
      </c>
    </row>
    <row r="7565" spans="1:10" x14ac:dyDescent="0.35">
      <c r="A7565" s="1" t="s">
        <v>29262</v>
      </c>
      <c r="B7565" s="1" t="s">
        <v>28015</v>
      </c>
      <c r="C7565" s="1" t="s">
        <v>40</v>
      </c>
      <c r="D7565" s="1" t="s">
        <v>29287</v>
      </c>
      <c r="E7565" s="1" t="s">
        <v>29288</v>
      </c>
      <c r="F7565" s="1" t="s">
        <v>29289</v>
      </c>
      <c r="G7565" s="1" t="s">
        <v>29266</v>
      </c>
      <c r="H7565" s="1" t="s">
        <v>29267</v>
      </c>
      <c r="I7565" s="1" t="s">
        <v>28021</v>
      </c>
      <c r="J7565" s="1" t="s">
        <v>29290</v>
      </c>
    </row>
    <row r="7566" spans="1:10" x14ac:dyDescent="0.35">
      <c r="A7566" s="1" t="s">
        <v>29262</v>
      </c>
      <c r="B7566" s="1" t="s">
        <v>28015</v>
      </c>
      <c r="C7566" s="1" t="s">
        <v>45</v>
      </c>
      <c r="D7566" s="1" t="s">
        <v>29291</v>
      </c>
      <c r="E7566" s="1" t="s">
        <v>29292</v>
      </c>
      <c r="F7566" s="1" t="s">
        <v>29293</v>
      </c>
      <c r="G7566" s="1" t="s">
        <v>29266</v>
      </c>
      <c r="H7566" s="1" t="s">
        <v>29267</v>
      </c>
      <c r="I7566" s="1" t="s">
        <v>28021</v>
      </c>
      <c r="J7566" s="1" t="s">
        <v>29294</v>
      </c>
    </row>
    <row r="7567" spans="1:10" x14ac:dyDescent="0.35">
      <c r="A7567" s="1" t="s">
        <v>29262</v>
      </c>
      <c r="B7567" s="1" t="s">
        <v>28015</v>
      </c>
      <c r="C7567" s="1" t="s">
        <v>50</v>
      </c>
      <c r="D7567" s="1" t="s">
        <v>5521</v>
      </c>
      <c r="E7567" s="1" t="s">
        <v>29295</v>
      </c>
      <c r="F7567" s="1" t="s">
        <v>29296</v>
      </c>
      <c r="G7567" s="1" t="s">
        <v>29266</v>
      </c>
      <c r="H7567" s="1" t="s">
        <v>29267</v>
      </c>
      <c r="I7567" s="1" t="s">
        <v>28021</v>
      </c>
      <c r="J7567" s="1" t="s">
        <v>29297</v>
      </c>
    </row>
    <row r="7568" spans="1:10" x14ac:dyDescent="0.35">
      <c r="A7568" s="1" t="s">
        <v>29262</v>
      </c>
      <c r="B7568" s="1" t="s">
        <v>28015</v>
      </c>
      <c r="C7568" s="1" t="s">
        <v>55</v>
      </c>
      <c r="D7568" s="1" t="s">
        <v>6417</v>
      </c>
      <c r="E7568" s="1" t="s">
        <v>29298</v>
      </c>
      <c r="F7568" s="1" t="s">
        <v>29299</v>
      </c>
      <c r="G7568" s="1" t="s">
        <v>29266</v>
      </c>
      <c r="H7568" s="1" t="s">
        <v>29267</v>
      </c>
      <c r="I7568" s="1" t="s">
        <v>28021</v>
      </c>
      <c r="J7568" s="1" t="s">
        <v>29300</v>
      </c>
    </row>
    <row r="7569" spans="1:10" x14ac:dyDescent="0.35">
      <c r="A7569" s="1" t="s">
        <v>29262</v>
      </c>
      <c r="B7569" s="1" t="s">
        <v>28015</v>
      </c>
      <c r="C7569" s="1" t="s">
        <v>60</v>
      </c>
      <c r="D7569" s="1" t="s">
        <v>29301</v>
      </c>
      <c r="E7569" s="1" t="s">
        <v>29302</v>
      </c>
      <c r="F7569" s="1" t="s">
        <v>29303</v>
      </c>
      <c r="G7569" s="1" t="s">
        <v>29266</v>
      </c>
      <c r="H7569" s="1" t="s">
        <v>29267</v>
      </c>
      <c r="I7569" s="1" t="s">
        <v>28021</v>
      </c>
      <c r="J7569" s="1" t="s">
        <v>29304</v>
      </c>
    </row>
    <row r="7570" spans="1:10" x14ac:dyDescent="0.35">
      <c r="A7570" s="1" t="s">
        <v>29262</v>
      </c>
      <c r="B7570" s="1" t="s">
        <v>28015</v>
      </c>
      <c r="C7570" s="1" t="s">
        <v>65</v>
      </c>
      <c r="D7570" s="1" t="s">
        <v>27731</v>
      </c>
      <c r="E7570" s="1" t="s">
        <v>29305</v>
      </c>
      <c r="F7570" s="1" t="s">
        <v>29306</v>
      </c>
      <c r="G7570" s="1" t="s">
        <v>29266</v>
      </c>
      <c r="H7570" s="1" t="s">
        <v>29267</v>
      </c>
      <c r="I7570" s="1" t="s">
        <v>28021</v>
      </c>
      <c r="J7570" s="1" t="s">
        <v>29307</v>
      </c>
    </row>
    <row r="7571" spans="1:10" x14ac:dyDescent="0.35">
      <c r="A7571" s="1" t="s">
        <v>29262</v>
      </c>
      <c r="B7571" s="1" t="s">
        <v>28015</v>
      </c>
      <c r="C7571" s="1" t="s">
        <v>70</v>
      </c>
      <c r="D7571" s="1" t="s">
        <v>5534</v>
      </c>
      <c r="E7571" s="1" t="s">
        <v>29308</v>
      </c>
      <c r="F7571" s="1" t="s">
        <v>29309</v>
      </c>
      <c r="G7571" s="1" t="s">
        <v>29266</v>
      </c>
      <c r="H7571" s="1" t="s">
        <v>29267</v>
      </c>
      <c r="I7571" s="1" t="s">
        <v>28021</v>
      </c>
      <c r="J7571" s="1" t="s">
        <v>29310</v>
      </c>
    </row>
    <row r="7572" spans="1:10" x14ac:dyDescent="0.35">
      <c r="A7572" s="1" t="s">
        <v>29262</v>
      </c>
      <c r="B7572" s="1" t="s">
        <v>28015</v>
      </c>
      <c r="C7572" s="1" t="s">
        <v>75</v>
      </c>
      <c r="D7572" s="1" t="s">
        <v>27345</v>
      </c>
      <c r="E7572" s="1" t="s">
        <v>29311</v>
      </c>
      <c r="F7572" s="1" t="s">
        <v>29312</v>
      </c>
      <c r="G7572" s="1" t="s">
        <v>29266</v>
      </c>
      <c r="H7572" s="1" t="s">
        <v>29267</v>
      </c>
      <c r="I7572" s="1" t="s">
        <v>28021</v>
      </c>
      <c r="J7572" s="1" t="s">
        <v>29313</v>
      </c>
    </row>
    <row r="7573" spans="1:10" x14ac:dyDescent="0.35">
      <c r="A7573" s="1" t="s">
        <v>29262</v>
      </c>
      <c r="B7573" s="1" t="s">
        <v>28015</v>
      </c>
      <c r="C7573" s="1" t="s">
        <v>80</v>
      </c>
      <c r="D7573" s="1" t="s">
        <v>7033</v>
      </c>
      <c r="E7573" s="1" t="s">
        <v>29314</v>
      </c>
      <c r="F7573" s="1" t="s">
        <v>29315</v>
      </c>
      <c r="G7573" s="1" t="s">
        <v>29266</v>
      </c>
      <c r="H7573" s="1" t="s">
        <v>29267</v>
      </c>
      <c r="I7573" s="1" t="s">
        <v>28021</v>
      </c>
      <c r="J7573" s="1" t="s">
        <v>29316</v>
      </c>
    </row>
    <row r="7574" spans="1:10" x14ac:dyDescent="0.35">
      <c r="A7574" s="1" t="s">
        <v>29262</v>
      </c>
      <c r="B7574" s="1" t="s">
        <v>28015</v>
      </c>
      <c r="C7574" s="1" t="s">
        <v>85</v>
      </c>
      <c r="D7574" s="1" t="s">
        <v>9403</v>
      </c>
      <c r="E7574" s="1" t="s">
        <v>29317</v>
      </c>
      <c r="F7574" s="1" t="s">
        <v>29318</v>
      </c>
      <c r="G7574" s="1" t="s">
        <v>29266</v>
      </c>
      <c r="H7574" s="1" t="s">
        <v>29267</v>
      </c>
      <c r="I7574" s="1" t="s">
        <v>28021</v>
      </c>
      <c r="J7574" s="1" t="s">
        <v>29319</v>
      </c>
    </row>
    <row r="7575" spans="1:10" x14ac:dyDescent="0.35">
      <c r="A7575" s="1" t="s">
        <v>29262</v>
      </c>
      <c r="B7575" s="1" t="s">
        <v>28015</v>
      </c>
      <c r="C7575" s="1" t="s">
        <v>90</v>
      </c>
      <c r="D7575" s="1" t="s">
        <v>29320</v>
      </c>
      <c r="E7575" s="1" t="s">
        <v>29321</v>
      </c>
      <c r="F7575" s="1" t="s">
        <v>29322</v>
      </c>
      <c r="G7575" s="1" t="s">
        <v>29266</v>
      </c>
      <c r="H7575" s="1" t="s">
        <v>29267</v>
      </c>
      <c r="I7575" s="1" t="s">
        <v>28021</v>
      </c>
      <c r="J7575" s="1" t="s">
        <v>29323</v>
      </c>
    </row>
    <row r="7576" spans="1:10" x14ac:dyDescent="0.35">
      <c r="A7576" s="1" t="s">
        <v>29262</v>
      </c>
      <c r="B7576" s="1" t="s">
        <v>28015</v>
      </c>
      <c r="C7576" s="1" t="s">
        <v>95</v>
      </c>
      <c r="D7576" s="1" t="s">
        <v>28536</v>
      </c>
      <c r="E7576" s="1" t="s">
        <v>29324</v>
      </c>
      <c r="F7576" s="1" t="s">
        <v>29325</v>
      </c>
      <c r="G7576" s="1" t="s">
        <v>29266</v>
      </c>
      <c r="H7576" s="1" t="s">
        <v>29267</v>
      </c>
      <c r="I7576" s="1" t="s">
        <v>28021</v>
      </c>
      <c r="J7576" s="1" t="s">
        <v>29326</v>
      </c>
    </row>
    <row r="7577" spans="1:10" x14ac:dyDescent="0.35">
      <c r="A7577" s="1" t="s">
        <v>29262</v>
      </c>
      <c r="B7577" s="1" t="s">
        <v>28015</v>
      </c>
      <c r="C7577" s="1" t="s">
        <v>100</v>
      </c>
      <c r="D7577" s="1" t="s">
        <v>29327</v>
      </c>
      <c r="E7577" s="1" t="s">
        <v>29328</v>
      </c>
      <c r="F7577" s="1" t="s">
        <v>29329</v>
      </c>
      <c r="G7577" s="1" t="s">
        <v>29266</v>
      </c>
      <c r="H7577" s="1" t="s">
        <v>29267</v>
      </c>
      <c r="I7577" s="1" t="s">
        <v>28021</v>
      </c>
      <c r="J7577" s="1" t="s">
        <v>29330</v>
      </c>
    </row>
    <row r="7578" spans="1:10" x14ac:dyDescent="0.35">
      <c r="A7578" s="1" t="s">
        <v>29262</v>
      </c>
      <c r="B7578" s="1" t="s">
        <v>28015</v>
      </c>
      <c r="C7578" s="1" t="s">
        <v>105</v>
      </c>
      <c r="D7578" s="1" t="s">
        <v>15059</v>
      </c>
      <c r="E7578" s="1" t="s">
        <v>29331</v>
      </c>
      <c r="F7578" s="1" t="s">
        <v>29332</v>
      </c>
      <c r="G7578" s="1" t="s">
        <v>29266</v>
      </c>
      <c r="H7578" s="1" t="s">
        <v>29267</v>
      </c>
      <c r="I7578" s="1" t="s">
        <v>28021</v>
      </c>
      <c r="J7578" s="1" t="s">
        <v>29333</v>
      </c>
    </row>
    <row r="7579" spans="1:10" x14ac:dyDescent="0.35">
      <c r="A7579" s="1" t="s">
        <v>29262</v>
      </c>
      <c r="B7579" s="1" t="s">
        <v>28015</v>
      </c>
      <c r="C7579" s="1" t="s">
        <v>110</v>
      </c>
      <c r="D7579" s="1" t="s">
        <v>29334</v>
      </c>
      <c r="E7579" s="1" t="s">
        <v>29335</v>
      </c>
      <c r="F7579" s="1" t="s">
        <v>29336</v>
      </c>
      <c r="G7579" s="1" t="s">
        <v>29266</v>
      </c>
      <c r="H7579" s="1" t="s">
        <v>29267</v>
      </c>
      <c r="I7579" s="1" t="s">
        <v>28021</v>
      </c>
      <c r="J7579" s="1" t="s">
        <v>29337</v>
      </c>
    </row>
    <row r="7580" spans="1:10" x14ac:dyDescent="0.35">
      <c r="A7580" s="1" t="s">
        <v>29262</v>
      </c>
      <c r="B7580" s="1" t="s">
        <v>28015</v>
      </c>
      <c r="C7580" s="1" t="s">
        <v>115</v>
      </c>
      <c r="D7580" s="1" t="s">
        <v>1395</v>
      </c>
      <c r="E7580" s="1" t="s">
        <v>29338</v>
      </c>
      <c r="F7580" s="1" t="s">
        <v>29339</v>
      </c>
      <c r="G7580" s="1" t="s">
        <v>29266</v>
      </c>
      <c r="H7580" s="1" t="s">
        <v>29267</v>
      </c>
      <c r="I7580" s="1" t="s">
        <v>28021</v>
      </c>
      <c r="J7580" s="1" t="s">
        <v>29340</v>
      </c>
    </row>
    <row r="7581" spans="1:10" x14ac:dyDescent="0.35">
      <c r="A7581" s="1" t="s">
        <v>29262</v>
      </c>
      <c r="B7581" s="1" t="s">
        <v>28015</v>
      </c>
      <c r="C7581" s="1" t="s">
        <v>120</v>
      </c>
      <c r="D7581" s="1" t="s">
        <v>1635</v>
      </c>
      <c r="E7581" s="1" t="s">
        <v>29341</v>
      </c>
      <c r="F7581" s="1" t="s">
        <v>29342</v>
      </c>
      <c r="G7581" s="1" t="s">
        <v>29266</v>
      </c>
      <c r="H7581" s="1" t="s">
        <v>29267</v>
      </c>
      <c r="I7581" s="1" t="s">
        <v>28021</v>
      </c>
      <c r="J7581" s="1" t="s">
        <v>29343</v>
      </c>
    </row>
    <row r="7582" spans="1:10" x14ac:dyDescent="0.35">
      <c r="A7582" s="1" t="s">
        <v>29262</v>
      </c>
      <c r="B7582" s="1" t="s">
        <v>28015</v>
      </c>
      <c r="C7582" s="1" t="s">
        <v>125</v>
      </c>
      <c r="D7582" s="1" t="s">
        <v>29344</v>
      </c>
      <c r="E7582" s="1" t="s">
        <v>29345</v>
      </c>
      <c r="F7582" s="1" t="s">
        <v>29346</v>
      </c>
      <c r="G7582" s="1" t="s">
        <v>29266</v>
      </c>
      <c r="H7582" s="1" t="s">
        <v>29267</v>
      </c>
      <c r="I7582" s="1" t="s">
        <v>28021</v>
      </c>
      <c r="J7582" s="1" t="s">
        <v>29347</v>
      </c>
    </row>
    <row r="7583" spans="1:10" x14ac:dyDescent="0.35">
      <c r="A7583" s="1" t="s">
        <v>29262</v>
      </c>
      <c r="B7583" s="1" t="s">
        <v>28015</v>
      </c>
      <c r="C7583" s="1" t="s">
        <v>130</v>
      </c>
      <c r="D7583" s="1" t="s">
        <v>29348</v>
      </c>
      <c r="E7583" s="1" t="s">
        <v>29349</v>
      </c>
      <c r="F7583" s="1" t="s">
        <v>29350</v>
      </c>
      <c r="G7583" s="1" t="s">
        <v>29266</v>
      </c>
      <c r="H7583" s="1" t="s">
        <v>29267</v>
      </c>
      <c r="I7583" s="1" t="s">
        <v>28021</v>
      </c>
      <c r="J7583" s="1" t="s">
        <v>29351</v>
      </c>
    </row>
    <row r="7584" spans="1:10" x14ac:dyDescent="0.35">
      <c r="A7584" s="1" t="s">
        <v>29262</v>
      </c>
      <c r="B7584" s="1" t="s">
        <v>28015</v>
      </c>
      <c r="C7584" s="1" t="s">
        <v>135</v>
      </c>
      <c r="D7584" s="1" t="s">
        <v>29352</v>
      </c>
      <c r="E7584" s="1" t="s">
        <v>29353</v>
      </c>
      <c r="F7584" s="1" t="s">
        <v>29354</v>
      </c>
      <c r="G7584" s="1" t="s">
        <v>29266</v>
      </c>
      <c r="H7584" s="1" t="s">
        <v>29267</v>
      </c>
      <c r="I7584" s="1" t="s">
        <v>28021</v>
      </c>
      <c r="J7584" s="1" t="s">
        <v>29355</v>
      </c>
    </row>
    <row r="7585" spans="1:10" x14ac:dyDescent="0.35">
      <c r="A7585" s="1" t="s">
        <v>29262</v>
      </c>
      <c r="B7585" s="1" t="s">
        <v>28015</v>
      </c>
      <c r="C7585" s="1" t="s">
        <v>140</v>
      </c>
      <c r="D7585" s="1" t="s">
        <v>7059</v>
      </c>
      <c r="E7585" s="1" t="s">
        <v>29356</v>
      </c>
      <c r="F7585" s="1" t="s">
        <v>29357</v>
      </c>
      <c r="G7585" s="1" t="s">
        <v>29266</v>
      </c>
      <c r="H7585" s="1" t="s">
        <v>29267</v>
      </c>
      <c r="I7585" s="1" t="s">
        <v>28021</v>
      </c>
      <c r="J7585" s="1" t="s">
        <v>29358</v>
      </c>
    </row>
    <row r="7586" spans="1:10" x14ac:dyDescent="0.35">
      <c r="A7586" s="1" t="s">
        <v>29262</v>
      </c>
      <c r="B7586" s="1" t="s">
        <v>28015</v>
      </c>
      <c r="C7586" s="1" t="s">
        <v>145</v>
      </c>
      <c r="D7586" s="1" t="s">
        <v>29359</v>
      </c>
      <c r="E7586" s="1" t="s">
        <v>29360</v>
      </c>
      <c r="F7586" s="1" t="s">
        <v>29361</v>
      </c>
      <c r="G7586" s="1" t="s">
        <v>29266</v>
      </c>
      <c r="H7586" s="1" t="s">
        <v>29267</v>
      </c>
      <c r="I7586" s="1" t="s">
        <v>28021</v>
      </c>
      <c r="J7586" s="1" t="s">
        <v>29362</v>
      </c>
    </row>
    <row r="7587" spans="1:10" x14ac:dyDescent="0.35">
      <c r="A7587" s="1" t="s">
        <v>29262</v>
      </c>
      <c r="B7587" s="1" t="s">
        <v>28015</v>
      </c>
      <c r="C7587" s="1" t="s">
        <v>150</v>
      </c>
      <c r="D7587" s="1" t="s">
        <v>29363</v>
      </c>
      <c r="E7587" s="1" t="s">
        <v>29364</v>
      </c>
      <c r="F7587" s="1" t="s">
        <v>29365</v>
      </c>
      <c r="G7587" s="1" t="s">
        <v>29266</v>
      </c>
      <c r="H7587" s="1" t="s">
        <v>29267</v>
      </c>
      <c r="I7587" s="1" t="s">
        <v>28021</v>
      </c>
      <c r="J7587" s="1" t="s">
        <v>29366</v>
      </c>
    </row>
    <row r="7588" spans="1:10" x14ac:dyDescent="0.35">
      <c r="A7588" s="1" t="s">
        <v>29262</v>
      </c>
      <c r="B7588" s="1" t="s">
        <v>28015</v>
      </c>
      <c r="C7588" s="1" t="s">
        <v>155</v>
      </c>
      <c r="D7588" s="1" t="s">
        <v>29367</v>
      </c>
      <c r="E7588" s="1" t="s">
        <v>29368</v>
      </c>
      <c r="F7588" s="1" t="s">
        <v>29369</v>
      </c>
      <c r="G7588" s="1" t="s">
        <v>29266</v>
      </c>
      <c r="H7588" s="1" t="s">
        <v>29267</v>
      </c>
      <c r="I7588" s="1" t="s">
        <v>28021</v>
      </c>
      <c r="J7588" s="1" t="s">
        <v>29370</v>
      </c>
    </row>
    <row r="7589" spans="1:10" x14ac:dyDescent="0.35">
      <c r="A7589" s="1" t="s">
        <v>29262</v>
      </c>
      <c r="B7589" s="1" t="s">
        <v>28015</v>
      </c>
      <c r="C7589" s="1" t="s">
        <v>160</v>
      </c>
      <c r="D7589" s="1" t="s">
        <v>14545</v>
      </c>
      <c r="E7589" s="1" t="s">
        <v>29371</v>
      </c>
      <c r="F7589" s="1" t="s">
        <v>29372</v>
      </c>
      <c r="G7589" s="1" t="s">
        <v>29266</v>
      </c>
      <c r="H7589" s="1" t="s">
        <v>29267</v>
      </c>
      <c r="I7589" s="1" t="s">
        <v>28021</v>
      </c>
      <c r="J7589" s="1" t="s">
        <v>29373</v>
      </c>
    </row>
    <row r="7590" spans="1:10" x14ac:dyDescent="0.35">
      <c r="A7590" s="1" t="s">
        <v>29262</v>
      </c>
      <c r="B7590" s="1" t="s">
        <v>28015</v>
      </c>
      <c r="C7590" s="1" t="s">
        <v>165</v>
      </c>
      <c r="D7590" s="1" t="s">
        <v>29374</v>
      </c>
      <c r="E7590" s="1" t="s">
        <v>29375</v>
      </c>
      <c r="F7590" s="1" t="s">
        <v>29376</v>
      </c>
      <c r="G7590" s="1" t="s">
        <v>29266</v>
      </c>
      <c r="H7590" s="1" t="s">
        <v>29267</v>
      </c>
      <c r="I7590" s="1" t="s">
        <v>28021</v>
      </c>
      <c r="J7590" s="1" t="s">
        <v>29377</v>
      </c>
    </row>
    <row r="7591" spans="1:10" x14ac:dyDescent="0.35">
      <c r="A7591" s="1" t="s">
        <v>29262</v>
      </c>
      <c r="B7591" s="1" t="s">
        <v>28015</v>
      </c>
      <c r="C7591" s="1" t="s">
        <v>170</v>
      </c>
      <c r="D7591" s="1" t="s">
        <v>14049</v>
      </c>
      <c r="E7591" s="1" t="s">
        <v>29378</v>
      </c>
      <c r="F7591" s="1" t="s">
        <v>29379</v>
      </c>
      <c r="G7591" s="1" t="s">
        <v>29266</v>
      </c>
      <c r="H7591" s="1" t="s">
        <v>29267</v>
      </c>
      <c r="I7591" s="1" t="s">
        <v>28021</v>
      </c>
      <c r="J7591" s="1" t="s">
        <v>29380</v>
      </c>
    </row>
    <row r="7592" spans="1:10" x14ac:dyDescent="0.35">
      <c r="A7592" s="1" t="s">
        <v>29381</v>
      </c>
      <c r="B7592" s="1" t="s">
        <v>28015</v>
      </c>
      <c r="C7592" s="1" t="s">
        <v>8</v>
      </c>
      <c r="D7592" s="1" t="s">
        <v>13225</v>
      </c>
      <c r="E7592" s="1" t="s">
        <v>29382</v>
      </c>
      <c r="F7592" s="1" t="s">
        <v>29383</v>
      </c>
      <c r="G7592" s="1" t="s">
        <v>29384</v>
      </c>
      <c r="H7592" s="1" t="s">
        <v>29385</v>
      </c>
      <c r="I7592" s="1" t="s">
        <v>28021</v>
      </c>
      <c r="J7592" s="1" t="s">
        <v>13</v>
      </c>
    </row>
    <row r="7593" spans="1:10" x14ac:dyDescent="0.35">
      <c r="A7593" s="1" t="s">
        <v>29381</v>
      </c>
      <c r="B7593" s="1" t="s">
        <v>28015</v>
      </c>
      <c r="C7593" s="1" t="s">
        <v>15</v>
      </c>
      <c r="D7593" s="1" t="s">
        <v>1162</v>
      </c>
      <c r="E7593" s="1" t="s">
        <v>29386</v>
      </c>
      <c r="F7593" s="1" t="s">
        <v>29387</v>
      </c>
      <c r="G7593" s="1" t="s">
        <v>29384</v>
      </c>
      <c r="H7593" s="1" t="s">
        <v>29385</v>
      </c>
      <c r="I7593" s="1" t="s">
        <v>28021</v>
      </c>
      <c r="J7593" s="1" t="s">
        <v>29388</v>
      </c>
    </row>
    <row r="7594" spans="1:10" x14ac:dyDescent="0.35">
      <c r="A7594" s="1" t="s">
        <v>29381</v>
      </c>
      <c r="B7594" s="1" t="s">
        <v>28015</v>
      </c>
      <c r="C7594" s="1" t="s">
        <v>20</v>
      </c>
      <c r="D7594" s="1" t="s">
        <v>6183</v>
      </c>
      <c r="E7594" s="1" t="s">
        <v>29389</v>
      </c>
      <c r="F7594" s="1" t="s">
        <v>29390</v>
      </c>
      <c r="G7594" s="1" t="s">
        <v>29384</v>
      </c>
      <c r="H7594" s="1" t="s">
        <v>29385</v>
      </c>
      <c r="I7594" s="1" t="s">
        <v>28021</v>
      </c>
      <c r="J7594" s="1" t="s">
        <v>29391</v>
      </c>
    </row>
    <row r="7595" spans="1:10" x14ac:dyDescent="0.35">
      <c r="A7595" s="1" t="s">
        <v>29381</v>
      </c>
      <c r="B7595" s="1" t="s">
        <v>28015</v>
      </c>
      <c r="C7595" s="1" t="s">
        <v>25</v>
      </c>
      <c r="D7595" s="1" t="s">
        <v>6120</v>
      </c>
      <c r="E7595" s="1" t="s">
        <v>29392</v>
      </c>
      <c r="F7595" s="1" t="s">
        <v>29393</v>
      </c>
      <c r="G7595" s="1" t="s">
        <v>29384</v>
      </c>
      <c r="H7595" s="1" t="s">
        <v>29385</v>
      </c>
      <c r="I7595" s="1" t="s">
        <v>28021</v>
      </c>
      <c r="J7595" s="1" t="s">
        <v>29394</v>
      </c>
    </row>
    <row r="7596" spans="1:10" x14ac:dyDescent="0.35">
      <c r="A7596" s="1" t="s">
        <v>29381</v>
      </c>
      <c r="B7596" s="1" t="s">
        <v>28015</v>
      </c>
      <c r="C7596" s="1" t="s">
        <v>30</v>
      </c>
      <c r="D7596" s="1" t="s">
        <v>6367</v>
      </c>
      <c r="E7596" s="1" t="s">
        <v>29395</v>
      </c>
      <c r="F7596" s="1" t="s">
        <v>29396</v>
      </c>
      <c r="G7596" s="1" t="s">
        <v>29384</v>
      </c>
      <c r="H7596" s="1" t="s">
        <v>29385</v>
      </c>
      <c r="I7596" s="1" t="s">
        <v>28021</v>
      </c>
      <c r="J7596" s="1" t="s">
        <v>29397</v>
      </c>
    </row>
    <row r="7597" spans="1:10" x14ac:dyDescent="0.35">
      <c r="A7597" s="1" t="s">
        <v>29381</v>
      </c>
      <c r="B7597" s="1" t="s">
        <v>28015</v>
      </c>
      <c r="C7597" s="1" t="s">
        <v>35</v>
      </c>
      <c r="D7597" s="1" t="s">
        <v>8495</v>
      </c>
      <c r="E7597" s="1" t="s">
        <v>29398</v>
      </c>
      <c r="F7597" s="1" t="s">
        <v>29399</v>
      </c>
      <c r="G7597" s="1" t="s">
        <v>29384</v>
      </c>
      <c r="H7597" s="1" t="s">
        <v>29385</v>
      </c>
      <c r="I7597" s="1" t="s">
        <v>28021</v>
      </c>
      <c r="J7597" s="1" t="s">
        <v>29400</v>
      </c>
    </row>
    <row r="7598" spans="1:10" x14ac:dyDescent="0.35">
      <c r="A7598" s="1" t="s">
        <v>29381</v>
      </c>
      <c r="B7598" s="1" t="s">
        <v>28015</v>
      </c>
      <c r="C7598" s="1" t="s">
        <v>40</v>
      </c>
      <c r="D7598" s="1" t="s">
        <v>25849</v>
      </c>
      <c r="E7598" s="1" t="s">
        <v>29401</v>
      </c>
      <c r="F7598" s="1" t="s">
        <v>29402</v>
      </c>
      <c r="G7598" s="1" t="s">
        <v>29384</v>
      </c>
      <c r="H7598" s="1" t="s">
        <v>29385</v>
      </c>
      <c r="I7598" s="1" t="s">
        <v>28021</v>
      </c>
      <c r="J7598" s="1" t="s">
        <v>29403</v>
      </c>
    </row>
    <row r="7599" spans="1:10" x14ac:dyDescent="0.35">
      <c r="A7599" s="1" t="s">
        <v>29381</v>
      </c>
      <c r="B7599" s="1" t="s">
        <v>28015</v>
      </c>
      <c r="C7599" s="1" t="s">
        <v>45</v>
      </c>
      <c r="D7599" s="1" t="s">
        <v>4492</v>
      </c>
      <c r="E7599" s="1" t="s">
        <v>29404</v>
      </c>
      <c r="F7599" s="1" t="s">
        <v>29405</v>
      </c>
      <c r="G7599" s="1" t="s">
        <v>29384</v>
      </c>
      <c r="H7599" s="1" t="s">
        <v>29385</v>
      </c>
      <c r="I7599" s="1" t="s">
        <v>28021</v>
      </c>
      <c r="J7599" s="1" t="s">
        <v>29406</v>
      </c>
    </row>
    <row r="7600" spans="1:10" x14ac:dyDescent="0.35">
      <c r="A7600" s="1" t="s">
        <v>29381</v>
      </c>
      <c r="B7600" s="1" t="s">
        <v>28015</v>
      </c>
      <c r="C7600" s="1" t="s">
        <v>50</v>
      </c>
      <c r="D7600" s="1" t="s">
        <v>9872</v>
      </c>
      <c r="E7600" s="1" t="s">
        <v>29407</v>
      </c>
      <c r="F7600" s="1" t="s">
        <v>29408</v>
      </c>
      <c r="G7600" s="1" t="s">
        <v>29384</v>
      </c>
      <c r="H7600" s="1" t="s">
        <v>29385</v>
      </c>
      <c r="I7600" s="1" t="s">
        <v>28021</v>
      </c>
      <c r="J7600" s="1" t="s">
        <v>29409</v>
      </c>
    </row>
    <row r="7601" spans="1:10" x14ac:dyDescent="0.35">
      <c r="A7601" s="1" t="s">
        <v>29381</v>
      </c>
      <c r="B7601" s="1" t="s">
        <v>28015</v>
      </c>
      <c r="C7601" s="1" t="s">
        <v>55</v>
      </c>
      <c r="D7601" s="1" t="s">
        <v>29410</v>
      </c>
      <c r="E7601" s="1" t="s">
        <v>29411</v>
      </c>
      <c r="F7601" s="1" t="s">
        <v>29412</v>
      </c>
      <c r="G7601" s="1" t="s">
        <v>29384</v>
      </c>
      <c r="H7601" s="1" t="s">
        <v>29385</v>
      </c>
      <c r="I7601" s="1" t="s">
        <v>28021</v>
      </c>
      <c r="J7601" s="1" t="s">
        <v>29413</v>
      </c>
    </row>
    <row r="7602" spans="1:10" x14ac:dyDescent="0.35">
      <c r="A7602" s="1" t="s">
        <v>29381</v>
      </c>
      <c r="B7602" s="1" t="s">
        <v>28015</v>
      </c>
      <c r="C7602" s="1" t="s">
        <v>60</v>
      </c>
      <c r="D7602" s="1" t="s">
        <v>29414</v>
      </c>
      <c r="E7602" s="1" t="s">
        <v>29415</v>
      </c>
      <c r="F7602" s="1" t="s">
        <v>29416</v>
      </c>
      <c r="G7602" s="1" t="s">
        <v>29384</v>
      </c>
      <c r="H7602" s="1" t="s">
        <v>29385</v>
      </c>
      <c r="I7602" s="1" t="s">
        <v>28021</v>
      </c>
      <c r="J7602" s="1" t="s">
        <v>29417</v>
      </c>
    </row>
    <row r="7603" spans="1:10" x14ac:dyDescent="0.35">
      <c r="A7603" s="1" t="s">
        <v>29381</v>
      </c>
      <c r="B7603" s="1" t="s">
        <v>28015</v>
      </c>
      <c r="C7603" s="1" t="s">
        <v>65</v>
      </c>
      <c r="D7603" s="1" t="s">
        <v>12966</v>
      </c>
      <c r="E7603" s="1" t="s">
        <v>29418</v>
      </c>
      <c r="F7603" s="1" t="s">
        <v>29419</v>
      </c>
      <c r="G7603" s="1" t="s">
        <v>29384</v>
      </c>
      <c r="H7603" s="1" t="s">
        <v>29385</v>
      </c>
      <c r="I7603" s="1" t="s">
        <v>28021</v>
      </c>
      <c r="J7603" s="1" t="s">
        <v>29420</v>
      </c>
    </row>
    <row r="7604" spans="1:10" x14ac:dyDescent="0.35">
      <c r="A7604" s="1" t="s">
        <v>29381</v>
      </c>
      <c r="B7604" s="1" t="s">
        <v>28015</v>
      </c>
      <c r="C7604" s="1" t="s">
        <v>70</v>
      </c>
      <c r="D7604" s="1" t="s">
        <v>29421</v>
      </c>
      <c r="E7604" s="1" t="s">
        <v>29422</v>
      </c>
      <c r="F7604" s="1" t="s">
        <v>29423</v>
      </c>
      <c r="G7604" s="1" t="s">
        <v>29384</v>
      </c>
      <c r="H7604" s="1" t="s">
        <v>29385</v>
      </c>
      <c r="I7604" s="1" t="s">
        <v>28021</v>
      </c>
      <c r="J7604" s="1" t="s">
        <v>29424</v>
      </c>
    </row>
    <row r="7605" spans="1:10" x14ac:dyDescent="0.35">
      <c r="A7605" s="1" t="s">
        <v>29381</v>
      </c>
      <c r="B7605" s="1" t="s">
        <v>28015</v>
      </c>
      <c r="C7605" s="1" t="s">
        <v>75</v>
      </c>
      <c r="D7605" s="1" t="s">
        <v>28597</v>
      </c>
      <c r="E7605" s="1" t="s">
        <v>29425</v>
      </c>
      <c r="F7605" s="1" t="s">
        <v>29426</v>
      </c>
      <c r="G7605" s="1" t="s">
        <v>29384</v>
      </c>
      <c r="H7605" s="1" t="s">
        <v>29385</v>
      </c>
      <c r="I7605" s="1" t="s">
        <v>28021</v>
      </c>
      <c r="J7605" s="1" t="s">
        <v>29427</v>
      </c>
    </row>
    <row r="7606" spans="1:10" x14ac:dyDescent="0.35">
      <c r="A7606" s="1" t="s">
        <v>29381</v>
      </c>
      <c r="B7606" s="1" t="s">
        <v>28015</v>
      </c>
      <c r="C7606" s="1" t="s">
        <v>80</v>
      </c>
      <c r="D7606" s="1" t="s">
        <v>12108</v>
      </c>
      <c r="E7606" s="1" t="s">
        <v>29428</v>
      </c>
      <c r="F7606" s="1" t="s">
        <v>29429</v>
      </c>
      <c r="G7606" s="1" t="s">
        <v>29384</v>
      </c>
      <c r="H7606" s="1" t="s">
        <v>29385</v>
      </c>
      <c r="I7606" s="1" t="s">
        <v>28021</v>
      </c>
      <c r="J7606" s="1" t="s">
        <v>29430</v>
      </c>
    </row>
    <row r="7607" spans="1:10" x14ac:dyDescent="0.35">
      <c r="A7607" s="1" t="s">
        <v>29381</v>
      </c>
      <c r="B7607" s="1" t="s">
        <v>28015</v>
      </c>
      <c r="C7607" s="1" t="s">
        <v>85</v>
      </c>
      <c r="D7607" s="1" t="s">
        <v>5534</v>
      </c>
      <c r="E7607" s="1" t="s">
        <v>29431</v>
      </c>
      <c r="F7607" s="1" t="s">
        <v>29432</v>
      </c>
      <c r="G7607" s="1" t="s">
        <v>29384</v>
      </c>
      <c r="H7607" s="1" t="s">
        <v>29385</v>
      </c>
      <c r="I7607" s="1" t="s">
        <v>28021</v>
      </c>
      <c r="J7607" s="1" t="s">
        <v>29433</v>
      </c>
    </row>
    <row r="7608" spans="1:10" x14ac:dyDescent="0.35">
      <c r="A7608" s="1" t="s">
        <v>29381</v>
      </c>
      <c r="B7608" s="1" t="s">
        <v>28015</v>
      </c>
      <c r="C7608" s="1" t="s">
        <v>90</v>
      </c>
      <c r="D7608" s="1" t="s">
        <v>12088</v>
      </c>
      <c r="E7608" s="1" t="s">
        <v>29434</v>
      </c>
      <c r="F7608" s="1" t="s">
        <v>29435</v>
      </c>
      <c r="G7608" s="1" t="s">
        <v>29384</v>
      </c>
      <c r="H7608" s="1" t="s">
        <v>29385</v>
      </c>
      <c r="I7608" s="1" t="s">
        <v>28021</v>
      </c>
      <c r="J7608" s="1" t="s">
        <v>29436</v>
      </c>
    </row>
    <row r="7609" spans="1:10" x14ac:dyDescent="0.35">
      <c r="A7609" s="1" t="s">
        <v>29381</v>
      </c>
      <c r="B7609" s="1" t="s">
        <v>28015</v>
      </c>
      <c r="C7609" s="1" t="s">
        <v>95</v>
      </c>
      <c r="D7609" s="1" t="s">
        <v>29437</v>
      </c>
      <c r="E7609" s="1" t="s">
        <v>29438</v>
      </c>
      <c r="F7609" s="1" t="s">
        <v>29439</v>
      </c>
      <c r="G7609" s="1" t="s">
        <v>29384</v>
      </c>
      <c r="H7609" s="1" t="s">
        <v>29385</v>
      </c>
      <c r="I7609" s="1" t="s">
        <v>28021</v>
      </c>
      <c r="J7609" s="1" t="s">
        <v>29440</v>
      </c>
    </row>
    <row r="7610" spans="1:10" x14ac:dyDescent="0.35">
      <c r="A7610" s="1" t="s">
        <v>29381</v>
      </c>
      <c r="B7610" s="1" t="s">
        <v>28015</v>
      </c>
      <c r="C7610" s="1" t="s">
        <v>100</v>
      </c>
      <c r="D7610" s="1" t="s">
        <v>29441</v>
      </c>
      <c r="E7610" s="1" t="s">
        <v>29442</v>
      </c>
      <c r="F7610" s="1" t="s">
        <v>29443</v>
      </c>
      <c r="G7610" s="1" t="s">
        <v>29384</v>
      </c>
      <c r="H7610" s="1" t="s">
        <v>29385</v>
      </c>
      <c r="I7610" s="1" t="s">
        <v>28021</v>
      </c>
      <c r="J7610" s="1" t="s">
        <v>29444</v>
      </c>
    </row>
    <row r="7611" spans="1:10" x14ac:dyDescent="0.35">
      <c r="A7611" s="1" t="s">
        <v>29381</v>
      </c>
      <c r="B7611" s="1" t="s">
        <v>28015</v>
      </c>
      <c r="C7611" s="1" t="s">
        <v>105</v>
      </c>
      <c r="D7611" s="1" t="s">
        <v>4030</v>
      </c>
      <c r="E7611" s="1" t="s">
        <v>29445</v>
      </c>
      <c r="F7611" s="1" t="s">
        <v>29446</v>
      </c>
      <c r="G7611" s="1" t="s">
        <v>29384</v>
      </c>
      <c r="H7611" s="1" t="s">
        <v>29385</v>
      </c>
      <c r="I7611" s="1" t="s">
        <v>28021</v>
      </c>
      <c r="J7611" s="1" t="s">
        <v>29447</v>
      </c>
    </row>
    <row r="7612" spans="1:10" x14ac:dyDescent="0.35">
      <c r="A7612" s="1" t="s">
        <v>29381</v>
      </c>
      <c r="B7612" s="1" t="s">
        <v>28015</v>
      </c>
      <c r="C7612" s="1" t="s">
        <v>110</v>
      </c>
      <c r="D7612" s="1" t="s">
        <v>29448</v>
      </c>
      <c r="E7612" s="1" t="s">
        <v>29449</v>
      </c>
      <c r="F7612" s="1" t="s">
        <v>29450</v>
      </c>
      <c r="G7612" s="1" t="s">
        <v>29384</v>
      </c>
      <c r="H7612" s="1" t="s">
        <v>29385</v>
      </c>
      <c r="I7612" s="1" t="s">
        <v>28021</v>
      </c>
      <c r="J7612" s="1" t="s">
        <v>29451</v>
      </c>
    </row>
    <row r="7613" spans="1:10" x14ac:dyDescent="0.35">
      <c r="A7613" s="1" t="s">
        <v>29381</v>
      </c>
      <c r="B7613" s="1" t="s">
        <v>28015</v>
      </c>
      <c r="C7613" s="1" t="s">
        <v>115</v>
      </c>
      <c r="D7613" s="1" t="s">
        <v>4404</v>
      </c>
      <c r="E7613" s="1" t="s">
        <v>29452</v>
      </c>
      <c r="F7613" s="1" t="s">
        <v>29453</v>
      </c>
      <c r="G7613" s="1" t="s">
        <v>29384</v>
      </c>
      <c r="H7613" s="1" t="s">
        <v>29385</v>
      </c>
      <c r="I7613" s="1" t="s">
        <v>28021</v>
      </c>
      <c r="J7613" s="1" t="s">
        <v>29454</v>
      </c>
    </row>
    <row r="7614" spans="1:10" x14ac:dyDescent="0.35">
      <c r="A7614" s="1" t="s">
        <v>29381</v>
      </c>
      <c r="B7614" s="1" t="s">
        <v>28015</v>
      </c>
      <c r="C7614" s="1" t="s">
        <v>120</v>
      </c>
      <c r="D7614" s="1" t="s">
        <v>25506</v>
      </c>
      <c r="E7614" s="1" t="s">
        <v>29455</v>
      </c>
      <c r="F7614" s="1" t="s">
        <v>29456</v>
      </c>
      <c r="G7614" s="1" t="s">
        <v>29384</v>
      </c>
      <c r="H7614" s="1" t="s">
        <v>29385</v>
      </c>
      <c r="I7614" s="1" t="s">
        <v>28021</v>
      </c>
      <c r="J7614" s="1" t="s">
        <v>29457</v>
      </c>
    </row>
    <row r="7615" spans="1:10" x14ac:dyDescent="0.35">
      <c r="A7615" s="1" t="s">
        <v>29381</v>
      </c>
      <c r="B7615" s="1" t="s">
        <v>28015</v>
      </c>
      <c r="C7615" s="1" t="s">
        <v>125</v>
      </c>
      <c r="D7615" s="1" t="s">
        <v>29458</v>
      </c>
      <c r="E7615" s="1" t="s">
        <v>29459</v>
      </c>
      <c r="F7615" s="1" t="s">
        <v>29460</v>
      </c>
      <c r="G7615" s="1" t="s">
        <v>29384</v>
      </c>
      <c r="H7615" s="1" t="s">
        <v>29385</v>
      </c>
      <c r="I7615" s="1" t="s">
        <v>28021</v>
      </c>
      <c r="J7615" s="1" t="s">
        <v>29461</v>
      </c>
    </row>
    <row r="7616" spans="1:10" x14ac:dyDescent="0.35">
      <c r="A7616" s="1" t="s">
        <v>29381</v>
      </c>
      <c r="B7616" s="1" t="s">
        <v>28015</v>
      </c>
      <c r="C7616" s="1" t="s">
        <v>130</v>
      </c>
      <c r="D7616" s="1" t="s">
        <v>29462</v>
      </c>
      <c r="E7616" s="1" t="s">
        <v>29463</v>
      </c>
      <c r="F7616" s="1" t="s">
        <v>29464</v>
      </c>
      <c r="G7616" s="1" t="s">
        <v>29384</v>
      </c>
      <c r="H7616" s="1" t="s">
        <v>29385</v>
      </c>
      <c r="I7616" s="1" t="s">
        <v>28021</v>
      </c>
      <c r="J7616" s="1" t="s">
        <v>29465</v>
      </c>
    </row>
    <row r="7617" spans="1:10" x14ac:dyDescent="0.35">
      <c r="A7617" s="1" t="s">
        <v>29381</v>
      </c>
      <c r="B7617" s="1" t="s">
        <v>28015</v>
      </c>
      <c r="C7617" s="1" t="s">
        <v>135</v>
      </c>
      <c r="D7617" s="1" t="s">
        <v>29466</v>
      </c>
      <c r="E7617" s="1" t="s">
        <v>29467</v>
      </c>
      <c r="F7617" s="1" t="s">
        <v>29468</v>
      </c>
      <c r="G7617" s="1" t="s">
        <v>29384</v>
      </c>
      <c r="H7617" s="1" t="s">
        <v>29385</v>
      </c>
      <c r="I7617" s="1" t="s">
        <v>28021</v>
      </c>
      <c r="J7617" s="1" t="s">
        <v>29469</v>
      </c>
    </row>
    <row r="7618" spans="1:10" x14ac:dyDescent="0.35">
      <c r="A7618" s="1" t="s">
        <v>29381</v>
      </c>
      <c r="B7618" s="1" t="s">
        <v>28015</v>
      </c>
      <c r="C7618" s="1" t="s">
        <v>140</v>
      </c>
      <c r="D7618" s="1" t="s">
        <v>29470</v>
      </c>
      <c r="E7618" s="1" t="s">
        <v>29471</v>
      </c>
      <c r="F7618" s="1" t="s">
        <v>29472</v>
      </c>
      <c r="G7618" s="1" t="s">
        <v>29384</v>
      </c>
      <c r="H7618" s="1" t="s">
        <v>29385</v>
      </c>
      <c r="I7618" s="1" t="s">
        <v>28021</v>
      </c>
      <c r="J7618" s="1" t="s">
        <v>29473</v>
      </c>
    </row>
    <row r="7619" spans="1:10" x14ac:dyDescent="0.35">
      <c r="A7619" s="1" t="s">
        <v>29381</v>
      </c>
      <c r="B7619" s="1" t="s">
        <v>28015</v>
      </c>
      <c r="C7619" s="1" t="s">
        <v>145</v>
      </c>
      <c r="D7619" s="1" t="s">
        <v>4677</v>
      </c>
      <c r="E7619" s="1" t="s">
        <v>29474</v>
      </c>
      <c r="F7619" s="1" t="s">
        <v>29475</v>
      </c>
      <c r="G7619" s="1" t="s">
        <v>29384</v>
      </c>
      <c r="H7619" s="1" t="s">
        <v>29385</v>
      </c>
      <c r="I7619" s="1" t="s">
        <v>28021</v>
      </c>
      <c r="J7619" s="1" t="s">
        <v>29476</v>
      </c>
    </row>
    <row r="7620" spans="1:10" x14ac:dyDescent="0.35">
      <c r="A7620" s="1" t="s">
        <v>29381</v>
      </c>
      <c r="B7620" s="1" t="s">
        <v>28015</v>
      </c>
      <c r="C7620" s="1" t="s">
        <v>150</v>
      </c>
      <c r="D7620" s="1" t="s">
        <v>28620</v>
      </c>
      <c r="E7620" s="1" t="s">
        <v>29477</v>
      </c>
      <c r="F7620" s="1" t="s">
        <v>29478</v>
      </c>
      <c r="G7620" s="1" t="s">
        <v>29384</v>
      </c>
      <c r="H7620" s="1" t="s">
        <v>29385</v>
      </c>
      <c r="I7620" s="1" t="s">
        <v>28021</v>
      </c>
      <c r="J7620" s="1" t="s">
        <v>29479</v>
      </c>
    </row>
    <row r="7621" spans="1:10" x14ac:dyDescent="0.35">
      <c r="A7621" s="1" t="s">
        <v>29381</v>
      </c>
      <c r="B7621" s="1" t="s">
        <v>28015</v>
      </c>
      <c r="C7621" s="1" t="s">
        <v>155</v>
      </c>
      <c r="D7621" s="1" t="s">
        <v>29480</v>
      </c>
      <c r="E7621" s="1" t="s">
        <v>29481</v>
      </c>
      <c r="F7621" s="1" t="s">
        <v>29482</v>
      </c>
      <c r="G7621" s="1" t="s">
        <v>29384</v>
      </c>
      <c r="H7621" s="1" t="s">
        <v>29385</v>
      </c>
      <c r="I7621" s="1" t="s">
        <v>28021</v>
      </c>
      <c r="J7621" s="1" t="s">
        <v>29483</v>
      </c>
    </row>
    <row r="7622" spans="1:10" x14ac:dyDescent="0.35">
      <c r="A7622" s="1" t="s">
        <v>29381</v>
      </c>
      <c r="B7622" s="1" t="s">
        <v>28015</v>
      </c>
      <c r="C7622" s="1" t="s">
        <v>160</v>
      </c>
      <c r="D7622" s="1" t="s">
        <v>29484</v>
      </c>
      <c r="E7622" s="1" t="s">
        <v>29485</v>
      </c>
      <c r="F7622" s="1" t="s">
        <v>29486</v>
      </c>
      <c r="G7622" s="1" t="s">
        <v>29384</v>
      </c>
      <c r="H7622" s="1" t="s">
        <v>29385</v>
      </c>
      <c r="I7622" s="1" t="s">
        <v>28021</v>
      </c>
      <c r="J7622" s="1" t="s">
        <v>29487</v>
      </c>
    </row>
    <row r="7623" spans="1:10" x14ac:dyDescent="0.35">
      <c r="A7623" s="1" t="s">
        <v>29381</v>
      </c>
      <c r="B7623" s="1" t="s">
        <v>28015</v>
      </c>
      <c r="C7623" s="1" t="s">
        <v>165</v>
      </c>
      <c r="D7623" s="1" t="s">
        <v>29488</v>
      </c>
      <c r="E7623" s="1" t="s">
        <v>29489</v>
      </c>
      <c r="F7623" s="1" t="s">
        <v>29490</v>
      </c>
      <c r="G7623" s="1" t="s">
        <v>29384</v>
      </c>
      <c r="H7623" s="1" t="s">
        <v>29385</v>
      </c>
      <c r="I7623" s="1" t="s">
        <v>28021</v>
      </c>
      <c r="J7623" s="1" t="s">
        <v>29491</v>
      </c>
    </row>
    <row r="7624" spans="1:10" x14ac:dyDescent="0.35">
      <c r="A7624" s="1" t="s">
        <v>29381</v>
      </c>
      <c r="B7624" s="1" t="s">
        <v>28015</v>
      </c>
      <c r="C7624" s="1" t="s">
        <v>170</v>
      </c>
      <c r="D7624" s="1" t="s">
        <v>4110</v>
      </c>
      <c r="E7624" s="1" t="s">
        <v>29492</v>
      </c>
      <c r="F7624" s="1" t="s">
        <v>29493</v>
      </c>
      <c r="G7624" s="1" t="s">
        <v>29384</v>
      </c>
      <c r="H7624" s="1" t="s">
        <v>29385</v>
      </c>
      <c r="I7624" s="1" t="s">
        <v>28021</v>
      </c>
      <c r="J7624" s="1" t="s">
        <v>29494</v>
      </c>
    </row>
    <row r="7625" spans="1:10" x14ac:dyDescent="0.35">
      <c r="A7625" s="1" t="s">
        <v>29495</v>
      </c>
      <c r="B7625" s="1" t="s">
        <v>28015</v>
      </c>
      <c r="C7625" s="1" t="s">
        <v>8</v>
      </c>
      <c r="D7625" s="1" t="s">
        <v>29496</v>
      </c>
      <c r="E7625" s="1" t="s">
        <v>29497</v>
      </c>
      <c r="F7625" s="1" t="s">
        <v>29498</v>
      </c>
      <c r="G7625" s="1" t="s">
        <v>29499</v>
      </c>
      <c r="H7625" s="1" t="s">
        <v>29500</v>
      </c>
      <c r="I7625" s="1" t="s">
        <v>28021</v>
      </c>
      <c r="J7625" s="1" t="s">
        <v>13</v>
      </c>
    </row>
    <row r="7626" spans="1:10" x14ac:dyDescent="0.35">
      <c r="A7626" s="1" t="s">
        <v>29495</v>
      </c>
      <c r="B7626" s="1" t="s">
        <v>28015</v>
      </c>
      <c r="C7626" s="1" t="s">
        <v>15</v>
      </c>
      <c r="D7626" s="1" t="s">
        <v>1154</v>
      </c>
      <c r="E7626" s="1" t="s">
        <v>29501</v>
      </c>
      <c r="F7626" s="1" t="s">
        <v>29502</v>
      </c>
      <c r="G7626" s="1" t="s">
        <v>29499</v>
      </c>
      <c r="H7626" s="1" t="s">
        <v>29500</v>
      </c>
      <c r="I7626" s="1" t="s">
        <v>28021</v>
      </c>
      <c r="J7626" s="1" t="s">
        <v>29503</v>
      </c>
    </row>
    <row r="7627" spans="1:10" x14ac:dyDescent="0.35">
      <c r="A7627" s="1" t="s">
        <v>29495</v>
      </c>
      <c r="B7627" s="1" t="s">
        <v>28015</v>
      </c>
      <c r="C7627" s="1" t="s">
        <v>20</v>
      </c>
      <c r="D7627" s="1" t="s">
        <v>8409</v>
      </c>
      <c r="E7627" s="1" t="s">
        <v>29504</v>
      </c>
      <c r="F7627" s="1" t="s">
        <v>29505</v>
      </c>
      <c r="G7627" s="1" t="s">
        <v>29499</v>
      </c>
      <c r="H7627" s="1" t="s">
        <v>29500</v>
      </c>
      <c r="I7627" s="1" t="s">
        <v>28021</v>
      </c>
      <c r="J7627" s="1" t="s">
        <v>29506</v>
      </c>
    </row>
    <row r="7628" spans="1:10" x14ac:dyDescent="0.35">
      <c r="A7628" s="1" t="s">
        <v>29495</v>
      </c>
      <c r="B7628" s="1" t="s">
        <v>28015</v>
      </c>
      <c r="C7628" s="1" t="s">
        <v>25</v>
      </c>
      <c r="D7628" s="1" t="s">
        <v>29507</v>
      </c>
      <c r="E7628" s="1" t="s">
        <v>29508</v>
      </c>
      <c r="F7628" s="1" t="s">
        <v>29509</v>
      </c>
      <c r="G7628" s="1" t="s">
        <v>29499</v>
      </c>
      <c r="H7628" s="1" t="s">
        <v>29500</v>
      </c>
      <c r="I7628" s="1" t="s">
        <v>28021</v>
      </c>
      <c r="J7628" s="1" t="s">
        <v>29510</v>
      </c>
    </row>
    <row r="7629" spans="1:10" x14ac:dyDescent="0.35">
      <c r="A7629" s="1" t="s">
        <v>29495</v>
      </c>
      <c r="B7629" s="1" t="s">
        <v>28015</v>
      </c>
      <c r="C7629" s="1" t="s">
        <v>30</v>
      </c>
      <c r="D7629" s="1" t="s">
        <v>29511</v>
      </c>
      <c r="E7629" s="1" t="s">
        <v>29512</v>
      </c>
      <c r="F7629" s="1" t="s">
        <v>29513</v>
      </c>
      <c r="G7629" s="1" t="s">
        <v>29499</v>
      </c>
      <c r="H7629" s="1" t="s">
        <v>29500</v>
      </c>
      <c r="I7629" s="1" t="s">
        <v>28021</v>
      </c>
      <c r="J7629" s="1" t="s">
        <v>29514</v>
      </c>
    </row>
    <row r="7630" spans="1:10" x14ac:dyDescent="0.35">
      <c r="A7630" s="1" t="s">
        <v>29495</v>
      </c>
      <c r="B7630" s="1" t="s">
        <v>28015</v>
      </c>
      <c r="C7630" s="1" t="s">
        <v>35</v>
      </c>
      <c r="D7630" s="1" t="s">
        <v>28488</v>
      </c>
      <c r="E7630" s="1" t="s">
        <v>29515</v>
      </c>
      <c r="F7630" s="1" t="s">
        <v>29516</v>
      </c>
      <c r="G7630" s="1" t="s">
        <v>29499</v>
      </c>
      <c r="H7630" s="1" t="s">
        <v>29500</v>
      </c>
      <c r="I7630" s="1" t="s">
        <v>28021</v>
      </c>
      <c r="J7630" s="1" t="s">
        <v>29517</v>
      </c>
    </row>
    <row r="7631" spans="1:10" x14ac:dyDescent="0.35">
      <c r="A7631" s="1" t="s">
        <v>29495</v>
      </c>
      <c r="B7631" s="1" t="s">
        <v>28015</v>
      </c>
      <c r="C7631" s="1" t="s">
        <v>40</v>
      </c>
      <c r="D7631" s="1" t="s">
        <v>6194</v>
      </c>
      <c r="E7631" s="1" t="s">
        <v>29518</v>
      </c>
      <c r="F7631" s="1" t="s">
        <v>29519</v>
      </c>
      <c r="G7631" s="1" t="s">
        <v>29499</v>
      </c>
      <c r="H7631" s="1" t="s">
        <v>29500</v>
      </c>
      <c r="I7631" s="1" t="s">
        <v>28021</v>
      </c>
      <c r="J7631" s="1" t="s">
        <v>29520</v>
      </c>
    </row>
    <row r="7632" spans="1:10" x14ac:dyDescent="0.35">
      <c r="A7632" s="1" t="s">
        <v>29495</v>
      </c>
      <c r="B7632" s="1" t="s">
        <v>28015</v>
      </c>
      <c r="C7632" s="1" t="s">
        <v>45</v>
      </c>
      <c r="D7632" s="1" t="s">
        <v>4443</v>
      </c>
      <c r="E7632" s="1" t="s">
        <v>29521</v>
      </c>
      <c r="F7632" s="1" t="s">
        <v>29522</v>
      </c>
      <c r="G7632" s="1" t="s">
        <v>29499</v>
      </c>
      <c r="H7632" s="1" t="s">
        <v>29500</v>
      </c>
      <c r="I7632" s="1" t="s">
        <v>28021</v>
      </c>
      <c r="J7632" s="1" t="s">
        <v>29523</v>
      </c>
    </row>
    <row r="7633" spans="1:10" x14ac:dyDescent="0.35">
      <c r="A7633" s="1" t="s">
        <v>29495</v>
      </c>
      <c r="B7633" s="1" t="s">
        <v>28015</v>
      </c>
      <c r="C7633" s="1" t="s">
        <v>50</v>
      </c>
      <c r="D7633" s="1" t="s">
        <v>7025</v>
      </c>
      <c r="E7633" s="1" t="s">
        <v>29524</v>
      </c>
      <c r="F7633" s="1" t="s">
        <v>29525</v>
      </c>
      <c r="G7633" s="1" t="s">
        <v>29499</v>
      </c>
      <c r="H7633" s="1" t="s">
        <v>29500</v>
      </c>
      <c r="I7633" s="1" t="s">
        <v>28021</v>
      </c>
      <c r="J7633" s="1" t="s">
        <v>29526</v>
      </c>
    </row>
    <row r="7634" spans="1:10" x14ac:dyDescent="0.35">
      <c r="A7634" s="1" t="s">
        <v>29495</v>
      </c>
      <c r="B7634" s="1" t="s">
        <v>28015</v>
      </c>
      <c r="C7634" s="1" t="s">
        <v>55</v>
      </c>
      <c r="D7634" s="1" t="s">
        <v>27358</v>
      </c>
      <c r="E7634" s="1" t="s">
        <v>29527</v>
      </c>
      <c r="F7634" s="1" t="s">
        <v>29528</v>
      </c>
      <c r="G7634" s="1" t="s">
        <v>29499</v>
      </c>
      <c r="H7634" s="1" t="s">
        <v>29500</v>
      </c>
      <c r="I7634" s="1" t="s">
        <v>28021</v>
      </c>
      <c r="J7634" s="1" t="s">
        <v>29529</v>
      </c>
    </row>
    <row r="7635" spans="1:10" x14ac:dyDescent="0.35">
      <c r="A7635" s="1" t="s">
        <v>29495</v>
      </c>
      <c r="B7635" s="1" t="s">
        <v>28015</v>
      </c>
      <c r="C7635" s="1" t="s">
        <v>60</v>
      </c>
      <c r="D7635" s="1" t="s">
        <v>1544</v>
      </c>
      <c r="E7635" s="1" t="s">
        <v>29530</v>
      </c>
      <c r="F7635" s="1" t="s">
        <v>29531</v>
      </c>
      <c r="G7635" s="1" t="s">
        <v>29499</v>
      </c>
      <c r="H7635" s="1" t="s">
        <v>29500</v>
      </c>
      <c r="I7635" s="1" t="s">
        <v>28021</v>
      </c>
      <c r="J7635" s="1" t="s">
        <v>29532</v>
      </c>
    </row>
    <row r="7636" spans="1:10" x14ac:dyDescent="0.35">
      <c r="A7636" s="1" t="s">
        <v>29495</v>
      </c>
      <c r="B7636" s="1" t="s">
        <v>28015</v>
      </c>
      <c r="C7636" s="1" t="s">
        <v>65</v>
      </c>
      <c r="D7636" s="1" t="s">
        <v>28137</v>
      </c>
      <c r="E7636" s="1" t="s">
        <v>29533</v>
      </c>
      <c r="F7636" s="1" t="s">
        <v>29534</v>
      </c>
      <c r="G7636" s="1" t="s">
        <v>29499</v>
      </c>
      <c r="H7636" s="1" t="s">
        <v>29500</v>
      </c>
      <c r="I7636" s="1" t="s">
        <v>28021</v>
      </c>
      <c r="J7636" s="1" t="s">
        <v>29535</v>
      </c>
    </row>
    <row r="7637" spans="1:10" x14ac:dyDescent="0.35">
      <c r="A7637" s="1" t="s">
        <v>29495</v>
      </c>
      <c r="B7637" s="1" t="s">
        <v>28015</v>
      </c>
      <c r="C7637" s="1" t="s">
        <v>70</v>
      </c>
      <c r="D7637" s="1" t="s">
        <v>4524</v>
      </c>
      <c r="E7637" s="1" t="s">
        <v>29536</v>
      </c>
      <c r="F7637" s="1" t="s">
        <v>29537</v>
      </c>
      <c r="G7637" s="1" t="s">
        <v>29499</v>
      </c>
      <c r="H7637" s="1" t="s">
        <v>29500</v>
      </c>
      <c r="I7637" s="1" t="s">
        <v>28021</v>
      </c>
      <c r="J7637" s="1" t="s">
        <v>29538</v>
      </c>
    </row>
    <row r="7638" spans="1:10" x14ac:dyDescent="0.35">
      <c r="A7638" s="1" t="s">
        <v>29495</v>
      </c>
      <c r="B7638" s="1" t="s">
        <v>28015</v>
      </c>
      <c r="C7638" s="1" t="s">
        <v>75</v>
      </c>
      <c r="D7638" s="1" t="s">
        <v>27907</v>
      </c>
      <c r="E7638" s="1" t="s">
        <v>29539</v>
      </c>
      <c r="F7638" s="1" t="s">
        <v>29540</v>
      </c>
      <c r="G7638" s="1" t="s">
        <v>29499</v>
      </c>
      <c r="H7638" s="1" t="s">
        <v>29500</v>
      </c>
      <c r="I7638" s="1" t="s">
        <v>28021</v>
      </c>
      <c r="J7638" s="1" t="s">
        <v>29541</v>
      </c>
    </row>
    <row r="7639" spans="1:10" x14ac:dyDescent="0.35">
      <c r="A7639" s="1" t="s">
        <v>29495</v>
      </c>
      <c r="B7639" s="1" t="s">
        <v>28015</v>
      </c>
      <c r="C7639" s="1" t="s">
        <v>80</v>
      </c>
      <c r="D7639" s="1" t="s">
        <v>29542</v>
      </c>
      <c r="E7639" s="1" t="s">
        <v>29543</v>
      </c>
      <c r="F7639" s="1" t="s">
        <v>29544</v>
      </c>
      <c r="G7639" s="1" t="s">
        <v>29499</v>
      </c>
      <c r="H7639" s="1" t="s">
        <v>29500</v>
      </c>
      <c r="I7639" s="1" t="s">
        <v>28021</v>
      </c>
      <c r="J7639" s="1" t="s">
        <v>29545</v>
      </c>
    </row>
    <row r="7640" spans="1:10" x14ac:dyDescent="0.35">
      <c r="A7640" s="1" t="s">
        <v>29495</v>
      </c>
      <c r="B7640" s="1" t="s">
        <v>28015</v>
      </c>
      <c r="C7640" s="1" t="s">
        <v>85</v>
      </c>
      <c r="D7640" s="1" t="s">
        <v>27370</v>
      </c>
      <c r="E7640" s="1" t="s">
        <v>29546</v>
      </c>
      <c r="F7640" s="1" t="s">
        <v>29547</v>
      </c>
      <c r="G7640" s="1" t="s">
        <v>29499</v>
      </c>
      <c r="H7640" s="1" t="s">
        <v>29500</v>
      </c>
      <c r="I7640" s="1" t="s">
        <v>28021</v>
      </c>
      <c r="J7640" s="1" t="s">
        <v>29548</v>
      </c>
    </row>
    <row r="7641" spans="1:10" x14ac:dyDescent="0.35">
      <c r="A7641" s="1" t="s">
        <v>29495</v>
      </c>
      <c r="B7641" s="1" t="s">
        <v>28015</v>
      </c>
      <c r="C7641" s="1" t="s">
        <v>90</v>
      </c>
      <c r="D7641" s="1" t="s">
        <v>29549</v>
      </c>
      <c r="E7641" s="1" t="s">
        <v>29550</v>
      </c>
      <c r="F7641" s="1" t="s">
        <v>29551</v>
      </c>
      <c r="G7641" s="1" t="s">
        <v>29499</v>
      </c>
      <c r="H7641" s="1" t="s">
        <v>29500</v>
      </c>
      <c r="I7641" s="1" t="s">
        <v>28021</v>
      </c>
      <c r="J7641" s="1" t="s">
        <v>29552</v>
      </c>
    </row>
    <row r="7642" spans="1:10" x14ac:dyDescent="0.35">
      <c r="A7642" s="1" t="s">
        <v>29495</v>
      </c>
      <c r="B7642" s="1" t="s">
        <v>28015</v>
      </c>
      <c r="C7642" s="1" t="s">
        <v>95</v>
      </c>
      <c r="D7642" s="1" t="s">
        <v>29553</v>
      </c>
      <c r="E7642" s="1" t="s">
        <v>29554</v>
      </c>
      <c r="F7642" s="1" t="s">
        <v>29555</v>
      </c>
      <c r="G7642" s="1" t="s">
        <v>29499</v>
      </c>
      <c r="H7642" s="1" t="s">
        <v>29500</v>
      </c>
      <c r="I7642" s="1" t="s">
        <v>28021</v>
      </c>
      <c r="J7642" s="1" t="s">
        <v>29556</v>
      </c>
    </row>
    <row r="7643" spans="1:10" x14ac:dyDescent="0.35">
      <c r="A7643" s="1" t="s">
        <v>29495</v>
      </c>
      <c r="B7643" s="1" t="s">
        <v>28015</v>
      </c>
      <c r="C7643" s="1" t="s">
        <v>100</v>
      </c>
      <c r="D7643" s="1" t="s">
        <v>29557</v>
      </c>
      <c r="E7643" s="1" t="s">
        <v>29558</v>
      </c>
      <c r="F7643" s="1" t="s">
        <v>29559</v>
      </c>
      <c r="G7643" s="1" t="s">
        <v>29499</v>
      </c>
      <c r="H7643" s="1" t="s">
        <v>29500</v>
      </c>
      <c r="I7643" s="1" t="s">
        <v>28021</v>
      </c>
      <c r="J7643" s="1" t="s">
        <v>29560</v>
      </c>
    </row>
    <row r="7644" spans="1:10" x14ac:dyDescent="0.35">
      <c r="A7644" s="1" t="s">
        <v>29495</v>
      </c>
      <c r="B7644" s="1" t="s">
        <v>28015</v>
      </c>
      <c r="C7644" s="1" t="s">
        <v>105</v>
      </c>
      <c r="D7644" s="1" t="s">
        <v>27622</v>
      </c>
      <c r="E7644" s="1" t="s">
        <v>29561</v>
      </c>
      <c r="F7644" s="1" t="s">
        <v>29562</v>
      </c>
      <c r="G7644" s="1" t="s">
        <v>29499</v>
      </c>
      <c r="H7644" s="1" t="s">
        <v>29500</v>
      </c>
      <c r="I7644" s="1" t="s">
        <v>28021</v>
      </c>
      <c r="J7644" s="1" t="s">
        <v>29563</v>
      </c>
    </row>
    <row r="7645" spans="1:10" x14ac:dyDescent="0.35">
      <c r="A7645" s="1" t="s">
        <v>29495</v>
      </c>
      <c r="B7645" s="1" t="s">
        <v>28015</v>
      </c>
      <c r="C7645" s="1" t="s">
        <v>110</v>
      </c>
      <c r="D7645" s="1" t="s">
        <v>29564</v>
      </c>
      <c r="E7645" s="1" t="s">
        <v>29565</v>
      </c>
      <c r="F7645" s="1" t="s">
        <v>29566</v>
      </c>
      <c r="G7645" s="1" t="s">
        <v>29499</v>
      </c>
      <c r="H7645" s="1" t="s">
        <v>29500</v>
      </c>
      <c r="I7645" s="1" t="s">
        <v>28021</v>
      </c>
      <c r="J7645" s="1" t="s">
        <v>29567</v>
      </c>
    </row>
    <row r="7646" spans="1:10" x14ac:dyDescent="0.35">
      <c r="A7646" s="1" t="s">
        <v>29495</v>
      </c>
      <c r="B7646" s="1" t="s">
        <v>28015</v>
      </c>
      <c r="C7646" s="1" t="s">
        <v>115</v>
      </c>
      <c r="D7646" s="1" t="s">
        <v>29327</v>
      </c>
      <c r="E7646" s="1" t="s">
        <v>29568</v>
      </c>
      <c r="F7646" s="1" t="s">
        <v>29569</v>
      </c>
      <c r="G7646" s="1" t="s">
        <v>29499</v>
      </c>
      <c r="H7646" s="1" t="s">
        <v>29500</v>
      </c>
      <c r="I7646" s="1" t="s">
        <v>28021</v>
      </c>
      <c r="J7646" s="1" t="s">
        <v>29570</v>
      </c>
    </row>
    <row r="7647" spans="1:10" x14ac:dyDescent="0.35">
      <c r="A7647" s="1" t="s">
        <v>29495</v>
      </c>
      <c r="B7647" s="1" t="s">
        <v>28015</v>
      </c>
      <c r="C7647" s="1" t="s">
        <v>120</v>
      </c>
      <c r="D7647" s="1" t="s">
        <v>2027</v>
      </c>
      <c r="E7647" s="1" t="s">
        <v>29571</v>
      </c>
      <c r="F7647" s="1" t="s">
        <v>29572</v>
      </c>
      <c r="G7647" s="1" t="s">
        <v>29499</v>
      </c>
      <c r="H7647" s="1" t="s">
        <v>29500</v>
      </c>
      <c r="I7647" s="1" t="s">
        <v>28021</v>
      </c>
      <c r="J7647" s="1" t="s">
        <v>29573</v>
      </c>
    </row>
    <row r="7648" spans="1:10" x14ac:dyDescent="0.35">
      <c r="A7648" s="1" t="s">
        <v>29495</v>
      </c>
      <c r="B7648" s="1" t="s">
        <v>28015</v>
      </c>
      <c r="C7648" s="1" t="s">
        <v>125</v>
      </c>
      <c r="D7648" s="1" t="s">
        <v>8369</v>
      </c>
      <c r="E7648" s="1" t="s">
        <v>29574</v>
      </c>
      <c r="F7648" s="1" t="s">
        <v>29575</v>
      </c>
      <c r="G7648" s="1" t="s">
        <v>29499</v>
      </c>
      <c r="H7648" s="1" t="s">
        <v>29500</v>
      </c>
      <c r="I7648" s="1" t="s">
        <v>28021</v>
      </c>
      <c r="J7648" s="1" t="s">
        <v>29576</v>
      </c>
    </row>
    <row r="7649" spans="1:10" x14ac:dyDescent="0.35">
      <c r="A7649" s="1" t="s">
        <v>29495</v>
      </c>
      <c r="B7649" s="1" t="s">
        <v>28015</v>
      </c>
      <c r="C7649" s="1" t="s">
        <v>130</v>
      </c>
      <c r="D7649" s="1" t="s">
        <v>29577</v>
      </c>
      <c r="E7649" s="1" t="s">
        <v>29578</v>
      </c>
      <c r="F7649" s="1" t="s">
        <v>29579</v>
      </c>
      <c r="G7649" s="1" t="s">
        <v>29499</v>
      </c>
      <c r="H7649" s="1" t="s">
        <v>29500</v>
      </c>
      <c r="I7649" s="1" t="s">
        <v>28021</v>
      </c>
      <c r="J7649" s="1" t="s">
        <v>29580</v>
      </c>
    </row>
    <row r="7650" spans="1:10" x14ac:dyDescent="0.35">
      <c r="A7650" s="1" t="s">
        <v>29495</v>
      </c>
      <c r="B7650" s="1" t="s">
        <v>28015</v>
      </c>
      <c r="C7650" s="1" t="s">
        <v>135</v>
      </c>
      <c r="D7650" s="1" t="s">
        <v>29581</v>
      </c>
      <c r="E7650" s="1" t="s">
        <v>29582</v>
      </c>
      <c r="F7650" s="1" t="s">
        <v>29583</v>
      </c>
      <c r="G7650" s="1" t="s">
        <v>29499</v>
      </c>
      <c r="H7650" s="1" t="s">
        <v>29500</v>
      </c>
      <c r="I7650" s="1" t="s">
        <v>28021</v>
      </c>
      <c r="J7650" s="1" t="s">
        <v>29584</v>
      </c>
    </row>
    <row r="7651" spans="1:10" x14ac:dyDescent="0.35">
      <c r="A7651" s="1" t="s">
        <v>29495</v>
      </c>
      <c r="B7651" s="1" t="s">
        <v>28015</v>
      </c>
      <c r="C7651" s="1" t="s">
        <v>140</v>
      </c>
      <c r="D7651" s="1" t="s">
        <v>29585</v>
      </c>
      <c r="E7651" s="1" t="s">
        <v>29586</v>
      </c>
      <c r="F7651" s="1" t="s">
        <v>29587</v>
      </c>
      <c r="G7651" s="1" t="s">
        <v>29499</v>
      </c>
      <c r="H7651" s="1" t="s">
        <v>29500</v>
      </c>
      <c r="I7651" s="1" t="s">
        <v>28021</v>
      </c>
      <c r="J7651" s="1" t="s">
        <v>29588</v>
      </c>
    </row>
    <row r="7652" spans="1:10" x14ac:dyDescent="0.35">
      <c r="A7652" s="1" t="s">
        <v>29495</v>
      </c>
      <c r="B7652" s="1" t="s">
        <v>28015</v>
      </c>
      <c r="C7652" s="1" t="s">
        <v>145</v>
      </c>
      <c r="D7652" s="1" t="s">
        <v>29589</v>
      </c>
      <c r="E7652" s="1" t="s">
        <v>29590</v>
      </c>
      <c r="F7652" s="1" t="s">
        <v>29591</v>
      </c>
      <c r="G7652" s="1" t="s">
        <v>29499</v>
      </c>
      <c r="H7652" s="1" t="s">
        <v>29500</v>
      </c>
      <c r="I7652" s="1" t="s">
        <v>28021</v>
      </c>
      <c r="J7652" s="1" t="s">
        <v>29592</v>
      </c>
    </row>
    <row r="7653" spans="1:10" x14ac:dyDescent="0.35">
      <c r="A7653" s="1" t="s">
        <v>29495</v>
      </c>
      <c r="B7653" s="1" t="s">
        <v>28015</v>
      </c>
      <c r="C7653" s="1" t="s">
        <v>150</v>
      </c>
      <c r="D7653" s="1" t="s">
        <v>29593</v>
      </c>
      <c r="E7653" s="1" t="s">
        <v>29594</v>
      </c>
      <c r="F7653" s="1" t="s">
        <v>29595</v>
      </c>
      <c r="G7653" s="1" t="s">
        <v>29499</v>
      </c>
      <c r="H7653" s="1" t="s">
        <v>29500</v>
      </c>
      <c r="I7653" s="1" t="s">
        <v>28021</v>
      </c>
      <c r="J7653" s="1" t="s">
        <v>29596</v>
      </c>
    </row>
    <row r="7654" spans="1:10" x14ac:dyDescent="0.35">
      <c r="A7654" s="1" t="s">
        <v>29495</v>
      </c>
      <c r="B7654" s="1" t="s">
        <v>28015</v>
      </c>
      <c r="C7654" s="1" t="s">
        <v>155</v>
      </c>
      <c r="D7654" s="1" t="s">
        <v>28929</v>
      </c>
      <c r="E7654" s="1" t="s">
        <v>29597</v>
      </c>
      <c r="F7654" s="1" t="s">
        <v>29598</v>
      </c>
      <c r="G7654" s="1" t="s">
        <v>29499</v>
      </c>
      <c r="H7654" s="1" t="s">
        <v>29500</v>
      </c>
      <c r="I7654" s="1" t="s">
        <v>28021</v>
      </c>
      <c r="J7654" s="1" t="s">
        <v>29599</v>
      </c>
    </row>
    <row r="7655" spans="1:10" x14ac:dyDescent="0.35">
      <c r="A7655" s="1" t="s">
        <v>29495</v>
      </c>
      <c r="B7655" s="1" t="s">
        <v>28015</v>
      </c>
      <c r="C7655" s="1" t="s">
        <v>160</v>
      </c>
      <c r="D7655" s="1" t="s">
        <v>2829</v>
      </c>
      <c r="E7655" s="1" t="s">
        <v>29600</v>
      </c>
      <c r="F7655" s="1" t="s">
        <v>29601</v>
      </c>
      <c r="G7655" s="1" t="s">
        <v>29499</v>
      </c>
      <c r="H7655" s="1" t="s">
        <v>29500</v>
      </c>
      <c r="I7655" s="1" t="s">
        <v>28021</v>
      </c>
      <c r="J7655" s="1" t="s">
        <v>29602</v>
      </c>
    </row>
    <row r="7656" spans="1:10" x14ac:dyDescent="0.35">
      <c r="A7656" s="1" t="s">
        <v>29495</v>
      </c>
      <c r="B7656" s="1" t="s">
        <v>28015</v>
      </c>
      <c r="C7656" s="1" t="s">
        <v>165</v>
      </c>
      <c r="D7656" s="1" t="s">
        <v>29603</v>
      </c>
      <c r="E7656" s="1" t="s">
        <v>29604</v>
      </c>
      <c r="F7656" s="1" t="s">
        <v>29605</v>
      </c>
      <c r="G7656" s="1" t="s">
        <v>29499</v>
      </c>
      <c r="H7656" s="1" t="s">
        <v>29500</v>
      </c>
      <c r="I7656" s="1" t="s">
        <v>28021</v>
      </c>
      <c r="J7656" s="1" t="s">
        <v>29606</v>
      </c>
    </row>
    <row r="7657" spans="1:10" x14ac:dyDescent="0.35">
      <c r="A7657" s="1" t="s">
        <v>29495</v>
      </c>
      <c r="B7657" s="1" t="s">
        <v>28015</v>
      </c>
      <c r="C7657" s="1" t="s">
        <v>170</v>
      </c>
      <c r="D7657" s="1" t="s">
        <v>4102</v>
      </c>
      <c r="E7657" s="1" t="s">
        <v>29607</v>
      </c>
      <c r="F7657" s="1" t="s">
        <v>29608</v>
      </c>
      <c r="G7657" s="1" t="s">
        <v>29499</v>
      </c>
      <c r="H7657" s="1" t="s">
        <v>29500</v>
      </c>
      <c r="I7657" s="1" t="s">
        <v>28021</v>
      </c>
      <c r="J7657" s="1" t="s">
        <v>2251</v>
      </c>
    </row>
    <row r="7658" spans="1:10" x14ac:dyDescent="0.35">
      <c r="A7658" s="1" t="s">
        <v>29609</v>
      </c>
      <c r="B7658" s="1" t="s">
        <v>28015</v>
      </c>
      <c r="C7658" s="1" t="s">
        <v>8</v>
      </c>
      <c r="D7658" s="1" t="s">
        <v>29610</v>
      </c>
      <c r="E7658" s="1" t="s">
        <v>29611</v>
      </c>
      <c r="F7658" s="1" t="s">
        <v>29612</v>
      </c>
      <c r="G7658" s="1" t="s">
        <v>29613</v>
      </c>
      <c r="H7658" s="1" t="s">
        <v>29614</v>
      </c>
      <c r="I7658" s="1" t="s">
        <v>28021</v>
      </c>
      <c r="J7658" s="1" t="s">
        <v>13</v>
      </c>
    </row>
    <row r="7659" spans="1:10" x14ac:dyDescent="0.35">
      <c r="A7659" s="1" t="s">
        <v>29609</v>
      </c>
      <c r="B7659" s="1" t="s">
        <v>28015</v>
      </c>
      <c r="C7659" s="1" t="s">
        <v>15</v>
      </c>
      <c r="D7659" s="1" t="s">
        <v>29615</v>
      </c>
      <c r="E7659" s="1" t="s">
        <v>29616</v>
      </c>
      <c r="F7659" s="1" t="s">
        <v>29617</v>
      </c>
      <c r="G7659" s="1" t="s">
        <v>29613</v>
      </c>
      <c r="H7659" s="1" t="s">
        <v>29614</v>
      </c>
      <c r="I7659" s="1" t="s">
        <v>28021</v>
      </c>
      <c r="J7659" s="1" t="s">
        <v>29618</v>
      </c>
    </row>
    <row r="7660" spans="1:10" x14ac:dyDescent="0.35">
      <c r="A7660" s="1" t="s">
        <v>29609</v>
      </c>
      <c r="B7660" s="1" t="s">
        <v>28015</v>
      </c>
      <c r="C7660" s="1" t="s">
        <v>20</v>
      </c>
      <c r="D7660" s="1" t="s">
        <v>29619</v>
      </c>
      <c r="E7660" s="1" t="s">
        <v>29620</v>
      </c>
      <c r="F7660" s="1" t="s">
        <v>29621</v>
      </c>
      <c r="G7660" s="1" t="s">
        <v>29613</v>
      </c>
      <c r="H7660" s="1" t="s">
        <v>29614</v>
      </c>
      <c r="I7660" s="1" t="s">
        <v>28021</v>
      </c>
      <c r="J7660" s="1" t="s">
        <v>29622</v>
      </c>
    </row>
    <row r="7661" spans="1:10" x14ac:dyDescent="0.35">
      <c r="A7661" s="1" t="s">
        <v>29609</v>
      </c>
      <c r="B7661" s="1" t="s">
        <v>28015</v>
      </c>
      <c r="C7661" s="1" t="s">
        <v>25</v>
      </c>
      <c r="D7661" s="1" t="s">
        <v>29623</v>
      </c>
      <c r="E7661" s="1" t="s">
        <v>29624</v>
      </c>
      <c r="F7661" s="1" t="s">
        <v>29625</v>
      </c>
      <c r="G7661" s="1" t="s">
        <v>29613</v>
      </c>
      <c r="H7661" s="1" t="s">
        <v>29614</v>
      </c>
      <c r="I7661" s="1" t="s">
        <v>28021</v>
      </c>
      <c r="J7661" s="1" t="s">
        <v>29626</v>
      </c>
    </row>
    <row r="7662" spans="1:10" x14ac:dyDescent="0.35">
      <c r="A7662" s="1" t="s">
        <v>29609</v>
      </c>
      <c r="B7662" s="1" t="s">
        <v>28015</v>
      </c>
      <c r="C7662" s="1" t="s">
        <v>30</v>
      </c>
      <c r="D7662" s="1" t="s">
        <v>29627</v>
      </c>
      <c r="E7662" s="1" t="s">
        <v>29628</v>
      </c>
      <c r="F7662" s="1" t="s">
        <v>29629</v>
      </c>
      <c r="G7662" s="1" t="s">
        <v>29613</v>
      </c>
      <c r="H7662" s="1" t="s">
        <v>29614</v>
      </c>
      <c r="I7662" s="1" t="s">
        <v>28021</v>
      </c>
      <c r="J7662" s="1" t="s">
        <v>29630</v>
      </c>
    </row>
    <row r="7663" spans="1:10" x14ac:dyDescent="0.35">
      <c r="A7663" s="1" t="s">
        <v>29609</v>
      </c>
      <c r="B7663" s="1" t="s">
        <v>28015</v>
      </c>
      <c r="C7663" s="1" t="s">
        <v>35</v>
      </c>
      <c r="D7663" s="1" t="s">
        <v>9324</v>
      </c>
      <c r="E7663" s="1" t="s">
        <v>29631</v>
      </c>
      <c r="F7663" s="1" t="s">
        <v>29632</v>
      </c>
      <c r="G7663" s="1" t="s">
        <v>29613</v>
      </c>
      <c r="H7663" s="1" t="s">
        <v>29614</v>
      </c>
      <c r="I7663" s="1" t="s">
        <v>28021</v>
      </c>
      <c r="J7663" s="1" t="s">
        <v>29633</v>
      </c>
    </row>
    <row r="7664" spans="1:10" x14ac:dyDescent="0.35">
      <c r="A7664" s="1" t="s">
        <v>29609</v>
      </c>
      <c r="B7664" s="1" t="s">
        <v>28015</v>
      </c>
      <c r="C7664" s="1" t="s">
        <v>40</v>
      </c>
      <c r="D7664" s="1" t="s">
        <v>1189</v>
      </c>
      <c r="E7664" s="1" t="s">
        <v>29634</v>
      </c>
      <c r="F7664" s="1" t="s">
        <v>29635</v>
      </c>
      <c r="G7664" s="1" t="s">
        <v>29613</v>
      </c>
      <c r="H7664" s="1" t="s">
        <v>29614</v>
      </c>
      <c r="I7664" s="1" t="s">
        <v>28021</v>
      </c>
      <c r="J7664" s="1" t="s">
        <v>29636</v>
      </c>
    </row>
    <row r="7665" spans="1:10" x14ac:dyDescent="0.35">
      <c r="A7665" s="1" t="s">
        <v>29609</v>
      </c>
      <c r="B7665" s="1" t="s">
        <v>28015</v>
      </c>
      <c r="C7665" s="1" t="s">
        <v>45</v>
      </c>
      <c r="D7665" s="1" t="s">
        <v>29637</v>
      </c>
      <c r="E7665" s="1" t="s">
        <v>29638</v>
      </c>
      <c r="F7665" s="1" t="s">
        <v>29639</v>
      </c>
      <c r="G7665" s="1" t="s">
        <v>29613</v>
      </c>
      <c r="H7665" s="1" t="s">
        <v>29614</v>
      </c>
      <c r="I7665" s="1" t="s">
        <v>28021</v>
      </c>
      <c r="J7665" s="1" t="s">
        <v>29640</v>
      </c>
    </row>
    <row r="7666" spans="1:10" x14ac:dyDescent="0.35">
      <c r="A7666" s="1" t="s">
        <v>29609</v>
      </c>
      <c r="B7666" s="1" t="s">
        <v>28015</v>
      </c>
      <c r="C7666" s="1" t="s">
        <v>50</v>
      </c>
      <c r="D7666" s="1" t="s">
        <v>4349</v>
      </c>
      <c r="E7666" s="1" t="s">
        <v>29641</v>
      </c>
      <c r="F7666" s="1" t="s">
        <v>29642</v>
      </c>
      <c r="G7666" s="1" t="s">
        <v>29613</v>
      </c>
      <c r="H7666" s="1" t="s">
        <v>29614</v>
      </c>
      <c r="I7666" s="1" t="s">
        <v>28021</v>
      </c>
      <c r="J7666" s="1" t="s">
        <v>29643</v>
      </c>
    </row>
    <row r="7667" spans="1:10" x14ac:dyDescent="0.35">
      <c r="A7667" s="1" t="s">
        <v>29609</v>
      </c>
      <c r="B7667" s="1" t="s">
        <v>28015</v>
      </c>
      <c r="C7667" s="1" t="s">
        <v>55</v>
      </c>
      <c r="D7667" s="1" t="s">
        <v>5531</v>
      </c>
      <c r="E7667" s="1" t="s">
        <v>29644</v>
      </c>
      <c r="F7667" s="1" t="s">
        <v>29645</v>
      </c>
      <c r="G7667" s="1" t="s">
        <v>29613</v>
      </c>
      <c r="H7667" s="1" t="s">
        <v>29614</v>
      </c>
      <c r="I7667" s="1" t="s">
        <v>28021</v>
      </c>
      <c r="J7667" s="1" t="s">
        <v>29646</v>
      </c>
    </row>
    <row r="7668" spans="1:10" x14ac:dyDescent="0.35">
      <c r="A7668" s="1" t="s">
        <v>29609</v>
      </c>
      <c r="B7668" s="1" t="s">
        <v>28015</v>
      </c>
      <c r="C7668" s="1" t="s">
        <v>60</v>
      </c>
      <c r="D7668" s="1" t="s">
        <v>12073</v>
      </c>
      <c r="E7668" s="1" t="s">
        <v>29647</v>
      </c>
      <c r="F7668" s="1" t="s">
        <v>29648</v>
      </c>
      <c r="G7668" s="1" t="s">
        <v>29613</v>
      </c>
      <c r="H7668" s="1" t="s">
        <v>29614</v>
      </c>
      <c r="I7668" s="1" t="s">
        <v>28021</v>
      </c>
      <c r="J7668" s="1" t="s">
        <v>29649</v>
      </c>
    </row>
    <row r="7669" spans="1:10" x14ac:dyDescent="0.35">
      <c r="A7669" s="1" t="s">
        <v>29609</v>
      </c>
      <c r="B7669" s="1" t="s">
        <v>28015</v>
      </c>
      <c r="C7669" s="1" t="s">
        <v>65</v>
      </c>
      <c r="D7669" s="1" t="s">
        <v>29650</v>
      </c>
      <c r="E7669" s="1" t="s">
        <v>29651</v>
      </c>
      <c r="F7669" s="1" t="s">
        <v>29652</v>
      </c>
      <c r="G7669" s="1" t="s">
        <v>29613</v>
      </c>
      <c r="H7669" s="1" t="s">
        <v>29614</v>
      </c>
      <c r="I7669" s="1" t="s">
        <v>28021</v>
      </c>
      <c r="J7669" s="1" t="s">
        <v>29653</v>
      </c>
    </row>
    <row r="7670" spans="1:10" x14ac:dyDescent="0.35">
      <c r="A7670" s="1" t="s">
        <v>29609</v>
      </c>
      <c r="B7670" s="1" t="s">
        <v>28015</v>
      </c>
      <c r="C7670" s="1" t="s">
        <v>70</v>
      </c>
      <c r="D7670" s="1" t="s">
        <v>8666</v>
      </c>
      <c r="E7670" s="1" t="s">
        <v>29654</v>
      </c>
      <c r="F7670" s="1" t="s">
        <v>29655</v>
      </c>
      <c r="G7670" s="1" t="s">
        <v>29613</v>
      </c>
      <c r="H7670" s="1" t="s">
        <v>29614</v>
      </c>
      <c r="I7670" s="1" t="s">
        <v>28021</v>
      </c>
      <c r="J7670" s="1" t="s">
        <v>29656</v>
      </c>
    </row>
    <row r="7671" spans="1:10" x14ac:dyDescent="0.35">
      <c r="A7671" s="1" t="s">
        <v>29609</v>
      </c>
      <c r="B7671" s="1" t="s">
        <v>28015</v>
      </c>
      <c r="C7671" s="1" t="s">
        <v>75</v>
      </c>
      <c r="D7671" s="1" t="s">
        <v>10048</v>
      </c>
      <c r="E7671" s="1" t="s">
        <v>29657</v>
      </c>
      <c r="F7671" s="1" t="s">
        <v>29658</v>
      </c>
      <c r="G7671" s="1" t="s">
        <v>29613</v>
      </c>
      <c r="H7671" s="1" t="s">
        <v>29614</v>
      </c>
      <c r="I7671" s="1" t="s">
        <v>28021</v>
      </c>
      <c r="J7671" s="1" t="s">
        <v>29659</v>
      </c>
    </row>
    <row r="7672" spans="1:10" x14ac:dyDescent="0.35">
      <c r="A7672" s="1" t="s">
        <v>29609</v>
      </c>
      <c r="B7672" s="1" t="s">
        <v>28015</v>
      </c>
      <c r="C7672" s="1" t="s">
        <v>80</v>
      </c>
      <c r="D7672" s="1" t="s">
        <v>29660</v>
      </c>
      <c r="E7672" s="1" t="s">
        <v>29661</v>
      </c>
      <c r="F7672" s="1" t="s">
        <v>29662</v>
      </c>
      <c r="G7672" s="1" t="s">
        <v>29613</v>
      </c>
      <c r="H7672" s="1" t="s">
        <v>29614</v>
      </c>
      <c r="I7672" s="1" t="s">
        <v>28021</v>
      </c>
      <c r="J7672" s="1" t="s">
        <v>29663</v>
      </c>
    </row>
    <row r="7673" spans="1:10" x14ac:dyDescent="0.35">
      <c r="A7673" s="1" t="s">
        <v>29609</v>
      </c>
      <c r="B7673" s="1" t="s">
        <v>28015</v>
      </c>
      <c r="C7673" s="1" t="s">
        <v>85</v>
      </c>
      <c r="D7673" s="1" t="s">
        <v>29664</v>
      </c>
      <c r="E7673" s="1" t="s">
        <v>29665</v>
      </c>
      <c r="F7673" s="1" t="s">
        <v>29666</v>
      </c>
      <c r="G7673" s="1" t="s">
        <v>29613</v>
      </c>
      <c r="H7673" s="1" t="s">
        <v>29614</v>
      </c>
      <c r="I7673" s="1" t="s">
        <v>28021</v>
      </c>
      <c r="J7673" s="1" t="s">
        <v>29667</v>
      </c>
    </row>
    <row r="7674" spans="1:10" x14ac:dyDescent="0.35">
      <c r="A7674" s="1" t="s">
        <v>29609</v>
      </c>
      <c r="B7674" s="1" t="s">
        <v>28015</v>
      </c>
      <c r="C7674" s="1" t="s">
        <v>90</v>
      </c>
      <c r="D7674" s="1" t="s">
        <v>29668</v>
      </c>
      <c r="E7674" s="1" t="s">
        <v>29669</v>
      </c>
      <c r="F7674" s="1" t="s">
        <v>29670</v>
      </c>
      <c r="G7674" s="1" t="s">
        <v>29613</v>
      </c>
      <c r="H7674" s="1" t="s">
        <v>29614</v>
      </c>
      <c r="I7674" s="1" t="s">
        <v>28021</v>
      </c>
      <c r="J7674" s="1" t="s">
        <v>29671</v>
      </c>
    </row>
    <row r="7675" spans="1:10" x14ac:dyDescent="0.35">
      <c r="A7675" s="1" t="s">
        <v>29609</v>
      </c>
      <c r="B7675" s="1" t="s">
        <v>28015</v>
      </c>
      <c r="C7675" s="1" t="s">
        <v>95</v>
      </c>
      <c r="D7675" s="1" t="s">
        <v>29672</v>
      </c>
      <c r="E7675" s="1" t="s">
        <v>29673</v>
      </c>
      <c r="F7675" s="1" t="s">
        <v>29674</v>
      </c>
      <c r="G7675" s="1" t="s">
        <v>29613</v>
      </c>
      <c r="H7675" s="1" t="s">
        <v>29614</v>
      </c>
      <c r="I7675" s="1" t="s">
        <v>28021</v>
      </c>
      <c r="J7675" s="1" t="s">
        <v>29675</v>
      </c>
    </row>
    <row r="7676" spans="1:10" x14ac:dyDescent="0.35">
      <c r="A7676" s="1" t="s">
        <v>29609</v>
      </c>
      <c r="B7676" s="1" t="s">
        <v>28015</v>
      </c>
      <c r="C7676" s="1" t="s">
        <v>100</v>
      </c>
      <c r="D7676" s="1" t="s">
        <v>29676</v>
      </c>
      <c r="E7676" s="1" t="s">
        <v>29677</v>
      </c>
      <c r="F7676" s="1" t="s">
        <v>29678</v>
      </c>
      <c r="G7676" s="1" t="s">
        <v>29613</v>
      </c>
      <c r="H7676" s="1" t="s">
        <v>29614</v>
      </c>
      <c r="I7676" s="1" t="s">
        <v>28021</v>
      </c>
      <c r="J7676" s="1" t="s">
        <v>29679</v>
      </c>
    </row>
    <row r="7677" spans="1:10" x14ac:dyDescent="0.35">
      <c r="A7677" s="1" t="s">
        <v>29609</v>
      </c>
      <c r="B7677" s="1" t="s">
        <v>28015</v>
      </c>
      <c r="C7677" s="1" t="s">
        <v>105</v>
      </c>
      <c r="D7677" s="1" t="s">
        <v>14021</v>
      </c>
      <c r="E7677" s="1" t="s">
        <v>29680</v>
      </c>
      <c r="F7677" s="1" t="s">
        <v>29681</v>
      </c>
      <c r="G7677" s="1" t="s">
        <v>29613</v>
      </c>
      <c r="H7677" s="1" t="s">
        <v>29614</v>
      </c>
      <c r="I7677" s="1" t="s">
        <v>28021</v>
      </c>
      <c r="J7677" s="1" t="s">
        <v>29682</v>
      </c>
    </row>
    <row r="7678" spans="1:10" x14ac:dyDescent="0.35">
      <c r="A7678" s="1" t="s">
        <v>29609</v>
      </c>
      <c r="B7678" s="1" t="s">
        <v>28015</v>
      </c>
      <c r="C7678" s="1" t="s">
        <v>110</v>
      </c>
      <c r="D7678" s="1" t="s">
        <v>2145</v>
      </c>
      <c r="E7678" s="1" t="s">
        <v>29683</v>
      </c>
      <c r="F7678" s="1" t="s">
        <v>29684</v>
      </c>
      <c r="G7678" s="1" t="s">
        <v>29613</v>
      </c>
      <c r="H7678" s="1" t="s">
        <v>29614</v>
      </c>
      <c r="I7678" s="1" t="s">
        <v>28021</v>
      </c>
      <c r="J7678" s="1" t="s">
        <v>29685</v>
      </c>
    </row>
    <row r="7679" spans="1:10" x14ac:dyDescent="0.35">
      <c r="A7679" s="1" t="s">
        <v>29609</v>
      </c>
      <c r="B7679" s="1" t="s">
        <v>28015</v>
      </c>
      <c r="C7679" s="1" t="s">
        <v>115</v>
      </c>
      <c r="D7679" s="1" t="s">
        <v>7503</v>
      </c>
      <c r="E7679" s="1" t="s">
        <v>29686</v>
      </c>
      <c r="F7679" s="1" t="s">
        <v>29687</v>
      </c>
      <c r="G7679" s="1" t="s">
        <v>29613</v>
      </c>
      <c r="H7679" s="1" t="s">
        <v>29614</v>
      </c>
      <c r="I7679" s="1" t="s">
        <v>28021</v>
      </c>
      <c r="J7679" s="1" t="s">
        <v>29688</v>
      </c>
    </row>
    <row r="7680" spans="1:10" x14ac:dyDescent="0.35">
      <c r="A7680" s="1" t="s">
        <v>29609</v>
      </c>
      <c r="B7680" s="1" t="s">
        <v>28015</v>
      </c>
      <c r="C7680" s="1" t="s">
        <v>120</v>
      </c>
      <c r="D7680" s="1" t="s">
        <v>29689</v>
      </c>
      <c r="E7680" s="1" t="s">
        <v>29690</v>
      </c>
      <c r="F7680" s="1" t="s">
        <v>29691</v>
      </c>
      <c r="G7680" s="1" t="s">
        <v>29613</v>
      </c>
      <c r="H7680" s="1" t="s">
        <v>29614</v>
      </c>
      <c r="I7680" s="1" t="s">
        <v>28021</v>
      </c>
      <c r="J7680" s="1" t="s">
        <v>29692</v>
      </c>
    </row>
    <row r="7681" spans="1:10" x14ac:dyDescent="0.35">
      <c r="A7681" s="1" t="s">
        <v>29609</v>
      </c>
      <c r="B7681" s="1" t="s">
        <v>28015</v>
      </c>
      <c r="C7681" s="1" t="s">
        <v>125</v>
      </c>
      <c r="D7681" s="1" t="s">
        <v>29693</v>
      </c>
      <c r="E7681" s="1" t="s">
        <v>29694</v>
      </c>
      <c r="F7681" s="1" t="s">
        <v>29695</v>
      </c>
      <c r="G7681" s="1" t="s">
        <v>29613</v>
      </c>
      <c r="H7681" s="1" t="s">
        <v>29614</v>
      </c>
      <c r="I7681" s="1" t="s">
        <v>28021</v>
      </c>
      <c r="J7681" s="1" t="s">
        <v>29696</v>
      </c>
    </row>
    <row r="7682" spans="1:10" x14ac:dyDescent="0.35">
      <c r="A7682" s="1" t="s">
        <v>29609</v>
      </c>
      <c r="B7682" s="1" t="s">
        <v>28015</v>
      </c>
      <c r="C7682" s="1" t="s">
        <v>130</v>
      </c>
      <c r="D7682" s="1" t="s">
        <v>29697</v>
      </c>
      <c r="E7682" s="1" t="s">
        <v>15128</v>
      </c>
      <c r="F7682" s="1" t="s">
        <v>29698</v>
      </c>
      <c r="G7682" s="1" t="s">
        <v>29613</v>
      </c>
      <c r="H7682" s="1" t="s">
        <v>29614</v>
      </c>
      <c r="I7682" s="1" t="s">
        <v>28021</v>
      </c>
      <c r="J7682" s="1" t="s">
        <v>29699</v>
      </c>
    </row>
    <row r="7683" spans="1:10" x14ac:dyDescent="0.35">
      <c r="A7683" s="1" t="s">
        <v>29609</v>
      </c>
      <c r="B7683" s="1" t="s">
        <v>28015</v>
      </c>
      <c r="C7683" s="1" t="s">
        <v>135</v>
      </c>
      <c r="D7683" s="1" t="s">
        <v>29700</v>
      </c>
      <c r="E7683" s="1" t="s">
        <v>29701</v>
      </c>
      <c r="F7683" s="1" t="s">
        <v>29702</v>
      </c>
      <c r="G7683" s="1" t="s">
        <v>29613</v>
      </c>
      <c r="H7683" s="1" t="s">
        <v>29614</v>
      </c>
      <c r="I7683" s="1" t="s">
        <v>28021</v>
      </c>
      <c r="J7683" s="1" t="s">
        <v>29703</v>
      </c>
    </row>
    <row r="7684" spans="1:10" x14ac:dyDescent="0.35">
      <c r="A7684" s="1" t="s">
        <v>29609</v>
      </c>
      <c r="B7684" s="1" t="s">
        <v>28015</v>
      </c>
      <c r="C7684" s="1" t="s">
        <v>140</v>
      </c>
      <c r="D7684" s="1" t="s">
        <v>29704</v>
      </c>
      <c r="E7684" s="1" t="s">
        <v>29705</v>
      </c>
      <c r="F7684" s="1" t="s">
        <v>29706</v>
      </c>
      <c r="G7684" s="1" t="s">
        <v>29613</v>
      </c>
      <c r="H7684" s="1" t="s">
        <v>29614</v>
      </c>
      <c r="I7684" s="1" t="s">
        <v>28021</v>
      </c>
      <c r="J7684" s="1" t="s">
        <v>29707</v>
      </c>
    </row>
    <row r="7685" spans="1:10" x14ac:dyDescent="0.35">
      <c r="A7685" s="1" t="s">
        <v>29609</v>
      </c>
      <c r="B7685" s="1" t="s">
        <v>28015</v>
      </c>
      <c r="C7685" s="1" t="s">
        <v>145</v>
      </c>
      <c r="D7685" s="1" t="s">
        <v>29708</v>
      </c>
      <c r="E7685" s="1" t="s">
        <v>29709</v>
      </c>
      <c r="F7685" s="1" t="s">
        <v>29710</v>
      </c>
      <c r="G7685" s="1" t="s">
        <v>29613</v>
      </c>
      <c r="H7685" s="1" t="s">
        <v>29614</v>
      </c>
      <c r="I7685" s="1" t="s">
        <v>28021</v>
      </c>
      <c r="J7685" s="1" t="s">
        <v>29711</v>
      </c>
    </row>
    <row r="7686" spans="1:10" x14ac:dyDescent="0.35">
      <c r="A7686" s="1" t="s">
        <v>29609</v>
      </c>
      <c r="B7686" s="1" t="s">
        <v>28015</v>
      </c>
      <c r="C7686" s="1" t="s">
        <v>150</v>
      </c>
      <c r="D7686" s="1" t="s">
        <v>3355</v>
      </c>
      <c r="E7686" s="1" t="s">
        <v>29712</v>
      </c>
      <c r="F7686" s="1" t="s">
        <v>29713</v>
      </c>
      <c r="G7686" s="1" t="s">
        <v>29613</v>
      </c>
      <c r="H7686" s="1" t="s">
        <v>29614</v>
      </c>
      <c r="I7686" s="1" t="s">
        <v>28021</v>
      </c>
      <c r="J7686" s="1" t="s">
        <v>29714</v>
      </c>
    </row>
    <row r="7687" spans="1:10" x14ac:dyDescent="0.35">
      <c r="A7687" s="1" t="s">
        <v>29609</v>
      </c>
      <c r="B7687" s="1" t="s">
        <v>28015</v>
      </c>
      <c r="C7687" s="1" t="s">
        <v>155</v>
      </c>
      <c r="D7687" s="1" t="s">
        <v>25611</v>
      </c>
      <c r="E7687" s="1" t="s">
        <v>29715</v>
      </c>
      <c r="F7687" s="1" t="s">
        <v>29716</v>
      </c>
      <c r="G7687" s="1" t="s">
        <v>29613</v>
      </c>
      <c r="H7687" s="1" t="s">
        <v>29614</v>
      </c>
      <c r="I7687" s="1" t="s">
        <v>28021</v>
      </c>
      <c r="J7687" s="1" t="s">
        <v>29717</v>
      </c>
    </row>
    <row r="7688" spans="1:10" x14ac:dyDescent="0.35">
      <c r="A7688" s="1" t="s">
        <v>29609</v>
      </c>
      <c r="B7688" s="1" t="s">
        <v>28015</v>
      </c>
      <c r="C7688" s="1" t="s">
        <v>160</v>
      </c>
      <c r="D7688" s="1" t="s">
        <v>7082</v>
      </c>
      <c r="E7688" s="1" t="s">
        <v>29718</v>
      </c>
      <c r="F7688" s="1" t="s">
        <v>29719</v>
      </c>
      <c r="G7688" s="1" t="s">
        <v>29613</v>
      </c>
      <c r="H7688" s="1" t="s">
        <v>29614</v>
      </c>
      <c r="I7688" s="1" t="s">
        <v>28021</v>
      </c>
      <c r="J7688" s="1" t="s">
        <v>29720</v>
      </c>
    </row>
    <row r="7689" spans="1:10" x14ac:dyDescent="0.35">
      <c r="A7689" s="1" t="s">
        <v>29609</v>
      </c>
      <c r="B7689" s="1" t="s">
        <v>28015</v>
      </c>
      <c r="C7689" s="1" t="s">
        <v>165</v>
      </c>
      <c r="D7689" s="1" t="s">
        <v>29721</v>
      </c>
      <c r="E7689" s="1" t="s">
        <v>29722</v>
      </c>
      <c r="F7689" s="1" t="s">
        <v>29723</v>
      </c>
      <c r="G7689" s="1" t="s">
        <v>29613</v>
      </c>
      <c r="H7689" s="1" t="s">
        <v>29614</v>
      </c>
      <c r="I7689" s="1" t="s">
        <v>28021</v>
      </c>
      <c r="J7689" s="1" t="s">
        <v>29724</v>
      </c>
    </row>
    <row r="7690" spans="1:10" x14ac:dyDescent="0.35">
      <c r="A7690" s="1" t="s">
        <v>29609</v>
      </c>
      <c r="B7690" s="1" t="s">
        <v>28015</v>
      </c>
      <c r="C7690" s="1" t="s">
        <v>170</v>
      </c>
      <c r="D7690" s="1" t="s">
        <v>29725</v>
      </c>
      <c r="E7690" s="1" t="s">
        <v>29726</v>
      </c>
      <c r="F7690" s="1" t="s">
        <v>29727</v>
      </c>
      <c r="G7690" s="1" t="s">
        <v>29613</v>
      </c>
      <c r="H7690" s="1" t="s">
        <v>29614</v>
      </c>
      <c r="I7690" s="1" t="s">
        <v>28021</v>
      </c>
      <c r="J7690" s="1" t="s">
        <v>29728</v>
      </c>
    </row>
    <row r="7691" spans="1:10" x14ac:dyDescent="0.35">
      <c r="A7691" s="1" t="s">
        <v>29729</v>
      </c>
      <c r="B7691" s="1" t="s">
        <v>28015</v>
      </c>
      <c r="C7691" s="1" t="s">
        <v>8</v>
      </c>
      <c r="D7691" s="1" t="s">
        <v>28506</v>
      </c>
      <c r="E7691" s="1" t="s">
        <v>29730</v>
      </c>
      <c r="F7691" s="1" t="s">
        <v>29731</v>
      </c>
      <c r="G7691" s="1" t="s">
        <v>29732</v>
      </c>
      <c r="H7691" s="1" t="s">
        <v>29733</v>
      </c>
      <c r="I7691" s="1" t="s">
        <v>28021</v>
      </c>
      <c r="J7691" s="1" t="s">
        <v>13</v>
      </c>
    </row>
    <row r="7692" spans="1:10" x14ac:dyDescent="0.35">
      <c r="A7692" s="1" t="s">
        <v>29729</v>
      </c>
      <c r="B7692" s="1" t="s">
        <v>28015</v>
      </c>
      <c r="C7692" s="1" t="s">
        <v>15</v>
      </c>
      <c r="D7692" s="1" t="s">
        <v>28026</v>
      </c>
      <c r="E7692" s="1" t="s">
        <v>29734</v>
      </c>
      <c r="F7692" s="1" t="s">
        <v>29735</v>
      </c>
      <c r="G7692" s="1" t="s">
        <v>29732</v>
      </c>
      <c r="H7692" s="1" t="s">
        <v>29733</v>
      </c>
      <c r="I7692" s="1" t="s">
        <v>28021</v>
      </c>
      <c r="J7692" s="1" t="s">
        <v>29736</v>
      </c>
    </row>
    <row r="7693" spans="1:10" x14ac:dyDescent="0.35">
      <c r="A7693" s="1" t="s">
        <v>29729</v>
      </c>
      <c r="B7693" s="1" t="s">
        <v>28015</v>
      </c>
      <c r="C7693" s="1" t="s">
        <v>20</v>
      </c>
      <c r="D7693" s="1" t="s">
        <v>1193</v>
      </c>
      <c r="E7693" s="1" t="s">
        <v>29737</v>
      </c>
      <c r="F7693" s="1" t="s">
        <v>29738</v>
      </c>
      <c r="G7693" s="1" t="s">
        <v>29732</v>
      </c>
      <c r="H7693" s="1" t="s">
        <v>29733</v>
      </c>
      <c r="I7693" s="1" t="s">
        <v>28021</v>
      </c>
      <c r="J7693" s="1" t="s">
        <v>29739</v>
      </c>
    </row>
    <row r="7694" spans="1:10" x14ac:dyDescent="0.35">
      <c r="A7694" s="1" t="s">
        <v>29729</v>
      </c>
      <c r="B7694" s="1" t="s">
        <v>28015</v>
      </c>
      <c r="C7694" s="1" t="s">
        <v>25</v>
      </c>
      <c r="D7694" s="1" t="s">
        <v>29542</v>
      </c>
      <c r="E7694" s="1" t="s">
        <v>29740</v>
      </c>
      <c r="F7694" s="1" t="s">
        <v>29741</v>
      </c>
      <c r="G7694" s="1" t="s">
        <v>29732</v>
      </c>
      <c r="H7694" s="1" t="s">
        <v>29733</v>
      </c>
      <c r="I7694" s="1" t="s">
        <v>28021</v>
      </c>
      <c r="J7694" s="1" t="s">
        <v>29742</v>
      </c>
    </row>
    <row r="7695" spans="1:10" x14ac:dyDescent="0.35">
      <c r="A7695" s="1" t="s">
        <v>29729</v>
      </c>
      <c r="B7695" s="1" t="s">
        <v>28015</v>
      </c>
      <c r="C7695" s="1" t="s">
        <v>30</v>
      </c>
      <c r="D7695" s="1" t="s">
        <v>29743</v>
      </c>
      <c r="E7695" s="1" t="s">
        <v>29744</v>
      </c>
      <c r="F7695" s="1" t="s">
        <v>29745</v>
      </c>
      <c r="G7695" s="1" t="s">
        <v>29732</v>
      </c>
      <c r="H7695" s="1" t="s">
        <v>29733</v>
      </c>
      <c r="I7695" s="1" t="s">
        <v>28021</v>
      </c>
      <c r="J7695" s="1" t="s">
        <v>29746</v>
      </c>
    </row>
    <row r="7696" spans="1:10" x14ac:dyDescent="0.35">
      <c r="A7696" s="1" t="s">
        <v>29729</v>
      </c>
      <c r="B7696" s="1" t="s">
        <v>28015</v>
      </c>
      <c r="C7696" s="1" t="s">
        <v>35</v>
      </c>
      <c r="D7696" s="1" t="s">
        <v>29747</v>
      </c>
      <c r="E7696" s="1" t="s">
        <v>29748</v>
      </c>
      <c r="F7696" s="1" t="s">
        <v>29749</v>
      </c>
      <c r="G7696" s="1" t="s">
        <v>29732</v>
      </c>
      <c r="H7696" s="1" t="s">
        <v>29733</v>
      </c>
      <c r="I7696" s="1" t="s">
        <v>28021</v>
      </c>
      <c r="J7696" s="1" t="s">
        <v>29750</v>
      </c>
    </row>
    <row r="7697" spans="1:10" x14ac:dyDescent="0.35">
      <c r="A7697" s="1" t="s">
        <v>29729</v>
      </c>
      <c r="B7697" s="1" t="s">
        <v>28015</v>
      </c>
      <c r="C7697" s="1" t="s">
        <v>40</v>
      </c>
      <c r="D7697" s="1" t="s">
        <v>3972</v>
      </c>
      <c r="E7697" s="1" t="s">
        <v>29751</v>
      </c>
      <c r="F7697" s="1" t="s">
        <v>29752</v>
      </c>
      <c r="G7697" s="1" t="s">
        <v>29732</v>
      </c>
      <c r="H7697" s="1" t="s">
        <v>29733</v>
      </c>
      <c r="I7697" s="1" t="s">
        <v>28021</v>
      </c>
      <c r="J7697" s="1" t="s">
        <v>29753</v>
      </c>
    </row>
    <row r="7698" spans="1:10" x14ac:dyDescent="0.35">
      <c r="A7698" s="1" t="s">
        <v>29729</v>
      </c>
      <c r="B7698" s="1" t="s">
        <v>28015</v>
      </c>
      <c r="C7698" s="1" t="s">
        <v>45</v>
      </c>
      <c r="D7698" s="1" t="s">
        <v>155</v>
      </c>
      <c r="E7698" s="1" t="s">
        <v>29754</v>
      </c>
      <c r="F7698" s="1" t="s">
        <v>29755</v>
      </c>
      <c r="G7698" s="1" t="s">
        <v>29732</v>
      </c>
      <c r="H7698" s="1" t="s">
        <v>29733</v>
      </c>
      <c r="I7698" s="1" t="s">
        <v>28021</v>
      </c>
      <c r="J7698" s="1" t="s">
        <v>29756</v>
      </c>
    </row>
    <row r="7699" spans="1:10" x14ac:dyDescent="0.35">
      <c r="A7699" s="1" t="s">
        <v>29729</v>
      </c>
      <c r="B7699" s="1" t="s">
        <v>28015</v>
      </c>
      <c r="C7699" s="1" t="s">
        <v>50</v>
      </c>
      <c r="D7699" s="1" t="s">
        <v>3924</v>
      </c>
      <c r="E7699" s="1" t="s">
        <v>29757</v>
      </c>
      <c r="F7699" s="1" t="s">
        <v>29758</v>
      </c>
      <c r="G7699" s="1" t="s">
        <v>29732</v>
      </c>
      <c r="H7699" s="1" t="s">
        <v>29733</v>
      </c>
      <c r="I7699" s="1" t="s">
        <v>28021</v>
      </c>
      <c r="J7699" s="1" t="s">
        <v>29759</v>
      </c>
    </row>
    <row r="7700" spans="1:10" x14ac:dyDescent="0.35">
      <c r="A7700" s="1" t="s">
        <v>29729</v>
      </c>
      <c r="B7700" s="1" t="s">
        <v>28015</v>
      </c>
      <c r="C7700" s="1" t="s">
        <v>55</v>
      </c>
      <c r="D7700" s="1" t="s">
        <v>29760</v>
      </c>
      <c r="E7700" s="1" t="s">
        <v>29761</v>
      </c>
      <c r="F7700" s="1" t="s">
        <v>29762</v>
      </c>
      <c r="G7700" s="1" t="s">
        <v>29732</v>
      </c>
      <c r="H7700" s="1" t="s">
        <v>29733</v>
      </c>
      <c r="I7700" s="1" t="s">
        <v>28021</v>
      </c>
      <c r="J7700" s="1" t="s">
        <v>29763</v>
      </c>
    </row>
    <row r="7701" spans="1:10" x14ac:dyDescent="0.35">
      <c r="A7701" s="1" t="s">
        <v>29729</v>
      </c>
      <c r="B7701" s="1" t="s">
        <v>28015</v>
      </c>
      <c r="C7701" s="1" t="s">
        <v>60</v>
      </c>
      <c r="D7701" s="1" t="s">
        <v>29764</v>
      </c>
      <c r="E7701" s="1" t="s">
        <v>29765</v>
      </c>
      <c r="F7701" s="1" t="s">
        <v>29766</v>
      </c>
      <c r="G7701" s="1" t="s">
        <v>29732</v>
      </c>
      <c r="H7701" s="1" t="s">
        <v>29733</v>
      </c>
      <c r="I7701" s="1" t="s">
        <v>28021</v>
      </c>
      <c r="J7701" s="1" t="s">
        <v>29767</v>
      </c>
    </row>
    <row r="7702" spans="1:10" x14ac:dyDescent="0.35">
      <c r="A7702" s="1" t="s">
        <v>29729</v>
      </c>
      <c r="B7702" s="1" t="s">
        <v>28015</v>
      </c>
      <c r="C7702" s="1" t="s">
        <v>65</v>
      </c>
      <c r="D7702" s="1" t="s">
        <v>8738</v>
      </c>
      <c r="E7702" s="1" t="s">
        <v>29768</v>
      </c>
      <c r="F7702" s="1" t="s">
        <v>29769</v>
      </c>
      <c r="G7702" s="1" t="s">
        <v>29732</v>
      </c>
      <c r="H7702" s="1" t="s">
        <v>29733</v>
      </c>
      <c r="I7702" s="1" t="s">
        <v>28021</v>
      </c>
      <c r="J7702" s="1" t="s">
        <v>29770</v>
      </c>
    </row>
    <row r="7703" spans="1:10" x14ac:dyDescent="0.35">
      <c r="A7703" s="1" t="s">
        <v>29729</v>
      </c>
      <c r="B7703" s="1" t="s">
        <v>28015</v>
      </c>
      <c r="C7703" s="1" t="s">
        <v>70</v>
      </c>
      <c r="D7703" s="1" t="s">
        <v>29771</v>
      </c>
      <c r="E7703" s="1" t="s">
        <v>29772</v>
      </c>
      <c r="F7703" s="1" t="s">
        <v>29773</v>
      </c>
      <c r="G7703" s="1" t="s">
        <v>29732</v>
      </c>
      <c r="H7703" s="1" t="s">
        <v>29733</v>
      </c>
      <c r="I7703" s="1" t="s">
        <v>28021</v>
      </c>
      <c r="J7703" s="1" t="s">
        <v>29774</v>
      </c>
    </row>
    <row r="7704" spans="1:10" x14ac:dyDescent="0.35">
      <c r="A7704" s="1" t="s">
        <v>29729</v>
      </c>
      <c r="B7704" s="1" t="s">
        <v>28015</v>
      </c>
      <c r="C7704" s="1" t="s">
        <v>75</v>
      </c>
      <c r="D7704" s="1" t="s">
        <v>27391</v>
      </c>
      <c r="E7704" s="1" t="s">
        <v>29775</v>
      </c>
      <c r="F7704" s="1" t="s">
        <v>29776</v>
      </c>
      <c r="G7704" s="1" t="s">
        <v>29732</v>
      </c>
      <c r="H7704" s="1" t="s">
        <v>29733</v>
      </c>
      <c r="I7704" s="1" t="s">
        <v>28021</v>
      </c>
      <c r="J7704" s="1" t="s">
        <v>29777</v>
      </c>
    </row>
    <row r="7705" spans="1:10" x14ac:dyDescent="0.35">
      <c r="A7705" s="1" t="s">
        <v>29729</v>
      </c>
      <c r="B7705" s="1" t="s">
        <v>28015</v>
      </c>
      <c r="C7705" s="1" t="s">
        <v>80</v>
      </c>
      <c r="D7705" s="1" t="s">
        <v>25989</v>
      </c>
      <c r="E7705" s="1" t="s">
        <v>29778</v>
      </c>
      <c r="F7705" s="1" t="s">
        <v>29779</v>
      </c>
      <c r="G7705" s="1" t="s">
        <v>29732</v>
      </c>
      <c r="H7705" s="1" t="s">
        <v>29733</v>
      </c>
      <c r="I7705" s="1" t="s">
        <v>28021</v>
      </c>
      <c r="J7705" s="1" t="s">
        <v>29780</v>
      </c>
    </row>
    <row r="7706" spans="1:10" x14ac:dyDescent="0.35">
      <c r="A7706" s="1" t="s">
        <v>29729</v>
      </c>
      <c r="B7706" s="1" t="s">
        <v>28015</v>
      </c>
      <c r="C7706" s="1" t="s">
        <v>85</v>
      </c>
      <c r="D7706" s="1" t="s">
        <v>25239</v>
      </c>
      <c r="E7706" s="1" t="s">
        <v>29781</v>
      </c>
      <c r="F7706" s="1" t="s">
        <v>29782</v>
      </c>
      <c r="G7706" s="1" t="s">
        <v>29732</v>
      </c>
      <c r="H7706" s="1" t="s">
        <v>29733</v>
      </c>
      <c r="I7706" s="1" t="s">
        <v>28021</v>
      </c>
      <c r="J7706" s="1" t="s">
        <v>29783</v>
      </c>
    </row>
    <row r="7707" spans="1:10" x14ac:dyDescent="0.35">
      <c r="A7707" s="1" t="s">
        <v>29729</v>
      </c>
      <c r="B7707" s="1" t="s">
        <v>28015</v>
      </c>
      <c r="C7707" s="1" t="s">
        <v>90</v>
      </c>
      <c r="D7707" s="1" t="s">
        <v>28773</v>
      </c>
      <c r="E7707" s="1" t="s">
        <v>29784</v>
      </c>
      <c r="F7707" s="1" t="s">
        <v>29785</v>
      </c>
      <c r="G7707" s="1" t="s">
        <v>29732</v>
      </c>
      <c r="H7707" s="1" t="s">
        <v>29733</v>
      </c>
      <c r="I7707" s="1" t="s">
        <v>28021</v>
      </c>
      <c r="J7707" s="1" t="s">
        <v>29786</v>
      </c>
    </row>
    <row r="7708" spans="1:10" x14ac:dyDescent="0.35">
      <c r="A7708" s="1" t="s">
        <v>29729</v>
      </c>
      <c r="B7708" s="1" t="s">
        <v>28015</v>
      </c>
      <c r="C7708" s="1" t="s">
        <v>95</v>
      </c>
      <c r="D7708" s="1" t="s">
        <v>29787</v>
      </c>
      <c r="E7708" s="1" t="s">
        <v>29788</v>
      </c>
      <c r="F7708" s="1" t="s">
        <v>29789</v>
      </c>
      <c r="G7708" s="1" t="s">
        <v>29732</v>
      </c>
      <c r="H7708" s="1" t="s">
        <v>29733</v>
      </c>
      <c r="I7708" s="1" t="s">
        <v>28021</v>
      </c>
      <c r="J7708" s="1" t="s">
        <v>29790</v>
      </c>
    </row>
    <row r="7709" spans="1:10" x14ac:dyDescent="0.35">
      <c r="A7709" s="1" t="s">
        <v>29729</v>
      </c>
      <c r="B7709" s="1" t="s">
        <v>28015</v>
      </c>
      <c r="C7709" s="1" t="s">
        <v>100</v>
      </c>
      <c r="D7709" s="1" t="s">
        <v>27871</v>
      </c>
      <c r="E7709" s="1" t="s">
        <v>29791</v>
      </c>
      <c r="F7709" s="1" t="s">
        <v>29792</v>
      </c>
      <c r="G7709" s="1" t="s">
        <v>29732</v>
      </c>
      <c r="H7709" s="1" t="s">
        <v>29733</v>
      </c>
      <c r="I7709" s="1" t="s">
        <v>28021</v>
      </c>
      <c r="J7709" s="1" t="s">
        <v>29793</v>
      </c>
    </row>
    <row r="7710" spans="1:10" x14ac:dyDescent="0.35">
      <c r="A7710" s="1" t="s">
        <v>29729</v>
      </c>
      <c r="B7710" s="1" t="s">
        <v>28015</v>
      </c>
      <c r="C7710" s="1" t="s">
        <v>105</v>
      </c>
      <c r="D7710" s="1" t="s">
        <v>29794</v>
      </c>
      <c r="E7710" s="1" t="s">
        <v>29795</v>
      </c>
      <c r="F7710" s="1" t="s">
        <v>29796</v>
      </c>
      <c r="G7710" s="1" t="s">
        <v>29732</v>
      </c>
      <c r="H7710" s="1" t="s">
        <v>29733</v>
      </c>
      <c r="I7710" s="1" t="s">
        <v>28021</v>
      </c>
      <c r="J7710" s="1" t="s">
        <v>29797</v>
      </c>
    </row>
    <row r="7711" spans="1:10" x14ac:dyDescent="0.35">
      <c r="A7711" s="1" t="s">
        <v>29729</v>
      </c>
      <c r="B7711" s="1" t="s">
        <v>28015</v>
      </c>
      <c r="C7711" s="1" t="s">
        <v>110</v>
      </c>
      <c r="D7711" s="1" t="s">
        <v>29798</v>
      </c>
      <c r="E7711" s="1" t="s">
        <v>29799</v>
      </c>
      <c r="F7711" s="1" t="s">
        <v>29800</v>
      </c>
      <c r="G7711" s="1" t="s">
        <v>29732</v>
      </c>
      <c r="H7711" s="1" t="s">
        <v>29733</v>
      </c>
      <c r="I7711" s="1" t="s">
        <v>28021</v>
      </c>
      <c r="J7711" s="1" t="s">
        <v>29801</v>
      </c>
    </row>
    <row r="7712" spans="1:10" x14ac:dyDescent="0.35">
      <c r="A7712" s="1" t="s">
        <v>29729</v>
      </c>
      <c r="B7712" s="1" t="s">
        <v>28015</v>
      </c>
      <c r="C7712" s="1" t="s">
        <v>115</v>
      </c>
      <c r="D7712" s="1" t="s">
        <v>29802</v>
      </c>
      <c r="E7712" s="1" t="s">
        <v>29803</v>
      </c>
      <c r="F7712" s="1" t="s">
        <v>29804</v>
      </c>
      <c r="G7712" s="1" t="s">
        <v>29732</v>
      </c>
      <c r="H7712" s="1" t="s">
        <v>29733</v>
      </c>
      <c r="I7712" s="1" t="s">
        <v>28021</v>
      </c>
      <c r="J7712" s="1" t="s">
        <v>29805</v>
      </c>
    </row>
    <row r="7713" spans="1:10" x14ac:dyDescent="0.35">
      <c r="A7713" s="1" t="s">
        <v>29729</v>
      </c>
      <c r="B7713" s="1" t="s">
        <v>28015</v>
      </c>
      <c r="C7713" s="1" t="s">
        <v>120</v>
      </c>
      <c r="D7713" s="1" t="s">
        <v>29806</v>
      </c>
      <c r="E7713" s="1" t="s">
        <v>29807</v>
      </c>
      <c r="F7713" s="1" t="s">
        <v>29808</v>
      </c>
      <c r="G7713" s="1" t="s">
        <v>29732</v>
      </c>
      <c r="H7713" s="1" t="s">
        <v>29733</v>
      </c>
      <c r="I7713" s="1" t="s">
        <v>28021</v>
      </c>
      <c r="J7713" s="1" t="s">
        <v>29809</v>
      </c>
    </row>
    <row r="7714" spans="1:10" x14ac:dyDescent="0.35">
      <c r="A7714" s="1" t="s">
        <v>29729</v>
      </c>
      <c r="B7714" s="1" t="s">
        <v>28015</v>
      </c>
      <c r="C7714" s="1" t="s">
        <v>125</v>
      </c>
      <c r="D7714" s="1" t="s">
        <v>29810</v>
      </c>
      <c r="E7714" s="1" t="s">
        <v>29811</v>
      </c>
      <c r="F7714" s="1" t="s">
        <v>29812</v>
      </c>
      <c r="G7714" s="1" t="s">
        <v>29732</v>
      </c>
      <c r="H7714" s="1" t="s">
        <v>29733</v>
      </c>
      <c r="I7714" s="1" t="s">
        <v>28021</v>
      </c>
      <c r="J7714" s="1" t="s">
        <v>29813</v>
      </c>
    </row>
    <row r="7715" spans="1:10" x14ac:dyDescent="0.35">
      <c r="A7715" s="1" t="s">
        <v>29729</v>
      </c>
      <c r="B7715" s="1" t="s">
        <v>28015</v>
      </c>
      <c r="C7715" s="1" t="s">
        <v>130</v>
      </c>
      <c r="D7715" s="1" t="s">
        <v>7590</v>
      </c>
      <c r="E7715" s="1" t="s">
        <v>29814</v>
      </c>
      <c r="F7715" s="1" t="s">
        <v>29815</v>
      </c>
      <c r="G7715" s="1" t="s">
        <v>29732</v>
      </c>
      <c r="H7715" s="1" t="s">
        <v>29733</v>
      </c>
      <c r="I7715" s="1" t="s">
        <v>28021</v>
      </c>
      <c r="J7715" s="1" t="s">
        <v>29816</v>
      </c>
    </row>
    <row r="7716" spans="1:10" x14ac:dyDescent="0.35">
      <c r="A7716" s="1" t="s">
        <v>29729</v>
      </c>
      <c r="B7716" s="1" t="s">
        <v>28015</v>
      </c>
      <c r="C7716" s="1" t="s">
        <v>135</v>
      </c>
      <c r="D7716" s="1" t="s">
        <v>29817</v>
      </c>
      <c r="E7716" s="1" t="s">
        <v>29818</v>
      </c>
      <c r="F7716" s="1" t="s">
        <v>29819</v>
      </c>
      <c r="G7716" s="1" t="s">
        <v>29732</v>
      </c>
      <c r="H7716" s="1" t="s">
        <v>29733</v>
      </c>
      <c r="I7716" s="1" t="s">
        <v>28021</v>
      </c>
      <c r="J7716" s="1" t="s">
        <v>29820</v>
      </c>
    </row>
    <row r="7717" spans="1:10" x14ac:dyDescent="0.35">
      <c r="A7717" s="1" t="s">
        <v>29729</v>
      </c>
      <c r="B7717" s="1" t="s">
        <v>28015</v>
      </c>
      <c r="C7717" s="1" t="s">
        <v>140</v>
      </c>
      <c r="D7717" s="1" t="s">
        <v>29821</v>
      </c>
      <c r="E7717" s="1" t="s">
        <v>29822</v>
      </c>
      <c r="F7717" s="1" t="s">
        <v>29823</v>
      </c>
      <c r="G7717" s="1" t="s">
        <v>29732</v>
      </c>
      <c r="H7717" s="1" t="s">
        <v>29733</v>
      </c>
      <c r="I7717" s="1" t="s">
        <v>28021</v>
      </c>
      <c r="J7717" s="1" t="s">
        <v>29824</v>
      </c>
    </row>
    <row r="7718" spans="1:10" x14ac:dyDescent="0.35">
      <c r="A7718" s="1" t="s">
        <v>29729</v>
      </c>
      <c r="B7718" s="1" t="s">
        <v>28015</v>
      </c>
      <c r="C7718" s="1" t="s">
        <v>145</v>
      </c>
      <c r="D7718" s="1" t="s">
        <v>5099</v>
      </c>
      <c r="E7718" s="1" t="s">
        <v>29825</v>
      </c>
      <c r="F7718" s="1" t="s">
        <v>29826</v>
      </c>
      <c r="G7718" s="1" t="s">
        <v>29732</v>
      </c>
      <c r="H7718" s="1" t="s">
        <v>29733</v>
      </c>
      <c r="I7718" s="1" t="s">
        <v>28021</v>
      </c>
      <c r="J7718" s="1" t="s">
        <v>29827</v>
      </c>
    </row>
    <row r="7719" spans="1:10" x14ac:dyDescent="0.35">
      <c r="A7719" s="1" t="s">
        <v>29729</v>
      </c>
      <c r="B7719" s="1" t="s">
        <v>28015</v>
      </c>
      <c r="C7719" s="1" t="s">
        <v>150</v>
      </c>
      <c r="D7719" s="1" t="s">
        <v>28645</v>
      </c>
      <c r="E7719" s="1" t="s">
        <v>29828</v>
      </c>
      <c r="F7719" s="1" t="s">
        <v>29829</v>
      </c>
      <c r="G7719" s="1" t="s">
        <v>29732</v>
      </c>
      <c r="H7719" s="1" t="s">
        <v>29733</v>
      </c>
      <c r="I7719" s="1" t="s">
        <v>28021</v>
      </c>
      <c r="J7719" s="1" t="s">
        <v>29830</v>
      </c>
    </row>
    <row r="7720" spans="1:10" x14ac:dyDescent="0.35">
      <c r="A7720" s="1" t="s">
        <v>29729</v>
      </c>
      <c r="B7720" s="1" t="s">
        <v>28015</v>
      </c>
      <c r="C7720" s="1" t="s">
        <v>155</v>
      </c>
      <c r="D7720" s="1" t="s">
        <v>15240</v>
      </c>
      <c r="E7720" s="1" t="s">
        <v>29831</v>
      </c>
      <c r="F7720" s="1" t="s">
        <v>29832</v>
      </c>
      <c r="G7720" s="1" t="s">
        <v>29732</v>
      </c>
      <c r="H7720" s="1" t="s">
        <v>29733</v>
      </c>
      <c r="I7720" s="1" t="s">
        <v>28021</v>
      </c>
      <c r="J7720" s="1" t="s">
        <v>29833</v>
      </c>
    </row>
    <row r="7721" spans="1:10" x14ac:dyDescent="0.35">
      <c r="A7721" s="1" t="s">
        <v>29729</v>
      </c>
      <c r="B7721" s="1" t="s">
        <v>28015</v>
      </c>
      <c r="C7721" s="1" t="s">
        <v>160</v>
      </c>
      <c r="D7721" s="1" t="s">
        <v>29834</v>
      </c>
      <c r="E7721" s="1" t="s">
        <v>29835</v>
      </c>
      <c r="F7721" s="1" t="s">
        <v>29836</v>
      </c>
      <c r="G7721" s="1" t="s">
        <v>29732</v>
      </c>
      <c r="H7721" s="1" t="s">
        <v>29733</v>
      </c>
      <c r="I7721" s="1" t="s">
        <v>28021</v>
      </c>
      <c r="J7721" s="1" t="s">
        <v>29837</v>
      </c>
    </row>
    <row r="7722" spans="1:10" x14ac:dyDescent="0.35">
      <c r="A7722" s="1" t="s">
        <v>29729</v>
      </c>
      <c r="B7722" s="1" t="s">
        <v>28015</v>
      </c>
      <c r="C7722" s="1" t="s">
        <v>165</v>
      </c>
      <c r="D7722" s="1" t="s">
        <v>28314</v>
      </c>
      <c r="E7722" s="1" t="s">
        <v>29838</v>
      </c>
      <c r="F7722" s="1" t="s">
        <v>29839</v>
      </c>
      <c r="G7722" s="1" t="s">
        <v>29732</v>
      </c>
      <c r="H7722" s="1" t="s">
        <v>29733</v>
      </c>
      <c r="I7722" s="1" t="s">
        <v>28021</v>
      </c>
      <c r="J7722" s="1" t="s">
        <v>29840</v>
      </c>
    </row>
    <row r="7723" spans="1:10" x14ac:dyDescent="0.35">
      <c r="A7723" s="1" t="s">
        <v>29729</v>
      </c>
      <c r="B7723" s="1" t="s">
        <v>28015</v>
      </c>
      <c r="C7723" s="1" t="s">
        <v>170</v>
      </c>
      <c r="D7723" s="1" t="s">
        <v>7976</v>
      </c>
      <c r="E7723" s="1" t="s">
        <v>29841</v>
      </c>
      <c r="F7723" s="1" t="s">
        <v>29842</v>
      </c>
      <c r="G7723" s="1" t="s">
        <v>29732</v>
      </c>
      <c r="H7723" s="1" t="s">
        <v>29733</v>
      </c>
      <c r="I7723" s="1" t="s">
        <v>28021</v>
      </c>
      <c r="J7723" s="1" t="s">
        <v>29843</v>
      </c>
    </row>
    <row r="7724" spans="1:10" x14ac:dyDescent="0.35">
      <c r="A7724" s="1" t="s">
        <v>29844</v>
      </c>
      <c r="B7724" s="1" t="s">
        <v>28015</v>
      </c>
      <c r="C7724" s="1" t="s">
        <v>8</v>
      </c>
      <c r="D7724" s="1" t="s">
        <v>6135</v>
      </c>
      <c r="E7724" s="1" t="s">
        <v>29845</v>
      </c>
      <c r="F7724" s="1" t="s">
        <v>29846</v>
      </c>
      <c r="G7724" s="1" t="s">
        <v>29847</v>
      </c>
      <c r="H7724" s="1" t="s">
        <v>29848</v>
      </c>
      <c r="I7724" s="1" t="s">
        <v>28021</v>
      </c>
      <c r="J7724" s="1" t="s">
        <v>13</v>
      </c>
    </row>
    <row r="7725" spans="1:10" x14ac:dyDescent="0.35">
      <c r="A7725" s="1" t="s">
        <v>29844</v>
      </c>
      <c r="B7725" s="1" t="s">
        <v>28015</v>
      </c>
      <c r="C7725" s="1" t="s">
        <v>15</v>
      </c>
      <c r="D7725" s="1" t="s">
        <v>3573</v>
      </c>
      <c r="E7725" s="1" t="s">
        <v>29849</v>
      </c>
      <c r="F7725" s="1" t="s">
        <v>29850</v>
      </c>
      <c r="G7725" s="1" t="s">
        <v>29847</v>
      </c>
      <c r="H7725" s="1" t="s">
        <v>29848</v>
      </c>
      <c r="I7725" s="1" t="s">
        <v>28021</v>
      </c>
      <c r="J7725" s="1" t="s">
        <v>29851</v>
      </c>
    </row>
    <row r="7726" spans="1:10" x14ac:dyDescent="0.35">
      <c r="A7726" s="1" t="s">
        <v>29844</v>
      </c>
      <c r="B7726" s="1" t="s">
        <v>28015</v>
      </c>
      <c r="C7726" s="1" t="s">
        <v>20</v>
      </c>
      <c r="D7726" s="1" t="s">
        <v>6120</v>
      </c>
      <c r="E7726" s="1" t="s">
        <v>29852</v>
      </c>
      <c r="F7726" s="1" t="s">
        <v>29853</v>
      </c>
      <c r="G7726" s="1" t="s">
        <v>29847</v>
      </c>
      <c r="H7726" s="1" t="s">
        <v>29848</v>
      </c>
      <c r="I7726" s="1" t="s">
        <v>28021</v>
      </c>
      <c r="J7726" s="1" t="s">
        <v>29854</v>
      </c>
    </row>
    <row r="7727" spans="1:10" x14ac:dyDescent="0.35">
      <c r="A7727" s="1" t="s">
        <v>29844</v>
      </c>
      <c r="B7727" s="1" t="s">
        <v>28015</v>
      </c>
      <c r="C7727" s="1" t="s">
        <v>25</v>
      </c>
      <c r="D7727" s="1" t="s">
        <v>29855</v>
      </c>
      <c r="E7727" s="1" t="s">
        <v>29856</v>
      </c>
      <c r="F7727" s="1" t="s">
        <v>29857</v>
      </c>
      <c r="G7727" s="1" t="s">
        <v>29847</v>
      </c>
      <c r="H7727" s="1" t="s">
        <v>29848</v>
      </c>
      <c r="I7727" s="1" t="s">
        <v>28021</v>
      </c>
      <c r="J7727" s="1" t="s">
        <v>29858</v>
      </c>
    </row>
    <row r="7728" spans="1:10" x14ac:dyDescent="0.35">
      <c r="A7728" s="1" t="s">
        <v>29844</v>
      </c>
      <c r="B7728" s="1" t="s">
        <v>28015</v>
      </c>
      <c r="C7728" s="1" t="s">
        <v>30</v>
      </c>
      <c r="D7728" s="1" t="s">
        <v>9305</v>
      </c>
      <c r="E7728" s="1" t="s">
        <v>29859</v>
      </c>
      <c r="F7728" s="1" t="s">
        <v>29860</v>
      </c>
      <c r="G7728" s="1" t="s">
        <v>29847</v>
      </c>
      <c r="H7728" s="1" t="s">
        <v>29848</v>
      </c>
      <c r="I7728" s="1" t="s">
        <v>28021</v>
      </c>
      <c r="J7728" s="1" t="s">
        <v>29861</v>
      </c>
    </row>
    <row r="7729" spans="1:10" x14ac:dyDescent="0.35">
      <c r="A7729" s="1" t="s">
        <v>29844</v>
      </c>
      <c r="B7729" s="1" t="s">
        <v>28015</v>
      </c>
      <c r="C7729" s="1" t="s">
        <v>35</v>
      </c>
      <c r="D7729" s="1" t="s">
        <v>4447</v>
      </c>
      <c r="E7729" s="1" t="s">
        <v>29862</v>
      </c>
      <c r="F7729" s="1" t="s">
        <v>29863</v>
      </c>
      <c r="G7729" s="1" t="s">
        <v>29847</v>
      </c>
      <c r="H7729" s="1" t="s">
        <v>29848</v>
      </c>
      <c r="I7729" s="1" t="s">
        <v>28021</v>
      </c>
      <c r="J7729" s="1" t="s">
        <v>29864</v>
      </c>
    </row>
    <row r="7730" spans="1:10" x14ac:dyDescent="0.35">
      <c r="A7730" s="1" t="s">
        <v>29844</v>
      </c>
      <c r="B7730" s="1" t="s">
        <v>28015</v>
      </c>
      <c r="C7730" s="1" t="s">
        <v>40</v>
      </c>
      <c r="D7730" s="1" t="s">
        <v>10231</v>
      </c>
      <c r="E7730" s="1" t="s">
        <v>29865</v>
      </c>
      <c r="F7730" s="1" t="s">
        <v>29866</v>
      </c>
      <c r="G7730" s="1" t="s">
        <v>29847</v>
      </c>
      <c r="H7730" s="1" t="s">
        <v>29848</v>
      </c>
      <c r="I7730" s="1" t="s">
        <v>28021</v>
      </c>
      <c r="J7730" s="1" t="s">
        <v>29867</v>
      </c>
    </row>
    <row r="7731" spans="1:10" x14ac:dyDescent="0.35">
      <c r="A7731" s="1" t="s">
        <v>29844</v>
      </c>
      <c r="B7731" s="1" t="s">
        <v>28015</v>
      </c>
      <c r="C7731" s="1" t="s">
        <v>45</v>
      </c>
      <c r="D7731" s="1" t="s">
        <v>29868</v>
      </c>
      <c r="E7731" s="1" t="s">
        <v>29869</v>
      </c>
      <c r="F7731" s="1" t="s">
        <v>29870</v>
      </c>
      <c r="G7731" s="1" t="s">
        <v>29847</v>
      </c>
      <c r="H7731" s="1" t="s">
        <v>29848</v>
      </c>
      <c r="I7731" s="1" t="s">
        <v>28021</v>
      </c>
      <c r="J7731" s="1" t="s">
        <v>29871</v>
      </c>
    </row>
    <row r="7732" spans="1:10" x14ac:dyDescent="0.35">
      <c r="A7732" s="1" t="s">
        <v>29844</v>
      </c>
      <c r="B7732" s="1" t="s">
        <v>28015</v>
      </c>
      <c r="C7732" s="1" t="s">
        <v>50</v>
      </c>
      <c r="D7732" s="1" t="s">
        <v>1985</v>
      </c>
      <c r="E7732" s="1" t="s">
        <v>29872</v>
      </c>
      <c r="F7732" s="1" t="s">
        <v>29873</v>
      </c>
      <c r="G7732" s="1" t="s">
        <v>29847</v>
      </c>
      <c r="H7732" s="1" t="s">
        <v>29848</v>
      </c>
      <c r="I7732" s="1" t="s">
        <v>28021</v>
      </c>
      <c r="J7732" s="1" t="s">
        <v>29874</v>
      </c>
    </row>
    <row r="7733" spans="1:10" x14ac:dyDescent="0.35">
      <c r="A7733" s="1" t="s">
        <v>29844</v>
      </c>
      <c r="B7733" s="1" t="s">
        <v>28015</v>
      </c>
      <c r="C7733" s="1" t="s">
        <v>55</v>
      </c>
      <c r="D7733" s="1" t="s">
        <v>29875</v>
      </c>
      <c r="E7733" s="1" t="s">
        <v>29876</v>
      </c>
      <c r="F7733" s="1" t="s">
        <v>29877</v>
      </c>
      <c r="G7733" s="1" t="s">
        <v>29847</v>
      </c>
      <c r="H7733" s="1" t="s">
        <v>29848</v>
      </c>
      <c r="I7733" s="1" t="s">
        <v>28021</v>
      </c>
      <c r="J7733" s="1" t="s">
        <v>29878</v>
      </c>
    </row>
    <row r="7734" spans="1:10" x14ac:dyDescent="0.35">
      <c r="A7734" s="1" t="s">
        <v>29844</v>
      </c>
      <c r="B7734" s="1" t="s">
        <v>28015</v>
      </c>
      <c r="C7734" s="1" t="s">
        <v>60</v>
      </c>
      <c r="D7734" s="1" t="s">
        <v>45</v>
      </c>
      <c r="E7734" s="1" t="s">
        <v>29879</v>
      </c>
      <c r="F7734" s="1" t="s">
        <v>29880</v>
      </c>
      <c r="G7734" s="1" t="s">
        <v>29847</v>
      </c>
      <c r="H7734" s="1" t="s">
        <v>29848</v>
      </c>
      <c r="I7734" s="1" t="s">
        <v>28021</v>
      </c>
      <c r="J7734" s="1" t="s">
        <v>29881</v>
      </c>
    </row>
    <row r="7735" spans="1:10" x14ac:dyDescent="0.35">
      <c r="A7735" s="1" t="s">
        <v>29844</v>
      </c>
      <c r="B7735" s="1" t="s">
        <v>28015</v>
      </c>
      <c r="C7735" s="1" t="s">
        <v>65</v>
      </c>
      <c r="D7735" s="1" t="s">
        <v>29882</v>
      </c>
      <c r="E7735" s="1" t="s">
        <v>29883</v>
      </c>
      <c r="F7735" s="1" t="s">
        <v>29884</v>
      </c>
      <c r="G7735" s="1" t="s">
        <v>29847</v>
      </c>
      <c r="H7735" s="1" t="s">
        <v>29848</v>
      </c>
      <c r="I7735" s="1" t="s">
        <v>28021</v>
      </c>
      <c r="J7735" s="1" t="s">
        <v>29885</v>
      </c>
    </row>
    <row r="7736" spans="1:10" x14ac:dyDescent="0.35">
      <c r="A7736" s="1" t="s">
        <v>29844</v>
      </c>
      <c r="B7736" s="1" t="s">
        <v>28015</v>
      </c>
      <c r="C7736" s="1" t="s">
        <v>70</v>
      </c>
      <c r="D7736" s="1" t="s">
        <v>29886</v>
      </c>
      <c r="E7736" s="1" t="s">
        <v>29887</v>
      </c>
      <c r="F7736" s="1" t="s">
        <v>29888</v>
      </c>
      <c r="G7736" s="1" t="s">
        <v>29847</v>
      </c>
      <c r="H7736" s="1" t="s">
        <v>29848</v>
      </c>
      <c r="I7736" s="1" t="s">
        <v>28021</v>
      </c>
      <c r="J7736" s="1" t="s">
        <v>29889</v>
      </c>
    </row>
    <row r="7737" spans="1:10" x14ac:dyDescent="0.35">
      <c r="A7737" s="1" t="s">
        <v>29844</v>
      </c>
      <c r="B7737" s="1" t="s">
        <v>28015</v>
      </c>
      <c r="C7737" s="1" t="s">
        <v>75</v>
      </c>
      <c r="D7737" s="1" t="s">
        <v>14240</v>
      </c>
      <c r="E7737" s="1" t="s">
        <v>29890</v>
      </c>
      <c r="F7737" s="1" t="s">
        <v>29891</v>
      </c>
      <c r="G7737" s="1" t="s">
        <v>29847</v>
      </c>
      <c r="H7737" s="1" t="s">
        <v>29848</v>
      </c>
      <c r="I7737" s="1" t="s">
        <v>28021</v>
      </c>
      <c r="J7737" s="1" t="s">
        <v>29892</v>
      </c>
    </row>
    <row r="7738" spans="1:10" x14ac:dyDescent="0.35">
      <c r="A7738" s="1" t="s">
        <v>29844</v>
      </c>
      <c r="B7738" s="1" t="s">
        <v>28015</v>
      </c>
      <c r="C7738" s="1" t="s">
        <v>80</v>
      </c>
      <c r="D7738" s="1" t="s">
        <v>29893</v>
      </c>
      <c r="E7738" s="1" t="s">
        <v>29894</v>
      </c>
      <c r="F7738" s="1" t="s">
        <v>29895</v>
      </c>
      <c r="G7738" s="1" t="s">
        <v>29847</v>
      </c>
      <c r="H7738" s="1" t="s">
        <v>29848</v>
      </c>
      <c r="I7738" s="1" t="s">
        <v>28021</v>
      </c>
      <c r="J7738" s="1" t="s">
        <v>29896</v>
      </c>
    </row>
    <row r="7739" spans="1:10" x14ac:dyDescent="0.35">
      <c r="A7739" s="1" t="s">
        <v>29844</v>
      </c>
      <c r="B7739" s="1" t="s">
        <v>28015</v>
      </c>
      <c r="C7739" s="1" t="s">
        <v>85</v>
      </c>
      <c r="D7739" s="1" t="s">
        <v>29897</v>
      </c>
      <c r="E7739" s="1" t="s">
        <v>29898</v>
      </c>
      <c r="F7739" s="1" t="s">
        <v>29899</v>
      </c>
      <c r="G7739" s="1" t="s">
        <v>29847</v>
      </c>
      <c r="H7739" s="1" t="s">
        <v>29848</v>
      </c>
      <c r="I7739" s="1" t="s">
        <v>28021</v>
      </c>
      <c r="J7739" s="1" t="s">
        <v>29900</v>
      </c>
    </row>
    <row r="7740" spans="1:10" x14ac:dyDescent="0.35">
      <c r="A7740" s="1" t="s">
        <v>29844</v>
      </c>
      <c r="B7740" s="1" t="s">
        <v>28015</v>
      </c>
      <c r="C7740" s="1" t="s">
        <v>90</v>
      </c>
      <c r="D7740" s="1" t="s">
        <v>27693</v>
      </c>
      <c r="E7740" s="1" t="s">
        <v>29901</v>
      </c>
      <c r="F7740" s="1" t="s">
        <v>29902</v>
      </c>
      <c r="G7740" s="1" t="s">
        <v>29847</v>
      </c>
      <c r="H7740" s="1" t="s">
        <v>29848</v>
      </c>
      <c r="I7740" s="1" t="s">
        <v>28021</v>
      </c>
      <c r="J7740" s="1" t="s">
        <v>29903</v>
      </c>
    </row>
    <row r="7741" spans="1:10" x14ac:dyDescent="0.35">
      <c r="A7741" s="1" t="s">
        <v>29844</v>
      </c>
      <c r="B7741" s="1" t="s">
        <v>28015</v>
      </c>
      <c r="C7741" s="1" t="s">
        <v>95</v>
      </c>
      <c r="D7741" s="1" t="s">
        <v>4046</v>
      </c>
      <c r="E7741" s="1" t="s">
        <v>29904</v>
      </c>
      <c r="F7741" s="1" t="s">
        <v>29905</v>
      </c>
      <c r="G7741" s="1" t="s">
        <v>29847</v>
      </c>
      <c r="H7741" s="1" t="s">
        <v>29848</v>
      </c>
      <c r="I7741" s="1" t="s">
        <v>28021</v>
      </c>
      <c r="J7741" s="1" t="s">
        <v>29906</v>
      </c>
    </row>
    <row r="7742" spans="1:10" x14ac:dyDescent="0.35">
      <c r="A7742" s="1" t="s">
        <v>29844</v>
      </c>
      <c r="B7742" s="1" t="s">
        <v>28015</v>
      </c>
      <c r="C7742" s="1" t="s">
        <v>100</v>
      </c>
      <c r="D7742" s="1" t="s">
        <v>29907</v>
      </c>
      <c r="E7742" s="1" t="s">
        <v>29908</v>
      </c>
      <c r="F7742" s="1" t="s">
        <v>29909</v>
      </c>
      <c r="G7742" s="1" t="s">
        <v>29847</v>
      </c>
      <c r="H7742" s="1" t="s">
        <v>29848</v>
      </c>
      <c r="I7742" s="1" t="s">
        <v>28021</v>
      </c>
      <c r="J7742" s="1" t="s">
        <v>29910</v>
      </c>
    </row>
    <row r="7743" spans="1:10" x14ac:dyDescent="0.35">
      <c r="A7743" s="1" t="s">
        <v>29844</v>
      </c>
      <c r="B7743" s="1" t="s">
        <v>28015</v>
      </c>
      <c r="C7743" s="1" t="s">
        <v>105</v>
      </c>
      <c r="D7743" s="1" t="s">
        <v>8373</v>
      </c>
      <c r="E7743" s="1" t="s">
        <v>29911</v>
      </c>
      <c r="F7743" s="1" t="s">
        <v>29912</v>
      </c>
      <c r="G7743" s="1" t="s">
        <v>29847</v>
      </c>
      <c r="H7743" s="1" t="s">
        <v>29848</v>
      </c>
      <c r="I7743" s="1" t="s">
        <v>28021</v>
      </c>
      <c r="J7743" s="1" t="s">
        <v>29913</v>
      </c>
    </row>
    <row r="7744" spans="1:10" x14ac:dyDescent="0.35">
      <c r="A7744" s="1" t="s">
        <v>29844</v>
      </c>
      <c r="B7744" s="1" t="s">
        <v>28015</v>
      </c>
      <c r="C7744" s="1" t="s">
        <v>110</v>
      </c>
      <c r="D7744" s="1" t="s">
        <v>10029</v>
      </c>
      <c r="E7744" s="1" t="s">
        <v>29914</v>
      </c>
      <c r="F7744" s="1" t="s">
        <v>29915</v>
      </c>
      <c r="G7744" s="1" t="s">
        <v>29847</v>
      </c>
      <c r="H7744" s="1" t="s">
        <v>29848</v>
      </c>
      <c r="I7744" s="1" t="s">
        <v>28021</v>
      </c>
      <c r="J7744" s="1" t="s">
        <v>29916</v>
      </c>
    </row>
    <row r="7745" spans="1:10" x14ac:dyDescent="0.35">
      <c r="A7745" s="1" t="s">
        <v>29844</v>
      </c>
      <c r="B7745" s="1" t="s">
        <v>28015</v>
      </c>
      <c r="C7745" s="1" t="s">
        <v>115</v>
      </c>
      <c r="D7745" s="1" t="s">
        <v>5732</v>
      </c>
      <c r="E7745" s="1" t="s">
        <v>29917</v>
      </c>
      <c r="F7745" s="1" t="s">
        <v>29918</v>
      </c>
      <c r="G7745" s="1" t="s">
        <v>29847</v>
      </c>
      <c r="H7745" s="1" t="s">
        <v>29848</v>
      </c>
      <c r="I7745" s="1" t="s">
        <v>28021</v>
      </c>
      <c r="J7745" s="1" t="s">
        <v>29919</v>
      </c>
    </row>
    <row r="7746" spans="1:10" x14ac:dyDescent="0.35">
      <c r="A7746" s="1" t="s">
        <v>29844</v>
      </c>
      <c r="B7746" s="1" t="s">
        <v>28015</v>
      </c>
      <c r="C7746" s="1" t="s">
        <v>120</v>
      </c>
      <c r="D7746" s="1" t="s">
        <v>29920</v>
      </c>
      <c r="E7746" s="1" t="s">
        <v>29921</v>
      </c>
      <c r="F7746" s="1" t="s">
        <v>29922</v>
      </c>
      <c r="G7746" s="1" t="s">
        <v>29847</v>
      </c>
      <c r="H7746" s="1" t="s">
        <v>29848</v>
      </c>
      <c r="I7746" s="1" t="s">
        <v>28021</v>
      </c>
      <c r="J7746" s="1" t="s">
        <v>29923</v>
      </c>
    </row>
    <row r="7747" spans="1:10" x14ac:dyDescent="0.35">
      <c r="A7747" s="1" t="s">
        <v>29844</v>
      </c>
      <c r="B7747" s="1" t="s">
        <v>28015</v>
      </c>
      <c r="C7747" s="1" t="s">
        <v>125</v>
      </c>
      <c r="D7747" s="1" t="s">
        <v>29924</v>
      </c>
      <c r="E7747" s="1" t="s">
        <v>29925</v>
      </c>
      <c r="F7747" s="1" t="s">
        <v>29926</v>
      </c>
      <c r="G7747" s="1" t="s">
        <v>29847</v>
      </c>
      <c r="H7747" s="1" t="s">
        <v>29848</v>
      </c>
      <c r="I7747" s="1" t="s">
        <v>28021</v>
      </c>
      <c r="J7747" s="1" t="s">
        <v>29927</v>
      </c>
    </row>
    <row r="7748" spans="1:10" x14ac:dyDescent="0.35">
      <c r="A7748" s="1" t="s">
        <v>29844</v>
      </c>
      <c r="B7748" s="1" t="s">
        <v>28015</v>
      </c>
      <c r="C7748" s="1" t="s">
        <v>130</v>
      </c>
      <c r="D7748" s="1" t="s">
        <v>29928</v>
      </c>
      <c r="E7748" s="1" t="s">
        <v>29929</v>
      </c>
      <c r="F7748" s="1" t="s">
        <v>29930</v>
      </c>
      <c r="G7748" s="1" t="s">
        <v>29847</v>
      </c>
      <c r="H7748" s="1" t="s">
        <v>29848</v>
      </c>
      <c r="I7748" s="1" t="s">
        <v>28021</v>
      </c>
      <c r="J7748" s="1" t="s">
        <v>29931</v>
      </c>
    </row>
    <row r="7749" spans="1:10" x14ac:dyDescent="0.35">
      <c r="A7749" s="1" t="s">
        <v>29844</v>
      </c>
      <c r="B7749" s="1" t="s">
        <v>28015</v>
      </c>
      <c r="C7749" s="1" t="s">
        <v>135</v>
      </c>
      <c r="D7749" s="1" t="s">
        <v>29932</v>
      </c>
      <c r="E7749" s="1" t="s">
        <v>29933</v>
      </c>
      <c r="F7749" s="1" t="s">
        <v>29934</v>
      </c>
      <c r="G7749" s="1" t="s">
        <v>29847</v>
      </c>
      <c r="H7749" s="1" t="s">
        <v>29848</v>
      </c>
      <c r="I7749" s="1" t="s">
        <v>28021</v>
      </c>
      <c r="J7749" s="1" t="s">
        <v>29935</v>
      </c>
    </row>
    <row r="7750" spans="1:10" x14ac:dyDescent="0.35">
      <c r="A7750" s="1" t="s">
        <v>29844</v>
      </c>
      <c r="B7750" s="1" t="s">
        <v>28015</v>
      </c>
      <c r="C7750" s="1" t="s">
        <v>140</v>
      </c>
      <c r="D7750" s="1" t="s">
        <v>28115</v>
      </c>
      <c r="E7750" s="1" t="s">
        <v>29936</v>
      </c>
      <c r="F7750" s="1" t="s">
        <v>29937</v>
      </c>
      <c r="G7750" s="1" t="s">
        <v>29847</v>
      </c>
      <c r="H7750" s="1" t="s">
        <v>29848</v>
      </c>
      <c r="I7750" s="1" t="s">
        <v>28021</v>
      </c>
      <c r="J7750" s="1" t="s">
        <v>29938</v>
      </c>
    </row>
    <row r="7751" spans="1:10" x14ac:dyDescent="0.35">
      <c r="A7751" s="1" t="s">
        <v>29844</v>
      </c>
      <c r="B7751" s="1" t="s">
        <v>28015</v>
      </c>
      <c r="C7751" s="1" t="s">
        <v>145</v>
      </c>
      <c r="D7751" s="1" t="s">
        <v>16200</v>
      </c>
      <c r="E7751" s="1" t="s">
        <v>29859</v>
      </c>
      <c r="F7751" s="1" t="s">
        <v>29939</v>
      </c>
      <c r="G7751" s="1" t="s">
        <v>29847</v>
      </c>
      <c r="H7751" s="1" t="s">
        <v>29848</v>
      </c>
      <c r="I7751" s="1" t="s">
        <v>28021</v>
      </c>
      <c r="J7751" s="1" t="s">
        <v>29940</v>
      </c>
    </row>
    <row r="7752" spans="1:10" x14ac:dyDescent="0.35">
      <c r="A7752" s="1" t="s">
        <v>29844</v>
      </c>
      <c r="B7752" s="1" t="s">
        <v>28015</v>
      </c>
      <c r="C7752" s="1" t="s">
        <v>150</v>
      </c>
      <c r="D7752" s="1" t="s">
        <v>29941</v>
      </c>
      <c r="E7752" s="1" t="s">
        <v>29942</v>
      </c>
      <c r="F7752" s="1" t="s">
        <v>29943</v>
      </c>
      <c r="G7752" s="1" t="s">
        <v>29847</v>
      </c>
      <c r="H7752" s="1" t="s">
        <v>29848</v>
      </c>
      <c r="I7752" s="1" t="s">
        <v>28021</v>
      </c>
      <c r="J7752" s="1" t="s">
        <v>29944</v>
      </c>
    </row>
    <row r="7753" spans="1:10" x14ac:dyDescent="0.35">
      <c r="A7753" s="1" t="s">
        <v>29844</v>
      </c>
      <c r="B7753" s="1" t="s">
        <v>28015</v>
      </c>
      <c r="C7753" s="1" t="s">
        <v>155</v>
      </c>
      <c r="D7753" s="1" t="s">
        <v>29945</v>
      </c>
      <c r="E7753" s="1" t="s">
        <v>29946</v>
      </c>
      <c r="F7753" s="1" t="s">
        <v>29947</v>
      </c>
      <c r="G7753" s="1" t="s">
        <v>29847</v>
      </c>
      <c r="H7753" s="1" t="s">
        <v>29848</v>
      </c>
      <c r="I7753" s="1" t="s">
        <v>28021</v>
      </c>
      <c r="J7753" s="1" t="s">
        <v>29948</v>
      </c>
    </row>
    <row r="7754" spans="1:10" x14ac:dyDescent="0.35">
      <c r="A7754" s="1" t="s">
        <v>29844</v>
      </c>
      <c r="B7754" s="1" t="s">
        <v>28015</v>
      </c>
      <c r="C7754" s="1" t="s">
        <v>160</v>
      </c>
      <c r="D7754" s="1" t="s">
        <v>16108</v>
      </c>
      <c r="E7754" s="1" t="s">
        <v>29949</v>
      </c>
      <c r="F7754" s="1" t="s">
        <v>29950</v>
      </c>
      <c r="G7754" s="1" t="s">
        <v>29847</v>
      </c>
      <c r="H7754" s="1" t="s">
        <v>29848</v>
      </c>
      <c r="I7754" s="1" t="s">
        <v>28021</v>
      </c>
      <c r="J7754" s="1" t="s">
        <v>29951</v>
      </c>
    </row>
    <row r="7755" spans="1:10" x14ac:dyDescent="0.35">
      <c r="A7755" s="1" t="s">
        <v>29844</v>
      </c>
      <c r="B7755" s="1" t="s">
        <v>28015</v>
      </c>
      <c r="C7755" s="1" t="s">
        <v>165</v>
      </c>
      <c r="D7755" s="1" t="s">
        <v>16207</v>
      </c>
      <c r="E7755" s="1" t="s">
        <v>29952</v>
      </c>
      <c r="F7755" s="1" t="s">
        <v>29953</v>
      </c>
      <c r="G7755" s="1" t="s">
        <v>29847</v>
      </c>
      <c r="H7755" s="1" t="s">
        <v>29848</v>
      </c>
      <c r="I7755" s="1" t="s">
        <v>28021</v>
      </c>
      <c r="J7755" s="1" t="s">
        <v>29954</v>
      </c>
    </row>
    <row r="7756" spans="1:10" x14ac:dyDescent="0.35">
      <c r="A7756" s="1" t="s">
        <v>29844</v>
      </c>
      <c r="B7756" s="1" t="s">
        <v>28015</v>
      </c>
      <c r="C7756" s="1" t="s">
        <v>170</v>
      </c>
      <c r="D7756" s="1" t="s">
        <v>29955</v>
      </c>
      <c r="E7756" s="1" t="s">
        <v>29956</v>
      </c>
      <c r="F7756" s="1" t="s">
        <v>29957</v>
      </c>
      <c r="G7756" s="1" t="s">
        <v>29847</v>
      </c>
      <c r="H7756" s="1" t="s">
        <v>29848</v>
      </c>
      <c r="I7756" s="1" t="s">
        <v>28021</v>
      </c>
      <c r="J7756" s="1" t="s">
        <v>29958</v>
      </c>
    </row>
    <row r="7757" spans="1:10" x14ac:dyDescent="0.35">
      <c r="A7757" s="1" t="s">
        <v>29959</v>
      </c>
      <c r="B7757" s="1" t="s">
        <v>28015</v>
      </c>
      <c r="C7757" s="1" t="s">
        <v>8</v>
      </c>
      <c r="D7757" s="1" t="s">
        <v>28958</v>
      </c>
      <c r="E7757" s="1" t="s">
        <v>29960</v>
      </c>
      <c r="F7757" s="1" t="s">
        <v>29961</v>
      </c>
      <c r="G7757" s="1" t="s">
        <v>29962</v>
      </c>
      <c r="H7757" s="1" t="s">
        <v>29963</v>
      </c>
      <c r="I7757" s="1" t="s">
        <v>28021</v>
      </c>
      <c r="J7757" s="1" t="s">
        <v>13</v>
      </c>
    </row>
    <row r="7758" spans="1:10" x14ac:dyDescent="0.35">
      <c r="A7758" s="1" t="s">
        <v>29959</v>
      </c>
      <c r="B7758" s="1" t="s">
        <v>28015</v>
      </c>
      <c r="C7758" s="1" t="s">
        <v>15</v>
      </c>
      <c r="D7758" s="1" t="s">
        <v>2008</v>
      </c>
      <c r="E7758" s="1" t="s">
        <v>29964</v>
      </c>
      <c r="F7758" s="1" t="s">
        <v>29965</v>
      </c>
      <c r="G7758" s="1" t="s">
        <v>29962</v>
      </c>
      <c r="H7758" s="1" t="s">
        <v>29963</v>
      </c>
      <c r="I7758" s="1" t="s">
        <v>28021</v>
      </c>
      <c r="J7758" s="1" t="s">
        <v>29966</v>
      </c>
    </row>
    <row r="7759" spans="1:10" x14ac:dyDescent="0.35">
      <c r="A7759" s="1" t="s">
        <v>29959</v>
      </c>
      <c r="B7759" s="1" t="s">
        <v>28015</v>
      </c>
      <c r="C7759" s="1" t="s">
        <v>20</v>
      </c>
      <c r="D7759" s="1" t="s">
        <v>25309</v>
      </c>
      <c r="E7759" s="1" t="s">
        <v>29967</v>
      </c>
      <c r="F7759" s="1" t="s">
        <v>29968</v>
      </c>
      <c r="G7759" s="1" t="s">
        <v>29962</v>
      </c>
      <c r="H7759" s="1" t="s">
        <v>29963</v>
      </c>
      <c r="I7759" s="1" t="s">
        <v>28021</v>
      </c>
      <c r="J7759" s="1" t="s">
        <v>29969</v>
      </c>
    </row>
    <row r="7760" spans="1:10" x14ac:dyDescent="0.35">
      <c r="A7760" s="1" t="s">
        <v>29959</v>
      </c>
      <c r="B7760" s="1" t="s">
        <v>28015</v>
      </c>
      <c r="C7760" s="1" t="s">
        <v>25</v>
      </c>
      <c r="D7760" s="1" t="s">
        <v>29970</v>
      </c>
      <c r="E7760" s="1" t="s">
        <v>29971</v>
      </c>
      <c r="F7760" s="1" t="s">
        <v>29972</v>
      </c>
      <c r="G7760" s="1" t="s">
        <v>29962</v>
      </c>
      <c r="H7760" s="1" t="s">
        <v>29963</v>
      </c>
      <c r="I7760" s="1" t="s">
        <v>28021</v>
      </c>
      <c r="J7760" s="1" t="s">
        <v>29973</v>
      </c>
    </row>
    <row r="7761" spans="1:10" x14ac:dyDescent="0.35">
      <c r="A7761" s="1" t="s">
        <v>29959</v>
      </c>
      <c r="B7761" s="1" t="s">
        <v>28015</v>
      </c>
      <c r="C7761" s="1" t="s">
        <v>30</v>
      </c>
      <c r="D7761" s="1" t="s">
        <v>6363</v>
      </c>
      <c r="E7761" s="1" t="s">
        <v>29974</v>
      </c>
      <c r="F7761" s="1" t="s">
        <v>29975</v>
      </c>
      <c r="G7761" s="1" t="s">
        <v>29962</v>
      </c>
      <c r="H7761" s="1" t="s">
        <v>29963</v>
      </c>
      <c r="I7761" s="1" t="s">
        <v>28021</v>
      </c>
      <c r="J7761" s="1" t="s">
        <v>29976</v>
      </c>
    </row>
    <row r="7762" spans="1:10" x14ac:dyDescent="0.35">
      <c r="A7762" s="1" t="s">
        <v>29959</v>
      </c>
      <c r="B7762" s="1" t="s">
        <v>28015</v>
      </c>
      <c r="C7762" s="1" t="s">
        <v>35</v>
      </c>
      <c r="D7762" s="1" t="s">
        <v>29977</v>
      </c>
      <c r="E7762" s="1" t="s">
        <v>29978</v>
      </c>
      <c r="F7762" s="1" t="s">
        <v>29979</v>
      </c>
      <c r="G7762" s="1" t="s">
        <v>29962</v>
      </c>
      <c r="H7762" s="1" t="s">
        <v>29963</v>
      </c>
      <c r="I7762" s="1" t="s">
        <v>28021</v>
      </c>
      <c r="J7762" s="1" t="s">
        <v>29980</v>
      </c>
    </row>
    <row r="7763" spans="1:10" x14ac:dyDescent="0.35">
      <c r="A7763" s="1" t="s">
        <v>29959</v>
      </c>
      <c r="B7763" s="1" t="s">
        <v>28015</v>
      </c>
      <c r="C7763" s="1" t="s">
        <v>40</v>
      </c>
      <c r="D7763" s="1" t="s">
        <v>6105</v>
      </c>
      <c r="E7763" s="1" t="s">
        <v>29981</v>
      </c>
      <c r="F7763" s="1" t="s">
        <v>29982</v>
      </c>
      <c r="G7763" s="1" t="s">
        <v>29962</v>
      </c>
      <c r="H7763" s="1" t="s">
        <v>29963</v>
      </c>
      <c r="I7763" s="1" t="s">
        <v>28021</v>
      </c>
      <c r="J7763" s="1" t="s">
        <v>29983</v>
      </c>
    </row>
    <row r="7764" spans="1:10" x14ac:dyDescent="0.35">
      <c r="A7764" s="1" t="s">
        <v>29959</v>
      </c>
      <c r="B7764" s="1" t="s">
        <v>28015</v>
      </c>
      <c r="C7764" s="1" t="s">
        <v>45</v>
      </c>
      <c r="D7764" s="1" t="s">
        <v>29984</v>
      </c>
      <c r="E7764" s="1" t="s">
        <v>29985</v>
      </c>
      <c r="F7764" s="1" t="s">
        <v>29986</v>
      </c>
      <c r="G7764" s="1" t="s">
        <v>29962</v>
      </c>
      <c r="H7764" s="1" t="s">
        <v>29963</v>
      </c>
      <c r="I7764" s="1" t="s">
        <v>28021</v>
      </c>
      <c r="J7764" s="1" t="s">
        <v>29987</v>
      </c>
    </row>
    <row r="7765" spans="1:10" x14ac:dyDescent="0.35">
      <c r="A7765" s="1" t="s">
        <v>29959</v>
      </c>
      <c r="B7765" s="1" t="s">
        <v>28015</v>
      </c>
      <c r="C7765" s="1" t="s">
        <v>50</v>
      </c>
      <c r="D7765" s="1" t="s">
        <v>13126</v>
      </c>
      <c r="E7765" s="1" t="s">
        <v>29988</v>
      </c>
      <c r="F7765" s="1" t="s">
        <v>29989</v>
      </c>
      <c r="G7765" s="1" t="s">
        <v>29962</v>
      </c>
      <c r="H7765" s="1" t="s">
        <v>29963</v>
      </c>
      <c r="I7765" s="1" t="s">
        <v>28021</v>
      </c>
      <c r="J7765" s="1" t="s">
        <v>29990</v>
      </c>
    </row>
    <row r="7766" spans="1:10" x14ac:dyDescent="0.35">
      <c r="A7766" s="1" t="s">
        <v>29959</v>
      </c>
      <c r="B7766" s="1" t="s">
        <v>28015</v>
      </c>
      <c r="C7766" s="1" t="s">
        <v>55</v>
      </c>
      <c r="D7766" s="1" t="s">
        <v>29991</v>
      </c>
      <c r="E7766" s="1" t="s">
        <v>29992</v>
      </c>
      <c r="F7766" s="1" t="s">
        <v>29993</v>
      </c>
      <c r="G7766" s="1" t="s">
        <v>29962</v>
      </c>
      <c r="H7766" s="1" t="s">
        <v>29963</v>
      </c>
      <c r="I7766" s="1" t="s">
        <v>28021</v>
      </c>
      <c r="J7766" s="1" t="s">
        <v>29994</v>
      </c>
    </row>
    <row r="7767" spans="1:10" x14ac:dyDescent="0.35">
      <c r="A7767" s="1" t="s">
        <v>29959</v>
      </c>
      <c r="B7767" s="1" t="s">
        <v>28015</v>
      </c>
      <c r="C7767" s="1" t="s">
        <v>60</v>
      </c>
      <c r="D7767" s="1" t="s">
        <v>13155</v>
      </c>
      <c r="E7767" s="1" t="s">
        <v>29995</v>
      </c>
      <c r="F7767" s="1" t="s">
        <v>29996</v>
      </c>
      <c r="G7767" s="1" t="s">
        <v>29962</v>
      </c>
      <c r="H7767" s="1" t="s">
        <v>29963</v>
      </c>
      <c r="I7767" s="1" t="s">
        <v>28021</v>
      </c>
      <c r="J7767" s="1" t="s">
        <v>29997</v>
      </c>
    </row>
    <row r="7768" spans="1:10" x14ac:dyDescent="0.35">
      <c r="A7768" s="1" t="s">
        <v>29959</v>
      </c>
      <c r="B7768" s="1" t="s">
        <v>28015</v>
      </c>
      <c r="C7768" s="1" t="s">
        <v>65</v>
      </c>
      <c r="D7768" s="1" t="s">
        <v>4333</v>
      </c>
      <c r="E7768" s="1" t="s">
        <v>29998</v>
      </c>
      <c r="F7768" s="1" t="s">
        <v>29999</v>
      </c>
      <c r="G7768" s="1" t="s">
        <v>29962</v>
      </c>
      <c r="H7768" s="1" t="s">
        <v>29963</v>
      </c>
      <c r="I7768" s="1" t="s">
        <v>28021</v>
      </c>
      <c r="J7768" s="1" t="s">
        <v>30000</v>
      </c>
    </row>
    <row r="7769" spans="1:10" x14ac:dyDescent="0.35">
      <c r="A7769" s="1" t="s">
        <v>29959</v>
      </c>
      <c r="B7769" s="1" t="s">
        <v>28015</v>
      </c>
      <c r="C7769" s="1" t="s">
        <v>70</v>
      </c>
      <c r="D7769" s="1" t="s">
        <v>28735</v>
      </c>
      <c r="E7769" s="1" t="s">
        <v>30001</v>
      </c>
      <c r="F7769" s="1" t="s">
        <v>30002</v>
      </c>
      <c r="G7769" s="1" t="s">
        <v>29962</v>
      </c>
      <c r="H7769" s="1" t="s">
        <v>29963</v>
      </c>
      <c r="I7769" s="1" t="s">
        <v>28021</v>
      </c>
      <c r="J7769" s="1" t="s">
        <v>30003</v>
      </c>
    </row>
    <row r="7770" spans="1:10" x14ac:dyDescent="0.35">
      <c r="A7770" s="1" t="s">
        <v>29959</v>
      </c>
      <c r="B7770" s="1" t="s">
        <v>28015</v>
      </c>
      <c r="C7770" s="1" t="s">
        <v>75</v>
      </c>
      <c r="D7770" s="1" t="s">
        <v>6388</v>
      </c>
      <c r="E7770" s="1" t="s">
        <v>30004</v>
      </c>
      <c r="F7770" s="1" t="s">
        <v>30005</v>
      </c>
      <c r="G7770" s="1" t="s">
        <v>29962</v>
      </c>
      <c r="H7770" s="1" t="s">
        <v>29963</v>
      </c>
      <c r="I7770" s="1" t="s">
        <v>28021</v>
      </c>
      <c r="J7770" s="1" t="s">
        <v>30006</v>
      </c>
    </row>
    <row r="7771" spans="1:10" x14ac:dyDescent="0.35">
      <c r="A7771" s="1" t="s">
        <v>29959</v>
      </c>
      <c r="B7771" s="1" t="s">
        <v>28015</v>
      </c>
      <c r="C7771" s="1" t="s">
        <v>80</v>
      </c>
      <c r="D7771" s="1" t="s">
        <v>6392</v>
      </c>
      <c r="E7771" s="1" t="s">
        <v>30007</v>
      </c>
      <c r="F7771" s="1" t="s">
        <v>30008</v>
      </c>
      <c r="G7771" s="1" t="s">
        <v>29962</v>
      </c>
      <c r="H7771" s="1" t="s">
        <v>29963</v>
      </c>
      <c r="I7771" s="1" t="s">
        <v>28021</v>
      </c>
      <c r="J7771" s="1" t="s">
        <v>6395</v>
      </c>
    </row>
    <row r="7772" spans="1:10" x14ac:dyDescent="0.35">
      <c r="A7772" s="1" t="s">
        <v>29959</v>
      </c>
      <c r="B7772" s="1" t="s">
        <v>28015</v>
      </c>
      <c r="C7772" s="1" t="s">
        <v>85</v>
      </c>
      <c r="D7772" s="1" t="s">
        <v>25386</v>
      </c>
      <c r="E7772" s="1" t="s">
        <v>30009</v>
      </c>
      <c r="F7772" s="1" t="s">
        <v>30010</v>
      </c>
      <c r="G7772" s="1" t="s">
        <v>29962</v>
      </c>
      <c r="H7772" s="1" t="s">
        <v>29963</v>
      </c>
      <c r="I7772" s="1" t="s">
        <v>28021</v>
      </c>
      <c r="J7772" s="1" t="s">
        <v>30011</v>
      </c>
    </row>
    <row r="7773" spans="1:10" x14ac:dyDescent="0.35">
      <c r="A7773" s="1" t="s">
        <v>29959</v>
      </c>
      <c r="B7773" s="1" t="s">
        <v>28015</v>
      </c>
      <c r="C7773" s="1" t="s">
        <v>90</v>
      </c>
      <c r="D7773" s="1" t="s">
        <v>30012</v>
      </c>
      <c r="E7773" s="1" t="s">
        <v>30013</v>
      </c>
      <c r="F7773" s="1" t="s">
        <v>30014</v>
      </c>
      <c r="G7773" s="1" t="s">
        <v>29962</v>
      </c>
      <c r="H7773" s="1" t="s">
        <v>29963</v>
      </c>
      <c r="I7773" s="1" t="s">
        <v>28021</v>
      </c>
      <c r="J7773" s="1" t="s">
        <v>30015</v>
      </c>
    </row>
    <row r="7774" spans="1:10" x14ac:dyDescent="0.35">
      <c r="A7774" s="1" t="s">
        <v>29959</v>
      </c>
      <c r="B7774" s="1" t="s">
        <v>28015</v>
      </c>
      <c r="C7774" s="1" t="s">
        <v>95</v>
      </c>
      <c r="D7774" s="1" t="s">
        <v>30016</v>
      </c>
      <c r="E7774" s="1" t="s">
        <v>30017</v>
      </c>
      <c r="F7774" s="1" t="s">
        <v>30018</v>
      </c>
      <c r="G7774" s="1" t="s">
        <v>29962</v>
      </c>
      <c r="H7774" s="1" t="s">
        <v>29963</v>
      </c>
      <c r="I7774" s="1" t="s">
        <v>28021</v>
      </c>
      <c r="J7774" s="1" t="s">
        <v>30019</v>
      </c>
    </row>
    <row r="7775" spans="1:10" x14ac:dyDescent="0.35">
      <c r="A7775" s="1" t="s">
        <v>29959</v>
      </c>
      <c r="B7775" s="1" t="s">
        <v>28015</v>
      </c>
      <c r="C7775" s="1" t="s">
        <v>100</v>
      </c>
      <c r="D7775" s="1" t="s">
        <v>30020</v>
      </c>
      <c r="E7775" s="1" t="s">
        <v>30021</v>
      </c>
      <c r="F7775" s="1" t="s">
        <v>30022</v>
      </c>
      <c r="G7775" s="1" t="s">
        <v>29962</v>
      </c>
      <c r="H7775" s="1" t="s">
        <v>29963</v>
      </c>
      <c r="I7775" s="1" t="s">
        <v>28021</v>
      </c>
      <c r="J7775" s="1" t="s">
        <v>30023</v>
      </c>
    </row>
    <row r="7776" spans="1:10" x14ac:dyDescent="0.35">
      <c r="A7776" s="1" t="s">
        <v>29959</v>
      </c>
      <c r="B7776" s="1" t="s">
        <v>28015</v>
      </c>
      <c r="C7776" s="1" t="s">
        <v>105</v>
      </c>
      <c r="D7776" s="1" t="s">
        <v>30024</v>
      </c>
      <c r="E7776" s="1" t="s">
        <v>30025</v>
      </c>
      <c r="F7776" s="1" t="s">
        <v>30026</v>
      </c>
      <c r="G7776" s="1" t="s">
        <v>29962</v>
      </c>
      <c r="H7776" s="1" t="s">
        <v>29963</v>
      </c>
      <c r="I7776" s="1" t="s">
        <v>28021</v>
      </c>
      <c r="J7776" s="1" t="s">
        <v>30027</v>
      </c>
    </row>
    <row r="7777" spans="1:10" x14ac:dyDescent="0.35">
      <c r="A7777" s="1" t="s">
        <v>29959</v>
      </c>
      <c r="B7777" s="1" t="s">
        <v>28015</v>
      </c>
      <c r="C7777" s="1" t="s">
        <v>110</v>
      </c>
      <c r="D7777" s="1" t="s">
        <v>11763</v>
      </c>
      <c r="E7777" s="1" t="s">
        <v>30028</v>
      </c>
      <c r="F7777" s="1" t="s">
        <v>30029</v>
      </c>
      <c r="G7777" s="1" t="s">
        <v>29962</v>
      </c>
      <c r="H7777" s="1" t="s">
        <v>29963</v>
      </c>
      <c r="I7777" s="1" t="s">
        <v>28021</v>
      </c>
      <c r="J7777" s="1" t="s">
        <v>30030</v>
      </c>
    </row>
    <row r="7778" spans="1:10" x14ac:dyDescent="0.35">
      <c r="A7778" s="1" t="s">
        <v>29959</v>
      </c>
      <c r="B7778" s="1" t="s">
        <v>28015</v>
      </c>
      <c r="C7778" s="1" t="s">
        <v>115</v>
      </c>
      <c r="D7778" s="1" t="s">
        <v>8028</v>
      </c>
      <c r="E7778" s="1" t="s">
        <v>30031</v>
      </c>
      <c r="F7778" s="1" t="s">
        <v>30032</v>
      </c>
      <c r="G7778" s="1" t="s">
        <v>29962</v>
      </c>
      <c r="H7778" s="1" t="s">
        <v>29963</v>
      </c>
      <c r="I7778" s="1" t="s">
        <v>28021</v>
      </c>
      <c r="J7778" s="1" t="s">
        <v>30033</v>
      </c>
    </row>
    <row r="7779" spans="1:10" x14ac:dyDescent="0.35">
      <c r="A7779" s="1" t="s">
        <v>29959</v>
      </c>
      <c r="B7779" s="1" t="s">
        <v>28015</v>
      </c>
      <c r="C7779" s="1" t="s">
        <v>120</v>
      </c>
      <c r="D7779" s="1" t="s">
        <v>8901</v>
      </c>
      <c r="E7779" s="1" t="s">
        <v>30034</v>
      </c>
      <c r="F7779" s="1" t="s">
        <v>30035</v>
      </c>
      <c r="G7779" s="1" t="s">
        <v>29962</v>
      </c>
      <c r="H7779" s="1" t="s">
        <v>29963</v>
      </c>
      <c r="I7779" s="1" t="s">
        <v>28021</v>
      </c>
      <c r="J7779" s="1" t="s">
        <v>30036</v>
      </c>
    </row>
    <row r="7780" spans="1:10" x14ac:dyDescent="0.35">
      <c r="A7780" s="1" t="s">
        <v>29959</v>
      </c>
      <c r="B7780" s="1" t="s">
        <v>28015</v>
      </c>
      <c r="C7780" s="1" t="s">
        <v>125</v>
      </c>
      <c r="D7780" s="1" t="s">
        <v>30037</v>
      </c>
      <c r="E7780" s="1" t="s">
        <v>30038</v>
      </c>
      <c r="F7780" s="1" t="s">
        <v>30039</v>
      </c>
      <c r="G7780" s="1" t="s">
        <v>29962</v>
      </c>
      <c r="H7780" s="1" t="s">
        <v>29963</v>
      </c>
      <c r="I7780" s="1" t="s">
        <v>28021</v>
      </c>
      <c r="J7780" s="1" t="s">
        <v>30040</v>
      </c>
    </row>
    <row r="7781" spans="1:10" x14ac:dyDescent="0.35">
      <c r="A7781" s="1" t="s">
        <v>29959</v>
      </c>
      <c r="B7781" s="1" t="s">
        <v>28015</v>
      </c>
      <c r="C7781" s="1" t="s">
        <v>130</v>
      </c>
      <c r="D7781" s="1" t="s">
        <v>30041</v>
      </c>
      <c r="E7781" s="1" t="s">
        <v>30042</v>
      </c>
      <c r="F7781" s="1" t="s">
        <v>30043</v>
      </c>
      <c r="G7781" s="1" t="s">
        <v>29962</v>
      </c>
      <c r="H7781" s="1" t="s">
        <v>29963</v>
      </c>
      <c r="I7781" s="1" t="s">
        <v>28021</v>
      </c>
      <c r="J7781" s="1" t="s">
        <v>30044</v>
      </c>
    </row>
    <row r="7782" spans="1:10" x14ac:dyDescent="0.35">
      <c r="A7782" s="1" t="s">
        <v>29959</v>
      </c>
      <c r="B7782" s="1" t="s">
        <v>28015</v>
      </c>
      <c r="C7782" s="1" t="s">
        <v>135</v>
      </c>
      <c r="D7782" s="1" t="s">
        <v>30045</v>
      </c>
      <c r="E7782" s="1" t="s">
        <v>30046</v>
      </c>
      <c r="F7782" s="1" t="s">
        <v>30047</v>
      </c>
      <c r="G7782" s="1" t="s">
        <v>29962</v>
      </c>
      <c r="H7782" s="1" t="s">
        <v>29963</v>
      </c>
      <c r="I7782" s="1" t="s">
        <v>28021</v>
      </c>
      <c r="J7782" s="1" t="s">
        <v>30048</v>
      </c>
    </row>
    <row r="7783" spans="1:10" x14ac:dyDescent="0.35">
      <c r="A7783" s="1" t="s">
        <v>29959</v>
      </c>
      <c r="B7783" s="1" t="s">
        <v>28015</v>
      </c>
      <c r="C7783" s="1" t="s">
        <v>140</v>
      </c>
      <c r="D7783" s="1" t="s">
        <v>30049</v>
      </c>
      <c r="E7783" s="1" t="s">
        <v>30050</v>
      </c>
      <c r="F7783" s="1" t="s">
        <v>30051</v>
      </c>
      <c r="G7783" s="1" t="s">
        <v>29962</v>
      </c>
      <c r="H7783" s="1" t="s">
        <v>29963</v>
      </c>
      <c r="I7783" s="1" t="s">
        <v>28021</v>
      </c>
      <c r="J7783" s="1" t="s">
        <v>30052</v>
      </c>
    </row>
    <row r="7784" spans="1:10" x14ac:dyDescent="0.35">
      <c r="A7784" s="1" t="s">
        <v>29959</v>
      </c>
      <c r="B7784" s="1" t="s">
        <v>28015</v>
      </c>
      <c r="C7784" s="1" t="s">
        <v>145</v>
      </c>
      <c r="D7784" s="1" t="s">
        <v>30053</v>
      </c>
      <c r="E7784" s="1" t="s">
        <v>30054</v>
      </c>
      <c r="F7784" s="1" t="s">
        <v>30055</v>
      </c>
      <c r="G7784" s="1" t="s">
        <v>29962</v>
      </c>
      <c r="H7784" s="1" t="s">
        <v>29963</v>
      </c>
      <c r="I7784" s="1" t="s">
        <v>28021</v>
      </c>
      <c r="J7784" s="1" t="s">
        <v>30056</v>
      </c>
    </row>
    <row r="7785" spans="1:10" x14ac:dyDescent="0.35">
      <c r="A7785" s="1" t="s">
        <v>29959</v>
      </c>
      <c r="B7785" s="1" t="s">
        <v>28015</v>
      </c>
      <c r="C7785" s="1" t="s">
        <v>150</v>
      </c>
      <c r="D7785" s="1" t="s">
        <v>29693</v>
      </c>
      <c r="E7785" s="1" t="s">
        <v>30057</v>
      </c>
      <c r="F7785" s="1" t="s">
        <v>30058</v>
      </c>
      <c r="G7785" s="1" t="s">
        <v>29962</v>
      </c>
      <c r="H7785" s="1" t="s">
        <v>29963</v>
      </c>
      <c r="I7785" s="1" t="s">
        <v>28021</v>
      </c>
      <c r="J7785" s="1" t="s">
        <v>30059</v>
      </c>
    </row>
    <row r="7786" spans="1:10" x14ac:dyDescent="0.35">
      <c r="A7786" s="1" t="s">
        <v>29959</v>
      </c>
      <c r="B7786" s="1" t="s">
        <v>28015</v>
      </c>
      <c r="C7786" s="1" t="s">
        <v>155</v>
      </c>
      <c r="D7786" s="1" t="s">
        <v>30060</v>
      </c>
      <c r="E7786" s="1" t="s">
        <v>30061</v>
      </c>
      <c r="F7786" s="1" t="s">
        <v>30062</v>
      </c>
      <c r="G7786" s="1" t="s">
        <v>29962</v>
      </c>
      <c r="H7786" s="1" t="s">
        <v>29963</v>
      </c>
      <c r="I7786" s="1" t="s">
        <v>28021</v>
      </c>
      <c r="J7786" s="1" t="s">
        <v>30063</v>
      </c>
    </row>
    <row r="7787" spans="1:10" x14ac:dyDescent="0.35">
      <c r="A7787" s="1" t="s">
        <v>29959</v>
      </c>
      <c r="B7787" s="1" t="s">
        <v>28015</v>
      </c>
      <c r="C7787" s="1" t="s">
        <v>160</v>
      </c>
      <c r="D7787" s="1" t="s">
        <v>8940</v>
      </c>
      <c r="E7787" s="1" t="s">
        <v>30064</v>
      </c>
      <c r="F7787" s="1" t="s">
        <v>30065</v>
      </c>
      <c r="G7787" s="1" t="s">
        <v>29962</v>
      </c>
      <c r="H7787" s="1" t="s">
        <v>29963</v>
      </c>
      <c r="I7787" s="1" t="s">
        <v>28021</v>
      </c>
      <c r="J7787" s="1" t="s">
        <v>30066</v>
      </c>
    </row>
    <row r="7788" spans="1:10" x14ac:dyDescent="0.35">
      <c r="A7788" s="1" t="s">
        <v>29959</v>
      </c>
      <c r="B7788" s="1" t="s">
        <v>28015</v>
      </c>
      <c r="C7788" s="1" t="s">
        <v>165</v>
      </c>
      <c r="D7788" s="1" t="s">
        <v>30067</v>
      </c>
      <c r="E7788" s="1" t="s">
        <v>30068</v>
      </c>
      <c r="F7788" s="1" t="s">
        <v>30069</v>
      </c>
      <c r="G7788" s="1" t="s">
        <v>29962</v>
      </c>
      <c r="H7788" s="1" t="s">
        <v>29963</v>
      </c>
      <c r="I7788" s="1" t="s">
        <v>28021</v>
      </c>
      <c r="J7788" s="1" t="s">
        <v>30070</v>
      </c>
    </row>
    <row r="7789" spans="1:10" x14ac:dyDescent="0.35">
      <c r="A7789" s="1" t="s">
        <v>29959</v>
      </c>
      <c r="B7789" s="1" t="s">
        <v>28015</v>
      </c>
      <c r="C7789" s="1" t="s">
        <v>170</v>
      </c>
      <c r="D7789" s="1" t="s">
        <v>30071</v>
      </c>
      <c r="E7789" s="1" t="s">
        <v>30072</v>
      </c>
      <c r="F7789" s="1" t="s">
        <v>30073</v>
      </c>
      <c r="G7789" s="1" t="s">
        <v>29962</v>
      </c>
      <c r="H7789" s="1" t="s">
        <v>29963</v>
      </c>
      <c r="I7789" s="1" t="s">
        <v>28021</v>
      </c>
      <c r="J7789" s="1" t="s">
        <v>30074</v>
      </c>
    </row>
    <row r="7790" spans="1:10" x14ac:dyDescent="0.35">
      <c r="A7790" s="1" t="s">
        <v>30075</v>
      </c>
      <c r="B7790" s="1" t="s">
        <v>28015</v>
      </c>
      <c r="C7790" s="1" t="s">
        <v>8</v>
      </c>
      <c r="D7790" s="1" t="s">
        <v>2155</v>
      </c>
      <c r="E7790" s="1" t="s">
        <v>30076</v>
      </c>
      <c r="F7790" s="1" t="s">
        <v>30077</v>
      </c>
      <c r="G7790" s="1" t="s">
        <v>30078</v>
      </c>
      <c r="H7790" s="1" t="s">
        <v>30079</v>
      </c>
      <c r="I7790" s="1" t="s">
        <v>28021</v>
      </c>
      <c r="J7790" s="1" t="s">
        <v>13</v>
      </c>
    </row>
    <row r="7791" spans="1:10" x14ac:dyDescent="0.35">
      <c r="A7791" s="1" t="s">
        <v>30075</v>
      </c>
      <c r="B7791" s="1" t="s">
        <v>28015</v>
      </c>
      <c r="C7791" s="1" t="s">
        <v>15</v>
      </c>
      <c r="D7791" s="1" t="s">
        <v>6377</v>
      </c>
      <c r="E7791" s="1" t="s">
        <v>30080</v>
      </c>
      <c r="F7791" s="1" t="s">
        <v>30081</v>
      </c>
      <c r="G7791" s="1" t="s">
        <v>30078</v>
      </c>
      <c r="H7791" s="1" t="s">
        <v>30079</v>
      </c>
      <c r="I7791" s="1" t="s">
        <v>28021</v>
      </c>
      <c r="J7791" s="1" t="s">
        <v>30082</v>
      </c>
    </row>
    <row r="7792" spans="1:10" x14ac:dyDescent="0.35">
      <c r="A7792" s="1" t="s">
        <v>30075</v>
      </c>
      <c r="B7792" s="1" t="s">
        <v>28015</v>
      </c>
      <c r="C7792" s="1" t="s">
        <v>20</v>
      </c>
      <c r="D7792" s="1" t="s">
        <v>27903</v>
      </c>
      <c r="E7792" s="1" t="s">
        <v>30083</v>
      </c>
      <c r="F7792" s="1" t="s">
        <v>30084</v>
      </c>
      <c r="G7792" s="1" t="s">
        <v>30078</v>
      </c>
      <c r="H7792" s="1" t="s">
        <v>30079</v>
      </c>
      <c r="I7792" s="1" t="s">
        <v>28021</v>
      </c>
      <c r="J7792" s="1" t="s">
        <v>30085</v>
      </c>
    </row>
    <row r="7793" spans="1:10" x14ac:dyDescent="0.35">
      <c r="A7793" s="1" t="s">
        <v>30075</v>
      </c>
      <c r="B7793" s="1" t="s">
        <v>28015</v>
      </c>
      <c r="C7793" s="1" t="s">
        <v>25</v>
      </c>
      <c r="D7793" s="1" t="s">
        <v>30086</v>
      </c>
      <c r="E7793" s="1" t="s">
        <v>30087</v>
      </c>
      <c r="F7793" s="1" t="s">
        <v>30088</v>
      </c>
      <c r="G7793" s="1" t="s">
        <v>30078</v>
      </c>
      <c r="H7793" s="1" t="s">
        <v>30079</v>
      </c>
      <c r="I7793" s="1" t="s">
        <v>28021</v>
      </c>
      <c r="J7793" s="1" t="s">
        <v>30089</v>
      </c>
    </row>
    <row r="7794" spans="1:10" x14ac:dyDescent="0.35">
      <c r="A7794" s="1" t="s">
        <v>30075</v>
      </c>
      <c r="B7794" s="1" t="s">
        <v>28015</v>
      </c>
      <c r="C7794" s="1" t="s">
        <v>30</v>
      </c>
      <c r="D7794" s="1" t="s">
        <v>9290</v>
      </c>
      <c r="E7794" s="1" t="s">
        <v>30090</v>
      </c>
      <c r="F7794" s="1" t="s">
        <v>30091</v>
      </c>
      <c r="G7794" s="1" t="s">
        <v>30078</v>
      </c>
      <c r="H7794" s="1" t="s">
        <v>30079</v>
      </c>
      <c r="I7794" s="1" t="s">
        <v>28021</v>
      </c>
      <c r="J7794" s="1" t="s">
        <v>30092</v>
      </c>
    </row>
    <row r="7795" spans="1:10" x14ac:dyDescent="0.35">
      <c r="A7795" s="1" t="s">
        <v>30075</v>
      </c>
      <c r="B7795" s="1" t="s">
        <v>28015</v>
      </c>
      <c r="C7795" s="1" t="s">
        <v>35</v>
      </c>
      <c r="D7795" s="1" t="s">
        <v>6147</v>
      </c>
      <c r="E7795" s="1" t="s">
        <v>30093</v>
      </c>
      <c r="F7795" s="1" t="s">
        <v>30094</v>
      </c>
      <c r="G7795" s="1" t="s">
        <v>30078</v>
      </c>
      <c r="H7795" s="1" t="s">
        <v>30079</v>
      </c>
      <c r="I7795" s="1" t="s">
        <v>28021</v>
      </c>
      <c r="J7795" s="1" t="s">
        <v>30095</v>
      </c>
    </row>
    <row r="7796" spans="1:10" x14ac:dyDescent="0.35">
      <c r="A7796" s="1" t="s">
        <v>30075</v>
      </c>
      <c r="B7796" s="1" t="s">
        <v>28015</v>
      </c>
      <c r="C7796" s="1" t="s">
        <v>40</v>
      </c>
      <c r="D7796" s="1" t="s">
        <v>30096</v>
      </c>
      <c r="E7796" s="1" t="s">
        <v>30097</v>
      </c>
      <c r="F7796" s="1" t="s">
        <v>30098</v>
      </c>
      <c r="G7796" s="1" t="s">
        <v>30078</v>
      </c>
      <c r="H7796" s="1" t="s">
        <v>30079</v>
      </c>
      <c r="I7796" s="1" t="s">
        <v>28021</v>
      </c>
      <c r="J7796" s="1" t="s">
        <v>30099</v>
      </c>
    </row>
    <row r="7797" spans="1:10" x14ac:dyDescent="0.35">
      <c r="A7797" s="1" t="s">
        <v>30075</v>
      </c>
      <c r="B7797" s="1" t="s">
        <v>28015</v>
      </c>
      <c r="C7797" s="1" t="s">
        <v>45</v>
      </c>
      <c r="D7797" s="1" t="s">
        <v>28130</v>
      </c>
      <c r="E7797" s="1" t="s">
        <v>30100</v>
      </c>
      <c r="F7797" s="1" t="s">
        <v>30101</v>
      </c>
      <c r="G7797" s="1" t="s">
        <v>30078</v>
      </c>
      <c r="H7797" s="1" t="s">
        <v>30079</v>
      </c>
      <c r="I7797" s="1" t="s">
        <v>28021</v>
      </c>
      <c r="J7797" s="1" t="s">
        <v>30102</v>
      </c>
    </row>
    <row r="7798" spans="1:10" x14ac:dyDescent="0.35">
      <c r="A7798" s="1" t="s">
        <v>30075</v>
      </c>
      <c r="B7798" s="1" t="s">
        <v>28015</v>
      </c>
      <c r="C7798" s="1" t="s">
        <v>50</v>
      </c>
      <c r="D7798" s="1" t="s">
        <v>1969</v>
      </c>
      <c r="E7798" s="1" t="s">
        <v>30103</v>
      </c>
      <c r="F7798" s="1" t="s">
        <v>30104</v>
      </c>
      <c r="G7798" s="1" t="s">
        <v>30078</v>
      </c>
      <c r="H7798" s="1" t="s">
        <v>30079</v>
      </c>
      <c r="I7798" s="1" t="s">
        <v>28021</v>
      </c>
      <c r="J7798" s="1" t="s">
        <v>30105</v>
      </c>
    </row>
    <row r="7799" spans="1:10" x14ac:dyDescent="0.35">
      <c r="A7799" s="1" t="s">
        <v>30075</v>
      </c>
      <c r="B7799" s="1" t="s">
        <v>28015</v>
      </c>
      <c r="C7799" s="1" t="s">
        <v>55</v>
      </c>
      <c r="D7799" s="1" t="s">
        <v>30106</v>
      </c>
      <c r="E7799" s="1" t="s">
        <v>30107</v>
      </c>
      <c r="F7799" s="1" t="s">
        <v>30108</v>
      </c>
      <c r="G7799" s="1" t="s">
        <v>30078</v>
      </c>
      <c r="H7799" s="1" t="s">
        <v>30079</v>
      </c>
      <c r="I7799" s="1" t="s">
        <v>28021</v>
      </c>
      <c r="J7799" s="1" t="s">
        <v>30109</v>
      </c>
    </row>
    <row r="7800" spans="1:10" x14ac:dyDescent="0.35">
      <c r="A7800" s="1" t="s">
        <v>30075</v>
      </c>
      <c r="B7800" s="1" t="s">
        <v>28015</v>
      </c>
      <c r="C7800" s="1" t="s">
        <v>60</v>
      </c>
      <c r="D7800" s="1" t="s">
        <v>30110</v>
      </c>
      <c r="E7800" s="1" t="s">
        <v>30111</v>
      </c>
      <c r="F7800" s="1" t="s">
        <v>30112</v>
      </c>
      <c r="G7800" s="1" t="s">
        <v>30078</v>
      </c>
      <c r="H7800" s="1" t="s">
        <v>30079</v>
      </c>
      <c r="I7800" s="1" t="s">
        <v>28021</v>
      </c>
      <c r="J7800" s="1" t="s">
        <v>30113</v>
      </c>
    </row>
    <row r="7801" spans="1:10" x14ac:dyDescent="0.35">
      <c r="A7801" s="1" t="s">
        <v>30075</v>
      </c>
      <c r="B7801" s="1" t="s">
        <v>28015</v>
      </c>
      <c r="C7801" s="1" t="s">
        <v>65</v>
      </c>
      <c r="D7801" s="1" t="s">
        <v>30114</v>
      </c>
      <c r="E7801" s="1" t="s">
        <v>30115</v>
      </c>
      <c r="F7801" s="1" t="s">
        <v>30116</v>
      </c>
      <c r="G7801" s="1" t="s">
        <v>30078</v>
      </c>
      <c r="H7801" s="1" t="s">
        <v>30079</v>
      </c>
      <c r="I7801" s="1" t="s">
        <v>28021</v>
      </c>
      <c r="J7801" s="1" t="s">
        <v>30117</v>
      </c>
    </row>
    <row r="7802" spans="1:10" x14ac:dyDescent="0.35">
      <c r="A7802" s="1" t="s">
        <v>30075</v>
      </c>
      <c r="B7802" s="1" t="s">
        <v>28015</v>
      </c>
      <c r="C7802" s="1" t="s">
        <v>70</v>
      </c>
      <c r="D7802" s="1" t="s">
        <v>6392</v>
      </c>
      <c r="E7802" s="1" t="s">
        <v>30118</v>
      </c>
      <c r="F7802" s="1" t="s">
        <v>30119</v>
      </c>
      <c r="G7802" s="1" t="s">
        <v>30078</v>
      </c>
      <c r="H7802" s="1" t="s">
        <v>30079</v>
      </c>
      <c r="I7802" s="1" t="s">
        <v>28021</v>
      </c>
      <c r="J7802" s="1" t="s">
        <v>30120</v>
      </c>
    </row>
    <row r="7803" spans="1:10" x14ac:dyDescent="0.35">
      <c r="A7803" s="1" t="s">
        <v>30075</v>
      </c>
      <c r="B7803" s="1" t="s">
        <v>28015</v>
      </c>
      <c r="C7803" s="1" t="s">
        <v>75</v>
      </c>
      <c r="D7803" s="1" t="s">
        <v>30121</v>
      </c>
      <c r="E7803" s="1" t="s">
        <v>30122</v>
      </c>
      <c r="F7803" s="1" t="s">
        <v>30123</v>
      </c>
      <c r="G7803" s="1" t="s">
        <v>30078</v>
      </c>
      <c r="H7803" s="1" t="s">
        <v>30079</v>
      </c>
      <c r="I7803" s="1" t="s">
        <v>28021</v>
      </c>
      <c r="J7803" s="1" t="s">
        <v>30124</v>
      </c>
    </row>
    <row r="7804" spans="1:10" x14ac:dyDescent="0.35">
      <c r="A7804" s="1" t="s">
        <v>30075</v>
      </c>
      <c r="B7804" s="1" t="s">
        <v>28015</v>
      </c>
      <c r="C7804" s="1" t="s">
        <v>80</v>
      </c>
      <c r="D7804" s="1" t="s">
        <v>30</v>
      </c>
      <c r="E7804" s="1" t="s">
        <v>30125</v>
      </c>
      <c r="F7804" s="1" t="s">
        <v>30126</v>
      </c>
      <c r="G7804" s="1" t="s">
        <v>30078</v>
      </c>
      <c r="H7804" s="1" t="s">
        <v>30079</v>
      </c>
      <c r="I7804" s="1" t="s">
        <v>28021</v>
      </c>
      <c r="J7804" s="1" t="s">
        <v>30127</v>
      </c>
    </row>
    <row r="7805" spans="1:10" x14ac:dyDescent="0.35">
      <c r="A7805" s="1" t="s">
        <v>30075</v>
      </c>
      <c r="B7805" s="1" t="s">
        <v>28015</v>
      </c>
      <c r="C7805" s="1" t="s">
        <v>85</v>
      </c>
      <c r="D7805" s="1" t="s">
        <v>30128</v>
      </c>
      <c r="E7805" s="1" t="s">
        <v>30129</v>
      </c>
      <c r="F7805" s="1" t="s">
        <v>30130</v>
      </c>
      <c r="G7805" s="1" t="s">
        <v>30078</v>
      </c>
      <c r="H7805" s="1" t="s">
        <v>30079</v>
      </c>
      <c r="I7805" s="1" t="s">
        <v>28021</v>
      </c>
      <c r="J7805" s="1" t="s">
        <v>30131</v>
      </c>
    </row>
    <row r="7806" spans="1:10" x14ac:dyDescent="0.35">
      <c r="A7806" s="1" t="s">
        <v>30075</v>
      </c>
      <c r="B7806" s="1" t="s">
        <v>28015</v>
      </c>
      <c r="C7806" s="1" t="s">
        <v>90</v>
      </c>
      <c r="D7806" s="1" t="s">
        <v>14983</v>
      </c>
      <c r="E7806" s="1" t="s">
        <v>30132</v>
      </c>
      <c r="F7806" s="1" t="s">
        <v>30133</v>
      </c>
      <c r="G7806" s="1" t="s">
        <v>30078</v>
      </c>
      <c r="H7806" s="1" t="s">
        <v>30079</v>
      </c>
      <c r="I7806" s="1" t="s">
        <v>28021</v>
      </c>
      <c r="J7806" s="1" t="s">
        <v>30134</v>
      </c>
    </row>
    <row r="7807" spans="1:10" x14ac:dyDescent="0.35">
      <c r="A7807" s="1" t="s">
        <v>30075</v>
      </c>
      <c r="B7807" s="1" t="s">
        <v>28015</v>
      </c>
      <c r="C7807" s="1" t="s">
        <v>95</v>
      </c>
      <c r="D7807" s="1" t="s">
        <v>30135</v>
      </c>
      <c r="E7807" s="1" t="s">
        <v>30136</v>
      </c>
      <c r="F7807" s="1" t="s">
        <v>30137</v>
      </c>
      <c r="G7807" s="1" t="s">
        <v>30078</v>
      </c>
      <c r="H7807" s="1" t="s">
        <v>30079</v>
      </c>
      <c r="I7807" s="1" t="s">
        <v>28021</v>
      </c>
      <c r="J7807" s="1" t="s">
        <v>30138</v>
      </c>
    </row>
    <row r="7808" spans="1:10" x14ac:dyDescent="0.35">
      <c r="A7808" s="1" t="s">
        <v>30075</v>
      </c>
      <c r="B7808" s="1" t="s">
        <v>28015</v>
      </c>
      <c r="C7808" s="1" t="s">
        <v>100</v>
      </c>
      <c r="D7808" s="1" t="s">
        <v>30139</v>
      </c>
      <c r="E7808" s="1" t="s">
        <v>30140</v>
      </c>
      <c r="F7808" s="1" t="s">
        <v>30141</v>
      </c>
      <c r="G7808" s="1" t="s">
        <v>30078</v>
      </c>
      <c r="H7808" s="1" t="s">
        <v>30079</v>
      </c>
      <c r="I7808" s="1" t="s">
        <v>28021</v>
      </c>
      <c r="J7808" s="1" t="s">
        <v>30142</v>
      </c>
    </row>
    <row r="7809" spans="1:10" x14ac:dyDescent="0.35">
      <c r="A7809" s="1" t="s">
        <v>30075</v>
      </c>
      <c r="B7809" s="1" t="s">
        <v>28015</v>
      </c>
      <c r="C7809" s="1" t="s">
        <v>105</v>
      </c>
      <c r="D7809" s="1" t="s">
        <v>30143</v>
      </c>
      <c r="E7809" s="1" t="s">
        <v>30144</v>
      </c>
      <c r="F7809" s="1" t="s">
        <v>30145</v>
      </c>
      <c r="G7809" s="1" t="s">
        <v>30078</v>
      </c>
      <c r="H7809" s="1" t="s">
        <v>30079</v>
      </c>
      <c r="I7809" s="1" t="s">
        <v>28021</v>
      </c>
      <c r="J7809" s="1" t="s">
        <v>30146</v>
      </c>
    </row>
    <row r="7810" spans="1:10" x14ac:dyDescent="0.35">
      <c r="A7810" s="1" t="s">
        <v>30075</v>
      </c>
      <c r="B7810" s="1" t="s">
        <v>28015</v>
      </c>
      <c r="C7810" s="1" t="s">
        <v>110</v>
      </c>
      <c r="D7810" s="1" t="s">
        <v>8050</v>
      </c>
      <c r="E7810" s="1" t="s">
        <v>30147</v>
      </c>
      <c r="F7810" s="1" t="s">
        <v>30148</v>
      </c>
      <c r="G7810" s="1" t="s">
        <v>30078</v>
      </c>
      <c r="H7810" s="1" t="s">
        <v>30079</v>
      </c>
      <c r="I7810" s="1" t="s">
        <v>28021</v>
      </c>
      <c r="J7810" s="1" t="s">
        <v>30149</v>
      </c>
    </row>
    <row r="7811" spans="1:10" x14ac:dyDescent="0.35">
      <c r="A7811" s="1" t="s">
        <v>30075</v>
      </c>
      <c r="B7811" s="1" t="s">
        <v>28015</v>
      </c>
      <c r="C7811" s="1" t="s">
        <v>115</v>
      </c>
      <c r="D7811" s="1" t="s">
        <v>1651</v>
      </c>
      <c r="E7811" s="1" t="s">
        <v>30150</v>
      </c>
      <c r="F7811" s="1" t="s">
        <v>30151</v>
      </c>
      <c r="G7811" s="1" t="s">
        <v>30078</v>
      </c>
      <c r="H7811" s="1" t="s">
        <v>30079</v>
      </c>
      <c r="I7811" s="1" t="s">
        <v>28021</v>
      </c>
      <c r="J7811" s="1" t="s">
        <v>30152</v>
      </c>
    </row>
    <row r="7812" spans="1:10" x14ac:dyDescent="0.35">
      <c r="A7812" s="1" t="s">
        <v>30075</v>
      </c>
      <c r="B7812" s="1" t="s">
        <v>28015</v>
      </c>
      <c r="C7812" s="1" t="s">
        <v>120</v>
      </c>
      <c r="D7812" s="1" t="s">
        <v>9991</v>
      </c>
      <c r="E7812" s="1" t="s">
        <v>30153</v>
      </c>
      <c r="F7812" s="1" t="s">
        <v>30154</v>
      </c>
      <c r="G7812" s="1" t="s">
        <v>30078</v>
      </c>
      <c r="H7812" s="1" t="s">
        <v>30079</v>
      </c>
      <c r="I7812" s="1" t="s">
        <v>28021</v>
      </c>
      <c r="J7812" s="1" t="s">
        <v>30155</v>
      </c>
    </row>
    <row r="7813" spans="1:10" x14ac:dyDescent="0.35">
      <c r="A7813" s="1" t="s">
        <v>30075</v>
      </c>
      <c r="B7813" s="1" t="s">
        <v>28015</v>
      </c>
      <c r="C7813" s="1" t="s">
        <v>125</v>
      </c>
      <c r="D7813" s="1" t="s">
        <v>30156</v>
      </c>
      <c r="E7813" s="1" t="s">
        <v>30157</v>
      </c>
      <c r="F7813" s="1" t="s">
        <v>30158</v>
      </c>
      <c r="G7813" s="1" t="s">
        <v>30078</v>
      </c>
      <c r="H7813" s="1" t="s">
        <v>30079</v>
      </c>
      <c r="I7813" s="1" t="s">
        <v>28021</v>
      </c>
      <c r="J7813" s="1" t="s">
        <v>30159</v>
      </c>
    </row>
    <row r="7814" spans="1:10" x14ac:dyDescent="0.35">
      <c r="A7814" s="1" t="s">
        <v>30075</v>
      </c>
      <c r="B7814" s="1" t="s">
        <v>28015</v>
      </c>
      <c r="C7814" s="1" t="s">
        <v>130</v>
      </c>
      <c r="D7814" s="1" t="s">
        <v>30160</v>
      </c>
      <c r="E7814" s="1" t="s">
        <v>30161</v>
      </c>
      <c r="F7814" s="1" t="s">
        <v>30162</v>
      </c>
      <c r="G7814" s="1" t="s">
        <v>30078</v>
      </c>
      <c r="H7814" s="1" t="s">
        <v>30079</v>
      </c>
      <c r="I7814" s="1" t="s">
        <v>28021</v>
      </c>
      <c r="J7814" s="1" t="s">
        <v>30163</v>
      </c>
    </row>
    <row r="7815" spans="1:10" x14ac:dyDescent="0.35">
      <c r="A7815" s="1" t="s">
        <v>30075</v>
      </c>
      <c r="B7815" s="1" t="s">
        <v>28015</v>
      </c>
      <c r="C7815" s="1" t="s">
        <v>135</v>
      </c>
      <c r="D7815" s="1" t="s">
        <v>30164</v>
      </c>
      <c r="E7815" s="1" t="s">
        <v>30165</v>
      </c>
      <c r="F7815" s="1" t="s">
        <v>30166</v>
      </c>
      <c r="G7815" s="1" t="s">
        <v>30078</v>
      </c>
      <c r="H7815" s="1" t="s">
        <v>30079</v>
      </c>
      <c r="I7815" s="1" t="s">
        <v>28021</v>
      </c>
      <c r="J7815" s="1" t="s">
        <v>30167</v>
      </c>
    </row>
    <row r="7816" spans="1:10" x14ac:dyDescent="0.35">
      <c r="A7816" s="1" t="s">
        <v>30075</v>
      </c>
      <c r="B7816" s="1" t="s">
        <v>28015</v>
      </c>
      <c r="C7816" s="1" t="s">
        <v>140</v>
      </c>
      <c r="D7816" s="1" t="s">
        <v>26015</v>
      </c>
      <c r="E7816" s="1" t="s">
        <v>30168</v>
      </c>
      <c r="F7816" s="1" t="s">
        <v>30169</v>
      </c>
      <c r="G7816" s="1" t="s">
        <v>30078</v>
      </c>
      <c r="H7816" s="1" t="s">
        <v>30079</v>
      </c>
      <c r="I7816" s="1" t="s">
        <v>28021</v>
      </c>
      <c r="J7816" s="1" t="s">
        <v>30170</v>
      </c>
    </row>
    <row r="7817" spans="1:10" x14ac:dyDescent="0.35">
      <c r="A7817" s="1" t="s">
        <v>30075</v>
      </c>
      <c r="B7817" s="1" t="s">
        <v>28015</v>
      </c>
      <c r="C7817" s="1" t="s">
        <v>145</v>
      </c>
      <c r="D7817" s="1" t="s">
        <v>30171</v>
      </c>
      <c r="E7817" s="1" t="s">
        <v>30172</v>
      </c>
      <c r="F7817" s="1" t="s">
        <v>30173</v>
      </c>
      <c r="G7817" s="1" t="s">
        <v>30078</v>
      </c>
      <c r="H7817" s="1" t="s">
        <v>30079</v>
      </c>
      <c r="I7817" s="1" t="s">
        <v>28021</v>
      </c>
      <c r="J7817" s="1" t="s">
        <v>30174</v>
      </c>
    </row>
    <row r="7818" spans="1:10" x14ac:dyDescent="0.35">
      <c r="A7818" s="1" t="s">
        <v>30075</v>
      </c>
      <c r="B7818" s="1" t="s">
        <v>28015</v>
      </c>
      <c r="C7818" s="1" t="s">
        <v>150</v>
      </c>
      <c r="D7818" s="1" t="s">
        <v>27480</v>
      </c>
      <c r="E7818" s="1" t="s">
        <v>30175</v>
      </c>
      <c r="F7818" s="1" t="s">
        <v>30176</v>
      </c>
      <c r="G7818" s="1" t="s">
        <v>30078</v>
      </c>
      <c r="H7818" s="1" t="s">
        <v>30079</v>
      </c>
      <c r="I7818" s="1" t="s">
        <v>28021</v>
      </c>
      <c r="J7818" s="1" t="s">
        <v>30177</v>
      </c>
    </row>
    <row r="7819" spans="1:10" x14ac:dyDescent="0.35">
      <c r="A7819" s="1" t="s">
        <v>30075</v>
      </c>
      <c r="B7819" s="1" t="s">
        <v>28015</v>
      </c>
      <c r="C7819" s="1" t="s">
        <v>155</v>
      </c>
      <c r="D7819" s="1" t="s">
        <v>30178</v>
      </c>
      <c r="E7819" s="1" t="s">
        <v>30179</v>
      </c>
      <c r="F7819" s="1" t="s">
        <v>30180</v>
      </c>
      <c r="G7819" s="1" t="s">
        <v>30078</v>
      </c>
      <c r="H7819" s="1" t="s">
        <v>30079</v>
      </c>
      <c r="I7819" s="1" t="s">
        <v>28021</v>
      </c>
      <c r="J7819" s="1" t="s">
        <v>30181</v>
      </c>
    </row>
    <row r="7820" spans="1:10" x14ac:dyDescent="0.35">
      <c r="A7820" s="1" t="s">
        <v>30075</v>
      </c>
      <c r="B7820" s="1" t="s">
        <v>28015</v>
      </c>
      <c r="C7820" s="1" t="s">
        <v>160</v>
      </c>
      <c r="D7820" s="1" t="s">
        <v>30182</v>
      </c>
      <c r="E7820" s="1" t="s">
        <v>30183</v>
      </c>
      <c r="F7820" s="1" t="s">
        <v>30184</v>
      </c>
      <c r="G7820" s="1" t="s">
        <v>30078</v>
      </c>
      <c r="H7820" s="1" t="s">
        <v>30079</v>
      </c>
      <c r="I7820" s="1" t="s">
        <v>28021</v>
      </c>
      <c r="J7820" s="1" t="s">
        <v>30185</v>
      </c>
    </row>
    <row r="7821" spans="1:10" x14ac:dyDescent="0.35">
      <c r="A7821" s="1" t="s">
        <v>30075</v>
      </c>
      <c r="B7821" s="1" t="s">
        <v>28015</v>
      </c>
      <c r="C7821" s="1" t="s">
        <v>165</v>
      </c>
      <c r="D7821" s="1" t="s">
        <v>2339</v>
      </c>
      <c r="E7821" s="1" t="s">
        <v>30186</v>
      </c>
      <c r="F7821" s="1" t="s">
        <v>30187</v>
      </c>
      <c r="G7821" s="1" t="s">
        <v>30078</v>
      </c>
      <c r="H7821" s="1" t="s">
        <v>30079</v>
      </c>
      <c r="I7821" s="1" t="s">
        <v>28021</v>
      </c>
      <c r="J7821" s="1" t="s">
        <v>30188</v>
      </c>
    </row>
    <row r="7822" spans="1:10" x14ac:dyDescent="0.35">
      <c r="A7822" s="1" t="s">
        <v>30075</v>
      </c>
      <c r="B7822" s="1" t="s">
        <v>28015</v>
      </c>
      <c r="C7822" s="1" t="s">
        <v>170</v>
      </c>
      <c r="D7822" s="1" t="s">
        <v>30189</v>
      </c>
      <c r="E7822" s="1" t="s">
        <v>30190</v>
      </c>
      <c r="F7822" s="1" t="s">
        <v>30191</v>
      </c>
      <c r="G7822" s="1" t="s">
        <v>30078</v>
      </c>
      <c r="H7822" s="1" t="s">
        <v>30079</v>
      </c>
      <c r="I7822" s="1" t="s">
        <v>28021</v>
      </c>
      <c r="J7822" s="1" t="s">
        <v>30192</v>
      </c>
    </row>
    <row r="7823" spans="1:10" x14ac:dyDescent="0.35">
      <c r="A7823" s="1" t="s">
        <v>30193</v>
      </c>
      <c r="B7823" s="1" t="s">
        <v>30194</v>
      </c>
      <c r="C7823" s="1" t="s">
        <v>8</v>
      </c>
      <c r="D7823" s="1" t="s">
        <v>30195</v>
      </c>
      <c r="E7823" s="1" t="s">
        <v>30196</v>
      </c>
      <c r="F7823" s="1" t="s">
        <v>30197</v>
      </c>
      <c r="G7823" s="1" t="s">
        <v>30198</v>
      </c>
      <c r="H7823" s="1" t="s">
        <v>30199</v>
      </c>
      <c r="I7823" s="1" t="s">
        <v>30200</v>
      </c>
      <c r="J7823" s="1" t="s">
        <v>13</v>
      </c>
    </row>
    <row r="7824" spans="1:10" x14ac:dyDescent="0.35">
      <c r="A7824" s="1" t="s">
        <v>30193</v>
      </c>
      <c r="B7824" s="1" t="s">
        <v>30194</v>
      </c>
      <c r="C7824" s="1" t="s">
        <v>15</v>
      </c>
      <c r="D7824" s="1" t="s">
        <v>30201</v>
      </c>
      <c r="E7824" s="1" t="s">
        <v>30202</v>
      </c>
      <c r="F7824" s="1" t="s">
        <v>30203</v>
      </c>
      <c r="G7824" s="1" t="s">
        <v>30198</v>
      </c>
      <c r="H7824" s="1" t="s">
        <v>30199</v>
      </c>
      <c r="I7824" s="1" t="s">
        <v>30200</v>
      </c>
      <c r="J7824" s="1" t="s">
        <v>30204</v>
      </c>
    </row>
    <row r="7825" spans="1:10" x14ac:dyDescent="0.35">
      <c r="A7825" s="1" t="s">
        <v>30193</v>
      </c>
      <c r="B7825" s="1" t="s">
        <v>30194</v>
      </c>
      <c r="C7825" s="1" t="s">
        <v>20</v>
      </c>
      <c r="D7825" s="1" t="s">
        <v>30205</v>
      </c>
      <c r="E7825" s="1" t="s">
        <v>30206</v>
      </c>
      <c r="F7825" s="1" t="s">
        <v>30207</v>
      </c>
      <c r="G7825" s="1" t="s">
        <v>30198</v>
      </c>
      <c r="H7825" s="1" t="s">
        <v>30199</v>
      </c>
      <c r="I7825" s="1" t="s">
        <v>30200</v>
      </c>
      <c r="J7825" s="1" t="s">
        <v>30208</v>
      </c>
    </row>
    <row r="7826" spans="1:10" x14ac:dyDescent="0.35">
      <c r="A7826" s="1" t="s">
        <v>30193</v>
      </c>
      <c r="B7826" s="1" t="s">
        <v>30194</v>
      </c>
      <c r="C7826" s="1" t="s">
        <v>25</v>
      </c>
      <c r="D7826" s="1" t="s">
        <v>30209</v>
      </c>
      <c r="E7826" s="1" t="s">
        <v>30210</v>
      </c>
      <c r="F7826" s="1" t="s">
        <v>30211</v>
      </c>
      <c r="G7826" s="1" t="s">
        <v>30198</v>
      </c>
      <c r="H7826" s="1" t="s">
        <v>30199</v>
      </c>
      <c r="I7826" s="1" t="s">
        <v>30200</v>
      </c>
      <c r="J7826" s="1" t="s">
        <v>30212</v>
      </c>
    </row>
    <row r="7827" spans="1:10" x14ac:dyDescent="0.35">
      <c r="A7827" s="1" t="s">
        <v>30193</v>
      </c>
      <c r="B7827" s="1" t="s">
        <v>30194</v>
      </c>
      <c r="C7827" s="1" t="s">
        <v>30</v>
      </c>
      <c r="D7827" s="1" t="s">
        <v>30213</v>
      </c>
      <c r="E7827" s="1" t="s">
        <v>30214</v>
      </c>
      <c r="F7827" s="1" t="s">
        <v>30215</v>
      </c>
      <c r="G7827" s="1" t="s">
        <v>30198</v>
      </c>
      <c r="H7827" s="1" t="s">
        <v>30199</v>
      </c>
      <c r="I7827" s="1" t="s">
        <v>30200</v>
      </c>
      <c r="J7827" s="1" t="s">
        <v>30216</v>
      </c>
    </row>
    <row r="7828" spans="1:10" x14ac:dyDescent="0.35">
      <c r="A7828" s="1" t="s">
        <v>30193</v>
      </c>
      <c r="B7828" s="1" t="s">
        <v>30194</v>
      </c>
      <c r="C7828" s="1" t="s">
        <v>35</v>
      </c>
      <c r="D7828" s="1" t="s">
        <v>30217</v>
      </c>
      <c r="E7828" s="1" t="s">
        <v>30218</v>
      </c>
      <c r="F7828" s="1" t="s">
        <v>30219</v>
      </c>
      <c r="G7828" s="1" t="s">
        <v>30198</v>
      </c>
      <c r="H7828" s="1" t="s">
        <v>30199</v>
      </c>
      <c r="I7828" s="1" t="s">
        <v>30200</v>
      </c>
      <c r="J7828" s="1" t="s">
        <v>30220</v>
      </c>
    </row>
    <row r="7829" spans="1:10" x14ac:dyDescent="0.35">
      <c r="A7829" s="1" t="s">
        <v>30193</v>
      </c>
      <c r="B7829" s="1" t="s">
        <v>30194</v>
      </c>
      <c r="C7829" s="1" t="s">
        <v>40</v>
      </c>
      <c r="D7829" s="1" t="s">
        <v>30221</v>
      </c>
      <c r="E7829" s="1" t="s">
        <v>30222</v>
      </c>
      <c r="F7829" s="1" t="s">
        <v>30223</v>
      </c>
      <c r="G7829" s="1" t="s">
        <v>30198</v>
      </c>
      <c r="H7829" s="1" t="s">
        <v>30199</v>
      </c>
      <c r="I7829" s="1" t="s">
        <v>30200</v>
      </c>
      <c r="J7829" s="1" t="s">
        <v>30224</v>
      </c>
    </row>
    <row r="7830" spans="1:10" x14ac:dyDescent="0.35">
      <c r="A7830" s="1" t="s">
        <v>30193</v>
      </c>
      <c r="B7830" s="1" t="s">
        <v>30194</v>
      </c>
      <c r="C7830" s="1" t="s">
        <v>45</v>
      </c>
      <c r="D7830" s="1" t="s">
        <v>30225</v>
      </c>
      <c r="E7830" s="1" t="s">
        <v>30226</v>
      </c>
      <c r="F7830" s="1" t="s">
        <v>30227</v>
      </c>
      <c r="G7830" s="1" t="s">
        <v>30198</v>
      </c>
      <c r="H7830" s="1" t="s">
        <v>30199</v>
      </c>
      <c r="I7830" s="1" t="s">
        <v>30200</v>
      </c>
      <c r="J7830" s="1" t="s">
        <v>30228</v>
      </c>
    </row>
    <row r="7831" spans="1:10" x14ac:dyDescent="0.35">
      <c r="A7831" s="1" t="s">
        <v>30193</v>
      </c>
      <c r="B7831" s="1" t="s">
        <v>30194</v>
      </c>
      <c r="C7831" s="1" t="s">
        <v>50</v>
      </c>
      <c r="D7831" s="1" t="s">
        <v>30229</v>
      </c>
      <c r="E7831" s="1" t="s">
        <v>30230</v>
      </c>
      <c r="F7831" s="1" t="s">
        <v>30231</v>
      </c>
      <c r="G7831" s="1" t="s">
        <v>30198</v>
      </c>
      <c r="H7831" s="1" t="s">
        <v>30199</v>
      </c>
      <c r="I7831" s="1" t="s">
        <v>30200</v>
      </c>
      <c r="J7831" s="1" t="s">
        <v>30232</v>
      </c>
    </row>
    <row r="7832" spans="1:10" x14ac:dyDescent="0.35">
      <c r="A7832" s="1" t="s">
        <v>30193</v>
      </c>
      <c r="B7832" s="1" t="s">
        <v>30194</v>
      </c>
      <c r="C7832" s="1" t="s">
        <v>55</v>
      </c>
      <c r="D7832" s="1" t="s">
        <v>30233</v>
      </c>
      <c r="E7832" s="1" t="s">
        <v>30234</v>
      </c>
      <c r="F7832" s="1" t="s">
        <v>30235</v>
      </c>
      <c r="G7832" s="1" t="s">
        <v>30198</v>
      </c>
      <c r="H7832" s="1" t="s">
        <v>30199</v>
      </c>
      <c r="I7832" s="1" t="s">
        <v>30200</v>
      </c>
      <c r="J7832" s="1" t="s">
        <v>30236</v>
      </c>
    </row>
    <row r="7833" spans="1:10" x14ac:dyDescent="0.35">
      <c r="A7833" s="1" t="s">
        <v>30193</v>
      </c>
      <c r="B7833" s="1" t="s">
        <v>30194</v>
      </c>
      <c r="C7833" s="1" t="s">
        <v>60</v>
      </c>
      <c r="D7833" s="1" t="s">
        <v>30237</v>
      </c>
      <c r="E7833" s="1" t="s">
        <v>30238</v>
      </c>
      <c r="F7833" s="1" t="s">
        <v>30239</v>
      </c>
      <c r="G7833" s="1" t="s">
        <v>30198</v>
      </c>
      <c r="H7833" s="1" t="s">
        <v>30199</v>
      </c>
      <c r="I7833" s="1" t="s">
        <v>30200</v>
      </c>
      <c r="J7833" s="1" t="s">
        <v>30240</v>
      </c>
    </row>
    <row r="7834" spans="1:10" x14ac:dyDescent="0.35">
      <c r="A7834" s="1" t="s">
        <v>30193</v>
      </c>
      <c r="B7834" s="1" t="s">
        <v>30194</v>
      </c>
      <c r="C7834" s="1" t="s">
        <v>65</v>
      </c>
      <c r="D7834" s="1" t="s">
        <v>30241</v>
      </c>
      <c r="E7834" s="1" t="s">
        <v>30242</v>
      </c>
      <c r="F7834" s="1" t="s">
        <v>30243</v>
      </c>
      <c r="G7834" s="1" t="s">
        <v>30198</v>
      </c>
      <c r="H7834" s="1" t="s">
        <v>30199</v>
      </c>
      <c r="I7834" s="1" t="s">
        <v>30200</v>
      </c>
      <c r="J7834" s="1" t="s">
        <v>30244</v>
      </c>
    </row>
    <row r="7835" spans="1:10" x14ac:dyDescent="0.35">
      <c r="A7835" s="1" t="s">
        <v>30193</v>
      </c>
      <c r="B7835" s="1" t="s">
        <v>30194</v>
      </c>
      <c r="C7835" s="1" t="s">
        <v>70</v>
      </c>
      <c r="D7835" s="1" t="s">
        <v>30245</v>
      </c>
      <c r="E7835" s="1" t="s">
        <v>30246</v>
      </c>
      <c r="F7835" s="1" t="s">
        <v>30247</v>
      </c>
      <c r="G7835" s="1" t="s">
        <v>30198</v>
      </c>
      <c r="H7835" s="1" t="s">
        <v>30199</v>
      </c>
      <c r="I7835" s="1" t="s">
        <v>30200</v>
      </c>
      <c r="J7835" s="1" t="s">
        <v>30248</v>
      </c>
    </row>
    <row r="7836" spans="1:10" x14ac:dyDescent="0.35">
      <c r="A7836" s="1" t="s">
        <v>30193</v>
      </c>
      <c r="B7836" s="1" t="s">
        <v>30194</v>
      </c>
      <c r="C7836" s="1" t="s">
        <v>75</v>
      </c>
      <c r="D7836" s="1" t="s">
        <v>30249</v>
      </c>
      <c r="E7836" s="1" t="s">
        <v>30250</v>
      </c>
      <c r="F7836" s="1" t="s">
        <v>30251</v>
      </c>
      <c r="G7836" s="1" t="s">
        <v>30198</v>
      </c>
      <c r="H7836" s="1" t="s">
        <v>30199</v>
      </c>
      <c r="I7836" s="1" t="s">
        <v>30200</v>
      </c>
      <c r="J7836" s="1" t="s">
        <v>30252</v>
      </c>
    </row>
    <row r="7837" spans="1:10" x14ac:dyDescent="0.35">
      <c r="A7837" s="1" t="s">
        <v>30193</v>
      </c>
      <c r="B7837" s="1" t="s">
        <v>30194</v>
      </c>
      <c r="C7837" s="1" t="s">
        <v>80</v>
      </c>
      <c r="D7837" s="1" t="s">
        <v>30253</v>
      </c>
      <c r="E7837" s="1" t="s">
        <v>30254</v>
      </c>
      <c r="F7837" s="1" t="s">
        <v>30255</v>
      </c>
      <c r="G7837" s="1" t="s">
        <v>30198</v>
      </c>
      <c r="H7837" s="1" t="s">
        <v>30199</v>
      </c>
      <c r="I7837" s="1" t="s">
        <v>30200</v>
      </c>
      <c r="J7837" s="1" t="s">
        <v>30256</v>
      </c>
    </row>
    <row r="7838" spans="1:10" x14ac:dyDescent="0.35">
      <c r="A7838" s="1" t="s">
        <v>30193</v>
      </c>
      <c r="B7838" s="1" t="s">
        <v>30194</v>
      </c>
      <c r="C7838" s="1" t="s">
        <v>85</v>
      </c>
      <c r="D7838" s="1" t="s">
        <v>30257</v>
      </c>
      <c r="E7838" s="1" t="s">
        <v>30258</v>
      </c>
      <c r="F7838" s="1" t="s">
        <v>30259</v>
      </c>
      <c r="G7838" s="1" t="s">
        <v>30198</v>
      </c>
      <c r="H7838" s="1" t="s">
        <v>30199</v>
      </c>
      <c r="I7838" s="1" t="s">
        <v>30200</v>
      </c>
      <c r="J7838" s="1" t="s">
        <v>30260</v>
      </c>
    </row>
    <row r="7839" spans="1:10" x14ac:dyDescent="0.35">
      <c r="A7839" s="1" t="s">
        <v>30193</v>
      </c>
      <c r="B7839" s="1" t="s">
        <v>30194</v>
      </c>
      <c r="C7839" s="1" t="s">
        <v>90</v>
      </c>
      <c r="D7839" s="1" t="s">
        <v>30261</v>
      </c>
      <c r="E7839" s="1" t="s">
        <v>30262</v>
      </c>
      <c r="F7839" s="1" t="s">
        <v>30263</v>
      </c>
      <c r="G7839" s="1" t="s">
        <v>30198</v>
      </c>
      <c r="H7839" s="1" t="s">
        <v>30199</v>
      </c>
      <c r="I7839" s="1" t="s">
        <v>30200</v>
      </c>
      <c r="J7839" s="1" t="s">
        <v>30264</v>
      </c>
    </row>
    <row r="7840" spans="1:10" x14ac:dyDescent="0.35">
      <c r="A7840" s="1" t="s">
        <v>30193</v>
      </c>
      <c r="B7840" s="1" t="s">
        <v>30194</v>
      </c>
      <c r="C7840" s="1" t="s">
        <v>95</v>
      </c>
      <c r="D7840" s="1" t="s">
        <v>30265</v>
      </c>
      <c r="E7840" s="1" t="s">
        <v>30266</v>
      </c>
      <c r="F7840" s="1" t="s">
        <v>30267</v>
      </c>
      <c r="G7840" s="1" t="s">
        <v>30198</v>
      </c>
      <c r="H7840" s="1" t="s">
        <v>30199</v>
      </c>
      <c r="I7840" s="1" t="s">
        <v>30200</v>
      </c>
      <c r="J7840" s="1" t="s">
        <v>30268</v>
      </c>
    </row>
    <row r="7841" spans="1:10" x14ac:dyDescent="0.35">
      <c r="A7841" s="1" t="s">
        <v>30193</v>
      </c>
      <c r="B7841" s="1" t="s">
        <v>30194</v>
      </c>
      <c r="C7841" s="1" t="s">
        <v>100</v>
      </c>
      <c r="D7841" s="1" t="s">
        <v>30269</v>
      </c>
      <c r="E7841" s="1" t="s">
        <v>30270</v>
      </c>
      <c r="F7841" s="1" t="s">
        <v>30271</v>
      </c>
      <c r="G7841" s="1" t="s">
        <v>30198</v>
      </c>
      <c r="H7841" s="1" t="s">
        <v>30199</v>
      </c>
      <c r="I7841" s="1" t="s">
        <v>30200</v>
      </c>
      <c r="J7841" s="1" t="s">
        <v>30272</v>
      </c>
    </row>
    <row r="7842" spans="1:10" x14ac:dyDescent="0.35">
      <c r="A7842" s="1" t="s">
        <v>30193</v>
      </c>
      <c r="B7842" s="1" t="s">
        <v>30194</v>
      </c>
      <c r="C7842" s="1" t="s">
        <v>105</v>
      </c>
      <c r="D7842" s="1" t="s">
        <v>30273</v>
      </c>
      <c r="E7842" s="1" t="s">
        <v>30274</v>
      </c>
      <c r="F7842" s="1" t="s">
        <v>30275</v>
      </c>
      <c r="G7842" s="1" t="s">
        <v>30198</v>
      </c>
      <c r="H7842" s="1" t="s">
        <v>30199</v>
      </c>
      <c r="I7842" s="1" t="s">
        <v>30200</v>
      </c>
      <c r="J7842" s="1" t="s">
        <v>30276</v>
      </c>
    </row>
    <row r="7843" spans="1:10" x14ac:dyDescent="0.35">
      <c r="A7843" s="1" t="s">
        <v>30193</v>
      </c>
      <c r="B7843" s="1" t="s">
        <v>30194</v>
      </c>
      <c r="C7843" s="1" t="s">
        <v>110</v>
      </c>
      <c r="D7843" s="1" t="s">
        <v>30277</v>
      </c>
      <c r="E7843" s="1" t="s">
        <v>30278</v>
      </c>
      <c r="F7843" s="1" t="s">
        <v>30279</v>
      </c>
      <c r="G7843" s="1" t="s">
        <v>30198</v>
      </c>
      <c r="H7843" s="1" t="s">
        <v>30199</v>
      </c>
      <c r="I7843" s="1" t="s">
        <v>30200</v>
      </c>
      <c r="J7843" s="1" t="s">
        <v>30280</v>
      </c>
    </row>
    <row r="7844" spans="1:10" x14ac:dyDescent="0.35">
      <c r="A7844" s="1" t="s">
        <v>30193</v>
      </c>
      <c r="B7844" s="1" t="s">
        <v>30194</v>
      </c>
      <c r="C7844" s="1" t="s">
        <v>115</v>
      </c>
      <c r="D7844" s="1" t="s">
        <v>18259</v>
      </c>
      <c r="E7844" s="1" t="s">
        <v>30281</v>
      </c>
      <c r="F7844" s="1" t="s">
        <v>30282</v>
      </c>
      <c r="G7844" s="1" t="s">
        <v>30198</v>
      </c>
      <c r="H7844" s="1" t="s">
        <v>30199</v>
      </c>
      <c r="I7844" s="1" t="s">
        <v>30200</v>
      </c>
      <c r="J7844" s="1" t="s">
        <v>30283</v>
      </c>
    </row>
    <row r="7845" spans="1:10" x14ac:dyDescent="0.35">
      <c r="A7845" s="1" t="s">
        <v>30193</v>
      </c>
      <c r="B7845" s="1" t="s">
        <v>30194</v>
      </c>
      <c r="C7845" s="1" t="s">
        <v>120</v>
      </c>
      <c r="D7845" s="1" t="s">
        <v>2457</v>
      </c>
      <c r="E7845" s="1" t="s">
        <v>30284</v>
      </c>
      <c r="F7845" s="1" t="s">
        <v>30285</v>
      </c>
      <c r="G7845" s="1" t="s">
        <v>30198</v>
      </c>
      <c r="H7845" s="1" t="s">
        <v>30199</v>
      </c>
      <c r="I7845" s="1" t="s">
        <v>30200</v>
      </c>
      <c r="J7845" s="1" t="s">
        <v>30286</v>
      </c>
    </row>
    <row r="7846" spans="1:10" x14ac:dyDescent="0.35">
      <c r="A7846" s="1" t="s">
        <v>30193</v>
      </c>
      <c r="B7846" s="1" t="s">
        <v>30194</v>
      </c>
      <c r="C7846" s="1" t="s">
        <v>125</v>
      </c>
      <c r="D7846" s="1" t="s">
        <v>30287</v>
      </c>
      <c r="E7846" s="1" t="s">
        <v>30288</v>
      </c>
      <c r="F7846" s="1" t="s">
        <v>30289</v>
      </c>
      <c r="G7846" s="1" t="s">
        <v>30198</v>
      </c>
      <c r="H7846" s="1" t="s">
        <v>30199</v>
      </c>
      <c r="I7846" s="1" t="s">
        <v>30200</v>
      </c>
      <c r="J7846" s="1" t="s">
        <v>30290</v>
      </c>
    </row>
    <row r="7847" spans="1:10" x14ac:dyDescent="0.35">
      <c r="A7847" s="1" t="s">
        <v>30193</v>
      </c>
      <c r="B7847" s="1" t="s">
        <v>30194</v>
      </c>
      <c r="C7847" s="1" t="s">
        <v>130</v>
      </c>
      <c r="D7847" s="1" t="s">
        <v>12769</v>
      </c>
      <c r="E7847" s="1" t="s">
        <v>30291</v>
      </c>
      <c r="F7847" s="1" t="s">
        <v>30292</v>
      </c>
      <c r="G7847" s="1" t="s">
        <v>30198</v>
      </c>
      <c r="H7847" s="1" t="s">
        <v>30199</v>
      </c>
      <c r="I7847" s="1" t="s">
        <v>30200</v>
      </c>
      <c r="J7847" s="1" t="s">
        <v>30293</v>
      </c>
    </row>
    <row r="7848" spans="1:10" x14ac:dyDescent="0.35">
      <c r="A7848" s="1" t="s">
        <v>30193</v>
      </c>
      <c r="B7848" s="1" t="s">
        <v>30194</v>
      </c>
      <c r="C7848" s="1" t="s">
        <v>135</v>
      </c>
      <c r="D7848" s="1" t="s">
        <v>30294</v>
      </c>
      <c r="E7848" s="1" t="s">
        <v>30295</v>
      </c>
      <c r="F7848" s="1" t="s">
        <v>30296</v>
      </c>
      <c r="G7848" s="1" t="s">
        <v>30198</v>
      </c>
      <c r="H7848" s="1" t="s">
        <v>30199</v>
      </c>
      <c r="I7848" s="1" t="s">
        <v>30200</v>
      </c>
      <c r="J7848" s="1" t="s">
        <v>30297</v>
      </c>
    </row>
    <row r="7849" spans="1:10" x14ac:dyDescent="0.35">
      <c r="A7849" s="1" t="s">
        <v>30193</v>
      </c>
      <c r="B7849" s="1" t="s">
        <v>30194</v>
      </c>
      <c r="C7849" s="1" t="s">
        <v>140</v>
      </c>
      <c r="D7849" s="1" t="s">
        <v>30298</v>
      </c>
      <c r="E7849" s="1" t="s">
        <v>30299</v>
      </c>
      <c r="F7849" s="1" t="s">
        <v>30300</v>
      </c>
      <c r="G7849" s="1" t="s">
        <v>30198</v>
      </c>
      <c r="H7849" s="1" t="s">
        <v>30199</v>
      </c>
      <c r="I7849" s="1" t="s">
        <v>30200</v>
      </c>
      <c r="J7849" s="1" t="s">
        <v>30301</v>
      </c>
    </row>
    <row r="7850" spans="1:10" x14ac:dyDescent="0.35">
      <c r="A7850" s="1" t="s">
        <v>30193</v>
      </c>
      <c r="B7850" s="1" t="s">
        <v>30194</v>
      </c>
      <c r="C7850" s="1" t="s">
        <v>145</v>
      </c>
      <c r="D7850" s="1" t="s">
        <v>30302</v>
      </c>
      <c r="E7850" s="1" t="s">
        <v>30303</v>
      </c>
      <c r="F7850" s="1" t="s">
        <v>30304</v>
      </c>
      <c r="G7850" s="1" t="s">
        <v>30198</v>
      </c>
      <c r="H7850" s="1" t="s">
        <v>30199</v>
      </c>
      <c r="I7850" s="1" t="s">
        <v>30200</v>
      </c>
      <c r="J7850" s="1" t="s">
        <v>30305</v>
      </c>
    </row>
    <row r="7851" spans="1:10" x14ac:dyDescent="0.35">
      <c r="A7851" s="1" t="s">
        <v>30193</v>
      </c>
      <c r="B7851" s="1" t="s">
        <v>30194</v>
      </c>
      <c r="C7851" s="1" t="s">
        <v>150</v>
      </c>
      <c r="D7851" s="1" t="s">
        <v>30306</v>
      </c>
      <c r="E7851" s="1" t="s">
        <v>30307</v>
      </c>
      <c r="F7851" s="1" t="s">
        <v>30308</v>
      </c>
      <c r="G7851" s="1" t="s">
        <v>30198</v>
      </c>
      <c r="H7851" s="1" t="s">
        <v>30199</v>
      </c>
      <c r="I7851" s="1" t="s">
        <v>30200</v>
      </c>
      <c r="J7851" s="1" t="s">
        <v>30309</v>
      </c>
    </row>
    <row r="7852" spans="1:10" x14ac:dyDescent="0.35">
      <c r="A7852" s="1" t="s">
        <v>30193</v>
      </c>
      <c r="B7852" s="1" t="s">
        <v>30194</v>
      </c>
      <c r="C7852" s="1" t="s">
        <v>155</v>
      </c>
      <c r="D7852" s="1" t="s">
        <v>30310</v>
      </c>
      <c r="E7852" s="1" t="s">
        <v>30311</v>
      </c>
      <c r="F7852" s="1" t="s">
        <v>30312</v>
      </c>
      <c r="G7852" s="1" t="s">
        <v>30198</v>
      </c>
      <c r="H7852" s="1" t="s">
        <v>30199</v>
      </c>
      <c r="I7852" s="1" t="s">
        <v>30200</v>
      </c>
      <c r="J7852" s="1" t="s">
        <v>30313</v>
      </c>
    </row>
    <row r="7853" spans="1:10" x14ac:dyDescent="0.35">
      <c r="A7853" s="1" t="s">
        <v>30193</v>
      </c>
      <c r="B7853" s="1" t="s">
        <v>30194</v>
      </c>
      <c r="C7853" s="1" t="s">
        <v>160</v>
      </c>
      <c r="D7853" s="1" t="s">
        <v>30314</v>
      </c>
      <c r="E7853" s="1" t="s">
        <v>30315</v>
      </c>
      <c r="F7853" s="1" t="s">
        <v>30316</v>
      </c>
      <c r="G7853" s="1" t="s">
        <v>30198</v>
      </c>
      <c r="H7853" s="1" t="s">
        <v>30199</v>
      </c>
      <c r="I7853" s="1" t="s">
        <v>30200</v>
      </c>
      <c r="J7853" s="1" t="s">
        <v>30317</v>
      </c>
    </row>
    <row r="7854" spans="1:10" x14ac:dyDescent="0.35">
      <c r="A7854" s="1" t="s">
        <v>30193</v>
      </c>
      <c r="B7854" s="1" t="s">
        <v>30194</v>
      </c>
      <c r="C7854" s="1" t="s">
        <v>165</v>
      </c>
      <c r="D7854" s="1" t="s">
        <v>30318</v>
      </c>
      <c r="E7854" s="1" t="s">
        <v>30319</v>
      </c>
      <c r="F7854" s="1" t="s">
        <v>30320</v>
      </c>
      <c r="G7854" s="1" t="s">
        <v>30198</v>
      </c>
      <c r="H7854" s="1" t="s">
        <v>30199</v>
      </c>
      <c r="I7854" s="1" t="s">
        <v>30200</v>
      </c>
      <c r="J7854" s="1" t="s">
        <v>30321</v>
      </c>
    </row>
    <row r="7855" spans="1:10" x14ac:dyDescent="0.35">
      <c r="A7855" s="1" t="s">
        <v>30193</v>
      </c>
      <c r="B7855" s="1" t="s">
        <v>30194</v>
      </c>
      <c r="C7855" s="1" t="s">
        <v>170</v>
      </c>
      <c r="D7855" s="1" t="s">
        <v>30322</v>
      </c>
      <c r="E7855" s="1" t="s">
        <v>30323</v>
      </c>
      <c r="F7855" s="1" t="s">
        <v>30324</v>
      </c>
      <c r="G7855" s="1" t="s">
        <v>30198</v>
      </c>
      <c r="H7855" s="1" t="s">
        <v>30199</v>
      </c>
      <c r="I7855" s="1" t="s">
        <v>30200</v>
      </c>
      <c r="J7855" s="1" t="s">
        <v>30325</v>
      </c>
    </row>
    <row r="7856" spans="1:10" x14ac:dyDescent="0.35">
      <c r="A7856" s="1" t="s">
        <v>30326</v>
      </c>
      <c r="B7856" s="1" t="s">
        <v>30194</v>
      </c>
      <c r="C7856" s="1" t="s">
        <v>8</v>
      </c>
      <c r="D7856" s="1" t="s">
        <v>30327</v>
      </c>
      <c r="E7856" s="1" t="s">
        <v>30328</v>
      </c>
      <c r="F7856" s="1" t="s">
        <v>30329</v>
      </c>
      <c r="G7856" s="1" t="s">
        <v>30330</v>
      </c>
      <c r="H7856" s="1" t="s">
        <v>30331</v>
      </c>
      <c r="I7856" s="1" t="s">
        <v>30200</v>
      </c>
      <c r="J7856" s="1" t="s">
        <v>13</v>
      </c>
    </row>
    <row r="7857" spans="1:10" x14ac:dyDescent="0.35">
      <c r="A7857" s="1" t="s">
        <v>30326</v>
      </c>
      <c r="B7857" s="1" t="s">
        <v>30194</v>
      </c>
      <c r="C7857" s="1" t="s">
        <v>15</v>
      </c>
      <c r="D7857" s="1" t="s">
        <v>30332</v>
      </c>
      <c r="E7857" s="1" t="s">
        <v>30333</v>
      </c>
      <c r="F7857" s="1" t="s">
        <v>30334</v>
      </c>
      <c r="G7857" s="1" t="s">
        <v>30330</v>
      </c>
      <c r="H7857" s="1" t="s">
        <v>30331</v>
      </c>
      <c r="I7857" s="1" t="s">
        <v>30200</v>
      </c>
      <c r="J7857" s="1" t="s">
        <v>30335</v>
      </c>
    </row>
    <row r="7858" spans="1:10" x14ac:dyDescent="0.35">
      <c r="A7858" s="1" t="s">
        <v>30326</v>
      </c>
      <c r="B7858" s="1" t="s">
        <v>30194</v>
      </c>
      <c r="C7858" s="1" t="s">
        <v>20</v>
      </c>
      <c r="D7858" s="1" t="s">
        <v>30336</v>
      </c>
      <c r="E7858" s="1" t="s">
        <v>30337</v>
      </c>
      <c r="F7858" s="1" t="s">
        <v>30338</v>
      </c>
      <c r="G7858" s="1" t="s">
        <v>30330</v>
      </c>
      <c r="H7858" s="1" t="s">
        <v>30331</v>
      </c>
      <c r="I7858" s="1" t="s">
        <v>30200</v>
      </c>
      <c r="J7858" s="1" t="s">
        <v>30339</v>
      </c>
    </row>
    <row r="7859" spans="1:10" x14ac:dyDescent="0.35">
      <c r="A7859" s="1" t="s">
        <v>30326</v>
      </c>
      <c r="B7859" s="1" t="s">
        <v>30194</v>
      </c>
      <c r="C7859" s="1" t="s">
        <v>25</v>
      </c>
      <c r="D7859" s="1" t="s">
        <v>30340</v>
      </c>
      <c r="E7859" s="1" t="s">
        <v>30341</v>
      </c>
      <c r="F7859" s="1" t="s">
        <v>30342</v>
      </c>
      <c r="G7859" s="1" t="s">
        <v>30330</v>
      </c>
      <c r="H7859" s="1" t="s">
        <v>30331</v>
      </c>
      <c r="I7859" s="1" t="s">
        <v>30200</v>
      </c>
      <c r="J7859" s="1" t="s">
        <v>30343</v>
      </c>
    </row>
    <row r="7860" spans="1:10" x14ac:dyDescent="0.35">
      <c r="A7860" s="1" t="s">
        <v>30326</v>
      </c>
      <c r="B7860" s="1" t="s">
        <v>30194</v>
      </c>
      <c r="C7860" s="1" t="s">
        <v>30</v>
      </c>
      <c r="D7860" s="1" t="s">
        <v>30344</v>
      </c>
      <c r="E7860" s="1" t="s">
        <v>30345</v>
      </c>
      <c r="F7860" s="1" t="s">
        <v>30346</v>
      </c>
      <c r="G7860" s="1" t="s">
        <v>30330</v>
      </c>
      <c r="H7860" s="1" t="s">
        <v>30331</v>
      </c>
      <c r="I7860" s="1" t="s">
        <v>30200</v>
      </c>
      <c r="J7860" s="1" t="s">
        <v>30347</v>
      </c>
    </row>
    <row r="7861" spans="1:10" x14ac:dyDescent="0.35">
      <c r="A7861" s="1" t="s">
        <v>30326</v>
      </c>
      <c r="B7861" s="1" t="s">
        <v>30194</v>
      </c>
      <c r="C7861" s="1" t="s">
        <v>35</v>
      </c>
      <c r="D7861" s="1" t="s">
        <v>30348</v>
      </c>
      <c r="E7861" s="1" t="s">
        <v>30349</v>
      </c>
      <c r="F7861" s="1" t="s">
        <v>30350</v>
      </c>
      <c r="G7861" s="1" t="s">
        <v>30330</v>
      </c>
      <c r="H7861" s="1" t="s">
        <v>30331</v>
      </c>
      <c r="I7861" s="1" t="s">
        <v>30200</v>
      </c>
      <c r="J7861" s="1" t="s">
        <v>30351</v>
      </c>
    </row>
    <row r="7862" spans="1:10" x14ac:dyDescent="0.35">
      <c r="A7862" s="1" t="s">
        <v>30326</v>
      </c>
      <c r="B7862" s="1" t="s">
        <v>30194</v>
      </c>
      <c r="C7862" s="1" t="s">
        <v>40</v>
      </c>
      <c r="D7862" s="1" t="s">
        <v>30352</v>
      </c>
      <c r="E7862" s="1" t="s">
        <v>30353</v>
      </c>
      <c r="F7862" s="1" t="s">
        <v>30354</v>
      </c>
      <c r="G7862" s="1" t="s">
        <v>30330</v>
      </c>
      <c r="H7862" s="1" t="s">
        <v>30331</v>
      </c>
      <c r="I7862" s="1" t="s">
        <v>30200</v>
      </c>
      <c r="J7862" s="1" t="s">
        <v>30355</v>
      </c>
    </row>
    <row r="7863" spans="1:10" x14ac:dyDescent="0.35">
      <c r="A7863" s="1" t="s">
        <v>30326</v>
      </c>
      <c r="B7863" s="1" t="s">
        <v>30194</v>
      </c>
      <c r="C7863" s="1" t="s">
        <v>45</v>
      </c>
      <c r="D7863" s="1" t="s">
        <v>30356</v>
      </c>
      <c r="E7863" s="1" t="s">
        <v>30357</v>
      </c>
      <c r="F7863" s="1" t="s">
        <v>30358</v>
      </c>
      <c r="G7863" s="1" t="s">
        <v>30330</v>
      </c>
      <c r="H7863" s="1" t="s">
        <v>30331</v>
      </c>
      <c r="I7863" s="1" t="s">
        <v>30200</v>
      </c>
      <c r="J7863" s="1" t="s">
        <v>30359</v>
      </c>
    </row>
    <row r="7864" spans="1:10" x14ac:dyDescent="0.35">
      <c r="A7864" s="1" t="s">
        <v>30326</v>
      </c>
      <c r="B7864" s="1" t="s">
        <v>30194</v>
      </c>
      <c r="C7864" s="1" t="s">
        <v>50</v>
      </c>
      <c r="D7864" s="1" t="s">
        <v>30360</v>
      </c>
      <c r="E7864" s="1" t="s">
        <v>30361</v>
      </c>
      <c r="F7864" s="1" t="s">
        <v>30362</v>
      </c>
      <c r="G7864" s="1" t="s">
        <v>30330</v>
      </c>
      <c r="H7864" s="1" t="s">
        <v>30331</v>
      </c>
      <c r="I7864" s="1" t="s">
        <v>30200</v>
      </c>
      <c r="J7864" s="1" t="s">
        <v>30363</v>
      </c>
    </row>
    <row r="7865" spans="1:10" x14ac:dyDescent="0.35">
      <c r="A7865" s="1" t="s">
        <v>30326</v>
      </c>
      <c r="B7865" s="1" t="s">
        <v>30194</v>
      </c>
      <c r="C7865" s="1" t="s">
        <v>55</v>
      </c>
      <c r="D7865" s="1" t="s">
        <v>30364</v>
      </c>
      <c r="E7865" s="1" t="s">
        <v>30365</v>
      </c>
      <c r="F7865" s="1" t="s">
        <v>30366</v>
      </c>
      <c r="G7865" s="1" t="s">
        <v>30330</v>
      </c>
      <c r="H7865" s="1" t="s">
        <v>30331</v>
      </c>
      <c r="I7865" s="1" t="s">
        <v>30200</v>
      </c>
      <c r="J7865" s="1" t="s">
        <v>30367</v>
      </c>
    </row>
    <row r="7866" spans="1:10" x14ac:dyDescent="0.35">
      <c r="A7866" s="1" t="s">
        <v>30326</v>
      </c>
      <c r="B7866" s="1" t="s">
        <v>30194</v>
      </c>
      <c r="C7866" s="1" t="s">
        <v>60</v>
      </c>
      <c r="D7866" s="1" t="s">
        <v>30368</v>
      </c>
      <c r="E7866" s="1" t="s">
        <v>30369</v>
      </c>
      <c r="F7866" s="1" t="s">
        <v>30370</v>
      </c>
      <c r="G7866" s="1" t="s">
        <v>30330</v>
      </c>
      <c r="H7866" s="1" t="s">
        <v>30331</v>
      </c>
      <c r="I7866" s="1" t="s">
        <v>30200</v>
      </c>
      <c r="J7866" s="1" t="s">
        <v>30371</v>
      </c>
    </row>
    <row r="7867" spans="1:10" x14ac:dyDescent="0.35">
      <c r="A7867" s="1" t="s">
        <v>30326</v>
      </c>
      <c r="B7867" s="1" t="s">
        <v>30194</v>
      </c>
      <c r="C7867" s="1" t="s">
        <v>65</v>
      </c>
      <c r="D7867" s="1" t="s">
        <v>30372</v>
      </c>
      <c r="E7867" s="1" t="s">
        <v>30373</v>
      </c>
      <c r="F7867" s="1" t="s">
        <v>30374</v>
      </c>
      <c r="G7867" s="1" t="s">
        <v>30330</v>
      </c>
      <c r="H7867" s="1" t="s">
        <v>30331</v>
      </c>
      <c r="I7867" s="1" t="s">
        <v>30200</v>
      </c>
      <c r="J7867" s="1" t="s">
        <v>30375</v>
      </c>
    </row>
    <row r="7868" spans="1:10" x14ac:dyDescent="0.35">
      <c r="A7868" s="1" t="s">
        <v>30326</v>
      </c>
      <c r="B7868" s="1" t="s">
        <v>30194</v>
      </c>
      <c r="C7868" s="1" t="s">
        <v>70</v>
      </c>
      <c r="D7868" s="1" t="s">
        <v>30376</v>
      </c>
      <c r="E7868" s="1" t="s">
        <v>30377</v>
      </c>
      <c r="F7868" s="1" t="s">
        <v>30378</v>
      </c>
      <c r="G7868" s="1" t="s">
        <v>30330</v>
      </c>
      <c r="H7868" s="1" t="s">
        <v>30331</v>
      </c>
      <c r="I7868" s="1" t="s">
        <v>30200</v>
      </c>
      <c r="J7868" s="1" t="s">
        <v>30379</v>
      </c>
    </row>
    <row r="7869" spans="1:10" x14ac:dyDescent="0.35">
      <c r="A7869" s="1" t="s">
        <v>30326</v>
      </c>
      <c r="B7869" s="1" t="s">
        <v>30194</v>
      </c>
      <c r="C7869" s="1" t="s">
        <v>75</v>
      </c>
      <c r="D7869" s="1" t="s">
        <v>30380</v>
      </c>
      <c r="E7869" s="1" t="s">
        <v>30381</v>
      </c>
      <c r="F7869" s="1" t="s">
        <v>30382</v>
      </c>
      <c r="G7869" s="1" t="s">
        <v>30330</v>
      </c>
      <c r="H7869" s="1" t="s">
        <v>30331</v>
      </c>
      <c r="I7869" s="1" t="s">
        <v>30200</v>
      </c>
      <c r="J7869" s="1" t="s">
        <v>30383</v>
      </c>
    </row>
    <row r="7870" spans="1:10" x14ac:dyDescent="0.35">
      <c r="A7870" s="1" t="s">
        <v>30326</v>
      </c>
      <c r="B7870" s="1" t="s">
        <v>30194</v>
      </c>
      <c r="C7870" s="1" t="s">
        <v>80</v>
      </c>
      <c r="D7870" s="1" t="s">
        <v>30384</v>
      </c>
      <c r="E7870" s="1" t="s">
        <v>30385</v>
      </c>
      <c r="F7870" s="1" t="s">
        <v>30386</v>
      </c>
      <c r="G7870" s="1" t="s">
        <v>30330</v>
      </c>
      <c r="H7870" s="1" t="s">
        <v>30331</v>
      </c>
      <c r="I7870" s="1" t="s">
        <v>30200</v>
      </c>
      <c r="J7870" s="1" t="s">
        <v>30387</v>
      </c>
    </row>
    <row r="7871" spans="1:10" x14ac:dyDescent="0.35">
      <c r="A7871" s="1" t="s">
        <v>30326</v>
      </c>
      <c r="B7871" s="1" t="s">
        <v>30194</v>
      </c>
      <c r="C7871" s="1" t="s">
        <v>85</v>
      </c>
      <c r="D7871" s="1" t="s">
        <v>30388</v>
      </c>
      <c r="E7871" s="1" t="s">
        <v>30389</v>
      </c>
      <c r="F7871" s="1" t="s">
        <v>30390</v>
      </c>
      <c r="G7871" s="1" t="s">
        <v>30330</v>
      </c>
      <c r="H7871" s="1" t="s">
        <v>30331</v>
      </c>
      <c r="I7871" s="1" t="s">
        <v>30200</v>
      </c>
      <c r="J7871" s="1" t="s">
        <v>30391</v>
      </c>
    </row>
    <row r="7872" spans="1:10" x14ac:dyDescent="0.35">
      <c r="A7872" s="1" t="s">
        <v>30326</v>
      </c>
      <c r="B7872" s="1" t="s">
        <v>30194</v>
      </c>
      <c r="C7872" s="1" t="s">
        <v>90</v>
      </c>
      <c r="D7872" s="1" t="s">
        <v>30392</v>
      </c>
      <c r="E7872" s="1" t="s">
        <v>30393</v>
      </c>
      <c r="F7872" s="1" t="s">
        <v>30394</v>
      </c>
      <c r="G7872" s="1" t="s">
        <v>30330</v>
      </c>
      <c r="H7872" s="1" t="s">
        <v>30331</v>
      </c>
      <c r="I7872" s="1" t="s">
        <v>30200</v>
      </c>
      <c r="J7872" s="1" t="s">
        <v>30395</v>
      </c>
    </row>
    <row r="7873" spans="1:10" x14ac:dyDescent="0.35">
      <c r="A7873" s="1" t="s">
        <v>30326</v>
      </c>
      <c r="B7873" s="1" t="s">
        <v>30194</v>
      </c>
      <c r="C7873" s="1" t="s">
        <v>95</v>
      </c>
      <c r="D7873" s="1" t="s">
        <v>16865</v>
      </c>
      <c r="E7873" s="1" t="s">
        <v>30396</v>
      </c>
      <c r="F7873" s="1" t="s">
        <v>30397</v>
      </c>
      <c r="G7873" s="1" t="s">
        <v>30330</v>
      </c>
      <c r="H7873" s="1" t="s">
        <v>30331</v>
      </c>
      <c r="I7873" s="1" t="s">
        <v>30200</v>
      </c>
      <c r="J7873" s="1" t="s">
        <v>30398</v>
      </c>
    </row>
    <row r="7874" spans="1:10" x14ac:dyDescent="0.35">
      <c r="A7874" s="1" t="s">
        <v>30326</v>
      </c>
      <c r="B7874" s="1" t="s">
        <v>30194</v>
      </c>
      <c r="C7874" s="1" t="s">
        <v>100</v>
      </c>
      <c r="D7874" s="1" t="s">
        <v>30399</v>
      </c>
      <c r="E7874" s="1" t="s">
        <v>30400</v>
      </c>
      <c r="F7874" s="1" t="s">
        <v>30401</v>
      </c>
      <c r="G7874" s="1" t="s">
        <v>30330</v>
      </c>
      <c r="H7874" s="1" t="s">
        <v>30331</v>
      </c>
      <c r="I7874" s="1" t="s">
        <v>30200</v>
      </c>
      <c r="J7874" s="1" t="s">
        <v>30402</v>
      </c>
    </row>
    <row r="7875" spans="1:10" x14ac:dyDescent="0.35">
      <c r="A7875" s="1" t="s">
        <v>30326</v>
      </c>
      <c r="B7875" s="1" t="s">
        <v>30194</v>
      </c>
      <c r="C7875" s="1" t="s">
        <v>105</v>
      </c>
      <c r="D7875" s="1" t="s">
        <v>30403</v>
      </c>
      <c r="E7875" s="1" t="s">
        <v>30404</v>
      </c>
      <c r="F7875" s="1" t="s">
        <v>30405</v>
      </c>
      <c r="G7875" s="1" t="s">
        <v>30330</v>
      </c>
      <c r="H7875" s="1" t="s">
        <v>30331</v>
      </c>
      <c r="I7875" s="1" t="s">
        <v>30200</v>
      </c>
      <c r="J7875" s="1" t="s">
        <v>30406</v>
      </c>
    </row>
    <row r="7876" spans="1:10" x14ac:dyDescent="0.35">
      <c r="A7876" s="1" t="s">
        <v>30326</v>
      </c>
      <c r="B7876" s="1" t="s">
        <v>30194</v>
      </c>
      <c r="C7876" s="1" t="s">
        <v>110</v>
      </c>
      <c r="D7876" s="1" t="s">
        <v>30407</v>
      </c>
      <c r="E7876" s="1" t="s">
        <v>30408</v>
      </c>
      <c r="F7876" s="1" t="s">
        <v>30409</v>
      </c>
      <c r="G7876" s="1" t="s">
        <v>30330</v>
      </c>
      <c r="H7876" s="1" t="s">
        <v>30331</v>
      </c>
      <c r="I7876" s="1" t="s">
        <v>30200</v>
      </c>
      <c r="J7876" s="1" t="s">
        <v>30410</v>
      </c>
    </row>
    <row r="7877" spans="1:10" x14ac:dyDescent="0.35">
      <c r="A7877" s="1" t="s">
        <v>30326</v>
      </c>
      <c r="B7877" s="1" t="s">
        <v>30194</v>
      </c>
      <c r="C7877" s="1" t="s">
        <v>115</v>
      </c>
      <c r="D7877" s="1" t="s">
        <v>30411</v>
      </c>
      <c r="E7877" s="1" t="s">
        <v>30412</v>
      </c>
      <c r="F7877" s="1" t="s">
        <v>30413</v>
      </c>
      <c r="G7877" s="1" t="s">
        <v>30330</v>
      </c>
      <c r="H7877" s="1" t="s">
        <v>30331</v>
      </c>
      <c r="I7877" s="1" t="s">
        <v>30200</v>
      </c>
      <c r="J7877" s="1" t="s">
        <v>30414</v>
      </c>
    </row>
    <row r="7878" spans="1:10" x14ac:dyDescent="0.35">
      <c r="A7878" s="1" t="s">
        <v>30326</v>
      </c>
      <c r="B7878" s="1" t="s">
        <v>30194</v>
      </c>
      <c r="C7878" s="1" t="s">
        <v>120</v>
      </c>
      <c r="D7878" s="1" t="s">
        <v>30415</v>
      </c>
      <c r="E7878" s="1" t="s">
        <v>30416</v>
      </c>
      <c r="F7878" s="1" t="s">
        <v>30417</v>
      </c>
      <c r="G7878" s="1" t="s">
        <v>30330</v>
      </c>
      <c r="H7878" s="1" t="s">
        <v>30331</v>
      </c>
      <c r="I7878" s="1" t="s">
        <v>30200</v>
      </c>
      <c r="J7878" s="1" t="s">
        <v>30418</v>
      </c>
    </row>
    <row r="7879" spans="1:10" x14ac:dyDescent="0.35">
      <c r="A7879" s="1" t="s">
        <v>30326</v>
      </c>
      <c r="B7879" s="1" t="s">
        <v>30194</v>
      </c>
      <c r="C7879" s="1" t="s">
        <v>125</v>
      </c>
      <c r="D7879" s="1" t="s">
        <v>30419</v>
      </c>
      <c r="E7879" s="1" t="s">
        <v>30420</v>
      </c>
      <c r="F7879" s="1" t="s">
        <v>30421</v>
      </c>
      <c r="G7879" s="1" t="s">
        <v>30330</v>
      </c>
      <c r="H7879" s="1" t="s">
        <v>30331</v>
      </c>
      <c r="I7879" s="1" t="s">
        <v>30200</v>
      </c>
      <c r="J7879" s="1" t="s">
        <v>30422</v>
      </c>
    </row>
    <row r="7880" spans="1:10" x14ac:dyDescent="0.35">
      <c r="A7880" s="1" t="s">
        <v>30326</v>
      </c>
      <c r="B7880" s="1" t="s">
        <v>30194</v>
      </c>
      <c r="C7880" s="1" t="s">
        <v>130</v>
      </c>
      <c r="D7880" s="1" t="s">
        <v>30423</v>
      </c>
      <c r="E7880" s="1" t="s">
        <v>30424</v>
      </c>
      <c r="F7880" s="1" t="s">
        <v>30425</v>
      </c>
      <c r="G7880" s="1" t="s">
        <v>30330</v>
      </c>
      <c r="H7880" s="1" t="s">
        <v>30331</v>
      </c>
      <c r="I7880" s="1" t="s">
        <v>30200</v>
      </c>
      <c r="J7880" s="1" t="s">
        <v>30426</v>
      </c>
    </row>
    <row r="7881" spans="1:10" x14ac:dyDescent="0.35">
      <c r="A7881" s="1" t="s">
        <v>30326</v>
      </c>
      <c r="B7881" s="1" t="s">
        <v>30194</v>
      </c>
      <c r="C7881" s="1" t="s">
        <v>135</v>
      </c>
      <c r="D7881" s="1" t="s">
        <v>30427</v>
      </c>
      <c r="E7881" s="1" t="s">
        <v>30428</v>
      </c>
      <c r="F7881" s="1" t="s">
        <v>30429</v>
      </c>
      <c r="G7881" s="1" t="s">
        <v>30330</v>
      </c>
      <c r="H7881" s="1" t="s">
        <v>30331</v>
      </c>
      <c r="I7881" s="1" t="s">
        <v>30200</v>
      </c>
      <c r="J7881" s="1" t="s">
        <v>30430</v>
      </c>
    </row>
    <row r="7882" spans="1:10" x14ac:dyDescent="0.35">
      <c r="A7882" s="1" t="s">
        <v>30326</v>
      </c>
      <c r="B7882" s="1" t="s">
        <v>30194</v>
      </c>
      <c r="C7882" s="1" t="s">
        <v>140</v>
      </c>
      <c r="D7882" s="1" t="s">
        <v>30431</v>
      </c>
      <c r="E7882" s="1" t="s">
        <v>30432</v>
      </c>
      <c r="F7882" s="1" t="s">
        <v>30433</v>
      </c>
      <c r="G7882" s="1" t="s">
        <v>30330</v>
      </c>
      <c r="H7882" s="1" t="s">
        <v>30331</v>
      </c>
      <c r="I7882" s="1" t="s">
        <v>30200</v>
      </c>
      <c r="J7882" s="1" t="s">
        <v>30434</v>
      </c>
    </row>
    <row r="7883" spans="1:10" x14ac:dyDescent="0.35">
      <c r="A7883" s="1" t="s">
        <v>30326</v>
      </c>
      <c r="B7883" s="1" t="s">
        <v>30194</v>
      </c>
      <c r="C7883" s="1" t="s">
        <v>145</v>
      </c>
      <c r="D7883" s="1" t="s">
        <v>30435</v>
      </c>
      <c r="E7883" s="1" t="s">
        <v>30436</v>
      </c>
      <c r="F7883" s="1" t="s">
        <v>30437</v>
      </c>
      <c r="G7883" s="1" t="s">
        <v>30330</v>
      </c>
      <c r="H7883" s="1" t="s">
        <v>30331</v>
      </c>
      <c r="I7883" s="1" t="s">
        <v>30200</v>
      </c>
      <c r="J7883" s="1" t="s">
        <v>30438</v>
      </c>
    </row>
    <row r="7884" spans="1:10" x14ac:dyDescent="0.35">
      <c r="A7884" s="1" t="s">
        <v>30326</v>
      </c>
      <c r="B7884" s="1" t="s">
        <v>30194</v>
      </c>
      <c r="C7884" s="1" t="s">
        <v>150</v>
      </c>
      <c r="D7884" s="1" t="s">
        <v>30439</v>
      </c>
      <c r="E7884" s="1" t="s">
        <v>30440</v>
      </c>
      <c r="F7884" s="1" t="s">
        <v>30441</v>
      </c>
      <c r="G7884" s="1" t="s">
        <v>30330</v>
      </c>
      <c r="H7884" s="1" t="s">
        <v>30331</v>
      </c>
      <c r="I7884" s="1" t="s">
        <v>30200</v>
      </c>
      <c r="J7884" s="1" t="s">
        <v>30442</v>
      </c>
    </row>
    <row r="7885" spans="1:10" x14ac:dyDescent="0.35">
      <c r="A7885" s="1" t="s">
        <v>30326</v>
      </c>
      <c r="B7885" s="1" t="s">
        <v>30194</v>
      </c>
      <c r="C7885" s="1" t="s">
        <v>155</v>
      </c>
      <c r="D7885" s="1" t="s">
        <v>30443</v>
      </c>
      <c r="E7885" s="1" t="s">
        <v>30444</v>
      </c>
      <c r="F7885" s="1" t="s">
        <v>30445</v>
      </c>
      <c r="G7885" s="1" t="s">
        <v>30330</v>
      </c>
      <c r="H7885" s="1" t="s">
        <v>30331</v>
      </c>
      <c r="I7885" s="1" t="s">
        <v>30200</v>
      </c>
      <c r="J7885" s="1" t="s">
        <v>30446</v>
      </c>
    </row>
    <row r="7886" spans="1:10" x14ac:dyDescent="0.35">
      <c r="A7886" s="1" t="s">
        <v>30326</v>
      </c>
      <c r="B7886" s="1" t="s">
        <v>30194</v>
      </c>
      <c r="C7886" s="1" t="s">
        <v>160</v>
      </c>
      <c r="D7886" s="1" t="s">
        <v>30447</v>
      </c>
      <c r="E7886" s="1" t="s">
        <v>30448</v>
      </c>
      <c r="F7886" s="1" t="s">
        <v>30449</v>
      </c>
      <c r="G7886" s="1" t="s">
        <v>30330</v>
      </c>
      <c r="H7886" s="1" t="s">
        <v>30331</v>
      </c>
      <c r="I7886" s="1" t="s">
        <v>30200</v>
      </c>
      <c r="J7886" s="1" t="s">
        <v>30450</v>
      </c>
    </row>
    <row r="7887" spans="1:10" x14ac:dyDescent="0.35">
      <c r="A7887" s="1" t="s">
        <v>30326</v>
      </c>
      <c r="B7887" s="1" t="s">
        <v>30194</v>
      </c>
      <c r="C7887" s="1" t="s">
        <v>165</v>
      </c>
      <c r="D7887" s="1" t="s">
        <v>30451</v>
      </c>
      <c r="E7887" s="1" t="s">
        <v>30452</v>
      </c>
      <c r="F7887" s="1" t="s">
        <v>30453</v>
      </c>
      <c r="G7887" s="1" t="s">
        <v>30330</v>
      </c>
      <c r="H7887" s="1" t="s">
        <v>30331</v>
      </c>
      <c r="I7887" s="1" t="s">
        <v>30200</v>
      </c>
      <c r="J7887" s="1" t="s">
        <v>30454</v>
      </c>
    </row>
    <row r="7888" spans="1:10" x14ac:dyDescent="0.35">
      <c r="A7888" s="1" t="s">
        <v>30326</v>
      </c>
      <c r="B7888" s="1" t="s">
        <v>30194</v>
      </c>
      <c r="C7888" s="1" t="s">
        <v>170</v>
      </c>
      <c r="D7888" s="1" t="s">
        <v>30455</v>
      </c>
      <c r="E7888" s="1" t="s">
        <v>30456</v>
      </c>
      <c r="F7888" s="1" t="s">
        <v>30457</v>
      </c>
      <c r="G7888" s="1" t="s">
        <v>30330</v>
      </c>
      <c r="H7888" s="1" t="s">
        <v>30331</v>
      </c>
      <c r="I7888" s="1" t="s">
        <v>30200</v>
      </c>
      <c r="J7888" s="1" t="s">
        <v>30458</v>
      </c>
    </row>
    <row r="7889" spans="1:10" x14ac:dyDescent="0.35">
      <c r="A7889" s="1" t="s">
        <v>30459</v>
      </c>
      <c r="B7889" s="1" t="s">
        <v>30194</v>
      </c>
      <c r="C7889" s="1" t="s">
        <v>8</v>
      </c>
      <c r="D7889" s="1" t="s">
        <v>12380</v>
      </c>
      <c r="E7889" s="1" t="s">
        <v>30460</v>
      </c>
      <c r="F7889" s="1" t="s">
        <v>30461</v>
      </c>
      <c r="G7889" s="1" t="s">
        <v>30462</v>
      </c>
      <c r="H7889" s="1" t="s">
        <v>30463</v>
      </c>
      <c r="I7889" s="1" t="s">
        <v>30200</v>
      </c>
      <c r="J7889" s="1" t="s">
        <v>13</v>
      </c>
    </row>
    <row r="7890" spans="1:10" x14ac:dyDescent="0.35">
      <c r="A7890" s="1" t="s">
        <v>30459</v>
      </c>
      <c r="B7890" s="1" t="s">
        <v>30194</v>
      </c>
      <c r="C7890" s="1" t="s">
        <v>15</v>
      </c>
      <c r="D7890" s="1" t="s">
        <v>30464</v>
      </c>
      <c r="E7890" s="1" t="s">
        <v>30465</v>
      </c>
      <c r="F7890" s="1" t="s">
        <v>30466</v>
      </c>
      <c r="G7890" s="1" t="s">
        <v>30462</v>
      </c>
      <c r="H7890" s="1" t="s">
        <v>30463</v>
      </c>
      <c r="I7890" s="1" t="s">
        <v>30200</v>
      </c>
      <c r="J7890" s="1" t="s">
        <v>30467</v>
      </c>
    </row>
    <row r="7891" spans="1:10" x14ac:dyDescent="0.35">
      <c r="A7891" s="1" t="s">
        <v>30459</v>
      </c>
      <c r="B7891" s="1" t="s">
        <v>30194</v>
      </c>
      <c r="C7891" s="1" t="s">
        <v>20</v>
      </c>
      <c r="D7891" s="1" t="s">
        <v>30468</v>
      </c>
      <c r="E7891" s="1" t="s">
        <v>30469</v>
      </c>
      <c r="F7891" s="1" t="s">
        <v>30470</v>
      </c>
      <c r="G7891" s="1" t="s">
        <v>30462</v>
      </c>
      <c r="H7891" s="1" t="s">
        <v>30463</v>
      </c>
      <c r="I7891" s="1" t="s">
        <v>30200</v>
      </c>
      <c r="J7891" s="1" t="s">
        <v>30471</v>
      </c>
    </row>
    <row r="7892" spans="1:10" x14ac:dyDescent="0.35">
      <c r="A7892" s="1" t="s">
        <v>30459</v>
      </c>
      <c r="B7892" s="1" t="s">
        <v>30194</v>
      </c>
      <c r="C7892" s="1" t="s">
        <v>25</v>
      </c>
      <c r="D7892" s="1" t="s">
        <v>30472</v>
      </c>
      <c r="E7892" s="1" t="s">
        <v>30473</v>
      </c>
      <c r="F7892" s="1" t="s">
        <v>30474</v>
      </c>
      <c r="G7892" s="1" t="s">
        <v>30462</v>
      </c>
      <c r="H7892" s="1" t="s">
        <v>30463</v>
      </c>
      <c r="I7892" s="1" t="s">
        <v>30200</v>
      </c>
      <c r="J7892" s="1" t="s">
        <v>30475</v>
      </c>
    </row>
    <row r="7893" spans="1:10" x14ac:dyDescent="0.35">
      <c r="A7893" s="1" t="s">
        <v>30459</v>
      </c>
      <c r="B7893" s="1" t="s">
        <v>30194</v>
      </c>
      <c r="C7893" s="1" t="s">
        <v>30</v>
      </c>
      <c r="D7893" s="1" t="s">
        <v>10780</v>
      </c>
      <c r="E7893" s="1" t="s">
        <v>30476</v>
      </c>
      <c r="F7893" s="1" t="s">
        <v>30477</v>
      </c>
      <c r="G7893" s="1" t="s">
        <v>30462</v>
      </c>
      <c r="H7893" s="1" t="s">
        <v>30463</v>
      </c>
      <c r="I7893" s="1" t="s">
        <v>30200</v>
      </c>
      <c r="J7893" s="1" t="s">
        <v>30478</v>
      </c>
    </row>
    <row r="7894" spans="1:10" x14ac:dyDescent="0.35">
      <c r="A7894" s="1" t="s">
        <v>30459</v>
      </c>
      <c r="B7894" s="1" t="s">
        <v>30194</v>
      </c>
      <c r="C7894" s="1" t="s">
        <v>35</v>
      </c>
      <c r="D7894" s="1" t="s">
        <v>30479</v>
      </c>
      <c r="E7894" s="1" t="s">
        <v>30480</v>
      </c>
      <c r="F7894" s="1" t="s">
        <v>30481</v>
      </c>
      <c r="G7894" s="1" t="s">
        <v>30462</v>
      </c>
      <c r="H7894" s="1" t="s">
        <v>30463</v>
      </c>
      <c r="I7894" s="1" t="s">
        <v>30200</v>
      </c>
      <c r="J7894" s="1" t="s">
        <v>30482</v>
      </c>
    </row>
    <row r="7895" spans="1:10" x14ac:dyDescent="0.35">
      <c r="A7895" s="1" t="s">
        <v>30459</v>
      </c>
      <c r="B7895" s="1" t="s">
        <v>30194</v>
      </c>
      <c r="C7895" s="1" t="s">
        <v>40</v>
      </c>
      <c r="D7895" s="1" t="s">
        <v>30483</v>
      </c>
      <c r="E7895" s="1" t="s">
        <v>30484</v>
      </c>
      <c r="F7895" s="1" t="s">
        <v>30485</v>
      </c>
      <c r="G7895" s="1" t="s">
        <v>30462</v>
      </c>
      <c r="H7895" s="1" t="s">
        <v>30463</v>
      </c>
      <c r="I7895" s="1" t="s">
        <v>30200</v>
      </c>
      <c r="J7895" s="1" t="s">
        <v>30486</v>
      </c>
    </row>
    <row r="7896" spans="1:10" x14ac:dyDescent="0.35">
      <c r="A7896" s="1" t="s">
        <v>30459</v>
      </c>
      <c r="B7896" s="1" t="s">
        <v>30194</v>
      </c>
      <c r="C7896" s="1" t="s">
        <v>45</v>
      </c>
      <c r="D7896" s="1" t="s">
        <v>30487</v>
      </c>
      <c r="E7896" s="1" t="s">
        <v>30488</v>
      </c>
      <c r="F7896" s="1" t="s">
        <v>30489</v>
      </c>
      <c r="G7896" s="1" t="s">
        <v>30462</v>
      </c>
      <c r="H7896" s="1" t="s">
        <v>30463</v>
      </c>
      <c r="I7896" s="1" t="s">
        <v>30200</v>
      </c>
      <c r="J7896" s="1" t="s">
        <v>30490</v>
      </c>
    </row>
    <row r="7897" spans="1:10" x14ac:dyDescent="0.35">
      <c r="A7897" s="1" t="s">
        <v>30459</v>
      </c>
      <c r="B7897" s="1" t="s">
        <v>30194</v>
      </c>
      <c r="C7897" s="1" t="s">
        <v>50</v>
      </c>
      <c r="D7897" s="1" t="s">
        <v>30491</v>
      </c>
      <c r="E7897" s="1" t="s">
        <v>30492</v>
      </c>
      <c r="F7897" s="1" t="s">
        <v>30493</v>
      </c>
      <c r="G7897" s="1" t="s">
        <v>30462</v>
      </c>
      <c r="H7897" s="1" t="s">
        <v>30463</v>
      </c>
      <c r="I7897" s="1" t="s">
        <v>30200</v>
      </c>
      <c r="J7897" s="1" t="s">
        <v>30494</v>
      </c>
    </row>
    <row r="7898" spans="1:10" x14ac:dyDescent="0.35">
      <c r="A7898" s="1" t="s">
        <v>30459</v>
      </c>
      <c r="B7898" s="1" t="s">
        <v>30194</v>
      </c>
      <c r="C7898" s="1" t="s">
        <v>55</v>
      </c>
      <c r="D7898" s="1" t="s">
        <v>30495</v>
      </c>
      <c r="E7898" s="1" t="s">
        <v>30496</v>
      </c>
      <c r="F7898" s="1" t="s">
        <v>30497</v>
      </c>
      <c r="G7898" s="1" t="s">
        <v>30462</v>
      </c>
      <c r="H7898" s="1" t="s">
        <v>30463</v>
      </c>
      <c r="I7898" s="1" t="s">
        <v>30200</v>
      </c>
      <c r="J7898" s="1" t="s">
        <v>30498</v>
      </c>
    </row>
    <row r="7899" spans="1:10" x14ac:dyDescent="0.35">
      <c r="A7899" s="1" t="s">
        <v>30459</v>
      </c>
      <c r="B7899" s="1" t="s">
        <v>30194</v>
      </c>
      <c r="C7899" s="1" t="s">
        <v>60</v>
      </c>
      <c r="D7899" s="1" t="s">
        <v>30499</v>
      </c>
      <c r="E7899" s="1" t="s">
        <v>30500</v>
      </c>
      <c r="F7899" s="1" t="s">
        <v>30501</v>
      </c>
      <c r="G7899" s="1" t="s">
        <v>30462</v>
      </c>
      <c r="H7899" s="1" t="s">
        <v>30463</v>
      </c>
      <c r="I7899" s="1" t="s">
        <v>30200</v>
      </c>
      <c r="J7899" s="1" t="s">
        <v>30502</v>
      </c>
    </row>
    <row r="7900" spans="1:10" x14ac:dyDescent="0.35">
      <c r="A7900" s="1" t="s">
        <v>30459</v>
      </c>
      <c r="B7900" s="1" t="s">
        <v>30194</v>
      </c>
      <c r="C7900" s="1" t="s">
        <v>65</v>
      </c>
      <c r="D7900" s="1" t="s">
        <v>30503</v>
      </c>
      <c r="E7900" s="1" t="s">
        <v>30504</v>
      </c>
      <c r="F7900" s="1" t="s">
        <v>30505</v>
      </c>
      <c r="G7900" s="1" t="s">
        <v>30462</v>
      </c>
      <c r="H7900" s="1" t="s">
        <v>30463</v>
      </c>
      <c r="I7900" s="1" t="s">
        <v>30200</v>
      </c>
      <c r="J7900" s="1" t="s">
        <v>30506</v>
      </c>
    </row>
    <row r="7901" spans="1:10" x14ac:dyDescent="0.35">
      <c r="A7901" s="1" t="s">
        <v>30459</v>
      </c>
      <c r="B7901" s="1" t="s">
        <v>30194</v>
      </c>
      <c r="C7901" s="1" t="s">
        <v>70</v>
      </c>
      <c r="D7901" s="1" t="s">
        <v>30507</v>
      </c>
      <c r="E7901" s="1" t="s">
        <v>30508</v>
      </c>
      <c r="F7901" s="1" t="s">
        <v>30509</v>
      </c>
      <c r="G7901" s="1" t="s">
        <v>30462</v>
      </c>
      <c r="H7901" s="1" t="s">
        <v>30463</v>
      </c>
      <c r="I7901" s="1" t="s">
        <v>30200</v>
      </c>
      <c r="J7901" s="1" t="s">
        <v>30510</v>
      </c>
    </row>
    <row r="7902" spans="1:10" x14ac:dyDescent="0.35">
      <c r="A7902" s="1" t="s">
        <v>30459</v>
      </c>
      <c r="B7902" s="1" t="s">
        <v>30194</v>
      </c>
      <c r="C7902" s="1" t="s">
        <v>75</v>
      </c>
      <c r="D7902" s="1" t="s">
        <v>18439</v>
      </c>
      <c r="E7902" s="1" t="s">
        <v>30511</v>
      </c>
      <c r="F7902" s="1" t="s">
        <v>30512</v>
      </c>
      <c r="G7902" s="1" t="s">
        <v>30462</v>
      </c>
      <c r="H7902" s="1" t="s">
        <v>30463</v>
      </c>
      <c r="I7902" s="1" t="s">
        <v>30200</v>
      </c>
      <c r="J7902" s="1" t="s">
        <v>30513</v>
      </c>
    </row>
    <row r="7903" spans="1:10" x14ac:dyDescent="0.35">
      <c r="A7903" s="1" t="s">
        <v>30459</v>
      </c>
      <c r="B7903" s="1" t="s">
        <v>30194</v>
      </c>
      <c r="C7903" s="1" t="s">
        <v>80</v>
      </c>
      <c r="D7903" s="1" t="s">
        <v>30514</v>
      </c>
      <c r="E7903" s="1" t="s">
        <v>30515</v>
      </c>
      <c r="F7903" s="1" t="s">
        <v>30516</v>
      </c>
      <c r="G7903" s="1" t="s">
        <v>30462</v>
      </c>
      <c r="H7903" s="1" t="s">
        <v>30463</v>
      </c>
      <c r="I7903" s="1" t="s">
        <v>30200</v>
      </c>
      <c r="J7903" s="1" t="s">
        <v>30517</v>
      </c>
    </row>
    <row r="7904" spans="1:10" x14ac:dyDescent="0.35">
      <c r="A7904" s="1" t="s">
        <v>30459</v>
      </c>
      <c r="B7904" s="1" t="s">
        <v>30194</v>
      </c>
      <c r="C7904" s="1" t="s">
        <v>85</v>
      </c>
      <c r="D7904" s="1" t="s">
        <v>30518</v>
      </c>
      <c r="E7904" s="1" t="s">
        <v>30519</v>
      </c>
      <c r="F7904" s="1" t="s">
        <v>30520</v>
      </c>
      <c r="G7904" s="1" t="s">
        <v>30462</v>
      </c>
      <c r="H7904" s="1" t="s">
        <v>30463</v>
      </c>
      <c r="I7904" s="1" t="s">
        <v>30200</v>
      </c>
      <c r="J7904" s="1" t="s">
        <v>30521</v>
      </c>
    </row>
    <row r="7905" spans="1:10" x14ac:dyDescent="0.35">
      <c r="A7905" s="1" t="s">
        <v>30459</v>
      </c>
      <c r="B7905" s="1" t="s">
        <v>30194</v>
      </c>
      <c r="C7905" s="1" t="s">
        <v>90</v>
      </c>
      <c r="D7905" s="1" t="s">
        <v>30522</v>
      </c>
      <c r="E7905" s="1" t="s">
        <v>30523</v>
      </c>
      <c r="F7905" s="1" t="s">
        <v>30524</v>
      </c>
      <c r="G7905" s="1" t="s">
        <v>30462</v>
      </c>
      <c r="H7905" s="1" t="s">
        <v>30463</v>
      </c>
      <c r="I7905" s="1" t="s">
        <v>30200</v>
      </c>
      <c r="J7905" s="1" t="s">
        <v>30525</v>
      </c>
    </row>
    <row r="7906" spans="1:10" x14ac:dyDescent="0.35">
      <c r="A7906" s="1" t="s">
        <v>30459</v>
      </c>
      <c r="B7906" s="1" t="s">
        <v>30194</v>
      </c>
      <c r="C7906" s="1" t="s">
        <v>95</v>
      </c>
      <c r="D7906" s="1" t="s">
        <v>30526</v>
      </c>
      <c r="E7906" s="1" t="s">
        <v>30527</v>
      </c>
      <c r="F7906" s="1" t="s">
        <v>30528</v>
      </c>
      <c r="G7906" s="1" t="s">
        <v>30462</v>
      </c>
      <c r="H7906" s="1" t="s">
        <v>30463</v>
      </c>
      <c r="I7906" s="1" t="s">
        <v>30200</v>
      </c>
      <c r="J7906" s="1" t="s">
        <v>30529</v>
      </c>
    </row>
    <row r="7907" spans="1:10" x14ac:dyDescent="0.35">
      <c r="A7907" s="1" t="s">
        <v>30459</v>
      </c>
      <c r="B7907" s="1" t="s">
        <v>30194</v>
      </c>
      <c r="C7907" s="1" t="s">
        <v>100</v>
      </c>
      <c r="D7907" s="1" t="s">
        <v>30530</v>
      </c>
      <c r="E7907" s="1" t="s">
        <v>30531</v>
      </c>
      <c r="F7907" s="1" t="s">
        <v>30532</v>
      </c>
      <c r="G7907" s="1" t="s">
        <v>30462</v>
      </c>
      <c r="H7907" s="1" t="s">
        <v>30463</v>
      </c>
      <c r="I7907" s="1" t="s">
        <v>30200</v>
      </c>
      <c r="J7907" s="1" t="s">
        <v>30533</v>
      </c>
    </row>
    <row r="7908" spans="1:10" x14ac:dyDescent="0.35">
      <c r="A7908" s="1" t="s">
        <v>30459</v>
      </c>
      <c r="B7908" s="1" t="s">
        <v>30194</v>
      </c>
      <c r="C7908" s="1" t="s">
        <v>105</v>
      </c>
      <c r="D7908" s="1" t="s">
        <v>30534</v>
      </c>
      <c r="E7908" s="1" t="s">
        <v>30535</v>
      </c>
      <c r="F7908" s="1" t="s">
        <v>30536</v>
      </c>
      <c r="G7908" s="1" t="s">
        <v>30462</v>
      </c>
      <c r="H7908" s="1" t="s">
        <v>30463</v>
      </c>
      <c r="I7908" s="1" t="s">
        <v>30200</v>
      </c>
      <c r="J7908" s="1" t="s">
        <v>30537</v>
      </c>
    </row>
    <row r="7909" spans="1:10" x14ac:dyDescent="0.35">
      <c r="A7909" s="1" t="s">
        <v>30459</v>
      </c>
      <c r="B7909" s="1" t="s">
        <v>30194</v>
      </c>
      <c r="C7909" s="1" t="s">
        <v>110</v>
      </c>
      <c r="D7909" s="1" t="s">
        <v>30538</v>
      </c>
      <c r="E7909" s="1" t="s">
        <v>30539</v>
      </c>
      <c r="F7909" s="1" t="s">
        <v>30540</v>
      </c>
      <c r="G7909" s="1" t="s">
        <v>30462</v>
      </c>
      <c r="H7909" s="1" t="s">
        <v>30463</v>
      </c>
      <c r="I7909" s="1" t="s">
        <v>30200</v>
      </c>
      <c r="J7909" s="1" t="s">
        <v>30541</v>
      </c>
    </row>
    <row r="7910" spans="1:10" x14ac:dyDescent="0.35">
      <c r="A7910" s="1" t="s">
        <v>30459</v>
      </c>
      <c r="B7910" s="1" t="s">
        <v>30194</v>
      </c>
      <c r="C7910" s="1" t="s">
        <v>115</v>
      </c>
      <c r="D7910" s="1" t="s">
        <v>30542</v>
      </c>
      <c r="E7910" s="1" t="s">
        <v>30543</v>
      </c>
      <c r="F7910" s="1" t="s">
        <v>30544</v>
      </c>
      <c r="G7910" s="1" t="s">
        <v>30462</v>
      </c>
      <c r="H7910" s="1" t="s">
        <v>30463</v>
      </c>
      <c r="I7910" s="1" t="s">
        <v>30200</v>
      </c>
      <c r="J7910" s="1" t="s">
        <v>30545</v>
      </c>
    </row>
    <row r="7911" spans="1:10" x14ac:dyDescent="0.35">
      <c r="A7911" s="1" t="s">
        <v>30459</v>
      </c>
      <c r="B7911" s="1" t="s">
        <v>30194</v>
      </c>
      <c r="C7911" s="1" t="s">
        <v>120</v>
      </c>
      <c r="D7911" s="1" t="s">
        <v>30546</v>
      </c>
      <c r="E7911" s="1" t="s">
        <v>30547</v>
      </c>
      <c r="F7911" s="1" t="s">
        <v>30548</v>
      </c>
      <c r="G7911" s="1" t="s">
        <v>30462</v>
      </c>
      <c r="H7911" s="1" t="s">
        <v>30463</v>
      </c>
      <c r="I7911" s="1" t="s">
        <v>30200</v>
      </c>
      <c r="J7911" s="1" t="s">
        <v>30549</v>
      </c>
    </row>
    <row r="7912" spans="1:10" x14ac:dyDescent="0.35">
      <c r="A7912" s="1" t="s">
        <v>30459</v>
      </c>
      <c r="B7912" s="1" t="s">
        <v>30194</v>
      </c>
      <c r="C7912" s="1" t="s">
        <v>125</v>
      </c>
      <c r="D7912" s="1" t="s">
        <v>30550</v>
      </c>
      <c r="E7912" s="1" t="s">
        <v>30551</v>
      </c>
      <c r="F7912" s="1" t="s">
        <v>30552</v>
      </c>
      <c r="G7912" s="1" t="s">
        <v>30462</v>
      </c>
      <c r="H7912" s="1" t="s">
        <v>30463</v>
      </c>
      <c r="I7912" s="1" t="s">
        <v>30200</v>
      </c>
      <c r="J7912" s="1" t="s">
        <v>30553</v>
      </c>
    </row>
    <row r="7913" spans="1:10" x14ac:dyDescent="0.35">
      <c r="A7913" s="1" t="s">
        <v>30459</v>
      </c>
      <c r="B7913" s="1" t="s">
        <v>30194</v>
      </c>
      <c r="C7913" s="1" t="s">
        <v>130</v>
      </c>
      <c r="D7913" s="1" t="s">
        <v>30554</v>
      </c>
      <c r="E7913" s="1" t="s">
        <v>30555</v>
      </c>
      <c r="F7913" s="1" t="s">
        <v>30556</v>
      </c>
      <c r="G7913" s="1" t="s">
        <v>30462</v>
      </c>
      <c r="H7913" s="1" t="s">
        <v>30463</v>
      </c>
      <c r="I7913" s="1" t="s">
        <v>30200</v>
      </c>
      <c r="J7913" s="1" t="s">
        <v>30557</v>
      </c>
    </row>
    <row r="7914" spans="1:10" x14ac:dyDescent="0.35">
      <c r="A7914" s="1" t="s">
        <v>30459</v>
      </c>
      <c r="B7914" s="1" t="s">
        <v>30194</v>
      </c>
      <c r="C7914" s="1" t="s">
        <v>135</v>
      </c>
      <c r="D7914" s="1" t="s">
        <v>30558</v>
      </c>
      <c r="E7914" s="1" t="s">
        <v>30559</v>
      </c>
      <c r="F7914" s="1" t="s">
        <v>30560</v>
      </c>
      <c r="G7914" s="1" t="s">
        <v>30462</v>
      </c>
      <c r="H7914" s="1" t="s">
        <v>30463</v>
      </c>
      <c r="I7914" s="1" t="s">
        <v>30200</v>
      </c>
      <c r="J7914" s="1" t="s">
        <v>30561</v>
      </c>
    </row>
    <row r="7915" spans="1:10" x14ac:dyDescent="0.35">
      <c r="A7915" s="1" t="s">
        <v>30459</v>
      </c>
      <c r="B7915" s="1" t="s">
        <v>30194</v>
      </c>
      <c r="C7915" s="1" t="s">
        <v>140</v>
      </c>
      <c r="D7915" s="1" t="s">
        <v>30562</v>
      </c>
      <c r="E7915" s="1" t="s">
        <v>30563</v>
      </c>
      <c r="F7915" s="1" t="s">
        <v>30564</v>
      </c>
      <c r="G7915" s="1" t="s">
        <v>30462</v>
      </c>
      <c r="H7915" s="1" t="s">
        <v>30463</v>
      </c>
      <c r="I7915" s="1" t="s">
        <v>30200</v>
      </c>
      <c r="J7915" s="1" t="s">
        <v>30565</v>
      </c>
    </row>
    <row r="7916" spans="1:10" x14ac:dyDescent="0.35">
      <c r="A7916" s="1" t="s">
        <v>30459</v>
      </c>
      <c r="B7916" s="1" t="s">
        <v>30194</v>
      </c>
      <c r="C7916" s="1" t="s">
        <v>145</v>
      </c>
      <c r="D7916" s="1" t="s">
        <v>30566</v>
      </c>
      <c r="E7916" s="1" t="s">
        <v>30567</v>
      </c>
      <c r="F7916" s="1" t="s">
        <v>30568</v>
      </c>
      <c r="G7916" s="1" t="s">
        <v>30462</v>
      </c>
      <c r="H7916" s="1" t="s">
        <v>30463</v>
      </c>
      <c r="I7916" s="1" t="s">
        <v>30200</v>
      </c>
      <c r="J7916" s="1" t="s">
        <v>30569</v>
      </c>
    </row>
    <row r="7917" spans="1:10" x14ac:dyDescent="0.35">
      <c r="A7917" s="1" t="s">
        <v>30459</v>
      </c>
      <c r="B7917" s="1" t="s">
        <v>30194</v>
      </c>
      <c r="C7917" s="1" t="s">
        <v>150</v>
      </c>
      <c r="D7917" s="1" t="s">
        <v>11222</v>
      </c>
      <c r="E7917" s="1" t="s">
        <v>30570</v>
      </c>
      <c r="F7917" s="1" t="s">
        <v>30571</v>
      </c>
      <c r="G7917" s="1" t="s">
        <v>30462</v>
      </c>
      <c r="H7917" s="1" t="s">
        <v>30463</v>
      </c>
      <c r="I7917" s="1" t="s">
        <v>30200</v>
      </c>
      <c r="J7917" s="1" t="s">
        <v>30572</v>
      </c>
    </row>
    <row r="7918" spans="1:10" x14ac:dyDescent="0.35">
      <c r="A7918" s="1" t="s">
        <v>30459</v>
      </c>
      <c r="B7918" s="1" t="s">
        <v>30194</v>
      </c>
      <c r="C7918" s="1" t="s">
        <v>155</v>
      </c>
      <c r="D7918" s="1" t="s">
        <v>30573</v>
      </c>
      <c r="E7918" s="1" t="s">
        <v>30574</v>
      </c>
      <c r="F7918" s="1" t="s">
        <v>30575</v>
      </c>
      <c r="G7918" s="1" t="s">
        <v>30462</v>
      </c>
      <c r="H7918" s="1" t="s">
        <v>30463</v>
      </c>
      <c r="I7918" s="1" t="s">
        <v>30200</v>
      </c>
      <c r="J7918" s="1" t="s">
        <v>30576</v>
      </c>
    </row>
    <row r="7919" spans="1:10" x14ac:dyDescent="0.35">
      <c r="A7919" s="1" t="s">
        <v>30459</v>
      </c>
      <c r="B7919" s="1" t="s">
        <v>30194</v>
      </c>
      <c r="C7919" s="1" t="s">
        <v>160</v>
      </c>
      <c r="D7919" s="1" t="s">
        <v>30577</v>
      </c>
      <c r="E7919" s="1" t="s">
        <v>30578</v>
      </c>
      <c r="F7919" s="1" t="s">
        <v>30579</v>
      </c>
      <c r="G7919" s="1" t="s">
        <v>30462</v>
      </c>
      <c r="H7919" s="1" t="s">
        <v>30463</v>
      </c>
      <c r="I7919" s="1" t="s">
        <v>30200</v>
      </c>
      <c r="J7919" s="1" t="s">
        <v>30580</v>
      </c>
    </row>
    <row r="7920" spans="1:10" x14ac:dyDescent="0.35">
      <c r="A7920" s="1" t="s">
        <v>30459</v>
      </c>
      <c r="B7920" s="1" t="s">
        <v>30194</v>
      </c>
      <c r="C7920" s="1" t="s">
        <v>165</v>
      </c>
      <c r="D7920" s="1" t="s">
        <v>10614</v>
      </c>
      <c r="E7920" s="1" t="s">
        <v>30581</v>
      </c>
      <c r="F7920" s="1" t="s">
        <v>30582</v>
      </c>
      <c r="G7920" s="1" t="s">
        <v>30462</v>
      </c>
      <c r="H7920" s="1" t="s">
        <v>30463</v>
      </c>
      <c r="I7920" s="1" t="s">
        <v>30200</v>
      </c>
      <c r="J7920" s="1" t="s">
        <v>30583</v>
      </c>
    </row>
    <row r="7921" spans="1:10" x14ac:dyDescent="0.35">
      <c r="A7921" s="1" t="s">
        <v>30459</v>
      </c>
      <c r="B7921" s="1" t="s">
        <v>30194</v>
      </c>
      <c r="C7921" s="1" t="s">
        <v>170</v>
      </c>
      <c r="D7921" s="1" t="s">
        <v>30584</v>
      </c>
      <c r="E7921" s="1" t="s">
        <v>30585</v>
      </c>
      <c r="F7921" s="1" t="s">
        <v>30586</v>
      </c>
      <c r="G7921" s="1" t="s">
        <v>30462</v>
      </c>
      <c r="H7921" s="1" t="s">
        <v>30463</v>
      </c>
      <c r="I7921" s="1" t="s">
        <v>30200</v>
      </c>
      <c r="J7921" s="1" t="s">
        <v>30587</v>
      </c>
    </row>
    <row r="7922" spans="1:10" x14ac:dyDescent="0.35">
      <c r="A7922" s="1" t="s">
        <v>30588</v>
      </c>
      <c r="B7922" s="1" t="s">
        <v>30194</v>
      </c>
      <c r="C7922" s="1" t="s">
        <v>8</v>
      </c>
      <c r="D7922" s="1" t="s">
        <v>30589</v>
      </c>
      <c r="E7922" s="1" t="s">
        <v>19912</v>
      </c>
      <c r="F7922" s="1" t="s">
        <v>30590</v>
      </c>
      <c r="G7922" s="1" t="s">
        <v>30591</v>
      </c>
      <c r="H7922" s="1" t="s">
        <v>30592</v>
      </c>
      <c r="I7922" s="1" t="s">
        <v>30200</v>
      </c>
      <c r="J7922" s="1" t="s">
        <v>13</v>
      </c>
    </row>
    <row r="7923" spans="1:10" x14ac:dyDescent="0.35">
      <c r="A7923" s="1" t="s">
        <v>30588</v>
      </c>
      <c r="B7923" s="1" t="s">
        <v>30194</v>
      </c>
      <c r="C7923" s="1" t="s">
        <v>15</v>
      </c>
      <c r="D7923" s="1" t="s">
        <v>30593</v>
      </c>
      <c r="E7923" s="1" t="s">
        <v>27118</v>
      </c>
      <c r="F7923" s="1" t="s">
        <v>30594</v>
      </c>
      <c r="G7923" s="1" t="s">
        <v>30591</v>
      </c>
      <c r="H7923" s="1" t="s">
        <v>30592</v>
      </c>
      <c r="I7923" s="1" t="s">
        <v>30200</v>
      </c>
      <c r="J7923" s="1" t="s">
        <v>30595</v>
      </c>
    </row>
    <row r="7924" spans="1:10" x14ac:dyDescent="0.35">
      <c r="A7924" s="1" t="s">
        <v>30588</v>
      </c>
      <c r="B7924" s="1" t="s">
        <v>30194</v>
      </c>
      <c r="C7924" s="1" t="s">
        <v>20</v>
      </c>
      <c r="D7924" s="1" t="s">
        <v>30596</v>
      </c>
      <c r="E7924" s="1" t="s">
        <v>30597</v>
      </c>
      <c r="F7924" s="1" t="s">
        <v>30598</v>
      </c>
      <c r="G7924" s="1" t="s">
        <v>30591</v>
      </c>
      <c r="H7924" s="1" t="s">
        <v>30592</v>
      </c>
      <c r="I7924" s="1" t="s">
        <v>30200</v>
      </c>
      <c r="J7924" s="1" t="s">
        <v>30599</v>
      </c>
    </row>
    <row r="7925" spans="1:10" x14ac:dyDescent="0.35">
      <c r="A7925" s="1" t="s">
        <v>30588</v>
      </c>
      <c r="B7925" s="1" t="s">
        <v>30194</v>
      </c>
      <c r="C7925" s="1" t="s">
        <v>25</v>
      </c>
      <c r="D7925" s="1" t="s">
        <v>30600</v>
      </c>
      <c r="E7925" s="1" t="s">
        <v>30601</v>
      </c>
      <c r="F7925" s="1" t="s">
        <v>30602</v>
      </c>
      <c r="G7925" s="1" t="s">
        <v>30591</v>
      </c>
      <c r="H7925" s="1" t="s">
        <v>30592</v>
      </c>
      <c r="I7925" s="1" t="s">
        <v>30200</v>
      </c>
      <c r="J7925" s="1" t="s">
        <v>30603</v>
      </c>
    </row>
    <row r="7926" spans="1:10" x14ac:dyDescent="0.35">
      <c r="A7926" s="1" t="s">
        <v>30588</v>
      </c>
      <c r="B7926" s="1" t="s">
        <v>30194</v>
      </c>
      <c r="C7926" s="1" t="s">
        <v>30</v>
      </c>
      <c r="D7926" s="1" t="s">
        <v>17179</v>
      </c>
      <c r="E7926" s="1" t="s">
        <v>30604</v>
      </c>
      <c r="F7926" s="1" t="s">
        <v>30605</v>
      </c>
      <c r="G7926" s="1" t="s">
        <v>30591</v>
      </c>
      <c r="H7926" s="1" t="s">
        <v>30592</v>
      </c>
      <c r="I7926" s="1" t="s">
        <v>30200</v>
      </c>
      <c r="J7926" s="1" t="s">
        <v>30606</v>
      </c>
    </row>
    <row r="7927" spans="1:10" x14ac:dyDescent="0.35">
      <c r="A7927" s="1" t="s">
        <v>30588</v>
      </c>
      <c r="B7927" s="1" t="s">
        <v>30194</v>
      </c>
      <c r="C7927" s="1" t="s">
        <v>35</v>
      </c>
      <c r="D7927" s="1" t="s">
        <v>30607</v>
      </c>
      <c r="E7927" s="1" t="s">
        <v>30608</v>
      </c>
      <c r="F7927" s="1" t="s">
        <v>30609</v>
      </c>
      <c r="G7927" s="1" t="s">
        <v>30591</v>
      </c>
      <c r="H7927" s="1" t="s">
        <v>30592</v>
      </c>
      <c r="I7927" s="1" t="s">
        <v>30200</v>
      </c>
      <c r="J7927" s="1" t="s">
        <v>30610</v>
      </c>
    </row>
    <row r="7928" spans="1:10" x14ac:dyDescent="0.35">
      <c r="A7928" s="1" t="s">
        <v>30588</v>
      </c>
      <c r="B7928" s="1" t="s">
        <v>30194</v>
      </c>
      <c r="C7928" s="1" t="s">
        <v>40</v>
      </c>
      <c r="D7928" s="1" t="s">
        <v>30611</v>
      </c>
      <c r="E7928" s="1" t="s">
        <v>24280</v>
      </c>
      <c r="F7928" s="1" t="s">
        <v>30612</v>
      </c>
      <c r="G7928" s="1" t="s">
        <v>30591</v>
      </c>
      <c r="H7928" s="1" t="s">
        <v>30592</v>
      </c>
      <c r="I7928" s="1" t="s">
        <v>30200</v>
      </c>
      <c r="J7928" s="1" t="s">
        <v>30613</v>
      </c>
    </row>
    <row r="7929" spans="1:10" x14ac:dyDescent="0.35">
      <c r="A7929" s="1" t="s">
        <v>30588</v>
      </c>
      <c r="B7929" s="1" t="s">
        <v>30194</v>
      </c>
      <c r="C7929" s="1" t="s">
        <v>45</v>
      </c>
      <c r="D7929" s="1" t="s">
        <v>30614</v>
      </c>
      <c r="E7929" s="1" t="s">
        <v>30615</v>
      </c>
      <c r="F7929" s="1" t="s">
        <v>30616</v>
      </c>
      <c r="G7929" s="1" t="s">
        <v>30591</v>
      </c>
      <c r="H7929" s="1" t="s">
        <v>30592</v>
      </c>
      <c r="I7929" s="1" t="s">
        <v>30200</v>
      </c>
      <c r="J7929" s="1" t="s">
        <v>30617</v>
      </c>
    </row>
    <row r="7930" spans="1:10" x14ac:dyDescent="0.35">
      <c r="A7930" s="1" t="s">
        <v>30588</v>
      </c>
      <c r="B7930" s="1" t="s">
        <v>30194</v>
      </c>
      <c r="C7930" s="1" t="s">
        <v>50</v>
      </c>
      <c r="D7930" s="1" t="s">
        <v>30618</v>
      </c>
      <c r="E7930" s="1" t="s">
        <v>30619</v>
      </c>
      <c r="F7930" s="1" t="s">
        <v>22069</v>
      </c>
      <c r="G7930" s="1" t="s">
        <v>30591</v>
      </c>
      <c r="H7930" s="1" t="s">
        <v>30592</v>
      </c>
      <c r="I7930" s="1" t="s">
        <v>30200</v>
      </c>
      <c r="J7930" s="1" t="s">
        <v>30620</v>
      </c>
    </row>
    <row r="7931" spans="1:10" x14ac:dyDescent="0.35">
      <c r="A7931" s="1" t="s">
        <v>30588</v>
      </c>
      <c r="B7931" s="1" t="s">
        <v>30194</v>
      </c>
      <c r="C7931" s="1" t="s">
        <v>55</v>
      </c>
      <c r="D7931" s="1" t="s">
        <v>30621</v>
      </c>
      <c r="E7931" s="1" t="s">
        <v>30622</v>
      </c>
      <c r="F7931" s="1" t="s">
        <v>30623</v>
      </c>
      <c r="G7931" s="1" t="s">
        <v>30591</v>
      </c>
      <c r="H7931" s="1" t="s">
        <v>30592</v>
      </c>
      <c r="I7931" s="1" t="s">
        <v>30200</v>
      </c>
      <c r="J7931" s="1" t="s">
        <v>30624</v>
      </c>
    </row>
    <row r="7932" spans="1:10" x14ac:dyDescent="0.35">
      <c r="A7932" s="1" t="s">
        <v>30588</v>
      </c>
      <c r="B7932" s="1" t="s">
        <v>30194</v>
      </c>
      <c r="C7932" s="1" t="s">
        <v>60</v>
      </c>
      <c r="D7932" s="1" t="s">
        <v>30625</v>
      </c>
      <c r="E7932" s="1" t="s">
        <v>30626</v>
      </c>
      <c r="F7932" s="1" t="s">
        <v>30627</v>
      </c>
      <c r="G7932" s="1" t="s">
        <v>30591</v>
      </c>
      <c r="H7932" s="1" t="s">
        <v>30592</v>
      </c>
      <c r="I7932" s="1" t="s">
        <v>30200</v>
      </c>
      <c r="J7932" s="1" t="s">
        <v>30628</v>
      </c>
    </row>
    <row r="7933" spans="1:10" x14ac:dyDescent="0.35">
      <c r="A7933" s="1" t="s">
        <v>30588</v>
      </c>
      <c r="B7933" s="1" t="s">
        <v>30194</v>
      </c>
      <c r="C7933" s="1" t="s">
        <v>65</v>
      </c>
      <c r="D7933" s="1" t="s">
        <v>30629</v>
      </c>
      <c r="E7933" s="1" t="s">
        <v>30630</v>
      </c>
      <c r="F7933" s="1" t="s">
        <v>30631</v>
      </c>
      <c r="G7933" s="1" t="s">
        <v>30591</v>
      </c>
      <c r="H7933" s="1" t="s">
        <v>30592</v>
      </c>
      <c r="I7933" s="1" t="s">
        <v>30200</v>
      </c>
      <c r="J7933" s="1" t="s">
        <v>30632</v>
      </c>
    </row>
    <row r="7934" spans="1:10" x14ac:dyDescent="0.35">
      <c r="A7934" s="1" t="s">
        <v>30588</v>
      </c>
      <c r="B7934" s="1" t="s">
        <v>30194</v>
      </c>
      <c r="C7934" s="1" t="s">
        <v>70</v>
      </c>
      <c r="D7934" s="1" t="s">
        <v>30633</v>
      </c>
      <c r="E7934" s="1" t="s">
        <v>30634</v>
      </c>
      <c r="F7934" s="1" t="s">
        <v>30635</v>
      </c>
      <c r="G7934" s="1" t="s">
        <v>30591</v>
      </c>
      <c r="H7934" s="1" t="s">
        <v>30592</v>
      </c>
      <c r="I7934" s="1" t="s">
        <v>30200</v>
      </c>
      <c r="J7934" s="1" t="s">
        <v>30636</v>
      </c>
    </row>
    <row r="7935" spans="1:10" x14ac:dyDescent="0.35">
      <c r="A7935" s="1" t="s">
        <v>30588</v>
      </c>
      <c r="B7935" s="1" t="s">
        <v>30194</v>
      </c>
      <c r="C7935" s="1" t="s">
        <v>75</v>
      </c>
      <c r="D7935" s="1" t="s">
        <v>30637</v>
      </c>
      <c r="E7935" s="1" t="s">
        <v>30638</v>
      </c>
      <c r="F7935" s="1" t="s">
        <v>30639</v>
      </c>
      <c r="G7935" s="1" t="s">
        <v>30591</v>
      </c>
      <c r="H7935" s="1" t="s">
        <v>30592</v>
      </c>
      <c r="I7935" s="1" t="s">
        <v>30200</v>
      </c>
      <c r="J7935" s="1" t="s">
        <v>30640</v>
      </c>
    </row>
    <row r="7936" spans="1:10" x14ac:dyDescent="0.35">
      <c r="A7936" s="1" t="s">
        <v>30588</v>
      </c>
      <c r="B7936" s="1" t="s">
        <v>30194</v>
      </c>
      <c r="C7936" s="1" t="s">
        <v>80</v>
      </c>
      <c r="D7936" s="1" t="s">
        <v>30641</v>
      </c>
      <c r="E7936" s="1" t="s">
        <v>19924</v>
      </c>
      <c r="F7936" s="1" t="s">
        <v>30642</v>
      </c>
      <c r="G7936" s="1" t="s">
        <v>30591</v>
      </c>
      <c r="H7936" s="1" t="s">
        <v>30592</v>
      </c>
      <c r="I7936" s="1" t="s">
        <v>30200</v>
      </c>
      <c r="J7936" s="1" t="s">
        <v>30643</v>
      </c>
    </row>
    <row r="7937" spans="1:10" x14ac:dyDescent="0.35">
      <c r="A7937" s="1" t="s">
        <v>30588</v>
      </c>
      <c r="B7937" s="1" t="s">
        <v>30194</v>
      </c>
      <c r="C7937" s="1" t="s">
        <v>85</v>
      </c>
      <c r="D7937" s="1" t="s">
        <v>30644</v>
      </c>
      <c r="E7937" s="1" t="s">
        <v>30645</v>
      </c>
      <c r="F7937" s="1" t="s">
        <v>30646</v>
      </c>
      <c r="G7937" s="1" t="s">
        <v>30591</v>
      </c>
      <c r="H7937" s="1" t="s">
        <v>30592</v>
      </c>
      <c r="I7937" s="1" t="s">
        <v>30200</v>
      </c>
      <c r="J7937" s="1" t="s">
        <v>30647</v>
      </c>
    </row>
    <row r="7938" spans="1:10" x14ac:dyDescent="0.35">
      <c r="A7938" s="1" t="s">
        <v>30588</v>
      </c>
      <c r="B7938" s="1" t="s">
        <v>30194</v>
      </c>
      <c r="C7938" s="1" t="s">
        <v>90</v>
      </c>
      <c r="D7938" s="1" t="s">
        <v>9624</v>
      </c>
      <c r="E7938" s="1" t="s">
        <v>30648</v>
      </c>
      <c r="F7938" s="1" t="s">
        <v>30649</v>
      </c>
      <c r="G7938" s="1" t="s">
        <v>30591</v>
      </c>
      <c r="H7938" s="1" t="s">
        <v>30592</v>
      </c>
      <c r="I7938" s="1" t="s">
        <v>30200</v>
      </c>
      <c r="J7938" s="1" t="s">
        <v>30650</v>
      </c>
    </row>
    <row r="7939" spans="1:10" x14ac:dyDescent="0.35">
      <c r="A7939" s="1" t="s">
        <v>30588</v>
      </c>
      <c r="B7939" s="1" t="s">
        <v>30194</v>
      </c>
      <c r="C7939" s="1" t="s">
        <v>95</v>
      </c>
      <c r="D7939" s="1" t="s">
        <v>30651</v>
      </c>
      <c r="E7939" s="1" t="s">
        <v>30652</v>
      </c>
      <c r="F7939" s="1" t="s">
        <v>30653</v>
      </c>
      <c r="G7939" s="1" t="s">
        <v>30591</v>
      </c>
      <c r="H7939" s="1" t="s">
        <v>30592</v>
      </c>
      <c r="I7939" s="1" t="s">
        <v>30200</v>
      </c>
      <c r="J7939" s="1" t="s">
        <v>30654</v>
      </c>
    </row>
    <row r="7940" spans="1:10" x14ac:dyDescent="0.35">
      <c r="A7940" s="1" t="s">
        <v>30588</v>
      </c>
      <c r="B7940" s="1" t="s">
        <v>30194</v>
      </c>
      <c r="C7940" s="1" t="s">
        <v>100</v>
      </c>
      <c r="D7940" s="1" t="s">
        <v>30655</v>
      </c>
      <c r="E7940" s="1" t="s">
        <v>30656</v>
      </c>
      <c r="F7940" s="1" t="s">
        <v>30657</v>
      </c>
      <c r="G7940" s="1" t="s">
        <v>30591</v>
      </c>
      <c r="H7940" s="1" t="s">
        <v>30592</v>
      </c>
      <c r="I7940" s="1" t="s">
        <v>30200</v>
      </c>
      <c r="J7940" s="1" t="s">
        <v>30658</v>
      </c>
    </row>
    <row r="7941" spans="1:10" x14ac:dyDescent="0.35">
      <c r="A7941" s="1" t="s">
        <v>30588</v>
      </c>
      <c r="B7941" s="1" t="s">
        <v>30194</v>
      </c>
      <c r="C7941" s="1" t="s">
        <v>105</v>
      </c>
      <c r="D7941" s="1" t="s">
        <v>30659</v>
      </c>
      <c r="E7941" s="1" t="s">
        <v>30660</v>
      </c>
      <c r="F7941" s="1" t="s">
        <v>30661</v>
      </c>
      <c r="G7941" s="1" t="s">
        <v>30591</v>
      </c>
      <c r="H7941" s="1" t="s">
        <v>30592</v>
      </c>
      <c r="I7941" s="1" t="s">
        <v>30200</v>
      </c>
      <c r="J7941" s="1" t="s">
        <v>30662</v>
      </c>
    </row>
    <row r="7942" spans="1:10" x14ac:dyDescent="0.35">
      <c r="A7942" s="1" t="s">
        <v>30588</v>
      </c>
      <c r="B7942" s="1" t="s">
        <v>30194</v>
      </c>
      <c r="C7942" s="1" t="s">
        <v>110</v>
      </c>
      <c r="D7942" s="1" t="s">
        <v>15435</v>
      </c>
      <c r="E7942" s="1" t="s">
        <v>30663</v>
      </c>
      <c r="F7942" s="1" t="s">
        <v>30664</v>
      </c>
      <c r="G7942" s="1" t="s">
        <v>30591</v>
      </c>
      <c r="H7942" s="1" t="s">
        <v>30592</v>
      </c>
      <c r="I7942" s="1" t="s">
        <v>30200</v>
      </c>
      <c r="J7942" s="1" t="s">
        <v>30665</v>
      </c>
    </row>
    <row r="7943" spans="1:10" x14ac:dyDescent="0.35">
      <c r="A7943" s="1" t="s">
        <v>30588</v>
      </c>
      <c r="B7943" s="1" t="s">
        <v>30194</v>
      </c>
      <c r="C7943" s="1" t="s">
        <v>115</v>
      </c>
      <c r="D7943" s="1" t="s">
        <v>30666</v>
      </c>
      <c r="E7943" s="1" t="s">
        <v>19904</v>
      </c>
      <c r="F7943" s="1" t="s">
        <v>30667</v>
      </c>
      <c r="G7943" s="1" t="s">
        <v>30591</v>
      </c>
      <c r="H7943" s="1" t="s">
        <v>30592</v>
      </c>
      <c r="I7943" s="1" t="s">
        <v>30200</v>
      </c>
      <c r="J7943" s="1" t="s">
        <v>30668</v>
      </c>
    </row>
    <row r="7944" spans="1:10" x14ac:dyDescent="0.35">
      <c r="A7944" s="1" t="s">
        <v>30588</v>
      </c>
      <c r="B7944" s="1" t="s">
        <v>30194</v>
      </c>
      <c r="C7944" s="1" t="s">
        <v>120</v>
      </c>
      <c r="D7944" s="1" t="s">
        <v>30669</v>
      </c>
      <c r="E7944" s="1" t="s">
        <v>30670</v>
      </c>
      <c r="F7944" s="1" t="s">
        <v>30671</v>
      </c>
      <c r="G7944" s="1" t="s">
        <v>30591</v>
      </c>
      <c r="H7944" s="1" t="s">
        <v>30592</v>
      </c>
      <c r="I7944" s="1" t="s">
        <v>30200</v>
      </c>
      <c r="J7944" s="1" t="s">
        <v>30672</v>
      </c>
    </row>
    <row r="7945" spans="1:10" x14ac:dyDescent="0.35">
      <c r="A7945" s="1" t="s">
        <v>30588</v>
      </c>
      <c r="B7945" s="1" t="s">
        <v>30194</v>
      </c>
      <c r="C7945" s="1" t="s">
        <v>125</v>
      </c>
      <c r="D7945" s="1" t="s">
        <v>6747</v>
      </c>
      <c r="E7945" s="1" t="s">
        <v>30673</v>
      </c>
      <c r="F7945" s="1" t="s">
        <v>30674</v>
      </c>
      <c r="G7945" s="1" t="s">
        <v>30591</v>
      </c>
      <c r="H7945" s="1" t="s">
        <v>30592</v>
      </c>
      <c r="I7945" s="1" t="s">
        <v>30200</v>
      </c>
      <c r="J7945" s="1" t="s">
        <v>30675</v>
      </c>
    </row>
    <row r="7946" spans="1:10" x14ac:dyDescent="0.35">
      <c r="A7946" s="1" t="s">
        <v>30588</v>
      </c>
      <c r="B7946" s="1" t="s">
        <v>30194</v>
      </c>
      <c r="C7946" s="1" t="s">
        <v>130</v>
      </c>
      <c r="D7946" s="1" t="s">
        <v>30676</v>
      </c>
      <c r="E7946" s="1" t="s">
        <v>30677</v>
      </c>
      <c r="F7946" s="1" t="s">
        <v>30678</v>
      </c>
      <c r="G7946" s="1" t="s">
        <v>30591</v>
      </c>
      <c r="H7946" s="1" t="s">
        <v>30592</v>
      </c>
      <c r="I7946" s="1" t="s">
        <v>30200</v>
      </c>
      <c r="J7946" s="1" t="s">
        <v>30679</v>
      </c>
    </row>
    <row r="7947" spans="1:10" x14ac:dyDescent="0.35">
      <c r="A7947" s="1" t="s">
        <v>30588</v>
      </c>
      <c r="B7947" s="1" t="s">
        <v>30194</v>
      </c>
      <c r="C7947" s="1" t="s">
        <v>135</v>
      </c>
      <c r="D7947" s="1" t="s">
        <v>30680</v>
      </c>
      <c r="E7947" s="1" t="s">
        <v>15684</v>
      </c>
      <c r="F7947" s="1" t="s">
        <v>30681</v>
      </c>
      <c r="G7947" s="1" t="s">
        <v>30591</v>
      </c>
      <c r="H7947" s="1" t="s">
        <v>30592</v>
      </c>
      <c r="I7947" s="1" t="s">
        <v>30200</v>
      </c>
      <c r="J7947" s="1" t="s">
        <v>30682</v>
      </c>
    </row>
    <row r="7948" spans="1:10" x14ac:dyDescent="0.35">
      <c r="A7948" s="1" t="s">
        <v>30588</v>
      </c>
      <c r="B7948" s="1" t="s">
        <v>30194</v>
      </c>
      <c r="C7948" s="1" t="s">
        <v>140</v>
      </c>
      <c r="D7948" s="1" t="s">
        <v>126</v>
      </c>
      <c r="E7948" s="1" t="s">
        <v>30683</v>
      </c>
      <c r="F7948" s="1" t="s">
        <v>30684</v>
      </c>
      <c r="G7948" s="1" t="s">
        <v>30591</v>
      </c>
      <c r="H7948" s="1" t="s">
        <v>30592</v>
      </c>
      <c r="I7948" s="1" t="s">
        <v>30200</v>
      </c>
      <c r="J7948" s="1" t="s">
        <v>30685</v>
      </c>
    </row>
    <row r="7949" spans="1:10" x14ac:dyDescent="0.35">
      <c r="A7949" s="1" t="s">
        <v>30588</v>
      </c>
      <c r="B7949" s="1" t="s">
        <v>30194</v>
      </c>
      <c r="C7949" s="1" t="s">
        <v>145</v>
      </c>
      <c r="D7949" s="1" t="s">
        <v>30686</v>
      </c>
      <c r="E7949" s="1" t="s">
        <v>30687</v>
      </c>
      <c r="F7949" s="1" t="s">
        <v>30688</v>
      </c>
      <c r="G7949" s="1" t="s">
        <v>30591</v>
      </c>
      <c r="H7949" s="1" t="s">
        <v>30592</v>
      </c>
      <c r="I7949" s="1" t="s">
        <v>30200</v>
      </c>
      <c r="J7949" s="1" t="s">
        <v>30689</v>
      </c>
    </row>
    <row r="7950" spans="1:10" x14ac:dyDescent="0.35">
      <c r="A7950" s="1" t="s">
        <v>30588</v>
      </c>
      <c r="B7950" s="1" t="s">
        <v>30194</v>
      </c>
      <c r="C7950" s="1" t="s">
        <v>150</v>
      </c>
      <c r="D7950" s="1" t="s">
        <v>8842</v>
      </c>
      <c r="E7950" s="1" t="s">
        <v>30690</v>
      </c>
      <c r="F7950" s="1" t="s">
        <v>30691</v>
      </c>
      <c r="G7950" s="1" t="s">
        <v>30591</v>
      </c>
      <c r="H7950" s="1" t="s">
        <v>30592</v>
      </c>
      <c r="I7950" s="1" t="s">
        <v>30200</v>
      </c>
      <c r="J7950" s="1" t="s">
        <v>30692</v>
      </c>
    </row>
    <row r="7951" spans="1:10" x14ac:dyDescent="0.35">
      <c r="A7951" s="1" t="s">
        <v>30588</v>
      </c>
      <c r="B7951" s="1" t="s">
        <v>30194</v>
      </c>
      <c r="C7951" s="1" t="s">
        <v>155</v>
      </c>
      <c r="D7951" s="1" t="s">
        <v>30693</v>
      </c>
      <c r="E7951" s="1" t="s">
        <v>30694</v>
      </c>
      <c r="F7951" s="1" t="s">
        <v>30695</v>
      </c>
      <c r="G7951" s="1" t="s">
        <v>30591</v>
      </c>
      <c r="H7951" s="1" t="s">
        <v>30592</v>
      </c>
      <c r="I7951" s="1" t="s">
        <v>30200</v>
      </c>
      <c r="J7951" s="1" t="s">
        <v>30696</v>
      </c>
    </row>
    <row r="7952" spans="1:10" x14ac:dyDescent="0.35">
      <c r="A7952" s="1" t="s">
        <v>30588</v>
      </c>
      <c r="B7952" s="1" t="s">
        <v>30194</v>
      </c>
      <c r="C7952" s="1" t="s">
        <v>160</v>
      </c>
      <c r="D7952" s="1" t="s">
        <v>30686</v>
      </c>
      <c r="E7952" s="1" t="s">
        <v>16028</v>
      </c>
      <c r="F7952" s="1" t="s">
        <v>30697</v>
      </c>
      <c r="G7952" s="1" t="s">
        <v>30591</v>
      </c>
      <c r="H7952" s="1" t="s">
        <v>30592</v>
      </c>
      <c r="I7952" s="1" t="s">
        <v>30200</v>
      </c>
      <c r="J7952" s="1" t="s">
        <v>30698</v>
      </c>
    </row>
    <row r="7953" spans="1:10" x14ac:dyDescent="0.35">
      <c r="A7953" s="1" t="s">
        <v>30588</v>
      </c>
      <c r="B7953" s="1" t="s">
        <v>30194</v>
      </c>
      <c r="C7953" s="1" t="s">
        <v>165</v>
      </c>
      <c r="D7953" s="1" t="s">
        <v>30699</v>
      </c>
      <c r="E7953" s="1" t="s">
        <v>16006</v>
      </c>
      <c r="F7953" s="1" t="s">
        <v>30700</v>
      </c>
      <c r="G7953" s="1" t="s">
        <v>30591</v>
      </c>
      <c r="H7953" s="1" t="s">
        <v>30592</v>
      </c>
      <c r="I7953" s="1" t="s">
        <v>30200</v>
      </c>
      <c r="J7953" s="1" t="s">
        <v>30701</v>
      </c>
    </row>
    <row r="7954" spans="1:10" x14ac:dyDescent="0.35">
      <c r="A7954" s="1" t="s">
        <v>30588</v>
      </c>
      <c r="B7954" s="1" t="s">
        <v>30194</v>
      </c>
      <c r="C7954" s="1" t="s">
        <v>170</v>
      </c>
      <c r="D7954" s="1" t="s">
        <v>30702</v>
      </c>
      <c r="E7954" s="1" t="s">
        <v>30703</v>
      </c>
      <c r="F7954" s="1" t="s">
        <v>30704</v>
      </c>
      <c r="G7954" s="1" t="s">
        <v>30591</v>
      </c>
      <c r="H7954" s="1" t="s">
        <v>30592</v>
      </c>
      <c r="I7954" s="1" t="s">
        <v>30200</v>
      </c>
      <c r="J7954" s="1" t="s">
        <v>30705</v>
      </c>
    </row>
    <row r="7955" spans="1:10" x14ac:dyDescent="0.35">
      <c r="A7955" s="1" t="s">
        <v>30706</v>
      </c>
      <c r="B7955" s="1" t="s">
        <v>30194</v>
      </c>
      <c r="C7955" s="1" t="s">
        <v>8</v>
      </c>
      <c r="D7955" s="1" t="s">
        <v>30707</v>
      </c>
      <c r="E7955" s="1" t="s">
        <v>30708</v>
      </c>
      <c r="F7955" s="1" t="s">
        <v>30709</v>
      </c>
      <c r="G7955" s="1" t="s">
        <v>30710</v>
      </c>
      <c r="H7955" s="1" t="s">
        <v>30711</v>
      </c>
      <c r="I7955" s="1" t="s">
        <v>30200</v>
      </c>
      <c r="J7955" s="1" t="s">
        <v>13</v>
      </c>
    </row>
    <row r="7956" spans="1:10" x14ac:dyDescent="0.35">
      <c r="A7956" s="1" t="s">
        <v>30706</v>
      </c>
      <c r="B7956" s="1" t="s">
        <v>30194</v>
      </c>
      <c r="C7956" s="1" t="s">
        <v>15</v>
      </c>
      <c r="D7956" s="1" t="s">
        <v>30712</v>
      </c>
      <c r="E7956" s="1" t="s">
        <v>30713</v>
      </c>
      <c r="F7956" s="1" t="s">
        <v>30714</v>
      </c>
      <c r="G7956" s="1" t="s">
        <v>30710</v>
      </c>
      <c r="H7956" s="1" t="s">
        <v>30711</v>
      </c>
      <c r="I7956" s="1" t="s">
        <v>30200</v>
      </c>
      <c r="J7956" s="1" t="s">
        <v>30715</v>
      </c>
    </row>
    <row r="7957" spans="1:10" x14ac:dyDescent="0.35">
      <c r="A7957" s="1" t="s">
        <v>30706</v>
      </c>
      <c r="B7957" s="1" t="s">
        <v>30194</v>
      </c>
      <c r="C7957" s="1" t="s">
        <v>20</v>
      </c>
      <c r="D7957" s="1" t="s">
        <v>30716</v>
      </c>
      <c r="E7957" s="1" t="s">
        <v>30717</v>
      </c>
      <c r="F7957" s="1" t="s">
        <v>30718</v>
      </c>
      <c r="G7957" s="1" t="s">
        <v>30710</v>
      </c>
      <c r="H7957" s="1" t="s">
        <v>30711</v>
      </c>
      <c r="I7957" s="1" t="s">
        <v>30200</v>
      </c>
      <c r="J7957" s="1" t="s">
        <v>30719</v>
      </c>
    </row>
    <row r="7958" spans="1:10" x14ac:dyDescent="0.35">
      <c r="A7958" s="1" t="s">
        <v>30706</v>
      </c>
      <c r="B7958" s="1" t="s">
        <v>30194</v>
      </c>
      <c r="C7958" s="1" t="s">
        <v>25</v>
      </c>
      <c r="D7958" s="1" t="s">
        <v>30720</v>
      </c>
      <c r="E7958" s="1" t="s">
        <v>30721</v>
      </c>
      <c r="F7958" s="1" t="s">
        <v>30722</v>
      </c>
      <c r="G7958" s="1" t="s">
        <v>30710</v>
      </c>
      <c r="H7958" s="1" t="s">
        <v>30711</v>
      </c>
      <c r="I7958" s="1" t="s">
        <v>30200</v>
      </c>
      <c r="J7958" s="1" t="s">
        <v>30723</v>
      </c>
    </row>
    <row r="7959" spans="1:10" x14ac:dyDescent="0.35">
      <c r="A7959" s="1" t="s">
        <v>30706</v>
      </c>
      <c r="B7959" s="1" t="s">
        <v>30194</v>
      </c>
      <c r="C7959" s="1" t="s">
        <v>30</v>
      </c>
      <c r="D7959" s="1" t="s">
        <v>30724</v>
      </c>
      <c r="E7959" s="1" t="s">
        <v>30725</v>
      </c>
      <c r="F7959" s="1" t="s">
        <v>30726</v>
      </c>
      <c r="G7959" s="1" t="s">
        <v>30710</v>
      </c>
      <c r="H7959" s="1" t="s">
        <v>30711</v>
      </c>
      <c r="I7959" s="1" t="s">
        <v>30200</v>
      </c>
      <c r="J7959" s="1" t="s">
        <v>30727</v>
      </c>
    </row>
    <row r="7960" spans="1:10" x14ac:dyDescent="0.35">
      <c r="A7960" s="1" t="s">
        <v>30706</v>
      </c>
      <c r="B7960" s="1" t="s">
        <v>30194</v>
      </c>
      <c r="C7960" s="1" t="s">
        <v>35</v>
      </c>
      <c r="D7960" s="1" t="s">
        <v>30728</v>
      </c>
      <c r="E7960" s="1" t="s">
        <v>30729</v>
      </c>
      <c r="F7960" s="1" t="s">
        <v>30730</v>
      </c>
      <c r="G7960" s="1" t="s">
        <v>30710</v>
      </c>
      <c r="H7960" s="1" t="s">
        <v>30711</v>
      </c>
      <c r="I7960" s="1" t="s">
        <v>30200</v>
      </c>
      <c r="J7960" s="1" t="s">
        <v>30731</v>
      </c>
    </row>
    <row r="7961" spans="1:10" x14ac:dyDescent="0.35">
      <c r="A7961" s="1" t="s">
        <v>30706</v>
      </c>
      <c r="B7961" s="1" t="s">
        <v>30194</v>
      </c>
      <c r="C7961" s="1" t="s">
        <v>40</v>
      </c>
      <c r="D7961" s="1" t="s">
        <v>30732</v>
      </c>
      <c r="E7961" s="1" t="s">
        <v>30733</v>
      </c>
      <c r="F7961" s="1" t="s">
        <v>30734</v>
      </c>
      <c r="G7961" s="1" t="s">
        <v>30710</v>
      </c>
      <c r="H7961" s="1" t="s">
        <v>30711</v>
      </c>
      <c r="I7961" s="1" t="s">
        <v>30200</v>
      </c>
      <c r="J7961" s="1" t="s">
        <v>30735</v>
      </c>
    </row>
    <row r="7962" spans="1:10" x14ac:dyDescent="0.35">
      <c r="A7962" s="1" t="s">
        <v>30706</v>
      </c>
      <c r="B7962" s="1" t="s">
        <v>30194</v>
      </c>
      <c r="C7962" s="1" t="s">
        <v>45</v>
      </c>
      <c r="D7962" s="1" t="s">
        <v>30736</v>
      </c>
      <c r="E7962" s="1" t="s">
        <v>30737</v>
      </c>
      <c r="F7962" s="1" t="s">
        <v>30738</v>
      </c>
      <c r="G7962" s="1" t="s">
        <v>30710</v>
      </c>
      <c r="H7962" s="1" t="s">
        <v>30711</v>
      </c>
      <c r="I7962" s="1" t="s">
        <v>30200</v>
      </c>
      <c r="J7962" s="1" t="s">
        <v>30739</v>
      </c>
    </row>
    <row r="7963" spans="1:10" x14ac:dyDescent="0.35">
      <c r="A7963" s="1" t="s">
        <v>30706</v>
      </c>
      <c r="B7963" s="1" t="s">
        <v>30194</v>
      </c>
      <c r="C7963" s="1" t="s">
        <v>50</v>
      </c>
      <c r="D7963" s="1" t="s">
        <v>30740</v>
      </c>
      <c r="E7963" s="1" t="s">
        <v>30741</v>
      </c>
      <c r="F7963" s="1" t="s">
        <v>30742</v>
      </c>
      <c r="G7963" s="1" t="s">
        <v>30710</v>
      </c>
      <c r="H7963" s="1" t="s">
        <v>30711</v>
      </c>
      <c r="I7963" s="1" t="s">
        <v>30200</v>
      </c>
      <c r="J7963" s="1" t="s">
        <v>30743</v>
      </c>
    </row>
    <row r="7964" spans="1:10" x14ac:dyDescent="0.35">
      <c r="A7964" s="1" t="s">
        <v>30706</v>
      </c>
      <c r="B7964" s="1" t="s">
        <v>30194</v>
      </c>
      <c r="C7964" s="1" t="s">
        <v>55</v>
      </c>
      <c r="D7964" s="1" t="s">
        <v>30744</v>
      </c>
      <c r="E7964" s="1" t="s">
        <v>30745</v>
      </c>
      <c r="F7964" s="1" t="s">
        <v>30746</v>
      </c>
      <c r="G7964" s="1" t="s">
        <v>30710</v>
      </c>
      <c r="H7964" s="1" t="s">
        <v>30711</v>
      </c>
      <c r="I7964" s="1" t="s">
        <v>30200</v>
      </c>
      <c r="J7964" s="1" t="s">
        <v>30747</v>
      </c>
    </row>
    <row r="7965" spans="1:10" x14ac:dyDescent="0.35">
      <c r="A7965" s="1" t="s">
        <v>30706</v>
      </c>
      <c r="B7965" s="1" t="s">
        <v>30194</v>
      </c>
      <c r="C7965" s="1" t="s">
        <v>60</v>
      </c>
      <c r="D7965" s="1" t="s">
        <v>30748</v>
      </c>
      <c r="E7965" s="1" t="s">
        <v>30749</v>
      </c>
      <c r="F7965" s="1" t="s">
        <v>30750</v>
      </c>
      <c r="G7965" s="1" t="s">
        <v>30710</v>
      </c>
      <c r="H7965" s="1" t="s">
        <v>30711</v>
      </c>
      <c r="I7965" s="1" t="s">
        <v>30200</v>
      </c>
      <c r="J7965" s="1" t="s">
        <v>30751</v>
      </c>
    </row>
    <row r="7966" spans="1:10" x14ac:dyDescent="0.35">
      <c r="A7966" s="1" t="s">
        <v>30706</v>
      </c>
      <c r="B7966" s="1" t="s">
        <v>30194</v>
      </c>
      <c r="C7966" s="1" t="s">
        <v>65</v>
      </c>
      <c r="D7966" s="1" t="s">
        <v>30752</v>
      </c>
      <c r="E7966" s="1" t="s">
        <v>30753</v>
      </c>
      <c r="F7966" s="1" t="s">
        <v>30754</v>
      </c>
      <c r="G7966" s="1" t="s">
        <v>30710</v>
      </c>
      <c r="H7966" s="1" t="s">
        <v>30711</v>
      </c>
      <c r="I7966" s="1" t="s">
        <v>30200</v>
      </c>
      <c r="J7966" s="1" t="s">
        <v>30755</v>
      </c>
    </row>
    <row r="7967" spans="1:10" x14ac:dyDescent="0.35">
      <c r="A7967" s="1" t="s">
        <v>30706</v>
      </c>
      <c r="B7967" s="1" t="s">
        <v>30194</v>
      </c>
      <c r="C7967" s="1" t="s">
        <v>70</v>
      </c>
      <c r="D7967" s="1" t="s">
        <v>30756</v>
      </c>
      <c r="E7967" s="1" t="s">
        <v>30757</v>
      </c>
      <c r="F7967" s="1" t="s">
        <v>30758</v>
      </c>
      <c r="G7967" s="1" t="s">
        <v>30710</v>
      </c>
      <c r="H7967" s="1" t="s">
        <v>30711</v>
      </c>
      <c r="I7967" s="1" t="s">
        <v>30200</v>
      </c>
      <c r="J7967" s="1" t="s">
        <v>30759</v>
      </c>
    </row>
    <row r="7968" spans="1:10" x14ac:dyDescent="0.35">
      <c r="A7968" s="1" t="s">
        <v>30706</v>
      </c>
      <c r="B7968" s="1" t="s">
        <v>30194</v>
      </c>
      <c r="C7968" s="1" t="s">
        <v>75</v>
      </c>
      <c r="D7968" s="1" t="s">
        <v>30760</v>
      </c>
      <c r="E7968" s="1" t="s">
        <v>30761</v>
      </c>
      <c r="F7968" s="1" t="s">
        <v>30762</v>
      </c>
      <c r="G7968" s="1" t="s">
        <v>30710</v>
      </c>
      <c r="H7968" s="1" t="s">
        <v>30711</v>
      </c>
      <c r="I7968" s="1" t="s">
        <v>30200</v>
      </c>
      <c r="J7968" s="1" t="s">
        <v>30763</v>
      </c>
    </row>
    <row r="7969" spans="1:10" x14ac:dyDescent="0.35">
      <c r="A7969" s="1" t="s">
        <v>30706</v>
      </c>
      <c r="B7969" s="1" t="s">
        <v>30194</v>
      </c>
      <c r="C7969" s="1" t="s">
        <v>80</v>
      </c>
      <c r="D7969" s="1" t="s">
        <v>30764</v>
      </c>
      <c r="E7969" s="1" t="s">
        <v>30765</v>
      </c>
      <c r="F7969" s="1" t="s">
        <v>30766</v>
      </c>
      <c r="G7969" s="1" t="s">
        <v>30710</v>
      </c>
      <c r="H7969" s="1" t="s">
        <v>30711</v>
      </c>
      <c r="I7969" s="1" t="s">
        <v>30200</v>
      </c>
      <c r="J7969" s="1" t="s">
        <v>30767</v>
      </c>
    </row>
    <row r="7970" spans="1:10" x14ac:dyDescent="0.35">
      <c r="A7970" s="1" t="s">
        <v>30706</v>
      </c>
      <c r="B7970" s="1" t="s">
        <v>30194</v>
      </c>
      <c r="C7970" s="1" t="s">
        <v>85</v>
      </c>
      <c r="D7970" s="1" t="s">
        <v>30768</v>
      </c>
      <c r="E7970" s="1" t="s">
        <v>30769</v>
      </c>
      <c r="F7970" s="1" t="s">
        <v>30770</v>
      </c>
      <c r="G7970" s="1" t="s">
        <v>30710</v>
      </c>
      <c r="H7970" s="1" t="s">
        <v>30711</v>
      </c>
      <c r="I7970" s="1" t="s">
        <v>30200</v>
      </c>
      <c r="J7970" s="1" t="s">
        <v>30771</v>
      </c>
    </row>
    <row r="7971" spans="1:10" x14ac:dyDescent="0.35">
      <c r="A7971" s="1" t="s">
        <v>30706</v>
      </c>
      <c r="B7971" s="1" t="s">
        <v>30194</v>
      </c>
      <c r="C7971" s="1" t="s">
        <v>90</v>
      </c>
      <c r="D7971" s="1" t="s">
        <v>30772</v>
      </c>
      <c r="E7971" s="1" t="s">
        <v>30773</v>
      </c>
      <c r="F7971" s="1" t="s">
        <v>30774</v>
      </c>
      <c r="G7971" s="1" t="s">
        <v>30710</v>
      </c>
      <c r="H7971" s="1" t="s">
        <v>30711</v>
      </c>
      <c r="I7971" s="1" t="s">
        <v>30200</v>
      </c>
      <c r="J7971" s="1" t="s">
        <v>30775</v>
      </c>
    </row>
    <row r="7972" spans="1:10" x14ac:dyDescent="0.35">
      <c r="A7972" s="1" t="s">
        <v>30706</v>
      </c>
      <c r="B7972" s="1" t="s">
        <v>30194</v>
      </c>
      <c r="C7972" s="1" t="s">
        <v>95</v>
      </c>
      <c r="D7972" s="1" t="s">
        <v>16990</v>
      </c>
      <c r="E7972" s="1" t="s">
        <v>30776</v>
      </c>
      <c r="F7972" s="1" t="s">
        <v>30777</v>
      </c>
      <c r="G7972" s="1" t="s">
        <v>30710</v>
      </c>
      <c r="H7972" s="1" t="s">
        <v>30711</v>
      </c>
      <c r="I7972" s="1" t="s">
        <v>30200</v>
      </c>
      <c r="J7972" s="1" t="s">
        <v>30778</v>
      </c>
    </row>
    <row r="7973" spans="1:10" x14ac:dyDescent="0.35">
      <c r="A7973" s="1" t="s">
        <v>30706</v>
      </c>
      <c r="B7973" s="1" t="s">
        <v>30194</v>
      </c>
      <c r="C7973" s="1" t="s">
        <v>100</v>
      </c>
      <c r="D7973" s="1" t="s">
        <v>30779</v>
      </c>
      <c r="E7973" s="1" t="s">
        <v>30780</v>
      </c>
      <c r="F7973" s="1" t="s">
        <v>30781</v>
      </c>
      <c r="G7973" s="1" t="s">
        <v>30710</v>
      </c>
      <c r="H7973" s="1" t="s">
        <v>30711</v>
      </c>
      <c r="I7973" s="1" t="s">
        <v>30200</v>
      </c>
      <c r="J7973" s="1" t="s">
        <v>30782</v>
      </c>
    </row>
    <row r="7974" spans="1:10" x14ac:dyDescent="0.35">
      <c r="A7974" s="1" t="s">
        <v>30706</v>
      </c>
      <c r="B7974" s="1" t="s">
        <v>30194</v>
      </c>
      <c r="C7974" s="1" t="s">
        <v>105</v>
      </c>
      <c r="D7974" s="1" t="s">
        <v>9624</v>
      </c>
      <c r="E7974" s="1" t="s">
        <v>30783</v>
      </c>
      <c r="F7974" s="1" t="s">
        <v>30784</v>
      </c>
      <c r="G7974" s="1" t="s">
        <v>30710</v>
      </c>
      <c r="H7974" s="1" t="s">
        <v>30711</v>
      </c>
      <c r="I7974" s="1" t="s">
        <v>30200</v>
      </c>
      <c r="J7974" s="1" t="s">
        <v>30785</v>
      </c>
    </row>
    <row r="7975" spans="1:10" x14ac:dyDescent="0.35">
      <c r="A7975" s="1" t="s">
        <v>30706</v>
      </c>
      <c r="B7975" s="1" t="s">
        <v>30194</v>
      </c>
      <c r="C7975" s="1" t="s">
        <v>110</v>
      </c>
      <c r="D7975" s="1" t="s">
        <v>15519</v>
      </c>
      <c r="E7975" s="1" t="s">
        <v>30786</v>
      </c>
      <c r="F7975" s="1" t="s">
        <v>30787</v>
      </c>
      <c r="G7975" s="1" t="s">
        <v>30710</v>
      </c>
      <c r="H7975" s="1" t="s">
        <v>30711</v>
      </c>
      <c r="I7975" s="1" t="s">
        <v>30200</v>
      </c>
      <c r="J7975" s="1" t="s">
        <v>30788</v>
      </c>
    </row>
    <row r="7976" spans="1:10" x14ac:dyDescent="0.35">
      <c r="A7976" s="1" t="s">
        <v>30706</v>
      </c>
      <c r="B7976" s="1" t="s">
        <v>30194</v>
      </c>
      <c r="C7976" s="1" t="s">
        <v>115</v>
      </c>
      <c r="D7976" s="1" t="s">
        <v>18447</v>
      </c>
      <c r="E7976" s="1" t="s">
        <v>30789</v>
      </c>
      <c r="F7976" s="1" t="s">
        <v>30790</v>
      </c>
      <c r="G7976" s="1" t="s">
        <v>30710</v>
      </c>
      <c r="H7976" s="1" t="s">
        <v>30711</v>
      </c>
      <c r="I7976" s="1" t="s">
        <v>30200</v>
      </c>
      <c r="J7976" s="1" t="s">
        <v>30791</v>
      </c>
    </row>
    <row r="7977" spans="1:10" x14ac:dyDescent="0.35">
      <c r="A7977" s="1" t="s">
        <v>30706</v>
      </c>
      <c r="B7977" s="1" t="s">
        <v>30194</v>
      </c>
      <c r="C7977" s="1" t="s">
        <v>120</v>
      </c>
      <c r="D7977" s="1" t="s">
        <v>10562</v>
      </c>
      <c r="E7977" s="1" t="s">
        <v>30792</v>
      </c>
      <c r="F7977" s="1" t="s">
        <v>30793</v>
      </c>
      <c r="G7977" s="1" t="s">
        <v>30710</v>
      </c>
      <c r="H7977" s="1" t="s">
        <v>30711</v>
      </c>
      <c r="I7977" s="1" t="s">
        <v>30200</v>
      </c>
      <c r="J7977" s="1" t="s">
        <v>30794</v>
      </c>
    </row>
    <row r="7978" spans="1:10" x14ac:dyDescent="0.35">
      <c r="A7978" s="1" t="s">
        <v>30706</v>
      </c>
      <c r="B7978" s="1" t="s">
        <v>30194</v>
      </c>
      <c r="C7978" s="1" t="s">
        <v>125</v>
      </c>
      <c r="D7978" s="1" t="s">
        <v>30795</v>
      </c>
      <c r="E7978" s="1" t="s">
        <v>30796</v>
      </c>
      <c r="F7978" s="1" t="s">
        <v>30797</v>
      </c>
      <c r="G7978" s="1" t="s">
        <v>30710</v>
      </c>
      <c r="H7978" s="1" t="s">
        <v>30711</v>
      </c>
      <c r="I7978" s="1" t="s">
        <v>30200</v>
      </c>
      <c r="J7978" s="1" t="s">
        <v>30798</v>
      </c>
    </row>
    <row r="7979" spans="1:10" x14ac:dyDescent="0.35">
      <c r="A7979" s="1" t="s">
        <v>30706</v>
      </c>
      <c r="B7979" s="1" t="s">
        <v>30194</v>
      </c>
      <c r="C7979" s="1" t="s">
        <v>130</v>
      </c>
      <c r="D7979" s="1" t="s">
        <v>30799</v>
      </c>
      <c r="E7979" s="1" t="s">
        <v>30800</v>
      </c>
      <c r="F7979" s="1" t="s">
        <v>30801</v>
      </c>
      <c r="G7979" s="1" t="s">
        <v>30710</v>
      </c>
      <c r="H7979" s="1" t="s">
        <v>30711</v>
      </c>
      <c r="I7979" s="1" t="s">
        <v>30200</v>
      </c>
      <c r="J7979" s="1" t="s">
        <v>30802</v>
      </c>
    </row>
    <row r="7980" spans="1:10" x14ac:dyDescent="0.35">
      <c r="A7980" s="1" t="s">
        <v>30706</v>
      </c>
      <c r="B7980" s="1" t="s">
        <v>30194</v>
      </c>
      <c r="C7980" s="1" t="s">
        <v>135</v>
      </c>
      <c r="D7980" s="1" t="s">
        <v>30803</v>
      </c>
      <c r="E7980" s="1" t="s">
        <v>30804</v>
      </c>
      <c r="F7980" s="1" t="s">
        <v>30805</v>
      </c>
      <c r="G7980" s="1" t="s">
        <v>30710</v>
      </c>
      <c r="H7980" s="1" t="s">
        <v>30711</v>
      </c>
      <c r="I7980" s="1" t="s">
        <v>30200</v>
      </c>
      <c r="J7980" s="1" t="s">
        <v>30806</v>
      </c>
    </row>
    <row r="7981" spans="1:10" x14ac:dyDescent="0.35">
      <c r="A7981" s="1" t="s">
        <v>30706</v>
      </c>
      <c r="B7981" s="1" t="s">
        <v>30194</v>
      </c>
      <c r="C7981" s="1" t="s">
        <v>140</v>
      </c>
      <c r="D7981" s="1" t="s">
        <v>30807</v>
      </c>
      <c r="E7981" s="1" t="s">
        <v>30808</v>
      </c>
      <c r="F7981" s="1" t="s">
        <v>30809</v>
      </c>
      <c r="G7981" s="1" t="s">
        <v>30710</v>
      </c>
      <c r="H7981" s="1" t="s">
        <v>30711</v>
      </c>
      <c r="I7981" s="1" t="s">
        <v>30200</v>
      </c>
      <c r="J7981" s="1" t="s">
        <v>30810</v>
      </c>
    </row>
    <row r="7982" spans="1:10" x14ac:dyDescent="0.35">
      <c r="A7982" s="1" t="s">
        <v>30706</v>
      </c>
      <c r="B7982" s="1" t="s">
        <v>30194</v>
      </c>
      <c r="C7982" s="1" t="s">
        <v>145</v>
      </c>
      <c r="D7982" s="1" t="s">
        <v>30811</v>
      </c>
      <c r="E7982" s="1" t="s">
        <v>30812</v>
      </c>
      <c r="F7982" s="1" t="s">
        <v>30813</v>
      </c>
      <c r="G7982" s="1" t="s">
        <v>30710</v>
      </c>
      <c r="H7982" s="1" t="s">
        <v>30711</v>
      </c>
      <c r="I7982" s="1" t="s">
        <v>30200</v>
      </c>
      <c r="J7982" s="1" t="s">
        <v>30814</v>
      </c>
    </row>
    <row r="7983" spans="1:10" x14ac:dyDescent="0.35">
      <c r="A7983" s="1" t="s">
        <v>30706</v>
      </c>
      <c r="B7983" s="1" t="s">
        <v>30194</v>
      </c>
      <c r="C7983" s="1" t="s">
        <v>150</v>
      </c>
      <c r="D7983" s="1" t="s">
        <v>30815</v>
      </c>
      <c r="E7983" s="1" t="s">
        <v>30816</v>
      </c>
      <c r="F7983" s="1" t="s">
        <v>30817</v>
      </c>
      <c r="G7983" s="1" t="s">
        <v>30710</v>
      </c>
      <c r="H7983" s="1" t="s">
        <v>30711</v>
      </c>
      <c r="I7983" s="1" t="s">
        <v>30200</v>
      </c>
      <c r="J7983" s="1" t="s">
        <v>30818</v>
      </c>
    </row>
    <row r="7984" spans="1:10" x14ac:dyDescent="0.35">
      <c r="A7984" s="1" t="s">
        <v>30706</v>
      </c>
      <c r="B7984" s="1" t="s">
        <v>30194</v>
      </c>
      <c r="C7984" s="1" t="s">
        <v>155</v>
      </c>
      <c r="D7984" s="1" t="s">
        <v>9051</v>
      </c>
      <c r="E7984" s="1" t="s">
        <v>30819</v>
      </c>
      <c r="F7984" s="1" t="s">
        <v>30820</v>
      </c>
      <c r="G7984" s="1" t="s">
        <v>30710</v>
      </c>
      <c r="H7984" s="1" t="s">
        <v>30711</v>
      </c>
      <c r="I7984" s="1" t="s">
        <v>30200</v>
      </c>
      <c r="J7984" s="1" t="s">
        <v>30821</v>
      </c>
    </row>
    <row r="7985" spans="1:10" x14ac:dyDescent="0.35">
      <c r="A7985" s="1" t="s">
        <v>30706</v>
      </c>
      <c r="B7985" s="1" t="s">
        <v>30194</v>
      </c>
      <c r="C7985" s="1" t="s">
        <v>160</v>
      </c>
      <c r="D7985" s="1" t="s">
        <v>30822</v>
      </c>
      <c r="E7985" s="1" t="s">
        <v>30823</v>
      </c>
      <c r="F7985" s="1" t="s">
        <v>30824</v>
      </c>
      <c r="G7985" s="1" t="s">
        <v>30710</v>
      </c>
      <c r="H7985" s="1" t="s">
        <v>30711</v>
      </c>
      <c r="I7985" s="1" t="s">
        <v>30200</v>
      </c>
      <c r="J7985" s="1" t="s">
        <v>30825</v>
      </c>
    </row>
    <row r="7986" spans="1:10" x14ac:dyDescent="0.35">
      <c r="A7986" s="1" t="s">
        <v>30706</v>
      </c>
      <c r="B7986" s="1" t="s">
        <v>30194</v>
      </c>
      <c r="C7986" s="1" t="s">
        <v>165</v>
      </c>
      <c r="D7986" s="1" t="s">
        <v>30826</v>
      </c>
      <c r="E7986" s="1" t="s">
        <v>30827</v>
      </c>
      <c r="F7986" s="1" t="s">
        <v>30828</v>
      </c>
      <c r="G7986" s="1" t="s">
        <v>30710</v>
      </c>
      <c r="H7986" s="1" t="s">
        <v>30711</v>
      </c>
      <c r="I7986" s="1" t="s">
        <v>30200</v>
      </c>
      <c r="J7986" s="1" t="s">
        <v>30829</v>
      </c>
    </row>
    <row r="7987" spans="1:10" x14ac:dyDescent="0.35">
      <c r="A7987" s="1" t="s">
        <v>30706</v>
      </c>
      <c r="B7987" s="1" t="s">
        <v>30194</v>
      </c>
      <c r="C7987" s="1" t="s">
        <v>170</v>
      </c>
      <c r="D7987" s="1" t="s">
        <v>30830</v>
      </c>
      <c r="E7987" s="1" t="s">
        <v>30831</v>
      </c>
      <c r="F7987" s="1" t="s">
        <v>30832</v>
      </c>
      <c r="G7987" s="1" t="s">
        <v>30710</v>
      </c>
      <c r="H7987" s="1" t="s">
        <v>30711</v>
      </c>
      <c r="I7987" s="1" t="s">
        <v>30200</v>
      </c>
      <c r="J7987" s="1" t="s">
        <v>30833</v>
      </c>
    </row>
    <row r="7988" spans="1:10" x14ac:dyDescent="0.35">
      <c r="A7988" s="1" t="s">
        <v>30834</v>
      </c>
      <c r="B7988" s="1" t="s">
        <v>30194</v>
      </c>
      <c r="C7988" s="1" t="s">
        <v>8</v>
      </c>
      <c r="D7988" s="1" t="s">
        <v>15523</v>
      </c>
      <c r="E7988" s="1" t="s">
        <v>30835</v>
      </c>
      <c r="F7988" s="1" t="s">
        <v>30836</v>
      </c>
      <c r="G7988" s="1" t="s">
        <v>30837</v>
      </c>
      <c r="H7988" s="1" t="s">
        <v>30838</v>
      </c>
      <c r="I7988" s="1" t="s">
        <v>30200</v>
      </c>
      <c r="J7988" s="1" t="s">
        <v>13</v>
      </c>
    </row>
    <row r="7989" spans="1:10" x14ac:dyDescent="0.35">
      <c r="A7989" s="1" t="s">
        <v>30834</v>
      </c>
      <c r="B7989" s="1" t="s">
        <v>30194</v>
      </c>
      <c r="C7989" s="1" t="s">
        <v>15</v>
      </c>
      <c r="D7989" s="1" t="s">
        <v>30839</v>
      </c>
      <c r="E7989" s="1" t="s">
        <v>30840</v>
      </c>
      <c r="F7989" s="1" t="s">
        <v>30841</v>
      </c>
      <c r="G7989" s="1" t="s">
        <v>30837</v>
      </c>
      <c r="H7989" s="1" t="s">
        <v>30838</v>
      </c>
      <c r="I7989" s="1" t="s">
        <v>30200</v>
      </c>
      <c r="J7989" s="1" t="s">
        <v>30842</v>
      </c>
    </row>
    <row r="7990" spans="1:10" x14ac:dyDescent="0.35">
      <c r="A7990" s="1" t="s">
        <v>30834</v>
      </c>
      <c r="B7990" s="1" t="s">
        <v>30194</v>
      </c>
      <c r="C7990" s="1" t="s">
        <v>20</v>
      </c>
      <c r="D7990" s="1" t="s">
        <v>30843</v>
      </c>
      <c r="E7990" s="1" t="s">
        <v>30844</v>
      </c>
      <c r="F7990" s="1" t="s">
        <v>30845</v>
      </c>
      <c r="G7990" s="1" t="s">
        <v>30837</v>
      </c>
      <c r="H7990" s="1" t="s">
        <v>30838</v>
      </c>
      <c r="I7990" s="1" t="s">
        <v>30200</v>
      </c>
      <c r="J7990" s="1" t="s">
        <v>30846</v>
      </c>
    </row>
    <row r="7991" spans="1:10" x14ac:dyDescent="0.35">
      <c r="A7991" s="1" t="s">
        <v>30834</v>
      </c>
      <c r="B7991" s="1" t="s">
        <v>30194</v>
      </c>
      <c r="C7991" s="1" t="s">
        <v>25</v>
      </c>
      <c r="D7991" s="1" t="s">
        <v>30847</v>
      </c>
      <c r="E7991" s="1" t="s">
        <v>30848</v>
      </c>
      <c r="F7991" s="1" t="s">
        <v>30849</v>
      </c>
      <c r="G7991" s="1" t="s">
        <v>30837</v>
      </c>
      <c r="H7991" s="1" t="s">
        <v>30838</v>
      </c>
      <c r="I7991" s="1" t="s">
        <v>30200</v>
      </c>
      <c r="J7991" s="1" t="s">
        <v>30850</v>
      </c>
    </row>
    <row r="7992" spans="1:10" x14ac:dyDescent="0.35">
      <c r="A7992" s="1" t="s">
        <v>30834</v>
      </c>
      <c r="B7992" s="1" t="s">
        <v>30194</v>
      </c>
      <c r="C7992" s="1" t="s">
        <v>30</v>
      </c>
      <c r="D7992" s="1" t="s">
        <v>30851</v>
      </c>
      <c r="E7992" s="1" t="s">
        <v>30852</v>
      </c>
      <c r="F7992" s="1" t="s">
        <v>30853</v>
      </c>
      <c r="G7992" s="1" t="s">
        <v>30837</v>
      </c>
      <c r="H7992" s="1" t="s">
        <v>30838</v>
      </c>
      <c r="I7992" s="1" t="s">
        <v>30200</v>
      </c>
      <c r="J7992" s="1" t="s">
        <v>30854</v>
      </c>
    </row>
    <row r="7993" spans="1:10" x14ac:dyDescent="0.35">
      <c r="A7993" s="1" t="s">
        <v>30834</v>
      </c>
      <c r="B7993" s="1" t="s">
        <v>30194</v>
      </c>
      <c r="C7993" s="1" t="s">
        <v>35</v>
      </c>
      <c r="D7993" s="1" t="s">
        <v>30855</v>
      </c>
      <c r="E7993" s="1" t="s">
        <v>30856</v>
      </c>
      <c r="F7993" s="1" t="s">
        <v>30857</v>
      </c>
      <c r="G7993" s="1" t="s">
        <v>30837</v>
      </c>
      <c r="H7993" s="1" t="s">
        <v>30838</v>
      </c>
      <c r="I7993" s="1" t="s">
        <v>30200</v>
      </c>
      <c r="J7993" s="1" t="s">
        <v>30858</v>
      </c>
    </row>
    <row r="7994" spans="1:10" x14ac:dyDescent="0.35">
      <c r="A7994" s="1" t="s">
        <v>30834</v>
      </c>
      <c r="B7994" s="1" t="s">
        <v>30194</v>
      </c>
      <c r="C7994" s="1" t="s">
        <v>40</v>
      </c>
      <c r="D7994" s="1" t="s">
        <v>30859</v>
      </c>
      <c r="E7994" s="1" t="s">
        <v>30860</v>
      </c>
      <c r="F7994" s="1" t="s">
        <v>30861</v>
      </c>
      <c r="G7994" s="1" t="s">
        <v>30837</v>
      </c>
      <c r="H7994" s="1" t="s">
        <v>30838</v>
      </c>
      <c r="I7994" s="1" t="s">
        <v>30200</v>
      </c>
      <c r="J7994" s="1" t="s">
        <v>30862</v>
      </c>
    </row>
    <row r="7995" spans="1:10" x14ac:dyDescent="0.35">
      <c r="A7995" s="1" t="s">
        <v>30834</v>
      </c>
      <c r="B7995" s="1" t="s">
        <v>30194</v>
      </c>
      <c r="C7995" s="1" t="s">
        <v>45</v>
      </c>
      <c r="D7995" s="1" t="s">
        <v>30863</v>
      </c>
      <c r="E7995" s="1" t="s">
        <v>30864</v>
      </c>
      <c r="F7995" s="1" t="s">
        <v>30865</v>
      </c>
      <c r="G7995" s="1" t="s">
        <v>30837</v>
      </c>
      <c r="H7995" s="1" t="s">
        <v>30838</v>
      </c>
      <c r="I7995" s="1" t="s">
        <v>30200</v>
      </c>
      <c r="J7995" s="1" t="s">
        <v>30866</v>
      </c>
    </row>
    <row r="7996" spans="1:10" x14ac:dyDescent="0.35">
      <c r="A7996" s="1" t="s">
        <v>30834</v>
      </c>
      <c r="B7996" s="1" t="s">
        <v>30194</v>
      </c>
      <c r="C7996" s="1" t="s">
        <v>50</v>
      </c>
      <c r="D7996" s="1" t="s">
        <v>30867</v>
      </c>
      <c r="E7996" s="1" t="s">
        <v>30868</v>
      </c>
      <c r="F7996" s="1" t="s">
        <v>30869</v>
      </c>
      <c r="G7996" s="1" t="s">
        <v>30837</v>
      </c>
      <c r="H7996" s="1" t="s">
        <v>30838</v>
      </c>
      <c r="I7996" s="1" t="s">
        <v>30200</v>
      </c>
      <c r="J7996" s="1" t="s">
        <v>30870</v>
      </c>
    </row>
    <row r="7997" spans="1:10" x14ac:dyDescent="0.35">
      <c r="A7997" s="1" t="s">
        <v>30834</v>
      </c>
      <c r="B7997" s="1" t="s">
        <v>30194</v>
      </c>
      <c r="C7997" s="1" t="s">
        <v>55</v>
      </c>
      <c r="D7997" s="1" t="s">
        <v>30871</v>
      </c>
      <c r="E7997" s="1" t="s">
        <v>30872</v>
      </c>
      <c r="F7997" s="1" t="s">
        <v>30873</v>
      </c>
      <c r="G7997" s="1" t="s">
        <v>30837</v>
      </c>
      <c r="H7997" s="1" t="s">
        <v>30838</v>
      </c>
      <c r="I7997" s="1" t="s">
        <v>30200</v>
      </c>
      <c r="J7997" s="1" t="s">
        <v>30874</v>
      </c>
    </row>
    <row r="7998" spans="1:10" x14ac:dyDescent="0.35">
      <c r="A7998" s="1" t="s">
        <v>30834</v>
      </c>
      <c r="B7998" s="1" t="s">
        <v>30194</v>
      </c>
      <c r="C7998" s="1" t="s">
        <v>60</v>
      </c>
      <c r="D7998" s="1" t="s">
        <v>5433</v>
      </c>
      <c r="E7998" s="1" t="s">
        <v>30875</v>
      </c>
      <c r="F7998" s="1" t="s">
        <v>30876</v>
      </c>
      <c r="G7998" s="1" t="s">
        <v>30837</v>
      </c>
      <c r="H7998" s="1" t="s">
        <v>30838</v>
      </c>
      <c r="I7998" s="1" t="s">
        <v>30200</v>
      </c>
      <c r="J7998" s="1" t="s">
        <v>30877</v>
      </c>
    </row>
    <row r="7999" spans="1:10" x14ac:dyDescent="0.35">
      <c r="A7999" s="1" t="s">
        <v>30834</v>
      </c>
      <c r="B7999" s="1" t="s">
        <v>30194</v>
      </c>
      <c r="C7999" s="1" t="s">
        <v>65</v>
      </c>
      <c r="D7999" s="1" t="s">
        <v>7207</v>
      </c>
      <c r="E7999" s="1" t="s">
        <v>30878</v>
      </c>
      <c r="F7999" s="1" t="s">
        <v>30879</v>
      </c>
      <c r="G7999" s="1" t="s">
        <v>30837</v>
      </c>
      <c r="H7999" s="1" t="s">
        <v>30838</v>
      </c>
      <c r="I7999" s="1" t="s">
        <v>30200</v>
      </c>
      <c r="J7999" s="1" t="s">
        <v>30880</v>
      </c>
    </row>
    <row r="8000" spans="1:10" x14ac:dyDescent="0.35">
      <c r="A8000" s="1" t="s">
        <v>30834</v>
      </c>
      <c r="B8000" s="1" t="s">
        <v>30194</v>
      </c>
      <c r="C8000" s="1" t="s">
        <v>70</v>
      </c>
      <c r="D8000" s="1" t="s">
        <v>30881</v>
      </c>
      <c r="E8000" s="1" t="s">
        <v>30882</v>
      </c>
      <c r="F8000" s="1" t="s">
        <v>30883</v>
      </c>
      <c r="G8000" s="1" t="s">
        <v>30837</v>
      </c>
      <c r="H8000" s="1" t="s">
        <v>30838</v>
      </c>
      <c r="I8000" s="1" t="s">
        <v>30200</v>
      </c>
      <c r="J8000" s="1" t="s">
        <v>30884</v>
      </c>
    </row>
    <row r="8001" spans="1:10" x14ac:dyDescent="0.35">
      <c r="A8001" s="1" t="s">
        <v>30834</v>
      </c>
      <c r="B8001" s="1" t="s">
        <v>30194</v>
      </c>
      <c r="C8001" s="1" t="s">
        <v>75</v>
      </c>
      <c r="D8001" s="1" t="s">
        <v>30885</v>
      </c>
      <c r="E8001" s="1" t="s">
        <v>30886</v>
      </c>
      <c r="F8001" s="1" t="s">
        <v>30887</v>
      </c>
      <c r="G8001" s="1" t="s">
        <v>30837</v>
      </c>
      <c r="H8001" s="1" t="s">
        <v>30838</v>
      </c>
      <c r="I8001" s="1" t="s">
        <v>30200</v>
      </c>
      <c r="J8001" s="1" t="s">
        <v>30888</v>
      </c>
    </row>
    <row r="8002" spans="1:10" x14ac:dyDescent="0.35">
      <c r="A8002" s="1" t="s">
        <v>30834</v>
      </c>
      <c r="B8002" s="1" t="s">
        <v>30194</v>
      </c>
      <c r="C8002" s="1" t="s">
        <v>80</v>
      </c>
      <c r="D8002" s="1" t="s">
        <v>30889</v>
      </c>
      <c r="E8002" s="1" t="s">
        <v>30890</v>
      </c>
      <c r="F8002" s="1" t="s">
        <v>30891</v>
      </c>
      <c r="G8002" s="1" t="s">
        <v>30837</v>
      </c>
      <c r="H8002" s="1" t="s">
        <v>30838</v>
      </c>
      <c r="I8002" s="1" t="s">
        <v>30200</v>
      </c>
      <c r="J8002" s="1" t="s">
        <v>30892</v>
      </c>
    </row>
    <row r="8003" spans="1:10" x14ac:dyDescent="0.35">
      <c r="A8003" s="1" t="s">
        <v>30834</v>
      </c>
      <c r="B8003" s="1" t="s">
        <v>30194</v>
      </c>
      <c r="C8003" s="1" t="s">
        <v>85</v>
      </c>
      <c r="D8003" s="1" t="s">
        <v>30893</v>
      </c>
      <c r="E8003" s="1" t="s">
        <v>30894</v>
      </c>
      <c r="F8003" s="1" t="s">
        <v>30895</v>
      </c>
      <c r="G8003" s="1" t="s">
        <v>30837</v>
      </c>
      <c r="H8003" s="1" t="s">
        <v>30838</v>
      </c>
      <c r="I8003" s="1" t="s">
        <v>30200</v>
      </c>
      <c r="J8003" s="1" t="s">
        <v>30896</v>
      </c>
    </row>
    <row r="8004" spans="1:10" x14ac:dyDescent="0.35">
      <c r="A8004" s="1" t="s">
        <v>30834</v>
      </c>
      <c r="B8004" s="1" t="s">
        <v>30194</v>
      </c>
      <c r="C8004" s="1" t="s">
        <v>90</v>
      </c>
      <c r="D8004" s="1" t="s">
        <v>30897</v>
      </c>
      <c r="E8004" s="1" t="s">
        <v>30898</v>
      </c>
      <c r="F8004" s="1" t="s">
        <v>30899</v>
      </c>
      <c r="G8004" s="1" t="s">
        <v>30837</v>
      </c>
      <c r="H8004" s="1" t="s">
        <v>30838</v>
      </c>
      <c r="I8004" s="1" t="s">
        <v>30200</v>
      </c>
      <c r="J8004" s="1" t="s">
        <v>30900</v>
      </c>
    </row>
    <row r="8005" spans="1:10" x14ac:dyDescent="0.35">
      <c r="A8005" s="1" t="s">
        <v>30834</v>
      </c>
      <c r="B8005" s="1" t="s">
        <v>30194</v>
      </c>
      <c r="C8005" s="1" t="s">
        <v>95</v>
      </c>
      <c r="D8005" s="1" t="s">
        <v>30901</v>
      </c>
      <c r="E8005" s="1" t="s">
        <v>30902</v>
      </c>
      <c r="F8005" s="1" t="s">
        <v>30903</v>
      </c>
      <c r="G8005" s="1" t="s">
        <v>30837</v>
      </c>
      <c r="H8005" s="1" t="s">
        <v>30838</v>
      </c>
      <c r="I8005" s="1" t="s">
        <v>30200</v>
      </c>
      <c r="J8005" s="1" t="s">
        <v>30904</v>
      </c>
    </row>
    <row r="8006" spans="1:10" x14ac:dyDescent="0.35">
      <c r="A8006" s="1" t="s">
        <v>30834</v>
      </c>
      <c r="B8006" s="1" t="s">
        <v>30194</v>
      </c>
      <c r="C8006" s="1" t="s">
        <v>100</v>
      </c>
      <c r="D8006" s="1" t="s">
        <v>30905</v>
      </c>
      <c r="E8006" s="1" t="s">
        <v>30906</v>
      </c>
      <c r="F8006" s="1" t="s">
        <v>30907</v>
      </c>
      <c r="G8006" s="1" t="s">
        <v>30837</v>
      </c>
      <c r="H8006" s="1" t="s">
        <v>30838</v>
      </c>
      <c r="I8006" s="1" t="s">
        <v>30200</v>
      </c>
      <c r="J8006" s="1" t="s">
        <v>30908</v>
      </c>
    </row>
    <row r="8007" spans="1:10" x14ac:dyDescent="0.35">
      <c r="A8007" s="1" t="s">
        <v>30834</v>
      </c>
      <c r="B8007" s="1" t="s">
        <v>30194</v>
      </c>
      <c r="C8007" s="1" t="s">
        <v>105</v>
      </c>
      <c r="D8007" s="1" t="s">
        <v>30909</v>
      </c>
      <c r="E8007" s="1" t="s">
        <v>30910</v>
      </c>
      <c r="F8007" s="1" t="s">
        <v>30911</v>
      </c>
      <c r="G8007" s="1" t="s">
        <v>30837</v>
      </c>
      <c r="H8007" s="1" t="s">
        <v>30838</v>
      </c>
      <c r="I8007" s="1" t="s">
        <v>30200</v>
      </c>
      <c r="J8007" s="1" t="s">
        <v>30912</v>
      </c>
    </row>
    <row r="8008" spans="1:10" x14ac:dyDescent="0.35">
      <c r="A8008" s="1" t="s">
        <v>30834</v>
      </c>
      <c r="B8008" s="1" t="s">
        <v>30194</v>
      </c>
      <c r="C8008" s="1" t="s">
        <v>110</v>
      </c>
      <c r="D8008" s="1" t="s">
        <v>30913</v>
      </c>
      <c r="E8008" s="1" t="s">
        <v>30914</v>
      </c>
      <c r="F8008" s="1" t="s">
        <v>30915</v>
      </c>
      <c r="G8008" s="1" t="s">
        <v>30837</v>
      </c>
      <c r="H8008" s="1" t="s">
        <v>30838</v>
      </c>
      <c r="I8008" s="1" t="s">
        <v>30200</v>
      </c>
      <c r="J8008" s="1" t="s">
        <v>30916</v>
      </c>
    </row>
    <row r="8009" spans="1:10" x14ac:dyDescent="0.35">
      <c r="A8009" s="1" t="s">
        <v>30834</v>
      </c>
      <c r="B8009" s="1" t="s">
        <v>30194</v>
      </c>
      <c r="C8009" s="1" t="s">
        <v>115</v>
      </c>
      <c r="D8009" s="1" t="s">
        <v>30917</v>
      </c>
      <c r="E8009" s="1" t="s">
        <v>30918</v>
      </c>
      <c r="F8009" s="1" t="s">
        <v>30919</v>
      </c>
      <c r="G8009" s="1" t="s">
        <v>30837</v>
      </c>
      <c r="H8009" s="1" t="s">
        <v>30838</v>
      </c>
      <c r="I8009" s="1" t="s">
        <v>30200</v>
      </c>
      <c r="J8009" s="1" t="s">
        <v>30920</v>
      </c>
    </row>
    <row r="8010" spans="1:10" x14ac:dyDescent="0.35">
      <c r="A8010" s="1" t="s">
        <v>30834</v>
      </c>
      <c r="B8010" s="1" t="s">
        <v>30194</v>
      </c>
      <c r="C8010" s="1" t="s">
        <v>120</v>
      </c>
      <c r="D8010" s="1" t="s">
        <v>30921</v>
      </c>
      <c r="E8010" s="1" t="s">
        <v>30922</v>
      </c>
      <c r="F8010" s="1" t="s">
        <v>30923</v>
      </c>
      <c r="G8010" s="1" t="s">
        <v>30837</v>
      </c>
      <c r="H8010" s="1" t="s">
        <v>30838</v>
      </c>
      <c r="I8010" s="1" t="s">
        <v>30200</v>
      </c>
      <c r="J8010" s="1" t="s">
        <v>30924</v>
      </c>
    </row>
    <row r="8011" spans="1:10" x14ac:dyDescent="0.35">
      <c r="A8011" s="1" t="s">
        <v>30834</v>
      </c>
      <c r="B8011" s="1" t="s">
        <v>30194</v>
      </c>
      <c r="C8011" s="1" t="s">
        <v>125</v>
      </c>
      <c r="D8011" s="1" t="s">
        <v>30925</v>
      </c>
      <c r="E8011" s="1" t="s">
        <v>30926</v>
      </c>
      <c r="F8011" s="1" t="s">
        <v>30927</v>
      </c>
      <c r="G8011" s="1" t="s">
        <v>30837</v>
      </c>
      <c r="H8011" s="1" t="s">
        <v>30838</v>
      </c>
      <c r="I8011" s="1" t="s">
        <v>30200</v>
      </c>
      <c r="J8011" s="1" t="s">
        <v>30928</v>
      </c>
    </row>
    <row r="8012" spans="1:10" x14ac:dyDescent="0.35">
      <c r="A8012" s="1" t="s">
        <v>30834</v>
      </c>
      <c r="B8012" s="1" t="s">
        <v>30194</v>
      </c>
      <c r="C8012" s="1" t="s">
        <v>130</v>
      </c>
      <c r="D8012" s="1" t="s">
        <v>30929</v>
      </c>
      <c r="E8012" s="1" t="s">
        <v>30930</v>
      </c>
      <c r="F8012" s="1" t="s">
        <v>30931</v>
      </c>
      <c r="G8012" s="1" t="s">
        <v>30837</v>
      </c>
      <c r="H8012" s="1" t="s">
        <v>30838</v>
      </c>
      <c r="I8012" s="1" t="s">
        <v>30200</v>
      </c>
      <c r="J8012" s="1" t="s">
        <v>30932</v>
      </c>
    </row>
    <row r="8013" spans="1:10" x14ac:dyDescent="0.35">
      <c r="A8013" s="1" t="s">
        <v>30834</v>
      </c>
      <c r="B8013" s="1" t="s">
        <v>30194</v>
      </c>
      <c r="C8013" s="1" t="s">
        <v>135</v>
      </c>
      <c r="D8013" s="1" t="s">
        <v>30933</v>
      </c>
      <c r="E8013" s="1" t="s">
        <v>30934</v>
      </c>
      <c r="F8013" s="1" t="s">
        <v>30935</v>
      </c>
      <c r="G8013" s="1" t="s">
        <v>30837</v>
      </c>
      <c r="H8013" s="1" t="s">
        <v>30838</v>
      </c>
      <c r="I8013" s="1" t="s">
        <v>30200</v>
      </c>
      <c r="J8013" s="1" t="s">
        <v>30936</v>
      </c>
    </row>
    <row r="8014" spans="1:10" x14ac:dyDescent="0.35">
      <c r="A8014" s="1" t="s">
        <v>30834</v>
      </c>
      <c r="B8014" s="1" t="s">
        <v>30194</v>
      </c>
      <c r="C8014" s="1" t="s">
        <v>140</v>
      </c>
      <c r="D8014" s="1" t="s">
        <v>8842</v>
      </c>
      <c r="E8014" s="1" t="s">
        <v>30937</v>
      </c>
      <c r="F8014" s="1" t="s">
        <v>30938</v>
      </c>
      <c r="G8014" s="1" t="s">
        <v>30837</v>
      </c>
      <c r="H8014" s="1" t="s">
        <v>30838</v>
      </c>
      <c r="I8014" s="1" t="s">
        <v>30200</v>
      </c>
      <c r="J8014" s="1" t="s">
        <v>30939</v>
      </c>
    </row>
    <row r="8015" spans="1:10" x14ac:dyDescent="0.35">
      <c r="A8015" s="1" t="s">
        <v>30834</v>
      </c>
      <c r="B8015" s="1" t="s">
        <v>30194</v>
      </c>
      <c r="C8015" s="1" t="s">
        <v>145</v>
      </c>
      <c r="D8015" s="1" t="s">
        <v>30940</v>
      </c>
      <c r="E8015" s="1" t="s">
        <v>30941</v>
      </c>
      <c r="F8015" s="1" t="s">
        <v>30942</v>
      </c>
      <c r="G8015" s="1" t="s">
        <v>30837</v>
      </c>
      <c r="H8015" s="1" t="s">
        <v>30838</v>
      </c>
      <c r="I8015" s="1" t="s">
        <v>30200</v>
      </c>
      <c r="J8015" s="1" t="s">
        <v>30943</v>
      </c>
    </row>
    <row r="8016" spans="1:10" x14ac:dyDescent="0.35">
      <c r="A8016" s="1" t="s">
        <v>30834</v>
      </c>
      <c r="B8016" s="1" t="s">
        <v>30194</v>
      </c>
      <c r="C8016" s="1" t="s">
        <v>150</v>
      </c>
      <c r="D8016" s="1" t="s">
        <v>30944</v>
      </c>
      <c r="E8016" s="1" t="s">
        <v>30945</v>
      </c>
      <c r="F8016" s="1" t="s">
        <v>30946</v>
      </c>
      <c r="G8016" s="1" t="s">
        <v>30837</v>
      </c>
      <c r="H8016" s="1" t="s">
        <v>30838</v>
      </c>
      <c r="I8016" s="1" t="s">
        <v>30200</v>
      </c>
      <c r="J8016" s="1" t="s">
        <v>30947</v>
      </c>
    </row>
    <row r="8017" spans="1:10" x14ac:dyDescent="0.35">
      <c r="A8017" s="1" t="s">
        <v>30834</v>
      </c>
      <c r="B8017" s="1" t="s">
        <v>30194</v>
      </c>
      <c r="C8017" s="1" t="s">
        <v>155</v>
      </c>
      <c r="D8017" s="1" t="s">
        <v>30948</v>
      </c>
      <c r="E8017" s="1" t="s">
        <v>30949</v>
      </c>
      <c r="F8017" s="1" t="s">
        <v>30950</v>
      </c>
      <c r="G8017" s="1" t="s">
        <v>30837</v>
      </c>
      <c r="H8017" s="1" t="s">
        <v>30838</v>
      </c>
      <c r="I8017" s="1" t="s">
        <v>30200</v>
      </c>
      <c r="J8017" s="1" t="s">
        <v>30951</v>
      </c>
    </row>
    <row r="8018" spans="1:10" x14ac:dyDescent="0.35">
      <c r="A8018" s="1" t="s">
        <v>30834</v>
      </c>
      <c r="B8018" s="1" t="s">
        <v>30194</v>
      </c>
      <c r="C8018" s="1" t="s">
        <v>160</v>
      </c>
      <c r="D8018" s="1" t="s">
        <v>30952</v>
      </c>
      <c r="E8018" s="1" t="s">
        <v>30953</v>
      </c>
      <c r="F8018" s="1" t="s">
        <v>30954</v>
      </c>
      <c r="G8018" s="1" t="s">
        <v>30837</v>
      </c>
      <c r="H8018" s="1" t="s">
        <v>30838</v>
      </c>
      <c r="I8018" s="1" t="s">
        <v>30200</v>
      </c>
      <c r="J8018" s="1" t="s">
        <v>30955</v>
      </c>
    </row>
    <row r="8019" spans="1:10" x14ac:dyDescent="0.35">
      <c r="A8019" s="1" t="s">
        <v>30834</v>
      </c>
      <c r="B8019" s="1" t="s">
        <v>30194</v>
      </c>
      <c r="C8019" s="1" t="s">
        <v>165</v>
      </c>
      <c r="D8019" s="1" t="s">
        <v>30956</v>
      </c>
      <c r="E8019" s="1" t="s">
        <v>30957</v>
      </c>
      <c r="F8019" s="1" t="s">
        <v>30958</v>
      </c>
      <c r="G8019" s="1" t="s">
        <v>30837</v>
      </c>
      <c r="H8019" s="1" t="s">
        <v>30838</v>
      </c>
      <c r="I8019" s="1" t="s">
        <v>30200</v>
      </c>
      <c r="J8019" s="1" t="s">
        <v>30959</v>
      </c>
    </row>
    <row r="8020" spans="1:10" x14ac:dyDescent="0.35">
      <c r="A8020" s="1" t="s">
        <v>30834</v>
      </c>
      <c r="B8020" s="1" t="s">
        <v>30194</v>
      </c>
      <c r="C8020" s="1" t="s">
        <v>170</v>
      </c>
      <c r="D8020" s="1" t="s">
        <v>30960</v>
      </c>
      <c r="E8020" s="1" t="s">
        <v>30961</v>
      </c>
      <c r="F8020" s="1" t="s">
        <v>30962</v>
      </c>
      <c r="G8020" s="1" t="s">
        <v>30837</v>
      </c>
      <c r="H8020" s="1" t="s">
        <v>30838</v>
      </c>
      <c r="I8020" s="1" t="s">
        <v>30200</v>
      </c>
      <c r="J8020" s="1" t="s">
        <v>30963</v>
      </c>
    </row>
    <row r="8021" spans="1:10" x14ac:dyDescent="0.35">
      <c r="A8021" s="1" t="s">
        <v>30964</v>
      </c>
      <c r="B8021" s="1" t="s">
        <v>30194</v>
      </c>
      <c r="C8021" s="1" t="s">
        <v>8</v>
      </c>
      <c r="D8021" s="1" t="s">
        <v>404</v>
      </c>
      <c r="E8021" s="1" t="s">
        <v>30965</v>
      </c>
      <c r="F8021" s="1" t="s">
        <v>30966</v>
      </c>
      <c r="G8021" s="1" t="s">
        <v>30967</v>
      </c>
      <c r="H8021" s="1" t="s">
        <v>30968</v>
      </c>
      <c r="I8021" s="1" t="s">
        <v>30200</v>
      </c>
      <c r="J8021" s="1" t="s">
        <v>13</v>
      </c>
    </row>
    <row r="8022" spans="1:10" x14ac:dyDescent="0.35">
      <c r="A8022" s="1" t="s">
        <v>30964</v>
      </c>
      <c r="B8022" s="1" t="s">
        <v>30194</v>
      </c>
      <c r="C8022" s="1" t="s">
        <v>15</v>
      </c>
      <c r="D8022" s="1" t="s">
        <v>18490</v>
      </c>
      <c r="E8022" s="1" t="s">
        <v>30969</v>
      </c>
      <c r="F8022" s="1" t="s">
        <v>30970</v>
      </c>
      <c r="G8022" s="1" t="s">
        <v>30967</v>
      </c>
      <c r="H8022" s="1" t="s">
        <v>30968</v>
      </c>
      <c r="I8022" s="1" t="s">
        <v>30200</v>
      </c>
      <c r="J8022" s="1" t="s">
        <v>30971</v>
      </c>
    </row>
    <row r="8023" spans="1:10" x14ac:dyDescent="0.35">
      <c r="A8023" s="1" t="s">
        <v>30964</v>
      </c>
      <c r="B8023" s="1" t="s">
        <v>30194</v>
      </c>
      <c r="C8023" s="1" t="s">
        <v>20</v>
      </c>
      <c r="D8023" s="1" t="s">
        <v>11807</v>
      </c>
      <c r="E8023" s="1" t="s">
        <v>30972</v>
      </c>
      <c r="F8023" s="1" t="s">
        <v>30973</v>
      </c>
      <c r="G8023" s="1" t="s">
        <v>30967</v>
      </c>
      <c r="H8023" s="1" t="s">
        <v>30968</v>
      </c>
      <c r="I8023" s="1" t="s">
        <v>30200</v>
      </c>
      <c r="J8023" s="1" t="s">
        <v>30974</v>
      </c>
    </row>
    <row r="8024" spans="1:10" x14ac:dyDescent="0.35">
      <c r="A8024" s="1" t="s">
        <v>30964</v>
      </c>
      <c r="B8024" s="1" t="s">
        <v>30194</v>
      </c>
      <c r="C8024" s="1" t="s">
        <v>25</v>
      </c>
      <c r="D8024" s="1" t="s">
        <v>30975</v>
      </c>
      <c r="E8024" s="1" t="s">
        <v>30976</v>
      </c>
      <c r="F8024" s="1" t="s">
        <v>30977</v>
      </c>
      <c r="G8024" s="1" t="s">
        <v>30967</v>
      </c>
      <c r="H8024" s="1" t="s">
        <v>30968</v>
      </c>
      <c r="I8024" s="1" t="s">
        <v>30200</v>
      </c>
      <c r="J8024" s="1" t="s">
        <v>30978</v>
      </c>
    </row>
    <row r="8025" spans="1:10" x14ac:dyDescent="0.35">
      <c r="A8025" s="1" t="s">
        <v>30964</v>
      </c>
      <c r="B8025" s="1" t="s">
        <v>30194</v>
      </c>
      <c r="C8025" s="1" t="s">
        <v>30</v>
      </c>
      <c r="D8025" s="1" t="s">
        <v>30979</v>
      </c>
      <c r="E8025" s="1" t="s">
        <v>30980</v>
      </c>
      <c r="F8025" s="1" t="s">
        <v>30981</v>
      </c>
      <c r="G8025" s="1" t="s">
        <v>30967</v>
      </c>
      <c r="H8025" s="1" t="s">
        <v>30968</v>
      </c>
      <c r="I8025" s="1" t="s">
        <v>30200</v>
      </c>
      <c r="J8025" s="1" t="s">
        <v>30982</v>
      </c>
    </row>
    <row r="8026" spans="1:10" x14ac:dyDescent="0.35">
      <c r="A8026" s="1" t="s">
        <v>30964</v>
      </c>
      <c r="B8026" s="1" t="s">
        <v>30194</v>
      </c>
      <c r="C8026" s="1" t="s">
        <v>35</v>
      </c>
      <c r="D8026" s="1" t="s">
        <v>30983</v>
      </c>
      <c r="E8026" s="1" t="s">
        <v>30984</v>
      </c>
      <c r="F8026" s="1" t="s">
        <v>30985</v>
      </c>
      <c r="G8026" s="1" t="s">
        <v>30967</v>
      </c>
      <c r="H8026" s="1" t="s">
        <v>30968</v>
      </c>
      <c r="I8026" s="1" t="s">
        <v>30200</v>
      </c>
      <c r="J8026" s="1" t="s">
        <v>30986</v>
      </c>
    </row>
    <row r="8027" spans="1:10" x14ac:dyDescent="0.35">
      <c r="A8027" s="1" t="s">
        <v>30964</v>
      </c>
      <c r="B8027" s="1" t="s">
        <v>30194</v>
      </c>
      <c r="C8027" s="1" t="s">
        <v>40</v>
      </c>
      <c r="D8027" s="1" t="s">
        <v>30987</v>
      </c>
      <c r="E8027" s="1" t="s">
        <v>30988</v>
      </c>
      <c r="F8027" s="1" t="s">
        <v>30989</v>
      </c>
      <c r="G8027" s="1" t="s">
        <v>30967</v>
      </c>
      <c r="H8027" s="1" t="s">
        <v>30968</v>
      </c>
      <c r="I8027" s="1" t="s">
        <v>30200</v>
      </c>
      <c r="J8027" s="1" t="s">
        <v>30990</v>
      </c>
    </row>
    <row r="8028" spans="1:10" x14ac:dyDescent="0.35">
      <c r="A8028" s="1" t="s">
        <v>30964</v>
      </c>
      <c r="B8028" s="1" t="s">
        <v>30194</v>
      </c>
      <c r="C8028" s="1" t="s">
        <v>45</v>
      </c>
      <c r="D8028" s="1" t="s">
        <v>30991</v>
      </c>
      <c r="E8028" s="1" t="s">
        <v>30992</v>
      </c>
      <c r="F8028" s="1" t="s">
        <v>30993</v>
      </c>
      <c r="G8028" s="1" t="s">
        <v>30967</v>
      </c>
      <c r="H8028" s="1" t="s">
        <v>30968</v>
      </c>
      <c r="I8028" s="1" t="s">
        <v>30200</v>
      </c>
      <c r="J8028" s="1" t="s">
        <v>30994</v>
      </c>
    </row>
    <row r="8029" spans="1:10" x14ac:dyDescent="0.35">
      <c r="A8029" s="1" t="s">
        <v>30964</v>
      </c>
      <c r="B8029" s="1" t="s">
        <v>30194</v>
      </c>
      <c r="C8029" s="1" t="s">
        <v>50</v>
      </c>
      <c r="D8029" s="1" t="s">
        <v>30995</v>
      </c>
      <c r="E8029" s="1" t="s">
        <v>30996</v>
      </c>
      <c r="F8029" s="1" t="s">
        <v>30997</v>
      </c>
      <c r="G8029" s="1" t="s">
        <v>30967</v>
      </c>
      <c r="H8029" s="1" t="s">
        <v>30968</v>
      </c>
      <c r="I8029" s="1" t="s">
        <v>30200</v>
      </c>
      <c r="J8029" s="1" t="s">
        <v>30998</v>
      </c>
    </row>
    <row r="8030" spans="1:10" x14ac:dyDescent="0.35">
      <c r="A8030" s="1" t="s">
        <v>30964</v>
      </c>
      <c r="B8030" s="1" t="s">
        <v>30194</v>
      </c>
      <c r="C8030" s="1" t="s">
        <v>55</v>
      </c>
      <c r="D8030" s="1" t="s">
        <v>30999</v>
      </c>
      <c r="E8030" s="1" t="s">
        <v>31000</v>
      </c>
      <c r="F8030" s="1" t="s">
        <v>31001</v>
      </c>
      <c r="G8030" s="1" t="s">
        <v>30967</v>
      </c>
      <c r="H8030" s="1" t="s">
        <v>30968</v>
      </c>
      <c r="I8030" s="1" t="s">
        <v>30200</v>
      </c>
      <c r="J8030" s="1" t="s">
        <v>31002</v>
      </c>
    </row>
    <row r="8031" spans="1:10" x14ac:dyDescent="0.35">
      <c r="A8031" s="1" t="s">
        <v>30964</v>
      </c>
      <c r="B8031" s="1" t="s">
        <v>30194</v>
      </c>
      <c r="C8031" s="1" t="s">
        <v>60</v>
      </c>
      <c r="D8031" s="1" t="s">
        <v>31003</v>
      </c>
      <c r="E8031" s="1" t="s">
        <v>31004</v>
      </c>
      <c r="F8031" s="1" t="s">
        <v>31005</v>
      </c>
      <c r="G8031" s="1" t="s">
        <v>30967</v>
      </c>
      <c r="H8031" s="1" t="s">
        <v>30968</v>
      </c>
      <c r="I8031" s="1" t="s">
        <v>30200</v>
      </c>
      <c r="J8031" s="1" t="s">
        <v>31006</v>
      </c>
    </row>
    <row r="8032" spans="1:10" x14ac:dyDescent="0.35">
      <c r="A8032" s="1" t="s">
        <v>30964</v>
      </c>
      <c r="B8032" s="1" t="s">
        <v>30194</v>
      </c>
      <c r="C8032" s="1" t="s">
        <v>65</v>
      </c>
      <c r="D8032" s="1" t="s">
        <v>31007</v>
      </c>
      <c r="E8032" s="1" t="s">
        <v>31008</v>
      </c>
      <c r="F8032" s="1" t="s">
        <v>31009</v>
      </c>
      <c r="G8032" s="1" t="s">
        <v>30967</v>
      </c>
      <c r="H8032" s="1" t="s">
        <v>30968</v>
      </c>
      <c r="I8032" s="1" t="s">
        <v>30200</v>
      </c>
      <c r="J8032" s="1" t="s">
        <v>31010</v>
      </c>
    </row>
    <row r="8033" spans="1:10" x14ac:dyDescent="0.35">
      <c r="A8033" s="1" t="s">
        <v>30964</v>
      </c>
      <c r="B8033" s="1" t="s">
        <v>30194</v>
      </c>
      <c r="C8033" s="1" t="s">
        <v>70</v>
      </c>
      <c r="D8033" s="1" t="s">
        <v>16185</v>
      </c>
      <c r="E8033" s="1" t="s">
        <v>31011</v>
      </c>
      <c r="F8033" s="1" t="s">
        <v>31012</v>
      </c>
      <c r="G8033" s="1" t="s">
        <v>30967</v>
      </c>
      <c r="H8033" s="1" t="s">
        <v>30968</v>
      </c>
      <c r="I8033" s="1" t="s">
        <v>30200</v>
      </c>
      <c r="J8033" s="1" t="s">
        <v>31013</v>
      </c>
    </row>
    <row r="8034" spans="1:10" x14ac:dyDescent="0.35">
      <c r="A8034" s="1" t="s">
        <v>30964</v>
      </c>
      <c r="B8034" s="1" t="s">
        <v>30194</v>
      </c>
      <c r="C8034" s="1" t="s">
        <v>75</v>
      </c>
      <c r="D8034" s="1" t="s">
        <v>31014</v>
      </c>
      <c r="E8034" s="1" t="s">
        <v>31015</v>
      </c>
      <c r="F8034" s="1" t="s">
        <v>31016</v>
      </c>
      <c r="G8034" s="1" t="s">
        <v>30967</v>
      </c>
      <c r="H8034" s="1" t="s">
        <v>30968</v>
      </c>
      <c r="I8034" s="1" t="s">
        <v>30200</v>
      </c>
      <c r="J8034" s="1" t="s">
        <v>31017</v>
      </c>
    </row>
    <row r="8035" spans="1:10" x14ac:dyDescent="0.35">
      <c r="A8035" s="1" t="s">
        <v>30964</v>
      </c>
      <c r="B8035" s="1" t="s">
        <v>30194</v>
      </c>
      <c r="C8035" s="1" t="s">
        <v>80</v>
      </c>
      <c r="D8035" s="1" t="s">
        <v>31018</v>
      </c>
      <c r="E8035" s="1" t="s">
        <v>31019</v>
      </c>
      <c r="F8035" s="1" t="s">
        <v>31020</v>
      </c>
      <c r="G8035" s="1" t="s">
        <v>30967</v>
      </c>
      <c r="H8035" s="1" t="s">
        <v>30968</v>
      </c>
      <c r="I8035" s="1" t="s">
        <v>30200</v>
      </c>
      <c r="J8035" s="1" t="s">
        <v>31021</v>
      </c>
    </row>
    <row r="8036" spans="1:10" x14ac:dyDescent="0.35">
      <c r="A8036" s="1" t="s">
        <v>30964</v>
      </c>
      <c r="B8036" s="1" t="s">
        <v>30194</v>
      </c>
      <c r="C8036" s="1" t="s">
        <v>85</v>
      </c>
      <c r="D8036" s="1" t="s">
        <v>31022</v>
      </c>
      <c r="E8036" s="1" t="s">
        <v>31023</v>
      </c>
      <c r="F8036" s="1" t="s">
        <v>31024</v>
      </c>
      <c r="G8036" s="1" t="s">
        <v>30967</v>
      </c>
      <c r="H8036" s="1" t="s">
        <v>30968</v>
      </c>
      <c r="I8036" s="1" t="s">
        <v>30200</v>
      </c>
      <c r="J8036" s="1" t="s">
        <v>31025</v>
      </c>
    </row>
    <row r="8037" spans="1:10" x14ac:dyDescent="0.35">
      <c r="A8037" s="1" t="s">
        <v>30964</v>
      </c>
      <c r="B8037" s="1" t="s">
        <v>30194</v>
      </c>
      <c r="C8037" s="1" t="s">
        <v>90</v>
      </c>
      <c r="D8037" s="1" t="s">
        <v>31026</v>
      </c>
      <c r="E8037" s="1" t="s">
        <v>31027</v>
      </c>
      <c r="F8037" s="1" t="s">
        <v>31028</v>
      </c>
      <c r="G8037" s="1" t="s">
        <v>30967</v>
      </c>
      <c r="H8037" s="1" t="s">
        <v>30968</v>
      </c>
      <c r="I8037" s="1" t="s">
        <v>30200</v>
      </c>
      <c r="J8037" s="1" t="s">
        <v>31029</v>
      </c>
    </row>
    <row r="8038" spans="1:10" x14ac:dyDescent="0.35">
      <c r="A8038" s="1" t="s">
        <v>30964</v>
      </c>
      <c r="B8038" s="1" t="s">
        <v>30194</v>
      </c>
      <c r="C8038" s="1" t="s">
        <v>95</v>
      </c>
      <c r="D8038" s="1" t="s">
        <v>31030</v>
      </c>
      <c r="E8038" s="1" t="s">
        <v>31031</v>
      </c>
      <c r="F8038" s="1" t="s">
        <v>31032</v>
      </c>
      <c r="G8038" s="1" t="s">
        <v>30967</v>
      </c>
      <c r="H8038" s="1" t="s">
        <v>30968</v>
      </c>
      <c r="I8038" s="1" t="s">
        <v>30200</v>
      </c>
      <c r="J8038" s="1" t="s">
        <v>31033</v>
      </c>
    </row>
    <row r="8039" spans="1:10" x14ac:dyDescent="0.35">
      <c r="A8039" s="1" t="s">
        <v>30964</v>
      </c>
      <c r="B8039" s="1" t="s">
        <v>30194</v>
      </c>
      <c r="C8039" s="1" t="s">
        <v>100</v>
      </c>
      <c r="D8039" s="1" t="s">
        <v>18247</v>
      </c>
      <c r="E8039" s="1" t="s">
        <v>31034</v>
      </c>
      <c r="F8039" s="1" t="s">
        <v>31035</v>
      </c>
      <c r="G8039" s="1" t="s">
        <v>30967</v>
      </c>
      <c r="H8039" s="1" t="s">
        <v>30968</v>
      </c>
      <c r="I8039" s="1" t="s">
        <v>30200</v>
      </c>
      <c r="J8039" s="1" t="s">
        <v>31036</v>
      </c>
    </row>
    <row r="8040" spans="1:10" x14ac:dyDescent="0.35">
      <c r="A8040" s="1" t="s">
        <v>30964</v>
      </c>
      <c r="B8040" s="1" t="s">
        <v>30194</v>
      </c>
      <c r="C8040" s="1" t="s">
        <v>105</v>
      </c>
      <c r="D8040" s="1" t="s">
        <v>18985</v>
      </c>
      <c r="E8040" s="1" t="s">
        <v>31037</v>
      </c>
      <c r="F8040" s="1" t="s">
        <v>31038</v>
      </c>
      <c r="G8040" s="1" t="s">
        <v>30967</v>
      </c>
      <c r="H8040" s="1" t="s">
        <v>30968</v>
      </c>
      <c r="I8040" s="1" t="s">
        <v>30200</v>
      </c>
      <c r="J8040" s="1" t="s">
        <v>31039</v>
      </c>
    </row>
    <row r="8041" spans="1:10" x14ac:dyDescent="0.35">
      <c r="A8041" s="1" t="s">
        <v>30964</v>
      </c>
      <c r="B8041" s="1" t="s">
        <v>30194</v>
      </c>
      <c r="C8041" s="1" t="s">
        <v>110</v>
      </c>
      <c r="D8041" s="1" t="s">
        <v>10570</v>
      </c>
      <c r="E8041" s="1" t="s">
        <v>31040</v>
      </c>
      <c r="F8041" s="1" t="s">
        <v>31041</v>
      </c>
      <c r="G8041" s="1" t="s">
        <v>30967</v>
      </c>
      <c r="H8041" s="1" t="s">
        <v>30968</v>
      </c>
      <c r="I8041" s="1" t="s">
        <v>30200</v>
      </c>
      <c r="J8041" s="1" t="s">
        <v>31042</v>
      </c>
    </row>
    <row r="8042" spans="1:10" x14ac:dyDescent="0.35">
      <c r="A8042" s="1" t="s">
        <v>30964</v>
      </c>
      <c r="B8042" s="1" t="s">
        <v>30194</v>
      </c>
      <c r="C8042" s="1" t="s">
        <v>115</v>
      </c>
      <c r="D8042" s="1" t="s">
        <v>31043</v>
      </c>
      <c r="E8042" s="1" t="s">
        <v>31044</v>
      </c>
      <c r="F8042" s="1" t="s">
        <v>31045</v>
      </c>
      <c r="G8042" s="1" t="s">
        <v>30967</v>
      </c>
      <c r="H8042" s="1" t="s">
        <v>30968</v>
      </c>
      <c r="I8042" s="1" t="s">
        <v>30200</v>
      </c>
      <c r="J8042" s="1" t="s">
        <v>31046</v>
      </c>
    </row>
    <row r="8043" spans="1:10" x14ac:dyDescent="0.35">
      <c r="A8043" s="1" t="s">
        <v>30964</v>
      </c>
      <c r="B8043" s="1" t="s">
        <v>30194</v>
      </c>
      <c r="C8043" s="1" t="s">
        <v>120</v>
      </c>
      <c r="D8043" s="1" t="s">
        <v>31047</v>
      </c>
      <c r="E8043" s="1" t="s">
        <v>31048</v>
      </c>
      <c r="F8043" s="1" t="s">
        <v>31049</v>
      </c>
      <c r="G8043" s="1" t="s">
        <v>30967</v>
      </c>
      <c r="H8043" s="1" t="s">
        <v>30968</v>
      </c>
      <c r="I8043" s="1" t="s">
        <v>30200</v>
      </c>
      <c r="J8043" s="1" t="s">
        <v>31050</v>
      </c>
    </row>
    <row r="8044" spans="1:10" x14ac:dyDescent="0.35">
      <c r="A8044" s="1" t="s">
        <v>30964</v>
      </c>
      <c r="B8044" s="1" t="s">
        <v>30194</v>
      </c>
      <c r="C8044" s="1" t="s">
        <v>125</v>
      </c>
      <c r="D8044" s="1" t="s">
        <v>31051</v>
      </c>
      <c r="E8044" s="1" t="s">
        <v>31052</v>
      </c>
      <c r="F8044" s="1" t="s">
        <v>31053</v>
      </c>
      <c r="G8044" s="1" t="s">
        <v>30967</v>
      </c>
      <c r="H8044" s="1" t="s">
        <v>30968</v>
      </c>
      <c r="I8044" s="1" t="s">
        <v>30200</v>
      </c>
      <c r="J8044" s="1" t="s">
        <v>31054</v>
      </c>
    </row>
    <row r="8045" spans="1:10" x14ac:dyDescent="0.35">
      <c r="A8045" s="1" t="s">
        <v>30964</v>
      </c>
      <c r="B8045" s="1" t="s">
        <v>30194</v>
      </c>
      <c r="C8045" s="1" t="s">
        <v>130</v>
      </c>
      <c r="D8045" s="1" t="s">
        <v>31055</v>
      </c>
      <c r="E8045" s="1" t="s">
        <v>31056</v>
      </c>
      <c r="F8045" s="1" t="s">
        <v>31057</v>
      </c>
      <c r="G8045" s="1" t="s">
        <v>30967</v>
      </c>
      <c r="H8045" s="1" t="s">
        <v>30968</v>
      </c>
      <c r="I8045" s="1" t="s">
        <v>30200</v>
      </c>
      <c r="J8045" s="1" t="s">
        <v>31058</v>
      </c>
    </row>
    <row r="8046" spans="1:10" x14ac:dyDescent="0.35">
      <c r="A8046" s="1" t="s">
        <v>30964</v>
      </c>
      <c r="B8046" s="1" t="s">
        <v>30194</v>
      </c>
      <c r="C8046" s="1" t="s">
        <v>135</v>
      </c>
      <c r="D8046" s="1" t="s">
        <v>10586</v>
      </c>
      <c r="E8046" s="1" t="s">
        <v>31059</v>
      </c>
      <c r="F8046" s="1" t="s">
        <v>31060</v>
      </c>
      <c r="G8046" s="1" t="s">
        <v>30967</v>
      </c>
      <c r="H8046" s="1" t="s">
        <v>30968</v>
      </c>
      <c r="I8046" s="1" t="s">
        <v>30200</v>
      </c>
      <c r="J8046" s="1" t="s">
        <v>31061</v>
      </c>
    </row>
    <row r="8047" spans="1:10" x14ac:dyDescent="0.35">
      <c r="A8047" s="1" t="s">
        <v>30964</v>
      </c>
      <c r="B8047" s="1" t="s">
        <v>30194</v>
      </c>
      <c r="C8047" s="1" t="s">
        <v>140</v>
      </c>
      <c r="D8047" s="1" t="s">
        <v>31062</v>
      </c>
      <c r="E8047" s="1" t="s">
        <v>31063</v>
      </c>
      <c r="F8047" s="1" t="s">
        <v>31064</v>
      </c>
      <c r="G8047" s="1" t="s">
        <v>30967</v>
      </c>
      <c r="H8047" s="1" t="s">
        <v>30968</v>
      </c>
      <c r="I8047" s="1" t="s">
        <v>30200</v>
      </c>
      <c r="J8047" s="1" t="s">
        <v>31065</v>
      </c>
    </row>
    <row r="8048" spans="1:10" x14ac:dyDescent="0.35">
      <c r="A8048" s="1" t="s">
        <v>30964</v>
      </c>
      <c r="B8048" s="1" t="s">
        <v>30194</v>
      </c>
      <c r="C8048" s="1" t="s">
        <v>145</v>
      </c>
      <c r="D8048" s="1" t="s">
        <v>31066</v>
      </c>
      <c r="E8048" s="1" t="s">
        <v>31067</v>
      </c>
      <c r="F8048" s="1" t="s">
        <v>31068</v>
      </c>
      <c r="G8048" s="1" t="s">
        <v>30967</v>
      </c>
      <c r="H8048" s="1" t="s">
        <v>30968</v>
      </c>
      <c r="I8048" s="1" t="s">
        <v>30200</v>
      </c>
      <c r="J8048" s="1" t="s">
        <v>31069</v>
      </c>
    </row>
    <row r="8049" spans="1:10" x14ac:dyDescent="0.35">
      <c r="A8049" s="1" t="s">
        <v>30964</v>
      </c>
      <c r="B8049" s="1" t="s">
        <v>30194</v>
      </c>
      <c r="C8049" s="1" t="s">
        <v>150</v>
      </c>
      <c r="D8049" s="1" t="s">
        <v>31070</v>
      </c>
      <c r="E8049" s="1" t="s">
        <v>31071</v>
      </c>
      <c r="F8049" s="1" t="s">
        <v>31072</v>
      </c>
      <c r="G8049" s="1" t="s">
        <v>30967</v>
      </c>
      <c r="H8049" s="1" t="s">
        <v>30968</v>
      </c>
      <c r="I8049" s="1" t="s">
        <v>30200</v>
      </c>
      <c r="J8049" s="1" t="s">
        <v>31073</v>
      </c>
    </row>
    <row r="8050" spans="1:10" x14ac:dyDescent="0.35">
      <c r="A8050" s="1" t="s">
        <v>30964</v>
      </c>
      <c r="B8050" s="1" t="s">
        <v>30194</v>
      </c>
      <c r="C8050" s="1" t="s">
        <v>155</v>
      </c>
      <c r="D8050" s="1" t="s">
        <v>31074</v>
      </c>
      <c r="E8050" s="1" t="s">
        <v>31075</v>
      </c>
      <c r="F8050" s="1" t="s">
        <v>31076</v>
      </c>
      <c r="G8050" s="1" t="s">
        <v>30967</v>
      </c>
      <c r="H8050" s="1" t="s">
        <v>30968</v>
      </c>
      <c r="I8050" s="1" t="s">
        <v>30200</v>
      </c>
      <c r="J8050" s="1" t="s">
        <v>31077</v>
      </c>
    </row>
    <row r="8051" spans="1:10" x14ac:dyDescent="0.35">
      <c r="A8051" s="1" t="s">
        <v>30964</v>
      </c>
      <c r="B8051" s="1" t="s">
        <v>30194</v>
      </c>
      <c r="C8051" s="1" t="s">
        <v>160</v>
      </c>
      <c r="D8051" s="1" t="s">
        <v>31078</v>
      </c>
      <c r="E8051" s="1" t="s">
        <v>31079</v>
      </c>
      <c r="F8051" s="1" t="s">
        <v>31080</v>
      </c>
      <c r="G8051" s="1" t="s">
        <v>30967</v>
      </c>
      <c r="H8051" s="1" t="s">
        <v>30968</v>
      </c>
      <c r="I8051" s="1" t="s">
        <v>30200</v>
      </c>
      <c r="J8051" s="1" t="s">
        <v>31081</v>
      </c>
    </row>
    <row r="8052" spans="1:10" x14ac:dyDescent="0.35">
      <c r="A8052" s="1" t="s">
        <v>30964</v>
      </c>
      <c r="B8052" s="1" t="s">
        <v>30194</v>
      </c>
      <c r="C8052" s="1" t="s">
        <v>165</v>
      </c>
      <c r="D8052" s="1" t="s">
        <v>31082</v>
      </c>
      <c r="E8052" s="1" t="s">
        <v>31083</v>
      </c>
      <c r="F8052" s="1" t="s">
        <v>31084</v>
      </c>
      <c r="G8052" s="1" t="s">
        <v>30967</v>
      </c>
      <c r="H8052" s="1" t="s">
        <v>30968</v>
      </c>
      <c r="I8052" s="1" t="s">
        <v>30200</v>
      </c>
      <c r="J8052" s="1" t="s">
        <v>31085</v>
      </c>
    </row>
    <row r="8053" spans="1:10" x14ac:dyDescent="0.35">
      <c r="A8053" s="1" t="s">
        <v>30964</v>
      </c>
      <c r="B8053" s="1" t="s">
        <v>30194</v>
      </c>
      <c r="C8053" s="1" t="s">
        <v>170</v>
      </c>
      <c r="D8053" s="1" t="s">
        <v>31086</v>
      </c>
      <c r="E8053" s="1" t="s">
        <v>31087</v>
      </c>
      <c r="F8053" s="1" t="s">
        <v>31088</v>
      </c>
      <c r="G8053" s="1" t="s">
        <v>30967</v>
      </c>
      <c r="H8053" s="1" t="s">
        <v>30968</v>
      </c>
      <c r="I8053" s="1" t="s">
        <v>30200</v>
      </c>
      <c r="J8053" s="1" t="s">
        <v>31089</v>
      </c>
    </row>
    <row r="8054" spans="1:10" x14ac:dyDescent="0.35">
      <c r="A8054" s="1" t="s">
        <v>31090</v>
      </c>
      <c r="B8054" s="1" t="s">
        <v>30194</v>
      </c>
      <c r="C8054" s="1" t="s">
        <v>8</v>
      </c>
      <c r="D8054" s="1" t="s">
        <v>31091</v>
      </c>
      <c r="E8054" s="1" t="s">
        <v>31092</v>
      </c>
      <c r="F8054" s="1" t="s">
        <v>31093</v>
      </c>
      <c r="G8054" s="1" t="s">
        <v>31094</v>
      </c>
      <c r="H8054" s="1" t="s">
        <v>31095</v>
      </c>
      <c r="I8054" s="1" t="s">
        <v>30200</v>
      </c>
      <c r="J8054" s="1" t="s">
        <v>13</v>
      </c>
    </row>
    <row r="8055" spans="1:10" x14ac:dyDescent="0.35">
      <c r="A8055" s="1" t="s">
        <v>31090</v>
      </c>
      <c r="B8055" s="1" t="s">
        <v>30194</v>
      </c>
      <c r="C8055" s="1" t="s">
        <v>15</v>
      </c>
      <c r="D8055" s="1" t="s">
        <v>31096</v>
      </c>
      <c r="E8055" s="1" t="s">
        <v>31097</v>
      </c>
      <c r="F8055" s="1" t="s">
        <v>31098</v>
      </c>
      <c r="G8055" s="1" t="s">
        <v>31094</v>
      </c>
      <c r="H8055" s="1" t="s">
        <v>31095</v>
      </c>
      <c r="I8055" s="1" t="s">
        <v>30200</v>
      </c>
      <c r="J8055" s="1" t="s">
        <v>31099</v>
      </c>
    </row>
    <row r="8056" spans="1:10" x14ac:dyDescent="0.35">
      <c r="A8056" s="1" t="s">
        <v>31090</v>
      </c>
      <c r="B8056" s="1" t="s">
        <v>30194</v>
      </c>
      <c r="C8056" s="1" t="s">
        <v>20</v>
      </c>
      <c r="D8056" s="1" t="s">
        <v>31100</v>
      </c>
      <c r="E8056" s="1" t="s">
        <v>31101</v>
      </c>
      <c r="F8056" s="1" t="s">
        <v>31102</v>
      </c>
      <c r="G8056" s="1" t="s">
        <v>31094</v>
      </c>
      <c r="H8056" s="1" t="s">
        <v>31095</v>
      </c>
      <c r="I8056" s="1" t="s">
        <v>30200</v>
      </c>
      <c r="J8056" s="1" t="s">
        <v>31103</v>
      </c>
    </row>
    <row r="8057" spans="1:10" x14ac:dyDescent="0.35">
      <c r="A8057" s="1" t="s">
        <v>31090</v>
      </c>
      <c r="B8057" s="1" t="s">
        <v>30194</v>
      </c>
      <c r="C8057" s="1" t="s">
        <v>25</v>
      </c>
      <c r="D8057" s="1" t="s">
        <v>31104</v>
      </c>
      <c r="E8057" s="1" t="s">
        <v>31105</v>
      </c>
      <c r="F8057" s="1" t="s">
        <v>31106</v>
      </c>
      <c r="G8057" s="1" t="s">
        <v>31094</v>
      </c>
      <c r="H8057" s="1" t="s">
        <v>31095</v>
      </c>
      <c r="I8057" s="1" t="s">
        <v>30200</v>
      </c>
      <c r="J8057" s="1" t="s">
        <v>31107</v>
      </c>
    </row>
    <row r="8058" spans="1:10" x14ac:dyDescent="0.35">
      <c r="A8058" s="1" t="s">
        <v>31090</v>
      </c>
      <c r="B8058" s="1" t="s">
        <v>30194</v>
      </c>
      <c r="C8058" s="1" t="s">
        <v>30</v>
      </c>
      <c r="D8058" s="1" t="s">
        <v>31108</v>
      </c>
      <c r="E8058" s="1" t="s">
        <v>31109</v>
      </c>
      <c r="F8058" s="1" t="s">
        <v>31110</v>
      </c>
      <c r="G8058" s="1" t="s">
        <v>31094</v>
      </c>
      <c r="H8058" s="1" t="s">
        <v>31095</v>
      </c>
      <c r="I8058" s="1" t="s">
        <v>30200</v>
      </c>
      <c r="J8058" s="1" t="s">
        <v>31111</v>
      </c>
    </row>
    <row r="8059" spans="1:10" x14ac:dyDescent="0.35">
      <c r="A8059" s="1" t="s">
        <v>31090</v>
      </c>
      <c r="B8059" s="1" t="s">
        <v>30194</v>
      </c>
      <c r="C8059" s="1" t="s">
        <v>35</v>
      </c>
      <c r="D8059" s="1" t="s">
        <v>31112</v>
      </c>
      <c r="E8059" s="1" t="s">
        <v>31113</v>
      </c>
      <c r="F8059" s="1" t="s">
        <v>31114</v>
      </c>
      <c r="G8059" s="1" t="s">
        <v>31094</v>
      </c>
      <c r="H8059" s="1" t="s">
        <v>31095</v>
      </c>
      <c r="I8059" s="1" t="s">
        <v>30200</v>
      </c>
      <c r="J8059" s="1" t="s">
        <v>31115</v>
      </c>
    </row>
    <row r="8060" spans="1:10" x14ac:dyDescent="0.35">
      <c r="A8060" s="1" t="s">
        <v>31090</v>
      </c>
      <c r="B8060" s="1" t="s">
        <v>30194</v>
      </c>
      <c r="C8060" s="1" t="s">
        <v>40</v>
      </c>
      <c r="D8060" s="1" t="s">
        <v>31116</v>
      </c>
      <c r="E8060" s="1" t="s">
        <v>31117</v>
      </c>
      <c r="F8060" s="1" t="s">
        <v>31118</v>
      </c>
      <c r="G8060" s="1" t="s">
        <v>31094</v>
      </c>
      <c r="H8060" s="1" t="s">
        <v>31095</v>
      </c>
      <c r="I8060" s="1" t="s">
        <v>30200</v>
      </c>
      <c r="J8060" s="1" t="s">
        <v>31119</v>
      </c>
    </row>
    <row r="8061" spans="1:10" x14ac:dyDescent="0.35">
      <c r="A8061" s="1" t="s">
        <v>31090</v>
      </c>
      <c r="B8061" s="1" t="s">
        <v>30194</v>
      </c>
      <c r="C8061" s="1" t="s">
        <v>45</v>
      </c>
      <c r="D8061" s="1" t="s">
        <v>31120</v>
      </c>
      <c r="E8061" s="1" t="s">
        <v>31121</v>
      </c>
      <c r="F8061" s="1" t="s">
        <v>31122</v>
      </c>
      <c r="G8061" s="1" t="s">
        <v>31094</v>
      </c>
      <c r="H8061" s="1" t="s">
        <v>31095</v>
      </c>
      <c r="I8061" s="1" t="s">
        <v>30200</v>
      </c>
      <c r="J8061" s="1" t="s">
        <v>31123</v>
      </c>
    </row>
    <row r="8062" spans="1:10" x14ac:dyDescent="0.35">
      <c r="A8062" s="1" t="s">
        <v>31090</v>
      </c>
      <c r="B8062" s="1" t="s">
        <v>30194</v>
      </c>
      <c r="C8062" s="1" t="s">
        <v>50</v>
      </c>
      <c r="D8062" s="1" t="s">
        <v>31124</v>
      </c>
      <c r="E8062" s="1" t="s">
        <v>31125</v>
      </c>
      <c r="F8062" s="1" t="s">
        <v>31126</v>
      </c>
      <c r="G8062" s="1" t="s">
        <v>31094</v>
      </c>
      <c r="H8062" s="1" t="s">
        <v>31095</v>
      </c>
      <c r="I8062" s="1" t="s">
        <v>30200</v>
      </c>
      <c r="J8062" s="1" t="s">
        <v>31127</v>
      </c>
    </row>
    <row r="8063" spans="1:10" x14ac:dyDescent="0.35">
      <c r="A8063" s="1" t="s">
        <v>31090</v>
      </c>
      <c r="B8063" s="1" t="s">
        <v>30194</v>
      </c>
      <c r="C8063" s="1" t="s">
        <v>55</v>
      </c>
      <c r="D8063" s="1" t="s">
        <v>31128</v>
      </c>
      <c r="E8063" s="1" t="s">
        <v>31129</v>
      </c>
      <c r="F8063" s="1" t="s">
        <v>31130</v>
      </c>
      <c r="G8063" s="1" t="s">
        <v>31094</v>
      </c>
      <c r="H8063" s="1" t="s">
        <v>31095</v>
      </c>
      <c r="I8063" s="1" t="s">
        <v>30200</v>
      </c>
      <c r="J8063" s="1" t="s">
        <v>31131</v>
      </c>
    </row>
    <row r="8064" spans="1:10" x14ac:dyDescent="0.35">
      <c r="A8064" s="1" t="s">
        <v>31090</v>
      </c>
      <c r="B8064" s="1" t="s">
        <v>30194</v>
      </c>
      <c r="C8064" s="1" t="s">
        <v>60</v>
      </c>
      <c r="D8064" s="1" t="s">
        <v>31132</v>
      </c>
      <c r="E8064" s="1" t="s">
        <v>31133</v>
      </c>
      <c r="F8064" s="1" t="s">
        <v>31134</v>
      </c>
      <c r="G8064" s="1" t="s">
        <v>31094</v>
      </c>
      <c r="H8064" s="1" t="s">
        <v>31095</v>
      </c>
      <c r="I8064" s="1" t="s">
        <v>30200</v>
      </c>
      <c r="J8064" s="1" t="s">
        <v>31135</v>
      </c>
    </row>
    <row r="8065" spans="1:10" x14ac:dyDescent="0.35">
      <c r="A8065" s="1" t="s">
        <v>31090</v>
      </c>
      <c r="B8065" s="1" t="s">
        <v>30194</v>
      </c>
      <c r="C8065" s="1" t="s">
        <v>65</v>
      </c>
      <c r="D8065" s="1" t="s">
        <v>31136</v>
      </c>
      <c r="E8065" s="1" t="s">
        <v>31137</v>
      </c>
      <c r="F8065" s="1" t="s">
        <v>31138</v>
      </c>
      <c r="G8065" s="1" t="s">
        <v>31094</v>
      </c>
      <c r="H8065" s="1" t="s">
        <v>31095</v>
      </c>
      <c r="I8065" s="1" t="s">
        <v>30200</v>
      </c>
      <c r="J8065" s="1" t="s">
        <v>31139</v>
      </c>
    </row>
    <row r="8066" spans="1:10" x14ac:dyDescent="0.35">
      <c r="A8066" s="1" t="s">
        <v>31090</v>
      </c>
      <c r="B8066" s="1" t="s">
        <v>30194</v>
      </c>
      <c r="C8066" s="1" t="s">
        <v>70</v>
      </c>
      <c r="D8066" s="1" t="s">
        <v>17955</v>
      </c>
      <c r="E8066" s="1" t="s">
        <v>31140</v>
      </c>
      <c r="F8066" s="1" t="s">
        <v>31141</v>
      </c>
      <c r="G8066" s="1" t="s">
        <v>31094</v>
      </c>
      <c r="H8066" s="1" t="s">
        <v>31095</v>
      </c>
      <c r="I8066" s="1" t="s">
        <v>30200</v>
      </c>
      <c r="J8066" s="1" t="s">
        <v>31142</v>
      </c>
    </row>
    <row r="8067" spans="1:10" x14ac:dyDescent="0.35">
      <c r="A8067" s="1" t="s">
        <v>31090</v>
      </c>
      <c r="B8067" s="1" t="s">
        <v>30194</v>
      </c>
      <c r="C8067" s="1" t="s">
        <v>75</v>
      </c>
      <c r="D8067" s="1" t="s">
        <v>31143</v>
      </c>
      <c r="E8067" s="1" t="s">
        <v>31144</v>
      </c>
      <c r="F8067" s="1" t="s">
        <v>31145</v>
      </c>
      <c r="G8067" s="1" t="s">
        <v>31094</v>
      </c>
      <c r="H8067" s="1" t="s">
        <v>31095</v>
      </c>
      <c r="I8067" s="1" t="s">
        <v>30200</v>
      </c>
      <c r="J8067" s="1" t="s">
        <v>31146</v>
      </c>
    </row>
    <row r="8068" spans="1:10" x14ac:dyDescent="0.35">
      <c r="A8068" s="1" t="s">
        <v>31090</v>
      </c>
      <c r="B8068" s="1" t="s">
        <v>30194</v>
      </c>
      <c r="C8068" s="1" t="s">
        <v>80</v>
      </c>
      <c r="D8068" s="1" t="s">
        <v>3128</v>
      </c>
      <c r="E8068" s="1" t="s">
        <v>31147</v>
      </c>
      <c r="F8068" s="1" t="s">
        <v>31148</v>
      </c>
      <c r="G8068" s="1" t="s">
        <v>31094</v>
      </c>
      <c r="H8068" s="1" t="s">
        <v>31095</v>
      </c>
      <c r="I8068" s="1" t="s">
        <v>30200</v>
      </c>
      <c r="J8068" s="1" t="s">
        <v>31149</v>
      </c>
    </row>
    <row r="8069" spans="1:10" x14ac:dyDescent="0.35">
      <c r="A8069" s="1" t="s">
        <v>31090</v>
      </c>
      <c r="B8069" s="1" t="s">
        <v>30194</v>
      </c>
      <c r="C8069" s="1" t="s">
        <v>85</v>
      </c>
      <c r="D8069" s="1" t="s">
        <v>31150</v>
      </c>
      <c r="E8069" s="1" t="s">
        <v>31151</v>
      </c>
      <c r="F8069" s="1" t="s">
        <v>31152</v>
      </c>
      <c r="G8069" s="1" t="s">
        <v>31094</v>
      </c>
      <c r="H8069" s="1" t="s">
        <v>31095</v>
      </c>
      <c r="I8069" s="1" t="s">
        <v>30200</v>
      </c>
      <c r="J8069" s="1" t="s">
        <v>31153</v>
      </c>
    </row>
    <row r="8070" spans="1:10" x14ac:dyDescent="0.35">
      <c r="A8070" s="1" t="s">
        <v>31090</v>
      </c>
      <c r="B8070" s="1" t="s">
        <v>30194</v>
      </c>
      <c r="C8070" s="1" t="s">
        <v>90</v>
      </c>
      <c r="D8070" s="1" t="s">
        <v>31154</v>
      </c>
      <c r="E8070" s="1" t="s">
        <v>31155</v>
      </c>
      <c r="F8070" s="1" t="s">
        <v>31156</v>
      </c>
      <c r="G8070" s="1" t="s">
        <v>31094</v>
      </c>
      <c r="H8070" s="1" t="s">
        <v>31095</v>
      </c>
      <c r="I8070" s="1" t="s">
        <v>30200</v>
      </c>
      <c r="J8070" s="1" t="s">
        <v>31157</v>
      </c>
    </row>
    <row r="8071" spans="1:10" x14ac:dyDescent="0.35">
      <c r="A8071" s="1" t="s">
        <v>31090</v>
      </c>
      <c r="B8071" s="1" t="s">
        <v>30194</v>
      </c>
      <c r="C8071" s="1" t="s">
        <v>95</v>
      </c>
      <c r="D8071" s="1" t="s">
        <v>31158</v>
      </c>
      <c r="E8071" s="1" t="s">
        <v>31159</v>
      </c>
      <c r="F8071" s="1" t="s">
        <v>31160</v>
      </c>
      <c r="G8071" s="1" t="s">
        <v>31094</v>
      </c>
      <c r="H8071" s="1" t="s">
        <v>31095</v>
      </c>
      <c r="I8071" s="1" t="s">
        <v>30200</v>
      </c>
      <c r="J8071" s="1" t="s">
        <v>31161</v>
      </c>
    </row>
    <row r="8072" spans="1:10" x14ac:dyDescent="0.35">
      <c r="A8072" s="1" t="s">
        <v>31090</v>
      </c>
      <c r="B8072" s="1" t="s">
        <v>30194</v>
      </c>
      <c r="C8072" s="1" t="s">
        <v>100</v>
      </c>
      <c r="D8072" s="1" t="s">
        <v>31162</v>
      </c>
      <c r="E8072" s="1" t="s">
        <v>31163</v>
      </c>
      <c r="F8072" s="1" t="s">
        <v>31164</v>
      </c>
      <c r="G8072" s="1" t="s">
        <v>31094</v>
      </c>
      <c r="H8072" s="1" t="s">
        <v>31095</v>
      </c>
      <c r="I8072" s="1" t="s">
        <v>30200</v>
      </c>
      <c r="J8072" s="1" t="s">
        <v>31165</v>
      </c>
    </row>
    <row r="8073" spans="1:10" x14ac:dyDescent="0.35">
      <c r="A8073" s="1" t="s">
        <v>31090</v>
      </c>
      <c r="B8073" s="1" t="s">
        <v>30194</v>
      </c>
      <c r="C8073" s="1" t="s">
        <v>105</v>
      </c>
      <c r="D8073" s="1" t="s">
        <v>30987</v>
      </c>
      <c r="E8073" s="1" t="s">
        <v>31166</v>
      </c>
      <c r="F8073" s="1" t="s">
        <v>31167</v>
      </c>
      <c r="G8073" s="1" t="s">
        <v>31094</v>
      </c>
      <c r="H8073" s="1" t="s">
        <v>31095</v>
      </c>
      <c r="I8073" s="1" t="s">
        <v>30200</v>
      </c>
      <c r="J8073" s="1" t="s">
        <v>31168</v>
      </c>
    </row>
    <row r="8074" spans="1:10" x14ac:dyDescent="0.35">
      <c r="A8074" s="1" t="s">
        <v>31090</v>
      </c>
      <c r="B8074" s="1" t="s">
        <v>30194</v>
      </c>
      <c r="C8074" s="1" t="s">
        <v>110</v>
      </c>
      <c r="D8074" s="1" t="s">
        <v>31169</v>
      </c>
      <c r="E8074" s="1" t="s">
        <v>31170</v>
      </c>
      <c r="F8074" s="1" t="s">
        <v>31171</v>
      </c>
      <c r="G8074" s="1" t="s">
        <v>31094</v>
      </c>
      <c r="H8074" s="1" t="s">
        <v>31095</v>
      </c>
      <c r="I8074" s="1" t="s">
        <v>30200</v>
      </c>
      <c r="J8074" s="1" t="s">
        <v>31172</v>
      </c>
    </row>
    <row r="8075" spans="1:10" x14ac:dyDescent="0.35">
      <c r="A8075" s="1" t="s">
        <v>31090</v>
      </c>
      <c r="B8075" s="1" t="s">
        <v>30194</v>
      </c>
      <c r="C8075" s="1" t="s">
        <v>115</v>
      </c>
      <c r="D8075" s="1" t="s">
        <v>31173</v>
      </c>
      <c r="E8075" s="1" t="s">
        <v>31174</v>
      </c>
      <c r="F8075" s="1" t="s">
        <v>31175</v>
      </c>
      <c r="G8075" s="1" t="s">
        <v>31094</v>
      </c>
      <c r="H8075" s="1" t="s">
        <v>31095</v>
      </c>
      <c r="I8075" s="1" t="s">
        <v>30200</v>
      </c>
      <c r="J8075" s="1" t="s">
        <v>31176</v>
      </c>
    </row>
    <row r="8076" spans="1:10" x14ac:dyDescent="0.35">
      <c r="A8076" s="1" t="s">
        <v>31090</v>
      </c>
      <c r="B8076" s="1" t="s">
        <v>30194</v>
      </c>
      <c r="C8076" s="1" t="s">
        <v>120</v>
      </c>
      <c r="D8076" s="1" t="s">
        <v>31177</v>
      </c>
      <c r="E8076" s="1" t="s">
        <v>31178</v>
      </c>
      <c r="F8076" s="1" t="s">
        <v>31179</v>
      </c>
      <c r="G8076" s="1" t="s">
        <v>31094</v>
      </c>
      <c r="H8076" s="1" t="s">
        <v>31095</v>
      </c>
      <c r="I8076" s="1" t="s">
        <v>30200</v>
      </c>
      <c r="J8076" s="1" t="s">
        <v>31180</v>
      </c>
    </row>
    <row r="8077" spans="1:10" x14ac:dyDescent="0.35">
      <c r="A8077" s="1" t="s">
        <v>31090</v>
      </c>
      <c r="B8077" s="1" t="s">
        <v>30194</v>
      </c>
      <c r="C8077" s="1" t="s">
        <v>125</v>
      </c>
      <c r="D8077" s="1" t="s">
        <v>31181</v>
      </c>
      <c r="E8077" s="1" t="s">
        <v>31182</v>
      </c>
      <c r="F8077" s="1" t="s">
        <v>31183</v>
      </c>
      <c r="G8077" s="1" t="s">
        <v>31094</v>
      </c>
      <c r="H8077" s="1" t="s">
        <v>31095</v>
      </c>
      <c r="I8077" s="1" t="s">
        <v>30200</v>
      </c>
      <c r="J8077" s="1" t="s">
        <v>31184</v>
      </c>
    </row>
    <row r="8078" spans="1:10" x14ac:dyDescent="0.35">
      <c r="A8078" s="1" t="s">
        <v>31090</v>
      </c>
      <c r="B8078" s="1" t="s">
        <v>30194</v>
      </c>
      <c r="C8078" s="1" t="s">
        <v>130</v>
      </c>
      <c r="D8078" s="1" t="s">
        <v>31185</v>
      </c>
      <c r="E8078" s="1" t="s">
        <v>31186</v>
      </c>
      <c r="F8078" s="1" t="s">
        <v>31187</v>
      </c>
      <c r="G8078" s="1" t="s">
        <v>31094</v>
      </c>
      <c r="H8078" s="1" t="s">
        <v>31095</v>
      </c>
      <c r="I8078" s="1" t="s">
        <v>30200</v>
      </c>
      <c r="J8078" s="1" t="s">
        <v>31188</v>
      </c>
    </row>
    <row r="8079" spans="1:10" x14ac:dyDescent="0.35">
      <c r="A8079" s="1" t="s">
        <v>31090</v>
      </c>
      <c r="B8079" s="1" t="s">
        <v>30194</v>
      </c>
      <c r="C8079" s="1" t="s">
        <v>135</v>
      </c>
      <c r="D8079" s="1" t="s">
        <v>31189</v>
      </c>
      <c r="E8079" s="1" t="s">
        <v>31190</v>
      </c>
      <c r="F8079" s="1" t="s">
        <v>31191</v>
      </c>
      <c r="G8079" s="1" t="s">
        <v>31094</v>
      </c>
      <c r="H8079" s="1" t="s">
        <v>31095</v>
      </c>
      <c r="I8079" s="1" t="s">
        <v>30200</v>
      </c>
      <c r="J8079" s="1" t="s">
        <v>31192</v>
      </c>
    </row>
    <row r="8080" spans="1:10" x14ac:dyDescent="0.35">
      <c r="A8080" s="1" t="s">
        <v>31090</v>
      </c>
      <c r="B8080" s="1" t="s">
        <v>30194</v>
      </c>
      <c r="C8080" s="1" t="s">
        <v>140</v>
      </c>
      <c r="D8080" s="1" t="s">
        <v>31193</v>
      </c>
      <c r="E8080" s="1" t="s">
        <v>31194</v>
      </c>
      <c r="F8080" s="1" t="s">
        <v>31195</v>
      </c>
      <c r="G8080" s="1" t="s">
        <v>31094</v>
      </c>
      <c r="H8080" s="1" t="s">
        <v>31095</v>
      </c>
      <c r="I8080" s="1" t="s">
        <v>30200</v>
      </c>
      <c r="J8080" s="1" t="s">
        <v>31196</v>
      </c>
    </row>
    <row r="8081" spans="1:10" x14ac:dyDescent="0.35">
      <c r="A8081" s="1" t="s">
        <v>31090</v>
      </c>
      <c r="B8081" s="1" t="s">
        <v>30194</v>
      </c>
      <c r="C8081" s="1" t="s">
        <v>145</v>
      </c>
      <c r="D8081" s="1" t="s">
        <v>31197</v>
      </c>
      <c r="E8081" s="1" t="s">
        <v>31198</v>
      </c>
      <c r="F8081" s="1" t="s">
        <v>31199</v>
      </c>
      <c r="G8081" s="1" t="s">
        <v>31094</v>
      </c>
      <c r="H8081" s="1" t="s">
        <v>31095</v>
      </c>
      <c r="I8081" s="1" t="s">
        <v>30200</v>
      </c>
      <c r="J8081" s="1" t="s">
        <v>31200</v>
      </c>
    </row>
    <row r="8082" spans="1:10" x14ac:dyDescent="0.35">
      <c r="A8082" s="1" t="s">
        <v>31090</v>
      </c>
      <c r="B8082" s="1" t="s">
        <v>30194</v>
      </c>
      <c r="C8082" s="1" t="s">
        <v>150</v>
      </c>
      <c r="D8082" s="1" t="s">
        <v>31201</v>
      </c>
      <c r="E8082" s="1" t="s">
        <v>31202</v>
      </c>
      <c r="F8082" s="1" t="s">
        <v>31203</v>
      </c>
      <c r="G8082" s="1" t="s">
        <v>31094</v>
      </c>
      <c r="H8082" s="1" t="s">
        <v>31095</v>
      </c>
      <c r="I8082" s="1" t="s">
        <v>30200</v>
      </c>
      <c r="J8082" s="1" t="s">
        <v>31204</v>
      </c>
    </row>
    <row r="8083" spans="1:10" x14ac:dyDescent="0.35">
      <c r="A8083" s="1" t="s">
        <v>31090</v>
      </c>
      <c r="B8083" s="1" t="s">
        <v>30194</v>
      </c>
      <c r="C8083" s="1" t="s">
        <v>155</v>
      </c>
      <c r="D8083" s="1" t="s">
        <v>31205</v>
      </c>
      <c r="E8083" s="1" t="s">
        <v>31206</v>
      </c>
      <c r="F8083" s="1" t="s">
        <v>31207</v>
      </c>
      <c r="G8083" s="1" t="s">
        <v>31094</v>
      </c>
      <c r="H8083" s="1" t="s">
        <v>31095</v>
      </c>
      <c r="I8083" s="1" t="s">
        <v>30200</v>
      </c>
      <c r="J8083" s="1" t="s">
        <v>31208</v>
      </c>
    </row>
    <row r="8084" spans="1:10" x14ac:dyDescent="0.35">
      <c r="A8084" s="1" t="s">
        <v>31090</v>
      </c>
      <c r="B8084" s="1" t="s">
        <v>30194</v>
      </c>
      <c r="C8084" s="1" t="s">
        <v>160</v>
      </c>
      <c r="D8084" s="1" t="s">
        <v>31209</v>
      </c>
      <c r="E8084" s="1" t="s">
        <v>31210</v>
      </c>
      <c r="F8084" s="1" t="s">
        <v>31211</v>
      </c>
      <c r="G8084" s="1" t="s">
        <v>31094</v>
      </c>
      <c r="H8084" s="1" t="s">
        <v>31095</v>
      </c>
      <c r="I8084" s="1" t="s">
        <v>30200</v>
      </c>
      <c r="J8084" s="1" t="s">
        <v>31212</v>
      </c>
    </row>
    <row r="8085" spans="1:10" x14ac:dyDescent="0.35">
      <c r="A8085" s="1" t="s">
        <v>31090</v>
      </c>
      <c r="B8085" s="1" t="s">
        <v>30194</v>
      </c>
      <c r="C8085" s="1" t="s">
        <v>165</v>
      </c>
      <c r="D8085" s="1" t="s">
        <v>31213</v>
      </c>
      <c r="E8085" s="1" t="s">
        <v>31214</v>
      </c>
      <c r="F8085" s="1" t="s">
        <v>31215</v>
      </c>
      <c r="G8085" s="1" t="s">
        <v>31094</v>
      </c>
      <c r="H8085" s="1" t="s">
        <v>31095</v>
      </c>
      <c r="I8085" s="1" t="s">
        <v>30200</v>
      </c>
      <c r="J8085" s="1" t="s">
        <v>31216</v>
      </c>
    </row>
    <row r="8086" spans="1:10" x14ac:dyDescent="0.35">
      <c r="A8086" s="1" t="s">
        <v>31090</v>
      </c>
      <c r="B8086" s="1" t="s">
        <v>30194</v>
      </c>
      <c r="C8086" s="1" t="s">
        <v>170</v>
      </c>
      <c r="D8086" s="1" t="s">
        <v>31217</v>
      </c>
      <c r="E8086" s="1" t="s">
        <v>31218</v>
      </c>
      <c r="F8086" s="1" t="s">
        <v>19153</v>
      </c>
      <c r="G8086" s="1" t="s">
        <v>31094</v>
      </c>
      <c r="H8086" s="1" t="s">
        <v>31095</v>
      </c>
      <c r="I8086" s="1" t="s">
        <v>30200</v>
      </c>
      <c r="J8086" s="1" t="s">
        <v>31219</v>
      </c>
    </row>
    <row r="8087" spans="1:10" x14ac:dyDescent="0.35">
      <c r="A8087" s="1" t="s">
        <v>31220</v>
      </c>
      <c r="B8087" s="1" t="s">
        <v>30194</v>
      </c>
      <c r="C8087" s="1" t="s">
        <v>8</v>
      </c>
      <c r="D8087" s="1" t="s">
        <v>31221</v>
      </c>
      <c r="E8087" s="1" t="s">
        <v>31222</v>
      </c>
      <c r="F8087" s="1" t="s">
        <v>31223</v>
      </c>
      <c r="G8087" s="1" t="s">
        <v>31224</v>
      </c>
      <c r="H8087" s="1" t="s">
        <v>31225</v>
      </c>
      <c r="I8087" s="1" t="s">
        <v>30200</v>
      </c>
      <c r="J8087" s="1" t="s">
        <v>13</v>
      </c>
    </row>
    <row r="8088" spans="1:10" x14ac:dyDescent="0.35">
      <c r="A8088" s="1" t="s">
        <v>31220</v>
      </c>
      <c r="B8088" s="1" t="s">
        <v>30194</v>
      </c>
      <c r="C8088" s="1" t="s">
        <v>15</v>
      </c>
      <c r="D8088" s="1" t="s">
        <v>31226</v>
      </c>
      <c r="E8088" s="1" t="s">
        <v>31227</v>
      </c>
      <c r="F8088" s="1" t="s">
        <v>31228</v>
      </c>
      <c r="G8088" s="1" t="s">
        <v>31224</v>
      </c>
      <c r="H8088" s="1" t="s">
        <v>31225</v>
      </c>
      <c r="I8088" s="1" t="s">
        <v>30200</v>
      </c>
      <c r="J8088" s="1" t="s">
        <v>31229</v>
      </c>
    </row>
    <row r="8089" spans="1:10" x14ac:dyDescent="0.35">
      <c r="A8089" s="1" t="s">
        <v>31220</v>
      </c>
      <c r="B8089" s="1" t="s">
        <v>30194</v>
      </c>
      <c r="C8089" s="1" t="s">
        <v>20</v>
      </c>
      <c r="D8089" s="1" t="s">
        <v>31230</v>
      </c>
      <c r="E8089" s="1" t="s">
        <v>31231</v>
      </c>
      <c r="F8089" s="1" t="s">
        <v>31232</v>
      </c>
      <c r="G8089" s="1" t="s">
        <v>31224</v>
      </c>
      <c r="H8089" s="1" t="s">
        <v>31225</v>
      </c>
      <c r="I8089" s="1" t="s">
        <v>30200</v>
      </c>
      <c r="J8089" s="1" t="s">
        <v>31233</v>
      </c>
    </row>
    <row r="8090" spans="1:10" x14ac:dyDescent="0.35">
      <c r="A8090" s="1" t="s">
        <v>31220</v>
      </c>
      <c r="B8090" s="1" t="s">
        <v>30194</v>
      </c>
      <c r="C8090" s="1" t="s">
        <v>25</v>
      </c>
      <c r="D8090" s="1" t="s">
        <v>31234</v>
      </c>
      <c r="E8090" s="1" t="s">
        <v>31235</v>
      </c>
      <c r="F8090" s="1" t="s">
        <v>31236</v>
      </c>
      <c r="G8090" s="1" t="s">
        <v>31224</v>
      </c>
      <c r="H8090" s="1" t="s">
        <v>31225</v>
      </c>
      <c r="I8090" s="1" t="s">
        <v>30200</v>
      </c>
      <c r="J8090" s="1" t="s">
        <v>31237</v>
      </c>
    </row>
    <row r="8091" spans="1:10" x14ac:dyDescent="0.35">
      <c r="A8091" s="1" t="s">
        <v>31220</v>
      </c>
      <c r="B8091" s="1" t="s">
        <v>30194</v>
      </c>
      <c r="C8091" s="1" t="s">
        <v>30</v>
      </c>
      <c r="D8091" s="1" t="s">
        <v>31238</v>
      </c>
      <c r="E8091" s="1" t="s">
        <v>31239</v>
      </c>
      <c r="F8091" s="1" t="s">
        <v>31240</v>
      </c>
      <c r="G8091" s="1" t="s">
        <v>31224</v>
      </c>
      <c r="H8091" s="1" t="s">
        <v>31225</v>
      </c>
      <c r="I8091" s="1" t="s">
        <v>30200</v>
      </c>
      <c r="J8091" s="1" t="s">
        <v>31241</v>
      </c>
    </row>
    <row r="8092" spans="1:10" x14ac:dyDescent="0.35">
      <c r="A8092" s="1" t="s">
        <v>31220</v>
      </c>
      <c r="B8092" s="1" t="s">
        <v>30194</v>
      </c>
      <c r="C8092" s="1" t="s">
        <v>35</v>
      </c>
      <c r="D8092" s="1" t="s">
        <v>31242</v>
      </c>
      <c r="E8092" s="1" t="s">
        <v>31243</v>
      </c>
      <c r="F8092" s="1" t="s">
        <v>31244</v>
      </c>
      <c r="G8092" s="1" t="s">
        <v>31224</v>
      </c>
      <c r="H8092" s="1" t="s">
        <v>31225</v>
      </c>
      <c r="I8092" s="1" t="s">
        <v>30200</v>
      </c>
      <c r="J8092" s="1" t="s">
        <v>31245</v>
      </c>
    </row>
    <row r="8093" spans="1:10" x14ac:dyDescent="0.35">
      <c r="A8093" s="1" t="s">
        <v>31220</v>
      </c>
      <c r="B8093" s="1" t="s">
        <v>30194</v>
      </c>
      <c r="C8093" s="1" t="s">
        <v>40</v>
      </c>
      <c r="D8093" s="1" t="s">
        <v>17179</v>
      </c>
      <c r="E8093" s="1" t="s">
        <v>31246</v>
      </c>
      <c r="F8093" s="1" t="s">
        <v>31247</v>
      </c>
      <c r="G8093" s="1" t="s">
        <v>31224</v>
      </c>
      <c r="H8093" s="1" t="s">
        <v>31225</v>
      </c>
      <c r="I8093" s="1" t="s">
        <v>30200</v>
      </c>
      <c r="J8093" s="1" t="s">
        <v>31248</v>
      </c>
    </row>
    <row r="8094" spans="1:10" x14ac:dyDescent="0.35">
      <c r="A8094" s="1" t="s">
        <v>31220</v>
      </c>
      <c r="B8094" s="1" t="s">
        <v>30194</v>
      </c>
      <c r="C8094" s="1" t="s">
        <v>45</v>
      </c>
      <c r="D8094" s="1" t="s">
        <v>31249</v>
      </c>
      <c r="E8094" s="1" t="s">
        <v>31250</v>
      </c>
      <c r="F8094" s="1" t="s">
        <v>31251</v>
      </c>
      <c r="G8094" s="1" t="s">
        <v>31224</v>
      </c>
      <c r="H8094" s="1" t="s">
        <v>31225</v>
      </c>
      <c r="I8094" s="1" t="s">
        <v>30200</v>
      </c>
      <c r="J8094" s="1" t="s">
        <v>31252</v>
      </c>
    </row>
    <row r="8095" spans="1:10" x14ac:dyDescent="0.35">
      <c r="A8095" s="1" t="s">
        <v>31220</v>
      </c>
      <c r="B8095" s="1" t="s">
        <v>30194</v>
      </c>
      <c r="C8095" s="1" t="s">
        <v>50</v>
      </c>
      <c r="D8095" s="1" t="s">
        <v>31253</v>
      </c>
      <c r="E8095" s="1" t="s">
        <v>31254</v>
      </c>
      <c r="F8095" s="1" t="s">
        <v>31255</v>
      </c>
      <c r="G8095" s="1" t="s">
        <v>31224</v>
      </c>
      <c r="H8095" s="1" t="s">
        <v>31225</v>
      </c>
      <c r="I8095" s="1" t="s">
        <v>30200</v>
      </c>
      <c r="J8095" s="1" t="s">
        <v>31256</v>
      </c>
    </row>
    <row r="8096" spans="1:10" x14ac:dyDescent="0.35">
      <c r="A8096" s="1" t="s">
        <v>31220</v>
      </c>
      <c r="B8096" s="1" t="s">
        <v>30194</v>
      </c>
      <c r="C8096" s="1" t="s">
        <v>55</v>
      </c>
      <c r="D8096" s="1" t="s">
        <v>31257</v>
      </c>
      <c r="E8096" s="1" t="s">
        <v>31258</v>
      </c>
      <c r="F8096" s="1" t="s">
        <v>31259</v>
      </c>
      <c r="G8096" s="1" t="s">
        <v>31224</v>
      </c>
      <c r="H8096" s="1" t="s">
        <v>31225</v>
      </c>
      <c r="I8096" s="1" t="s">
        <v>30200</v>
      </c>
      <c r="J8096" s="1" t="s">
        <v>31260</v>
      </c>
    </row>
    <row r="8097" spans="1:10" x14ac:dyDescent="0.35">
      <c r="A8097" s="1" t="s">
        <v>31220</v>
      </c>
      <c r="B8097" s="1" t="s">
        <v>30194</v>
      </c>
      <c r="C8097" s="1" t="s">
        <v>60</v>
      </c>
      <c r="D8097" s="1" t="s">
        <v>31261</v>
      </c>
      <c r="E8097" s="1" t="s">
        <v>31262</v>
      </c>
      <c r="F8097" s="1" t="s">
        <v>31263</v>
      </c>
      <c r="G8097" s="1" t="s">
        <v>31224</v>
      </c>
      <c r="H8097" s="1" t="s">
        <v>31225</v>
      </c>
      <c r="I8097" s="1" t="s">
        <v>30200</v>
      </c>
      <c r="J8097" s="1" t="s">
        <v>31264</v>
      </c>
    </row>
    <row r="8098" spans="1:10" x14ac:dyDescent="0.35">
      <c r="A8098" s="1" t="s">
        <v>31220</v>
      </c>
      <c r="B8098" s="1" t="s">
        <v>30194</v>
      </c>
      <c r="C8098" s="1" t="s">
        <v>65</v>
      </c>
      <c r="D8098" s="1" t="s">
        <v>31265</v>
      </c>
      <c r="E8098" s="1" t="s">
        <v>31266</v>
      </c>
      <c r="F8098" s="1" t="s">
        <v>31267</v>
      </c>
      <c r="G8098" s="1" t="s">
        <v>31224</v>
      </c>
      <c r="H8098" s="1" t="s">
        <v>31225</v>
      </c>
      <c r="I8098" s="1" t="s">
        <v>30200</v>
      </c>
      <c r="J8098" s="1" t="s">
        <v>31268</v>
      </c>
    </row>
    <row r="8099" spans="1:10" x14ac:dyDescent="0.35">
      <c r="A8099" s="1" t="s">
        <v>31220</v>
      </c>
      <c r="B8099" s="1" t="s">
        <v>30194</v>
      </c>
      <c r="C8099" s="1" t="s">
        <v>70</v>
      </c>
      <c r="D8099" s="1" t="s">
        <v>31269</v>
      </c>
      <c r="E8099" s="1" t="s">
        <v>31270</v>
      </c>
      <c r="F8099" s="1" t="s">
        <v>31271</v>
      </c>
      <c r="G8099" s="1" t="s">
        <v>31224</v>
      </c>
      <c r="H8099" s="1" t="s">
        <v>31225</v>
      </c>
      <c r="I8099" s="1" t="s">
        <v>30200</v>
      </c>
      <c r="J8099" s="1" t="s">
        <v>31272</v>
      </c>
    </row>
    <row r="8100" spans="1:10" x14ac:dyDescent="0.35">
      <c r="A8100" s="1" t="s">
        <v>31220</v>
      </c>
      <c r="B8100" s="1" t="s">
        <v>30194</v>
      </c>
      <c r="C8100" s="1" t="s">
        <v>75</v>
      </c>
      <c r="D8100" s="1" t="s">
        <v>31273</v>
      </c>
      <c r="E8100" s="1" t="s">
        <v>31274</v>
      </c>
      <c r="F8100" s="1" t="s">
        <v>31275</v>
      </c>
      <c r="G8100" s="1" t="s">
        <v>31224</v>
      </c>
      <c r="H8100" s="1" t="s">
        <v>31225</v>
      </c>
      <c r="I8100" s="1" t="s">
        <v>30200</v>
      </c>
      <c r="J8100" s="1" t="s">
        <v>31276</v>
      </c>
    </row>
    <row r="8101" spans="1:10" x14ac:dyDescent="0.35">
      <c r="A8101" s="1" t="s">
        <v>31220</v>
      </c>
      <c r="B8101" s="1" t="s">
        <v>30194</v>
      </c>
      <c r="C8101" s="1" t="s">
        <v>80</v>
      </c>
      <c r="D8101" s="1" t="s">
        <v>31277</v>
      </c>
      <c r="E8101" s="1" t="s">
        <v>31278</v>
      </c>
      <c r="F8101" s="1" t="s">
        <v>31279</v>
      </c>
      <c r="G8101" s="1" t="s">
        <v>31224</v>
      </c>
      <c r="H8101" s="1" t="s">
        <v>31225</v>
      </c>
      <c r="I8101" s="1" t="s">
        <v>30200</v>
      </c>
      <c r="J8101" s="1" t="s">
        <v>31280</v>
      </c>
    </row>
    <row r="8102" spans="1:10" x14ac:dyDescent="0.35">
      <c r="A8102" s="1" t="s">
        <v>31220</v>
      </c>
      <c r="B8102" s="1" t="s">
        <v>30194</v>
      </c>
      <c r="C8102" s="1" t="s">
        <v>85</v>
      </c>
      <c r="D8102" s="1" t="s">
        <v>3671</v>
      </c>
      <c r="E8102" s="1" t="s">
        <v>31281</v>
      </c>
      <c r="F8102" s="1" t="s">
        <v>31282</v>
      </c>
      <c r="G8102" s="1" t="s">
        <v>31224</v>
      </c>
      <c r="H8102" s="1" t="s">
        <v>31225</v>
      </c>
      <c r="I8102" s="1" t="s">
        <v>30200</v>
      </c>
      <c r="J8102" s="1" t="s">
        <v>31283</v>
      </c>
    </row>
    <row r="8103" spans="1:10" x14ac:dyDescent="0.35">
      <c r="A8103" s="1" t="s">
        <v>31220</v>
      </c>
      <c r="B8103" s="1" t="s">
        <v>30194</v>
      </c>
      <c r="C8103" s="1" t="s">
        <v>90</v>
      </c>
      <c r="D8103" s="1" t="s">
        <v>31284</v>
      </c>
      <c r="E8103" s="1" t="s">
        <v>31285</v>
      </c>
      <c r="F8103" s="1" t="s">
        <v>31286</v>
      </c>
      <c r="G8103" s="1" t="s">
        <v>31224</v>
      </c>
      <c r="H8103" s="1" t="s">
        <v>31225</v>
      </c>
      <c r="I8103" s="1" t="s">
        <v>30200</v>
      </c>
      <c r="J8103" s="1" t="s">
        <v>31287</v>
      </c>
    </row>
    <row r="8104" spans="1:10" x14ac:dyDescent="0.35">
      <c r="A8104" s="1" t="s">
        <v>31220</v>
      </c>
      <c r="B8104" s="1" t="s">
        <v>30194</v>
      </c>
      <c r="C8104" s="1" t="s">
        <v>95</v>
      </c>
      <c r="D8104" s="1" t="s">
        <v>31288</v>
      </c>
      <c r="E8104" s="1" t="s">
        <v>31289</v>
      </c>
      <c r="F8104" s="1" t="s">
        <v>31290</v>
      </c>
      <c r="G8104" s="1" t="s">
        <v>31224</v>
      </c>
      <c r="H8104" s="1" t="s">
        <v>31225</v>
      </c>
      <c r="I8104" s="1" t="s">
        <v>30200</v>
      </c>
      <c r="J8104" s="1" t="s">
        <v>31291</v>
      </c>
    </row>
    <row r="8105" spans="1:10" x14ac:dyDescent="0.35">
      <c r="A8105" s="1" t="s">
        <v>31220</v>
      </c>
      <c r="B8105" s="1" t="s">
        <v>30194</v>
      </c>
      <c r="C8105" s="1" t="s">
        <v>100</v>
      </c>
      <c r="D8105" s="1" t="s">
        <v>31292</v>
      </c>
      <c r="E8105" s="1" t="s">
        <v>31293</v>
      </c>
      <c r="F8105" s="1" t="s">
        <v>31294</v>
      </c>
      <c r="G8105" s="1" t="s">
        <v>31224</v>
      </c>
      <c r="H8105" s="1" t="s">
        <v>31225</v>
      </c>
      <c r="I8105" s="1" t="s">
        <v>30200</v>
      </c>
      <c r="J8105" s="1" t="s">
        <v>31295</v>
      </c>
    </row>
    <row r="8106" spans="1:10" x14ac:dyDescent="0.35">
      <c r="A8106" s="1" t="s">
        <v>31220</v>
      </c>
      <c r="B8106" s="1" t="s">
        <v>30194</v>
      </c>
      <c r="C8106" s="1" t="s">
        <v>105</v>
      </c>
      <c r="D8106" s="1" t="s">
        <v>31296</v>
      </c>
      <c r="E8106" s="1" t="s">
        <v>31297</v>
      </c>
      <c r="F8106" s="1" t="s">
        <v>31298</v>
      </c>
      <c r="G8106" s="1" t="s">
        <v>31224</v>
      </c>
      <c r="H8106" s="1" t="s">
        <v>31225</v>
      </c>
      <c r="I8106" s="1" t="s">
        <v>30200</v>
      </c>
      <c r="J8106" s="1" t="s">
        <v>31299</v>
      </c>
    </row>
    <row r="8107" spans="1:10" x14ac:dyDescent="0.35">
      <c r="A8107" s="1" t="s">
        <v>31220</v>
      </c>
      <c r="B8107" s="1" t="s">
        <v>30194</v>
      </c>
      <c r="C8107" s="1" t="s">
        <v>110</v>
      </c>
      <c r="D8107" s="1" t="s">
        <v>18945</v>
      </c>
      <c r="E8107" s="1" t="s">
        <v>31300</v>
      </c>
      <c r="F8107" s="1" t="s">
        <v>31301</v>
      </c>
      <c r="G8107" s="1" t="s">
        <v>31224</v>
      </c>
      <c r="H8107" s="1" t="s">
        <v>31225</v>
      </c>
      <c r="I8107" s="1" t="s">
        <v>30200</v>
      </c>
      <c r="J8107" s="1" t="s">
        <v>31302</v>
      </c>
    </row>
    <row r="8108" spans="1:10" x14ac:dyDescent="0.35">
      <c r="A8108" s="1" t="s">
        <v>31220</v>
      </c>
      <c r="B8108" s="1" t="s">
        <v>30194</v>
      </c>
      <c r="C8108" s="1" t="s">
        <v>115</v>
      </c>
      <c r="D8108" s="1" t="s">
        <v>31303</v>
      </c>
      <c r="E8108" s="1" t="s">
        <v>31304</v>
      </c>
      <c r="F8108" s="1" t="s">
        <v>31305</v>
      </c>
      <c r="G8108" s="1" t="s">
        <v>31224</v>
      </c>
      <c r="H8108" s="1" t="s">
        <v>31225</v>
      </c>
      <c r="I8108" s="1" t="s">
        <v>30200</v>
      </c>
      <c r="J8108" s="1" t="s">
        <v>31306</v>
      </c>
    </row>
    <row r="8109" spans="1:10" x14ac:dyDescent="0.35">
      <c r="A8109" s="1" t="s">
        <v>31220</v>
      </c>
      <c r="B8109" s="1" t="s">
        <v>30194</v>
      </c>
      <c r="C8109" s="1" t="s">
        <v>120</v>
      </c>
      <c r="D8109" s="1" t="s">
        <v>31307</v>
      </c>
      <c r="E8109" s="1" t="s">
        <v>31308</v>
      </c>
      <c r="F8109" s="1" t="s">
        <v>31309</v>
      </c>
      <c r="G8109" s="1" t="s">
        <v>31224</v>
      </c>
      <c r="H8109" s="1" t="s">
        <v>31225</v>
      </c>
      <c r="I8109" s="1" t="s">
        <v>30200</v>
      </c>
      <c r="J8109" s="1" t="s">
        <v>31310</v>
      </c>
    </row>
    <row r="8110" spans="1:10" x14ac:dyDescent="0.35">
      <c r="A8110" s="1" t="s">
        <v>31220</v>
      </c>
      <c r="B8110" s="1" t="s">
        <v>30194</v>
      </c>
      <c r="C8110" s="1" t="s">
        <v>125</v>
      </c>
      <c r="D8110" s="1" t="s">
        <v>31311</v>
      </c>
      <c r="E8110" s="1" t="s">
        <v>31312</v>
      </c>
      <c r="F8110" s="1" t="s">
        <v>31313</v>
      </c>
      <c r="G8110" s="1" t="s">
        <v>31224</v>
      </c>
      <c r="H8110" s="1" t="s">
        <v>31225</v>
      </c>
      <c r="I8110" s="1" t="s">
        <v>30200</v>
      </c>
      <c r="J8110" s="1" t="s">
        <v>31314</v>
      </c>
    </row>
    <row r="8111" spans="1:10" x14ac:dyDescent="0.35">
      <c r="A8111" s="1" t="s">
        <v>31220</v>
      </c>
      <c r="B8111" s="1" t="s">
        <v>30194</v>
      </c>
      <c r="C8111" s="1" t="s">
        <v>130</v>
      </c>
      <c r="D8111" s="1" t="s">
        <v>31315</v>
      </c>
      <c r="E8111" s="1" t="s">
        <v>31316</v>
      </c>
      <c r="F8111" s="1" t="s">
        <v>31317</v>
      </c>
      <c r="G8111" s="1" t="s">
        <v>31224</v>
      </c>
      <c r="H8111" s="1" t="s">
        <v>31225</v>
      </c>
      <c r="I8111" s="1" t="s">
        <v>30200</v>
      </c>
      <c r="J8111" s="1" t="s">
        <v>31318</v>
      </c>
    </row>
    <row r="8112" spans="1:10" x14ac:dyDescent="0.35">
      <c r="A8112" s="1" t="s">
        <v>31220</v>
      </c>
      <c r="B8112" s="1" t="s">
        <v>30194</v>
      </c>
      <c r="C8112" s="1" t="s">
        <v>135</v>
      </c>
      <c r="D8112" s="1" t="s">
        <v>31319</v>
      </c>
      <c r="E8112" s="1" t="s">
        <v>31320</v>
      </c>
      <c r="F8112" s="1" t="s">
        <v>31321</v>
      </c>
      <c r="G8112" s="1" t="s">
        <v>31224</v>
      </c>
      <c r="H8112" s="1" t="s">
        <v>31225</v>
      </c>
      <c r="I8112" s="1" t="s">
        <v>30200</v>
      </c>
      <c r="J8112" s="1" t="s">
        <v>31322</v>
      </c>
    </row>
    <row r="8113" spans="1:10" x14ac:dyDescent="0.35">
      <c r="A8113" s="1" t="s">
        <v>31220</v>
      </c>
      <c r="B8113" s="1" t="s">
        <v>30194</v>
      </c>
      <c r="C8113" s="1" t="s">
        <v>140</v>
      </c>
      <c r="D8113" s="1" t="s">
        <v>31323</v>
      </c>
      <c r="E8113" s="1" t="s">
        <v>31324</v>
      </c>
      <c r="F8113" s="1" t="s">
        <v>31325</v>
      </c>
      <c r="G8113" s="1" t="s">
        <v>31224</v>
      </c>
      <c r="H8113" s="1" t="s">
        <v>31225</v>
      </c>
      <c r="I8113" s="1" t="s">
        <v>30200</v>
      </c>
      <c r="J8113" s="1" t="s">
        <v>31326</v>
      </c>
    </row>
    <row r="8114" spans="1:10" x14ac:dyDescent="0.35">
      <c r="A8114" s="1" t="s">
        <v>31220</v>
      </c>
      <c r="B8114" s="1" t="s">
        <v>30194</v>
      </c>
      <c r="C8114" s="1" t="s">
        <v>145</v>
      </c>
      <c r="D8114" s="1" t="s">
        <v>31327</v>
      </c>
      <c r="E8114" s="1" t="s">
        <v>31328</v>
      </c>
      <c r="F8114" s="1" t="s">
        <v>31329</v>
      </c>
      <c r="G8114" s="1" t="s">
        <v>31224</v>
      </c>
      <c r="H8114" s="1" t="s">
        <v>31225</v>
      </c>
      <c r="I8114" s="1" t="s">
        <v>30200</v>
      </c>
      <c r="J8114" s="1" t="s">
        <v>31330</v>
      </c>
    </row>
    <row r="8115" spans="1:10" x14ac:dyDescent="0.35">
      <c r="A8115" s="1" t="s">
        <v>31220</v>
      </c>
      <c r="B8115" s="1" t="s">
        <v>30194</v>
      </c>
      <c r="C8115" s="1" t="s">
        <v>150</v>
      </c>
      <c r="D8115" s="1" t="s">
        <v>31331</v>
      </c>
      <c r="E8115" s="1" t="s">
        <v>31332</v>
      </c>
      <c r="F8115" s="1" t="s">
        <v>31333</v>
      </c>
      <c r="G8115" s="1" t="s">
        <v>31224</v>
      </c>
      <c r="H8115" s="1" t="s">
        <v>31225</v>
      </c>
      <c r="I8115" s="1" t="s">
        <v>30200</v>
      </c>
      <c r="J8115" s="1" t="s">
        <v>31334</v>
      </c>
    </row>
    <row r="8116" spans="1:10" x14ac:dyDescent="0.35">
      <c r="A8116" s="1" t="s">
        <v>31220</v>
      </c>
      <c r="B8116" s="1" t="s">
        <v>30194</v>
      </c>
      <c r="C8116" s="1" t="s">
        <v>155</v>
      </c>
      <c r="D8116" s="1" t="s">
        <v>31335</v>
      </c>
      <c r="E8116" s="1" t="s">
        <v>31336</v>
      </c>
      <c r="F8116" s="1" t="s">
        <v>31337</v>
      </c>
      <c r="G8116" s="1" t="s">
        <v>31224</v>
      </c>
      <c r="H8116" s="1" t="s">
        <v>31225</v>
      </c>
      <c r="I8116" s="1" t="s">
        <v>30200</v>
      </c>
      <c r="J8116" s="1" t="s">
        <v>31338</v>
      </c>
    </row>
    <row r="8117" spans="1:10" x14ac:dyDescent="0.35">
      <c r="A8117" s="1" t="s">
        <v>31220</v>
      </c>
      <c r="B8117" s="1" t="s">
        <v>30194</v>
      </c>
      <c r="C8117" s="1" t="s">
        <v>160</v>
      </c>
      <c r="D8117" s="1" t="s">
        <v>31339</v>
      </c>
      <c r="E8117" s="1" t="s">
        <v>31340</v>
      </c>
      <c r="F8117" s="1" t="s">
        <v>31341</v>
      </c>
      <c r="G8117" s="1" t="s">
        <v>31224</v>
      </c>
      <c r="H8117" s="1" t="s">
        <v>31225</v>
      </c>
      <c r="I8117" s="1" t="s">
        <v>30200</v>
      </c>
      <c r="J8117" s="1" t="s">
        <v>31342</v>
      </c>
    </row>
    <row r="8118" spans="1:10" x14ac:dyDescent="0.35">
      <c r="A8118" s="1" t="s">
        <v>31220</v>
      </c>
      <c r="B8118" s="1" t="s">
        <v>30194</v>
      </c>
      <c r="C8118" s="1" t="s">
        <v>165</v>
      </c>
      <c r="D8118" s="1" t="s">
        <v>31343</v>
      </c>
      <c r="E8118" s="1" t="s">
        <v>31344</v>
      </c>
      <c r="F8118" s="1" t="s">
        <v>31345</v>
      </c>
      <c r="G8118" s="1" t="s">
        <v>31224</v>
      </c>
      <c r="H8118" s="1" t="s">
        <v>31225</v>
      </c>
      <c r="I8118" s="1" t="s">
        <v>30200</v>
      </c>
      <c r="J8118" s="1" t="s">
        <v>31346</v>
      </c>
    </row>
    <row r="8119" spans="1:10" x14ac:dyDescent="0.35">
      <c r="A8119" s="1" t="s">
        <v>31220</v>
      </c>
      <c r="B8119" s="1" t="s">
        <v>30194</v>
      </c>
      <c r="C8119" s="1" t="s">
        <v>170</v>
      </c>
      <c r="D8119" s="1" t="s">
        <v>31347</v>
      </c>
      <c r="E8119" s="1" t="s">
        <v>31348</v>
      </c>
      <c r="F8119" s="1" t="s">
        <v>31349</v>
      </c>
      <c r="G8119" s="1" t="s">
        <v>31224</v>
      </c>
      <c r="H8119" s="1" t="s">
        <v>31225</v>
      </c>
      <c r="I8119" s="1" t="s">
        <v>30200</v>
      </c>
      <c r="J8119" s="1" t="s">
        <v>31350</v>
      </c>
    </row>
    <row r="8120" spans="1:10" x14ac:dyDescent="0.35">
      <c r="A8120" s="1" t="s">
        <v>31351</v>
      </c>
      <c r="B8120" s="1" t="s">
        <v>30194</v>
      </c>
      <c r="C8120" s="1" t="s">
        <v>8</v>
      </c>
      <c r="D8120" s="1" t="s">
        <v>31352</v>
      </c>
      <c r="E8120" s="1" t="s">
        <v>21929</v>
      </c>
      <c r="F8120" s="1" t="s">
        <v>31353</v>
      </c>
      <c r="G8120" s="1" t="s">
        <v>31354</v>
      </c>
      <c r="H8120" s="1" t="s">
        <v>31355</v>
      </c>
      <c r="I8120" s="1" t="s">
        <v>30200</v>
      </c>
      <c r="J8120" s="1" t="s">
        <v>13</v>
      </c>
    </row>
    <row r="8121" spans="1:10" x14ac:dyDescent="0.35">
      <c r="A8121" s="1" t="s">
        <v>31351</v>
      </c>
      <c r="B8121" s="1" t="s">
        <v>30194</v>
      </c>
      <c r="C8121" s="1" t="s">
        <v>15</v>
      </c>
      <c r="D8121" s="1" t="s">
        <v>31356</v>
      </c>
      <c r="E8121" s="1" t="s">
        <v>31357</v>
      </c>
      <c r="F8121" s="1" t="s">
        <v>31358</v>
      </c>
      <c r="G8121" s="1" t="s">
        <v>31354</v>
      </c>
      <c r="H8121" s="1" t="s">
        <v>31355</v>
      </c>
      <c r="I8121" s="1" t="s">
        <v>30200</v>
      </c>
      <c r="J8121" s="1" t="s">
        <v>31359</v>
      </c>
    </row>
    <row r="8122" spans="1:10" x14ac:dyDescent="0.35">
      <c r="A8122" s="1" t="s">
        <v>31351</v>
      </c>
      <c r="B8122" s="1" t="s">
        <v>30194</v>
      </c>
      <c r="C8122" s="1" t="s">
        <v>20</v>
      </c>
      <c r="D8122" s="1" t="s">
        <v>31360</v>
      </c>
      <c r="E8122" s="1" t="s">
        <v>31361</v>
      </c>
      <c r="F8122" s="1" t="s">
        <v>31362</v>
      </c>
      <c r="G8122" s="1" t="s">
        <v>31354</v>
      </c>
      <c r="H8122" s="1" t="s">
        <v>31355</v>
      </c>
      <c r="I8122" s="1" t="s">
        <v>30200</v>
      </c>
      <c r="J8122" s="1" t="s">
        <v>31363</v>
      </c>
    </row>
    <row r="8123" spans="1:10" x14ac:dyDescent="0.35">
      <c r="A8123" s="1" t="s">
        <v>31351</v>
      </c>
      <c r="B8123" s="1" t="s">
        <v>30194</v>
      </c>
      <c r="C8123" s="1" t="s">
        <v>25</v>
      </c>
      <c r="D8123" s="1" t="s">
        <v>31364</v>
      </c>
      <c r="E8123" s="1" t="s">
        <v>31365</v>
      </c>
      <c r="F8123" s="1" t="s">
        <v>31366</v>
      </c>
      <c r="G8123" s="1" t="s">
        <v>31354</v>
      </c>
      <c r="H8123" s="1" t="s">
        <v>31355</v>
      </c>
      <c r="I8123" s="1" t="s">
        <v>30200</v>
      </c>
      <c r="J8123" s="1" t="s">
        <v>13581</v>
      </c>
    </row>
    <row r="8124" spans="1:10" x14ac:dyDescent="0.35">
      <c r="A8124" s="1" t="s">
        <v>31351</v>
      </c>
      <c r="B8124" s="1" t="s">
        <v>30194</v>
      </c>
      <c r="C8124" s="1" t="s">
        <v>30</v>
      </c>
      <c r="D8124" s="1" t="s">
        <v>31367</v>
      </c>
      <c r="E8124" s="1" t="s">
        <v>31368</v>
      </c>
      <c r="F8124" s="1" t="s">
        <v>26192</v>
      </c>
      <c r="G8124" s="1" t="s">
        <v>31354</v>
      </c>
      <c r="H8124" s="1" t="s">
        <v>31355</v>
      </c>
      <c r="I8124" s="1" t="s">
        <v>30200</v>
      </c>
      <c r="J8124" s="1" t="s">
        <v>31369</v>
      </c>
    </row>
    <row r="8125" spans="1:10" x14ac:dyDescent="0.35">
      <c r="A8125" s="1" t="s">
        <v>31351</v>
      </c>
      <c r="B8125" s="1" t="s">
        <v>30194</v>
      </c>
      <c r="C8125" s="1" t="s">
        <v>35</v>
      </c>
      <c r="D8125" s="1" t="s">
        <v>31370</v>
      </c>
      <c r="E8125" s="1" t="s">
        <v>21768</v>
      </c>
      <c r="F8125" s="1" t="s">
        <v>31371</v>
      </c>
      <c r="G8125" s="1" t="s">
        <v>31354</v>
      </c>
      <c r="H8125" s="1" t="s">
        <v>31355</v>
      </c>
      <c r="I8125" s="1" t="s">
        <v>30200</v>
      </c>
      <c r="J8125" s="1" t="s">
        <v>31372</v>
      </c>
    </row>
    <row r="8126" spans="1:10" x14ac:dyDescent="0.35">
      <c r="A8126" s="1" t="s">
        <v>31351</v>
      </c>
      <c r="B8126" s="1" t="s">
        <v>30194</v>
      </c>
      <c r="C8126" s="1" t="s">
        <v>40</v>
      </c>
      <c r="D8126" s="1" t="s">
        <v>31373</v>
      </c>
      <c r="E8126" s="1" t="s">
        <v>31374</v>
      </c>
      <c r="F8126" s="1" t="s">
        <v>31375</v>
      </c>
      <c r="G8126" s="1" t="s">
        <v>31354</v>
      </c>
      <c r="H8126" s="1" t="s">
        <v>31355</v>
      </c>
      <c r="I8126" s="1" t="s">
        <v>30200</v>
      </c>
      <c r="J8126" s="1" t="s">
        <v>31376</v>
      </c>
    </row>
    <row r="8127" spans="1:10" x14ac:dyDescent="0.35">
      <c r="A8127" s="1" t="s">
        <v>31351</v>
      </c>
      <c r="B8127" s="1" t="s">
        <v>30194</v>
      </c>
      <c r="C8127" s="1" t="s">
        <v>45</v>
      </c>
      <c r="D8127" s="1" t="s">
        <v>31377</v>
      </c>
      <c r="E8127" s="1" t="s">
        <v>31378</v>
      </c>
      <c r="F8127" s="1" t="s">
        <v>31379</v>
      </c>
      <c r="G8127" s="1" t="s">
        <v>31354</v>
      </c>
      <c r="H8127" s="1" t="s">
        <v>31355</v>
      </c>
      <c r="I8127" s="1" t="s">
        <v>30200</v>
      </c>
      <c r="J8127" s="1" t="s">
        <v>31380</v>
      </c>
    </row>
    <row r="8128" spans="1:10" x14ac:dyDescent="0.35">
      <c r="A8128" s="1" t="s">
        <v>31351</v>
      </c>
      <c r="B8128" s="1" t="s">
        <v>30194</v>
      </c>
      <c r="C8128" s="1" t="s">
        <v>50</v>
      </c>
      <c r="D8128" s="1" t="s">
        <v>17794</v>
      </c>
      <c r="E8128" s="1" t="s">
        <v>21772</v>
      </c>
      <c r="F8128" s="1" t="s">
        <v>31381</v>
      </c>
      <c r="G8128" s="1" t="s">
        <v>31354</v>
      </c>
      <c r="H8128" s="1" t="s">
        <v>31355</v>
      </c>
      <c r="I8128" s="1" t="s">
        <v>30200</v>
      </c>
      <c r="J8128" s="1" t="s">
        <v>31382</v>
      </c>
    </row>
    <row r="8129" spans="1:10" x14ac:dyDescent="0.35">
      <c r="A8129" s="1" t="s">
        <v>31351</v>
      </c>
      <c r="B8129" s="1" t="s">
        <v>30194</v>
      </c>
      <c r="C8129" s="1" t="s">
        <v>55</v>
      </c>
      <c r="D8129" s="1" t="s">
        <v>31383</v>
      </c>
      <c r="E8129" s="1" t="s">
        <v>31384</v>
      </c>
      <c r="F8129" s="1" t="s">
        <v>31385</v>
      </c>
      <c r="G8129" s="1" t="s">
        <v>31354</v>
      </c>
      <c r="H8129" s="1" t="s">
        <v>31355</v>
      </c>
      <c r="I8129" s="1" t="s">
        <v>30200</v>
      </c>
      <c r="J8129" s="1" t="s">
        <v>31386</v>
      </c>
    </row>
    <row r="8130" spans="1:10" x14ac:dyDescent="0.35">
      <c r="A8130" s="1" t="s">
        <v>31351</v>
      </c>
      <c r="B8130" s="1" t="s">
        <v>30194</v>
      </c>
      <c r="C8130" s="1" t="s">
        <v>60</v>
      </c>
      <c r="D8130" s="1" t="s">
        <v>31387</v>
      </c>
      <c r="E8130" s="1" t="s">
        <v>31388</v>
      </c>
      <c r="F8130" s="1" t="s">
        <v>31389</v>
      </c>
      <c r="G8130" s="1" t="s">
        <v>31354</v>
      </c>
      <c r="H8130" s="1" t="s">
        <v>31355</v>
      </c>
      <c r="I8130" s="1" t="s">
        <v>30200</v>
      </c>
      <c r="J8130" s="1" t="s">
        <v>31390</v>
      </c>
    </row>
    <row r="8131" spans="1:10" x14ac:dyDescent="0.35">
      <c r="A8131" s="1" t="s">
        <v>31351</v>
      </c>
      <c r="B8131" s="1" t="s">
        <v>30194</v>
      </c>
      <c r="C8131" s="1" t="s">
        <v>65</v>
      </c>
      <c r="D8131" s="1" t="s">
        <v>30629</v>
      </c>
      <c r="E8131" s="1" t="s">
        <v>21865</v>
      </c>
      <c r="F8131" s="1" t="s">
        <v>31391</v>
      </c>
      <c r="G8131" s="1" t="s">
        <v>31354</v>
      </c>
      <c r="H8131" s="1" t="s">
        <v>31355</v>
      </c>
      <c r="I8131" s="1" t="s">
        <v>30200</v>
      </c>
      <c r="J8131" s="1" t="s">
        <v>31392</v>
      </c>
    </row>
    <row r="8132" spans="1:10" x14ac:dyDescent="0.35">
      <c r="A8132" s="1" t="s">
        <v>31351</v>
      </c>
      <c r="B8132" s="1" t="s">
        <v>30194</v>
      </c>
      <c r="C8132" s="1" t="s">
        <v>70</v>
      </c>
      <c r="D8132" s="1" t="s">
        <v>31393</v>
      </c>
      <c r="E8132" s="1" t="s">
        <v>31394</v>
      </c>
      <c r="F8132" s="1" t="s">
        <v>31395</v>
      </c>
      <c r="G8132" s="1" t="s">
        <v>31354</v>
      </c>
      <c r="H8132" s="1" t="s">
        <v>31355</v>
      </c>
      <c r="I8132" s="1" t="s">
        <v>30200</v>
      </c>
      <c r="J8132" s="1" t="s">
        <v>31396</v>
      </c>
    </row>
    <row r="8133" spans="1:10" x14ac:dyDescent="0.35">
      <c r="A8133" s="1" t="s">
        <v>31351</v>
      </c>
      <c r="B8133" s="1" t="s">
        <v>30194</v>
      </c>
      <c r="C8133" s="1" t="s">
        <v>75</v>
      </c>
      <c r="D8133" s="1" t="s">
        <v>18849</v>
      </c>
      <c r="E8133" s="1" t="s">
        <v>31397</v>
      </c>
      <c r="F8133" s="1" t="s">
        <v>31398</v>
      </c>
      <c r="G8133" s="1" t="s">
        <v>31354</v>
      </c>
      <c r="H8133" s="1" t="s">
        <v>31355</v>
      </c>
      <c r="I8133" s="1" t="s">
        <v>30200</v>
      </c>
      <c r="J8133" s="1" t="s">
        <v>31399</v>
      </c>
    </row>
    <row r="8134" spans="1:10" x14ac:dyDescent="0.35">
      <c r="A8134" s="1" t="s">
        <v>31351</v>
      </c>
      <c r="B8134" s="1" t="s">
        <v>30194</v>
      </c>
      <c r="C8134" s="1" t="s">
        <v>80</v>
      </c>
      <c r="D8134" s="1" t="s">
        <v>31400</v>
      </c>
      <c r="E8134" s="1" t="s">
        <v>31401</v>
      </c>
      <c r="F8134" s="1" t="s">
        <v>31402</v>
      </c>
      <c r="G8134" s="1" t="s">
        <v>31354</v>
      </c>
      <c r="H8134" s="1" t="s">
        <v>31355</v>
      </c>
      <c r="I8134" s="1" t="s">
        <v>30200</v>
      </c>
      <c r="J8134" s="1" t="s">
        <v>31403</v>
      </c>
    </row>
    <row r="8135" spans="1:10" x14ac:dyDescent="0.35">
      <c r="A8135" s="1" t="s">
        <v>31351</v>
      </c>
      <c r="B8135" s="1" t="s">
        <v>30194</v>
      </c>
      <c r="C8135" s="1" t="s">
        <v>85</v>
      </c>
      <c r="D8135" s="1" t="s">
        <v>31404</v>
      </c>
      <c r="E8135" s="1" t="s">
        <v>31405</v>
      </c>
      <c r="F8135" s="1" t="s">
        <v>31406</v>
      </c>
      <c r="G8135" s="1" t="s">
        <v>31354</v>
      </c>
      <c r="H8135" s="1" t="s">
        <v>31355</v>
      </c>
      <c r="I8135" s="1" t="s">
        <v>30200</v>
      </c>
      <c r="J8135" s="1" t="s">
        <v>31407</v>
      </c>
    </row>
    <row r="8136" spans="1:10" x14ac:dyDescent="0.35">
      <c r="A8136" s="1" t="s">
        <v>31351</v>
      </c>
      <c r="B8136" s="1" t="s">
        <v>30194</v>
      </c>
      <c r="C8136" s="1" t="s">
        <v>90</v>
      </c>
      <c r="D8136" s="1" t="s">
        <v>14845</v>
      </c>
      <c r="E8136" s="1" t="s">
        <v>31408</v>
      </c>
      <c r="F8136" s="1" t="s">
        <v>31409</v>
      </c>
      <c r="G8136" s="1" t="s">
        <v>31354</v>
      </c>
      <c r="H8136" s="1" t="s">
        <v>31355</v>
      </c>
      <c r="I8136" s="1" t="s">
        <v>30200</v>
      </c>
      <c r="J8136" s="1" t="s">
        <v>31410</v>
      </c>
    </row>
    <row r="8137" spans="1:10" x14ac:dyDescent="0.35">
      <c r="A8137" s="1" t="s">
        <v>31351</v>
      </c>
      <c r="B8137" s="1" t="s">
        <v>30194</v>
      </c>
      <c r="C8137" s="1" t="s">
        <v>95</v>
      </c>
      <c r="D8137" s="1" t="s">
        <v>31411</v>
      </c>
      <c r="E8137" s="1" t="s">
        <v>12879</v>
      </c>
      <c r="F8137" s="1" t="s">
        <v>31412</v>
      </c>
      <c r="G8137" s="1" t="s">
        <v>31354</v>
      </c>
      <c r="H8137" s="1" t="s">
        <v>31355</v>
      </c>
      <c r="I8137" s="1" t="s">
        <v>30200</v>
      </c>
      <c r="J8137" s="1" t="s">
        <v>31413</v>
      </c>
    </row>
    <row r="8138" spans="1:10" x14ac:dyDescent="0.35">
      <c r="A8138" s="1" t="s">
        <v>31351</v>
      </c>
      <c r="B8138" s="1" t="s">
        <v>30194</v>
      </c>
      <c r="C8138" s="1" t="s">
        <v>100</v>
      </c>
      <c r="D8138" s="1" t="s">
        <v>31414</v>
      </c>
      <c r="E8138" s="1" t="s">
        <v>31415</v>
      </c>
      <c r="F8138" s="1" t="s">
        <v>31416</v>
      </c>
      <c r="G8138" s="1" t="s">
        <v>31354</v>
      </c>
      <c r="H8138" s="1" t="s">
        <v>31355</v>
      </c>
      <c r="I8138" s="1" t="s">
        <v>30200</v>
      </c>
      <c r="J8138" s="1" t="s">
        <v>31417</v>
      </c>
    </row>
    <row r="8139" spans="1:10" x14ac:dyDescent="0.35">
      <c r="A8139" s="1" t="s">
        <v>31351</v>
      </c>
      <c r="B8139" s="1" t="s">
        <v>30194</v>
      </c>
      <c r="C8139" s="1" t="s">
        <v>105</v>
      </c>
      <c r="D8139" s="1" t="s">
        <v>9644</v>
      </c>
      <c r="E8139" s="1" t="s">
        <v>24225</v>
      </c>
      <c r="F8139" s="1" t="s">
        <v>31418</v>
      </c>
      <c r="G8139" s="1" t="s">
        <v>31354</v>
      </c>
      <c r="H8139" s="1" t="s">
        <v>31355</v>
      </c>
      <c r="I8139" s="1" t="s">
        <v>30200</v>
      </c>
      <c r="J8139" s="1" t="s">
        <v>31419</v>
      </c>
    </row>
    <row r="8140" spans="1:10" x14ac:dyDescent="0.35">
      <c r="A8140" s="1" t="s">
        <v>31351</v>
      </c>
      <c r="B8140" s="1" t="s">
        <v>30194</v>
      </c>
      <c r="C8140" s="1" t="s">
        <v>110</v>
      </c>
      <c r="D8140" s="1" t="s">
        <v>31420</v>
      </c>
      <c r="E8140" s="1" t="s">
        <v>31421</v>
      </c>
      <c r="F8140" s="1" t="s">
        <v>31422</v>
      </c>
      <c r="G8140" s="1" t="s">
        <v>31354</v>
      </c>
      <c r="H8140" s="1" t="s">
        <v>31355</v>
      </c>
      <c r="I8140" s="1" t="s">
        <v>30200</v>
      </c>
      <c r="J8140" s="1" t="s">
        <v>31423</v>
      </c>
    </row>
    <row r="8141" spans="1:10" x14ac:dyDescent="0.35">
      <c r="A8141" s="1" t="s">
        <v>31351</v>
      </c>
      <c r="B8141" s="1" t="s">
        <v>30194</v>
      </c>
      <c r="C8141" s="1" t="s">
        <v>115</v>
      </c>
      <c r="D8141" s="1" t="s">
        <v>31424</v>
      </c>
      <c r="E8141" s="1" t="s">
        <v>12857</v>
      </c>
      <c r="F8141" s="1" t="s">
        <v>31425</v>
      </c>
      <c r="G8141" s="1" t="s">
        <v>31354</v>
      </c>
      <c r="H8141" s="1" t="s">
        <v>31355</v>
      </c>
      <c r="I8141" s="1" t="s">
        <v>30200</v>
      </c>
      <c r="J8141" s="1" t="s">
        <v>31426</v>
      </c>
    </row>
    <row r="8142" spans="1:10" x14ac:dyDescent="0.35">
      <c r="A8142" s="1" t="s">
        <v>31351</v>
      </c>
      <c r="B8142" s="1" t="s">
        <v>30194</v>
      </c>
      <c r="C8142" s="1" t="s">
        <v>120</v>
      </c>
      <c r="D8142" s="1" t="s">
        <v>17921</v>
      </c>
      <c r="E8142" s="1" t="s">
        <v>12879</v>
      </c>
      <c r="F8142" s="1" t="s">
        <v>31427</v>
      </c>
      <c r="G8142" s="1" t="s">
        <v>31354</v>
      </c>
      <c r="H8142" s="1" t="s">
        <v>31355</v>
      </c>
      <c r="I8142" s="1" t="s">
        <v>30200</v>
      </c>
      <c r="J8142" s="1" t="s">
        <v>31428</v>
      </c>
    </row>
    <row r="8143" spans="1:10" x14ac:dyDescent="0.35">
      <c r="A8143" s="1" t="s">
        <v>31351</v>
      </c>
      <c r="B8143" s="1" t="s">
        <v>30194</v>
      </c>
      <c r="C8143" s="1" t="s">
        <v>125</v>
      </c>
      <c r="D8143" s="1" t="s">
        <v>31429</v>
      </c>
      <c r="E8143" s="1" t="s">
        <v>24201</v>
      </c>
      <c r="F8143" s="1" t="s">
        <v>31430</v>
      </c>
      <c r="G8143" s="1" t="s">
        <v>31354</v>
      </c>
      <c r="H8143" s="1" t="s">
        <v>31355</v>
      </c>
      <c r="I8143" s="1" t="s">
        <v>30200</v>
      </c>
      <c r="J8143" s="1" t="s">
        <v>31431</v>
      </c>
    </row>
    <row r="8144" spans="1:10" x14ac:dyDescent="0.35">
      <c r="A8144" s="1" t="s">
        <v>31351</v>
      </c>
      <c r="B8144" s="1" t="s">
        <v>30194</v>
      </c>
      <c r="C8144" s="1" t="s">
        <v>130</v>
      </c>
      <c r="D8144" s="1" t="s">
        <v>18490</v>
      </c>
      <c r="E8144" s="1" t="s">
        <v>24182</v>
      </c>
      <c r="F8144" s="1" t="s">
        <v>31432</v>
      </c>
      <c r="G8144" s="1" t="s">
        <v>31354</v>
      </c>
      <c r="H8144" s="1" t="s">
        <v>31355</v>
      </c>
      <c r="I8144" s="1" t="s">
        <v>30200</v>
      </c>
      <c r="J8144" s="1" t="s">
        <v>31433</v>
      </c>
    </row>
    <row r="8145" spans="1:10" x14ac:dyDescent="0.35">
      <c r="A8145" s="1" t="s">
        <v>31351</v>
      </c>
      <c r="B8145" s="1" t="s">
        <v>30194</v>
      </c>
      <c r="C8145" s="1" t="s">
        <v>135</v>
      </c>
      <c r="D8145" s="1" t="s">
        <v>31434</v>
      </c>
      <c r="E8145" s="1" t="s">
        <v>31435</v>
      </c>
      <c r="F8145" s="1" t="s">
        <v>31436</v>
      </c>
      <c r="G8145" s="1" t="s">
        <v>31354</v>
      </c>
      <c r="H8145" s="1" t="s">
        <v>31355</v>
      </c>
      <c r="I8145" s="1" t="s">
        <v>30200</v>
      </c>
      <c r="J8145" s="1" t="s">
        <v>31437</v>
      </c>
    </row>
    <row r="8146" spans="1:10" x14ac:dyDescent="0.35">
      <c r="A8146" s="1" t="s">
        <v>31351</v>
      </c>
      <c r="B8146" s="1" t="s">
        <v>30194</v>
      </c>
      <c r="C8146" s="1" t="s">
        <v>140</v>
      </c>
      <c r="D8146" s="1" t="s">
        <v>10788</v>
      </c>
      <c r="E8146" s="1" t="s">
        <v>21925</v>
      </c>
      <c r="F8146" s="1" t="s">
        <v>31438</v>
      </c>
      <c r="G8146" s="1" t="s">
        <v>31354</v>
      </c>
      <c r="H8146" s="1" t="s">
        <v>31355</v>
      </c>
      <c r="I8146" s="1" t="s">
        <v>30200</v>
      </c>
      <c r="J8146" s="1" t="s">
        <v>31439</v>
      </c>
    </row>
    <row r="8147" spans="1:10" x14ac:dyDescent="0.35">
      <c r="A8147" s="1" t="s">
        <v>31351</v>
      </c>
      <c r="B8147" s="1" t="s">
        <v>30194</v>
      </c>
      <c r="C8147" s="1" t="s">
        <v>145</v>
      </c>
      <c r="D8147" s="1" t="s">
        <v>31440</v>
      </c>
      <c r="E8147" s="1" t="s">
        <v>31441</v>
      </c>
      <c r="F8147" s="1" t="s">
        <v>31442</v>
      </c>
      <c r="G8147" s="1" t="s">
        <v>31354</v>
      </c>
      <c r="H8147" s="1" t="s">
        <v>31355</v>
      </c>
      <c r="I8147" s="1" t="s">
        <v>30200</v>
      </c>
      <c r="J8147" s="1" t="s">
        <v>31443</v>
      </c>
    </row>
    <row r="8148" spans="1:10" x14ac:dyDescent="0.35">
      <c r="A8148" s="1" t="s">
        <v>31351</v>
      </c>
      <c r="B8148" s="1" t="s">
        <v>30194</v>
      </c>
      <c r="C8148" s="1" t="s">
        <v>150</v>
      </c>
      <c r="D8148" s="1" t="s">
        <v>31444</v>
      </c>
      <c r="E8148" s="1" t="s">
        <v>31445</v>
      </c>
      <c r="F8148" s="1" t="s">
        <v>31446</v>
      </c>
      <c r="G8148" s="1" t="s">
        <v>31354</v>
      </c>
      <c r="H8148" s="1" t="s">
        <v>31355</v>
      </c>
      <c r="I8148" s="1" t="s">
        <v>30200</v>
      </c>
      <c r="J8148" s="1" t="s">
        <v>31447</v>
      </c>
    </row>
    <row r="8149" spans="1:10" x14ac:dyDescent="0.35">
      <c r="A8149" s="1" t="s">
        <v>31351</v>
      </c>
      <c r="B8149" s="1" t="s">
        <v>30194</v>
      </c>
      <c r="C8149" s="1" t="s">
        <v>155</v>
      </c>
      <c r="D8149" s="1" t="s">
        <v>31448</v>
      </c>
      <c r="E8149" s="1" t="s">
        <v>31449</v>
      </c>
      <c r="F8149" s="1" t="s">
        <v>22368</v>
      </c>
      <c r="G8149" s="1" t="s">
        <v>31354</v>
      </c>
      <c r="H8149" s="1" t="s">
        <v>31355</v>
      </c>
      <c r="I8149" s="1" t="s">
        <v>30200</v>
      </c>
      <c r="J8149" s="1" t="s">
        <v>31450</v>
      </c>
    </row>
    <row r="8150" spans="1:10" x14ac:dyDescent="0.35">
      <c r="A8150" s="1" t="s">
        <v>31351</v>
      </c>
      <c r="B8150" s="1" t="s">
        <v>30194</v>
      </c>
      <c r="C8150" s="1" t="s">
        <v>160</v>
      </c>
      <c r="D8150" s="1" t="s">
        <v>31451</v>
      </c>
      <c r="E8150" s="1" t="s">
        <v>31452</v>
      </c>
      <c r="F8150" s="1" t="s">
        <v>31453</v>
      </c>
      <c r="G8150" s="1" t="s">
        <v>31354</v>
      </c>
      <c r="H8150" s="1" t="s">
        <v>31355</v>
      </c>
      <c r="I8150" s="1" t="s">
        <v>30200</v>
      </c>
      <c r="J8150" s="1" t="s">
        <v>31454</v>
      </c>
    </row>
    <row r="8151" spans="1:10" x14ac:dyDescent="0.35">
      <c r="A8151" s="1" t="s">
        <v>31351</v>
      </c>
      <c r="B8151" s="1" t="s">
        <v>30194</v>
      </c>
      <c r="C8151" s="1" t="s">
        <v>165</v>
      </c>
      <c r="D8151" s="1" t="s">
        <v>31455</v>
      </c>
      <c r="E8151" s="1" t="s">
        <v>12798</v>
      </c>
      <c r="F8151" s="1" t="s">
        <v>31456</v>
      </c>
      <c r="G8151" s="1" t="s">
        <v>31354</v>
      </c>
      <c r="H8151" s="1" t="s">
        <v>31355</v>
      </c>
      <c r="I8151" s="1" t="s">
        <v>30200</v>
      </c>
      <c r="J8151" s="1" t="s">
        <v>31457</v>
      </c>
    </row>
    <row r="8152" spans="1:10" x14ac:dyDescent="0.35">
      <c r="A8152" s="1" t="s">
        <v>31351</v>
      </c>
      <c r="B8152" s="1" t="s">
        <v>30194</v>
      </c>
      <c r="C8152" s="1" t="s">
        <v>170</v>
      </c>
      <c r="D8152" s="1" t="s">
        <v>31458</v>
      </c>
      <c r="E8152" s="1" t="s">
        <v>31459</v>
      </c>
      <c r="F8152" s="1" t="s">
        <v>31460</v>
      </c>
      <c r="G8152" s="1" t="s">
        <v>31354</v>
      </c>
      <c r="H8152" s="1" t="s">
        <v>31355</v>
      </c>
      <c r="I8152" s="1" t="s">
        <v>30200</v>
      </c>
      <c r="J8152" s="1" t="s">
        <v>31461</v>
      </c>
    </row>
    <row r="8153" spans="1:10" x14ac:dyDescent="0.35">
      <c r="A8153" s="1" t="s">
        <v>31462</v>
      </c>
      <c r="B8153" s="1" t="s">
        <v>30194</v>
      </c>
      <c r="C8153" s="1" t="s">
        <v>8</v>
      </c>
      <c r="D8153" s="1" t="s">
        <v>17933</v>
      </c>
      <c r="E8153" s="1" t="s">
        <v>24292</v>
      </c>
      <c r="F8153" s="1" t="s">
        <v>31463</v>
      </c>
      <c r="G8153" s="1" t="s">
        <v>31464</v>
      </c>
      <c r="H8153" s="1" t="s">
        <v>31465</v>
      </c>
      <c r="I8153" s="1" t="s">
        <v>30200</v>
      </c>
      <c r="J8153" s="1" t="s">
        <v>13</v>
      </c>
    </row>
    <row r="8154" spans="1:10" x14ac:dyDescent="0.35">
      <c r="A8154" s="1" t="s">
        <v>31462</v>
      </c>
      <c r="B8154" s="1" t="s">
        <v>30194</v>
      </c>
      <c r="C8154" s="1" t="s">
        <v>15</v>
      </c>
      <c r="D8154" s="1" t="s">
        <v>31466</v>
      </c>
      <c r="E8154" s="1" t="s">
        <v>15241</v>
      </c>
      <c r="F8154" s="1" t="s">
        <v>31467</v>
      </c>
      <c r="G8154" s="1" t="s">
        <v>31464</v>
      </c>
      <c r="H8154" s="1" t="s">
        <v>31465</v>
      </c>
      <c r="I8154" s="1" t="s">
        <v>30200</v>
      </c>
      <c r="J8154" s="1" t="s">
        <v>31468</v>
      </c>
    </row>
    <row r="8155" spans="1:10" x14ac:dyDescent="0.35">
      <c r="A8155" s="1" t="s">
        <v>31462</v>
      </c>
      <c r="B8155" s="1" t="s">
        <v>30194</v>
      </c>
      <c r="C8155" s="1" t="s">
        <v>20</v>
      </c>
      <c r="D8155" s="1" t="s">
        <v>10377</v>
      </c>
      <c r="E8155" s="1" t="s">
        <v>31469</v>
      </c>
      <c r="F8155" s="1" t="s">
        <v>31470</v>
      </c>
      <c r="G8155" s="1" t="s">
        <v>31464</v>
      </c>
      <c r="H8155" s="1" t="s">
        <v>31465</v>
      </c>
      <c r="I8155" s="1" t="s">
        <v>30200</v>
      </c>
      <c r="J8155" s="1" t="s">
        <v>31471</v>
      </c>
    </row>
    <row r="8156" spans="1:10" x14ac:dyDescent="0.35">
      <c r="A8156" s="1" t="s">
        <v>31462</v>
      </c>
      <c r="B8156" s="1" t="s">
        <v>30194</v>
      </c>
      <c r="C8156" s="1" t="s">
        <v>25</v>
      </c>
      <c r="D8156" s="1" t="s">
        <v>3647</v>
      </c>
      <c r="E8156" s="1" t="s">
        <v>31472</v>
      </c>
      <c r="F8156" s="1" t="s">
        <v>31473</v>
      </c>
      <c r="G8156" s="1" t="s">
        <v>31464</v>
      </c>
      <c r="H8156" s="1" t="s">
        <v>31465</v>
      </c>
      <c r="I8156" s="1" t="s">
        <v>30200</v>
      </c>
      <c r="J8156" s="1" t="s">
        <v>31474</v>
      </c>
    </row>
    <row r="8157" spans="1:10" x14ac:dyDescent="0.35">
      <c r="A8157" s="1" t="s">
        <v>31462</v>
      </c>
      <c r="B8157" s="1" t="s">
        <v>30194</v>
      </c>
      <c r="C8157" s="1" t="s">
        <v>30</v>
      </c>
      <c r="D8157" s="1" t="s">
        <v>31475</v>
      </c>
      <c r="E8157" s="1" t="s">
        <v>26284</v>
      </c>
      <c r="F8157" s="1" t="s">
        <v>31476</v>
      </c>
      <c r="G8157" s="1" t="s">
        <v>31464</v>
      </c>
      <c r="H8157" s="1" t="s">
        <v>31465</v>
      </c>
      <c r="I8157" s="1" t="s">
        <v>30200</v>
      </c>
      <c r="J8157" s="1" t="s">
        <v>31477</v>
      </c>
    </row>
    <row r="8158" spans="1:10" x14ac:dyDescent="0.35">
      <c r="A8158" s="1" t="s">
        <v>31462</v>
      </c>
      <c r="B8158" s="1" t="s">
        <v>30194</v>
      </c>
      <c r="C8158" s="1" t="s">
        <v>35</v>
      </c>
      <c r="D8158" s="1" t="s">
        <v>652</v>
      </c>
      <c r="E8158" s="1" t="s">
        <v>23517</v>
      </c>
      <c r="F8158" s="1" t="s">
        <v>23522</v>
      </c>
      <c r="G8158" s="1" t="s">
        <v>31464</v>
      </c>
      <c r="H8158" s="1" t="s">
        <v>31465</v>
      </c>
      <c r="I8158" s="1" t="s">
        <v>30200</v>
      </c>
      <c r="J8158" s="1" t="s">
        <v>31478</v>
      </c>
    </row>
    <row r="8159" spans="1:10" x14ac:dyDescent="0.35">
      <c r="A8159" s="1" t="s">
        <v>31462</v>
      </c>
      <c r="B8159" s="1" t="s">
        <v>30194</v>
      </c>
      <c r="C8159" s="1" t="s">
        <v>40</v>
      </c>
      <c r="D8159" s="1" t="s">
        <v>31479</v>
      </c>
      <c r="E8159" s="1" t="s">
        <v>31480</v>
      </c>
      <c r="F8159" s="1" t="s">
        <v>31481</v>
      </c>
      <c r="G8159" s="1" t="s">
        <v>31464</v>
      </c>
      <c r="H8159" s="1" t="s">
        <v>31465</v>
      </c>
      <c r="I8159" s="1" t="s">
        <v>30200</v>
      </c>
      <c r="J8159" s="1" t="s">
        <v>31482</v>
      </c>
    </row>
    <row r="8160" spans="1:10" x14ac:dyDescent="0.35">
      <c r="A8160" s="1" t="s">
        <v>31462</v>
      </c>
      <c r="B8160" s="1" t="s">
        <v>30194</v>
      </c>
      <c r="C8160" s="1" t="s">
        <v>45</v>
      </c>
      <c r="D8160" s="1" t="s">
        <v>31483</v>
      </c>
      <c r="E8160" s="1" t="s">
        <v>26225</v>
      </c>
      <c r="F8160" s="1" t="s">
        <v>31484</v>
      </c>
      <c r="G8160" s="1" t="s">
        <v>31464</v>
      </c>
      <c r="H8160" s="1" t="s">
        <v>31465</v>
      </c>
      <c r="I8160" s="1" t="s">
        <v>30200</v>
      </c>
      <c r="J8160" s="1" t="s">
        <v>31485</v>
      </c>
    </row>
    <row r="8161" spans="1:10" x14ac:dyDescent="0.35">
      <c r="A8161" s="1" t="s">
        <v>31462</v>
      </c>
      <c r="B8161" s="1" t="s">
        <v>30194</v>
      </c>
      <c r="C8161" s="1" t="s">
        <v>50</v>
      </c>
      <c r="D8161" s="1" t="s">
        <v>31486</v>
      </c>
      <c r="E8161" s="1" t="s">
        <v>31472</v>
      </c>
      <c r="F8161" s="1" t="s">
        <v>31487</v>
      </c>
      <c r="G8161" s="1" t="s">
        <v>31464</v>
      </c>
      <c r="H8161" s="1" t="s">
        <v>31465</v>
      </c>
      <c r="I8161" s="1" t="s">
        <v>30200</v>
      </c>
      <c r="J8161" s="1" t="s">
        <v>31488</v>
      </c>
    </row>
    <row r="8162" spans="1:10" x14ac:dyDescent="0.35">
      <c r="A8162" s="1" t="s">
        <v>31462</v>
      </c>
      <c r="B8162" s="1" t="s">
        <v>30194</v>
      </c>
      <c r="C8162" s="1" t="s">
        <v>55</v>
      </c>
      <c r="D8162" s="1" t="s">
        <v>31489</v>
      </c>
      <c r="E8162" s="1" t="s">
        <v>15407</v>
      </c>
      <c r="F8162" s="1" t="s">
        <v>31490</v>
      </c>
      <c r="G8162" s="1" t="s">
        <v>31464</v>
      </c>
      <c r="H8162" s="1" t="s">
        <v>31465</v>
      </c>
      <c r="I8162" s="1" t="s">
        <v>30200</v>
      </c>
      <c r="J8162" s="1" t="s">
        <v>31491</v>
      </c>
    </row>
    <row r="8163" spans="1:10" x14ac:dyDescent="0.35">
      <c r="A8163" s="1" t="s">
        <v>31462</v>
      </c>
      <c r="B8163" s="1" t="s">
        <v>30194</v>
      </c>
      <c r="C8163" s="1" t="s">
        <v>60</v>
      </c>
      <c r="D8163" s="1" t="s">
        <v>31492</v>
      </c>
      <c r="E8163" s="1" t="s">
        <v>31493</v>
      </c>
      <c r="F8163" s="1" t="s">
        <v>31494</v>
      </c>
      <c r="G8163" s="1" t="s">
        <v>31464</v>
      </c>
      <c r="H8163" s="1" t="s">
        <v>31465</v>
      </c>
      <c r="I8163" s="1" t="s">
        <v>30200</v>
      </c>
      <c r="J8163" s="1" t="s">
        <v>31495</v>
      </c>
    </row>
    <row r="8164" spans="1:10" x14ac:dyDescent="0.35">
      <c r="A8164" s="1" t="s">
        <v>31462</v>
      </c>
      <c r="B8164" s="1" t="s">
        <v>30194</v>
      </c>
      <c r="C8164" s="1" t="s">
        <v>65</v>
      </c>
      <c r="D8164" s="1" t="s">
        <v>31496</v>
      </c>
      <c r="E8164" s="1" t="s">
        <v>31497</v>
      </c>
      <c r="F8164" s="1" t="s">
        <v>31498</v>
      </c>
      <c r="G8164" s="1" t="s">
        <v>31464</v>
      </c>
      <c r="H8164" s="1" t="s">
        <v>31465</v>
      </c>
      <c r="I8164" s="1" t="s">
        <v>30200</v>
      </c>
      <c r="J8164" s="1" t="s">
        <v>31499</v>
      </c>
    </row>
    <row r="8165" spans="1:10" x14ac:dyDescent="0.35">
      <c r="A8165" s="1" t="s">
        <v>31462</v>
      </c>
      <c r="B8165" s="1" t="s">
        <v>30194</v>
      </c>
      <c r="C8165" s="1" t="s">
        <v>70</v>
      </c>
      <c r="D8165" s="1" t="s">
        <v>31007</v>
      </c>
      <c r="E8165" s="1" t="s">
        <v>31500</v>
      </c>
      <c r="F8165" s="1" t="s">
        <v>31501</v>
      </c>
      <c r="G8165" s="1" t="s">
        <v>31464</v>
      </c>
      <c r="H8165" s="1" t="s">
        <v>31465</v>
      </c>
      <c r="I8165" s="1" t="s">
        <v>30200</v>
      </c>
      <c r="J8165" s="1" t="s">
        <v>31502</v>
      </c>
    </row>
    <row r="8166" spans="1:10" x14ac:dyDescent="0.35">
      <c r="A8166" s="1" t="s">
        <v>31462</v>
      </c>
      <c r="B8166" s="1" t="s">
        <v>30194</v>
      </c>
      <c r="C8166" s="1" t="s">
        <v>75</v>
      </c>
      <c r="D8166" s="1" t="s">
        <v>31503</v>
      </c>
      <c r="E8166" s="1" t="s">
        <v>26222</v>
      </c>
      <c r="F8166" s="1" t="s">
        <v>31504</v>
      </c>
      <c r="G8166" s="1" t="s">
        <v>31464</v>
      </c>
      <c r="H8166" s="1" t="s">
        <v>31465</v>
      </c>
      <c r="I8166" s="1" t="s">
        <v>30200</v>
      </c>
      <c r="J8166" s="1" t="s">
        <v>31505</v>
      </c>
    </row>
    <row r="8167" spans="1:10" x14ac:dyDescent="0.35">
      <c r="A8167" s="1" t="s">
        <v>31462</v>
      </c>
      <c r="B8167" s="1" t="s">
        <v>30194</v>
      </c>
      <c r="C8167" s="1" t="s">
        <v>80</v>
      </c>
      <c r="D8167" s="1" t="s">
        <v>31506</v>
      </c>
      <c r="E8167" s="1" t="s">
        <v>16109</v>
      </c>
      <c r="F8167" s="1" t="s">
        <v>31507</v>
      </c>
      <c r="G8167" s="1" t="s">
        <v>31464</v>
      </c>
      <c r="H8167" s="1" t="s">
        <v>31465</v>
      </c>
      <c r="I8167" s="1" t="s">
        <v>30200</v>
      </c>
      <c r="J8167" s="1" t="s">
        <v>31508</v>
      </c>
    </row>
    <row r="8168" spans="1:10" x14ac:dyDescent="0.35">
      <c r="A8168" s="1" t="s">
        <v>31462</v>
      </c>
      <c r="B8168" s="1" t="s">
        <v>30194</v>
      </c>
      <c r="C8168" s="1" t="s">
        <v>85</v>
      </c>
      <c r="D8168" s="1" t="s">
        <v>31509</v>
      </c>
      <c r="E8168" s="1" t="s">
        <v>31510</v>
      </c>
      <c r="F8168" s="1" t="s">
        <v>31511</v>
      </c>
      <c r="G8168" s="1" t="s">
        <v>31464</v>
      </c>
      <c r="H8168" s="1" t="s">
        <v>31465</v>
      </c>
      <c r="I8168" s="1" t="s">
        <v>30200</v>
      </c>
      <c r="J8168" s="1" t="s">
        <v>31512</v>
      </c>
    </row>
    <row r="8169" spans="1:10" x14ac:dyDescent="0.35">
      <c r="A8169" s="1" t="s">
        <v>31462</v>
      </c>
      <c r="B8169" s="1" t="s">
        <v>30194</v>
      </c>
      <c r="C8169" s="1" t="s">
        <v>90</v>
      </c>
      <c r="D8169" s="1" t="s">
        <v>31513</v>
      </c>
      <c r="E8169" s="1" t="s">
        <v>31514</v>
      </c>
      <c r="F8169" s="1" t="s">
        <v>31515</v>
      </c>
      <c r="G8169" s="1" t="s">
        <v>31464</v>
      </c>
      <c r="H8169" s="1" t="s">
        <v>31465</v>
      </c>
      <c r="I8169" s="1" t="s">
        <v>30200</v>
      </c>
      <c r="J8169" s="1" t="s">
        <v>31516</v>
      </c>
    </row>
    <row r="8170" spans="1:10" x14ac:dyDescent="0.35">
      <c r="A8170" s="1" t="s">
        <v>31462</v>
      </c>
      <c r="B8170" s="1" t="s">
        <v>30194</v>
      </c>
      <c r="C8170" s="1" t="s">
        <v>95</v>
      </c>
      <c r="D8170" s="1" t="s">
        <v>31517</v>
      </c>
      <c r="E8170" s="1" t="s">
        <v>31518</v>
      </c>
      <c r="F8170" s="1" t="s">
        <v>31519</v>
      </c>
      <c r="G8170" s="1" t="s">
        <v>31464</v>
      </c>
      <c r="H8170" s="1" t="s">
        <v>31465</v>
      </c>
      <c r="I8170" s="1" t="s">
        <v>30200</v>
      </c>
      <c r="J8170" s="1" t="s">
        <v>31520</v>
      </c>
    </row>
    <row r="8171" spans="1:10" x14ac:dyDescent="0.35">
      <c r="A8171" s="1" t="s">
        <v>31462</v>
      </c>
      <c r="B8171" s="1" t="s">
        <v>30194</v>
      </c>
      <c r="C8171" s="1" t="s">
        <v>100</v>
      </c>
      <c r="D8171" s="1" t="s">
        <v>30859</v>
      </c>
      <c r="E8171" s="1" t="s">
        <v>31521</v>
      </c>
      <c r="F8171" s="1" t="s">
        <v>31522</v>
      </c>
      <c r="G8171" s="1" t="s">
        <v>31464</v>
      </c>
      <c r="H8171" s="1" t="s">
        <v>31465</v>
      </c>
      <c r="I8171" s="1" t="s">
        <v>30200</v>
      </c>
      <c r="J8171" s="1" t="s">
        <v>31523</v>
      </c>
    </row>
    <row r="8172" spans="1:10" x14ac:dyDescent="0.35">
      <c r="A8172" s="1" t="s">
        <v>31462</v>
      </c>
      <c r="B8172" s="1" t="s">
        <v>30194</v>
      </c>
      <c r="C8172" s="1" t="s">
        <v>105</v>
      </c>
      <c r="D8172" s="1" t="s">
        <v>30669</v>
      </c>
      <c r="E8172" s="1" t="s">
        <v>31524</v>
      </c>
      <c r="F8172" s="1" t="s">
        <v>31525</v>
      </c>
      <c r="G8172" s="1" t="s">
        <v>31464</v>
      </c>
      <c r="H8172" s="1" t="s">
        <v>31465</v>
      </c>
      <c r="I8172" s="1" t="s">
        <v>30200</v>
      </c>
      <c r="J8172" s="1" t="s">
        <v>31526</v>
      </c>
    </row>
    <row r="8173" spans="1:10" x14ac:dyDescent="0.35">
      <c r="A8173" s="1" t="s">
        <v>31462</v>
      </c>
      <c r="B8173" s="1" t="s">
        <v>30194</v>
      </c>
      <c r="C8173" s="1" t="s">
        <v>110</v>
      </c>
      <c r="D8173" s="1" t="s">
        <v>31527</v>
      </c>
      <c r="E8173" s="1" t="s">
        <v>15892</v>
      </c>
      <c r="F8173" s="1" t="s">
        <v>31528</v>
      </c>
      <c r="G8173" s="1" t="s">
        <v>31464</v>
      </c>
      <c r="H8173" s="1" t="s">
        <v>31465</v>
      </c>
      <c r="I8173" s="1" t="s">
        <v>30200</v>
      </c>
      <c r="J8173" s="1" t="s">
        <v>31529</v>
      </c>
    </row>
    <row r="8174" spans="1:10" x14ac:dyDescent="0.35">
      <c r="A8174" s="1" t="s">
        <v>31462</v>
      </c>
      <c r="B8174" s="1" t="s">
        <v>30194</v>
      </c>
      <c r="C8174" s="1" t="s">
        <v>115</v>
      </c>
      <c r="D8174" s="1" t="s">
        <v>31530</v>
      </c>
      <c r="E8174" s="1" t="s">
        <v>24262</v>
      </c>
      <c r="F8174" s="1" t="s">
        <v>31531</v>
      </c>
      <c r="G8174" s="1" t="s">
        <v>31464</v>
      </c>
      <c r="H8174" s="1" t="s">
        <v>31465</v>
      </c>
      <c r="I8174" s="1" t="s">
        <v>30200</v>
      </c>
      <c r="J8174" s="1" t="s">
        <v>31532</v>
      </c>
    </row>
    <row r="8175" spans="1:10" x14ac:dyDescent="0.35">
      <c r="A8175" s="1" t="s">
        <v>31462</v>
      </c>
      <c r="B8175" s="1" t="s">
        <v>30194</v>
      </c>
      <c r="C8175" s="1" t="s">
        <v>120</v>
      </c>
      <c r="D8175" s="1" t="s">
        <v>31533</v>
      </c>
      <c r="E8175" s="1" t="s">
        <v>31534</v>
      </c>
      <c r="F8175" s="1" t="s">
        <v>31535</v>
      </c>
      <c r="G8175" s="1" t="s">
        <v>31464</v>
      </c>
      <c r="H8175" s="1" t="s">
        <v>31465</v>
      </c>
      <c r="I8175" s="1" t="s">
        <v>30200</v>
      </c>
      <c r="J8175" s="1" t="s">
        <v>31536</v>
      </c>
    </row>
    <row r="8176" spans="1:10" x14ac:dyDescent="0.35">
      <c r="A8176" s="1" t="s">
        <v>31462</v>
      </c>
      <c r="B8176" s="1" t="s">
        <v>30194</v>
      </c>
      <c r="C8176" s="1" t="s">
        <v>125</v>
      </c>
      <c r="D8176" s="1" t="s">
        <v>31537</v>
      </c>
      <c r="E8176" s="1" t="s">
        <v>31538</v>
      </c>
      <c r="F8176" s="1" t="s">
        <v>31539</v>
      </c>
      <c r="G8176" s="1" t="s">
        <v>31464</v>
      </c>
      <c r="H8176" s="1" t="s">
        <v>31465</v>
      </c>
      <c r="I8176" s="1" t="s">
        <v>30200</v>
      </c>
      <c r="J8176" s="1" t="s">
        <v>31540</v>
      </c>
    </row>
    <row r="8177" spans="1:10" x14ac:dyDescent="0.35">
      <c r="A8177" s="1" t="s">
        <v>31462</v>
      </c>
      <c r="B8177" s="1" t="s">
        <v>30194</v>
      </c>
      <c r="C8177" s="1" t="s">
        <v>130</v>
      </c>
      <c r="D8177" s="1" t="s">
        <v>31541</v>
      </c>
      <c r="E8177" s="1" t="s">
        <v>31542</v>
      </c>
      <c r="F8177" s="1" t="s">
        <v>31543</v>
      </c>
      <c r="G8177" s="1" t="s">
        <v>31464</v>
      </c>
      <c r="H8177" s="1" t="s">
        <v>31465</v>
      </c>
      <c r="I8177" s="1" t="s">
        <v>30200</v>
      </c>
      <c r="J8177" s="1" t="s">
        <v>31544</v>
      </c>
    </row>
    <row r="8178" spans="1:10" x14ac:dyDescent="0.35">
      <c r="A8178" s="1" t="s">
        <v>31462</v>
      </c>
      <c r="B8178" s="1" t="s">
        <v>30194</v>
      </c>
      <c r="C8178" s="1" t="s">
        <v>135</v>
      </c>
      <c r="D8178" s="1" t="s">
        <v>31545</v>
      </c>
      <c r="E8178" s="1" t="s">
        <v>31546</v>
      </c>
      <c r="F8178" s="1" t="s">
        <v>31547</v>
      </c>
      <c r="G8178" s="1" t="s">
        <v>31464</v>
      </c>
      <c r="H8178" s="1" t="s">
        <v>31465</v>
      </c>
      <c r="I8178" s="1" t="s">
        <v>30200</v>
      </c>
      <c r="J8178" s="1" t="s">
        <v>31548</v>
      </c>
    </row>
    <row r="8179" spans="1:10" x14ac:dyDescent="0.35">
      <c r="A8179" s="1" t="s">
        <v>31462</v>
      </c>
      <c r="B8179" s="1" t="s">
        <v>30194</v>
      </c>
      <c r="C8179" s="1" t="s">
        <v>140</v>
      </c>
      <c r="D8179" s="1" t="s">
        <v>31549</v>
      </c>
      <c r="E8179" s="1" t="s">
        <v>31550</v>
      </c>
      <c r="F8179" s="1" t="s">
        <v>31551</v>
      </c>
      <c r="G8179" s="1" t="s">
        <v>31464</v>
      </c>
      <c r="H8179" s="1" t="s">
        <v>31465</v>
      </c>
      <c r="I8179" s="1" t="s">
        <v>30200</v>
      </c>
      <c r="J8179" s="1" t="s">
        <v>31552</v>
      </c>
    </row>
    <row r="8180" spans="1:10" x14ac:dyDescent="0.35">
      <c r="A8180" s="1" t="s">
        <v>31462</v>
      </c>
      <c r="B8180" s="1" t="s">
        <v>30194</v>
      </c>
      <c r="C8180" s="1" t="s">
        <v>145</v>
      </c>
      <c r="D8180" s="1" t="s">
        <v>31553</v>
      </c>
      <c r="E8180" s="1" t="s">
        <v>15676</v>
      </c>
      <c r="F8180" s="1" t="s">
        <v>31554</v>
      </c>
      <c r="G8180" s="1" t="s">
        <v>31464</v>
      </c>
      <c r="H8180" s="1" t="s">
        <v>31465</v>
      </c>
      <c r="I8180" s="1" t="s">
        <v>30200</v>
      </c>
      <c r="J8180" s="1" t="s">
        <v>31555</v>
      </c>
    </row>
    <row r="8181" spans="1:10" x14ac:dyDescent="0.35">
      <c r="A8181" s="1" t="s">
        <v>31462</v>
      </c>
      <c r="B8181" s="1" t="s">
        <v>30194</v>
      </c>
      <c r="C8181" s="1" t="s">
        <v>150</v>
      </c>
      <c r="D8181" s="1" t="s">
        <v>13283</v>
      </c>
      <c r="E8181" s="1" t="s">
        <v>31556</v>
      </c>
      <c r="F8181" s="1" t="s">
        <v>31557</v>
      </c>
      <c r="G8181" s="1" t="s">
        <v>31464</v>
      </c>
      <c r="H8181" s="1" t="s">
        <v>31465</v>
      </c>
      <c r="I8181" s="1" t="s">
        <v>30200</v>
      </c>
      <c r="J8181" s="1" t="s">
        <v>31558</v>
      </c>
    </row>
    <row r="8182" spans="1:10" x14ac:dyDescent="0.35">
      <c r="A8182" s="1" t="s">
        <v>31462</v>
      </c>
      <c r="B8182" s="1" t="s">
        <v>30194</v>
      </c>
      <c r="C8182" s="1" t="s">
        <v>155</v>
      </c>
      <c r="D8182" s="1" t="s">
        <v>31559</v>
      </c>
      <c r="E8182" s="1" t="s">
        <v>31560</v>
      </c>
      <c r="F8182" s="1" t="s">
        <v>31561</v>
      </c>
      <c r="G8182" s="1" t="s">
        <v>31464</v>
      </c>
      <c r="H8182" s="1" t="s">
        <v>31465</v>
      </c>
      <c r="I8182" s="1" t="s">
        <v>30200</v>
      </c>
      <c r="J8182" s="1" t="s">
        <v>31562</v>
      </c>
    </row>
    <row r="8183" spans="1:10" x14ac:dyDescent="0.35">
      <c r="A8183" s="1" t="s">
        <v>31462</v>
      </c>
      <c r="B8183" s="1" t="s">
        <v>30194</v>
      </c>
      <c r="C8183" s="1" t="s">
        <v>160</v>
      </c>
      <c r="D8183" s="1" t="s">
        <v>31563</v>
      </c>
      <c r="E8183" s="1" t="s">
        <v>30604</v>
      </c>
      <c r="F8183" s="1" t="s">
        <v>31564</v>
      </c>
      <c r="G8183" s="1" t="s">
        <v>31464</v>
      </c>
      <c r="H8183" s="1" t="s">
        <v>31465</v>
      </c>
      <c r="I8183" s="1" t="s">
        <v>30200</v>
      </c>
      <c r="J8183" s="1" t="s">
        <v>31565</v>
      </c>
    </row>
    <row r="8184" spans="1:10" x14ac:dyDescent="0.35">
      <c r="A8184" s="1" t="s">
        <v>31462</v>
      </c>
      <c r="B8184" s="1" t="s">
        <v>30194</v>
      </c>
      <c r="C8184" s="1" t="s">
        <v>165</v>
      </c>
      <c r="D8184" s="1" t="s">
        <v>31566</v>
      </c>
      <c r="E8184" s="1" t="s">
        <v>31567</v>
      </c>
      <c r="F8184" s="1" t="s">
        <v>31568</v>
      </c>
      <c r="G8184" s="1" t="s">
        <v>31464</v>
      </c>
      <c r="H8184" s="1" t="s">
        <v>31465</v>
      </c>
      <c r="I8184" s="1" t="s">
        <v>30200</v>
      </c>
      <c r="J8184" s="1" t="s">
        <v>31569</v>
      </c>
    </row>
    <row r="8185" spans="1:10" x14ac:dyDescent="0.35">
      <c r="A8185" s="1" t="s">
        <v>31462</v>
      </c>
      <c r="B8185" s="1" t="s">
        <v>30194</v>
      </c>
      <c r="C8185" s="1" t="s">
        <v>170</v>
      </c>
      <c r="D8185" s="1" t="s">
        <v>31570</v>
      </c>
      <c r="E8185" s="1" t="s">
        <v>31571</v>
      </c>
      <c r="F8185" s="1" t="s">
        <v>31572</v>
      </c>
      <c r="G8185" s="1" t="s">
        <v>31464</v>
      </c>
      <c r="H8185" s="1" t="s">
        <v>31465</v>
      </c>
      <c r="I8185" s="1" t="s">
        <v>30200</v>
      </c>
      <c r="J8185" s="1" t="s">
        <v>31573</v>
      </c>
    </row>
    <row r="8186" spans="1:10" x14ac:dyDescent="0.35">
      <c r="A8186" s="1" t="s">
        <v>31574</v>
      </c>
      <c r="B8186" s="1" t="s">
        <v>30194</v>
      </c>
      <c r="C8186" s="1" t="s">
        <v>8</v>
      </c>
      <c r="D8186" s="1" t="s">
        <v>31575</v>
      </c>
      <c r="E8186" s="1" t="s">
        <v>31576</v>
      </c>
      <c r="F8186" s="1" t="s">
        <v>31577</v>
      </c>
      <c r="G8186" s="1" t="s">
        <v>31578</v>
      </c>
      <c r="H8186" s="1" t="s">
        <v>31579</v>
      </c>
      <c r="I8186" s="1" t="s">
        <v>30200</v>
      </c>
      <c r="J8186" s="1" t="s">
        <v>13</v>
      </c>
    </row>
    <row r="8187" spans="1:10" x14ac:dyDescent="0.35">
      <c r="A8187" s="1" t="s">
        <v>31574</v>
      </c>
      <c r="B8187" s="1" t="s">
        <v>30194</v>
      </c>
      <c r="C8187" s="1" t="s">
        <v>15</v>
      </c>
      <c r="D8187" s="1" t="s">
        <v>31580</v>
      </c>
      <c r="E8187" s="1" t="s">
        <v>31581</v>
      </c>
      <c r="F8187" s="1" t="s">
        <v>31582</v>
      </c>
      <c r="G8187" s="1" t="s">
        <v>31578</v>
      </c>
      <c r="H8187" s="1" t="s">
        <v>31579</v>
      </c>
      <c r="I8187" s="1" t="s">
        <v>30200</v>
      </c>
      <c r="J8187" s="1" t="s">
        <v>31583</v>
      </c>
    </row>
    <row r="8188" spans="1:10" x14ac:dyDescent="0.35">
      <c r="A8188" s="1" t="s">
        <v>31574</v>
      </c>
      <c r="B8188" s="1" t="s">
        <v>30194</v>
      </c>
      <c r="C8188" s="1" t="s">
        <v>20</v>
      </c>
      <c r="D8188" s="1" t="s">
        <v>31584</v>
      </c>
      <c r="E8188" s="1" t="s">
        <v>31585</v>
      </c>
      <c r="F8188" s="1" t="s">
        <v>31586</v>
      </c>
      <c r="G8188" s="1" t="s">
        <v>31578</v>
      </c>
      <c r="H8188" s="1" t="s">
        <v>31579</v>
      </c>
      <c r="I8188" s="1" t="s">
        <v>30200</v>
      </c>
      <c r="J8188" s="1" t="s">
        <v>31587</v>
      </c>
    </row>
    <row r="8189" spans="1:10" x14ac:dyDescent="0.35">
      <c r="A8189" s="1" t="s">
        <v>31574</v>
      </c>
      <c r="B8189" s="1" t="s">
        <v>30194</v>
      </c>
      <c r="C8189" s="1" t="s">
        <v>25</v>
      </c>
      <c r="D8189" s="1" t="s">
        <v>31588</v>
      </c>
      <c r="E8189" s="1" t="s">
        <v>31589</v>
      </c>
      <c r="F8189" s="1" t="s">
        <v>31590</v>
      </c>
      <c r="G8189" s="1" t="s">
        <v>31578</v>
      </c>
      <c r="H8189" s="1" t="s">
        <v>31579</v>
      </c>
      <c r="I8189" s="1" t="s">
        <v>30200</v>
      </c>
      <c r="J8189" s="1" t="s">
        <v>31591</v>
      </c>
    </row>
    <row r="8190" spans="1:10" x14ac:dyDescent="0.35">
      <c r="A8190" s="1" t="s">
        <v>31574</v>
      </c>
      <c r="B8190" s="1" t="s">
        <v>30194</v>
      </c>
      <c r="C8190" s="1" t="s">
        <v>30</v>
      </c>
      <c r="D8190" s="1" t="s">
        <v>656</v>
      </c>
      <c r="E8190" s="1" t="s">
        <v>31592</v>
      </c>
      <c r="F8190" s="1" t="s">
        <v>31593</v>
      </c>
      <c r="G8190" s="1" t="s">
        <v>31578</v>
      </c>
      <c r="H8190" s="1" t="s">
        <v>31579</v>
      </c>
      <c r="I8190" s="1" t="s">
        <v>30200</v>
      </c>
      <c r="J8190" s="1" t="s">
        <v>31594</v>
      </c>
    </row>
    <row r="8191" spans="1:10" x14ac:dyDescent="0.35">
      <c r="A8191" s="1" t="s">
        <v>31574</v>
      </c>
      <c r="B8191" s="1" t="s">
        <v>30194</v>
      </c>
      <c r="C8191" s="1" t="s">
        <v>35</v>
      </c>
      <c r="D8191" s="1" t="s">
        <v>31595</v>
      </c>
      <c r="E8191" s="1" t="s">
        <v>31596</v>
      </c>
      <c r="F8191" s="1" t="s">
        <v>31597</v>
      </c>
      <c r="G8191" s="1" t="s">
        <v>31578</v>
      </c>
      <c r="H8191" s="1" t="s">
        <v>31579</v>
      </c>
      <c r="I8191" s="1" t="s">
        <v>30200</v>
      </c>
      <c r="J8191" s="1" t="s">
        <v>31598</v>
      </c>
    </row>
    <row r="8192" spans="1:10" x14ac:dyDescent="0.35">
      <c r="A8192" s="1" t="s">
        <v>31574</v>
      </c>
      <c r="B8192" s="1" t="s">
        <v>30194</v>
      </c>
      <c r="C8192" s="1" t="s">
        <v>40</v>
      </c>
      <c r="D8192" s="1" t="s">
        <v>31599</v>
      </c>
      <c r="E8192" s="1" t="s">
        <v>31600</v>
      </c>
      <c r="F8192" s="1" t="s">
        <v>31601</v>
      </c>
      <c r="G8192" s="1" t="s">
        <v>31578</v>
      </c>
      <c r="H8192" s="1" t="s">
        <v>31579</v>
      </c>
      <c r="I8192" s="1" t="s">
        <v>30200</v>
      </c>
      <c r="J8192" s="1" t="s">
        <v>31602</v>
      </c>
    </row>
    <row r="8193" spans="1:10" x14ac:dyDescent="0.35">
      <c r="A8193" s="1" t="s">
        <v>31574</v>
      </c>
      <c r="B8193" s="1" t="s">
        <v>30194</v>
      </c>
      <c r="C8193" s="1" t="s">
        <v>45</v>
      </c>
      <c r="D8193" s="1" t="s">
        <v>31603</v>
      </c>
      <c r="E8193" s="1" t="s">
        <v>31604</v>
      </c>
      <c r="F8193" s="1" t="s">
        <v>31605</v>
      </c>
      <c r="G8193" s="1" t="s">
        <v>31578</v>
      </c>
      <c r="H8193" s="1" t="s">
        <v>31579</v>
      </c>
      <c r="I8193" s="1" t="s">
        <v>30200</v>
      </c>
      <c r="J8193" s="1" t="s">
        <v>31606</v>
      </c>
    </row>
    <row r="8194" spans="1:10" x14ac:dyDescent="0.35">
      <c r="A8194" s="1" t="s">
        <v>31574</v>
      </c>
      <c r="B8194" s="1" t="s">
        <v>30194</v>
      </c>
      <c r="C8194" s="1" t="s">
        <v>50</v>
      </c>
      <c r="D8194" s="1" t="s">
        <v>31607</v>
      </c>
      <c r="E8194" s="1" t="s">
        <v>31608</v>
      </c>
      <c r="F8194" s="1" t="s">
        <v>31609</v>
      </c>
      <c r="G8194" s="1" t="s">
        <v>31578</v>
      </c>
      <c r="H8194" s="1" t="s">
        <v>31579</v>
      </c>
      <c r="I8194" s="1" t="s">
        <v>30200</v>
      </c>
      <c r="J8194" s="1" t="s">
        <v>31610</v>
      </c>
    </row>
    <row r="8195" spans="1:10" x14ac:dyDescent="0.35">
      <c r="A8195" s="1" t="s">
        <v>31574</v>
      </c>
      <c r="B8195" s="1" t="s">
        <v>30194</v>
      </c>
      <c r="C8195" s="1" t="s">
        <v>55</v>
      </c>
      <c r="D8195" s="1" t="s">
        <v>31611</v>
      </c>
      <c r="E8195" s="1" t="s">
        <v>31612</v>
      </c>
      <c r="F8195" s="1" t="s">
        <v>31613</v>
      </c>
      <c r="G8195" s="1" t="s">
        <v>31578</v>
      </c>
      <c r="H8195" s="1" t="s">
        <v>31579</v>
      </c>
      <c r="I8195" s="1" t="s">
        <v>30200</v>
      </c>
      <c r="J8195" s="1" t="s">
        <v>31614</v>
      </c>
    </row>
    <row r="8196" spans="1:10" x14ac:dyDescent="0.35">
      <c r="A8196" s="1" t="s">
        <v>31574</v>
      </c>
      <c r="B8196" s="1" t="s">
        <v>30194</v>
      </c>
      <c r="C8196" s="1" t="s">
        <v>60</v>
      </c>
      <c r="D8196" s="1" t="s">
        <v>16149</v>
      </c>
      <c r="E8196" s="1" t="s">
        <v>31615</v>
      </c>
      <c r="F8196" s="1" t="s">
        <v>31616</v>
      </c>
      <c r="G8196" s="1" t="s">
        <v>31578</v>
      </c>
      <c r="H8196" s="1" t="s">
        <v>31579</v>
      </c>
      <c r="I8196" s="1" t="s">
        <v>30200</v>
      </c>
      <c r="J8196" s="1" t="s">
        <v>31617</v>
      </c>
    </row>
    <row r="8197" spans="1:10" x14ac:dyDescent="0.35">
      <c r="A8197" s="1" t="s">
        <v>31574</v>
      </c>
      <c r="B8197" s="1" t="s">
        <v>30194</v>
      </c>
      <c r="C8197" s="1" t="s">
        <v>65</v>
      </c>
      <c r="D8197" s="1" t="s">
        <v>31618</v>
      </c>
      <c r="E8197" s="1" t="s">
        <v>31619</v>
      </c>
      <c r="F8197" s="1" t="s">
        <v>31620</v>
      </c>
      <c r="G8197" s="1" t="s">
        <v>31578</v>
      </c>
      <c r="H8197" s="1" t="s">
        <v>31579</v>
      </c>
      <c r="I8197" s="1" t="s">
        <v>30200</v>
      </c>
      <c r="J8197" s="1" t="s">
        <v>31621</v>
      </c>
    </row>
    <row r="8198" spans="1:10" x14ac:dyDescent="0.35">
      <c r="A8198" s="1" t="s">
        <v>31574</v>
      </c>
      <c r="B8198" s="1" t="s">
        <v>30194</v>
      </c>
      <c r="C8198" s="1" t="s">
        <v>70</v>
      </c>
      <c r="D8198" s="1" t="s">
        <v>31622</v>
      </c>
      <c r="E8198" s="1" t="s">
        <v>31623</v>
      </c>
      <c r="F8198" s="1" t="s">
        <v>31624</v>
      </c>
      <c r="G8198" s="1" t="s">
        <v>31578</v>
      </c>
      <c r="H8198" s="1" t="s">
        <v>31579</v>
      </c>
      <c r="I8198" s="1" t="s">
        <v>30200</v>
      </c>
      <c r="J8198" s="1" t="s">
        <v>31625</v>
      </c>
    </row>
    <row r="8199" spans="1:10" x14ac:dyDescent="0.35">
      <c r="A8199" s="1" t="s">
        <v>31574</v>
      </c>
      <c r="B8199" s="1" t="s">
        <v>30194</v>
      </c>
      <c r="C8199" s="1" t="s">
        <v>75</v>
      </c>
      <c r="D8199" s="1" t="s">
        <v>31626</v>
      </c>
      <c r="E8199" s="1" t="s">
        <v>31627</v>
      </c>
      <c r="F8199" s="1" t="s">
        <v>31628</v>
      </c>
      <c r="G8199" s="1" t="s">
        <v>31578</v>
      </c>
      <c r="H8199" s="1" t="s">
        <v>31579</v>
      </c>
      <c r="I8199" s="1" t="s">
        <v>30200</v>
      </c>
      <c r="J8199" s="1" t="s">
        <v>31629</v>
      </c>
    </row>
    <row r="8200" spans="1:10" x14ac:dyDescent="0.35">
      <c r="A8200" s="1" t="s">
        <v>31574</v>
      </c>
      <c r="B8200" s="1" t="s">
        <v>30194</v>
      </c>
      <c r="C8200" s="1" t="s">
        <v>80</v>
      </c>
      <c r="D8200" s="1" t="s">
        <v>31630</v>
      </c>
      <c r="E8200" s="1" t="s">
        <v>31631</v>
      </c>
      <c r="F8200" s="1" t="s">
        <v>31632</v>
      </c>
      <c r="G8200" s="1" t="s">
        <v>31578</v>
      </c>
      <c r="H8200" s="1" t="s">
        <v>31579</v>
      </c>
      <c r="I8200" s="1" t="s">
        <v>30200</v>
      </c>
      <c r="J8200" s="1" t="s">
        <v>31633</v>
      </c>
    </row>
    <row r="8201" spans="1:10" x14ac:dyDescent="0.35">
      <c r="A8201" s="1" t="s">
        <v>31574</v>
      </c>
      <c r="B8201" s="1" t="s">
        <v>30194</v>
      </c>
      <c r="C8201" s="1" t="s">
        <v>85</v>
      </c>
      <c r="D8201" s="1" t="s">
        <v>31634</v>
      </c>
      <c r="E8201" s="1" t="s">
        <v>31635</v>
      </c>
      <c r="F8201" s="1" t="s">
        <v>31636</v>
      </c>
      <c r="G8201" s="1" t="s">
        <v>31578</v>
      </c>
      <c r="H8201" s="1" t="s">
        <v>31579</v>
      </c>
      <c r="I8201" s="1" t="s">
        <v>30200</v>
      </c>
      <c r="J8201" s="1" t="s">
        <v>31637</v>
      </c>
    </row>
    <row r="8202" spans="1:10" x14ac:dyDescent="0.35">
      <c r="A8202" s="1" t="s">
        <v>31574</v>
      </c>
      <c r="B8202" s="1" t="s">
        <v>30194</v>
      </c>
      <c r="C8202" s="1" t="s">
        <v>90</v>
      </c>
      <c r="D8202" s="1" t="s">
        <v>31638</v>
      </c>
      <c r="E8202" s="1" t="s">
        <v>31639</v>
      </c>
      <c r="F8202" s="1" t="s">
        <v>31640</v>
      </c>
      <c r="G8202" s="1" t="s">
        <v>31578</v>
      </c>
      <c r="H8202" s="1" t="s">
        <v>31579</v>
      </c>
      <c r="I8202" s="1" t="s">
        <v>30200</v>
      </c>
      <c r="J8202" s="1" t="s">
        <v>31641</v>
      </c>
    </row>
    <row r="8203" spans="1:10" x14ac:dyDescent="0.35">
      <c r="A8203" s="1" t="s">
        <v>31574</v>
      </c>
      <c r="B8203" s="1" t="s">
        <v>30194</v>
      </c>
      <c r="C8203" s="1" t="s">
        <v>95</v>
      </c>
      <c r="D8203" s="1" t="s">
        <v>31642</v>
      </c>
      <c r="E8203" s="1" t="s">
        <v>31643</v>
      </c>
      <c r="F8203" s="1" t="s">
        <v>31644</v>
      </c>
      <c r="G8203" s="1" t="s">
        <v>31578</v>
      </c>
      <c r="H8203" s="1" t="s">
        <v>31579</v>
      </c>
      <c r="I8203" s="1" t="s">
        <v>30200</v>
      </c>
      <c r="J8203" s="1" t="s">
        <v>31645</v>
      </c>
    </row>
    <row r="8204" spans="1:10" x14ac:dyDescent="0.35">
      <c r="A8204" s="1" t="s">
        <v>31574</v>
      </c>
      <c r="B8204" s="1" t="s">
        <v>30194</v>
      </c>
      <c r="C8204" s="1" t="s">
        <v>100</v>
      </c>
      <c r="D8204" s="1" t="s">
        <v>31646</v>
      </c>
      <c r="E8204" s="1" t="s">
        <v>31647</v>
      </c>
      <c r="F8204" s="1" t="s">
        <v>31648</v>
      </c>
      <c r="G8204" s="1" t="s">
        <v>31578</v>
      </c>
      <c r="H8204" s="1" t="s">
        <v>31579</v>
      </c>
      <c r="I8204" s="1" t="s">
        <v>30200</v>
      </c>
      <c r="J8204" s="1" t="s">
        <v>31649</v>
      </c>
    </row>
    <row r="8205" spans="1:10" x14ac:dyDescent="0.35">
      <c r="A8205" s="1" t="s">
        <v>31574</v>
      </c>
      <c r="B8205" s="1" t="s">
        <v>30194</v>
      </c>
      <c r="C8205" s="1" t="s">
        <v>105</v>
      </c>
      <c r="D8205" s="1" t="s">
        <v>31650</v>
      </c>
      <c r="E8205" s="1" t="s">
        <v>31651</v>
      </c>
      <c r="F8205" s="1" t="s">
        <v>31652</v>
      </c>
      <c r="G8205" s="1" t="s">
        <v>31578</v>
      </c>
      <c r="H8205" s="1" t="s">
        <v>31579</v>
      </c>
      <c r="I8205" s="1" t="s">
        <v>30200</v>
      </c>
      <c r="J8205" s="1" t="s">
        <v>31653</v>
      </c>
    </row>
    <row r="8206" spans="1:10" x14ac:dyDescent="0.35">
      <c r="A8206" s="1" t="s">
        <v>31574</v>
      </c>
      <c r="B8206" s="1" t="s">
        <v>30194</v>
      </c>
      <c r="C8206" s="1" t="s">
        <v>110</v>
      </c>
      <c r="D8206" s="1" t="s">
        <v>31654</v>
      </c>
      <c r="E8206" s="1" t="s">
        <v>31655</v>
      </c>
      <c r="F8206" s="1" t="s">
        <v>31656</v>
      </c>
      <c r="G8206" s="1" t="s">
        <v>31578</v>
      </c>
      <c r="H8206" s="1" t="s">
        <v>31579</v>
      </c>
      <c r="I8206" s="1" t="s">
        <v>30200</v>
      </c>
      <c r="J8206" s="1" t="s">
        <v>31657</v>
      </c>
    </row>
    <row r="8207" spans="1:10" x14ac:dyDescent="0.35">
      <c r="A8207" s="1" t="s">
        <v>31574</v>
      </c>
      <c r="B8207" s="1" t="s">
        <v>30194</v>
      </c>
      <c r="C8207" s="1" t="s">
        <v>115</v>
      </c>
      <c r="D8207" s="1" t="s">
        <v>31658</v>
      </c>
      <c r="E8207" s="1" t="s">
        <v>31659</v>
      </c>
      <c r="F8207" s="1" t="s">
        <v>31660</v>
      </c>
      <c r="G8207" s="1" t="s">
        <v>31578</v>
      </c>
      <c r="H8207" s="1" t="s">
        <v>31579</v>
      </c>
      <c r="I8207" s="1" t="s">
        <v>30200</v>
      </c>
      <c r="J8207" s="1" t="s">
        <v>31661</v>
      </c>
    </row>
    <row r="8208" spans="1:10" x14ac:dyDescent="0.35">
      <c r="A8208" s="1" t="s">
        <v>31574</v>
      </c>
      <c r="B8208" s="1" t="s">
        <v>30194</v>
      </c>
      <c r="C8208" s="1" t="s">
        <v>120</v>
      </c>
      <c r="D8208" s="1" t="s">
        <v>19027</v>
      </c>
      <c r="E8208" s="1" t="s">
        <v>31662</v>
      </c>
      <c r="F8208" s="1" t="s">
        <v>31663</v>
      </c>
      <c r="G8208" s="1" t="s">
        <v>31578</v>
      </c>
      <c r="H8208" s="1" t="s">
        <v>31579</v>
      </c>
      <c r="I8208" s="1" t="s">
        <v>30200</v>
      </c>
      <c r="J8208" s="1" t="s">
        <v>31664</v>
      </c>
    </row>
    <row r="8209" spans="1:10" x14ac:dyDescent="0.35">
      <c r="A8209" s="1" t="s">
        <v>31574</v>
      </c>
      <c r="B8209" s="1" t="s">
        <v>30194</v>
      </c>
      <c r="C8209" s="1" t="s">
        <v>125</v>
      </c>
      <c r="D8209" s="1" t="s">
        <v>31665</v>
      </c>
      <c r="E8209" s="1" t="s">
        <v>31666</v>
      </c>
      <c r="F8209" s="1" t="s">
        <v>31667</v>
      </c>
      <c r="G8209" s="1" t="s">
        <v>31578</v>
      </c>
      <c r="H8209" s="1" t="s">
        <v>31579</v>
      </c>
      <c r="I8209" s="1" t="s">
        <v>30200</v>
      </c>
      <c r="J8209" s="1" t="s">
        <v>31668</v>
      </c>
    </row>
    <row r="8210" spans="1:10" x14ac:dyDescent="0.35">
      <c r="A8210" s="1" t="s">
        <v>31574</v>
      </c>
      <c r="B8210" s="1" t="s">
        <v>30194</v>
      </c>
      <c r="C8210" s="1" t="s">
        <v>130</v>
      </c>
      <c r="D8210" s="1" t="s">
        <v>31669</v>
      </c>
      <c r="E8210" s="1" t="s">
        <v>31670</v>
      </c>
      <c r="F8210" s="1" t="s">
        <v>31671</v>
      </c>
      <c r="G8210" s="1" t="s">
        <v>31578</v>
      </c>
      <c r="H8210" s="1" t="s">
        <v>31579</v>
      </c>
      <c r="I8210" s="1" t="s">
        <v>30200</v>
      </c>
      <c r="J8210" s="1" t="s">
        <v>31672</v>
      </c>
    </row>
    <row r="8211" spans="1:10" x14ac:dyDescent="0.35">
      <c r="A8211" s="1" t="s">
        <v>31574</v>
      </c>
      <c r="B8211" s="1" t="s">
        <v>30194</v>
      </c>
      <c r="C8211" s="1" t="s">
        <v>135</v>
      </c>
      <c r="D8211" s="1" t="s">
        <v>31673</v>
      </c>
      <c r="E8211" s="1" t="s">
        <v>31674</v>
      </c>
      <c r="F8211" s="1" t="s">
        <v>31675</v>
      </c>
      <c r="G8211" s="1" t="s">
        <v>31578</v>
      </c>
      <c r="H8211" s="1" t="s">
        <v>31579</v>
      </c>
      <c r="I8211" s="1" t="s">
        <v>30200</v>
      </c>
      <c r="J8211" s="1" t="s">
        <v>31676</v>
      </c>
    </row>
    <row r="8212" spans="1:10" x14ac:dyDescent="0.35">
      <c r="A8212" s="1" t="s">
        <v>31574</v>
      </c>
      <c r="B8212" s="1" t="s">
        <v>30194</v>
      </c>
      <c r="C8212" s="1" t="s">
        <v>140</v>
      </c>
      <c r="D8212" s="1" t="s">
        <v>19195</v>
      </c>
      <c r="E8212" s="1" t="s">
        <v>31677</v>
      </c>
      <c r="F8212" s="1" t="s">
        <v>31678</v>
      </c>
      <c r="G8212" s="1" t="s">
        <v>31578</v>
      </c>
      <c r="H8212" s="1" t="s">
        <v>31579</v>
      </c>
      <c r="I8212" s="1" t="s">
        <v>30200</v>
      </c>
      <c r="J8212" s="1" t="s">
        <v>31679</v>
      </c>
    </row>
    <row r="8213" spans="1:10" x14ac:dyDescent="0.35">
      <c r="A8213" s="1" t="s">
        <v>31574</v>
      </c>
      <c r="B8213" s="1" t="s">
        <v>30194</v>
      </c>
      <c r="C8213" s="1" t="s">
        <v>145</v>
      </c>
      <c r="D8213" s="1" t="s">
        <v>31680</v>
      </c>
      <c r="E8213" s="1" t="s">
        <v>31681</v>
      </c>
      <c r="F8213" s="1" t="s">
        <v>31682</v>
      </c>
      <c r="G8213" s="1" t="s">
        <v>31578</v>
      </c>
      <c r="H8213" s="1" t="s">
        <v>31579</v>
      </c>
      <c r="I8213" s="1" t="s">
        <v>30200</v>
      </c>
      <c r="J8213" s="1" t="s">
        <v>31683</v>
      </c>
    </row>
    <row r="8214" spans="1:10" x14ac:dyDescent="0.35">
      <c r="A8214" s="1" t="s">
        <v>31574</v>
      </c>
      <c r="B8214" s="1" t="s">
        <v>30194</v>
      </c>
      <c r="C8214" s="1" t="s">
        <v>150</v>
      </c>
      <c r="D8214" s="1" t="s">
        <v>31684</v>
      </c>
      <c r="E8214" s="1" t="s">
        <v>31685</v>
      </c>
      <c r="F8214" s="1" t="s">
        <v>31686</v>
      </c>
      <c r="G8214" s="1" t="s">
        <v>31578</v>
      </c>
      <c r="H8214" s="1" t="s">
        <v>31579</v>
      </c>
      <c r="I8214" s="1" t="s">
        <v>30200</v>
      </c>
      <c r="J8214" s="1" t="s">
        <v>31687</v>
      </c>
    </row>
    <row r="8215" spans="1:10" x14ac:dyDescent="0.35">
      <c r="A8215" s="1" t="s">
        <v>31574</v>
      </c>
      <c r="B8215" s="1" t="s">
        <v>30194</v>
      </c>
      <c r="C8215" s="1" t="s">
        <v>155</v>
      </c>
      <c r="D8215" s="1" t="s">
        <v>31688</v>
      </c>
      <c r="E8215" s="1" t="s">
        <v>31689</v>
      </c>
      <c r="F8215" s="1" t="s">
        <v>31690</v>
      </c>
      <c r="G8215" s="1" t="s">
        <v>31578</v>
      </c>
      <c r="H8215" s="1" t="s">
        <v>31579</v>
      </c>
      <c r="I8215" s="1" t="s">
        <v>30200</v>
      </c>
      <c r="J8215" s="1" t="s">
        <v>31691</v>
      </c>
    </row>
    <row r="8216" spans="1:10" x14ac:dyDescent="0.35">
      <c r="A8216" s="1" t="s">
        <v>31574</v>
      </c>
      <c r="B8216" s="1" t="s">
        <v>30194</v>
      </c>
      <c r="C8216" s="1" t="s">
        <v>160</v>
      </c>
      <c r="D8216" s="1" t="s">
        <v>31692</v>
      </c>
      <c r="E8216" s="1" t="s">
        <v>31693</v>
      </c>
      <c r="F8216" s="1" t="s">
        <v>31694</v>
      </c>
      <c r="G8216" s="1" t="s">
        <v>31578</v>
      </c>
      <c r="H8216" s="1" t="s">
        <v>31579</v>
      </c>
      <c r="I8216" s="1" t="s">
        <v>30200</v>
      </c>
      <c r="J8216" s="1" t="s">
        <v>31695</v>
      </c>
    </row>
    <row r="8217" spans="1:10" x14ac:dyDescent="0.35">
      <c r="A8217" s="1" t="s">
        <v>31574</v>
      </c>
      <c r="B8217" s="1" t="s">
        <v>30194</v>
      </c>
      <c r="C8217" s="1" t="s">
        <v>165</v>
      </c>
      <c r="D8217" s="1" t="s">
        <v>31696</v>
      </c>
      <c r="E8217" s="1" t="s">
        <v>31697</v>
      </c>
      <c r="F8217" s="1" t="s">
        <v>31698</v>
      </c>
      <c r="G8217" s="1" t="s">
        <v>31578</v>
      </c>
      <c r="H8217" s="1" t="s">
        <v>31579</v>
      </c>
      <c r="I8217" s="1" t="s">
        <v>30200</v>
      </c>
      <c r="J8217" s="1" t="s">
        <v>31699</v>
      </c>
    </row>
    <row r="8218" spans="1:10" x14ac:dyDescent="0.35">
      <c r="A8218" s="1" t="s">
        <v>31574</v>
      </c>
      <c r="B8218" s="1" t="s">
        <v>30194</v>
      </c>
      <c r="C8218" s="1" t="s">
        <v>170</v>
      </c>
      <c r="D8218" s="1" t="s">
        <v>31700</v>
      </c>
      <c r="E8218" s="1" t="s">
        <v>31701</v>
      </c>
      <c r="F8218" s="1" t="s">
        <v>31702</v>
      </c>
      <c r="G8218" s="1" t="s">
        <v>31578</v>
      </c>
      <c r="H8218" s="1" t="s">
        <v>31579</v>
      </c>
      <c r="I8218" s="1" t="s">
        <v>30200</v>
      </c>
      <c r="J8218" s="1" t="s">
        <v>31703</v>
      </c>
    </row>
    <row r="8219" spans="1:10" x14ac:dyDescent="0.35">
      <c r="A8219" s="1" t="s">
        <v>31704</v>
      </c>
      <c r="B8219" s="1" t="s">
        <v>30194</v>
      </c>
      <c r="C8219" s="1" t="s">
        <v>8</v>
      </c>
      <c r="D8219" s="1" t="s">
        <v>31705</v>
      </c>
      <c r="E8219" s="1" t="s">
        <v>31706</v>
      </c>
      <c r="F8219" s="1" t="s">
        <v>31707</v>
      </c>
      <c r="G8219" s="1" t="s">
        <v>31708</v>
      </c>
      <c r="H8219" s="1" t="s">
        <v>31709</v>
      </c>
      <c r="I8219" s="1" t="s">
        <v>30200</v>
      </c>
      <c r="J8219" s="1" t="s">
        <v>13</v>
      </c>
    </row>
    <row r="8220" spans="1:10" x14ac:dyDescent="0.35">
      <c r="A8220" s="1" t="s">
        <v>31704</v>
      </c>
      <c r="B8220" s="1" t="s">
        <v>30194</v>
      </c>
      <c r="C8220" s="1" t="s">
        <v>15</v>
      </c>
      <c r="D8220" s="1" t="s">
        <v>31710</v>
      </c>
      <c r="E8220" s="1" t="s">
        <v>15857</v>
      </c>
      <c r="F8220" s="1" t="s">
        <v>31711</v>
      </c>
      <c r="G8220" s="1" t="s">
        <v>31708</v>
      </c>
      <c r="H8220" s="1" t="s">
        <v>31709</v>
      </c>
      <c r="I8220" s="1" t="s">
        <v>30200</v>
      </c>
      <c r="J8220" s="1" t="s">
        <v>31712</v>
      </c>
    </row>
    <row r="8221" spans="1:10" x14ac:dyDescent="0.35">
      <c r="A8221" s="1" t="s">
        <v>31704</v>
      </c>
      <c r="B8221" s="1" t="s">
        <v>30194</v>
      </c>
      <c r="C8221" s="1" t="s">
        <v>20</v>
      </c>
      <c r="D8221" s="1" t="s">
        <v>31713</v>
      </c>
      <c r="E8221" s="1" t="s">
        <v>22335</v>
      </c>
      <c r="F8221" s="1" t="s">
        <v>31714</v>
      </c>
      <c r="G8221" s="1" t="s">
        <v>31708</v>
      </c>
      <c r="H8221" s="1" t="s">
        <v>31709</v>
      </c>
      <c r="I8221" s="1" t="s">
        <v>30200</v>
      </c>
      <c r="J8221" s="1" t="s">
        <v>31715</v>
      </c>
    </row>
    <row r="8222" spans="1:10" x14ac:dyDescent="0.35">
      <c r="A8222" s="1" t="s">
        <v>31704</v>
      </c>
      <c r="B8222" s="1" t="s">
        <v>30194</v>
      </c>
      <c r="C8222" s="1" t="s">
        <v>25</v>
      </c>
      <c r="D8222" s="1" t="s">
        <v>31716</v>
      </c>
      <c r="E8222" s="1" t="s">
        <v>31717</v>
      </c>
      <c r="F8222" s="1" t="s">
        <v>31718</v>
      </c>
      <c r="G8222" s="1" t="s">
        <v>31708</v>
      </c>
      <c r="H8222" s="1" t="s">
        <v>31709</v>
      </c>
      <c r="I8222" s="1" t="s">
        <v>30200</v>
      </c>
      <c r="J8222" s="1" t="s">
        <v>31719</v>
      </c>
    </row>
    <row r="8223" spans="1:10" x14ac:dyDescent="0.35">
      <c r="A8223" s="1" t="s">
        <v>31704</v>
      </c>
      <c r="B8223" s="1" t="s">
        <v>30194</v>
      </c>
      <c r="C8223" s="1" t="s">
        <v>30</v>
      </c>
      <c r="D8223" s="1" t="s">
        <v>31720</v>
      </c>
      <c r="E8223" s="1" t="s">
        <v>31721</v>
      </c>
      <c r="F8223" s="1" t="s">
        <v>31722</v>
      </c>
      <c r="G8223" s="1" t="s">
        <v>31708</v>
      </c>
      <c r="H8223" s="1" t="s">
        <v>31709</v>
      </c>
      <c r="I8223" s="1" t="s">
        <v>30200</v>
      </c>
      <c r="J8223" s="1" t="s">
        <v>31723</v>
      </c>
    </row>
    <row r="8224" spans="1:10" x14ac:dyDescent="0.35">
      <c r="A8224" s="1" t="s">
        <v>31704</v>
      </c>
      <c r="B8224" s="1" t="s">
        <v>30194</v>
      </c>
      <c r="C8224" s="1" t="s">
        <v>35</v>
      </c>
      <c r="D8224" s="1" t="s">
        <v>31724</v>
      </c>
      <c r="E8224" s="1" t="s">
        <v>31725</v>
      </c>
      <c r="F8224" s="1" t="s">
        <v>31726</v>
      </c>
      <c r="G8224" s="1" t="s">
        <v>31708</v>
      </c>
      <c r="H8224" s="1" t="s">
        <v>31709</v>
      </c>
      <c r="I8224" s="1" t="s">
        <v>30200</v>
      </c>
      <c r="J8224" s="1" t="s">
        <v>31727</v>
      </c>
    </row>
    <row r="8225" spans="1:10" x14ac:dyDescent="0.35">
      <c r="A8225" s="1" t="s">
        <v>31704</v>
      </c>
      <c r="B8225" s="1" t="s">
        <v>30194</v>
      </c>
      <c r="C8225" s="1" t="s">
        <v>40</v>
      </c>
      <c r="D8225" s="1" t="s">
        <v>31728</v>
      </c>
      <c r="E8225" s="1" t="s">
        <v>27137</v>
      </c>
      <c r="F8225" s="1" t="s">
        <v>31729</v>
      </c>
      <c r="G8225" s="1" t="s">
        <v>31708</v>
      </c>
      <c r="H8225" s="1" t="s">
        <v>31709</v>
      </c>
      <c r="I8225" s="1" t="s">
        <v>30200</v>
      </c>
      <c r="J8225" s="1" t="s">
        <v>31730</v>
      </c>
    </row>
    <row r="8226" spans="1:10" x14ac:dyDescent="0.35">
      <c r="A8226" s="1" t="s">
        <v>31704</v>
      </c>
      <c r="B8226" s="1" t="s">
        <v>30194</v>
      </c>
      <c r="C8226" s="1" t="s">
        <v>45</v>
      </c>
      <c r="D8226" s="1" t="s">
        <v>31731</v>
      </c>
      <c r="E8226" s="1" t="s">
        <v>24182</v>
      </c>
      <c r="F8226" s="1" t="s">
        <v>31732</v>
      </c>
      <c r="G8226" s="1" t="s">
        <v>31708</v>
      </c>
      <c r="H8226" s="1" t="s">
        <v>31709</v>
      </c>
      <c r="I8226" s="1" t="s">
        <v>30200</v>
      </c>
      <c r="J8226" s="1" t="s">
        <v>31733</v>
      </c>
    </row>
    <row r="8227" spans="1:10" x14ac:dyDescent="0.35">
      <c r="A8227" s="1" t="s">
        <v>31704</v>
      </c>
      <c r="B8227" s="1" t="s">
        <v>30194</v>
      </c>
      <c r="C8227" s="1" t="s">
        <v>50</v>
      </c>
      <c r="D8227" s="1" t="s">
        <v>31734</v>
      </c>
      <c r="E8227" s="1" t="s">
        <v>15595</v>
      </c>
      <c r="F8227" s="1" t="s">
        <v>31735</v>
      </c>
      <c r="G8227" s="1" t="s">
        <v>31708</v>
      </c>
      <c r="H8227" s="1" t="s">
        <v>31709</v>
      </c>
      <c r="I8227" s="1" t="s">
        <v>30200</v>
      </c>
      <c r="J8227" s="1" t="s">
        <v>31736</v>
      </c>
    </row>
    <row r="8228" spans="1:10" x14ac:dyDescent="0.35">
      <c r="A8228" s="1" t="s">
        <v>31704</v>
      </c>
      <c r="B8228" s="1" t="s">
        <v>30194</v>
      </c>
      <c r="C8228" s="1" t="s">
        <v>55</v>
      </c>
      <c r="D8228" s="1" t="s">
        <v>31737</v>
      </c>
      <c r="E8228" s="1" t="s">
        <v>31738</v>
      </c>
      <c r="F8228" s="1" t="s">
        <v>31739</v>
      </c>
      <c r="G8228" s="1" t="s">
        <v>31708</v>
      </c>
      <c r="H8228" s="1" t="s">
        <v>31709</v>
      </c>
      <c r="I8228" s="1" t="s">
        <v>30200</v>
      </c>
      <c r="J8228" s="1" t="s">
        <v>31740</v>
      </c>
    </row>
    <row r="8229" spans="1:10" x14ac:dyDescent="0.35">
      <c r="A8229" s="1" t="s">
        <v>31704</v>
      </c>
      <c r="B8229" s="1" t="s">
        <v>30194</v>
      </c>
      <c r="C8229" s="1" t="s">
        <v>60</v>
      </c>
      <c r="D8229" s="1" t="s">
        <v>31741</v>
      </c>
      <c r="E8229" s="1" t="s">
        <v>31742</v>
      </c>
      <c r="F8229" s="1" t="s">
        <v>31743</v>
      </c>
      <c r="G8229" s="1" t="s">
        <v>31708</v>
      </c>
      <c r="H8229" s="1" t="s">
        <v>31709</v>
      </c>
      <c r="I8229" s="1" t="s">
        <v>30200</v>
      </c>
      <c r="J8229" s="1" t="s">
        <v>31744</v>
      </c>
    </row>
    <row r="8230" spans="1:10" x14ac:dyDescent="0.35">
      <c r="A8230" s="1" t="s">
        <v>31704</v>
      </c>
      <c r="B8230" s="1" t="s">
        <v>30194</v>
      </c>
      <c r="C8230" s="1" t="s">
        <v>65</v>
      </c>
      <c r="D8230" s="1" t="s">
        <v>31745</v>
      </c>
      <c r="E8230" s="1" t="s">
        <v>31746</v>
      </c>
      <c r="F8230" s="1" t="s">
        <v>31747</v>
      </c>
      <c r="G8230" s="1" t="s">
        <v>31708</v>
      </c>
      <c r="H8230" s="1" t="s">
        <v>31709</v>
      </c>
      <c r="I8230" s="1" t="s">
        <v>30200</v>
      </c>
      <c r="J8230" s="1" t="s">
        <v>31748</v>
      </c>
    </row>
    <row r="8231" spans="1:10" x14ac:dyDescent="0.35">
      <c r="A8231" s="1" t="s">
        <v>31704</v>
      </c>
      <c r="B8231" s="1" t="s">
        <v>30194</v>
      </c>
      <c r="C8231" s="1" t="s">
        <v>70</v>
      </c>
      <c r="D8231" s="1" t="s">
        <v>17925</v>
      </c>
      <c r="E8231" s="1" t="s">
        <v>15625</v>
      </c>
      <c r="F8231" s="1" t="s">
        <v>31749</v>
      </c>
      <c r="G8231" s="1" t="s">
        <v>31708</v>
      </c>
      <c r="H8231" s="1" t="s">
        <v>31709</v>
      </c>
      <c r="I8231" s="1" t="s">
        <v>30200</v>
      </c>
      <c r="J8231" s="1" t="s">
        <v>31750</v>
      </c>
    </row>
    <row r="8232" spans="1:10" x14ac:dyDescent="0.35">
      <c r="A8232" s="1" t="s">
        <v>31704</v>
      </c>
      <c r="B8232" s="1" t="s">
        <v>30194</v>
      </c>
      <c r="C8232" s="1" t="s">
        <v>75</v>
      </c>
      <c r="D8232" s="1" t="s">
        <v>5445</v>
      </c>
      <c r="E8232" s="1" t="s">
        <v>26202</v>
      </c>
      <c r="F8232" s="1" t="s">
        <v>31751</v>
      </c>
      <c r="G8232" s="1" t="s">
        <v>31708</v>
      </c>
      <c r="H8232" s="1" t="s">
        <v>31709</v>
      </c>
      <c r="I8232" s="1" t="s">
        <v>30200</v>
      </c>
      <c r="J8232" s="1" t="s">
        <v>31752</v>
      </c>
    </row>
    <row r="8233" spans="1:10" x14ac:dyDescent="0.35">
      <c r="A8233" s="1" t="s">
        <v>31704</v>
      </c>
      <c r="B8233" s="1" t="s">
        <v>30194</v>
      </c>
      <c r="C8233" s="1" t="s">
        <v>80</v>
      </c>
      <c r="D8233" s="1" t="s">
        <v>31753</v>
      </c>
      <c r="E8233" s="1" t="s">
        <v>31754</v>
      </c>
      <c r="F8233" s="1" t="s">
        <v>31755</v>
      </c>
      <c r="G8233" s="1" t="s">
        <v>31708</v>
      </c>
      <c r="H8233" s="1" t="s">
        <v>31709</v>
      </c>
      <c r="I8233" s="1" t="s">
        <v>30200</v>
      </c>
      <c r="J8233" s="1" t="s">
        <v>31756</v>
      </c>
    </row>
    <row r="8234" spans="1:10" x14ac:dyDescent="0.35">
      <c r="A8234" s="1" t="s">
        <v>31704</v>
      </c>
      <c r="B8234" s="1" t="s">
        <v>30194</v>
      </c>
      <c r="C8234" s="1" t="s">
        <v>85</v>
      </c>
      <c r="D8234" s="1" t="s">
        <v>31626</v>
      </c>
      <c r="E8234" s="1" t="s">
        <v>31757</v>
      </c>
      <c r="F8234" s="1" t="s">
        <v>31758</v>
      </c>
      <c r="G8234" s="1" t="s">
        <v>31708</v>
      </c>
      <c r="H8234" s="1" t="s">
        <v>31709</v>
      </c>
      <c r="I8234" s="1" t="s">
        <v>30200</v>
      </c>
      <c r="J8234" s="1" t="s">
        <v>31759</v>
      </c>
    </row>
    <row r="8235" spans="1:10" x14ac:dyDescent="0.35">
      <c r="A8235" s="1" t="s">
        <v>31704</v>
      </c>
      <c r="B8235" s="1" t="s">
        <v>30194</v>
      </c>
      <c r="C8235" s="1" t="s">
        <v>90</v>
      </c>
      <c r="D8235" s="1" t="s">
        <v>31760</v>
      </c>
      <c r="E8235" s="1" t="s">
        <v>31761</v>
      </c>
      <c r="F8235" s="1" t="s">
        <v>31762</v>
      </c>
      <c r="G8235" s="1" t="s">
        <v>31708</v>
      </c>
      <c r="H8235" s="1" t="s">
        <v>31709</v>
      </c>
      <c r="I8235" s="1" t="s">
        <v>30200</v>
      </c>
      <c r="J8235" s="1" t="s">
        <v>31763</v>
      </c>
    </row>
    <row r="8236" spans="1:10" x14ac:dyDescent="0.35">
      <c r="A8236" s="1" t="s">
        <v>31704</v>
      </c>
      <c r="B8236" s="1" t="s">
        <v>30194</v>
      </c>
      <c r="C8236" s="1" t="s">
        <v>95</v>
      </c>
      <c r="D8236" s="1" t="s">
        <v>31764</v>
      </c>
      <c r="E8236" s="1" t="s">
        <v>31765</v>
      </c>
      <c r="F8236" s="1" t="s">
        <v>31766</v>
      </c>
      <c r="G8236" s="1" t="s">
        <v>31708</v>
      </c>
      <c r="H8236" s="1" t="s">
        <v>31709</v>
      </c>
      <c r="I8236" s="1" t="s">
        <v>30200</v>
      </c>
      <c r="J8236" s="1" t="s">
        <v>31767</v>
      </c>
    </row>
    <row r="8237" spans="1:10" x14ac:dyDescent="0.35">
      <c r="A8237" s="1" t="s">
        <v>31704</v>
      </c>
      <c r="B8237" s="1" t="s">
        <v>30194</v>
      </c>
      <c r="C8237" s="1" t="s">
        <v>100</v>
      </c>
      <c r="D8237" s="1" t="s">
        <v>31768</v>
      </c>
      <c r="E8237" s="1" t="s">
        <v>31769</v>
      </c>
      <c r="F8237" s="1" t="s">
        <v>31770</v>
      </c>
      <c r="G8237" s="1" t="s">
        <v>31708</v>
      </c>
      <c r="H8237" s="1" t="s">
        <v>31709</v>
      </c>
      <c r="I8237" s="1" t="s">
        <v>30200</v>
      </c>
      <c r="J8237" s="1" t="s">
        <v>31771</v>
      </c>
    </row>
    <row r="8238" spans="1:10" x14ac:dyDescent="0.35">
      <c r="A8238" s="1" t="s">
        <v>31704</v>
      </c>
      <c r="B8238" s="1" t="s">
        <v>30194</v>
      </c>
      <c r="C8238" s="1" t="s">
        <v>105</v>
      </c>
      <c r="D8238" s="1" t="s">
        <v>19864</v>
      </c>
      <c r="E8238" s="1" t="s">
        <v>31772</v>
      </c>
      <c r="F8238" s="1" t="s">
        <v>31773</v>
      </c>
      <c r="G8238" s="1" t="s">
        <v>31708</v>
      </c>
      <c r="H8238" s="1" t="s">
        <v>31709</v>
      </c>
      <c r="I8238" s="1" t="s">
        <v>30200</v>
      </c>
      <c r="J8238" s="1" t="s">
        <v>31774</v>
      </c>
    </row>
    <row r="8239" spans="1:10" x14ac:dyDescent="0.35">
      <c r="A8239" s="1" t="s">
        <v>31704</v>
      </c>
      <c r="B8239" s="1" t="s">
        <v>30194</v>
      </c>
      <c r="C8239" s="1" t="s">
        <v>110</v>
      </c>
      <c r="D8239" s="1" t="s">
        <v>31775</v>
      </c>
      <c r="E8239" s="1" t="s">
        <v>31769</v>
      </c>
      <c r="F8239" s="1" t="s">
        <v>31776</v>
      </c>
      <c r="G8239" s="1" t="s">
        <v>31708</v>
      </c>
      <c r="H8239" s="1" t="s">
        <v>31709</v>
      </c>
      <c r="I8239" s="1" t="s">
        <v>30200</v>
      </c>
      <c r="J8239" s="1" t="s">
        <v>31777</v>
      </c>
    </row>
    <row r="8240" spans="1:10" x14ac:dyDescent="0.35">
      <c r="A8240" s="1" t="s">
        <v>31704</v>
      </c>
      <c r="B8240" s="1" t="s">
        <v>30194</v>
      </c>
      <c r="C8240" s="1" t="s">
        <v>115</v>
      </c>
      <c r="D8240" s="1" t="s">
        <v>31778</v>
      </c>
      <c r="E8240" s="1" t="s">
        <v>31779</v>
      </c>
      <c r="F8240" s="1" t="s">
        <v>31780</v>
      </c>
      <c r="G8240" s="1" t="s">
        <v>31708</v>
      </c>
      <c r="H8240" s="1" t="s">
        <v>31709</v>
      </c>
      <c r="I8240" s="1" t="s">
        <v>30200</v>
      </c>
      <c r="J8240" s="1" t="s">
        <v>31781</v>
      </c>
    </row>
    <row r="8241" spans="1:10" x14ac:dyDescent="0.35">
      <c r="A8241" s="1" t="s">
        <v>31704</v>
      </c>
      <c r="B8241" s="1" t="s">
        <v>30194</v>
      </c>
      <c r="C8241" s="1" t="s">
        <v>120</v>
      </c>
      <c r="D8241" s="1" t="s">
        <v>31782</v>
      </c>
      <c r="E8241" s="1" t="s">
        <v>31783</v>
      </c>
      <c r="F8241" s="1" t="s">
        <v>31784</v>
      </c>
      <c r="G8241" s="1" t="s">
        <v>31708</v>
      </c>
      <c r="H8241" s="1" t="s">
        <v>31709</v>
      </c>
      <c r="I8241" s="1" t="s">
        <v>30200</v>
      </c>
      <c r="J8241" s="1" t="s">
        <v>31785</v>
      </c>
    </row>
    <row r="8242" spans="1:10" x14ac:dyDescent="0.35">
      <c r="A8242" s="1" t="s">
        <v>31704</v>
      </c>
      <c r="B8242" s="1" t="s">
        <v>30194</v>
      </c>
      <c r="C8242" s="1" t="s">
        <v>125</v>
      </c>
      <c r="D8242" s="1" t="s">
        <v>31786</v>
      </c>
      <c r="E8242" s="1" t="s">
        <v>31783</v>
      </c>
      <c r="F8242" s="1" t="s">
        <v>31787</v>
      </c>
      <c r="G8242" s="1" t="s">
        <v>31708</v>
      </c>
      <c r="H8242" s="1" t="s">
        <v>31709</v>
      </c>
      <c r="I8242" s="1" t="s">
        <v>30200</v>
      </c>
      <c r="J8242" s="1" t="s">
        <v>31788</v>
      </c>
    </row>
    <row r="8243" spans="1:10" x14ac:dyDescent="0.35">
      <c r="A8243" s="1" t="s">
        <v>31704</v>
      </c>
      <c r="B8243" s="1" t="s">
        <v>30194</v>
      </c>
      <c r="C8243" s="1" t="s">
        <v>130</v>
      </c>
      <c r="D8243" s="1" t="s">
        <v>31789</v>
      </c>
      <c r="E8243" s="1" t="s">
        <v>31790</v>
      </c>
      <c r="F8243" s="1" t="s">
        <v>31791</v>
      </c>
      <c r="G8243" s="1" t="s">
        <v>31708</v>
      </c>
      <c r="H8243" s="1" t="s">
        <v>31709</v>
      </c>
      <c r="I8243" s="1" t="s">
        <v>30200</v>
      </c>
      <c r="J8243" s="1" t="s">
        <v>31792</v>
      </c>
    </row>
    <row r="8244" spans="1:10" x14ac:dyDescent="0.35">
      <c r="A8244" s="1" t="s">
        <v>31704</v>
      </c>
      <c r="B8244" s="1" t="s">
        <v>30194</v>
      </c>
      <c r="C8244" s="1" t="s">
        <v>135</v>
      </c>
      <c r="D8244" s="1" t="s">
        <v>31793</v>
      </c>
      <c r="E8244" s="1" t="s">
        <v>31794</v>
      </c>
      <c r="F8244" s="1" t="s">
        <v>26482</v>
      </c>
      <c r="G8244" s="1" t="s">
        <v>31708</v>
      </c>
      <c r="H8244" s="1" t="s">
        <v>31709</v>
      </c>
      <c r="I8244" s="1" t="s">
        <v>30200</v>
      </c>
      <c r="J8244" s="1" t="s">
        <v>31795</v>
      </c>
    </row>
    <row r="8245" spans="1:10" x14ac:dyDescent="0.35">
      <c r="A8245" s="1" t="s">
        <v>31704</v>
      </c>
      <c r="B8245" s="1" t="s">
        <v>30194</v>
      </c>
      <c r="C8245" s="1" t="s">
        <v>140</v>
      </c>
      <c r="D8245" s="1" t="s">
        <v>31796</v>
      </c>
      <c r="E8245" s="1" t="s">
        <v>26660</v>
      </c>
      <c r="F8245" s="1" t="s">
        <v>31797</v>
      </c>
      <c r="G8245" s="1" t="s">
        <v>31708</v>
      </c>
      <c r="H8245" s="1" t="s">
        <v>31709</v>
      </c>
      <c r="I8245" s="1" t="s">
        <v>30200</v>
      </c>
      <c r="J8245" s="1" t="s">
        <v>31798</v>
      </c>
    </row>
    <row r="8246" spans="1:10" x14ac:dyDescent="0.35">
      <c r="A8246" s="1" t="s">
        <v>31704</v>
      </c>
      <c r="B8246" s="1" t="s">
        <v>30194</v>
      </c>
      <c r="C8246" s="1" t="s">
        <v>145</v>
      </c>
      <c r="D8246" s="1" t="s">
        <v>31799</v>
      </c>
      <c r="E8246" s="1" t="s">
        <v>31800</v>
      </c>
      <c r="F8246" s="1" t="s">
        <v>31801</v>
      </c>
      <c r="G8246" s="1" t="s">
        <v>31708</v>
      </c>
      <c r="H8246" s="1" t="s">
        <v>31709</v>
      </c>
      <c r="I8246" s="1" t="s">
        <v>30200</v>
      </c>
      <c r="J8246" s="1" t="s">
        <v>31802</v>
      </c>
    </row>
    <row r="8247" spans="1:10" x14ac:dyDescent="0.35">
      <c r="A8247" s="1" t="s">
        <v>31704</v>
      </c>
      <c r="B8247" s="1" t="s">
        <v>30194</v>
      </c>
      <c r="C8247" s="1" t="s">
        <v>150</v>
      </c>
      <c r="D8247" s="1" t="s">
        <v>31803</v>
      </c>
      <c r="E8247" s="1" t="s">
        <v>31804</v>
      </c>
      <c r="F8247" s="1" t="s">
        <v>31805</v>
      </c>
      <c r="G8247" s="1" t="s">
        <v>31708</v>
      </c>
      <c r="H8247" s="1" t="s">
        <v>31709</v>
      </c>
      <c r="I8247" s="1" t="s">
        <v>30200</v>
      </c>
      <c r="J8247" s="1" t="s">
        <v>31806</v>
      </c>
    </row>
    <row r="8248" spans="1:10" x14ac:dyDescent="0.35">
      <c r="A8248" s="1" t="s">
        <v>31704</v>
      </c>
      <c r="B8248" s="1" t="s">
        <v>30194</v>
      </c>
      <c r="C8248" s="1" t="s">
        <v>155</v>
      </c>
      <c r="D8248" s="1" t="s">
        <v>31807</v>
      </c>
      <c r="E8248" s="1" t="s">
        <v>31808</v>
      </c>
      <c r="F8248" s="1" t="s">
        <v>31809</v>
      </c>
      <c r="G8248" s="1" t="s">
        <v>31708</v>
      </c>
      <c r="H8248" s="1" t="s">
        <v>31709</v>
      </c>
      <c r="I8248" s="1" t="s">
        <v>30200</v>
      </c>
      <c r="J8248" s="1" t="s">
        <v>31810</v>
      </c>
    </row>
    <row r="8249" spans="1:10" x14ac:dyDescent="0.35">
      <c r="A8249" s="1" t="s">
        <v>31704</v>
      </c>
      <c r="B8249" s="1" t="s">
        <v>30194</v>
      </c>
      <c r="C8249" s="1" t="s">
        <v>160</v>
      </c>
      <c r="D8249" s="1" t="s">
        <v>31811</v>
      </c>
      <c r="E8249" s="1" t="s">
        <v>31812</v>
      </c>
      <c r="F8249" s="1" t="s">
        <v>31813</v>
      </c>
      <c r="G8249" s="1" t="s">
        <v>31708</v>
      </c>
      <c r="H8249" s="1" t="s">
        <v>31709</v>
      </c>
      <c r="I8249" s="1" t="s">
        <v>30200</v>
      </c>
      <c r="J8249" s="1" t="s">
        <v>31814</v>
      </c>
    </row>
    <row r="8250" spans="1:10" x14ac:dyDescent="0.35">
      <c r="A8250" s="1" t="s">
        <v>31704</v>
      </c>
      <c r="B8250" s="1" t="s">
        <v>30194</v>
      </c>
      <c r="C8250" s="1" t="s">
        <v>165</v>
      </c>
      <c r="D8250" s="1" t="s">
        <v>31815</v>
      </c>
      <c r="E8250" s="1" t="s">
        <v>31514</v>
      </c>
      <c r="F8250" s="1" t="s">
        <v>31816</v>
      </c>
      <c r="G8250" s="1" t="s">
        <v>31708</v>
      </c>
      <c r="H8250" s="1" t="s">
        <v>31709</v>
      </c>
      <c r="I8250" s="1" t="s">
        <v>30200</v>
      </c>
      <c r="J8250" s="1" t="s">
        <v>31817</v>
      </c>
    </row>
    <row r="8251" spans="1:10" x14ac:dyDescent="0.35">
      <c r="A8251" s="1" t="s">
        <v>31704</v>
      </c>
      <c r="B8251" s="1" t="s">
        <v>30194</v>
      </c>
      <c r="C8251" s="1" t="s">
        <v>170</v>
      </c>
      <c r="D8251" s="1" t="s">
        <v>31818</v>
      </c>
      <c r="E8251" s="1" t="s">
        <v>31819</v>
      </c>
      <c r="F8251" s="1" t="s">
        <v>31820</v>
      </c>
      <c r="G8251" s="1" t="s">
        <v>31708</v>
      </c>
      <c r="H8251" s="1" t="s">
        <v>31709</v>
      </c>
      <c r="I8251" s="1" t="s">
        <v>30200</v>
      </c>
      <c r="J8251" s="1" t="s">
        <v>31821</v>
      </c>
    </row>
    <row r="8252" spans="1:10" x14ac:dyDescent="0.35">
      <c r="A8252" s="1" t="s">
        <v>31822</v>
      </c>
      <c r="B8252" s="1" t="s">
        <v>30194</v>
      </c>
      <c r="C8252" s="1" t="s">
        <v>8</v>
      </c>
      <c r="D8252" s="1" t="s">
        <v>31823</v>
      </c>
      <c r="E8252" s="1" t="s">
        <v>31824</v>
      </c>
      <c r="F8252" s="1" t="s">
        <v>31825</v>
      </c>
      <c r="G8252" s="1" t="s">
        <v>31826</v>
      </c>
      <c r="H8252" s="1" t="s">
        <v>31827</v>
      </c>
      <c r="I8252" s="1" t="s">
        <v>30200</v>
      </c>
      <c r="J8252" s="1" t="s">
        <v>13</v>
      </c>
    </row>
    <row r="8253" spans="1:10" x14ac:dyDescent="0.35">
      <c r="A8253" s="1" t="s">
        <v>31822</v>
      </c>
      <c r="B8253" s="1" t="s">
        <v>30194</v>
      </c>
      <c r="C8253" s="1" t="s">
        <v>15</v>
      </c>
      <c r="D8253" s="1" t="s">
        <v>30468</v>
      </c>
      <c r="E8253" s="1" t="s">
        <v>31828</v>
      </c>
      <c r="F8253" s="1" t="s">
        <v>31829</v>
      </c>
      <c r="G8253" s="1" t="s">
        <v>31826</v>
      </c>
      <c r="H8253" s="1" t="s">
        <v>31827</v>
      </c>
      <c r="I8253" s="1" t="s">
        <v>30200</v>
      </c>
      <c r="J8253" s="1" t="s">
        <v>31830</v>
      </c>
    </row>
    <row r="8254" spans="1:10" x14ac:dyDescent="0.35">
      <c r="A8254" s="1" t="s">
        <v>31822</v>
      </c>
      <c r="B8254" s="1" t="s">
        <v>30194</v>
      </c>
      <c r="C8254" s="1" t="s">
        <v>20</v>
      </c>
      <c r="D8254" s="1" t="s">
        <v>31831</v>
      </c>
      <c r="E8254" s="1" t="s">
        <v>22298</v>
      </c>
      <c r="F8254" s="1" t="s">
        <v>31832</v>
      </c>
      <c r="G8254" s="1" t="s">
        <v>31826</v>
      </c>
      <c r="H8254" s="1" t="s">
        <v>31827</v>
      </c>
      <c r="I8254" s="1" t="s">
        <v>30200</v>
      </c>
      <c r="J8254" s="1" t="s">
        <v>31833</v>
      </c>
    </row>
    <row r="8255" spans="1:10" x14ac:dyDescent="0.35">
      <c r="A8255" s="1" t="s">
        <v>31822</v>
      </c>
      <c r="B8255" s="1" t="s">
        <v>30194</v>
      </c>
      <c r="C8255" s="1" t="s">
        <v>25</v>
      </c>
      <c r="D8255" s="1" t="s">
        <v>31618</v>
      </c>
      <c r="E8255" s="1" t="s">
        <v>31834</v>
      </c>
      <c r="F8255" s="1" t="s">
        <v>31835</v>
      </c>
      <c r="G8255" s="1" t="s">
        <v>31826</v>
      </c>
      <c r="H8255" s="1" t="s">
        <v>31827</v>
      </c>
      <c r="I8255" s="1" t="s">
        <v>30200</v>
      </c>
      <c r="J8255" s="1" t="s">
        <v>31836</v>
      </c>
    </row>
    <row r="8256" spans="1:10" x14ac:dyDescent="0.35">
      <c r="A8256" s="1" t="s">
        <v>31822</v>
      </c>
      <c r="B8256" s="1" t="s">
        <v>30194</v>
      </c>
      <c r="C8256" s="1" t="s">
        <v>30</v>
      </c>
      <c r="D8256" s="1" t="s">
        <v>31837</v>
      </c>
      <c r="E8256" s="1" t="s">
        <v>31838</v>
      </c>
      <c r="F8256" s="1" t="s">
        <v>31839</v>
      </c>
      <c r="G8256" s="1" t="s">
        <v>31826</v>
      </c>
      <c r="H8256" s="1" t="s">
        <v>31827</v>
      </c>
      <c r="I8256" s="1" t="s">
        <v>30200</v>
      </c>
      <c r="J8256" s="1" t="s">
        <v>31840</v>
      </c>
    </row>
    <row r="8257" spans="1:10" x14ac:dyDescent="0.35">
      <c r="A8257" s="1" t="s">
        <v>31822</v>
      </c>
      <c r="B8257" s="1" t="s">
        <v>30194</v>
      </c>
      <c r="C8257" s="1" t="s">
        <v>35</v>
      </c>
      <c r="D8257" s="1" t="s">
        <v>31841</v>
      </c>
      <c r="E8257" s="1" t="s">
        <v>31842</v>
      </c>
      <c r="F8257" s="1" t="s">
        <v>31843</v>
      </c>
      <c r="G8257" s="1" t="s">
        <v>31826</v>
      </c>
      <c r="H8257" s="1" t="s">
        <v>31827</v>
      </c>
      <c r="I8257" s="1" t="s">
        <v>30200</v>
      </c>
      <c r="J8257" s="1" t="s">
        <v>31844</v>
      </c>
    </row>
    <row r="8258" spans="1:10" x14ac:dyDescent="0.35">
      <c r="A8258" s="1" t="s">
        <v>31822</v>
      </c>
      <c r="B8258" s="1" t="s">
        <v>30194</v>
      </c>
      <c r="C8258" s="1" t="s">
        <v>40</v>
      </c>
      <c r="D8258" s="1" t="s">
        <v>31845</v>
      </c>
      <c r="E8258" s="1" t="s">
        <v>23187</v>
      </c>
      <c r="F8258" s="1" t="s">
        <v>31846</v>
      </c>
      <c r="G8258" s="1" t="s">
        <v>31826</v>
      </c>
      <c r="H8258" s="1" t="s">
        <v>31827</v>
      </c>
      <c r="I8258" s="1" t="s">
        <v>30200</v>
      </c>
      <c r="J8258" s="1" t="s">
        <v>31847</v>
      </c>
    </row>
    <row r="8259" spans="1:10" x14ac:dyDescent="0.35">
      <c r="A8259" s="1" t="s">
        <v>31822</v>
      </c>
      <c r="B8259" s="1" t="s">
        <v>30194</v>
      </c>
      <c r="C8259" s="1" t="s">
        <v>45</v>
      </c>
      <c r="D8259" s="1" t="s">
        <v>31848</v>
      </c>
      <c r="E8259" s="1" t="s">
        <v>15380</v>
      </c>
      <c r="F8259" s="1" t="s">
        <v>31849</v>
      </c>
      <c r="G8259" s="1" t="s">
        <v>31826</v>
      </c>
      <c r="H8259" s="1" t="s">
        <v>31827</v>
      </c>
      <c r="I8259" s="1" t="s">
        <v>30200</v>
      </c>
      <c r="J8259" s="1" t="s">
        <v>31850</v>
      </c>
    </row>
    <row r="8260" spans="1:10" x14ac:dyDescent="0.35">
      <c r="A8260" s="1" t="s">
        <v>31822</v>
      </c>
      <c r="B8260" s="1" t="s">
        <v>30194</v>
      </c>
      <c r="C8260" s="1" t="s">
        <v>50</v>
      </c>
      <c r="D8260" s="1" t="s">
        <v>31851</v>
      </c>
      <c r="E8260" s="1" t="s">
        <v>31852</v>
      </c>
      <c r="F8260" s="1" t="s">
        <v>31853</v>
      </c>
      <c r="G8260" s="1" t="s">
        <v>31826</v>
      </c>
      <c r="H8260" s="1" t="s">
        <v>31827</v>
      </c>
      <c r="I8260" s="1" t="s">
        <v>30200</v>
      </c>
      <c r="J8260" s="1" t="s">
        <v>31854</v>
      </c>
    </row>
    <row r="8261" spans="1:10" x14ac:dyDescent="0.35">
      <c r="A8261" s="1" t="s">
        <v>31822</v>
      </c>
      <c r="B8261" s="1" t="s">
        <v>30194</v>
      </c>
      <c r="C8261" s="1" t="s">
        <v>55</v>
      </c>
      <c r="D8261" s="1" t="s">
        <v>31855</v>
      </c>
      <c r="E8261" s="1" t="s">
        <v>31856</v>
      </c>
      <c r="F8261" s="1" t="s">
        <v>31857</v>
      </c>
      <c r="G8261" s="1" t="s">
        <v>31826</v>
      </c>
      <c r="H8261" s="1" t="s">
        <v>31827</v>
      </c>
      <c r="I8261" s="1" t="s">
        <v>30200</v>
      </c>
      <c r="J8261" s="1" t="s">
        <v>31858</v>
      </c>
    </row>
    <row r="8262" spans="1:10" x14ac:dyDescent="0.35">
      <c r="A8262" s="1" t="s">
        <v>31822</v>
      </c>
      <c r="B8262" s="1" t="s">
        <v>30194</v>
      </c>
      <c r="C8262" s="1" t="s">
        <v>60</v>
      </c>
      <c r="D8262" s="1" t="s">
        <v>671</v>
      </c>
      <c r="E8262" s="1" t="s">
        <v>31859</v>
      </c>
      <c r="F8262" s="1" t="s">
        <v>31860</v>
      </c>
      <c r="G8262" s="1" t="s">
        <v>31826</v>
      </c>
      <c r="H8262" s="1" t="s">
        <v>31827</v>
      </c>
      <c r="I8262" s="1" t="s">
        <v>30200</v>
      </c>
      <c r="J8262" s="1" t="s">
        <v>31861</v>
      </c>
    </row>
    <row r="8263" spans="1:10" x14ac:dyDescent="0.35">
      <c r="A8263" s="1" t="s">
        <v>31822</v>
      </c>
      <c r="B8263" s="1" t="s">
        <v>30194</v>
      </c>
      <c r="C8263" s="1" t="s">
        <v>65</v>
      </c>
      <c r="D8263" s="1" t="s">
        <v>31862</v>
      </c>
      <c r="E8263" s="1" t="s">
        <v>15652</v>
      </c>
      <c r="F8263" s="1" t="s">
        <v>31863</v>
      </c>
      <c r="G8263" s="1" t="s">
        <v>31826</v>
      </c>
      <c r="H8263" s="1" t="s">
        <v>31827</v>
      </c>
      <c r="I8263" s="1" t="s">
        <v>30200</v>
      </c>
      <c r="J8263" s="1" t="s">
        <v>31864</v>
      </c>
    </row>
    <row r="8264" spans="1:10" x14ac:dyDescent="0.35">
      <c r="A8264" s="1" t="s">
        <v>31822</v>
      </c>
      <c r="B8264" s="1" t="s">
        <v>30194</v>
      </c>
      <c r="C8264" s="1" t="s">
        <v>70</v>
      </c>
      <c r="D8264" s="1" t="s">
        <v>31865</v>
      </c>
      <c r="E8264" s="1" t="s">
        <v>31866</v>
      </c>
      <c r="F8264" s="1" t="s">
        <v>31867</v>
      </c>
      <c r="G8264" s="1" t="s">
        <v>31826</v>
      </c>
      <c r="H8264" s="1" t="s">
        <v>31827</v>
      </c>
      <c r="I8264" s="1" t="s">
        <v>30200</v>
      </c>
      <c r="J8264" s="1" t="s">
        <v>31868</v>
      </c>
    </row>
    <row r="8265" spans="1:10" x14ac:dyDescent="0.35">
      <c r="A8265" s="1" t="s">
        <v>31822</v>
      </c>
      <c r="B8265" s="1" t="s">
        <v>30194</v>
      </c>
      <c r="C8265" s="1" t="s">
        <v>75</v>
      </c>
      <c r="D8265" s="1" t="s">
        <v>16994</v>
      </c>
      <c r="E8265" s="1" t="s">
        <v>31869</v>
      </c>
      <c r="F8265" s="1" t="s">
        <v>31870</v>
      </c>
      <c r="G8265" s="1" t="s">
        <v>31826</v>
      </c>
      <c r="H8265" s="1" t="s">
        <v>31827</v>
      </c>
      <c r="I8265" s="1" t="s">
        <v>30200</v>
      </c>
      <c r="J8265" s="1" t="s">
        <v>31871</v>
      </c>
    </row>
    <row r="8266" spans="1:10" x14ac:dyDescent="0.35">
      <c r="A8266" s="1" t="s">
        <v>31822</v>
      </c>
      <c r="B8266" s="1" t="s">
        <v>30194</v>
      </c>
      <c r="C8266" s="1" t="s">
        <v>80</v>
      </c>
      <c r="D8266" s="1" t="s">
        <v>31872</v>
      </c>
      <c r="E8266" s="1" t="s">
        <v>31873</v>
      </c>
      <c r="F8266" s="1" t="s">
        <v>31874</v>
      </c>
      <c r="G8266" s="1" t="s">
        <v>31826</v>
      </c>
      <c r="H8266" s="1" t="s">
        <v>31827</v>
      </c>
      <c r="I8266" s="1" t="s">
        <v>30200</v>
      </c>
      <c r="J8266" s="1" t="s">
        <v>31875</v>
      </c>
    </row>
    <row r="8267" spans="1:10" x14ac:dyDescent="0.35">
      <c r="A8267" s="1" t="s">
        <v>31822</v>
      </c>
      <c r="B8267" s="1" t="s">
        <v>30194</v>
      </c>
      <c r="C8267" s="1" t="s">
        <v>85</v>
      </c>
      <c r="D8267" s="1" t="s">
        <v>31876</v>
      </c>
      <c r="E8267" s="1" t="s">
        <v>22320</v>
      </c>
      <c r="F8267" s="1" t="s">
        <v>31877</v>
      </c>
      <c r="G8267" s="1" t="s">
        <v>31826</v>
      </c>
      <c r="H8267" s="1" t="s">
        <v>31827</v>
      </c>
      <c r="I8267" s="1" t="s">
        <v>30200</v>
      </c>
      <c r="J8267" s="1" t="s">
        <v>31878</v>
      </c>
    </row>
    <row r="8268" spans="1:10" x14ac:dyDescent="0.35">
      <c r="A8268" s="1" t="s">
        <v>31822</v>
      </c>
      <c r="B8268" s="1" t="s">
        <v>30194</v>
      </c>
      <c r="C8268" s="1" t="s">
        <v>90</v>
      </c>
      <c r="D8268" s="1" t="s">
        <v>31879</v>
      </c>
      <c r="E8268" s="1" t="s">
        <v>15652</v>
      </c>
      <c r="F8268" s="1" t="s">
        <v>31880</v>
      </c>
      <c r="G8268" s="1" t="s">
        <v>31826</v>
      </c>
      <c r="H8268" s="1" t="s">
        <v>31827</v>
      </c>
      <c r="I8268" s="1" t="s">
        <v>30200</v>
      </c>
      <c r="J8268" s="1" t="s">
        <v>31881</v>
      </c>
    </row>
    <row r="8269" spans="1:10" x14ac:dyDescent="0.35">
      <c r="A8269" s="1" t="s">
        <v>31822</v>
      </c>
      <c r="B8269" s="1" t="s">
        <v>30194</v>
      </c>
      <c r="C8269" s="1" t="s">
        <v>95</v>
      </c>
      <c r="D8269" s="1" t="s">
        <v>31882</v>
      </c>
      <c r="E8269" s="1" t="s">
        <v>31765</v>
      </c>
      <c r="F8269" s="1" t="s">
        <v>31883</v>
      </c>
      <c r="G8269" s="1" t="s">
        <v>31826</v>
      </c>
      <c r="H8269" s="1" t="s">
        <v>31827</v>
      </c>
      <c r="I8269" s="1" t="s">
        <v>30200</v>
      </c>
      <c r="J8269" s="1" t="s">
        <v>31884</v>
      </c>
    </row>
    <row r="8270" spans="1:10" x14ac:dyDescent="0.35">
      <c r="A8270" s="1" t="s">
        <v>31822</v>
      </c>
      <c r="B8270" s="1" t="s">
        <v>30194</v>
      </c>
      <c r="C8270" s="1" t="s">
        <v>100</v>
      </c>
      <c r="D8270" s="1" t="s">
        <v>31885</v>
      </c>
      <c r="E8270" s="1" t="s">
        <v>31886</v>
      </c>
      <c r="F8270" s="1" t="s">
        <v>31887</v>
      </c>
      <c r="G8270" s="1" t="s">
        <v>31826</v>
      </c>
      <c r="H8270" s="1" t="s">
        <v>31827</v>
      </c>
      <c r="I8270" s="1" t="s">
        <v>30200</v>
      </c>
      <c r="J8270" s="1" t="s">
        <v>31888</v>
      </c>
    </row>
    <row r="8271" spans="1:10" x14ac:dyDescent="0.35">
      <c r="A8271" s="1" t="s">
        <v>31822</v>
      </c>
      <c r="B8271" s="1" t="s">
        <v>30194</v>
      </c>
      <c r="C8271" s="1" t="s">
        <v>105</v>
      </c>
      <c r="D8271" s="1" t="s">
        <v>31889</v>
      </c>
      <c r="E8271" s="1" t="s">
        <v>31866</v>
      </c>
      <c r="F8271" s="1" t="s">
        <v>31890</v>
      </c>
      <c r="G8271" s="1" t="s">
        <v>31826</v>
      </c>
      <c r="H8271" s="1" t="s">
        <v>31827</v>
      </c>
      <c r="I8271" s="1" t="s">
        <v>30200</v>
      </c>
      <c r="J8271" s="1" t="s">
        <v>31891</v>
      </c>
    </row>
    <row r="8272" spans="1:10" x14ac:dyDescent="0.35">
      <c r="A8272" s="1" t="s">
        <v>31822</v>
      </c>
      <c r="B8272" s="1" t="s">
        <v>30194</v>
      </c>
      <c r="C8272" s="1" t="s">
        <v>110</v>
      </c>
      <c r="D8272" s="1" t="s">
        <v>31892</v>
      </c>
      <c r="E8272" s="1" t="s">
        <v>31893</v>
      </c>
      <c r="F8272" s="1" t="s">
        <v>31894</v>
      </c>
      <c r="G8272" s="1" t="s">
        <v>31826</v>
      </c>
      <c r="H8272" s="1" t="s">
        <v>31827</v>
      </c>
      <c r="I8272" s="1" t="s">
        <v>30200</v>
      </c>
      <c r="J8272" s="1" t="s">
        <v>31895</v>
      </c>
    </row>
    <row r="8273" spans="1:10" x14ac:dyDescent="0.35">
      <c r="A8273" s="1" t="s">
        <v>31822</v>
      </c>
      <c r="B8273" s="1" t="s">
        <v>30194</v>
      </c>
      <c r="C8273" s="1" t="s">
        <v>115</v>
      </c>
      <c r="D8273" s="1" t="s">
        <v>31896</v>
      </c>
      <c r="E8273" s="1" t="s">
        <v>23505</v>
      </c>
      <c r="F8273" s="1" t="s">
        <v>31897</v>
      </c>
      <c r="G8273" s="1" t="s">
        <v>31826</v>
      </c>
      <c r="H8273" s="1" t="s">
        <v>31827</v>
      </c>
      <c r="I8273" s="1" t="s">
        <v>30200</v>
      </c>
      <c r="J8273" s="1" t="s">
        <v>31898</v>
      </c>
    </row>
    <row r="8274" spans="1:10" x14ac:dyDescent="0.35">
      <c r="A8274" s="1" t="s">
        <v>31822</v>
      </c>
      <c r="B8274" s="1" t="s">
        <v>30194</v>
      </c>
      <c r="C8274" s="1" t="s">
        <v>120</v>
      </c>
      <c r="D8274" s="1" t="s">
        <v>31899</v>
      </c>
      <c r="E8274" s="1" t="s">
        <v>31900</v>
      </c>
      <c r="F8274" s="1" t="s">
        <v>31901</v>
      </c>
      <c r="G8274" s="1" t="s">
        <v>31826</v>
      </c>
      <c r="H8274" s="1" t="s">
        <v>31827</v>
      </c>
      <c r="I8274" s="1" t="s">
        <v>30200</v>
      </c>
      <c r="J8274" s="1" t="s">
        <v>31902</v>
      </c>
    </row>
    <row r="8275" spans="1:10" x14ac:dyDescent="0.35">
      <c r="A8275" s="1" t="s">
        <v>31822</v>
      </c>
      <c r="B8275" s="1" t="s">
        <v>30194</v>
      </c>
      <c r="C8275" s="1" t="s">
        <v>125</v>
      </c>
      <c r="D8275" s="1" t="s">
        <v>31903</v>
      </c>
      <c r="E8275" s="1" t="s">
        <v>31904</v>
      </c>
      <c r="F8275" s="1" t="s">
        <v>31905</v>
      </c>
      <c r="G8275" s="1" t="s">
        <v>31826</v>
      </c>
      <c r="H8275" s="1" t="s">
        <v>31827</v>
      </c>
      <c r="I8275" s="1" t="s">
        <v>30200</v>
      </c>
      <c r="J8275" s="1" t="s">
        <v>31906</v>
      </c>
    </row>
    <row r="8276" spans="1:10" x14ac:dyDescent="0.35">
      <c r="A8276" s="1" t="s">
        <v>31822</v>
      </c>
      <c r="B8276" s="1" t="s">
        <v>30194</v>
      </c>
      <c r="C8276" s="1" t="s">
        <v>130</v>
      </c>
      <c r="D8276" s="1" t="s">
        <v>31907</v>
      </c>
      <c r="E8276" s="1" t="s">
        <v>31908</v>
      </c>
      <c r="F8276" s="1" t="s">
        <v>15615</v>
      </c>
      <c r="G8276" s="1" t="s">
        <v>31826</v>
      </c>
      <c r="H8276" s="1" t="s">
        <v>31827</v>
      </c>
      <c r="I8276" s="1" t="s">
        <v>30200</v>
      </c>
      <c r="J8276" s="1" t="s">
        <v>31909</v>
      </c>
    </row>
    <row r="8277" spans="1:10" x14ac:dyDescent="0.35">
      <c r="A8277" s="1" t="s">
        <v>31822</v>
      </c>
      <c r="B8277" s="1" t="s">
        <v>30194</v>
      </c>
      <c r="C8277" s="1" t="s">
        <v>135</v>
      </c>
      <c r="D8277" s="1" t="s">
        <v>31910</v>
      </c>
      <c r="E8277" s="1" t="s">
        <v>31538</v>
      </c>
      <c r="F8277" s="1" t="s">
        <v>31911</v>
      </c>
      <c r="G8277" s="1" t="s">
        <v>31826</v>
      </c>
      <c r="H8277" s="1" t="s">
        <v>31827</v>
      </c>
      <c r="I8277" s="1" t="s">
        <v>30200</v>
      </c>
      <c r="J8277" s="1" t="s">
        <v>31912</v>
      </c>
    </row>
    <row r="8278" spans="1:10" x14ac:dyDescent="0.35">
      <c r="A8278" s="1" t="s">
        <v>31822</v>
      </c>
      <c r="B8278" s="1" t="s">
        <v>30194</v>
      </c>
      <c r="C8278" s="1" t="s">
        <v>140</v>
      </c>
      <c r="D8278" s="1" t="s">
        <v>31913</v>
      </c>
      <c r="E8278" s="1" t="s">
        <v>31914</v>
      </c>
      <c r="F8278" s="1" t="s">
        <v>31915</v>
      </c>
      <c r="G8278" s="1" t="s">
        <v>31826</v>
      </c>
      <c r="H8278" s="1" t="s">
        <v>31827</v>
      </c>
      <c r="I8278" s="1" t="s">
        <v>30200</v>
      </c>
      <c r="J8278" s="1" t="s">
        <v>31916</v>
      </c>
    </row>
    <row r="8279" spans="1:10" x14ac:dyDescent="0.35">
      <c r="A8279" s="1" t="s">
        <v>31822</v>
      </c>
      <c r="B8279" s="1" t="s">
        <v>30194</v>
      </c>
      <c r="C8279" s="1" t="s">
        <v>145</v>
      </c>
      <c r="D8279" s="1" t="s">
        <v>31917</v>
      </c>
      <c r="E8279" s="1" t="s">
        <v>31918</v>
      </c>
      <c r="F8279" s="1" t="s">
        <v>31919</v>
      </c>
      <c r="G8279" s="1" t="s">
        <v>31826</v>
      </c>
      <c r="H8279" s="1" t="s">
        <v>31827</v>
      </c>
      <c r="I8279" s="1" t="s">
        <v>30200</v>
      </c>
      <c r="J8279" s="1" t="s">
        <v>31920</v>
      </c>
    </row>
    <row r="8280" spans="1:10" x14ac:dyDescent="0.35">
      <c r="A8280" s="1" t="s">
        <v>31822</v>
      </c>
      <c r="B8280" s="1" t="s">
        <v>30194</v>
      </c>
      <c r="C8280" s="1" t="s">
        <v>150</v>
      </c>
      <c r="D8280" s="1" t="s">
        <v>31921</v>
      </c>
      <c r="E8280" s="1" t="s">
        <v>31922</v>
      </c>
      <c r="F8280" s="1" t="s">
        <v>31923</v>
      </c>
      <c r="G8280" s="1" t="s">
        <v>31826</v>
      </c>
      <c r="H8280" s="1" t="s">
        <v>31827</v>
      </c>
      <c r="I8280" s="1" t="s">
        <v>30200</v>
      </c>
      <c r="J8280" s="1" t="s">
        <v>31924</v>
      </c>
    </row>
    <row r="8281" spans="1:10" x14ac:dyDescent="0.35">
      <c r="A8281" s="1" t="s">
        <v>31822</v>
      </c>
      <c r="B8281" s="1" t="s">
        <v>30194</v>
      </c>
      <c r="C8281" s="1" t="s">
        <v>155</v>
      </c>
      <c r="D8281" s="1" t="s">
        <v>31925</v>
      </c>
      <c r="E8281" s="1" t="s">
        <v>19982</v>
      </c>
      <c r="F8281" s="1" t="s">
        <v>31926</v>
      </c>
      <c r="G8281" s="1" t="s">
        <v>31826</v>
      </c>
      <c r="H8281" s="1" t="s">
        <v>31827</v>
      </c>
      <c r="I8281" s="1" t="s">
        <v>30200</v>
      </c>
      <c r="J8281" s="1" t="s">
        <v>31927</v>
      </c>
    </row>
    <row r="8282" spans="1:10" x14ac:dyDescent="0.35">
      <c r="A8282" s="1" t="s">
        <v>31822</v>
      </c>
      <c r="B8282" s="1" t="s">
        <v>30194</v>
      </c>
      <c r="C8282" s="1" t="s">
        <v>160</v>
      </c>
      <c r="D8282" s="1" t="s">
        <v>31928</v>
      </c>
      <c r="E8282" s="1" t="s">
        <v>31929</v>
      </c>
      <c r="F8282" s="1" t="s">
        <v>31930</v>
      </c>
      <c r="G8282" s="1" t="s">
        <v>31826</v>
      </c>
      <c r="H8282" s="1" t="s">
        <v>31827</v>
      </c>
      <c r="I8282" s="1" t="s">
        <v>30200</v>
      </c>
      <c r="J8282" s="1" t="s">
        <v>31931</v>
      </c>
    </row>
    <row r="8283" spans="1:10" x14ac:dyDescent="0.35">
      <c r="A8283" s="1" t="s">
        <v>31822</v>
      </c>
      <c r="B8283" s="1" t="s">
        <v>30194</v>
      </c>
      <c r="C8283" s="1" t="s">
        <v>165</v>
      </c>
      <c r="D8283" s="1" t="s">
        <v>31932</v>
      </c>
      <c r="E8283" s="1" t="s">
        <v>31933</v>
      </c>
      <c r="F8283" s="1" t="s">
        <v>31934</v>
      </c>
      <c r="G8283" s="1" t="s">
        <v>31826</v>
      </c>
      <c r="H8283" s="1" t="s">
        <v>31827</v>
      </c>
      <c r="I8283" s="1" t="s">
        <v>30200</v>
      </c>
      <c r="J8283" s="1" t="s">
        <v>31935</v>
      </c>
    </row>
    <row r="8284" spans="1:10" x14ac:dyDescent="0.35">
      <c r="A8284" s="1" t="s">
        <v>31822</v>
      </c>
      <c r="B8284" s="1" t="s">
        <v>30194</v>
      </c>
      <c r="C8284" s="1" t="s">
        <v>170</v>
      </c>
      <c r="D8284" s="1" t="s">
        <v>31936</v>
      </c>
      <c r="E8284" s="1" t="s">
        <v>15687</v>
      </c>
      <c r="F8284" s="1" t="s">
        <v>31937</v>
      </c>
      <c r="G8284" s="1" t="s">
        <v>31826</v>
      </c>
      <c r="H8284" s="1" t="s">
        <v>31827</v>
      </c>
      <c r="I8284" s="1" t="s">
        <v>30200</v>
      </c>
      <c r="J8284" s="1" t="s">
        <v>31938</v>
      </c>
    </row>
    <row r="8285" spans="1:10" x14ac:dyDescent="0.35">
      <c r="A8285" s="1" t="s">
        <v>31939</v>
      </c>
      <c r="B8285" s="1" t="s">
        <v>30194</v>
      </c>
      <c r="C8285" s="1" t="s">
        <v>8</v>
      </c>
      <c r="D8285" s="1" t="s">
        <v>31940</v>
      </c>
      <c r="E8285" s="1" t="s">
        <v>31941</v>
      </c>
      <c r="F8285" s="1" t="s">
        <v>31942</v>
      </c>
      <c r="G8285" s="1" t="s">
        <v>31943</v>
      </c>
      <c r="H8285" s="1" t="s">
        <v>31944</v>
      </c>
      <c r="I8285" s="1" t="s">
        <v>30200</v>
      </c>
      <c r="J8285" s="1" t="s">
        <v>13</v>
      </c>
    </row>
    <row r="8286" spans="1:10" x14ac:dyDescent="0.35">
      <c r="A8286" s="1" t="s">
        <v>31939</v>
      </c>
      <c r="B8286" s="1" t="s">
        <v>30194</v>
      </c>
      <c r="C8286" s="1" t="s">
        <v>15</v>
      </c>
      <c r="D8286" s="1" t="s">
        <v>31945</v>
      </c>
      <c r="E8286" s="1" t="s">
        <v>15349</v>
      </c>
      <c r="F8286" s="1" t="s">
        <v>31946</v>
      </c>
      <c r="G8286" s="1" t="s">
        <v>31943</v>
      </c>
      <c r="H8286" s="1" t="s">
        <v>31944</v>
      </c>
      <c r="I8286" s="1" t="s">
        <v>30200</v>
      </c>
      <c r="J8286" s="1" t="s">
        <v>31947</v>
      </c>
    </row>
    <row r="8287" spans="1:10" x14ac:dyDescent="0.35">
      <c r="A8287" s="1" t="s">
        <v>31939</v>
      </c>
      <c r="B8287" s="1" t="s">
        <v>30194</v>
      </c>
      <c r="C8287" s="1" t="s">
        <v>20</v>
      </c>
      <c r="D8287" s="1" t="s">
        <v>31948</v>
      </c>
      <c r="E8287" s="1" t="s">
        <v>31949</v>
      </c>
      <c r="F8287" s="1" t="s">
        <v>31950</v>
      </c>
      <c r="G8287" s="1" t="s">
        <v>31943</v>
      </c>
      <c r="H8287" s="1" t="s">
        <v>31944</v>
      </c>
      <c r="I8287" s="1" t="s">
        <v>30200</v>
      </c>
      <c r="J8287" s="1" t="s">
        <v>31951</v>
      </c>
    </row>
    <row r="8288" spans="1:10" x14ac:dyDescent="0.35">
      <c r="A8288" s="1" t="s">
        <v>31939</v>
      </c>
      <c r="B8288" s="1" t="s">
        <v>30194</v>
      </c>
      <c r="C8288" s="1" t="s">
        <v>25</v>
      </c>
      <c r="D8288" s="1" t="s">
        <v>31952</v>
      </c>
      <c r="E8288" s="1" t="s">
        <v>31953</v>
      </c>
      <c r="F8288" s="1" t="s">
        <v>31954</v>
      </c>
      <c r="G8288" s="1" t="s">
        <v>31943</v>
      </c>
      <c r="H8288" s="1" t="s">
        <v>31944</v>
      </c>
      <c r="I8288" s="1" t="s">
        <v>30200</v>
      </c>
      <c r="J8288" s="1" t="s">
        <v>31955</v>
      </c>
    </row>
    <row r="8289" spans="1:10" x14ac:dyDescent="0.35">
      <c r="A8289" s="1" t="s">
        <v>31939</v>
      </c>
      <c r="B8289" s="1" t="s">
        <v>30194</v>
      </c>
      <c r="C8289" s="1" t="s">
        <v>30</v>
      </c>
      <c r="D8289" s="1" t="s">
        <v>31956</v>
      </c>
      <c r="E8289" s="1" t="s">
        <v>31957</v>
      </c>
      <c r="F8289" s="1" t="s">
        <v>31958</v>
      </c>
      <c r="G8289" s="1" t="s">
        <v>31943</v>
      </c>
      <c r="H8289" s="1" t="s">
        <v>31944</v>
      </c>
      <c r="I8289" s="1" t="s">
        <v>30200</v>
      </c>
      <c r="J8289" s="1" t="s">
        <v>31959</v>
      </c>
    </row>
    <row r="8290" spans="1:10" x14ac:dyDescent="0.35">
      <c r="A8290" s="1" t="s">
        <v>31939</v>
      </c>
      <c r="B8290" s="1" t="s">
        <v>30194</v>
      </c>
      <c r="C8290" s="1" t="s">
        <v>35</v>
      </c>
      <c r="D8290" s="1" t="s">
        <v>31960</v>
      </c>
      <c r="E8290" s="1" t="s">
        <v>31961</v>
      </c>
      <c r="F8290" s="1" t="s">
        <v>31962</v>
      </c>
      <c r="G8290" s="1" t="s">
        <v>31943</v>
      </c>
      <c r="H8290" s="1" t="s">
        <v>31944</v>
      </c>
      <c r="I8290" s="1" t="s">
        <v>30200</v>
      </c>
      <c r="J8290" s="1" t="s">
        <v>31963</v>
      </c>
    </row>
    <row r="8291" spans="1:10" x14ac:dyDescent="0.35">
      <c r="A8291" s="1" t="s">
        <v>31939</v>
      </c>
      <c r="B8291" s="1" t="s">
        <v>30194</v>
      </c>
      <c r="C8291" s="1" t="s">
        <v>40</v>
      </c>
      <c r="D8291" s="1" t="s">
        <v>31964</v>
      </c>
      <c r="E8291" s="1" t="s">
        <v>31965</v>
      </c>
      <c r="F8291" s="1" t="s">
        <v>31966</v>
      </c>
      <c r="G8291" s="1" t="s">
        <v>31943</v>
      </c>
      <c r="H8291" s="1" t="s">
        <v>31944</v>
      </c>
      <c r="I8291" s="1" t="s">
        <v>30200</v>
      </c>
      <c r="J8291" s="1" t="s">
        <v>31967</v>
      </c>
    </row>
    <row r="8292" spans="1:10" x14ac:dyDescent="0.35">
      <c r="A8292" s="1" t="s">
        <v>31939</v>
      </c>
      <c r="B8292" s="1" t="s">
        <v>30194</v>
      </c>
      <c r="C8292" s="1" t="s">
        <v>45</v>
      </c>
      <c r="D8292" s="1" t="s">
        <v>31968</v>
      </c>
      <c r="E8292" s="1" t="s">
        <v>31445</v>
      </c>
      <c r="F8292" s="1" t="s">
        <v>31969</v>
      </c>
      <c r="G8292" s="1" t="s">
        <v>31943</v>
      </c>
      <c r="H8292" s="1" t="s">
        <v>31944</v>
      </c>
      <c r="I8292" s="1" t="s">
        <v>30200</v>
      </c>
      <c r="J8292" s="1" t="s">
        <v>31970</v>
      </c>
    </row>
    <row r="8293" spans="1:10" x14ac:dyDescent="0.35">
      <c r="A8293" s="1" t="s">
        <v>31939</v>
      </c>
      <c r="B8293" s="1" t="s">
        <v>30194</v>
      </c>
      <c r="C8293" s="1" t="s">
        <v>50</v>
      </c>
      <c r="D8293" s="1" t="s">
        <v>31971</v>
      </c>
      <c r="E8293" s="1" t="s">
        <v>31972</v>
      </c>
      <c r="F8293" s="1" t="s">
        <v>31973</v>
      </c>
      <c r="G8293" s="1" t="s">
        <v>31943</v>
      </c>
      <c r="H8293" s="1" t="s">
        <v>31944</v>
      </c>
      <c r="I8293" s="1" t="s">
        <v>30200</v>
      </c>
      <c r="J8293" s="1" t="s">
        <v>31974</v>
      </c>
    </row>
    <row r="8294" spans="1:10" x14ac:dyDescent="0.35">
      <c r="A8294" s="1" t="s">
        <v>31939</v>
      </c>
      <c r="B8294" s="1" t="s">
        <v>30194</v>
      </c>
      <c r="C8294" s="1" t="s">
        <v>55</v>
      </c>
      <c r="D8294" s="1" t="s">
        <v>31975</v>
      </c>
      <c r="E8294" s="1" t="s">
        <v>31976</v>
      </c>
      <c r="F8294" s="1" t="s">
        <v>31977</v>
      </c>
      <c r="G8294" s="1" t="s">
        <v>31943</v>
      </c>
      <c r="H8294" s="1" t="s">
        <v>31944</v>
      </c>
      <c r="I8294" s="1" t="s">
        <v>30200</v>
      </c>
      <c r="J8294" s="1" t="s">
        <v>31978</v>
      </c>
    </row>
    <row r="8295" spans="1:10" x14ac:dyDescent="0.35">
      <c r="A8295" s="1" t="s">
        <v>31939</v>
      </c>
      <c r="B8295" s="1" t="s">
        <v>30194</v>
      </c>
      <c r="C8295" s="1" t="s">
        <v>60</v>
      </c>
      <c r="D8295" s="1" t="s">
        <v>31979</v>
      </c>
      <c r="E8295" s="1" t="s">
        <v>31980</v>
      </c>
      <c r="F8295" s="1" t="s">
        <v>31981</v>
      </c>
      <c r="G8295" s="1" t="s">
        <v>31943</v>
      </c>
      <c r="H8295" s="1" t="s">
        <v>31944</v>
      </c>
      <c r="I8295" s="1" t="s">
        <v>30200</v>
      </c>
      <c r="J8295" s="1" t="s">
        <v>31982</v>
      </c>
    </row>
    <row r="8296" spans="1:10" x14ac:dyDescent="0.35">
      <c r="A8296" s="1" t="s">
        <v>31939</v>
      </c>
      <c r="B8296" s="1" t="s">
        <v>30194</v>
      </c>
      <c r="C8296" s="1" t="s">
        <v>65</v>
      </c>
      <c r="D8296" s="1" t="s">
        <v>31983</v>
      </c>
      <c r="E8296" s="1" t="s">
        <v>31957</v>
      </c>
      <c r="F8296" s="1" t="s">
        <v>31984</v>
      </c>
      <c r="G8296" s="1" t="s">
        <v>31943</v>
      </c>
      <c r="H8296" s="1" t="s">
        <v>31944</v>
      </c>
      <c r="I8296" s="1" t="s">
        <v>30200</v>
      </c>
      <c r="J8296" s="1" t="s">
        <v>31985</v>
      </c>
    </row>
    <row r="8297" spans="1:10" x14ac:dyDescent="0.35">
      <c r="A8297" s="1" t="s">
        <v>31939</v>
      </c>
      <c r="B8297" s="1" t="s">
        <v>30194</v>
      </c>
      <c r="C8297" s="1" t="s">
        <v>70</v>
      </c>
      <c r="D8297" s="1" t="s">
        <v>388</v>
      </c>
      <c r="E8297" s="1" t="s">
        <v>27164</v>
      </c>
      <c r="F8297" s="1" t="s">
        <v>31986</v>
      </c>
      <c r="G8297" s="1" t="s">
        <v>31943</v>
      </c>
      <c r="H8297" s="1" t="s">
        <v>31944</v>
      </c>
      <c r="I8297" s="1" t="s">
        <v>30200</v>
      </c>
      <c r="J8297" s="1" t="s">
        <v>31987</v>
      </c>
    </row>
    <row r="8298" spans="1:10" x14ac:dyDescent="0.35">
      <c r="A8298" s="1" t="s">
        <v>31939</v>
      </c>
      <c r="B8298" s="1" t="s">
        <v>30194</v>
      </c>
      <c r="C8298" s="1" t="s">
        <v>75</v>
      </c>
      <c r="D8298" s="1" t="s">
        <v>31988</v>
      </c>
      <c r="E8298" s="1" t="s">
        <v>31989</v>
      </c>
      <c r="F8298" s="1" t="s">
        <v>31990</v>
      </c>
      <c r="G8298" s="1" t="s">
        <v>31943</v>
      </c>
      <c r="H8298" s="1" t="s">
        <v>31944</v>
      </c>
      <c r="I8298" s="1" t="s">
        <v>30200</v>
      </c>
      <c r="J8298" s="1" t="s">
        <v>31991</v>
      </c>
    </row>
    <row r="8299" spans="1:10" x14ac:dyDescent="0.35">
      <c r="A8299" s="1" t="s">
        <v>31939</v>
      </c>
      <c r="B8299" s="1" t="s">
        <v>30194</v>
      </c>
      <c r="C8299" s="1" t="s">
        <v>80</v>
      </c>
      <c r="D8299" s="1" t="s">
        <v>10684</v>
      </c>
      <c r="E8299" s="1" t="s">
        <v>31992</v>
      </c>
      <c r="F8299" s="1" t="s">
        <v>31993</v>
      </c>
      <c r="G8299" s="1" t="s">
        <v>31943</v>
      </c>
      <c r="H8299" s="1" t="s">
        <v>31944</v>
      </c>
      <c r="I8299" s="1" t="s">
        <v>30200</v>
      </c>
      <c r="J8299" s="1" t="s">
        <v>31994</v>
      </c>
    </row>
    <row r="8300" spans="1:10" x14ac:dyDescent="0.35">
      <c r="A8300" s="1" t="s">
        <v>31939</v>
      </c>
      <c r="B8300" s="1" t="s">
        <v>30194</v>
      </c>
      <c r="C8300" s="1" t="s">
        <v>85</v>
      </c>
      <c r="D8300" s="1" t="s">
        <v>31995</v>
      </c>
      <c r="E8300" s="1" t="s">
        <v>31996</v>
      </c>
      <c r="F8300" s="1" t="s">
        <v>31997</v>
      </c>
      <c r="G8300" s="1" t="s">
        <v>31943</v>
      </c>
      <c r="H8300" s="1" t="s">
        <v>31944</v>
      </c>
      <c r="I8300" s="1" t="s">
        <v>30200</v>
      </c>
      <c r="J8300" s="1" t="s">
        <v>31998</v>
      </c>
    </row>
    <row r="8301" spans="1:10" x14ac:dyDescent="0.35">
      <c r="A8301" s="1" t="s">
        <v>31939</v>
      </c>
      <c r="B8301" s="1" t="s">
        <v>30194</v>
      </c>
      <c r="C8301" s="1" t="s">
        <v>90</v>
      </c>
      <c r="D8301" s="1" t="s">
        <v>31999</v>
      </c>
      <c r="E8301" s="1" t="s">
        <v>32000</v>
      </c>
      <c r="F8301" s="1" t="s">
        <v>32001</v>
      </c>
      <c r="G8301" s="1" t="s">
        <v>31943</v>
      </c>
      <c r="H8301" s="1" t="s">
        <v>31944</v>
      </c>
      <c r="I8301" s="1" t="s">
        <v>30200</v>
      </c>
      <c r="J8301" s="1" t="s">
        <v>32002</v>
      </c>
    </row>
    <row r="8302" spans="1:10" x14ac:dyDescent="0.35">
      <c r="A8302" s="1" t="s">
        <v>31939</v>
      </c>
      <c r="B8302" s="1" t="s">
        <v>30194</v>
      </c>
      <c r="C8302" s="1" t="s">
        <v>95</v>
      </c>
      <c r="D8302" s="1" t="s">
        <v>32003</v>
      </c>
      <c r="E8302" s="1" t="s">
        <v>27164</v>
      </c>
      <c r="F8302" s="1" t="s">
        <v>22352</v>
      </c>
      <c r="G8302" s="1" t="s">
        <v>31943</v>
      </c>
      <c r="H8302" s="1" t="s">
        <v>31944</v>
      </c>
      <c r="I8302" s="1" t="s">
        <v>30200</v>
      </c>
      <c r="J8302" s="1" t="s">
        <v>32004</v>
      </c>
    </row>
    <row r="8303" spans="1:10" x14ac:dyDescent="0.35">
      <c r="A8303" s="1" t="s">
        <v>31939</v>
      </c>
      <c r="B8303" s="1" t="s">
        <v>30194</v>
      </c>
      <c r="C8303" s="1" t="s">
        <v>100</v>
      </c>
      <c r="D8303" s="1" t="s">
        <v>32005</v>
      </c>
      <c r="E8303" s="1" t="s">
        <v>32006</v>
      </c>
      <c r="F8303" s="1" t="s">
        <v>32007</v>
      </c>
      <c r="G8303" s="1" t="s">
        <v>31943</v>
      </c>
      <c r="H8303" s="1" t="s">
        <v>31944</v>
      </c>
      <c r="I8303" s="1" t="s">
        <v>30200</v>
      </c>
      <c r="J8303" s="1" t="s">
        <v>32008</v>
      </c>
    </row>
    <row r="8304" spans="1:10" x14ac:dyDescent="0.35">
      <c r="A8304" s="1" t="s">
        <v>31939</v>
      </c>
      <c r="B8304" s="1" t="s">
        <v>30194</v>
      </c>
      <c r="C8304" s="1" t="s">
        <v>105</v>
      </c>
      <c r="D8304" s="1" t="s">
        <v>32009</v>
      </c>
      <c r="E8304" s="1" t="s">
        <v>31976</v>
      </c>
      <c r="F8304" s="1" t="s">
        <v>32010</v>
      </c>
      <c r="G8304" s="1" t="s">
        <v>31943</v>
      </c>
      <c r="H8304" s="1" t="s">
        <v>31944</v>
      </c>
      <c r="I8304" s="1" t="s">
        <v>30200</v>
      </c>
      <c r="J8304" s="1" t="s">
        <v>32011</v>
      </c>
    </row>
    <row r="8305" spans="1:10" x14ac:dyDescent="0.35">
      <c r="A8305" s="1" t="s">
        <v>31939</v>
      </c>
      <c r="B8305" s="1" t="s">
        <v>30194</v>
      </c>
      <c r="C8305" s="1" t="s">
        <v>110</v>
      </c>
      <c r="D8305" s="1" t="s">
        <v>31775</v>
      </c>
      <c r="E8305" s="1" t="s">
        <v>19920</v>
      </c>
      <c r="F8305" s="1" t="s">
        <v>32012</v>
      </c>
      <c r="G8305" s="1" t="s">
        <v>31943</v>
      </c>
      <c r="H8305" s="1" t="s">
        <v>31944</v>
      </c>
      <c r="I8305" s="1" t="s">
        <v>30200</v>
      </c>
      <c r="J8305" s="1" t="s">
        <v>32013</v>
      </c>
    </row>
    <row r="8306" spans="1:10" x14ac:dyDescent="0.35">
      <c r="A8306" s="1" t="s">
        <v>31939</v>
      </c>
      <c r="B8306" s="1" t="s">
        <v>30194</v>
      </c>
      <c r="C8306" s="1" t="s">
        <v>115</v>
      </c>
      <c r="D8306" s="1" t="s">
        <v>32014</v>
      </c>
      <c r="E8306" s="1" t="s">
        <v>31449</v>
      </c>
      <c r="F8306" s="1" t="s">
        <v>32015</v>
      </c>
      <c r="G8306" s="1" t="s">
        <v>31943</v>
      </c>
      <c r="H8306" s="1" t="s">
        <v>31944</v>
      </c>
      <c r="I8306" s="1" t="s">
        <v>30200</v>
      </c>
      <c r="J8306" s="1" t="s">
        <v>32016</v>
      </c>
    </row>
    <row r="8307" spans="1:10" x14ac:dyDescent="0.35">
      <c r="A8307" s="1" t="s">
        <v>31939</v>
      </c>
      <c r="B8307" s="1" t="s">
        <v>30194</v>
      </c>
      <c r="C8307" s="1" t="s">
        <v>120</v>
      </c>
      <c r="D8307" s="1" t="s">
        <v>32017</v>
      </c>
      <c r="E8307" s="1" t="s">
        <v>31765</v>
      </c>
      <c r="F8307" s="1" t="s">
        <v>32018</v>
      </c>
      <c r="G8307" s="1" t="s">
        <v>31943</v>
      </c>
      <c r="H8307" s="1" t="s">
        <v>31944</v>
      </c>
      <c r="I8307" s="1" t="s">
        <v>30200</v>
      </c>
      <c r="J8307" s="1" t="s">
        <v>32019</v>
      </c>
    </row>
    <row r="8308" spans="1:10" x14ac:dyDescent="0.35">
      <c r="A8308" s="1" t="s">
        <v>31939</v>
      </c>
      <c r="B8308" s="1" t="s">
        <v>30194</v>
      </c>
      <c r="C8308" s="1" t="s">
        <v>125</v>
      </c>
      <c r="D8308" s="1" t="s">
        <v>32020</v>
      </c>
      <c r="E8308" s="1" t="s">
        <v>15644</v>
      </c>
      <c r="F8308" s="1" t="s">
        <v>32021</v>
      </c>
      <c r="G8308" s="1" t="s">
        <v>31943</v>
      </c>
      <c r="H8308" s="1" t="s">
        <v>31944</v>
      </c>
      <c r="I8308" s="1" t="s">
        <v>30200</v>
      </c>
      <c r="J8308" s="1" t="s">
        <v>32022</v>
      </c>
    </row>
    <row r="8309" spans="1:10" x14ac:dyDescent="0.35">
      <c r="A8309" s="1" t="s">
        <v>31939</v>
      </c>
      <c r="B8309" s="1" t="s">
        <v>30194</v>
      </c>
      <c r="C8309" s="1" t="s">
        <v>130</v>
      </c>
      <c r="D8309" s="1" t="s">
        <v>32020</v>
      </c>
      <c r="E8309" s="1" t="s">
        <v>31500</v>
      </c>
      <c r="F8309" s="1" t="s">
        <v>32023</v>
      </c>
      <c r="G8309" s="1" t="s">
        <v>31943</v>
      </c>
      <c r="H8309" s="1" t="s">
        <v>31944</v>
      </c>
      <c r="I8309" s="1" t="s">
        <v>30200</v>
      </c>
      <c r="J8309" s="1" t="s">
        <v>1180</v>
      </c>
    </row>
    <row r="8310" spans="1:10" x14ac:dyDescent="0.35">
      <c r="A8310" s="1" t="s">
        <v>31939</v>
      </c>
      <c r="B8310" s="1" t="s">
        <v>30194</v>
      </c>
      <c r="C8310" s="1" t="s">
        <v>135</v>
      </c>
      <c r="D8310" s="1" t="s">
        <v>32024</v>
      </c>
      <c r="E8310" s="1" t="s">
        <v>31534</v>
      </c>
      <c r="F8310" s="1" t="s">
        <v>32025</v>
      </c>
      <c r="G8310" s="1" t="s">
        <v>31943</v>
      </c>
      <c r="H8310" s="1" t="s">
        <v>31944</v>
      </c>
      <c r="I8310" s="1" t="s">
        <v>30200</v>
      </c>
      <c r="J8310" s="1" t="s">
        <v>32026</v>
      </c>
    </row>
    <row r="8311" spans="1:10" x14ac:dyDescent="0.35">
      <c r="A8311" s="1" t="s">
        <v>31939</v>
      </c>
      <c r="B8311" s="1" t="s">
        <v>30194</v>
      </c>
      <c r="C8311" s="1" t="s">
        <v>140</v>
      </c>
      <c r="D8311" s="1" t="s">
        <v>32027</v>
      </c>
      <c r="E8311" s="1" t="s">
        <v>32028</v>
      </c>
      <c r="F8311" s="1" t="s">
        <v>32029</v>
      </c>
      <c r="G8311" s="1" t="s">
        <v>31943</v>
      </c>
      <c r="H8311" s="1" t="s">
        <v>31944</v>
      </c>
      <c r="I8311" s="1" t="s">
        <v>30200</v>
      </c>
      <c r="J8311" s="1" t="s">
        <v>32030</v>
      </c>
    </row>
    <row r="8312" spans="1:10" x14ac:dyDescent="0.35">
      <c r="A8312" s="1" t="s">
        <v>31939</v>
      </c>
      <c r="B8312" s="1" t="s">
        <v>30194</v>
      </c>
      <c r="C8312" s="1" t="s">
        <v>145</v>
      </c>
      <c r="D8312" s="1" t="s">
        <v>32031</v>
      </c>
      <c r="E8312" s="1" t="s">
        <v>32032</v>
      </c>
      <c r="F8312" s="1" t="s">
        <v>32033</v>
      </c>
      <c r="G8312" s="1" t="s">
        <v>31943</v>
      </c>
      <c r="H8312" s="1" t="s">
        <v>31944</v>
      </c>
      <c r="I8312" s="1" t="s">
        <v>30200</v>
      </c>
      <c r="J8312" s="1" t="s">
        <v>32034</v>
      </c>
    </row>
    <row r="8313" spans="1:10" x14ac:dyDescent="0.35">
      <c r="A8313" s="1" t="s">
        <v>31939</v>
      </c>
      <c r="B8313" s="1" t="s">
        <v>30194</v>
      </c>
      <c r="C8313" s="1" t="s">
        <v>150</v>
      </c>
      <c r="D8313" s="1" t="s">
        <v>32035</v>
      </c>
      <c r="E8313" s="1" t="s">
        <v>32036</v>
      </c>
      <c r="F8313" s="1" t="s">
        <v>32037</v>
      </c>
      <c r="G8313" s="1" t="s">
        <v>31943</v>
      </c>
      <c r="H8313" s="1" t="s">
        <v>31944</v>
      </c>
      <c r="I8313" s="1" t="s">
        <v>30200</v>
      </c>
      <c r="J8313" s="1" t="s">
        <v>32038</v>
      </c>
    </row>
    <row r="8314" spans="1:10" x14ac:dyDescent="0.35">
      <c r="A8314" s="1" t="s">
        <v>31939</v>
      </c>
      <c r="B8314" s="1" t="s">
        <v>30194</v>
      </c>
      <c r="C8314" s="1" t="s">
        <v>155</v>
      </c>
      <c r="D8314" s="1" t="s">
        <v>32039</v>
      </c>
      <c r="E8314" s="1" t="s">
        <v>32040</v>
      </c>
      <c r="F8314" s="1" t="s">
        <v>32041</v>
      </c>
      <c r="G8314" s="1" t="s">
        <v>31943</v>
      </c>
      <c r="H8314" s="1" t="s">
        <v>31944</v>
      </c>
      <c r="I8314" s="1" t="s">
        <v>30200</v>
      </c>
      <c r="J8314" s="1" t="s">
        <v>32042</v>
      </c>
    </row>
    <row r="8315" spans="1:10" x14ac:dyDescent="0.35">
      <c r="A8315" s="1" t="s">
        <v>31939</v>
      </c>
      <c r="B8315" s="1" t="s">
        <v>30194</v>
      </c>
      <c r="C8315" s="1" t="s">
        <v>160</v>
      </c>
      <c r="D8315" s="1" t="s">
        <v>32043</v>
      </c>
      <c r="E8315" s="1" t="s">
        <v>32044</v>
      </c>
      <c r="F8315" s="1" t="s">
        <v>32045</v>
      </c>
      <c r="G8315" s="1" t="s">
        <v>31943</v>
      </c>
      <c r="H8315" s="1" t="s">
        <v>31944</v>
      </c>
      <c r="I8315" s="1" t="s">
        <v>30200</v>
      </c>
      <c r="J8315" s="1" t="s">
        <v>32046</v>
      </c>
    </row>
    <row r="8316" spans="1:10" x14ac:dyDescent="0.35">
      <c r="A8316" s="1" t="s">
        <v>31939</v>
      </c>
      <c r="B8316" s="1" t="s">
        <v>30194</v>
      </c>
      <c r="C8316" s="1" t="s">
        <v>165</v>
      </c>
      <c r="D8316" s="1" t="s">
        <v>32047</v>
      </c>
      <c r="E8316" s="1" t="s">
        <v>15930</v>
      </c>
      <c r="F8316" s="1" t="s">
        <v>32048</v>
      </c>
      <c r="G8316" s="1" t="s">
        <v>31943</v>
      </c>
      <c r="H8316" s="1" t="s">
        <v>31944</v>
      </c>
      <c r="I8316" s="1" t="s">
        <v>30200</v>
      </c>
      <c r="J8316" s="1" t="s">
        <v>32049</v>
      </c>
    </row>
    <row r="8317" spans="1:10" x14ac:dyDescent="0.35">
      <c r="A8317" s="1" t="s">
        <v>31939</v>
      </c>
      <c r="B8317" s="1" t="s">
        <v>30194</v>
      </c>
      <c r="C8317" s="1" t="s">
        <v>170</v>
      </c>
      <c r="D8317" s="1" t="s">
        <v>32050</v>
      </c>
      <c r="E8317" s="1" t="s">
        <v>32051</v>
      </c>
      <c r="F8317" s="1" t="s">
        <v>32052</v>
      </c>
      <c r="G8317" s="1" t="s">
        <v>31943</v>
      </c>
      <c r="H8317" s="1" t="s">
        <v>31944</v>
      </c>
      <c r="I8317" s="1" t="s">
        <v>30200</v>
      </c>
      <c r="J8317" s="1" t="s">
        <v>32053</v>
      </c>
    </row>
    <row r="8318" spans="1:10" x14ac:dyDescent="0.35">
      <c r="A8318" s="1" t="s">
        <v>32054</v>
      </c>
      <c r="B8318" s="1" t="s">
        <v>30194</v>
      </c>
      <c r="C8318" s="1" t="s">
        <v>8</v>
      </c>
      <c r="D8318" s="1" t="s">
        <v>32055</v>
      </c>
      <c r="E8318" s="1" t="s">
        <v>32056</v>
      </c>
      <c r="F8318" s="1" t="s">
        <v>32057</v>
      </c>
      <c r="G8318" s="1" t="s">
        <v>32058</v>
      </c>
      <c r="H8318" s="1" t="s">
        <v>32059</v>
      </c>
      <c r="I8318" s="1" t="s">
        <v>30200</v>
      </c>
      <c r="J8318" s="1" t="s">
        <v>13</v>
      </c>
    </row>
    <row r="8319" spans="1:10" x14ac:dyDescent="0.35">
      <c r="A8319" s="1" t="s">
        <v>32054</v>
      </c>
      <c r="B8319" s="1" t="s">
        <v>30194</v>
      </c>
      <c r="C8319" s="1" t="s">
        <v>15</v>
      </c>
      <c r="D8319" s="1" t="s">
        <v>32060</v>
      </c>
      <c r="E8319" s="1" t="s">
        <v>32061</v>
      </c>
      <c r="F8319" s="1" t="s">
        <v>32062</v>
      </c>
      <c r="G8319" s="1" t="s">
        <v>32058</v>
      </c>
      <c r="H8319" s="1" t="s">
        <v>32059</v>
      </c>
      <c r="I8319" s="1" t="s">
        <v>30200</v>
      </c>
      <c r="J8319" s="1" t="s">
        <v>32063</v>
      </c>
    </row>
    <row r="8320" spans="1:10" x14ac:dyDescent="0.35">
      <c r="A8320" s="1" t="s">
        <v>32054</v>
      </c>
      <c r="B8320" s="1" t="s">
        <v>30194</v>
      </c>
      <c r="C8320" s="1" t="s">
        <v>20</v>
      </c>
      <c r="D8320" s="1" t="s">
        <v>32064</v>
      </c>
      <c r="E8320" s="1" t="s">
        <v>32065</v>
      </c>
      <c r="F8320" s="1" t="s">
        <v>32066</v>
      </c>
      <c r="G8320" s="1" t="s">
        <v>32058</v>
      </c>
      <c r="H8320" s="1" t="s">
        <v>32059</v>
      </c>
      <c r="I8320" s="1" t="s">
        <v>30200</v>
      </c>
      <c r="J8320" s="1" t="s">
        <v>32067</v>
      </c>
    </row>
    <row r="8321" spans="1:10" x14ac:dyDescent="0.35">
      <c r="A8321" s="1" t="s">
        <v>32054</v>
      </c>
      <c r="B8321" s="1" t="s">
        <v>30194</v>
      </c>
      <c r="C8321" s="1" t="s">
        <v>25</v>
      </c>
      <c r="D8321" s="1" t="s">
        <v>32068</v>
      </c>
      <c r="E8321" s="1" t="s">
        <v>32069</v>
      </c>
      <c r="F8321" s="1" t="s">
        <v>32070</v>
      </c>
      <c r="G8321" s="1" t="s">
        <v>32058</v>
      </c>
      <c r="H8321" s="1" t="s">
        <v>32059</v>
      </c>
      <c r="I8321" s="1" t="s">
        <v>30200</v>
      </c>
      <c r="J8321" s="1" t="s">
        <v>32071</v>
      </c>
    </row>
    <row r="8322" spans="1:10" x14ac:dyDescent="0.35">
      <c r="A8322" s="1" t="s">
        <v>32054</v>
      </c>
      <c r="B8322" s="1" t="s">
        <v>30194</v>
      </c>
      <c r="C8322" s="1" t="s">
        <v>30</v>
      </c>
      <c r="D8322" s="1" t="s">
        <v>32072</v>
      </c>
      <c r="E8322" s="1" t="s">
        <v>15392</v>
      </c>
      <c r="F8322" s="1" t="s">
        <v>32073</v>
      </c>
      <c r="G8322" s="1" t="s">
        <v>32058</v>
      </c>
      <c r="H8322" s="1" t="s">
        <v>32059</v>
      </c>
      <c r="I8322" s="1" t="s">
        <v>30200</v>
      </c>
      <c r="J8322" s="1" t="s">
        <v>32074</v>
      </c>
    </row>
    <row r="8323" spans="1:10" x14ac:dyDescent="0.35">
      <c r="A8323" s="1" t="s">
        <v>32054</v>
      </c>
      <c r="B8323" s="1" t="s">
        <v>30194</v>
      </c>
      <c r="C8323" s="1" t="s">
        <v>35</v>
      </c>
      <c r="D8323" s="1" t="s">
        <v>32075</v>
      </c>
      <c r="E8323" s="1" t="s">
        <v>32076</v>
      </c>
      <c r="F8323" s="1" t="s">
        <v>32077</v>
      </c>
      <c r="G8323" s="1" t="s">
        <v>32058</v>
      </c>
      <c r="H8323" s="1" t="s">
        <v>32059</v>
      </c>
      <c r="I8323" s="1" t="s">
        <v>30200</v>
      </c>
      <c r="J8323" s="1" t="s">
        <v>32078</v>
      </c>
    </row>
    <row r="8324" spans="1:10" x14ac:dyDescent="0.35">
      <c r="A8324" s="1" t="s">
        <v>32054</v>
      </c>
      <c r="B8324" s="1" t="s">
        <v>30194</v>
      </c>
      <c r="C8324" s="1" t="s">
        <v>40</v>
      </c>
      <c r="D8324" s="1" t="s">
        <v>32079</v>
      </c>
      <c r="E8324" s="1" t="s">
        <v>32080</v>
      </c>
      <c r="F8324" s="1" t="s">
        <v>32081</v>
      </c>
      <c r="G8324" s="1" t="s">
        <v>32058</v>
      </c>
      <c r="H8324" s="1" t="s">
        <v>32059</v>
      </c>
      <c r="I8324" s="1" t="s">
        <v>30200</v>
      </c>
      <c r="J8324" s="1" t="s">
        <v>32082</v>
      </c>
    </row>
    <row r="8325" spans="1:10" x14ac:dyDescent="0.35">
      <c r="A8325" s="1" t="s">
        <v>32054</v>
      </c>
      <c r="B8325" s="1" t="s">
        <v>30194</v>
      </c>
      <c r="C8325" s="1" t="s">
        <v>45</v>
      </c>
      <c r="D8325" s="1" t="s">
        <v>32083</v>
      </c>
      <c r="E8325" s="1" t="s">
        <v>32084</v>
      </c>
      <c r="F8325" s="1" t="s">
        <v>32085</v>
      </c>
      <c r="G8325" s="1" t="s">
        <v>32058</v>
      </c>
      <c r="H8325" s="1" t="s">
        <v>32059</v>
      </c>
      <c r="I8325" s="1" t="s">
        <v>30200</v>
      </c>
      <c r="J8325" s="1" t="s">
        <v>32086</v>
      </c>
    </row>
    <row r="8326" spans="1:10" x14ac:dyDescent="0.35">
      <c r="A8326" s="1" t="s">
        <v>32054</v>
      </c>
      <c r="B8326" s="1" t="s">
        <v>30194</v>
      </c>
      <c r="C8326" s="1" t="s">
        <v>50</v>
      </c>
      <c r="D8326" s="1" t="s">
        <v>32087</v>
      </c>
      <c r="E8326" s="1" t="s">
        <v>31510</v>
      </c>
      <c r="F8326" s="1" t="s">
        <v>21982</v>
      </c>
      <c r="G8326" s="1" t="s">
        <v>32058</v>
      </c>
      <c r="H8326" s="1" t="s">
        <v>32059</v>
      </c>
      <c r="I8326" s="1" t="s">
        <v>30200</v>
      </c>
      <c r="J8326" s="1" t="s">
        <v>32088</v>
      </c>
    </row>
    <row r="8327" spans="1:10" x14ac:dyDescent="0.35">
      <c r="A8327" s="1" t="s">
        <v>32054</v>
      </c>
      <c r="B8327" s="1" t="s">
        <v>30194</v>
      </c>
      <c r="C8327" s="1" t="s">
        <v>55</v>
      </c>
      <c r="D8327" s="1" t="s">
        <v>32089</v>
      </c>
      <c r="E8327" s="1" t="s">
        <v>32090</v>
      </c>
      <c r="F8327" s="1" t="s">
        <v>32091</v>
      </c>
      <c r="G8327" s="1" t="s">
        <v>32058</v>
      </c>
      <c r="H8327" s="1" t="s">
        <v>32059</v>
      </c>
      <c r="I8327" s="1" t="s">
        <v>30200</v>
      </c>
      <c r="J8327" s="1" t="s">
        <v>32092</v>
      </c>
    </row>
    <row r="8328" spans="1:10" x14ac:dyDescent="0.35">
      <c r="A8328" s="1" t="s">
        <v>32054</v>
      </c>
      <c r="B8328" s="1" t="s">
        <v>30194</v>
      </c>
      <c r="C8328" s="1" t="s">
        <v>60</v>
      </c>
      <c r="D8328" s="1" t="s">
        <v>32093</v>
      </c>
      <c r="E8328" s="1" t="s">
        <v>32094</v>
      </c>
      <c r="F8328" s="1" t="s">
        <v>32095</v>
      </c>
      <c r="G8328" s="1" t="s">
        <v>32058</v>
      </c>
      <c r="H8328" s="1" t="s">
        <v>32059</v>
      </c>
      <c r="I8328" s="1" t="s">
        <v>30200</v>
      </c>
      <c r="J8328" s="1" t="s">
        <v>32096</v>
      </c>
    </row>
    <row r="8329" spans="1:10" x14ac:dyDescent="0.35">
      <c r="A8329" s="1" t="s">
        <v>32054</v>
      </c>
      <c r="B8329" s="1" t="s">
        <v>30194</v>
      </c>
      <c r="C8329" s="1" t="s">
        <v>65</v>
      </c>
      <c r="D8329" s="1" t="s">
        <v>32097</v>
      </c>
      <c r="E8329" s="1" t="s">
        <v>32098</v>
      </c>
      <c r="F8329" s="1" t="s">
        <v>32099</v>
      </c>
      <c r="G8329" s="1" t="s">
        <v>32058</v>
      </c>
      <c r="H8329" s="1" t="s">
        <v>32059</v>
      </c>
      <c r="I8329" s="1" t="s">
        <v>30200</v>
      </c>
      <c r="J8329" s="1" t="s">
        <v>32100</v>
      </c>
    </row>
    <row r="8330" spans="1:10" x14ac:dyDescent="0.35">
      <c r="A8330" s="1" t="s">
        <v>32054</v>
      </c>
      <c r="B8330" s="1" t="s">
        <v>30194</v>
      </c>
      <c r="C8330" s="1" t="s">
        <v>70</v>
      </c>
      <c r="D8330" s="1" t="s">
        <v>30593</v>
      </c>
      <c r="E8330" s="1" t="s">
        <v>22294</v>
      </c>
      <c r="F8330" s="1" t="s">
        <v>32101</v>
      </c>
      <c r="G8330" s="1" t="s">
        <v>32058</v>
      </c>
      <c r="H8330" s="1" t="s">
        <v>32059</v>
      </c>
      <c r="I8330" s="1" t="s">
        <v>30200</v>
      </c>
      <c r="J8330" s="1" t="s">
        <v>32102</v>
      </c>
    </row>
    <row r="8331" spans="1:10" x14ac:dyDescent="0.35">
      <c r="A8331" s="1" t="s">
        <v>32054</v>
      </c>
      <c r="B8331" s="1" t="s">
        <v>30194</v>
      </c>
      <c r="C8331" s="1" t="s">
        <v>75</v>
      </c>
      <c r="D8331" s="1" t="s">
        <v>32103</v>
      </c>
      <c r="E8331" s="1" t="s">
        <v>24213</v>
      </c>
      <c r="F8331" s="1" t="s">
        <v>32104</v>
      </c>
      <c r="G8331" s="1" t="s">
        <v>32058</v>
      </c>
      <c r="H8331" s="1" t="s">
        <v>32059</v>
      </c>
      <c r="I8331" s="1" t="s">
        <v>30200</v>
      </c>
      <c r="J8331" s="1" t="s">
        <v>32105</v>
      </c>
    </row>
    <row r="8332" spans="1:10" x14ac:dyDescent="0.35">
      <c r="A8332" s="1" t="s">
        <v>32054</v>
      </c>
      <c r="B8332" s="1" t="s">
        <v>30194</v>
      </c>
      <c r="C8332" s="1" t="s">
        <v>80</v>
      </c>
      <c r="D8332" s="1" t="s">
        <v>32106</v>
      </c>
      <c r="E8332" s="1" t="s">
        <v>32107</v>
      </c>
      <c r="F8332" s="1" t="s">
        <v>32108</v>
      </c>
      <c r="G8332" s="1" t="s">
        <v>32058</v>
      </c>
      <c r="H8332" s="1" t="s">
        <v>32059</v>
      </c>
      <c r="I8332" s="1" t="s">
        <v>30200</v>
      </c>
      <c r="J8332" s="1" t="s">
        <v>32109</v>
      </c>
    </row>
    <row r="8333" spans="1:10" x14ac:dyDescent="0.35">
      <c r="A8333" s="1" t="s">
        <v>32054</v>
      </c>
      <c r="B8333" s="1" t="s">
        <v>30194</v>
      </c>
      <c r="C8333" s="1" t="s">
        <v>85</v>
      </c>
      <c r="D8333" s="1" t="s">
        <v>10684</v>
      </c>
      <c r="E8333" s="1" t="s">
        <v>24221</v>
      </c>
      <c r="F8333" s="1" t="s">
        <v>32110</v>
      </c>
      <c r="G8333" s="1" t="s">
        <v>32058</v>
      </c>
      <c r="H8333" s="1" t="s">
        <v>32059</v>
      </c>
      <c r="I8333" s="1" t="s">
        <v>30200</v>
      </c>
      <c r="J8333" s="1" t="s">
        <v>32111</v>
      </c>
    </row>
    <row r="8334" spans="1:10" x14ac:dyDescent="0.35">
      <c r="A8334" s="1" t="s">
        <v>32054</v>
      </c>
      <c r="B8334" s="1" t="s">
        <v>30194</v>
      </c>
      <c r="C8334" s="1" t="s">
        <v>90</v>
      </c>
      <c r="D8334" s="1" t="s">
        <v>32112</v>
      </c>
      <c r="E8334" s="1" t="s">
        <v>32113</v>
      </c>
      <c r="F8334" s="1" t="s">
        <v>32114</v>
      </c>
      <c r="G8334" s="1" t="s">
        <v>32058</v>
      </c>
      <c r="H8334" s="1" t="s">
        <v>32059</v>
      </c>
      <c r="I8334" s="1" t="s">
        <v>30200</v>
      </c>
      <c r="J8334" s="1" t="s">
        <v>32115</v>
      </c>
    </row>
    <row r="8335" spans="1:10" x14ac:dyDescent="0.35">
      <c r="A8335" s="1" t="s">
        <v>32054</v>
      </c>
      <c r="B8335" s="1" t="s">
        <v>30194</v>
      </c>
      <c r="C8335" s="1" t="s">
        <v>95</v>
      </c>
      <c r="D8335" s="1" t="s">
        <v>32116</v>
      </c>
      <c r="E8335" s="1" t="s">
        <v>15845</v>
      </c>
      <c r="F8335" s="1" t="s">
        <v>32117</v>
      </c>
      <c r="G8335" s="1" t="s">
        <v>32058</v>
      </c>
      <c r="H8335" s="1" t="s">
        <v>32059</v>
      </c>
      <c r="I8335" s="1" t="s">
        <v>30200</v>
      </c>
      <c r="J8335" s="1" t="s">
        <v>32118</v>
      </c>
    </row>
    <row r="8336" spans="1:10" x14ac:dyDescent="0.35">
      <c r="A8336" s="1" t="s">
        <v>32054</v>
      </c>
      <c r="B8336" s="1" t="s">
        <v>30194</v>
      </c>
      <c r="C8336" s="1" t="s">
        <v>100</v>
      </c>
      <c r="D8336" s="1" t="s">
        <v>31434</v>
      </c>
      <c r="E8336" s="1" t="s">
        <v>16109</v>
      </c>
      <c r="F8336" s="1" t="s">
        <v>32119</v>
      </c>
      <c r="G8336" s="1" t="s">
        <v>32058</v>
      </c>
      <c r="H8336" s="1" t="s">
        <v>32059</v>
      </c>
      <c r="I8336" s="1" t="s">
        <v>30200</v>
      </c>
      <c r="J8336" s="1" t="s">
        <v>32120</v>
      </c>
    </row>
    <row r="8337" spans="1:10" x14ac:dyDescent="0.35">
      <c r="A8337" s="1" t="s">
        <v>32054</v>
      </c>
      <c r="B8337" s="1" t="s">
        <v>30194</v>
      </c>
      <c r="C8337" s="1" t="s">
        <v>105</v>
      </c>
      <c r="D8337" s="1" t="s">
        <v>32121</v>
      </c>
      <c r="E8337" s="1" t="s">
        <v>32122</v>
      </c>
      <c r="F8337" s="1" t="s">
        <v>32123</v>
      </c>
      <c r="G8337" s="1" t="s">
        <v>32058</v>
      </c>
      <c r="H8337" s="1" t="s">
        <v>32059</v>
      </c>
      <c r="I8337" s="1" t="s">
        <v>30200</v>
      </c>
      <c r="J8337" s="1" t="s">
        <v>32124</v>
      </c>
    </row>
    <row r="8338" spans="1:10" x14ac:dyDescent="0.35">
      <c r="A8338" s="1" t="s">
        <v>32054</v>
      </c>
      <c r="B8338" s="1" t="s">
        <v>30194</v>
      </c>
      <c r="C8338" s="1" t="s">
        <v>110</v>
      </c>
      <c r="D8338" s="1" t="s">
        <v>32125</v>
      </c>
      <c r="E8338" s="1" t="s">
        <v>32126</v>
      </c>
      <c r="F8338" s="1" t="s">
        <v>32127</v>
      </c>
      <c r="G8338" s="1" t="s">
        <v>32058</v>
      </c>
      <c r="H8338" s="1" t="s">
        <v>32059</v>
      </c>
      <c r="I8338" s="1" t="s">
        <v>30200</v>
      </c>
      <c r="J8338" s="1" t="s">
        <v>32128</v>
      </c>
    </row>
    <row r="8339" spans="1:10" x14ac:dyDescent="0.35">
      <c r="A8339" s="1" t="s">
        <v>32054</v>
      </c>
      <c r="B8339" s="1" t="s">
        <v>30194</v>
      </c>
      <c r="C8339" s="1" t="s">
        <v>115</v>
      </c>
      <c r="D8339" s="1" t="s">
        <v>32129</v>
      </c>
      <c r="E8339" s="1" t="s">
        <v>23521</v>
      </c>
      <c r="F8339" s="1" t="s">
        <v>32130</v>
      </c>
      <c r="G8339" s="1" t="s">
        <v>32058</v>
      </c>
      <c r="H8339" s="1" t="s">
        <v>32059</v>
      </c>
      <c r="I8339" s="1" t="s">
        <v>30200</v>
      </c>
      <c r="J8339" s="1" t="s">
        <v>32131</v>
      </c>
    </row>
    <row r="8340" spans="1:10" x14ac:dyDescent="0.35">
      <c r="A8340" s="1" t="s">
        <v>32054</v>
      </c>
      <c r="B8340" s="1" t="s">
        <v>30194</v>
      </c>
      <c r="C8340" s="1" t="s">
        <v>120</v>
      </c>
      <c r="D8340" s="1" t="s">
        <v>32132</v>
      </c>
      <c r="E8340" s="1" t="s">
        <v>32133</v>
      </c>
      <c r="F8340" s="1" t="s">
        <v>32134</v>
      </c>
      <c r="G8340" s="1" t="s">
        <v>32058</v>
      </c>
      <c r="H8340" s="1" t="s">
        <v>32059</v>
      </c>
      <c r="I8340" s="1" t="s">
        <v>30200</v>
      </c>
      <c r="J8340" s="1" t="s">
        <v>32135</v>
      </c>
    </row>
    <row r="8341" spans="1:10" x14ac:dyDescent="0.35">
      <c r="A8341" s="1" t="s">
        <v>32054</v>
      </c>
      <c r="B8341" s="1" t="s">
        <v>30194</v>
      </c>
      <c r="C8341" s="1" t="s">
        <v>125</v>
      </c>
      <c r="D8341" s="1" t="s">
        <v>32136</v>
      </c>
      <c r="E8341" s="1" t="s">
        <v>26647</v>
      </c>
      <c r="F8341" s="1" t="s">
        <v>32137</v>
      </c>
      <c r="G8341" s="1" t="s">
        <v>32058</v>
      </c>
      <c r="H8341" s="1" t="s">
        <v>32059</v>
      </c>
      <c r="I8341" s="1" t="s">
        <v>30200</v>
      </c>
      <c r="J8341" s="1" t="s">
        <v>32138</v>
      </c>
    </row>
    <row r="8342" spans="1:10" x14ac:dyDescent="0.35">
      <c r="A8342" s="1" t="s">
        <v>32054</v>
      </c>
      <c r="B8342" s="1" t="s">
        <v>30194</v>
      </c>
      <c r="C8342" s="1" t="s">
        <v>130</v>
      </c>
      <c r="D8342" s="1" t="s">
        <v>32139</v>
      </c>
      <c r="E8342" s="1" t="s">
        <v>32140</v>
      </c>
      <c r="F8342" s="1" t="s">
        <v>32141</v>
      </c>
      <c r="G8342" s="1" t="s">
        <v>32058</v>
      </c>
      <c r="H8342" s="1" t="s">
        <v>32059</v>
      </c>
      <c r="I8342" s="1" t="s">
        <v>30200</v>
      </c>
      <c r="J8342" s="1" t="s">
        <v>32142</v>
      </c>
    </row>
    <row r="8343" spans="1:10" x14ac:dyDescent="0.35">
      <c r="A8343" s="1" t="s">
        <v>32054</v>
      </c>
      <c r="B8343" s="1" t="s">
        <v>30194</v>
      </c>
      <c r="C8343" s="1" t="s">
        <v>135</v>
      </c>
      <c r="D8343" s="1" t="s">
        <v>3659</v>
      </c>
      <c r="E8343" s="1" t="s">
        <v>32143</v>
      </c>
      <c r="F8343" s="1" t="s">
        <v>32144</v>
      </c>
      <c r="G8343" s="1" t="s">
        <v>32058</v>
      </c>
      <c r="H8343" s="1" t="s">
        <v>32059</v>
      </c>
      <c r="I8343" s="1" t="s">
        <v>30200</v>
      </c>
      <c r="J8343" s="1" t="s">
        <v>32145</v>
      </c>
    </row>
    <row r="8344" spans="1:10" x14ac:dyDescent="0.35">
      <c r="A8344" s="1" t="s">
        <v>32054</v>
      </c>
      <c r="B8344" s="1" t="s">
        <v>30194</v>
      </c>
      <c r="C8344" s="1" t="s">
        <v>140</v>
      </c>
      <c r="D8344" s="1" t="s">
        <v>32146</v>
      </c>
      <c r="E8344" s="1" t="s">
        <v>32147</v>
      </c>
      <c r="F8344" s="1" t="s">
        <v>32148</v>
      </c>
      <c r="G8344" s="1" t="s">
        <v>32058</v>
      </c>
      <c r="H8344" s="1" t="s">
        <v>32059</v>
      </c>
      <c r="I8344" s="1" t="s">
        <v>30200</v>
      </c>
      <c r="J8344" s="1" t="s">
        <v>32149</v>
      </c>
    </row>
    <row r="8345" spans="1:10" x14ac:dyDescent="0.35">
      <c r="A8345" s="1" t="s">
        <v>32054</v>
      </c>
      <c r="B8345" s="1" t="s">
        <v>30194</v>
      </c>
      <c r="C8345" s="1" t="s">
        <v>145</v>
      </c>
      <c r="D8345" s="1" t="s">
        <v>18542</v>
      </c>
      <c r="E8345" s="1" t="s">
        <v>26644</v>
      </c>
      <c r="F8345" s="1" t="s">
        <v>32150</v>
      </c>
      <c r="G8345" s="1" t="s">
        <v>32058</v>
      </c>
      <c r="H8345" s="1" t="s">
        <v>32059</v>
      </c>
      <c r="I8345" s="1" t="s">
        <v>30200</v>
      </c>
      <c r="J8345" s="1" t="s">
        <v>32151</v>
      </c>
    </row>
    <row r="8346" spans="1:10" x14ac:dyDescent="0.35">
      <c r="A8346" s="1" t="s">
        <v>32054</v>
      </c>
      <c r="B8346" s="1" t="s">
        <v>30194</v>
      </c>
      <c r="C8346" s="1" t="s">
        <v>150</v>
      </c>
      <c r="D8346" s="1" t="s">
        <v>32152</v>
      </c>
      <c r="E8346" s="1" t="s">
        <v>32153</v>
      </c>
      <c r="F8346" s="1" t="s">
        <v>32154</v>
      </c>
      <c r="G8346" s="1" t="s">
        <v>32058</v>
      </c>
      <c r="H8346" s="1" t="s">
        <v>32059</v>
      </c>
      <c r="I8346" s="1" t="s">
        <v>30200</v>
      </c>
      <c r="J8346" s="1" t="s">
        <v>32155</v>
      </c>
    </row>
    <row r="8347" spans="1:10" x14ac:dyDescent="0.35">
      <c r="A8347" s="1" t="s">
        <v>32054</v>
      </c>
      <c r="B8347" s="1" t="s">
        <v>30194</v>
      </c>
      <c r="C8347" s="1" t="s">
        <v>155</v>
      </c>
      <c r="D8347" s="1" t="s">
        <v>30651</v>
      </c>
      <c r="E8347" s="1" t="s">
        <v>32156</v>
      </c>
      <c r="F8347" s="1" t="s">
        <v>32157</v>
      </c>
      <c r="G8347" s="1" t="s">
        <v>32058</v>
      </c>
      <c r="H8347" s="1" t="s">
        <v>32059</v>
      </c>
      <c r="I8347" s="1" t="s">
        <v>30200</v>
      </c>
      <c r="J8347" s="1" t="s">
        <v>32158</v>
      </c>
    </row>
    <row r="8348" spans="1:10" x14ac:dyDescent="0.35">
      <c r="A8348" s="1" t="s">
        <v>32054</v>
      </c>
      <c r="B8348" s="1" t="s">
        <v>30194</v>
      </c>
      <c r="C8348" s="1" t="s">
        <v>160</v>
      </c>
      <c r="D8348" s="1" t="s">
        <v>32159</v>
      </c>
      <c r="E8348" s="1" t="s">
        <v>32160</v>
      </c>
      <c r="F8348" s="1" t="s">
        <v>32161</v>
      </c>
      <c r="G8348" s="1" t="s">
        <v>32058</v>
      </c>
      <c r="H8348" s="1" t="s">
        <v>32059</v>
      </c>
      <c r="I8348" s="1" t="s">
        <v>30200</v>
      </c>
      <c r="J8348" s="1" t="s">
        <v>32162</v>
      </c>
    </row>
    <row r="8349" spans="1:10" x14ac:dyDescent="0.35">
      <c r="A8349" s="1" t="s">
        <v>32054</v>
      </c>
      <c r="B8349" s="1" t="s">
        <v>30194</v>
      </c>
      <c r="C8349" s="1" t="s">
        <v>165</v>
      </c>
      <c r="D8349" s="1" t="s">
        <v>32163</v>
      </c>
      <c r="E8349" s="1" t="s">
        <v>16109</v>
      </c>
      <c r="F8349" s="1" t="s">
        <v>32164</v>
      </c>
      <c r="G8349" s="1" t="s">
        <v>32058</v>
      </c>
      <c r="H8349" s="1" t="s">
        <v>32059</v>
      </c>
      <c r="I8349" s="1" t="s">
        <v>30200</v>
      </c>
      <c r="J8349" s="1" t="s">
        <v>32165</v>
      </c>
    </row>
    <row r="8350" spans="1:10" x14ac:dyDescent="0.35">
      <c r="A8350" s="1" t="s">
        <v>32054</v>
      </c>
      <c r="B8350" s="1" t="s">
        <v>30194</v>
      </c>
      <c r="C8350" s="1" t="s">
        <v>170</v>
      </c>
      <c r="D8350" s="1" t="s">
        <v>32166</v>
      </c>
      <c r="E8350" s="1" t="s">
        <v>32167</v>
      </c>
      <c r="F8350" s="1" t="s">
        <v>32168</v>
      </c>
      <c r="G8350" s="1" t="s">
        <v>32058</v>
      </c>
      <c r="H8350" s="1" t="s">
        <v>32059</v>
      </c>
      <c r="I8350" s="1" t="s">
        <v>30200</v>
      </c>
      <c r="J8350" s="1" t="s">
        <v>32169</v>
      </c>
    </row>
    <row r="8351" spans="1:10" x14ac:dyDescent="0.35">
      <c r="A8351" s="1" t="s">
        <v>32170</v>
      </c>
      <c r="B8351" s="1" t="s">
        <v>30194</v>
      </c>
      <c r="C8351" s="1" t="s">
        <v>8</v>
      </c>
      <c r="D8351" s="1" t="s">
        <v>15663</v>
      </c>
      <c r="E8351" s="1" t="s">
        <v>32171</v>
      </c>
      <c r="F8351" s="1" t="s">
        <v>32172</v>
      </c>
      <c r="G8351" s="1" t="s">
        <v>32173</v>
      </c>
      <c r="H8351" s="1" t="s">
        <v>32174</v>
      </c>
      <c r="I8351" s="1" t="s">
        <v>30200</v>
      </c>
      <c r="J8351" s="1" t="s">
        <v>13</v>
      </c>
    </row>
    <row r="8352" spans="1:10" x14ac:dyDescent="0.35">
      <c r="A8352" s="1" t="s">
        <v>32170</v>
      </c>
      <c r="B8352" s="1" t="s">
        <v>30194</v>
      </c>
      <c r="C8352" s="1" t="s">
        <v>15</v>
      </c>
      <c r="D8352" s="1" t="s">
        <v>32175</v>
      </c>
      <c r="E8352" s="1" t="s">
        <v>32176</v>
      </c>
      <c r="F8352" s="1" t="s">
        <v>32177</v>
      </c>
      <c r="G8352" s="1" t="s">
        <v>32173</v>
      </c>
      <c r="H8352" s="1" t="s">
        <v>32174</v>
      </c>
      <c r="I8352" s="1" t="s">
        <v>30200</v>
      </c>
      <c r="J8352" s="1" t="s">
        <v>32178</v>
      </c>
    </row>
    <row r="8353" spans="1:10" x14ac:dyDescent="0.35">
      <c r="A8353" s="1" t="s">
        <v>32170</v>
      </c>
      <c r="B8353" s="1" t="s">
        <v>30194</v>
      </c>
      <c r="C8353" s="1" t="s">
        <v>20</v>
      </c>
      <c r="D8353" s="1" t="s">
        <v>32179</v>
      </c>
      <c r="E8353" s="1" t="s">
        <v>32180</v>
      </c>
      <c r="F8353" s="1" t="s">
        <v>32181</v>
      </c>
      <c r="G8353" s="1" t="s">
        <v>32173</v>
      </c>
      <c r="H8353" s="1" t="s">
        <v>32174</v>
      </c>
      <c r="I8353" s="1" t="s">
        <v>30200</v>
      </c>
      <c r="J8353" s="1" t="s">
        <v>32182</v>
      </c>
    </row>
    <row r="8354" spans="1:10" x14ac:dyDescent="0.35">
      <c r="A8354" s="1" t="s">
        <v>32170</v>
      </c>
      <c r="B8354" s="1" t="s">
        <v>30194</v>
      </c>
      <c r="C8354" s="1" t="s">
        <v>25</v>
      </c>
      <c r="D8354" s="1" t="s">
        <v>30514</v>
      </c>
      <c r="E8354" s="1" t="s">
        <v>32183</v>
      </c>
      <c r="F8354" s="1" t="s">
        <v>32184</v>
      </c>
      <c r="G8354" s="1" t="s">
        <v>32173</v>
      </c>
      <c r="H8354" s="1" t="s">
        <v>32174</v>
      </c>
      <c r="I8354" s="1" t="s">
        <v>30200</v>
      </c>
      <c r="J8354" s="1" t="s">
        <v>32185</v>
      </c>
    </row>
    <row r="8355" spans="1:10" x14ac:dyDescent="0.35">
      <c r="A8355" s="1" t="s">
        <v>32170</v>
      </c>
      <c r="B8355" s="1" t="s">
        <v>30194</v>
      </c>
      <c r="C8355" s="1" t="s">
        <v>30</v>
      </c>
      <c r="D8355" s="1" t="s">
        <v>19826</v>
      </c>
      <c r="E8355" s="1" t="s">
        <v>32186</v>
      </c>
      <c r="F8355" s="1" t="s">
        <v>32187</v>
      </c>
      <c r="G8355" s="1" t="s">
        <v>32173</v>
      </c>
      <c r="H8355" s="1" t="s">
        <v>32174</v>
      </c>
      <c r="I8355" s="1" t="s">
        <v>30200</v>
      </c>
      <c r="J8355" s="1" t="s">
        <v>32188</v>
      </c>
    </row>
    <row r="8356" spans="1:10" x14ac:dyDescent="0.35">
      <c r="A8356" s="1" t="s">
        <v>32170</v>
      </c>
      <c r="B8356" s="1" t="s">
        <v>30194</v>
      </c>
      <c r="C8356" s="1" t="s">
        <v>35</v>
      </c>
      <c r="D8356" s="1" t="s">
        <v>32189</v>
      </c>
      <c r="E8356" s="1" t="s">
        <v>32190</v>
      </c>
      <c r="F8356" s="1" t="s">
        <v>32191</v>
      </c>
      <c r="G8356" s="1" t="s">
        <v>32173</v>
      </c>
      <c r="H8356" s="1" t="s">
        <v>32174</v>
      </c>
      <c r="I8356" s="1" t="s">
        <v>30200</v>
      </c>
      <c r="J8356" s="1" t="s">
        <v>32192</v>
      </c>
    </row>
    <row r="8357" spans="1:10" x14ac:dyDescent="0.35">
      <c r="A8357" s="1" t="s">
        <v>32170</v>
      </c>
      <c r="B8357" s="1" t="s">
        <v>30194</v>
      </c>
      <c r="C8357" s="1" t="s">
        <v>40</v>
      </c>
      <c r="D8357" s="1" t="s">
        <v>32193</v>
      </c>
      <c r="E8357" s="1" t="s">
        <v>32194</v>
      </c>
      <c r="F8357" s="1" t="s">
        <v>32195</v>
      </c>
      <c r="G8357" s="1" t="s">
        <v>32173</v>
      </c>
      <c r="H8357" s="1" t="s">
        <v>32174</v>
      </c>
      <c r="I8357" s="1" t="s">
        <v>30200</v>
      </c>
      <c r="J8357" s="1" t="s">
        <v>32196</v>
      </c>
    </row>
    <row r="8358" spans="1:10" x14ac:dyDescent="0.35">
      <c r="A8358" s="1" t="s">
        <v>32170</v>
      </c>
      <c r="B8358" s="1" t="s">
        <v>30194</v>
      </c>
      <c r="C8358" s="1" t="s">
        <v>45</v>
      </c>
      <c r="D8358" s="1" t="s">
        <v>32197</v>
      </c>
      <c r="E8358" s="1" t="s">
        <v>32198</v>
      </c>
      <c r="F8358" s="1" t="s">
        <v>32199</v>
      </c>
      <c r="G8358" s="1" t="s">
        <v>32173</v>
      </c>
      <c r="H8358" s="1" t="s">
        <v>32174</v>
      </c>
      <c r="I8358" s="1" t="s">
        <v>30200</v>
      </c>
      <c r="J8358" s="1" t="s">
        <v>32200</v>
      </c>
    </row>
    <row r="8359" spans="1:10" x14ac:dyDescent="0.35">
      <c r="A8359" s="1" t="s">
        <v>32170</v>
      </c>
      <c r="B8359" s="1" t="s">
        <v>30194</v>
      </c>
      <c r="C8359" s="1" t="s">
        <v>50</v>
      </c>
      <c r="D8359" s="1" t="s">
        <v>32201</v>
      </c>
      <c r="E8359" s="1" t="s">
        <v>32202</v>
      </c>
      <c r="F8359" s="1" t="s">
        <v>32203</v>
      </c>
      <c r="G8359" s="1" t="s">
        <v>32173</v>
      </c>
      <c r="H8359" s="1" t="s">
        <v>32174</v>
      </c>
      <c r="I8359" s="1" t="s">
        <v>30200</v>
      </c>
      <c r="J8359" s="1" t="s">
        <v>32204</v>
      </c>
    </row>
    <row r="8360" spans="1:10" x14ac:dyDescent="0.35">
      <c r="A8360" s="1" t="s">
        <v>32170</v>
      </c>
      <c r="B8360" s="1" t="s">
        <v>30194</v>
      </c>
      <c r="C8360" s="1" t="s">
        <v>55</v>
      </c>
      <c r="D8360" s="1" t="s">
        <v>32205</v>
      </c>
      <c r="E8360" s="1" t="s">
        <v>32206</v>
      </c>
      <c r="F8360" s="1" t="s">
        <v>32207</v>
      </c>
      <c r="G8360" s="1" t="s">
        <v>32173</v>
      </c>
      <c r="H8360" s="1" t="s">
        <v>32174</v>
      </c>
      <c r="I8360" s="1" t="s">
        <v>30200</v>
      </c>
      <c r="J8360" s="1" t="s">
        <v>32208</v>
      </c>
    </row>
    <row r="8361" spans="1:10" x14ac:dyDescent="0.35">
      <c r="A8361" s="1" t="s">
        <v>32170</v>
      </c>
      <c r="B8361" s="1" t="s">
        <v>30194</v>
      </c>
      <c r="C8361" s="1" t="s">
        <v>60</v>
      </c>
      <c r="D8361" s="1" t="s">
        <v>32209</v>
      </c>
      <c r="E8361" s="1" t="s">
        <v>32210</v>
      </c>
      <c r="F8361" s="1" t="s">
        <v>32211</v>
      </c>
      <c r="G8361" s="1" t="s">
        <v>32173</v>
      </c>
      <c r="H8361" s="1" t="s">
        <v>32174</v>
      </c>
      <c r="I8361" s="1" t="s">
        <v>30200</v>
      </c>
      <c r="J8361" s="1" t="s">
        <v>32212</v>
      </c>
    </row>
    <row r="8362" spans="1:10" x14ac:dyDescent="0.35">
      <c r="A8362" s="1" t="s">
        <v>32170</v>
      </c>
      <c r="B8362" s="1" t="s">
        <v>30194</v>
      </c>
      <c r="C8362" s="1" t="s">
        <v>65</v>
      </c>
      <c r="D8362" s="1" t="s">
        <v>32213</v>
      </c>
      <c r="E8362" s="1" t="s">
        <v>32214</v>
      </c>
      <c r="F8362" s="1" t="s">
        <v>32215</v>
      </c>
      <c r="G8362" s="1" t="s">
        <v>32173</v>
      </c>
      <c r="H8362" s="1" t="s">
        <v>32174</v>
      </c>
      <c r="I8362" s="1" t="s">
        <v>30200</v>
      </c>
      <c r="J8362" s="1" t="s">
        <v>32216</v>
      </c>
    </row>
    <row r="8363" spans="1:10" x14ac:dyDescent="0.35">
      <c r="A8363" s="1" t="s">
        <v>32170</v>
      </c>
      <c r="B8363" s="1" t="s">
        <v>30194</v>
      </c>
      <c r="C8363" s="1" t="s">
        <v>70</v>
      </c>
      <c r="D8363" s="1" t="s">
        <v>32217</v>
      </c>
      <c r="E8363" s="1" t="s">
        <v>32218</v>
      </c>
      <c r="F8363" s="1" t="s">
        <v>32219</v>
      </c>
      <c r="G8363" s="1" t="s">
        <v>32173</v>
      </c>
      <c r="H8363" s="1" t="s">
        <v>32174</v>
      </c>
      <c r="I8363" s="1" t="s">
        <v>30200</v>
      </c>
      <c r="J8363" s="1" t="s">
        <v>32220</v>
      </c>
    </row>
    <row r="8364" spans="1:10" x14ac:dyDescent="0.35">
      <c r="A8364" s="1" t="s">
        <v>32170</v>
      </c>
      <c r="B8364" s="1" t="s">
        <v>30194</v>
      </c>
      <c r="C8364" s="1" t="s">
        <v>75</v>
      </c>
      <c r="D8364" s="1" t="s">
        <v>30929</v>
      </c>
      <c r="E8364" s="1" t="s">
        <v>32221</v>
      </c>
      <c r="F8364" s="1" t="s">
        <v>32222</v>
      </c>
      <c r="G8364" s="1" t="s">
        <v>32173</v>
      </c>
      <c r="H8364" s="1" t="s">
        <v>32174</v>
      </c>
      <c r="I8364" s="1" t="s">
        <v>30200</v>
      </c>
      <c r="J8364" s="1" t="s">
        <v>32223</v>
      </c>
    </row>
    <row r="8365" spans="1:10" x14ac:dyDescent="0.35">
      <c r="A8365" s="1" t="s">
        <v>32170</v>
      </c>
      <c r="B8365" s="1" t="s">
        <v>30194</v>
      </c>
      <c r="C8365" s="1" t="s">
        <v>80</v>
      </c>
      <c r="D8365" s="1" t="s">
        <v>32224</v>
      </c>
      <c r="E8365" s="1" t="s">
        <v>32225</v>
      </c>
      <c r="F8365" s="1" t="s">
        <v>32226</v>
      </c>
      <c r="G8365" s="1" t="s">
        <v>32173</v>
      </c>
      <c r="H8365" s="1" t="s">
        <v>32174</v>
      </c>
      <c r="I8365" s="1" t="s">
        <v>30200</v>
      </c>
      <c r="J8365" s="1" t="s">
        <v>32227</v>
      </c>
    </row>
    <row r="8366" spans="1:10" x14ac:dyDescent="0.35">
      <c r="A8366" s="1" t="s">
        <v>32170</v>
      </c>
      <c r="B8366" s="1" t="s">
        <v>30194</v>
      </c>
      <c r="C8366" s="1" t="s">
        <v>85</v>
      </c>
      <c r="D8366" s="1" t="s">
        <v>32228</v>
      </c>
      <c r="E8366" s="1" t="s">
        <v>32229</v>
      </c>
      <c r="F8366" s="1" t="s">
        <v>32230</v>
      </c>
      <c r="G8366" s="1" t="s">
        <v>32173</v>
      </c>
      <c r="H8366" s="1" t="s">
        <v>32174</v>
      </c>
      <c r="I8366" s="1" t="s">
        <v>30200</v>
      </c>
      <c r="J8366" s="1" t="s">
        <v>32231</v>
      </c>
    </row>
    <row r="8367" spans="1:10" x14ac:dyDescent="0.35">
      <c r="A8367" s="1" t="s">
        <v>32170</v>
      </c>
      <c r="B8367" s="1" t="s">
        <v>30194</v>
      </c>
      <c r="C8367" s="1" t="s">
        <v>90</v>
      </c>
      <c r="D8367" s="1" t="s">
        <v>32232</v>
      </c>
      <c r="E8367" s="1" t="s">
        <v>32233</v>
      </c>
      <c r="F8367" s="1" t="s">
        <v>32234</v>
      </c>
      <c r="G8367" s="1" t="s">
        <v>32173</v>
      </c>
      <c r="H8367" s="1" t="s">
        <v>32174</v>
      </c>
      <c r="I8367" s="1" t="s">
        <v>30200</v>
      </c>
      <c r="J8367" s="1" t="s">
        <v>32235</v>
      </c>
    </row>
    <row r="8368" spans="1:10" x14ac:dyDescent="0.35">
      <c r="A8368" s="1" t="s">
        <v>32170</v>
      </c>
      <c r="B8368" s="1" t="s">
        <v>30194</v>
      </c>
      <c r="C8368" s="1" t="s">
        <v>95</v>
      </c>
      <c r="D8368" s="1" t="s">
        <v>32236</v>
      </c>
      <c r="E8368" s="1" t="s">
        <v>32237</v>
      </c>
      <c r="F8368" s="1" t="s">
        <v>32238</v>
      </c>
      <c r="G8368" s="1" t="s">
        <v>32173</v>
      </c>
      <c r="H8368" s="1" t="s">
        <v>32174</v>
      </c>
      <c r="I8368" s="1" t="s">
        <v>30200</v>
      </c>
      <c r="J8368" s="1" t="s">
        <v>32239</v>
      </c>
    </row>
    <row r="8369" spans="1:10" x14ac:dyDescent="0.35">
      <c r="A8369" s="1" t="s">
        <v>32170</v>
      </c>
      <c r="B8369" s="1" t="s">
        <v>30194</v>
      </c>
      <c r="C8369" s="1" t="s">
        <v>100</v>
      </c>
      <c r="D8369" s="1" t="s">
        <v>32240</v>
      </c>
      <c r="E8369" s="1" t="s">
        <v>32241</v>
      </c>
      <c r="F8369" s="1" t="s">
        <v>32242</v>
      </c>
      <c r="G8369" s="1" t="s">
        <v>32173</v>
      </c>
      <c r="H8369" s="1" t="s">
        <v>32174</v>
      </c>
      <c r="I8369" s="1" t="s">
        <v>30200</v>
      </c>
      <c r="J8369" s="1" t="s">
        <v>32243</v>
      </c>
    </row>
    <row r="8370" spans="1:10" x14ac:dyDescent="0.35">
      <c r="A8370" s="1" t="s">
        <v>32170</v>
      </c>
      <c r="B8370" s="1" t="s">
        <v>30194</v>
      </c>
      <c r="C8370" s="1" t="s">
        <v>105</v>
      </c>
      <c r="D8370" s="1" t="s">
        <v>32244</v>
      </c>
      <c r="E8370" s="1" t="s">
        <v>32245</v>
      </c>
      <c r="F8370" s="1" t="s">
        <v>32246</v>
      </c>
      <c r="G8370" s="1" t="s">
        <v>32173</v>
      </c>
      <c r="H8370" s="1" t="s">
        <v>32174</v>
      </c>
      <c r="I8370" s="1" t="s">
        <v>30200</v>
      </c>
      <c r="J8370" s="1" t="s">
        <v>32247</v>
      </c>
    </row>
    <row r="8371" spans="1:10" x14ac:dyDescent="0.35">
      <c r="A8371" s="1" t="s">
        <v>32170</v>
      </c>
      <c r="B8371" s="1" t="s">
        <v>30194</v>
      </c>
      <c r="C8371" s="1" t="s">
        <v>110</v>
      </c>
      <c r="D8371" s="1" t="s">
        <v>32248</v>
      </c>
      <c r="E8371" s="1" t="s">
        <v>32249</v>
      </c>
      <c r="F8371" s="1" t="s">
        <v>32250</v>
      </c>
      <c r="G8371" s="1" t="s">
        <v>32173</v>
      </c>
      <c r="H8371" s="1" t="s">
        <v>32174</v>
      </c>
      <c r="I8371" s="1" t="s">
        <v>30200</v>
      </c>
      <c r="J8371" s="1" t="s">
        <v>32251</v>
      </c>
    </row>
    <row r="8372" spans="1:10" x14ac:dyDescent="0.35">
      <c r="A8372" s="1" t="s">
        <v>32170</v>
      </c>
      <c r="B8372" s="1" t="s">
        <v>30194</v>
      </c>
      <c r="C8372" s="1" t="s">
        <v>115</v>
      </c>
      <c r="D8372" s="1" t="s">
        <v>32252</v>
      </c>
      <c r="E8372" s="1" t="s">
        <v>32253</v>
      </c>
      <c r="F8372" s="1" t="s">
        <v>32254</v>
      </c>
      <c r="G8372" s="1" t="s">
        <v>32173</v>
      </c>
      <c r="H8372" s="1" t="s">
        <v>32174</v>
      </c>
      <c r="I8372" s="1" t="s">
        <v>30200</v>
      </c>
      <c r="J8372" s="1" t="s">
        <v>32255</v>
      </c>
    </row>
    <row r="8373" spans="1:10" x14ac:dyDescent="0.35">
      <c r="A8373" s="1" t="s">
        <v>32170</v>
      </c>
      <c r="B8373" s="1" t="s">
        <v>30194</v>
      </c>
      <c r="C8373" s="1" t="s">
        <v>120</v>
      </c>
      <c r="D8373" s="1" t="s">
        <v>32256</v>
      </c>
      <c r="E8373" s="1" t="s">
        <v>32257</v>
      </c>
      <c r="F8373" s="1" t="s">
        <v>32258</v>
      </c>
      <c r="G8373" s="1" t="s">
        <v>32173</v>
      </c>
      <c r="H8373" s="1" t="s">
        <v>32174</v>
      </c>
      <c r="I8373" s="1" t="s">
        <v>30200</v>
      </c>
      <c r="J8373" s="1" t="s">
        <v>32259</v>
      </c>
    </row>
    <row r="8374" spans="1:10" x14ac:dyDescent="0.35">
      <c r="A8374" s="1" t="s">
        <v>32170</v>
      </c>
      <c r="B8374" s="1" t="s">
        <v>30194</v>
      </c>
      <c r="C8374" s="1" t="s">
        <v>125</v>
      </c>
      <c r="D8374" s="1" t="s">
        <v>32260</v>
      </c>
      <c r="E8374" s="1" t="s">
        <v>32261</v>
      </c>
      <c r="F8374" s="1" t="s">
        <v>32262</v>
      </c>
      <c r="G8374" s="1" t="s">
        <v>32173</v>
      </c>
      <c r="H8374" s="1" t="s">
        <v>32174</v>
      </c>
      <c r="I8374" s="1" t="s">
        <v>30200</v>
      </c>
      <c r="J8374" s="1" t="s">
        <v>32263</v>
      </c>
    </row>
    <row r="8375" spans="1:10" x14ac:dyDescent="0.35">
      <c r="A8375" s="1" t="s">
        <v>32170</v>
      </c>
      <c r="B8375" s="1" t="s">
        <v>30194</v>
      </c>
      <c r="C8375" s="1" t="s">
        <v>130</v>
      </c>
      <c r="D8375" s="1" t="s">
        <v>32264</v>
      </c>
      <c r="E8375" s="1" t="s">
        <v>32265</v>
      </c>
      <c r="F8375" s="1" t="s">
        <v>32266</v>
      </c>
      <c r="G8375" s="1" t="s">
        <v>32173</v>
      </c>
      <c r="H8375" s="1" t="s">
        <v>32174</v>
      </c>
      <c r="I8375" s="1" t="s">
        <v>30200</v>
      </c>
      <c r="J8375" s="1" t="s">
        <v>32267</v>
      </c>
    </row>
    <row r="8376" spans="1:10" x14ac:dyDescent="0.35">
      <c r="A8376" s="1" t="s">
        <v>32170</v>
      </c>
      <c r="B8376" s="1" t="s">
        <v>30194</v>
      </c>
      <c r="C8376" s="1" t="s">
        <v>135</v>
      </c>
      <c r="D8376" s="1" t="s">
        <v>32268</v>
      </c>
      <c r="E8376" s="1" t="s">
        <v>32269</v>
      </c>
      <c r="F8376" s="1" t="s">
        <v>32270</v>
      </c>
      <c r="G8376" s="1" t="s">
        <v>32173</v>
      </c>
      <c r="H8376" s="1" t="s">
        <v>32174</v>
      </c>
      <c r="I8376" s="1" t="s">
        <v>30200</v>
      </c>
      <c r="J8376" s="1" t="s">
        <v>32271</v>
      </c>
    </row>
    <row r="8377" spans="1:10" x14ac:dyDescent="0.35">
      <c r="A8377" s="1" t="s">
        <v>32170</v>
      </c>
      <c r="B8377" s="1" t="s">
        <v>30194</v>
      </c>
      <c r="C8377" s="1" t="s">
        <v>140</v>
      </c>
      <c r="D8377" s="1" t="s">
        <v>32272</v>
      </c>
      <c r="E8377" s="1" t="s">
        <v>32273</v>
      </c>
      <c r="F8377" s="1" t="s">
        <v>32274</v>
      </c>
      <c r="G8377" s="1" t="s">
        <v>32173</v>
      </c>
      <c r="H8377" s="1" t="s">
        <v>32174</v>
      </c>
      <c r="I8377" s="1" t="s">
        <v>30200</v>
      </c>
      <c r="J8377" s="1" t="s">
        <v>32275</v>
      </c>
    </row>
    <row r="8378" spans="1:10" x14ac:dyDescent="0.35">
      <c r="A8378" s="1" t="s">
        <v>32170</v>
      </c>
      <c r="B8378" s="1" t="s">
        <v>30194</v>
      </c>
      <c r="C8378" s="1" t="s">
        <v>145</v>
      </c>
      <c r="D8378" s="1" t="s">
        <v>32276</v>
      </c>
      <c r="E8378" s="1" t="s">
        <v>32277</v>
      </c>
      <c r="F8378" s="1" t="s">
        <v>32278</v>
      </c>
      <c r="G8378" s="1" t="s">
        <v>32173</v>
      </c>
      <c r="H8378" s="1" t="s">
        <v>32174</v>
      </c>
      <c r="I8378" s="1" t="s">
        <v>30200</v>
      </c>
      <c r="J8378" s="1" t="s">
        <v>32279</v>
      </c>
    </row>
    <row r="8379" spans="1:10" x14ac:dyDescent="0.35">
      <c r="A8379" s="1" t="s">
        <v>32170</v>
      </c>
      <c r="B8379" s="1" t="s">
        <v>30194</v>
      </c>
      <c r="C8379" s="1" t="s">
        <v>150</v>
      </c>
      <c r="D8379" s="1" t="s">
        <v>32280</v>
      </c>
      <c r="E8379" s="1" t="s">
        <v>32281</v>
      </c>
      <c r="F8379" s="1" t="s">
        <v>32282</v>
      </c>
      <c r="G8379" s="1" t="s">
        <v>32173</v>
      </c>
      <c r="H8379" s="1" t="s">
        <v>32174</v>
      </c>
      <c r="I8379" s="1" t="s">
        <v>30200</v>
      </c>
      <c r="J8379" s="1" t="s">
        <v>32283</v>
      </c>
    </row>
    <row r="8380" spans="1:10" x14ac:dyDescent="0.35">
      <c r="A8380" s="1" t="s">
        <v>32170</v>
      </c>
      <c r="B8380" s="1" t="s">
        <v>30194</v>
      </c>
      <c r="C8380" s="1" t="s">
        <v>155</v>
      </c>
      <c r="D8380" s="1" t="s">
        <v>32284</v>
      </c>
      <c r="E8380" s="1" t="s">
        <v>32285</v>
      </c>
      <c r="F8380" s="1" t="s">
        <v>32286</v>
      </c>
      <c r="G8380" s="1" t="s">
        <v>32173</v>
      </c>
      <c r="H8380" s="1" t="s">
        <v>32174</v>
      </c>
      <c r="I8380" s="1" t="s">
        <v>30200</v>
      </c>
      <c r="J8380" s="1" t="s">
        <v>32287</v>
      </c>
    </row>
    <row r="8381" spans="1:10" x14ac:dyDescent="0.35">
      <c r="A8381" s="1" t="s">
        <v>32170</v>
      </c>
      <c r="B8381" s="1" t="s">
        <v>30194</v>
      </c>
      <c r="C8381" s="1" t="s">
        <v>160</v>
      </c>
      <c r="D8381" s="1" t="s">
        <v>32288</v>
      </c>
      <c r="E8381" s="1" t="s">
        <v>32289</v>
      </c>
      <c r="F8381" s="1" t="s">
        <v>32290</v>
      </c>
      <c r="G8381" s="1" t="s">
        <v>32173</v>
      </c>
      <c r="H8381" s="1" t="s">
        <v>32174</v>
      </c>
      <c r="I8381" s="1" t="s">
        <v>30200</v>
      </c>
      <c r="J8381" s="1" t="s">
        <v>32291</v>
      </c>
    </row>
    <row r="8382" spans="1:10" x14ac:dyDescent="0.35">
      <c r="A8382" s="1" t="s">
        <v>32170</v>
      </c>
      <c r="B8382" s="1" t="s">
        <v>30194</v>
      </c>
      <c r="C8382" s="1" t="s">
        <v>165</v>
      </c>
      <c r="D8382" s="1" t="s">
        <v>32292</v>
      </c>
      <c r="E8382" s="1" t="s">
        <v>32293</v>
      </c>
      <c r="F8382" s="1" t="s">
        <v>32294</v>
      </c>
      <c r="G8382" s="1" t="s">
        <v>32173</v>
      </c>
      <c r="H8382" s="1" t="s">
        <v>32174</v>
      </c>
      <c r="I8382" s="1" t="s">
        <v>30200</v>
      </c>
      <c r="J8382" s="1" t="s">
        <v>32295</v>
      </c>
    </row>
    <row r="8383" spans="1:10" x14ac:dyDescent="0.35">
      <c r="A8383" s="1" t="s">
        <v>32170</v>
      </c>
      <c r="B8383" s="1" t="s">
        <v>30194</v>
      </c>
      <c r="C8383" s="1" t="s">
        <v>170</v>
      </c>
      <c r="D8383" s="1" t="s">
        <v>32296</v>
      </c>
      <c r="E8383" s="1" t="s">
        <v>32297</v>
      </c>
      <c r="F8383" s="1" t="s">
        <v>32298</v>
      </c>
      <c r="G8383" s="1" t="s">
        <v>32173</v>
      </c>
      <c r="H8383" s="1" t="s">
        <v>32174</v>
      </c>
      <c r="I8383" s="1" t="s">
        <v>30200</v>
      </c>
      <c r="J8383" s="1" t="s">
        <v>32299</v>
      </c>
    </row>
    <row r="8384" spans="1:10" x14ac:dyDescent="0.35">
      <c r="A8384" s="1" t="s">
        <v>32300</v>
      </c>
      <c r="B8384" s="1" t="s">
        <v>30194</v>
      </c>
      <c r="C8384" s="1" t="s">
        <v>8</v>
      </c>
      <c r="D8384" s="1" t="s">
        <v>32301</v>
      </c>
      <c r="E8384" s="1" t="s">
        <v>32302</v>
      </c>
      <c r="F8384" s="1" t="s">
        <v>32303</v>
      </c>
      <c r="G8384" s="1" t="s">
        <v>32304</v>
      </c>
      <c r="H8384" s="1" t="s">
        <v>32305</v>
      </c>
      <c r="I8384" s="1" t="s">
        <v>30200</v>
      </c>
      <c r="J8384" s="1" t="s">
        <v>13</v>
      </c>
    </row>
    <row r="8385" spans="1:10" x14ac:dyDescent="0.35">
      <c r="A8385" s="1" t="s">
        <v>32300</v>
      </c>
      <c r="B8385" s="1" t="s">
        <v>30194</v>
      </c>
      <c r="C8385" s="1" t="s">
        <v>15</v>
      </c>
      <c r="D8385" s="1" t="s">
        <v>32306</v>
      </c>
      <c r="E8385" s="1" t="s">
        <v>32307</v>
      </c>
      <c r="F8385" s="1" t="s">
        <v>32308</v>
      </c>
      <c r="G8385" s="1" t="s">
        <v>32304</v>
      </c>
      <c r="H8385" s="1" t="s">
        <v>32305</v>
      </c>
      <c r="I8385" s="1" t="s">
        <v>30200</v>
      </c>
      <c r="J8385" s="1" t="s">
        <v>32309</v>
      </c>
    </row>
    <row r="8386" spans="1:10" x14ac:dyDescent="0.35">
      <c r="A8386" s="1" t="s">
        <v>32300</v>
      </c>
      <c r="B8386" s="1" t="s">
        <v>30194</v>
      </c>
      <c r="C8386" s="1" t="s">
        <v>20</v>
      </c>
      <c r="D8386" s="1" t="s">
        <v>17725</v>
      </c>
      <c r="E8386" s="1" t="s">
        <v>32310</v>
      </c>
      <c r="F8386" s="1" t="s">
        <v>32311</v>
      </c>
      <c r="G8386" s="1" t="s">
        <v>32304</v>
      </c>
      <c r="H8386" s="1" t="s">
        <v>32305</v>
      </c>
      <c r="I8386" s="1" t="s">
        <v>30200</v>
      </c>
      <c r="J8386" s="1" t="s">
        <v>32312</v>
      </c>
    </row>
    <row r="8387" spans="1:10" x14ac:dyDescent="0.35">
      <c r="A8387" s="1" t="s">
        <v>32300</v>
      </c>
      <c r="B8387" s="1" t="s">
        <v>30194</v>
      </c>
      <c r="C8387" s="1" t="s">
        <v>25</v>
      </c>
      <c r="D8387" s="1" t="s">
        <v>32313</v>
      </c>
      <c r="E8387" s="1" t="s">
        <v>21822</v>
      </c>
      <c r="F8387" s="1" t="s">
        <v>32314</v>
      </c>
      <c r="G8387" s="1" t="s">
        <v>32304</v>
      </c>
      <c r="H8387" s="1" t="s">
        <v>32305</v>
      </c>
      <c r="I8387" s="1" t="s">
        <v>30200</v>
      </c>
      <c r="J8387" s="1" t="s">
        <v>32315</v>
      </c>
    </row>
    <row r="8388" spans="1:10" x14ac:dyDescent="0.35">
      <c r="A8388" s="1" t="s">
        <v>32300</v>
      </c>
      <c r="B8388" s="1" t="s">
        <v>30194</v>
      </c>
      <c r="C8388" s="1" t="s">
        <v>30</v>
      </c>
      <c r="D8388" s="1" t="s">
        <v>32316</v>
      </c>
      <c r="E8388" s="1" t="s">
        <v>32317</v>
      </c>
      <c r="F8388" s="1" t="s">
        <v>32318</v>
      </c>
      <c r="G8388" s="1" t="s">
        <v>32304</v>
      </c>
      <c r="H8388" s="1" t="s">
        <v>32305</v>
      </c>
      <c r="I8388" s="1" t="s">
        <v>30200</v>
      </c>
      <c r="J8388" s="1" t="s">
        <v>32319</v>
      </c>
    </row>
    <row r="8389" spans="1:10" x14ac:dyDescent="0.35">
      <c r="A8389" s="1" t="s">
        <v>32300</v>
      </c>
      <c r="B8389" s="1" t="s">
        <v>30194</v>
      </c>
      <c r="C8389" s="1" t="s">
        <v>35</v>
      </c>
      <c r="D8389" s="1" t="s">
        <v>17749</v>
      </c>
      <c r="E8389" s="1" t="s">
        <v>32320</v>
      </c>
      <c r="F8389" s="1" t="s">
        <v>32321</v>
      </c>
      <c r="G8389" s="1" t="s">
        <v>32304</v>
      </c>
      <c r="H8389" s="1" t="s">
        <v>32305</v>
      </c>
      <c r="I8389" s="1" t="s">
        <v>30200</v>
      </c>
      <c r="J8389" s="1" t="s">
        <v>32322</v>
      </c>
    </row>
    <row r="8390" spans="1:10" x14ac:dyDescent="0.35">
      <c r="A8390" s="1" t="s">
        <v>32300</v>
      </c>
      <c r="B8390" s="1" t="s">
        <v>30194</v>
      </c>
      <c r="C8390" s="1" t="s">
        <v>40</v>
      </c>
      <c r="D8390" s="1" t="s">
        <v>18558</v>
      </c>
      <c r="E8390" s="1" t="s">
        <v>32323</v>
      </c>
      <c r="F8390" s="1" t="s">
        <v>32324</v>
      </c>
      <c r="G8390" s="1" t="s">
        <v>32304</v>
      </c>
      <c r="H8390" s="1" t="s">
        <v>32305</v>
      </c>
      <c r="I8390" s="1" t="s">
        <v>30200</v>
      </c>
      <c r="J8390" s="1" t="s">
        <v>32325</v>
      </c>
    </row>
    <row r="8391" spans="1:10" x14ac:dyDescent="0.35">
      <c r="A8391" s="1" t="s">
        <v>32300</v>
      </c>
      <c r="B8391" s="1" t="s">
        <v>30194</v>
      </c>
      <c r="C8391" s="1" t="s">
        <v>45</v>
      </c>
      <c r="D8391" s="1" t="s">
        <v>32326</v>
      </c>
      <c r="E8391" s="1" t="s">
        <v>21190</v>
      </c>
      <c r="F8391" s="1" t="s">
        <v>31525</v>
      </c>
      <c r="G8391" s="1" t="s">
        <v>32304</v>
      </c>
      <c r="H8391" s="1" t="s">
        <v>32305</v>
      </c>
      <c r="I8391" s="1" t="s">
        <v>30200</v>
      </c>
      <c r="J8391" s="1" t="s">
        <v>32327</v>
      </c>
    </row>
    <row r="8392" spans="1:10" x14ac:dyDescent="0.35">
      <c r="A8392" s="1" t="s">
        <v>32300</v>
      </c>
      <c r="B8392" s="1" t="s">
        <v>30194</v>
      </c>
      <c r="C8392" s="1" t="s">
        <v>50</v>
      </c>
      <c r="D8392" s="1" t="s">
        <v>32328</v>
      </c>
      <c r="E8392" s="1" t="s">
        <v>32329</v>
      </c>
      <c r="F8392" s="1" t="s">
        <v>32330</v>
      </c>
      <c r="G8392" s="1" t="s">
        <v>32304</v>
      </c>
      <c r="H8392" s="1" t="s">
        <v>32305</v>
      </c>
      <c r="I8392" s="1" t="s">
        <v>30200</v>
      </c>
      <c r="J8392" s="1" t="s">
        <v>32331</v>
      </c>
    </row>
    <row r="8393" spans="1:10" x14ac:dyDescent="0.35">
      <c r="A8393" s="1" t="s">
        <v>32300</v>
      </c>
      <c r="B8393" s="1" t="s">
        <v>30194</v>
      </c>
      <c r="C8393" s="1" t="s">
        <v>55</v>
      </c>
      <c r="D8393" s="1" t="s">
        <v>32332</v>
      </c>
      <c r="E8393" s="1" t="s">
        <v>32333</v>
      </c>
      <c r="F8393" s="1" t="s">
        <v>32334</v>
      </c>
      <c r="G8393" s="1" t="s">
        <v>32304</v>
      </c>
      <c r="H8393" s="1" t="s">
        <v>32305</v>
      </c>
      <c r="I8393" s="1" t="s">
        <v>30200</v>
      </c>
      <c r="J8393" s="1" t="s">
        <v>32335</v>
      </c>
    </row>
    <row r="8394" spans="1:10" x14ac:dyDescent="0.35">
      <c r="A8394" s="1" t="s">
        <v>32300</v>
      </c>
      <c r="B8394" s="1" t="s">
        <v>30194</v>
      </c>
      <c r="C8394" s="1" t="s">
        <v>60</v>
      </c>
      <c r="D8394" s="1" t="s">
        <v>32336</v>
      </c>
      <c r="E8394" s="1" t="s">
        <v>15278</v>
      </c>
      <c r="F8394" s="1" t="s">
        <v>32337</v>
      </c>
      <c r="G8394" s="1" t="s">
        <v>32304</v>
      </c>
      <c r="H8394" s="1" t="s">
        <v>32305</v>
      </c>
      <c r="I8394" s="1" t="s">
        <v>30200</v>
      </c>
      <c r="J8394" s="1" t="s">
        <v>32338</v>
      </c>
    </row>
    <row r="8395" spans="1:10" x14ac:dyDescent="0.35">
      <c r="A8395" s="1" t="s">
        <v>32300</v>
      </c>
      <c r="B8395" s="1" t="s">
        <v>30194</v>
      </c>
      <c r="C8395" s="1" t="s">
        <v>65</v>
      </c>
      <c r="D8395" s="1" t="s">
        <v>32339</v>
      </c>
      <c r="E8395" s="1" t="s">
        <v>32340</v>
      </c>
      <c r="F8395" s="1" t="s">
        <v>32341</v>
      </c>
      <c r="G8395" s="1" t="s">
        <v>32304</v>
      </c>
      <c r="H8395" s="1" t="s">
        <v>32305</v>
      </c>
      <c r="I8395" s="1" t="s">
        <v>30200</v>
      </c>
      <c r="J8395" s="1" t="s">
        <v>32342</v>
      </c>
    </row>
    <row r="8396" spans="1:10" x14ac:dyDescent="0.35">
      <c r="A8396" s="1" t="s">
        <v>32300</v>
      </c>
      <c r="B8396" s="1" t="s">
        <v>30194</v>
      </c>
      <c r="C8396" s="1" t="s">
        <v>70</v>
      </c>
      <c r="D8396" s="1" t="s">
        <v>32343</v>
      </c>
      <c r="E8396" s="1" t="s">
        <v>32344</v>
      </c>
      <c r="F8396" s="1" t="s">
        <v>32345</v>
      </c>
      <c r="G8396" s="1" t="s">
        <v>32304</v>
      </c>
      <c r="H8396" s="1" t="s">
        <v>32305</v>
      </c>
      <c r="I8396" s="1" t="s">
        <v>30200</v>
      </c>
      <c r="J8396" s="1" t="s">
        <v>32346</v>
      </c>
    </row>
    <row r="8397" spans="1:10" x14ac:dyDescent="0.35">
      <c r="A8397" s="1" t="s">
        <v>32300</v>
      </c>
      <c r="B8397" s="1" t="s">
        <v>30194</v>
      </c>
      <c r="C8397" s="1" t="s">
        <v>75</v>
      </c>
      <c r="D8397" s="1" t="s">
        <v>11290</v>
      </c>
      <c r="E8397" s="1" t="s">
        <v>32347</v>
      </c>
      <c r="F8397" s="1" t="s">
        <v>32348</v>
      </c>
      <c r="G8397" s="1" t="s">
        <v>32304</v>
      </c>
      <c r="H8397" s="1" t="s">
        <v>32305</v>
      </c>
      <c r="I8397" s="1" t="s">
        <v>30200</v>
      </c>
      <c r="J8397" s="1" t="s">
        <v>32349</v>
      </c>
    </row>
    <row r="8398" spans="1:10" x14ac:dyDescent="0.35">
      <c r="A8398" s="1" t="s">
        <v>32300</v>
      </c>
      <c r="B8398" s="1" t="s">
        <v>30194</v>
      </c>
      <c r="C8398" s="1" t="s">
        <v>80</v>
      </c>
      <c r="D8398" s="1" t="s">
        <v>32350</v>
      </c>
      <c r="E8398" s="1" t="s">
        <v>32351</v>
      </c>
      <c r="F8398" s="1" t="s">
        <v>32352</v>
      </c>
      <c r="G8398" s="1" t="s">
        <v>32304</v>
      </c>
      <c r="H8398" s="1" t="s">
        <v>32305</v>
      </c>
      <c r="I8398" s="1" t="s">
        <v>30200</v>
      </c>
      <c r="J8398" s="1" t="s">
        <v>32353</v>
      </c>
    </row>
    <row r="8399" spans="1:10" x14ac:dyDescent="0.35">
      <c r="A8399" s="1" t="s">
        <v>32300</v>
      </c>
      <c r="B8399" s="1" t="s">
        <v>30194</v>
      </c>
      <c r="C8399" s="1" t="s">
        <v>85</v>
      </c>
      <c r="D8399" s="1" t="s">
        <v>32354</v>
      </c>
      <c r="E8399" s="1" t="s">
        <v>32355</v>
      </c>
      <c r="F8399" s="1" t="s">
        <v>32356</v>
      </c>
      <c r="G8399" s="1" t="s">
        <v>32304</v>
      </c>
      <c r="H8399" s="1" t="s">
        <v>32305</v>
      </c>
      <c r="I8399" s="1" t="s">
        <v>30200</v>
      </c>
      <c r="J8399" s="1" t="s">
        <v>32357</v>
      </c>
    </row>
    <row r="8400" spans="1:10" x14ac:dyDescent="0.35">
      <c r="A8400" s="1" t="s">
        <v>32300</v>
      </c>
      <c r="B8400" s="1" t="s">
        <v>30194</v>
      </c>
      <c r="C8400" s="1" t="s">
        <v>90</v>
      </c>
      <c r="D8400" s="1" t="s">
        <v>32358</v>
      </c>
      <c r="E8400" s="1" t="s">
        <v>32359</v>
      </c>
      <c r="F8400" s="1" t="s">
        <v>32360</v>
      </c>
      <c r="G8400" s="1" t="s">
        <v>32304</v>
      </c>
      <c r="H8400" s="1" t="s">
        <v>32305</v>
      </c>
      <c r="I8400" s="1" t="s">
        <v>30200</v>
      </c>
      <c r="J8400" s="1" t="s">
        <v>32361</v>
      </c>
    </row>
    <row r="8401" spans="1:10" x14ac:dyDescent="0.35">
      <c r="A8401" s="1" t="s">
        <v>32300</v>
      </c>
      <c r="B8401" s="1" t="s">
        <v>30194</v>
      </c>
      <c r="C8401" s="1" t="s">
        <v>95</v>
      </c>
      <c r="D8401" s="1" t="s">
        <v>32362</v>
      </c>
      <c r="E8401" s="1" t="s">
        <v>23521</v>
      </c>
      <c r="F8401" s="1" t="s">
        <v>26661</v>
      </c>
      <c r="G8401" s="1" t="s">
        <v>32304</v>
      </c>
      <c r="H8401" s="1" t="s">
        <v>32305</v>
      </c>
      <c r="I8401" s="1" t="s">
        <v>30200</v>
      </c>
      <c r="J8401" s="1" t="s">
        <v>32363</v>
      </c>
    </row>
    <row r="8402" spans="1:10" x14ac:dyDescent="0.35">
      <c r="A8402" s="1" t="s">
        <v>32300</v>
      </c>
      <c r="B8402" s="1" t="s">
        <v>30194</v>
      </c>
      <c r="C8402" s="1" t="s">
        <v>100</v>
      </c>
      <c r="D8402" s="1" t="s">
        <v>32364</v>
      </c>
      <c r="E8402" s="1" t="s">
        <v>32365</v>
      </c>
      <c r="F8402" s="1" t="s">
        <v>32366</v>
      </c>
      <c r="G8402" s="1" t="s">
        <v>32304</v>
      </c>
      <c r="H8402" s="1" t="s">
        <v>32305</v>
      </c>
      <c r="I8402" s="1" t="s">
        <v>30200</v>
      </c>
      <c r="J8402" s="1" t="s">
        <v>32367</v>
      </c>
    </row>
    <row r="8403" spans="1:10" x14ac:dyDescent="0.35">
      <c r="A8403" s="1" t="s">
        <v>32300</v>
      </c>
      <c r="B8403" s="1" t="s">
        <v>30194</v>
      </c>
      <c r="C8403" s="1" t="s">
        <v>105</v>
      </c>
      <c r="D8403" s="1" t="s">
        <v>26491</v>
      </c>
      <c r="E8403" s="1" t="s">
        <v>32368</v>
      </c>
      <c r="F8403" s="1" t="s">
        <v>32369</v>
      </c>
      <c r="G8403" s="1" t="s">
        <v>32304</v>
      </c>
      <c r="H8403" s="1" t="s">
        <v>32305</v>
      </c>
      <c r="I8403" s="1" t="s">
        <v>30200</v>
      </c>
      <c r="J8403" s="1" t="s">
        <v>32370</v>
      </c>
    </row>
    <row r="8404" spans="1:10" x14ac:dyDescent="0.35">
      <c r="A8404" s="1" t="s">
        <v>32300</v>
      </c>
      <c r="B8404" s="1" t="s">
        <v>30194</v>
      </c>
      <c r="C8404" s="1" t="s">
        <v>110</v>
      </c>
      <c r="D8404" s="1" t="s">
        <v>32371</v>
      </c>
      <c r="E8404" s="1" t="s">
        <v>32372</v>
      </c>
      <c r="F8404" s="1" t="s">
        <v>32373</v>
      </c>
      <c r="G8404" s="1" t="s">
        <v>32304</v>
      </c>
      <c r="H8404" s="1" t="s">
        <v>32305</v>
      </c>
      <c r="I8404" s="1" t="s">
        <v>30200</v>
      </c>
      <c r="J8404" s="1" t="s">
        <v>32374</v>
      </c>
    </row>
    <row r="8405" spans="1:10" x14ac:dyDescent="0.35">
      <c r="A8405" s="1" t="s">
        <v>32300</v>
      </c>
      <c r="B8405" s="1" t="s">
        <v>30194</v>
      </c>
      <c r="C8405" s="1" t="s">
        <v>115</v>
      </c>
      <c r="D8405" s="1" t="s">
        <v>32375</v>
      </c>
      <c r="E8405" s="1" t="s">
        <v>32376</v>
      </c>
      <c r="F8405" s="1" t="s">
        <v>32377</v>
      </c>
      <c r="G8405" s="1" t="s">
        <v>32304</v>
      </c>
      <c r="H8405" s="1" t="s">
        <v>32305</v>
      </c>
      <c r="I8405" s="1" t="s">
        <v>30200</v>
      </c>
      <c r="J8405" s="1" t="s">
        <v>32378</v>
      </c>
    </row>
    <row r="8406" spans="1:10" x14ac:dyDescent="0.35">
      <c r="A8406" s="1" t="s">
        <v>32300</v>
      </c>
      <c r="B8406" s="1" t="s">
        <v>30194</v>
      </c>
      <c r="C8406" s="1" t="s">
        <v>120</v>
      </c>
      <c r="D8406" s="1" t="s">
        <v>32379</v>
      </c>
      <c r="E8406" s="1" t="s">
        <v>32380</v>
      </c>
      <c r="F8406" s="1" t="s">
        <v>32381</v>
      </c>
      <c r="G8406" s="1" t="s">
        <v>32304</v>
      </c>
      <c r="H8406" s="1" t="s">
        <v>32305</v>
      </c>
      <c r="I8406" s="1" t="s">
        <v>30200</v>
      </c>
      <c r="J8406" s="1" t="s">
        <v>32382</v>
      </c>
    </row>
    <row r="8407" spans="1:10" x14ac:dyDescent="0.35">
      <c r="A8407" s="1" t="s">
        <v>32300</v>
      </c>
      <c r="B8407" s="1" t="s">
        <v>30194</v>
      </c>
      <c r="C8407" s="1" t="s">
        <v>125</v>
      </c>
      <c r="D8407" s="1" t="s">
        <v>32383</v>
      </c>
      <c r="E8407" s="1" t="s">
        <v>32384</v>
      </c>
      <c r="F8407" s="1" t="s">
        <v>32385</v>
      </c>
      <c r="G8407" s="1" t="s">
        <v>32304</v>
      </c>
      <c r="H8407" s="1" t="s">
        <v>32305</v>
      </c>
      <c r="I8407" s="1" t="s">
        <v>30200</v>
      </c>
      <c r="J8407" s="1" t="s">
        <v>32386</v>
      </c>
    </row>
    <row r="8408" spans="1:10" x14ac:dyDescent="0.35">
      <c r="A8408" s="1" t="s">
        <v>32300</v>
      </c>
      <c r="B8408" s="1" t="s">
        <v>30194</v>
      </c>
      <c r="C8408" s="1" t="s">
        <v>130</v>
      </c>
      <c r="D8408" s="1" t="s">
        <v>32387</v>
      </c>
      <c r="E8408" s="1" t="s">
        <v>26269</v>
      </c>
      <c r="F8408" s="1" t="s">
        <v>32388</v>
      </c>
      <c r="G8408" s="1" t="s">
        <v>32304</v>
      </c>
      <c r="H8408" s="1" t="s">
        <v>32305</v>
      </c>
      <c r="I8408" s="1" t="s">
        <v>30200</v>
      </c>
      <c r="J8408" s="1" t="s">
        <v>32389</v>
      </c>
    </row>
    <row r="8409" spans="1:10" x14ac:dyDescent="0.35">
      <c r="A8409" s="1" t="s">
        <v>32300</v>
      </c>
      <c r="B8409" s="1" t="s">
        <v>30194</v>
      </c>
      <c r="C8409" s="1" t="s">
        <v>135</v>
      </c>
      <c r="D8409" s="1" t="s">
        <v>32390</v>
      </c>
      <c r="E8409" s="1" t="s">
        <v>21974</v>
      </c>
      <c r="F8409" s="1" t="s">
        <v>32391</v>
      </c>
      <c r="G8409" s="1" t="s">
        <v>32304</v>
      </c>
      <c r="H8409" s="1" t="s">
        <v>32305</v>
      </c>
      <c r="I8409" s="1" t="s">
        <v>30200</v>
      </c>
      <c r="J8409" s="1" t="s">
        <v>32392</v>
      </c>
    </row>
    <row r="8410" spans="1:10" x14ac:dyDescent="0.35">
      <c r="A8410" s="1" t="s">
        <v>32300</v>
      </c>
      <c r="B8410" s="1" t="s">
        <v>30194</v>
      </c>
      <c r="C8410" s="1" t="s">
        <v>140</v>
      </c>
      <c r="D8410" s="1" t="s">
        <v>32393</v>
      </c>
      <c r="E8410" s="1" t="s">
        <v>23176</v>
      </c>
      <c r="F8410" s="1" t="s">
        <v>32394</v>
      </c>
      <c r="G8410" s="1" t="s">
        <v>32304</v>
      </c>
      <c r="H8410" s="1" t="s">
        <v>32305</v>
      </c>
      <c r="I8410" s="1" t="s">
        <v>30200</v>
      </c>
      <c r="J8410" s="1" t="s">
        <v>32395</v>
      </c>
    </row>
    <row r="8411" spans="1:10" x14ac:dyDescent="0.35">
      <c r="A8411" s="1" t="s">
        <v>32300</v>
      </c>
      <c r="B8411" s="1" t="s">
        <v>30194</v>
      </c>
      <c r="C8411" s="1" t="s">
        <v>145</v>
      </c>
      <c r="D8411" s="1" t="s">
        <v>26060</v>
      </c>
      <c r="E8411" s="1" t="s">
        <v>26576</v>
      </c>
      <c r="F8411" s="1" t="s">
        <v>32396</v>
      </c>
      <c r="G8411" s="1" t="s">
        <v>32304</v>
      </c>
      <c r="H8411" s="1" t="s">
        <v>32305</v>
      </c>
      <c r="I8411" s="1" t="s">
        <v>30200</v>
      </c>
      <c r="J8411" s="1" t="s">
        <v>32397</v>
      </c>
    </row>
    <row r="8412" spans="1:10" x14ac:dyDescent="0.35">
      <c r="A8412" s="1" t="s">
        <v>32300</v>
      </c>
      <c r="B8412" s="1" t="s">
        <v>30194</v>
      </c>
      <c r="C8412" s="1" t="s">
        <v>150</v>
      </c>
      <c r="D8412" s="1" t="s">
        <v>32398</v>
      </c>
      <c r="E8412" s="1" t="s">
        <v>15576</v>
      </c>
      <c r="F8412" s="1" t="s">
        <v>32399</v>
      </c>
      <c r="G8412" s="1" t="s">
        <v>32304</v>
      </c>
      <c r="H8412" s="1" t="s">
        <v>32305</v>
      </c>
      <c r="I8412" s="1" t="s">
        <v>30200</v>
      </c>
      <c r="J8412" s="1" t="s">
        <v>32400</v>
      </c>
    </row>
    <row r="8413" spans="1:10" x14ac:dyDescent="0.35">
      <c r="A8413" s="1" t="s">
        <v>32300</v>
      </c>
      <c r="B8413" s="1" t="s">
        <v>30194</v>
      </c>
      <c r="C8413" s="1" t="s">
        <v>155</v>
      </c>
      <c r="D8413" s="1" t="s">
        <v>32401</v>
      </c>
      <c r="E8413" s="1" t="s">
        <v>23252</v>
      </c>
      <c r="F8413" s="1" t="s">
        <v>32402</v>
      </c>
      <c r="G8413" s="1" t="s">
        <v>32304</v>
      </c>
      <c r="H8413" s="1" t="s">
        <v>32305</v>
      </c>
      <c r="I8413" s="1" t="s">
        <v>30200</v>
      </c>
      <c r="J8413" s="1" t="s">
        <v>32403</v>
      </c>
    </row>
    <row r="8414" spans="1:10" x14ac:dyDescent="0.35">
      <c r="A8414" s="1" t="s">
        <v>32300</v>
      </c>
      <c r="B8414" s="1" t="s">
        <v>30194</v>
      </c>
      <c r="C8414" s="1" t="s">
        <v>160</v>
      </c>
      <c r="D8414" s="1" t="s">
        <v>32404</v>
      </c>
      <c r="E8414" s="1" t="s">
        <v>26556</v>
      </c>
      <c r="F8414" s="1" t="s">
        <v>31511</v>
      </c>
      <c r="G8414" s="1" t="s">
        <v>32304</v>
      </c>
      <c r="H8414" s="1" t="s">
        <v>32305</v>
      </c>
      <c r="I8414" s="1" t="s">
        <v>30200</v>
      </c>
      <c r="J8414" s="1" t="s">
        <v>32405</v>
      </c>
    </row>
    <row r="8415" spans="1:10" x14ac:dyDescent="0.35">
      <c r="A8415" s="1" t="s">
        <v>32300</v>
      </c>
      <c r="B8415" s="1" t="s">
        <v>30194</v>
      </c>
      <c r="C8415" s="1" t="s">
        <v>165</v>
      </c>
      <c r="D8415" s="1" t="s">
        <v>32406</v>
      </c>
      <c r="E8415" s="1" t="s">
        <v>32407</v>
      </c>
      <c r="F8415" s="1" t="s">
        <v>32408</v>
      </c>
      <c r="G8415" s="1" t="s">
        <v>32304</v>
      </c>
      <c r="H8415" s="1" t="s">
        <v>32305</v>
      </c>
      <c r="I8415" s="1" t="s">
        <v>30200</v>
      </c>
      <c r="J8415" s="1" t="s">
        <v>32409</v>
      </c>
    </row>
    <row r="8416" spans="1:10" x14ac:dyDescent="0.35">
      <c r="A8416" s="1" t="s">
        <v>32300</v>
      </c>
      <c r="B8416" s="1" t="s">
        <v>30194</v>
      </c>
      <c r="C8416" s="1" t="s">
        <v>170</v>
      </c>
      <c r="D8416" s="1" t="s">
        <v>32410</v>
      </c>
      <c r="E8416" s="1" t="s">
        <v>22345</v>
      </c>
      <c r="F8416" s="1" t="s">
        <v>32411</v>
      </c>
      <c r="G8416" s="1" t="s">
        <v>32304</v>
      </c>
      <c r="H8416" s="1" t="s">
        <v>32305</v>
      </c>
      <c r="I8416" s="1" t="s">
        <v>30200</v>
      </c>
      <c r="J8416" s="1" t="s">
        <v>32412</v>
      </c>
    </row>
    <row r="8417" spans="1:10" x14ac:dyDescent="0.35">
      <c r="A8417" s="1" t="s">
        <v>32413</v>
      </c>
      <c r="B8417" s="1" t="s">
        <v>30194</v>
      </c>
      <c r="C8417" s="1" t="s">
        <v>8</v>
      </c>
      <c r="D8417" s="1" t="s">
        <v>11234</v>
      </c>
      <c r="E8417" s="1" t="s">
        <v>32414</v>
      </c>
      <c r="F8417" s="1" t="s">
        <v>32415</v>
      </c>
      <c r="G8417" s="1" t="s">
        <v>32416</v>
      </c>
      <c r="H8417" s="1" t="s">
        <v>32417</v>
      </c>
      <c r="I8417" s="1" t="s">
        <v>30200</v>
      </c>
      <c r="J8417" s="1" t="s">
        <v>13</v>
      </c>
    </row>
    <row r="8418" spans="1:10" x14ac:dyDescent="0.35">
      <c r="A8418" s="1" t="s">
        <v>32413</v>
      </c>
      <c r="B8418" s="1" t="s">
        <v>30194</v>
      </c>
      <c r="C8418" s="1" t="s">
        <v>15</v>
      </c>
      <c r="D8418" s="1" t="s">
        <v>32418</v>
      </c>
      <c r="E8418" s="1" t="s">
        <v>32419</v>
      </c>
      <c r="F8418" s="1" t="s">
        <v>32420</v>
      </c>
      <c r="G8418" s="1" t="s">
        <v>32416</v>
      </c>
      <c r="H8418" s="1" t="s">
        <v>32417</v>
      </c>
      <c r="I8418" s="1" t="s">
        <v>30200</v>
      </c>
      <c r="J8418" s="1" t="s">
        <v>32421</v>
      </c>
    </row>
    <row r="8419" spans="1:10" x14ac:dyDescent="0.35">
      <c r="A8419" s="1" t="s">
        <v>32413</v>
      </c>
      <c r="B8419" s="1" t="s">
        <v>30194</v>
      </c>
      <c r="C8419" s="1" t="s">
        <v>20</v>
      </c>
      <c r="D8419" s="1" t="s">
        <v>32422</v>
      </c>
      <c r="E8419" s="1" t="s">
        <v>32423</v>
      </c>
      <c r="F8419" s="1" t="s">
        <v>32424</v>
      </c>
      <c r="G8419" s="1" t="s">
        <v>32416</v>
      </c>
      <c r="H8419" s="1" t="s">
        <v>32417</v>
      </c>
      <c r="I8419" s="1" t="s">
        <v>30200</v>
      </c>
      <c r="J8419" s="1" t="s">
        <v>32425</v>
      </c>
    </row>
    <row r="8420" spans="1:10" x14ac:dyDescent="0.35">
      <c r="A8420" s="1" t="s">
        <v>32413</v>
      </c>
      <c r="B8420" s="1" t="s">
        <v>30194</v>
      </c>
      <c r="C8420" s="1" t="s">
        <v>25</v>
      </c>
      <c r="D8420" s="1" t="s">
        <v>32426</v>
      </c>
      <c r="E8420" s="1" t="s">
        <v>32427</v>
      </c>
      <c r="F8420" s="1" t="s">
        <v>32428</v>
      </c>
      <c r="G8420" s="1" t="s">
        <v>32416</v>
      </c>
      <c r="H8420" s="1" t="s">
        <v>32417</v>
      </c>
      <c r="I8420" s="1" t="s">
        <v>30200</v>
      </c>
      <c r="J8420" s="1" t="s">
        <v>32429</v>
      </c>
    </row>
    <row r="8421" spans="1:10" x14ac:dyDescent="0.35">
      <c r="A8421" s="1" t="s">
        <v>32413</v>
      </c>
      <c r="B8421" s="1" t="s">
        <v>30194</v>
      </c>
      <c r="C8421" s="1" t="s">
        <v>30</v>
      </c>
      <c r="D8421" s="1" t="s">
        <v>32430</v>
      </c>
      <c r="E8421" s="1" t="s">
        <v>32431</v>
      </c>
      <c r="F8421" s="1" t="s">
        <v>32432</v>
      </c>
      <c r="G8421" s="1" t="s">
        <v>32416</v>
      </c>
      <c r="H8421" s="1" t="s">
        <v>32417</v>
      </c>
      <c r="I8421" s="1" t="s">
        <v>30200</v>
      </c>
      <c r="J8421" s="1" t="s">
        <v>32433</v>
      </c>
    </row>
    <row r="8422" spans="1:10" x14ac:dyDescent="0.35">
      <c r="A8422" s="1" t="s">
        <v>32413</v>
      </c>
      <c r="B8422" s="1" t="s">
        <v>30194</v>
      </c>
      <c r="C8422" s="1" t="s">
        <v>35</v>
      </c>
      <c r="D8422" s="1" t="s">
        <v>32434</v>
      </c>
      <c r="E8422" s="1" t="s">
        <v>32435</v>
      </c>
      <c r="F8422" s="1" t="s">
        <v>32436</v>
      </c>
      <c r="G8422" s="1" t="s">
        <v>32416</v>
      </c>
      <c r="H8422" s="1" t="s">
        <v>32417</v>
      </c>
      <c r="I8422" s="1" t="s">
        <v>30200</v>
      </c>
      <c r="J8422" s="1" t="s">
        <v>32437</v>
      </c>
    </row>
    <row r="8423" spans="1:10" x14ac:dyDescent="0.35">
      <c r="A8423" s="1" t="s">
        <v>32413</v>
      </c>
      <c r="B8423" s="1" t="s">
        <v>30194</v>
      </c>
      <c r="C8423" s="1" t="s">
        <v>40</v>
      </c>
      <c r="D8423" s="1" t="s">
        <v>32438</v>
      </c>
      <c r="E8423" s="1" t="s">
        <v>32439</v>
      </c>
      <c r="F8423" s="1" t="s">
        <v>32440</v>
      </c>
      <c r="G8423" s="1" t="s">
        <v>32416</v>
      </c>
      <c r="H8423" s="1" t="s">
        <v>32417</v>
      </c>
      <c r="I8423" s="1" t="s">
        <v>30200</v>
      </c>
      <c r="J8423" s="1" t="s">
        <v>32441</v>
      </c>
    </row>
    <row r="8424" spans="1:10" x14ac:dyDescent="0.35">
      <c r="A8424" s="1" t="s">
        <v>32413</v>
      </c>
      <c r="B8424" s="1" t="s">
        <v>30194</v>
      </c>
      <c r="C8424" s="1" t="s">
        <v>45</v>
      </c>
      <c r="D8424" s="1" t="s">
        <v>18989</v>
      </c>
      <c r="E8424" s="1" t="s">
        <v>32442</v>
      </c>
      <c r="F8424" s="1" t="s">
        <v>32443</v>
      </c>
      <c r="G8424" s="1" t="s">
        <v>32416</v>
      </c>
      <c r="H8424" s="1" t="s">
        <v>32417</v>
      </c>
      <c r="I8424" s="1" t="s">
        <v>30200</v>
      </c>
      <c r="J8424" s="1" t="s">
        <v>32444</v>
      </c>
    </row>
    <row r="8425" spans="1:10" x14ac:dyDescent="0.35">
      <c r="A8425" s="1" t="s">
        <v>32413</v>
      </c>
      <c r="B8425" s="1" t="s">
        <v>30194</v>
      </c>
      <c r="C8425" s="1" t="s">
        <v>50</v>
      </c>
      <c r="D8425" s="1" t="s">
        <v>32445</v>
      </c>
      <c r="E8425" s="1" t="s">
        <v>32446</v>
      </c>
      <c r="F8425" s="1" t="s">
        <v>32447</v>
      </c>
      <c r="G8425" s="1" t="s">
        <v>32416</v>
      </c>
      <c r="H8425" s="1" t="s">
        <v>32417</v>
      </c>
      <c r="I8425" s="1" t="s">
        <v>30200</v>
      </c>
      <c r="J8425" s="1" t="s">
        <v>32448</v>
      </c>
    </row>
    <row r="8426" spans="1:10" x14ac:dyDescent="0.35">
      <c r="A8426" s="1" t="s">
        <v>32413</v>
      </c>
      <c r="B8426" s="1" t="s">
        <v>30194</v>
      </c>
      <c r="C8426" s="1" t="s">
        <v>55</v>
      </c>
      <c r="D8426" s="1" t="s">
        <v>32449</v>
      </c>
      <c r="E8426" s="1" t="s">
        <v>32450</v>
      </c>
      <c r="F8426" s="1" t="s">
        <v>32451</v>
      </c>
      <c r="G8426" s="1" t="s">
        <v>32416</v>
      </c>
      <c r="H8426" s="1" t="s">
        <v>32417</v>
      </c>
      <c r="I8426" s="1" t="s">
        <v>30200</v>
      </c>
      <c r="J8426" s="1" t="s">
        <v>32452</v>
      </c>
    </row>
    <row r="8427" spans="1:10" x14ac:dyDescent="0.35">
      <c r="A8427" s="1" t="s">
        <v>32413</v>
      </c>
      <c r="B8427" s="1" t="s">
        <v>30194</v>
      </c>
      <c r="C8427" s="1" t="s">
        <v>60</v>
      </c>
      <c r="D8427" s="1" t="s">
        <v>32453</v>
      </c>
      <c r="E8427" s="1" t="s">
        <v>32454</v>
      </c>
      <c r="F8427" s="1" t="s">
        <v>32455</v>
      </c>
      <c r="G8427" s="1" t="s">
        <v>32416</v>
      </c>
      <c r="H8427" s="1" t="s">
        <v>32417</v>
      </c>
      <c r="I8427" s="1" t="s">
        <v>30200</v>
      </c>
      <c r="J8427" s="1" t="s">
        <v>32456</v>
      </c>
    </row>
    <row r="8428" spans="1:10" x14ac:dyDescent="0.35">
      <c r="A8428" s="1" t="s">
        <v>32413</v>
      </c>
      <c r="B8428" s="1" t="s">
        <v>30194</v>
      </c>
      <c r="C8428" s="1" t="s">
        <v>65</v>
      </c>
      <c r="D8428" s="1" t="s">
        <v>32457</v>
      </c>
      <c r="E8428" s="1" t="s">
        <v>32458</v>
      </c>
      <c r="F8428" s="1" t="s">
        <v>32459</v>
      </c>
      <c r="G8428" s="1" t="s">
        <v>32416</v>
      </c>
      <c r="H8428" s="1" t="s">
        <v>32417</v>
      </c>
      <c r="I8428" s="1" t="s">
        <v>30200</v>
      </c>
      <c r="J8428" s="1" t="s">
        <v>32460</v>
      </c>
    </row>
    <row r="8429" spans="1:10" x14ac:dyDescent="0.35">
      <c r="A8429" s="1" t="s">
        <v>32413</v>
      </c>
      <c r="B8429" s="1" t="s">
        <v>30194</v>
      </c>
      <c r="C8429" s="1" t="s">
        <v>70</v>
      </c>
      <c r="D8429" s="1" t="s">
        <v>32461</v>
      </c>
      <c r="E8429" s="1" t="s">
        <v>32462</v>
      </c>
      <c r="F8429" s="1" t="s">
        <v>32463</v>
      </c>
      <c r="G8429" s="1" t="s">
        <v>32416</v>
      </c>
      <c r="H8429" s="1" t="s">
        <v>32417</v>
      </c>
      <c r="I8429" s="1" t="s">
        <v>30200</v>
      </c>
      <c r="J8429" s="1" t="s">
        <v>32464</v>
      </c>
    </row>
    <row r="8430" spans="1:10" x14ac:dyDescent="0.35">
      <c r="A8430" s="1" t="s">
        <v>32413</v>
      </c>
      <c r="B8430" s="1" t="s">
        <v>30194</v>
      </c>
      <c r="C8430" s="1" t="s">
        <v>75</v>
      </c>
      <c r="D8430" s="1" t="s">
        <v>32465</v>
      </c>
      <c r="E8430" s="1" t="s">
        <v>32466</v>
      </c>
      <c r="F8430" s="1" t="s">
        <v>32467</v>
      </c>
      <c r="G8430" s="1" t="s">
        <v>32416</v>
      </c>
      <c r="H8430" s="1" t="s">
        <v>32417</v>
      </c>
      <c r="I8430" s="1" t="s">
        <v>30200</v>
      </c>
      <c r="J8430" s="1" t="s">
        <v>32468</v>
      </c>
    </row>
    <row r="8431" spans="1:10" x14ac:dyDescent="0.35">
      <c r="A8431" s="1" t="s">
        <v>32413</v>
      </c>
      <c r="B8431" s="1" t="s">
        <v>30194</v>
      </c>
      <c r="C8431" s="1" t="s">
        <v>80</v>
      </c>
      <c r="D8431" s="1" t="s">
        <v>32469</v>
      </c>
      <c r="E8431" s="1" t="s">
        <v>32470</v>
      </c>
      <c r="F8431" s="1" t="s">
        <v>32471</v>
      </c>
      <c r="G8431" s="1" t="s">
        <v>32416</v>
      </c>
      <c r="H8431" s="1" t="s">
        <v>32417</v>
      </c>
      <c r="I8431" s="1" t="s">
        <v>30200</v>
      </c>
      <c r="J8431" s="1" t="s">
        <v>32472</v>
      </c>
    </row>
    <row r="8432" spans="1:10" x14ac:dyDescent="0.35">
      <c r="A8432" s="1" t="s">
        <v>32413</v>
      </c>
      <c r="B8432" s="1" t="s">
        <v>30194</v>
      </c>
      <c r="C8432" s="1" t="s">
        <v>85</v>
      </c>
      <c r="D8432" s="1" t="s">
        <v>32473</v>
      </c>
      <c r="E8432" s="1" t="s">
        <v>32474</v>
      </c>
      <c r="F8432" s="1" t="s">
        <v>32475</v>
      </c>
      <c r="G8432" s="1" t="s">
        <v>32416</v>
      </c>
      <c r="H8432" s="1" t="s">
        <v>32417</v>
      </c>
      <c r="I8432" s="1" t="s">
        <v>30200</v>
      </c>
      <c r="J8432" s="1" t="s">
        <v>32476</v>
      </c>
    </row>
    <row r="8433" spans="1:10" x14ac:dyDescent="0.35">
      <c r="A8433" s="1" t="s">
        <v>32413</v>
      </c>
      <c r="B8433" s="1" t="s">
        <v>30194</v>
      </c>
      <c r="C8433" s="1" t="s">
        <v>90</v>
      </c>
      <c r="D8433" s="1" t="s">
        <v>11242</v>
      </c>
      <c r="E8433" s="1" t="s">
        <v>32477</v>
      </c>
      <c r="F8433" s="1" t="s">
        <v>32478</v>
      </c>
      <c r="G8433" s="1" t="s">
        <v>32416</v>
      </c>
      <c r="H8433" s="1" t="s">
        <v>32417</v>
      </c>
      <c r="I8433" s="1" t="s">
        <v>30200</v>
      </c>
      <c r="J8433" s="1" t="s">
        <v>32479</v>
      </c>
    </row>
    <row r="8434" spans="1:10" x14ac:dyDescent="0.35">
      <c r="A8434" s="1" t="s">
        <v>32413</v>
      </c>
      <c r="B8434" s="1" t="s">
        <v>30194</v>
      </c>
      <c r="C8434" s="1" t="s">
        <v>95</v>
      </c>
      <c r="D8434" s="1" t="s">
        <v>32480</v>
      </c>
      <c r="E8434" s="1" t="s">
        <v>32481</v>
      </c>
      <c r="F8434" s="1" t="s">
        <v>32482</v>
      </c>
      <c r="G8434" s="1" t="s">
        <v>32416</v>
      </c>
      <c r="H8434" s="1" t="s">
        <v>32417</v>
      </c>
      <c r="I8434" s="1" t="s">
        <v>30200</v>
      </c>
      <c r="J8434" s="1" t="s">
        <v>32483</v>
      </c>
    </row>
    <row r="8435" spans="1:10" x14ac:dyDescent="0.35">
      <c r="A8435" s="1" t="s">
        <v>32413</v>
      </c>
      <c r="B8435" s="1" t="s">
        <v>30194</v>
      </c>
      <c r="C8435" s="1" t="s">
        <v>100</v>
      </c>
      <c r="D8435" s="1" t="s">
        <v>32484</v>
      </c>
      <c r="E8435" s="1" t="s">
        <v>32485</v>
      </c>
      <c r="F8435" s="1" t="s">
        <v>32486</v>
      </c>
      <c r="G8435" s="1" t="s">
        <v>32416</v>
      </c>
      <c r="H8435" s="1" t="s">
        <v>32417</v>
      </c>
      <c r="I8435" s="1" t="s">
        <v>30200</v>
      </c>
      <c r="J8435" s="1" t="s">
        <v>32487</v>
      </c>
    </row>
    <row r="8436" spans="1:10" x14ac:dyDescent="0.35">
      <c r="A8436" s="1" t="s">
        <v>32413</v>
      </c>
      <c r="B8436" s="1" t="s">
        <v>30194</v>
      </c>
      <c r="C8436" s="1" t="s">
        <v>105</v>
      </c>
      <c r="D8436" s="1" t="s">
        <v>32488</v>
      </c>
      <c r="E8436" s="1" t="s">
        <v>32489</v>
      </c>
      <c r="F8436" s="1" t="s">
        <v>32490</v>
      </c>
      <c r="G8436" s="1" t="s">
        <v>32416</v>
      </c>
      <c r="H8436" s="1" t="s">
        <v>32417</v>
      </c>
      <c r="I8436" s="1" t="s">
        <v>30200</v>
      </c>
      <c r="J8436" s="1" t="s">
        <v>32491</v>
      </c>
    </row>
    <row r="8437" spans="1:10" x14ac:dyDescent="0.35">
      <c r="A8437" s="1" t="s">
        <v>32413</v>
      </c>
      <c r="B8437" s="1" t="s">
        <v>30194</v>
      </c>
      <c r="C8437" s="1" t="s">
        <v>110</v>
      </c>
      <c r="D8437" s="1" t="s">
        <v>32492</v>
      </c>
      <c r="E8437" s="1" t="s">
        <v>32493</v>
      </c>
      <c r="F8437" s="1" t="s">
        <v>32494</v>
      </c>
      <c r="G8437" s="1" t="s">
        <v>32416</v>
      </c>
      <c r="H8437" s="1" t="s">
        <v>32417</v>
      </c>
      <c r="I8437" s="1" t="s">
        <v>30200</v>
      </c>
      <c r="J8437" s="1" t="s">
        <v>32495</v>
      </c>
    </row>
    <row r="8438" spans="1:10" x14ac:dyDescent="0.35">
      <c r="A8438" s="1" t="s">
        <v>32413</v>
      </c>
      <c r="B8438" s="1" t="s">
        <v>30194</v>
      </c>
      <c r="C8438" s="1" t="s">
        <v>115</v>
      </c>
      <c r="D8438" s="1" t="s">
        <v>3774</v>
      </c>
      <c r="E8438" s="1" t="s">
        <v>32496</v>
      </c>
      <c r="F8438" s="1" t="s">
        <v>32497</v>
      </c>
      <c r="G8438" s="1" t="s">
        <v>32416</v>
      </c>
      <c r="H8438" s="1" t="s">
        <v>32417</v>
      </c>
      <c r="I8438" s="1" t="s">
        <v>30200</v>
      </c>
      <c r="J8438" s="1" t="s">
        <v>32498</v>
      </c>
    </row>
    <row r="8439" spans="1:10" x14ac:dyDescent="0.35">
      <c r="A8439" s="1" t="s">
        <v>32413</v>
      </c>
      <c r="B8439" s="1" t="s">
        <v>30194</v>
      </c>
      <c r="C8439" s="1" t="s">
        <v>120</v>
      </c>
      <c r="D8439" s="1" t="s">
        <v>32499</v>
      </c>
      <c r="E8439" s="1" t="s">
        <v>32500</v>
      </c>
      <c r="F8439" s="1" t="s">
        <v>32501</v>
      </c>
      <c r="G8439" s="1" t="s">
        <v>32416</v>
      </c>
      <c r="H8439" s="1" t="s">
        <v>32417</v>
      </c>
      <c r="I8439" s="1" t="s">
        <v>30200</v>
      </c>
      <c r="J8439" s="1" t="s">
        <v>32502</v>
      </c>
    </row>
    <row r="8440" spans="1:10" x14ac:dyDescent="0.35">
      <c r="A8440" s="1" t="s">
        <v>32413</v>
      </c>
      <c r="B8440" s="1" t="s">
        <v>30194</v>
      </c>
      <c r="C8440" s="1" t="s">
        <v>125</v>
      </c>
      <c r="D8440" s="1" t="s">
        <v>32503</v>
      </c>
      <c r="E8440" s="1" t="s">
        <v>32504</v>
      </c>
      <c r="F8440" s="1" t="s">
        <v>32505</v>
      </c>
      <c r="G8440" s="1" t="s">
        <v>32416</v>
      </c>
      <c r="H8440" s="1" t="s">
        <v>32417</v>
      </c>
      <c r="I8440" s="1" t="s">
        <v>30200</v>
      </c>
      <c r="J8440" s="1" t="s">
        <v>32506</v>
      </c>
    </row>
    <row r="8441" spans="1:10" x14ac:dyDescent="0.35">
      <c r="A8441" s="1" t="s">
        <v>32413</v>
      </c>
      <c r="B8441" s="1" t="s">
        <v>30194</v>
      </c>
      <c r="C8441" s="1" t="s">
        <v>130</v>
      </c>
      <c r="D8441" s="1" t="s">
        <v>32507</v>
      </c>
      <c r="E8441" s="1" t="s">
        <v>32508</v>
      </c>
      <c r="F8441" s="1" t="s">
        <v>32509</v>
      </c>
      <c r="G8441" s="1" t="s">
        <v>32416</v>
      </c>
      <c r="H8441" s="1" t="s">
        <v>32417</v>
      </c>
      <c r="I8441" s="1" t="s">
        <v>30200</v>
      </c>
      <c r="J8441" s="1" t="s">
        <v>32510</v>
      </c>
    </row>
    <row r="8442" spans="1:10" x14ac:dyDescent="0.35">
      <c r="A8442" s="1" t="s">
        <v>32413</v>
      </c>
      <c r="B8442" s="1" t="s">
        <v>30194</v>
      </c>
      <c r="C8442" s="1" t="s">
        <v>135</v>
      </c>
      <c r="D8442" s="1" t="s">
        <v>32511</v>
      </c>
      <c r="E8442" s="1" t="s">
        <v>32512</v>
      </c>
      <c r="F8442" s="1" t="s">
        <v>32513</v>
      </c>
      <c r="G8442" s="1" t="s">
        <v>32416</v>
      </c>
      <c r="H8442" s="1" t="s">
        <v>32417</v>
      </c>
      <c r="I8442" s="1" t="s">
        <v>30200</v>
      </c>
      <c r="J8442" s="1" t="s">
        <v>32514</v>
      </c>
    </row>
    <row r="8443" spans="1:10" x14ac:dyDescent="0.35">
      <c r="A8443" s="1" t="s">
        <v>32413</v>
      </c>
      <c r="B8443" s="1" t="s">
        <v>30194</v>
      </c>
      <c r="C8443" s="1" t="s">
        <v>140</v>
      </c>
      <c r="D8443" s="1" t="s">
        <v>32515</v>
      </c>
      <c r="E8443" s="1" t="s">
        <v>32516</v>
      </c>
      <c r="F8443" s="1" t="s">
        <v>32517</v>
      </c>
      <c r="G8443" s="1" t="s">
        <v>32416</v>
      </c>
      <c r="H8443" s="1" t="s">
        <v>32417</v>
      </c>
      <c r="I8443" s="1" t="s">
        <v>30200</v>
      </c>
      <c r="J8443" s="1" t="s">
        <v>32518</v>
      </c>
    </row>
    <row r="8444" spans="1:10" x14ac:dyDescent="0.35">
      <c r="A8444" s="1" t="s">
        <v>32413</v>
      </c>
      <c r="B8444" s="1" t="s">
        <v>30194</v>
      </c>
      <c r="C8444" s="1" t="s">
        <v>145</v>
      </c>
      <c r="D8444" s="1" t="s">
        <v>32519</v>
      </c>
      <c r="E8444" s="1" t="s">
        <v>32520</v>
      </c>
      <c r="F8444" s="1" t="s">
        <v>32521</v>
      </c>
      <c r="G8444" s="1" t="s">
        <v>32416</v>
      </c>
      <c r="H8444" s="1" t="s">
        <v>32417</v>
      </c>
      <c r="I8444" s="1" t="s">
        <v>30200</v>
      </c>
      <c r="J8444" s="1" t="s">
        <v>32522</v>
      </c>
    </row>
    <row r="8445" spans="1:10" x14ac:dyDescent="0.35">
      <c r="A8445" s="1" t="s">
        <v>32413</v>
      </c>
      <c r="B8445" s="1" t="s">
        <v>30194</v>
      </c>
      <c r="C8445" s="1" t="s">
        <v>150</v>
      </c>
      <c r="D8445" s="1" t="s">
        <v>32523</v>
      </c>
      <c r="E8445" s="1" t="s">
        <v>32524</v>
      </c>
      <c r="F8445" s="1" t="s">
        <v>32525</v>
      </c>
      <c r="G8445" s="1" t="s">
        <v>32416</v>
      </c>
      <c r="H8445" s="1" t="s">
        <v>32417</v>
      </c>
      <c r="I8445" s="1" t="s">
        <v>30200</v>
      </c>
      <c r="J8445" s="1" t="s">
        <v>32526</v>
      </c>
    </row>
    <row r="8446" spans="1:10" x14ac:dyDescent="0.35">
      <c r="A8446" s="1" t="s">
        <v>32413</v>
      </c>
      <c r="B8446" s="1" t="s">
        <v>30194</v>
      </c>
      <c r="C8446" s="1" t="s">
        <v>155</v>
      </c>
      <c r="D8446" s="1" t="s">
        <v>32527</v>
      </c>
      <c r="E8446" s="1" t="s">
        <v>32528</v>
      </c>
      <c r="F8446" s="1" t="s">
        <v>32529</v>
      </c>
      <c r="G8446" s="1" t="s">
        <v>32416</v>
      </c>
      <c r="H8446" s="1" t="s">
        <v>32417</v>
      </c>
      <c r="I8446" s="1" t="s">
        <v>30200</v>
      </c>
      <c r="J8446" s="1" t="s">
        <v>32530</v>
      </c>
    </row>
    <row r="8447" spans="1:10" x14ac:dyDescent="0.35">
      <c r="A8447" s="1" t="s">
        <v>32413</v>
      </c>
      <c r="B8447" s="1" t="s">
        <v>30194</v>
      </c>
      <c r="C8447" s="1" t="s">
        <v>160</v>
      </c>
      <c r="D8447" s="1" t="s">
        <v>19117</v>
      </c>
      <c r="E8447" s="1" t="s">
        <v>32531</v>
      </c>
      <c r="F8447" s="1" t="s">
        <v>32532</v>
      </c>
      <c r="G8447" s="1" t="s">
        <v>32416</v>
      </c>
      <c r="H8447" s="1" t="s">
        <v>32417</v>
      </c>
      <c r="I8447" s="1" t="s">
        <v>30200</v>
      </c>
      <c r="J8447" s="1" t="s">
        <v>32533</v>
      </c>
    </row>
    <row r="8448" spans="1:10" x14ac:dyDescent="0.35">
      <c r="A8448" s="1" t="s">
        <v>32413</v>
      </c>
      <c r="B8448" s="1" t="s">
        <v>30194</v>
      </c>
      <c r="C8448" s="1" t="s">
        <v>165</v>
      </c>
      <c r="D8448" s="1" t="s">
        <v>32534</v>
      </c>
      <c r="E8448" s="1" t="s">
        <v>32535</v>
      </c>
      <c r="F8448" s="1" t="s">
        <v>32536</v>
      </c>
      <c r="G8448" s="1" t="s">
        <v>32416</v>
      </c>
      <c r="H8448" s="1" t="s">
        <v>32417</v>
      </c>
      <c r="I8448" s="1" t="s">
        <v>30200</v>
      </c>
      <c r="J8448" s="1" t="s">
        <v>32537</v>
      </c>
    </row>
    <row r="8449" spans="1:10" x14ac:dyDescent="0.35">
      <c r="A8449" s="1" t="s">
        <v>32413</v>
      </c>
      <c r="B8449" s="1" t="s">
        <v>30194</v>
      </c>
      <c r="C8449" s="1" t="s">
        <v>170</v>
      </c>
      <c r="D8449" s="1" t="s">
        <v>32538</v>
      </c>
      <c r="E8449" s="1" t="s">
        <v>32539</v>
      </c>
      <c r="F8449" s="1" t="s">
        <v>32540</v>
      </c>
      <c r="G8449" s="1" t="s">
        <v>32416</v>
      </c>
      <c r="H8449" s="1" t="s">
        <v>32417</v>
      </c>
      <c r="I8449" s="1" t="s">
        <v>30200</v>
      </c>
      <c r="J8449" s="1" t="s">
        <v>32541</v>
      </c>
    </row>
    <row r="8450" spans="1:10" x14ac:dyDescent="0.35">
      <c r="A8450" s="1" t="s">
        <v>32542</v>
      </c>
      <c r="B8450" s="1" t="s">
        <v>30194</v>
      </c>
      <c r="C8450" s="1" t="s">
        <v>8</v>
      </c>
      <c r="D8450" s="1" t="s">
        <v>30611</v>
      </c>
      <c r="E8450" s="1" t="s">
        <v>32143</v>
      </c>
      <c r="F8450" s="1" t="s">
        <v>32543</v>
      </c>
      <c r="G8450" s="1" t="s">
        <v>32544</v>
      </c>
      <c r="H8450" s="1" t="s">
        <v>32545</v>
      </c>
      <c r="I8450" s="1" t="s">
        <v>30200</v>
      </c>
      <c r="J8450" s="1" t="s">
        <v>13</v>
      </c>
    </row>
    <row r="8451" spans="1:10" x14ac:dyDescent="0.35">
      <c r="A8451" s="1" t="s">
        <v>32542</v>
      </c>
      <c r="B8451" s="1" t="s">
        <v>30194</v>
      </c>
      <c r="C8451" s="1" t="s">
        <v>15</v>
      </c>
      <c r="D8451" s="1" t="s">
        <v>31360</v>
      </c>
      <c r="E8451" s="1" t="s">
        <v>15853</v>
      </c>
      <c r="F8451" s="1" t="s">
        <v>32546</v>
      </c>
      <c r="G8451" s="1" t="s">
        <v>32544</v>
      </c>
      <c r="H8451" s="1" t="s">
        <v>32545</v>
      </c>
      <c r="I8451" s="1" t="s">
        <v>30200</v>
      </c>
      <c r="J8451" s="1" t="s">
        <v>32547</v>
      </c>
    </row>
    <row r="8452" spans="1:10" x14ac:dyDescent="0.35">
      <c r="A8452" s="1" t="s">
        <v>32542</v>
      </c>
      <c r="B8452" s="1" t="s">
        <v>30194</v>
      </c>
      <c r="C8452" s="1" t="s">
        <v>20</v>
      </c>
      <c r="D8452" s="1" t="s">
        <v>32548</v>
      </c>
      <c r="E8452" s="1" t="s">
        <v>15293</v>
      </c>
      <c r="F8452" s="1" t="s">
        <v>32549</v>
      </c>
      <c r="G8452" s="1" t="s">
        <v>32544</v>
      </c>
      <c r="H8452" s="1" t="s">
        <v>32545</v>
      </c>
      <c r="I8452" s="1" t="s">
        <v>30200</v>
      </c>
      <c r="J8452" s="1" t="s">
        <v>32550</v>
      </c>
    </row>
    <row r="8453" spans="1:10" x14ac:dyDescent="0.35">
      <c r="A8453" s="1" t="s">
        <v>32542</v>
      </c>
      <c r="B8453" s="1" t="s">
        <v>30194</v>
      </c>
      <c r="C8453" s="1" t="s">
        <v>25</v>
      </c>
      <c r="D8453" s="1" t="s">
        <v>32551</v>
      </c>
      <c r="E8453" s="1" t="s">
        <v>23232</v>
      </c>
      <c r="F8453" s="1" t="s">
        <v>32552</v>
      </c>
      <c r="G8453" s="1" t="s">
        <v>32544</v>
      </c>
      <c r="H8453" s="1" t="s">
        <v>32545</v>
      </c>
      <c r="I8453" s="1" t="s">
        <v>30200</v>
      </c>
      <c r="J8453" s="1" t="s">
        <v>32553</v>
      </c>
    </row>
    <row r="8454" spans="1:10" x14ac:dyDescent="0.35">
      <c r="A8454" s="1" t="s">
        <v>32542</v>
      </c>
      <c r="B8454" s="1" t="s">
        <v>30194</v>
      </c>
      <c r="C8454" s="1" t="s">
        <v>30</v>
      </c>
      <c r="D8454" s="1" t="s">
        <v>32554</v>
      </c>
      <c r="E8454" s="1" t="s">
        <v>22320</v>
      </c>
      <c r="F8454" s="1" t="s">
        <v>32114</v>
      </c>
      <c r="G8454" s="1" t="s">
        <v>32544</v>
      </c>
      <c r="H8454" s="1" t="s">
        <v>32545</v>
      </c>
      <c r="I8454" s="1" t="s">
        <v>30200</v>
      </c>
      <c r="J8454" s="1" t="s">
        <v>32555</v>
      </c>
    </row>
    <row r="8455" spans="1:10" x14ac:dyDescent="0.35">
      <c r="A8455" s="1" t="s">
        <v>32542</v>
      </c>
      <c r="B8455" s="1" t="s">
        <v>30194</v>
      </c>
      <c r="C8455" s="1" t="s">
        <v>35</v>
      </c>
      <c r="D8455" s="1" t="s">
        <v>32556</v>
      </c>
      <c r="E8455" s="1" t="s">
        <v>32557</v>
      </c>
      <c r="F8455" s="1" t="s">
        <v>32558</v>
      </c>
      <c r="G8455" s="1" t="s">
        <v>32544</v>
      </c>
      <c r="H8455" s="1" t="s">
        <v>32545</v>
      </c>
      <c r="I8455" s="1" t="s">
        <v>30200</v>
      </c>
      <c r="J8455" s="1" t="s">
        <v>32559</v>
      </c>
    </row>
    <row r="8456" spans="1:10" x14ac:dyDescent="0.35">
      <c r="A8456" s="1" t="s">
        <v>32542</v>
      </c>
      <c r="B8456" s="1" t="s">
        <v>30194</v>
      </c>
      <c r="C8456" s="1" t="s">
        <v>40</v>
      </c>
      <c r="D8456" s="1" t="s">
        <v>32560</v>
      </c>
      <c r="E8456" s="1" t="s">
        <v>23521</v>
      </c>
      <c r="F8456" s="1" t="s">
        <v>32561</v>
      </c>
      <c r="G8456" s="1" t="s">
        <v>32544</v>
      </c>
      <c r="H8456" s="1" t="s">
        <v>32545</v>
      </c>
      <c r="I8456" s="1" t="s">
        <v>30200</v>
      </c>
      <c r="J8456" s="1" t="s">
        <v>32562</v>
      </c>
    </row>
    <row r="8457" spans="1:10" x14ac:dyDescent="0.35">
      <c r="A8457" s="1" t="s">
        <v>32542</v>
      </c>
      <c r="B8457" s="1" t="s">
        <v>30194</v>
      </c>
      <c r="C8457" s="1" t="s">
        <v>45</v>
      </c>
      <c r="D8457" s="1" t="s">
        <v>32563</v>
      </c>
      <c r="E8457" s="1" t="s">
        <v>24225</v>
      </c>
      <c r="F8457" s="1" t="s">
        <v>32564</v>
      </c>
      <c r="G8457" s="1" t="s">
        <v>32544</v>
      </c>
      <c r="H8457" s="1" t="s">
        <v>32545</v>
      </c>
      <c r="I8457" s="1" t="s">
        <v>30200</v>
      </c>
      <c r="J8457" s="1" t="s">
        <v>32565</v>
      </c>
    </row>
    <row r="8458" spans="1:10" x14ac:dyDescent="0.35">
      <c r="A8458" s="1" t="s">
        <v>32542</v>
      </c>
      <c r="B8458" s="1" t="s">
        <v>30194</v>
      </c>
      <c r="C8458" s="1" t="s">
        <v>50</v>
      </c>
      <c r="D8458" s="1" t="s">
        <v>32566</v>
      </c>
      <c r="E8458" s="1" t="s">
        <v>32567</v>
      </c>
      <c r="F8458" s="1" t="s">
        <v>32568</v>
      </c>
      <c r="G8458" s="1" t="s">
        <v>32544</v>
      </c>
      <c r="H8458" s="1" t="s">
        <v>32545</v>
      </c>
      <c r="I8458" s="1" t="s">
        <v>30200</v>
      </c>
      <c r="J8458" s="1" t="s">
        <v>32569</v>
      </c>
    </row>
    <row r="8459" spans="1:10" x14ac:dyDescent="0.35">
      <c r="A8459" s="1" t="s">
        <v>32542</v>
      </c>
      <c r="B8459" s="1" t="s">
        <v>30194</v>
      </c>
      <c r="C8459" s="1" t="s">
        <v>55</v>
      </c>
      <c r="D8459" s="1" t="s">
        <v>32570</v>
      </c>
      <c r="E8459" s="1" t="s">
        <v>15424</v>
      </c>
      <c r="F8459" s="1" t="s">
        <v>31849</v>
      </c>
      <c r="G8459" s="1" t="s">
        <v>32544</v>
      </c>
      <c r="H8459" s="1" t="s">
        <v>32545</v>
      </c>
      <c r="I8459" s="1" t="s">
        <v>30200</v>
      </c>
      <c r="J8459" s="1" t="s">
        <v>32571</v>
      </c>
    </row>
    <row r="8460" spans="1:10" x14ac:dyDescent="0.35">
      <c r="A8460" s="1" t="s">
        <v>32542</v>
      </c>
      <c r="B8460" s="1" t="s">
        <v>30194</v>
      </c>
      <c r="C8460" s="1" t="s">
        <v>60</v>
      </c>
      <c r="D8460" s="1" t="s">
        <v>32572</v>
      </c>
      <c r="E8460" s="1" t="s">
        <v>32573</v>
      </c>
      <c r="F8460" s="1" t="s">
        <v>32574</v>
      </c>
      <c r="G8460" s="1" t="s">
        <v>32544</v>
      </c>
      <c r="H8460" s="1" t="s">
        <v>32545</v>
      </c>
      <c r="I8460" s="1" t="s">
        <v>30200</v>
      </c>
      <c r="J8460" s="1" t="s">
        <v>32575</v>
      </c>
    </row>
    <row r="8461" spans="1:10" x14ac:dyDescent="0.35">
      <c r="A8461" s="1" t="s">
        <v>32542</v>
      </c>
      <c r="B8461" s="1" t="s">
        <v>30194</v>
      </c>
      <c r="C8461" s="1" t="s">
        <v>65</v>
      </c>
      <c r="D8461" s="1" t="s">
        <v>2959</v>
      </c>
      <c r="E8461" s="1" t="s">
        <v>32576</v>
      </c>
      <c r="F8461" s="1" t="s">
        <v>32577</v>
      </c>
      <c r="G8461" s="1" t="s">
        <v>32544</v>
      </c>
      <c r="H8461" s="1" t="s">
        <v>32545</v>
      </c>
      <c r="I8461" s="1" t="s">
        <v>30200</v>
      </c>
      <c r="J8461" s="1" t="s">
        <v>32578</v>
      </c>
    </row>
    <row r="8462" spans="1:10" x14ac:dyDescent="0.35">
      <c r="A8462" s="1" t="s">
        <v>32542</v>
      </c>
      <c r="B8462" s="1" t="s">
        <v>30194</v>
      </c>
      <c r="C8462" s="1" t="s">
        <v>70</v>
      </c>
      <c r="D8462" s="1" t="s">
        <v>32579</v>
      </c>
      <c r="E8462" s="1" t="s">
        <v>32580</v>
      </c>
      <c r="F8462" s="1" t="s">
        <v>32581</v>
      </c>
      <c r="G8462" s="1" t="s">
        <v>32544</v>
      </c>
      <c r="H8462" s="1" t="s">
        <v>32545</v>
      </c>
      <c r="I8462" s="1" t="s">
        <v>30200</v>
      </c>
      <c r="J8462" s="1" t="s">
        <v>32582</v>
      </c>
    </row>
    <row r="8463" spans="1:10" x14ac:dyDescent="0.35">
      <c r="A8463" s="1" t="s">
        <v>32542</v>
      </c>
      <c r="B8463" s="1" t="s">
        <v>30194</v>
      </c>
      <c r="C8463" s="1" t="s">
        <v>75</v>
      </c>
      <c r="D8463" s="1" t="s">
        <v>32583</v>
      </c>
      <c r="E8463" s="1" t="s">
        <v>32584</v>
      </c>
      <c r="F8463" s="1" t="s">
        <v>32585</v>
      </c>
      <c r="G8463" s="1" t="s">
        <v>32544</v>
      </c>
      <c r="H8463" s="1" t="s">
        <v>32545</v>
      </c>
      <c r="I8463" s="1" t="s">
        <v>30200</v>
      </c>
      <c r="J8463" s="1" t="s">
        <v>32586</v>
      </c>
    </row>
    <row r="8464" spans="1:10" x14ac:dyDescent="0.35">
      <c r="A8464" s="1" t="s">
        <v>32542</v>
      </c>
      <c r="B8464" s="1" t="s">
        <v>30194</v>
      </c>
      <c r="C8464" s="1" t="s">
        <v>80</v>
      </c>
      <c r="D8464" s="1" t="s">
        <v>32587</v>
      </c>
      <c r="E8464" s="1" t="s">
        <v>32588</v>
      </c>
      <c r="F8464" s="1" t="s">
        <v>32589</v>
      </c>
      <c r="G8464" s="1" t="s">
        <v>32544</v>
      </c>
      <c r="H8464" s="1" t="s">
        <v>32545</v>
      </c>
      <c r="I8464" s="1" t="s">
        <v>30200</v>
      </c>
      <c r="J8464" s="1" t="s">
        <v>32590</v>
      </c>
    </row>
    <row r="8465" spans="1:10" x14ac:dyDescent="0.35">
      <c r="A8465" s="1" t="s">
        <v>32542</v>
      </c>
      <c r="B8465" s="1" t="s">
        <v>30194</v>
      </c>
      <c r="C8465" s="1" t="s">
        <v>85</v>
      </c>
      <c r="D8465" s="1" t="s">
        <v>32591</v>
      </c>
      <c r="E8465" s="1" t="s">
        <v>21849</v>
      </c>
      <c r="F8465" s="1" t="s">
        <v>32592</v>
      </c>
      <c r="G8465" s="1" t="s">
        <v>32544</v>
      </c>
      <c r="H8465" s="1" t="s">
        <v>32545</v>
      </c>
      <c r="I8465" s="1" t="s">
        <v>30200</v>
      </c>
      <c r="J8465" s="1" t="s">
        <v>32593</v>
      </c>
    </row>
    <row r="8466" spans="1:10" x14ac:dyDescent="0.35">
      <c r="A8466" s="1" t="s">
        <v>32542</v>
      </c>
      <c r="B8466" s="1" t="s">
        <v>30194</v>
      </c>
      <c r="C8466" s="1" t="s">
        <v>90</v>
      </c>
      <c r="D8466" s="1" t="s">
        <v>32594</v>
      </c>
      <c r="E8466" s="1" t="s">
        <v>32595</v>
      </c>
      <c r="F8466" s="1" t="s">
        <v>32596</v>
      </c>
      <c r="G8466" s="1" t="s">
        <v>32544</v>
      </c>
      <c r="H8466" s="1" t="s">
        <v>32545</v>
      </c>
      <c r="I8466" s="1" t="s">
        <v>30200</v>
      </c>
      <c r="J8466" s="1" t="s">
        <v>32597</v>
      </c>
    </row>
    <row r="8467" spans="1:10" x14ac:dyDescent="0.35">
      <c r="A8467" s="1" t="s">
        <v>32542</v>
      </c>
      <c r="B8467" s="1" t="s">
        <v>30194</v>
      </c>
      <c r="C8467" s="1" t="s">
        <v>95</v>
      </c>
      <c r="D8467" s="1" t="s">
        <v>32598</v>
      </c>
      <c r="E8467" s="1" t="s">
        <v>31957</v>
      </c>
      <c r="F8467" s="1" t="s">
        <v>32599</v>
      </c>
      <c r="G8467" s="1" t="s">
        <v>32544</v>
      </c>
      <c r="H8467" s="1" t="s">
        <v>32545</v>
      </c>
      <c r="I8467" s="1" t="s">
        <v>30200</v>
      </c>
      <c r="J8467" s="1" t="s">
        <v>32600</v>
      </c>
    </row>
    <row r="8468" spans="1:10" x14ac:dyDescent="0.35">
      <c r="A8468" s="1" t="s">
        <v>32542</v>
      </c>
      <c r="B8468" s="1" t="s">
        <v>30194</v>
      </c>
      <c r="C8468" s="1" t="s">
        <v>100</v>
      </c>
      <c r="D8468" s="1" t="s">
        <v>30905</v>
      </c>
      <c r="E8468" s="1" t="s">
        <v>31754</v>
      </c>
      <c r="F8468" s="1" t="s">
        <v>32601</v>
      </c>
      <c r="G8468" s="1" t="s">
        <v>32544</v>
      </c>
      <c r="H8468" s="1" t="s">
        <v>32545</v>
      </c>
      <c r="I8468" s="1" t="s">
        <v>30200</v>
      </c>
      <c r="J8468" s="1" t="s">
        <v>32602</v>
      </c>
    </row>
    <row r="8469" spans="1:10" x14ac:dyDescent="0.35">
      <c r="A8469" s="1" t="s">
        <v>32542</v>
      </c>
      <c r="B8469" s="1" t="s">
        <v>30194</v>
      </c>
      <c r="C8469" s="1" t="s">
        <v>105</v>
      </c>
      <c r="D8469" s="1" t="s">
        <v>32603</v>
      </c>
      <c r="E8469" s="1" t="s">
        <v>32604</v>
      </c>
      <c r="F8469" s="1" t="s">
        <v>32605</v>
      </c>
      <c r="G8469" s="1" t="s">
        <v>32544</v>
      </c>
      <c r="H8469" s="1" t="s">
        <v>32545</v>
      </c>
      <c r="I8469" s="1" t="s">
        <v>30200</v>
      </c>
      <c r="J8469" s="1" t="s">
        <v>32606</v>
      </c>
    </row>
    <row r="8470" spans="1:10" x14ac:dyDescent="0.35">
      <c r="A8470" s="1" t="s">
        <v>32542</v>
      </c>
      <c r="B8470" s="1" t="s">
        <v>30194</v>
      </c>
      <c r="C8470" s="1" t="s">
        <v>110</v>
      </c>
      <c r="D8470" s="1" t="s">
        <v>32607</v>
      </c>
      <c r="E8470" s="1" t="s">
        <v>32608</v>
      </c>
      <c r="F8470" s="1" t="s">
        <v>32609</v>
      </c>
      <c r="G8470" s="1" t="s">
        <v>32544</v>
      </c>
      <c r="H8470" s="1" t="s">
        <v>32545</v>
      </c>
      <c r="I8470" s="1" t="s">
        <v>30200</v>
      </c>
      <c r="J8470" s="1" t="s">
        <v>32610</v>
      </c>
    </row>
    <row r="8471" spans="1:10" x14ac:dyDescent="0.35">
      <c r="A8471" s="1" t="s">
        <v>32542</v>
      </c>
      <c r="B8471" s="1" t="s">
        <v>30194</v>
      </c>
      <c r="C8471" s="1" t="s">
        <v>115</v>
      </c>
      <c r="D8471" s="1" t="s">
        <v>32611</v>
      </c>
      <c r="E8471" s="1" t="s">
        <v>23468</v>
      </c>
      <c r="F8471" s="1" t="s">
        <v>32612</v>
      </c>
      <c r="G8471" s="1" t="s">
        <v>32544</v>
      </c>
      <c r="H8471" s="1" t="s">
        <v>32545</v>
      </c>
      <c r="I8471" s="1" t="s">
        <v>30200</v>
      </c>
      <c r="J8471" s="1" t="s">
        <v>32613</v>
      </c>
    </row>
    <row r="8472" spans="1:10" x14ac:dyDescent="0.35">
      <c r="A8472" s="1" t="s">
        <v>32542</v>
      </c>
      <c r="B8472" s="1" t="s">
        <v>30194</v>
      </c>
      <c r="C8472" s="1" t="s">
        <v>120</v>
      </c>
      <c r="D8472" s="1" t="s">
        <v>32614</v>
      </c>
      <c r="E8472" s="1" t="s">
        <v>32615</v>
      </c>
      <c r="F8472" s="1" t="s">
        <v>31379</v>
      </c>
      <c r="G8472" s="1" t="s">
        <v>32544</v>
      </c>
      <c r="H8472" s="1" t="s">
        <v>32545</v>
      </c>
      <c r="I8472" s="1" t="s">
        <v>30200</v>
      </c>
      <c r="J8472" s="1" t="s">
        <v>32616</v>
      </c>
    </row>
    <row r="8473" spans="1:10" x14ac:dyDescent="0.35">
      <c r="A8473" s="1" t="s">
        <v>32542</v>
      </c>
      <c r="B8473" s="1" t="s">
        <v>30194</v>
      </c>
      <c r="C8473" s="1" t="s">
        <v>125</v>
      </c>
      <c r="D8473" s="1" t="s">
        <v>32617</v>
      </c>
      <c r="E8473" s="1" t="s">
        <v>32618</v>
      </c>
      <c r="F8473" s="1" t="s">
        <v>32619</v>
      </c>
      <c r="G8473" s="1" t="s">
        <v>32544</v>
      </c>
      <c r="H8473" s="1" t="s">
        <v>32545</v>
      </c>
      <c r="I8473" s="1" t="s">
        <v>30200</v>
      </c>
      <c r="J8473" s="1" t="s">
        <v>32620</v>
      </c>
    </row>
    <row r="8474" spans="1:10" x14ac:dyDescent="0.35">
      <c r="A8474" s="1" t="s">
        <v>32542</v>
      </c>
      <c r="B8474" s="1" t="s">
        <v>30194</v>
      </c>
      <c r="C8474" s="1" t="s">
        <v>130</v>
      </c>
      <c r="D8474" s="1" t="s">
        <v>32621</v>
      </c>
      <c r="E8474" s="1" t="s">
        <v>32622</v>
      </c>
      <c r="F8474" s="1" t="s">
        <v>32623</v>
      </c>
      <c r="G8474" s="1" t="s">
        <v>32544</v>
      </c>
      <c r="H8474" s="1" t="s">
        <v>32545</v>
      </c>
      <c r="I8474" s="1" t="s">
        <v>30200</v>
      </c>
      <c r="J8474" s="1" t="s">
        <v>32624</v>
      </c>
    </row>
    <row r="8475" spans="1:10" x14ac:dyDescent="0.35">
      <c r="A8475" s="1" t="s">
        <v>32542</v>
      </c>
      <c r="B8475" s="1" t="s">
        <v>30194</v>
      </c>
      <c r="C8475" s="1" t="s">
        <v>135</v>
      </c>
      <c r="D8475" s="1" t="s">
        <v>32005</v>
      </c>
      <c r="E8475" s="1" t="s">
        <v>15432</v>
      </c>
      <c r="F8475" s="1" t="s">
        <v>32625</v>
      </c>
      <c r="G8475" s="1" t="s">
        <v>32544</v>
      </c>
      <c r="H8475" s="1" t="s">
        <v>32545</v>
      </c>
      <c r="I8475" s="1" t="s">
        <v>30200</v>
      </c>
      <c r="J8475" s="1" t="s">
        <v>32626</v>
      </c>
    </row>
    <row r="8476" spans="1:10" x14ac:dyDescent="0.35">
      <c r="A8476" s="1" t="s">
        <v>32542</v>
      </c>
      <c r="B8476" s="1" t="s">
        <v>30194</v>
      </c>
      <c r="C8476" s="1" t="s">
        <v>140</v>
      </c>
      <c r="D8476" s="1" t="s">
        <v>32627</v>
      </c>
      <c r="E8476" s="1" t="s">
        <v>22313</v>
      </c>
      <c r="F8476" s="1" t="s">
        <v>32628</v>
      </c>
      <c r="G8476" s="1" t="s">
        <v>32544</v>
      </c>
      <c r="H8476" s="1" t="s">
        <v>32545</v>
      </c>
      <c r="I8476" s="1" t="s">
        <v>30200</v>
      </c>
      <c r="J8476" s="1" t="s">
        <v>32629</v>
      </c>
    </row>
    <row r="8477" spans="1:10" x14ac:dyDescent="0.35">
      <c r="A8477" s="1" t="s">
        <v>32542</v>
      </c>
      <c r="B8477" s="1" t="s">
        <v>30194</v>
      </c>
      <c r="C8477" s="1" t="s">
        <v>145</v>
      </c>
      <c r="D8477" s="1" t="s">
        <v>32630</v>
      </c>
      <c r="E8477" s="1" t="s">
        <v>32631</v>
      </c>
      <c r="F8477" s="1" t="s">
        <v>32632</v>
      </c>
      <c r="G8477" s="1" t="s">
        <v>32544</v>
      </c>
      <c r="H8477" s="1" t="s">
        <v>32545</v>
      </c>
      <c r="I8477" s="1" t="s">
        <v>30200</v>
      </c>
      <c r="J8477" s="1" t="s">
        <v>32633</v>
      </c>
    </row>
    <row r="8478" spans="1:10" x14ac:dyDescent="0.35">
      <c r="A8478" s="1" t="s">
        <v>32542</v>
      </c>
      <c r="B8478" s="1" t="s">
        <v>30194</v>
      </c>
      <c r="C8478" s="1" t="s">
        <v>150</v>
      </c>
      <c r="D8478" s="1" t="s">
        <v>32634</v>
      </c>
      <c r="E8478" s="1" t="s">
        <v>32608</v>
      </c>
      <c r="F8478" s="1" t="s">
        <v>32635</v>
      </c>
      <c r="G8478" s="1" t="s">
        <v>32544</v>
      </c>
      <c r="H8478" s="1" t="s">
        <v>32545</v>
      </c>
      <c r="I8478" s="1" t="s">
        <v>30200</v>
      </c>
      <c r="J8478" s="1" t="s">
        <v>32636</v>
      </c>
    </row>
    <row r="8479" spans="1:10" x14ac:dyDescent="0.35">
      <c r="A8479" s="1" t="s">
        <v>32542</v>
      </c>
      <c r="B8479" s="1" t="s">
        <v>30194</v>
      </c>
      <c r="C8479" s="1" t="s">
        <v>155</v>
      </c>
      <c r="D8479" s="1" t="s">
        <v>32637</v>
      </c>
      <c r="E8479" s="1" t="s">
        <v>32638</v>
      </c>
      <c r="F8479" s="1" t="s">
        <v>32639</v>
      </c>
      <c r="G8479" s="1" t="s">
        <v>32544</v>
      </c>
      <c r="H8479" s="1" t="s">
        <v>32545</v>
      </c>
      <c r="I8479" s="1" t="s">
        <v>30200</v>
      </c>
      <c r="J8479" s="1" t="s">
        <v>32640</v>
      </c>
    </row>
    <row r="8480" spans="1:10" x14ac:dyDescent="0.35">
      <c r="A8480" s="1" t="s">
        <v>32542</v>
      </c>
      <c r="B8480" s="1" t="s">
        <v>30194</v>
      </c>
      <c r="C8480" s="1" t="s">
        <v>160</v>
      </c>
      <c r="D8480" s="1" t="s">
        <v>31896</v>
      </c>
      <c r="E8480" s="1" t="s">
        <v>31493</v>
      </c>
      <c r="F8480" s="1" t="s">
        <v>32641</v>
      </c>
      <c r="G8480" s="1" t="s">
        <v>32544</v>
      </c>
      <c r="H8480" s="1" t="s">
        <v>32545</v>
      </c>
      <c r="I8480" s="1" t="s">
        <v>30200</v>
      </c>
      <c r="J8480" s="1" t="s">
        <v>32642</v>
      </c>
    </row>
    <row r="8481" spans="1:10" x14ac:dyDescent="0.35">
      <c r="A8481" s="1" t="s">
        <v>32542</v>
      </c>
      <c r="B8481" s="1" t="s">
        <v>30194</v>
      </c>
      <c r="C8481" s="1" t="s">
        <v>165</v>
      </c>
      <c r="D8481" s="1" t="s">
        <v>32643</v>
      </c>
      <c r="E8481" s="1" t="s">
        <v>32644</v>
      </c>
      <c r="F8481" s="1" t="s">
        <v>32645</v>
      </c>
      <c r="G8481" s="1" t="s">
        <v>32544</v>
      </c>
      <c r="H8481" s="1" t="s">
        <v>32545</v>
      </c>
      <c r="I8481" s="1" t="s">
        <v>30200</v>
      </c>
      <c r="J8481" s="1" t="s">
        <v>32646</v>
      </c>
    </row>
    <row r="8482" spans="1:10" x14ac:dyDescent="0.35">
      <c r="A8482" s="1" t="s">
        <v>32542</v>
      </c>
      <c r="B8482" s="1" t="s">
        <v>30194</v>
      </c>
      <c r="C8482" s="1" t="s">
        <v>170</v>
      </c>
      <c r="D8482" s="1" t="s">
        <v>32647</v>
      </c>
      <c r="E8482" s="1" t="s">
        <v>32648</v>
      </c>
      <c r="F8482" s="1" t="s">
        <v>32649</v>
      </c>
      <c r="G8482" s="1" t="s">
        <v>32544</v>
      </c>
      <c r="H8482" s="1" t="s">
        <v>32545</v>
      </c>
      <c r="I8482" s="1" t="s">
        <v>30200</v>
      </c>
      <c r="J8482" s="1" t="s">
        <v>32650</v>
      </c>
    </row>
    <row r="8483" spans="1:10" x14ac:dyDescent="0.35">
      <c r="A8483" s="1" t="s">
        <v>32651</v>
      </c>
      <c r="B8483" s="1" t="s">
        <v>30194</v>
      </c>
      <c r="C8483" s="1" t="s">
        <v>8</v>
      </c>
      <c r="D8483" s="1" t="s">
        <v>32652</v>
      </c>
      <c r="E8483" s="1" t="s">
        <v>32653</v>
      </c>
      <c r="F8483" s="1" t="s">
        <v>32654</v>
      </c>
      <c r="G8483" s="1" t="s">
        <v>32655</v>
      </c>
      <c r="H8483" s="1" t="s">
        <v>32656</v>
      </c>
      <c r="I8483" s="1" t="s">
        <v>30200</v>
      </c>
      <c r="J8483" s="1" t="s">
        <v>13</v>
      </c>
    </row>
    <row r="8484" spans="1:10" x14ac:dyDescent="0.35">
      <c r="A8484" s="1" t="s">
        <v>32651</v>
      </c>
      <c r="B8484" s="1" t="s">
        <v>30194</v>
      </c>
      <c r="C8484" s="1" t="s">
        <v>15</v>
      </c>
      <c r="D8484" s="1" t="s">
        <v>32657</v>
      </c>
      <c r="E8484" s="1" t="s">
        <v>32658</v>
      </c>
      <c r="F8484" s="1" t="s">
        <v>32659</v>
      </c>
      <c r="G8484" s="1" t="s">
        <v>32655</v>
      </c>
      <c r="H8484" s="1" t="s">
        <v>32656</v>
      </c>
      <c r="I8484" s="1" t="s">
        <v>30200</v>
      </c>
      <c r="J8484" s="1" t="s">
        <v>32660</v>
      </c>
    </row>
    <row r="8485" spans="1:10" x14ac:dyDescent="0.35">
      <c r="A8485" s="1" t="s">
        <v>32651</v>
      </c>
      <c r="B8485" s="1" t="s">
        <v>30194</v>
      </c>
      <c r="C8485" s="1" t="s">
        <v>20</v>
      </c>
      <c r="D8485" s="1" t="s">
        <v>32661</v>
      </c>
      <c r="E8485" s="1" t="s">
        <v>32662</v>
      </c>
      <c r="F8485" s="1" t="s">
        <v>32663</v>
      </c>
      <c r="G8485" s="1" t="s">
        <v>32655</v>
      </c>
      <c r="H8485" s="1" t="s">
        <v>32656</v>
      </c>
      <c r="I8485" s="1" t="s">
        <v>30200</v>
      </c>
      <c r="J8485" s="1" t="s">
        <v>32664</v>
      </c>
    </row>
    <row r="8486" spans="1:10" x14ac:dyDescent="0.35">
      <c r="A8486" s="1" t="s">
        <v>32651</v>
      </c>
      <c r="B8486" s="1" t="s">
        <v>30194</v>
      </c>
      <c r="C8486" s="1" t="s">
        <v>25</v>
      </c>
      <c r="D8486" s="1" t="s">
        <v>32665</v>
      </c>
      <c r="E8486" s="1" t="s">
        <v>32666</v>
      </c>
      <c r="F8486" s="1" t="s">
        <v>32667</v>
      </c>
      <c r="G8486" s="1" t="s">
        <v>32655</v>
      </c>
      <c r="H8486" s="1" t="s">
        <v>32656</v>
      </c>
      <c r="I8486" s="1" t="s">
        <v>30200</v>
      </c>
      <c r="J8486" s="1" t="s">
        <v>32668</v>
      </c>
    </row>
    <row r="8487" spans="1:10" x14ac:dyDescent="0.35">
      <c r="A8487" s="1" t="s">
        <v>32651</v>
      </c>
      <c r="B8487" s="1" t="s">
        <v>30194</v>
      </c>
      <c r="C8487" s="1" t="s">
        <v>30</v>
      </c>
      <c r="D8487" s="1" t="s">
        <v>32669</v>
      </c>
      <c r="E8487" s="1" t="s">
        <v>32670</v>
      </c>
      <c r="F8487" s="1" t="s">
        <v>32671</v>
      </c>
      <c r="G8487" s="1" t="s">
        <v>32655</v>
      </c>
      <c r="H8487" s="1" t="s">
        <v>32656</v>
      </c>
      <c r="I8487" s="1" t="s">
        <v>30200</v>
      </c>
      <c r="J8487" s="1" t="s">
        <v>32672</v>
      </c>
    </row>
    <row r="8488" spans="1:10" x14ac:dyDescent="0.35">
      <c r="A8488" s="1" t="s">
        <v>32651</v>
      </c>
      <c r="B8488" s="1" t="s">
        <v>30194</v>
      </c>
      <c r="C8488" s="1" t="s">
        <v>35</v>
      </c>
      <c r="D8488" s="1" t="s">
        <v>32673</v>
      </c>
      <c r="E8488" s="1" t="s">
        <v>32674</v>
      </c>
      <c r="F8488" s="1" t="s">
        <v>32675</v>
      </c>
      <c r="G8488" s="1" t="s">
        <v>32655</v>
      </c>
      <c r="H8488" s="1" t="s">
        <v>32656</v>
      </c>
      <c r="I8488" s="1" t="s">
        <v>30200</v>
      </c>
      <c r="J8488" s="1" t="s">
        <v>32676</v>
      </c>
    </row>
    <row r="8489" spans="1:10" x14ac:dyDescent="0.35">
      <c r="A8489" s="1" t="s">
        <v>32651</v>
      </c>
      <c r="B8489" s="1" t="s">
        <v>30194</v>
      </c>
      <c r="C8489" s="1" t="s">
        <v>40</v>
      </c>
      <c r="D8489" s="1" t="s">
        <v>32677</v>
      </c>
      <c r="E8489" s="1" t="s">
        <v>32678</v>
      </c>
      <c r="F8489" s="1" t="s">
        <v>32679</v>
      </c>
      <c r="G8489" s="1" t="s">
        <v>32655</v>
      </c>
      <c r="H8489" s="1" t="s">
        <v>32656</v>
      </c>
      <c r="I8489" s="1" t="s">
        <v>30200</v>
      </c>
      <c r="J8489" s="1" t="s">
        <v>32680</v>
      </c>
    </row>
    <row r="8490" spans="1:10" x14ac:dyDescent="0.35">
      <c r="A8490" s="1" t="s">
        <v>32651</v>
      </c>
      <c r="B8490" s="1" t="s">
        <v>30194</v>
      </c>
      <c r="C8490" s="1" t="s">
        <v>45</v>
      </c>
      <c r="D8490" s="1" t="s">
        <v>32681</v>
      </c>
      <c r="E8490" s="1" t="s">
        <v>32682</v>
      </c>
      <c r="F8490" s="1" t="s">
        <v>32683</v>
      </c>
      <c r="G8490" s="1" t="s">
        <v>32655</v>
      </c>
      <c r="H8490" s="1" t="s">
        <v>32656</v>
      </c>
      <c r="I8490" s="1" t="s">
        <v>30200</v>
      </c>
      <c r="J8490" s="1" t="s">
        <v>32684</v>
      </c>
    </row>
    <row r="8491" spans="1:10" x14ac:dyDescent="0.35">
      <c r="A8491" s="1" t="s">
        <v>32651</v>
      </c>
      <c r="B8491" s="1" t="s">
        <v>30194</v>
      </c>
      <c r="C8491" s="1" t="s">
        <v>50</v>
      </c>
      <c r="D8491" s="1" t="s">
        <v>32685</v>
      </c>
      <c r="E8491" s="1" t="s">
        <v>32686</v>
      </c>
      <c r="F8491" s="1" t="s">
        <v>32687</v>
      </c>
      <c r="G8491" s="1" t="s">
        <v>32655</v>
      </c>
      <c r="H8491" s="1" t="s">
        <v>32656</v>
      </c>
      <c r="I8491" s="1" t="s">
        <v>30200</v>
      </c>
      <c r="J8491" s="1" t="s">
        <v>32688</v>
      </c>
    </row>
    <row r="8492" spans="1:10" x14ac:dyDescent="0.35">
      <c r="A8492" s="1" t="s">
        <v>32651</v>
      </c>
      <c r="B8492" s="1" t="s">
        <v>30194</v>
      </c>
      <c r="C8492" s="1" t="s">
        <v>55</v>
      </c>
      <c r="D8492" s="1" t="s">
        <v>30686</v>
      </c>
      <c r="E8492" s="1" t="s">
        <v>32689</v>
      </c>
      <c r="F8492" s="1" t="s">
        <v>32690</v>
      </c>
      <c r="G8492" s="1" t="s">
        <v>32655</v>
      </c>
      <c r="H8492" s="1" t="s">
        <v>32656</v>
      </c>
      <c r="I8492" s="1" t="s">
        <v>30200</v>
      </c>
      <c r="J8492" s="1" t="s">
        <v>32691</v>
      </c>
    </row>
    <row r="8493" spans="1:10" x14ac:dyDescent="0.35">
      <c r="A8493" s="1" t="s">
        <v>32651</v>
      </c>
      <c r="B8493" s="1" t="s">
        <v>30194</v>
      </c>
      <c r="C8493" s="1" t="s">
        <v>60</v>
      </c>
      <c r="D8493" s="1" t="s">
        <v>32692</v>
      </c>
      <c r="E8493" s="1" t="s">
        <v>32693</v>
      </c>
      <c r="F8493" s="1" t="s">
        <v>32694</v>
      </c>
      <c r="G8493" s="1" t="s">
        <v>32655</v>
      </c>
      <c r="H8493" s="1" t="s">
        <v>32656</v>
      </c>
      <c r="I8493" s="1" t="s">
        <v>30200</v>
      </c>
      <c r="J8493" s="1" t="s">
        <v>32695</v>
      </c>
    </row>
    <row r="8494" spans="1:10" x14ac:dyDescent="0.35">
      <c r="A8494" s="1" t="s">
        <v>32651</v>
      </c>
      <c r="B8494" s="1" t="s">
        <v>30194</v>
      </c>
      <c r="C8494" s="1" t="s">
        <v>65</v>
      </c>
      <c r="D8494" s="1" t="s">
        <v>32696</v>
      </c>
      <c r="E8494" s="1" t="s">
        <v>32697</v>
      </c>
      <c r="F8494" s="1" t="s">
        <v>32698</v>
      </c>
      <c r="G8494" s="1" t="s">
        <v>32655</v>
      </c>
      <c r="H8494" s="1" t="s">
        <v>32656</v>
      </c>
      <c r="I8494" s="1" t="s">
        <v>30200</v>
      </c>
      <c r="J8494" s="1" t="s">
        <v>32699</v>
      </c>
    </row>
    <row r="8495" spans="1:10" x14ac:dyDescent="0.35">
      <c r="A8495" s="1" t="s">
        <v>32651</v>
      </c>
      <c r="B8495" s="1" t="s">
        <v>30194</v>
      </c>
      <c r="C8495" s="1" t="s">
        <v>70</v>
      </c>
      <c r="D8495" s="1" t="s">
        <v>18945</v>
      </c>
      <c r="E8495" s="1" t="s">
        <v>32700</v>
      </c>
      <c r="F8495" s="1" t="s">
        <v>32701</v>
      </c>
      <c r="G8495" s="1" t="s">
        <v>32655</v>
      </c>
      <c r="H8495" s="1" t="s">
        <v>32656</v>
      </c>
      <c r="I8495" s="1" t="s">
        <v>30200</v>
      </c>
      <c r="J8495" s="1" t="s">
        <v>32702</v>
      </c>
    </row>
    <row r="8496" spans="1:10" x14ac:dyDescent="0.35">
      <c r="A8496" s="1" t="s">
        <v>32651</v>
      </c>
      <c r="B8496" s="1" t="s">
        <v>30194</v>
      </c>
      <c r="C8496" s="1" t="s">
        <v>75</v>
      </c>
      <c r="D8496" s="1" t="s">
        <v>32703</v>
      </c>
      <c r="E8496" s="1" t="s">
        <v>32704</v>
      </c>
      <c r="F8496" s="1" t="s">
        <v>32705</v>
      </c>
      <c r="G8496" s="1" t="s">
        <v>32655</v>
      </c>
      <c r="H8496" s="1" t="s">
        <v>32656</v>
      </c>
      <c r="I8496" s="1" t="s">
        <v>30200</v>
      </c>
      <c r="J8496" s="1" t="s">
        <v>32706</v>
      </c>
    </row>
    <row r="8497" spans="1:10" x14ac:dyDescent="0.35">
      <c r="A8497" s="1" t="s">
        <v>32651</v>
      </c>
      <c r="B8497" s="1" t="s">
        <v>30194</v>
      </c>
      <c r="C8497" s="1" t="s">
        <v>80</v>
      </c>
      <c r="D8497" s="1" t="s">
        <v>32707</v>
      </c>
      <c r="E8497" s="1" t="s">
        <v>32708</v>
      </c>
      <c r="F8497" s="1" t="s">
        <v>32709</v>
      </c>
      <c r="G8497" s="1" t="s">
        <v>32655</v>
      </c>
      <c r="H8497" s="1" t="s">
        <v>32656</v>
      </c>
      <c r="I8497" s="1" t="s">
        <v>30200</v>
      </c>
      <c r="J8497" s="1" t="s">
        <v>32710</v>
      </c>
    </row>
    <row r="8498" spans="1:10" x14ac:dyDescent="0.35">
      <c r="A8498" s="1" t="s">
        <v>32651</v>
      </c>
      <c r="B8498" s="1" t="s">
        <v>30194</v>
      </c>
      <c r="C8498" s="1" t="s">
        <v>85</v>
      </c>
      <c r="D8498" s="1" t="s">
        <v>32711</v>
      </c>
      <c r="E8498" s="1" t="s">
        <v>32712</v>
      </c>
      <c r="F8498" s="1" t="s">
        <v>32713</v>
      </c>
      <c r="G8498" s="1" t="s">
        <v>32655</v>
      </c>
      <c r="H8498" s="1" t="s">
        <v>32656</v>
      </c>
      <c r="I8498" s="1" t="s">
        <v>30200</v>
      </c>
      <c r="J8498" s="1" t="s">
        <v>32714</v>
      </c>
    </row>
    <row r="8499" spans="1:10" x14ac:dyDescent="0.35">
      <c r="A8499" s="1" t="s">
        <v>32651</v>
      </c>
      <c r="B8499" s="1" t="s">
        <v>30194</v>
      </c>
      <c r="C8499" s="1" t="s">
        <v>90</v>
      </c>
      <c r="D8499" s="1" t="s">
        <v>32715</v>
      </c>
      <c r="E8499" s="1" t="s">
        <v>32716</v>
      </c>
      <c r="F8499" s="1" t="s">
        <v>32717</v>
      </c>
      <c r="G8499" s="1" t="s">
        <v>32655</v>
      </c>
      <c r="H8499" s="1" t="s">
        <v>32656</v>
      </c>
      <c r="I8499" s="1" t="s">
        <v>30200</v>
      </c>
      <c r="J8499" s="1" t="s">
        <v>32718</v>
      </c>
    </row>
    <row r="8500" spans="1:10" x14ac:dyDescent="0.35">
      <c r="A8500" s="1" t="s">
        <v>32651</v>
      </c>
      <c r="B8500" s="1" t="s">
        <v>30194</v>
      </c>
      <c r="C8500" s="1" t="s">
        <v>95</v>
      </c>
      <c r="D8500" s="1" t="s">
        <v>32719</v>
      </c>
      <c r="E8500" s="1" t="s">
        <v>32720</v>
      </c>
      <c r="F8500" s="1" t="s">
        <v>32721</v>
      </c>
      <c r="G8500" s="1" t="s">
        <v>32655</v>
      </c>
      <c r="H8500" s="1" t="s">
        <v>32656</v>
      </c>
      <c r="I8500" s="1" t="s">
        <v>30200</v>
      </c>
      <c r="J8500" s="1" t="s">
        <v>32722</v>
      </c>
    </row>
    <row r="8501" spans="1:10" x14ac:dyDescent="0.35">
      <c r="A8501" s="1" t="s">
        <v>32651</v>
      </c>
      <c r="B8501" s="1" t="s">
        <v>30194</v>
      </c>
      <c r="C8501" s="1" t="s">
        <v>100</v>
      </c>
      <c r="D8501" s="1" t="s">
        <v>32723</v>
      </c>
      <c r="E8501" s="1" t="s">
        <v>32724</v>
      </c>
      <c r="F8501" s="1" t="s">
        <v>32725</v>
      </c>
      <c r="G8501" s="1" t="s">
        <v>32655</v>
      </c>
      <c r="H8501" s="1" t="s">
        <v>32656</v>
      </c>
      <c r="I8501" s="1" t="s">
        <v>30200</v>
      </c>
      <c r="J8501" s="1" t="s">
        <v>32726</v>
      </c>
    </row>
    <row r="8502" spans="1:10" x14ac:dyDescent="0.35">
      <c r="A8502" s="1" t="s">
        <v>32651</v>
      </c>
      <c r="B8502" s="1" t="s">
        <v>30194</v>
      </c>
      <c r="C8502" s="1" t="s">
        <v>105</v>
      </c>
      <c r="D8502" s="1" t="s">
        <v>32727</v>
      </c>
      <c r="E8502" s="1" t="s">
        <v>32728</v>
      </c>
      <c r="F8502" s="1" t="s">
        <v>32729</v>
      </c>
      <c r="G8502" s="1" t="s">
        <v>32655</v>
      </c>
      <c r="H8502" s="1" t="s">
        <v>32656</v>
      </c>
      <c r="I8502" s="1" t="s">
        <v>30200</v>
      </c>
      <c r="J8502" s="1" t="s">
        <v>32730</v>
      </c>
    </row>
    <row r="8503" spans="1:10" x14ac:dyDescent="0.35">
      <c r="A8503" s="1" t="s">
        <v>32651</v>
      </c>
      <c r="B8503" s="1" t="s">
        <v>30194</v>
      </c>
      <c r="C8503" s="1" t="s">
        <v>110</v>
      </c>
      <c r="D8503" s="1" t="s">
        <v>32731</v>
      </c>
      <c r="E8503" s="1" t="s">
        <v>32732</v>
      </c>
      <c r="F8503" s="1" t="s">
        <v>32733</v>
      </c>
      <c r="G8503" s="1" t="s">
        <v>32655</v>
      </c>
      <c r="H8503" s="1" t="s">
        <v>32656</v>
      </c>
      <c r="I8503" s="1" t="s">
        <v>30200</v>
      </c>
      <c r="J8503" s="1" t="s">
        <v>32734</v>
      </c>
    </row>
    <row r="8504" spans="1:10" x14ac:dyDescent="0.35">
      <c r="A8504" s="1" t="s">
        <v>32651</v>
      </c>
      <c r="B8504" s="1" t="s">
        <v>30194</v>
      </c>
      <c r="C8504" s="1" t="s">
        <v>115</v>
      </c>
      <c r="D8504" s="1" t="s">
        <v>32735</v>
      </c>
      <c r="E8504" s="1" t="s">
        <v>32736</v>
      </c>
      <c r="F8504" s="1" t="s">
        <v>32737</v>
      </c>
      <c r="G8504" s="1" t="s">
        <v>32655</v>
      </c>
      <c r="H8504" s="1" t="s">
        <v>32656</v>
      </c>
      <c r="I8504" s="1" t="s">
        <v>30200</v>
      </c>
      <c r="J8504" s="1" t="s">
        <v>32738</v>
      </c>
    </row>
    <row r="8505" spans="1:10" x14ac:dyDescent="0.35">
      <c r="A8505" s="1" t="s">
        <v>32651</v>
      </c>
      <c r="B8505" s="1" t="s">
        <v>30194</v>
      </c>
      <c r="C8505" s="1" t="s">
        <v>120</v>
      </c>
      <c r="D8505" s="1" t="s">
        <v>32739</v>
      </c>
      <c r="E8505" s="1" t="s">
        <v>32740</v>
      </c>
      <c r="F8505" s="1" t="s">
        <v>32741</v>
      </c>
      <c r="G8505" s="1" t="s">
        <v>32655</v>
      </c>
      <c r="H8505" s="1" t="s">
        <v>32656</v>
      </c>
      <c r="I8505" s="1" t="s">
        <v>30200</v>
      </c>
      <c r="J8505" s="1" t="s">
        <v>32742</v>
      </c>
    </row>
    <row r="8506" spans="1:10" x14ac:dyDescent="0.35">
      <c r="A8506" s="1" t="s">
        <v>32651</v>
      </c>
      <c r="B8506" s="1" t="s">
        <v>30194</v>
      </c>
      <c r="C8506" s="1" t="s">
        <v>125</v>
      </c>
      <c r="D8506" s="1" t="s">
        <v>32743</v>
      </c>
      <c r="E8506" s="1" t="s">
        <v>32744</v>
      </c>
      <c r="F8506" s="1" t="s">
        <v>32745</v>
      </c>
      <c r="G8506" s="1" t="s">
        <v>32655</v>
      </c>
      <c r="H8506" s="1" t="s">
        <v>32656</v>
      </c>
      <c r="I8506" s="1" t="s">
        <v>30200</v>
      </c>
      <c r="J8506" s="1" t="s">
        <v>32746</v>
      </c>
    </row>
    <row r="8507" spans="1:10" x14ac:dyDescent="0.35">
      <c r="A8507" s="1" t="s">
        <v>32651</v>
      </c>
      <c r="B8507" s="1" t="s">
        <v>30194</v>
      </c>
      <c r="C8507" s="1" t="s">
        <v>130</v>
      </c>
      <c r="D8507" s="1" t="s">
        <v>32747</v>
      </c>
      <c r="E8507" s="1" t="s">
        <v>32748</v>
      </c>
      <c r="F8507" s="1" t="s">
        <v>32749</v>
      </c>
      <c r="G8507" s="1" t="s">
        <v>32655</v>
      </c>
      <c r="H8507" s="1" t="s">
        <v>32656</v>
      </c>
      <c r="I8507" s="1" t="s">
        <v>30200</v>
      </c>
      <c r="J8507" s="1" t="s">
        <v>32750</v>
      </c>
    </row>
    <row r="8508" spans="1:10" x14ac:dyDescent="0.35">
      <c r="A8508" s="1" t="s">
        <v>32651</v>
      </c>
      <c r="B8508" s="1" t="s">
        <v>30194</v>
      </c>
      <c r="C8508" s="1" t="s">
        <v>135</v>
      </c>
      <c r="D8508" s="1" t="s">
        <v>32751</v>
      </c>
      <c r="E8508" s="1" t="s">
        <v>32752</v>
      </c>
      <c r="F8508" s="1" t="s">
        <v>32753</v>
      </c>
      <c r="G8508" s="1" t="s">
        <v>32655</v>
      </c>
      <c r="H8508" s="1" t="s">
        <v>32656</v>
      </c>
      <c r="I8508" s="1" t="s">
        <v>30200</v>
      </c>
      <c r="J8508" s="1" t="s">
        <v>32754</v>
      </c>
    </row>
    <row r="8509" spans="1:10" x14ac:dyDescent="0.35">
      <c r="A8509" s="1" t="s">
        <v>32651</v>
      </c>
      <c r="B8509" s="1" t="s">
        <v>30194</v>
      </c>
      <c r="C8509" s="1" t="s">
        <v>140</v>
      </c>
      <c r="D8509" s="1" t="s">
        <v>32755</v>
      </c>
      <c r="E8509" s="1" t="s">
        <v>32756</v>
      </c>
      <c r="F8509" s="1" t="s">
        <v>32757</v>
      </c>
      <c r="G8509" s="1" t="s">
        <v>32655</v>
      </c>
      <c r="H8509" s="1" t="s">
        <v>32656</v>
      </c>
      <c r="I8509" s="1" t="s">
        <v>30200</v>
      </c>
      <c r="J8509" s="1" t="s">
        <v>32758</v>
      </c>
    </row>
    <row r="8510" spans="1:10" x14ac:dyDescent="0.35">
      <c r="A8510" s="1" t="s">
        <v>32651</v>
      </c>
      <c r="B8510" s="1" t="s">
        <v>30194</v>
      </c>
      <c r="C8510" s="1" t="s">
        <v>145</v>
      </c>
      <c r="D8510" s="1" t="s">
        <v>32759</v>
      </c>
      <c r="E8510" s="1" t="s">
        <v>32760</v>
      </c>
      <c r="F8510" s="1" t="s">
        <v>32761</v>
      </c>
      <c r="G8510" s="1" t="s">
        <v>32655</v>
      </c>
      <c r="H8510" s="1" t="s">
        <v>32656</v>
      </c>
      <c r="I8510" s="1" t="s">
        <v>30200</v>
      </c>
      <c r="J8510" s="1" t="s">
        <v>32762</v>
      </c>
    </row>
    <row r="8511" spans="1:10" x14ac:dyDescent="0.35">
      <c r="A8511" s="1" t="s">
        <v>32651</v>
      </c>
      <c r="B8511" s="1" t="s">
        <v>30194</v>
      </c>
      <c r="C8511" s="1" t="s">
        <v>150</v>
      </c>
      <c r="D8511" s="1" t="s">
        <v>32527</v>
      </c>
      <c r="E8511" s="1" t="s">
        <v>32763</v>
      </c>
      <c r="F8511" s="1" t="s">
        <v>32764</v>
      </c>
      <c r="G8511" s="1" t="s">
        <v>32655</v>
      </c>
      <c r="H8511" s="1" t="s">
        <v>32656</v>
      </c>
      <c r="I8511" s="1" t="s">
        <v>30200</v>
      </c>
      <c r="J8511" s="1" t="s">
        <v>32765</v>
      </c>
    </row>
    <row r="8512" spans="1:10" x14ac:dyDescent="0.35">
      <c r="A8512" s="1" t="s">
        <v>32651</v>
      </c>
      <c r="B8512" s="1" t="s">
        <v>30194</v>
      </c>
      <c r="C8512" s="1" t="s">
        <v>155</v>
      </c>
      <c r="D8512" s="1" t="s">
        <v>32766</v>
      </c>
      <c r="E8512" s="1" t="s">
        <v>32767</v>
      </c>
      <c r="F8512" s="1" t="s">
        <v>32768</v>
      </c>
      <c r="G8512" s="1" t="s">
        <v>32655</v>
      </c>
      <c r="H8512" s="1" t="s">
        <v>32656</v>
      </c>
      <c r="I8512" s="1" t="s">
        <v>30200</v>
      </c>
      <c r="J8512" s="1" t="s">
        <v>32769</v>
      </c>
    </row>
    <row r="8513" spans="1:10" x14ac:dyDescent="0.35">
      <c r="A8513" s="1" t="s">
        <v>32651</v>
      </c>
      <c r="B8513" s="1" t="s">
        <v>30194</v>
      </c>
      <c r="C8513" s="1" t="s">
        <v>160</v>
      </c>
      <c r="D8513" s="1" t="s">
        <v>32770</v>
      </c>
      <c r="E8513" s="1" t="s">
        <v>32771</v>
      </c>
      <c r="F8513" s="1" t="s">
        <v>32772</v>
      </c>
      <c r="G8513" s="1" t="s">
        <v>32655</v>
      </c>
      <c r="H8513" s="1" t="s">
        <v>32656</v>
      </c>
      <c r="I8513" s="1" t="s">
        <v>30200</v>
      </c>
      <c r="J8513" s="1" t="s">
        <v>32773</v>
      </c>
    </row>
    <row r="8514" spans="1:10" x14ac:dyDescent="0.35">
      <c r="A8514" s="1" t="s">
        <v>32651</v>
      </c>
      <c r="B8514" s="1" t="s">
        <v>30194</v>
      </c>
      <c r="C8514" s="1" t="s">
        <v>165</v>
      </c>
      <c r="D8514" s="1" t="s">
        <v>32774</v>
      </c>
      <c r="E8514" s="1" t="s">
        <v>32775</v>
      </c>
      <c r="F8514" s="1" t="s">
        <v>32776</v>
      </c>
      <c r="G8514" s="1" t="s">
        <v>32655</v>
      </c>
      <c r="H8514" s="1" t="s">
        <v>32656</v>
      </c>
      <c r="I8514" s="1" t="s">
        <v>30200</v>
      </c>
      <c r="J8514" s="1" t="s">
        <v>32777</v>
      </c>
    </row>
    <row r="8515" spans="1:10" x14ac:dyDescent="0.35">
      <c r="A8515" s="1" t="s">
        <v>32651</v>
      </c>
      <c r="B8515" s="1" t="s">
        <v>30194</v>
      </c>
      <c r="C8515" s="1" t="s">
        <v>170</v>
      </c>
      <c r="D8515" s="1" t="s">
        <v>32778</v>
      </c>
      <c r="E8515" s="1" t="s">
        <v>32779</v>
      </c>
      <c r="F8515" s="1" t="s">
        <v>32780</v>
      </c>
      <c r="G8515" s="1" t="s">
        <v>32655</v>
      </c>
      <c r="H8515" s="1" t="s">
        <v>32656</v>
      </c>
      <c r="I8515" s="1" t="s">
        <v>30200</v>
      </c>
      <c r="J8515" s="1" t="s">
        <v>32781</v>
      </c>
    </row>
    <row r="8516" spans="1:10" x14ac:dyDescent="0.35">
      <c r="A8516" s="1" t="s">
        <v>32782</v>
      </c>
      <c r="B8516" s="1" t="s">
        <v>30194</v>
      </c>
      <c r="C8516" s="1" t="s">
        <v>8</v>
      </c>
      <c r="D8516" s="1" t="s">
        <v>32783</v>
      </c>
      <c r="E8516" s="1" t="s">
        <v>32784</v>
      </c>
      <c r="F8516" s="1" t="s">
        <v>32785</v>
      </c>
      <c r="G8516" s="1" t="s">
        <v>32786</v>
      </c>
      <c r="H8516" s="1" t="s">
        <v>32787</v>
      </c>
      <c r="I8516" s="1" t="s">
        <v>30200</v>
      </c>
      <c r="J8516" s="1" t="s">
        <v>13</v>
      </c>
    </row>
    <row r="8517" spans="1:10" x14ac:dyDescent="0.35">
      <c r="A8517" s="1" t="s">
        <v>32782</v>
      </c>
      <c r="B8517" s="1" t="s">
        <v>30194</v>
      </c>
      <c r="C8517" s="1" t="s">
        <v>15</v>
      </c>
      <c r="D8517" s="1" t="s">
        <v>32788</v>
      </c>
      <c r="E8517" s="1" t="s">
        <v>32789</v>
      </c>
      <c r="F8517" s="1" t="s">
        <v>32790</v>
      </c>
      <c r="G8517" s="1" t="s">
        <v>32786</v>
      </c>
      <c r="H8517" s="1" t="s">
        <v>32787</v>
      </c>
      <c r="I8517" s="1" t="s">
        <v>30200</v>
      </c>
      <c r="J8517" s="1" t="s">
        <v>32791</v>
      </c>
    </row>
    <row r="8518" spans="1:10" x14ac:dyDescent="0.35">
      <c r="A8518" s="1" t="s">
        <v>32782</v>
      </c>
      <c r="B8518" s="1" t="s">
        <v>30194</v>
      </c>
      <c r="C8518" s="1" t="s">
        <v>20</v>
      </c>
      <c r="D8518" s="1" t="s">
        <v>32792</v>
      </c>
      <c r="E8518" s="1" t="s">
        <v>32793</v>
      </c>
      <c r="F8518" s="1" t="s">
        <v>32794</v>
      </c>
      <c r="G8518" s="1" t="s">
        <v>32786</v>
      </c>
      <c r="H8518" s="1" t="s">
        <v>32787</v>
      </c>
      <c r="I8518" s="1" t="s">
        <v>30200</v>
      </c>
      <c r="J8518" s="1" t="s">
        <v>32795</v>
      </c>
    </row>
    <row r="8519" spans="1:10" x14ac:dyDescent="0.35">
      <c r="A8519" s="1" t="s">
        <v>32782</v>
      </c>
      <c r="B8519" s="1" t="s">
        <v>30194</v>
      </c>
      <c r="C8519" s="1" t="s">
        <v>25</v>
      </c>
      <c r="D8519" s="1" t="s">
        <v>17867</v>
      </c>
      <c r="E8519" s="1" t="s">
        <v>32796</v>
      </c>
      <c r="F8519" s="1" t="s">
        <v>32797</v>
      </c>
      <c r="G8519" s="1" t="s">
        <v>32786</v>
      </c>
      <c r="H8519" s="1" t="s">
        <v>32787</v>
      </c>
      <c r="I8519" s="1" t="s">
        <v>30200</v>
      </c>
      <c r="J8519" s="1" t="s">
        <v>32798</v>
      </c>
    </row>
    <row r="8520" spans="1:10" x14ac:dyDescent="0.35">
      <c r="A8520" s="1" t="s">
        <v>32782</v>
      </c>
      <c r="B8520" s="1" t="s">
        <v>30194</v>
      </c>
      <c r="C8520" s="1" t="s">
        <v>30</v>
      </c>
      <c r="D8520" s="1" t="s">
        <v>32799</v>
      </c>
      <c r="E8520" s="1" t="s">
        <v>32800</v>
      </c>
      <c r="F8520" s="1" t="s">
        <v>32801</v>
      </c>
      <c r="G8520" s="1" t="s">
        <v>32786</v>
      </c>
      <c r="H8520" s="1" t="s">
        <v>32787</v>
      </c>
      <c r="I8520" s="1" t="s">
        <v>30200</v>
      </c>
      <c r="J8520" s="1" t="s">
        <v>32802</v>
      </c>
    </row>
    <row r="8521" spans="1:10" x14ac:dyDescent="0.35">
      <c r="A8521" s="1" t="s">
        <v>32782</v>
      </c>
      <c r="B8521" s="1" t="s">
        <v>30194</v>
      </c>
      <c r="C8521" s="1" t="s">
        <v>35</v>
      </c>
      <c r="D8521" s="1" t="s">
        <v>16057</v>
      </c>
      <c r="E8521" s="1" t="s">
        <v>32803</v>
      </c>
      <c r="F8521" s="1" t="s">
        <v>32804</v>
      </c>
      <c r="G8521" s="1" t="s">
        <v>32786</v>
      </c>
      <c r="H8521" s="1" t="s">
        <v>32787</v>
      </c>
      <c r="I8521" s="1" t="s">
        <v>30200</v>
      </c>
      <c r="J8521" s="1" t="s">
        <v>32805</v>
      </c>
    </row>
    <row r="8522" spans="1:10" x14ac:dyDescent="0.35">
      <c r="A8522" s="1" t="s">
        <v>32782</v>
      </c>
      <c r="B8522" s="1" t="s">
        <v>30194</v>
      </c>
      <c r="C8522" s="1" t="s">
        <v>40</v>
      </c>
      <c r="D8522" s="1" t="s">
        <v>32806</v>
      </c>
      <c r="E8522" s="1" t="s">
        <v>32807</v>
      </c>
      <c r="F8522" s="1" t="s">
        <v>32808</v>
      </c>
      <c r="G8522" s="1" t="s">
        <v>32786</v>
      </c>
      <c r="H8522" s="1" t="s">
        <v>32787</v>
      </c>
      <c r="I8522" s="1" t="s">
        <v>30200</v>
      </c>
      <c r="J8522" s="1" t="s">
        <v>32809</v>
      </c>
    </row>
    <row r="8523" spans="1:10" x14ac:dyDescent="0.35">
      <c r="A8523" s="1" t="s">
        <v>32782</v>
      </c>
      <c r="B8523" s="1" t="s">
        <v>30194</v>
      </c>
      <c r="C8523" s="1" t="s">
        <v>45</v>
      </c>
      <c r="D8523" s="1" t="s">
        <v>31370</v>
      </c>
      <c r="E8523" s="1" t="s">
        <v>32810</v>
      </c>
      <c r="F8523" s="1" t="s">
        <v>32811</v>
      </c>
      <c r="G8523" s="1" t="s">
        <v>32786</v>
      </c>
      <c r="H8523" s="1" t="s">
        <v>32787</v>
      </c>
      <c r="I8523" s="1" t="s">
        <v>30200</v>
      </c>
      <c r="J8523" s="1" t="s">
        <v>32812</v>
      </c>
    </row>
    <row r="8524" spans="1:10" x14ac:dyDescent="0.35">
      <c r="A8524" s="1" t="s">
        <v>32782</v>
      </c>
      <c r="B8524" s="1" t="s">
        <v>30194</v>
      </c>
      <c r="C8524" s="1" t="s">
        <v>50</v>
      </c>
      <c r="D8524" s="1" t="s">
        <v>32813</v>
      </c>
      <c r="E8524" s="1" t="s">
        <v>32814</v>
      </c>
      <c r="F8524" s="1" t="s">
        <v>32815</v>
      </c>
      <c r="G8524" s="1" t="s">
        <v>32786</v>
      </c>
      <c r="H8524" s="1" t="s">
        <v>32787</v>
      </c>
      <c r="I8524" s="1" t="s">
        <v>30200</v>
      </c>
      <c r="J8524" s="1" t="s">
        <v>32816</v>
      </c>
    </row>
    <row r="8525" spans="1:10" x14ac:dyDescent="0.35">
      <c r="A8525" s="1" t="s">
        <v>32782</v>
      </c>
      <c r="B8525" s="1" t="s">
        <v>30194</v>
      </c>
      <c r="C8525" s="1" t="s">
        <v>55</v>
      </c>
      <c r="D8525" s="1" t="s">
        <v>32817</v>
      </c>
      <c r="E8525" s="1" t="s">
        <v>32818</v>
      </c>
      <c r="F8525" s="1" t="s">
        <v>32819</v>
      </c>
      <c r="G8525" s="1" t="s">
        <v>32786</v>
      </c>
      <c r="H8525" s="1" t="s">
        <v>32787</v>
      </c>
      <c r="I8525" s="1" t="s">
        <v>30200</v>
      </c>
      <c r="J8525" s="1" t="s">
        <v>32820</v>
      </c>
    </row>
    <row r="8526" spans="1:10" x14ac:dyDescent="0.35">
      <c r="A8526" s="1" t="s">
        <v>32782</v>
      </c>
      <c r="B8526" s="1" t="s">
        <v>30194</v>
      </c>
      <c r="C8526" s="1" t="s">
        <v>60</v>
      </c>
      <c r="D8526" s="1" t="s">
        <v>32821</v>
      </c>
      <c r="E8526" s="1" t="s">
        <v>32822</v>
      </c>
      <c r="F8526" s="1" t="s">
        <v>32823</v>
      </c>
      <c r="G8526" s="1" t="s">
        <v>32786</v>
      </c>
      <c r="H8526" s="1" t="s">
        <v>32787</v>
      </c>
      <c r="I8526" s="1" t="s">
        <v>30200</v>
      </c>
      <c r="J8526" s="1" t="s">
        <v>32824</v>
      </c>
    </row>
    <row r="8527" spans="1:10" x14ac:dyDescent="0.35">
      <c r="A8527" s="1" t="s">
        <v>32782</v>
      </c>
      <c r="B8527" s="1" t="s">
        <v>30194</v>
      </c>
      <c r="C8527" s="1" t="s">
        <v>65</v>
      </c>
      <c r="D8527" s="1" t="s">
        <v>5163</v>
      </c>
      <c r="E8527" s="1" t="s">
        <v>32825</v>
      </c>
      <c r="F8527" s="1" t="s">
        <v>32826</v>
      </c>
      <c r="G8527" s="1" t="s">
        <v>32786</v>
      </c>
      <c r="H8527" s="1" t="s">
        <v>32787</v>
      </c>
      <c r="I8527" s="1" t="s">
        <v>30200</v>
      </c>
      <c r="J8527" s="1" t="s">
        <v>32827</v>
      </c>
    </row>
    <row r="8528" spans="1:10" x14ac:dyDescent="0.35">
      <c r="A8528" s="1" t="s">
        <v>32782</v>
      </c>
      <c r="B8528" s="1" t="s">
        <v>30194</v>
      </c>
      <c r="C8528" s="1" t="s">
        <v>70</v>
      </c>
      <c r="D8528" s="1" t="s">
        <v>17214</v>
      </c>
      <c r="E8528" s="1" t="s">
        <v>32828</v>
      </c>
      <c r="F8528" s="1" t="s">
        <v>32829</v>
      </c>
      <c r="G8528" s="1" t="s">
        <v>32786</v>
      </c>
      <c r="H8528" s="1" t="s">
        <v>32787</v>
      </c>
      <c r="I8528" s="1" t="s">
        <v>30200</v>
      </c>
      <c r="J8528" s="1" t="s">
        <v>32830</v>
      </c>
    </row>
    <row r="8529" spans="1:10" x14ac:dyDescent="0.35">
      <c r="A8529" s="1" t="s">
        <v>32782</v>
      </c>
      <c r="B8529" s="1" t="s">
        <v>30194</v>
      </c>
      <c r="C8529" s="1" t="s">
        <v>75</v>
      </c>
      <c r="D8529" s="1" t="s">
        <v>32831</v>
      </c>
      <c r="E8529" s="1" t="s">
        <v>32832</v>
      </c>
      <c r="F8529" s="1" t="s">
        <v>32833</v>
      </c>
      <c r="G8529" s="1" t="s">
        <v>32786</v>
      </c>
      <c r="H8529" s="1" t="s">
        <v>32787</v>
      </c>
      <c r="I8529" s="1" t="s">
        <v>30200</v>
      </c>
      <c r="J8529" s="1" t="s">
        <v>32834</v>
      </c>
    </row>
    <row r="8530" spans="1:10" x14ac:dyDescent="0.35">
      <c r="A8530" s="1" t="s">
        <v>32782</v>
      </c>
      <c r="B8530" s="1" t="s">
        <v>30194</v>
      </c>
      <c r="C8530" s="1" t="s">
        <v>80</v>
      </c>
      <c r="D8530" s="1" t="s">
        <v>32835</v>
      </c>
      <c r="E8530" s="1" t="s">
        <v>32836</v>
      </c>
      <c r="F8530" s="1" t="s">
        <v>32837</v>
      </c>
      <c r="G8530" s="1" t="s">
        <v>32786</v>
      </c>
      <c r="H8530" s="1" t="s">
        <v>32787</v>
      </c>
      <c r="I8530" s="1" t="s">
        <v>30200</v>
      </c>
      <c r="J8530" s="1" t="s">
        <v>32838</v>
      </c>
    </row>
    <row r="8531" spans="1:10" x14ac:dyDescent="0.35">
      <c r="A8531" s="1" t="s">
        <v>32782</v>
      </c>
      <c r="B8531" s="1" t="s">
        <v>30194</v>
      </c>
      <c r="C8531" s="1" t="s">
        <v>85</v>
      </c>
      <c r="D8531" s="1" t="s">
        <v>32839</v>
      </c>
      <c r="E8531" s="1" t="s">
        <v>32840</v>
      </c>
      <c r="F8531" s="1" t="s">
        <v>32841</v>
      </c>
      <c r="G8531" s="1" t="s">
        <v>32786</v>
      </c>
      <c r="H8531" s="1" t="s">
        <v>32787</v>
      </c>
      <c r="I8531" s="1" t="s">
        <v>30200</v>
      </c>
      <c r="J8531" s="1" t="s">
        <v>32842</v>
      </c>
    </row>
    <row r="8532" spans="1:10" x14ac:dyDescent="0.35">
      <c r="A8532" s="1" t="s">
        <v>32782</v>
      </c>
      <c r="B8532" s="1" t="s">
        <v>30194</v>
      </c>
      <c r="C8532" s="1" t="s">
        <v>90</v>
      </c>
      <c r="D8532" s="1" t="s">
        <v>15659</v>
      </c>
      <c r="E8532" s="1" t="s">
        <v>32843</v>
      </c>
      <c r="F8532" s="1" t="s">
        <v>32844</v>
      </c>
      <c r="G8532" s="1" t="s">
        <v>32786</v>
      </c>
      <c r="H8532" s="1" t="s">
        <v>32787</v>
      </c>
      <c r="I8532" s="1" t="s">
        <v>30200</v>
      </c>
      <c r="J8532" s="1" t="s">
        <v>32845</v>
      </c>
    </row>
    <row r="8533" spans="1:10" x14ac:dyDescent="0.35">
      <c r="A8533" s="1" t="s">
        <v>32782</v>
      </c>
      <c r="B8533" s="1" t="s">
        <v>30194</v>
      </c>
      <c r="C8533" s="1" t="s">
        <v>95</v>
      </c>
      <c r="D8533" s="1" t="s">
        <v>32846</v>
      </c>
      <c r="E8533" s="1" t="s">
        <v>32847</v>
      </c>
      <c r="F8533" s="1" t="s">
        <v>32848</v>
      </c>
      <c r="G8533" s="1" t="s">
        <v>32786</v>
      </c>
      <c r="H8533" s="1" t="s">
        <v>32787</v>
      </c>
      <c r="I8533" s="1" t="s">
        <v>30200</v>
      </c>
      <c r="J8533" s="1" t="s">
        <v>32849</v>
      </c>
    </row>
    <row r="8534" spans="1:10" x14ac:dyDescent="0.35">
      <c r="A8534" s="1" t="s">
        <v>32782</v>
      </c>
      <c r="B8534" s="1" t="s">
        <v>30194</v>
      </c>
      <c r="C8534" s="1" t="s">
        <v>100</v>
      </c>
      <c r="D8534" s="1" t="s">
        <v>32850</v>
      </c>
      <c r="E8534" s="1" t="s">
        <v>32851</v>
      </c>
      <c r="F8534" s="1" t="s">
        <v>32852</v>
      </c>
      <c r="G8534" s="1" t="s">
        <v>32786</v>
      </c>
      <c r="H8534" s="1" t="s">
        <v>32787</v>
      </c>
      <c r="I8534" s="1" t="s">
        <v>30200</v>
      </c>
      <c r="J8534" s="1" t="s">
        <v>32853</v>
      </c>
    </row>
    <row r="8535" spans="1:10" x14ac:dyDescent="0.35">
      <c r="A8535" s="1" t="s">
        <v>32782</v>
      </c>
      <c r="B8535" s="1" t="s">
        <v>30194</v>
      </c>
      <c r="C8535" s="1" t="s">
        <v>105</v>
      </c>
      <c r="D8535" s="1" t="s">
        <v>30901</v>
      </c>
      <c r="E8535" s="1" t="s">
        <v>32851</v>
      </c>
      <c r="F8535" s="1" t="s">
        <v>32854</v>
      </c>
      <c r="G8535" s="1" t="s">
        <v>32786</v>
      </c>
      <c r="H8535" s="1" t="s">
        <v>32787</v>
      </c>
      <c r="I8535" s="1" t="s">
        <v>30200</v>
      </c>
      <c r="J8535" s="1" t="s">
        <v>32855</v>
      </c>
    </row>
    <row r="8536" spans="1:10" x14ac:dyDescent="0.35">
      <c r="A8536" s="1" t="s">
        <v>32782</v>
      </c>
      <c r="B8536" s="1" t="s">
        <v>30194</v>
      </c>
      <c r="C8536" s="1" t="s">
        <v>110</v>
      </c>
      <c r="D8536" s="1" t="s">
        <v>32856</v>
      </c>
      <c r="E8536" s="1" t="s">
        <v>32857</v>
      </c>
      <c r="F8536" s="1" t="s">
        <v>32858</v>
      </c>
      <c r="G8536" s="1" t="s">
        <v>32786</v>
      </c>
      <c r="H8536" s="1" t="s">
        <v>32787</v>
      </c>
      <c r="I8536" s="1" t="s">
        <v>30200</v>
      </c>
      <c r="J8536" s="1" t="s">
        <v>32859</v>
      </c>
    </row>
    <row r="8537" spans="1:10" x14ac:dyDescent="0.35">
      <c r="A8537" s="1" t="s">
        <v>32782</v>
      </c>
      <c r="B8537" s="1" t="s">
        <v>30194</v>
      </c>
      <c r="C8537" s="1" t="s">
        <v>115</v>
      </c>
      <c r="D8537" s="1" t="s">
        <v>32692</v>
      </c>
      <c r="E8537" s="1" t="s">
        <v>32860</v>
      </c>
      <c r="F8537" s="1" t="s">
        <v>32861</v>
      </c>
      <c r="G8537" s="1" t="s">
        <v>32786</v>
      </c>
      <c r="H8537" s="1" t="s">
        <v>32787</v>
      </c>
      <c r="I8537" s="1" t="s">
        <v>30200</v>
      </c>
      <c r="J8537" s="1" t="s">
        <v>32862</v>
      </c>
    </row>
    <row r="8538" spans="1:10" x14ac:dyDescent="0.35">
      <c r="A8538" s="1" t="s">
        <v>32782</v>
      </c>
      <c r="B8538" s="1" t="s">
        <v>30194</v>
      </c>
      <c r="C8538" s="1" t="s">
        <v>120</v>
      </c>
      <c r="D8538" s="1" t="s">
        <v>32863</v>
      </c>
      <c r="E8538" s="1" t="s">
        <v>32864</v>
      </c>
      <c r="F8538" s="1" t="s">
        <v>32865</v>
      </c>
      <c r="G8538" s="1" t="s">
        <v>32786</v>
      </c>
      <c r="H8538" s="1" t="s">
        <v>32787</v>
      </c>
      <c r="I8538" s="1" t="s">
        <v>30200</v>
      </c>
      <c r="J8538" s="1" t="s">
        <v>32866</v>
      </c>
    </row>
    <row r="8539" spans="1:10" x14ac:dyDescent="0.35">
      <c r="A8539" s="1" t="s">
        <v>32782</v>
      </c>
      <c r="B8539" s="1" t="s">
        <v>30194</v>
      </c>
      <c r="C8539" s="1" t="s">
        <v>125</v>
      </c>
      <c r="D8539" s="1" t="s">
        <v>32867</v>
      </c>
      <c r="E8539" s="1" t="s">
        <v>32868</v>
      </c>
      <c r="F8539" s="1" t="s">
        <v>32869</v>
      </c>
      <c r="G8539" s="1" t="s">
        <v>32786</v>
      </c>
      <c r="H8539" s="1" t="s">
        <v>32787</v>
      </c>
      <c r="I8539" s="1" t="s">
        <v>30200</v>
      </c>
      <c r="J8539" s="1" t="s">
        <v>32870</v>
      </c>
    </row>
    <row r="8540" spans="1:10" x14ac:dyDescent="0.35">
      <c r="A8540" s="1" t="s">
        <v>32782</v>
      </c>
      <c r="B8540" s="1" t="s">
        <v>30194</v>
      </c>
      <c r="C8540" s="1" t="s">
        <v>130</v>
      </c>
      <c r="D8540" s="1" t="s">
        <v>18173</v>
      </c>
      <c r="E8540" s="1" t="s">
        <v>32871</v>
      </c>
      <c r="F8540" s="1" t="s">
        <v>32872</v>
      </c>
      <c r="G8540" s="1" t="s">
        <v>32786</v>
      </c>
      <c r="H8540" s="1" t="s">
        <v>32787</v>
      </c>
      <c r="I8540" s="1" t="s">
        <v>30200</v>
      </c>
      <c r="J8540" s="1" t="s">
        <v>32873</v>
      </c>
    </row>
    <row r="8541" spans="1:10" x14ac:dyDescent="0.35">
      <c r="A8541" s="1" t="s">
        <v>32782</v>
      </c>
      <c r="B8541" s="1" t="s">
        <v>30194</v>
      </c>
      <c r="C8541" s="1" t="s">
        <v>135</v>
      </c>
      <c r="D8541" s="1" t="s">
        <v>32874</v>
      </c>
      <c r="E8541" s="1" t="s">
        <v>32875</v>
      </c>
      <c r="F8541" s="1" t="s">
        <v>32876</v>
      </c>
      <c r="G8541" s="1" t="s">
        <v>32786</v>
      </c>
      <c r="H8541" s="1" t="s">
        <v>32787</v>
      </c>
      <c r="I8541" s="1" t="s">
        <v>30200</v>
      </c>
      <c r="J8541" s="1" t="s">
        <v>32877</v>
      </c>
    </row>
    <row r="8542" spans="1:10" x14ac:dyDescent="0.35">
      <c r="A8542" s="1" t="s">
        <v>32782</v>
      </c>
      <c r="B8542" s="1" t="s">
        <v>30194</v>
      </c>
      <c r="C8542" s="1" t="s">
        <v>140</v>
      </c>
      <c r="D8542" s="1" t="s">
        <v>32878</v>
      </c>
      <c r="E8542" s="1" t="s">
        <v>32879</v>
      </c>
      <c r="F8542" s="1" t="s">
        <v>32880</v>
      </c>
      <c r="G8542" s="1" t="s">
        <v>32786</v>
      </c>
      <c r="H8542" s="1" t="s">
        <v>32787</v>
      </c>
      <c r="I8542" s="1" t="s">
        <v>30200</v>
      </c>
      <c r="J8542" s="1" t="s">
        <v>32881</v>
      </c>
    </row>
    <row r="8543" spans="1:10" x14ac:dyDescent="0.35">
      <c r="A8543" s="1" t="s">
        <v>32782</v>
      </c>
      <c r="B8543" s="1" t="s">
        <v>30194</v>
      </c>
      <c r="C8543" s="1" t="s">
        <v>145</v>
      </c>
      <c r="D8543" s="1" t="s">
        <v>32882</v>
      </c>
      <c r="E8543" s="1" t="s">
        <v>32883</v>
      </c>
      <c r="F8543" s="1" t="s">
        <v>32884</v>
      </c>
      <c r="G8543" s="1" t="s">
        <v>32786</v>
      </c>
      <c r="H8543" s="1" t="s">
        <v>32787</v>
      </c>
      <c r="I8543" s="1" t="s">
        <v>30200</v>
      </c>
      <c r="J8543" s="1" t="s">
        <v>32885</v>
      </c>
    </row>
    <row r="8544" spans="1:10" x14ac:dyDescent="0.35">
      <c r="A8544" s="1" t="s">
        <v>32782</v>
      </c>
      <c r="B8544" s="1" t="s">
        <v>30194</v>
      </c>
      <c r="C8544" s="1" t="s">
        <v>150</v>
      </c>
      <c r="D8544" s="1" t="s">
        <v>13629</v>
      </c>
      <c r="E8544" s="1" t="s">
        <v>32871</v>
      </c>
      <c r="F8544" s="1" t="s">
        <v>32886</v>
      </c>
      <c r="G8544" s="1" t="s">
        <v>32786</v>
      </c>
      <c r="H8544" s="1" t="s">
        <v>32787</v>
      </c>
      <c r="I8544" s="1" t="s">
        <v>30200</v>
      </c>
      <c r="J8544" s="1" t="s">
        <v>32887</v>
      </c>
    </row>
    <row r="8545" spans="1:10" x14ac:dyDescent="0.35">
      <c r="A8545" s="1" t="s">
        <v>32782</v>
      </c>
      <c r="B8545" s="1" t="s">
        <v>30194</v>
      </c>
      <c r="C8545" s="1" t="s">
        <v>155</v>
      </c>
      <c r="D8545" s="1" t="s">
        <v>32888</v>
      </c>
      <c r="E8545" s="1" t="s">
        <v>32889</v>
      </c>
      <c r="F8545" s="1" t="s">
        <v>32890</v>
      </c>
      <c r="G8545" s="1" t="s">
        <v>32786</v>
      </c>
      <c r="H8545" s="1" t="s">
        <v>32787</v>
      </c>
      <c r="I8545" s="1" t="s">
        <v>30200</v>
      </c>
      <c r="J8545" s="1" t="s">
        <v>32891</v>
      </c>
    </row>
    <row r="8546" spans="1:10" x14ac:dyDescent="0.35">
      <c r="A8546" s="1" t="s">
        <v>32782</v>
      </c>
      <c r="B8546" s="1" t="s">
        <v>30194</v>
      </c>
      <c r="C8546" s="1" t="s">
        <v>160</v>
      </c>
      <c r="D8546" s="1" t="s">
        <v>13632</v>
      </c>
      <c r="E8546" s="1" t="s">
        <v>32883</v>
      </c>
      <c r="F8546" s="1" t="s">
        <v>32892</v>
      </c>
      <c r="G8546" s="1" t="s">
        <v>32786</v>
      </c>
      <c r="H8546" s="1" t="s">
        <v>32787</v>
      </c>
      <c r="I8546" s="1" t="s">
        <v>30200</v>
      </c>
      <c r="J8546" s="1" t="s">
        <v>32893</v>
      </c>
    </row>
    <row r="8547" spans="1:10" x14ac:dyDescent="0.35">
      <c r="A8547" s="1" t="s">
        <v>32782</v>
      </c>
      <c r="B8547" s="1" t="s">
        <v>30194</v>
      </c>
      <c r="C8547" s="1" t="s">
        <v>165</v>
      </c>
      <c r="D8547" s="1" t="s">
        <v>32894</v>
      </c>
      <c r="E8547" s="1" t="s">
        <v>32895</v>
      </c>
      <c r="F8547" s="1" t="s">
        <v>32896</v>
      </c>
      <c r="G8547" s="1" t="s">
        <v>32786</v>
      </c>
      <c r="H8547" s="1" t="s">
        <v>32787</v>
      </c>
      <c r="I8547" s="1" t="s">
        <v>30200</v>
      </c>
      <c r="J8547" s="1" t="s">
        <v>32897</v>
      </c>
    </row>
    <row r="8548" spans="1:10" x14ac:dyDescent="0.35">
      <c r="A8548" s="1" t="s">
        <v>32782</v>
      </c>
      <c r="B8548" s="1" t="s">
        <v>30194</v>
      </c>
      <c r="C8548" s="1" t="s">
        <v>170</v>
      </c>
      <c r="D8548" s="1" t="s">
        <v>32898</v>
      </c>
      <c r="E8548" s="1" t="s">
        <v>32899</v>
      </c>
      <c r="F8548" s="1" t="s">
        <v>32900</v>
      </c>
      <c r="G8548" s="1" t="s">
        <v>32786</v>
      </c>
      <c r="H8548" s="1" t="s">
        <v>32787</v>
      </c>
      <c r="I8548" s="1" t="s">
        <v>30200</v>
      </c>
      <c r="J8548" s="1" t="s">
        <v>32901</v>
      </c>
    </row>
    <row r="8549" spans="1:10" x14ac:dyDescent="0.35">
      <c r="A8549" s="1" t="s">
        <v>14244</v>
      </c>
      <c r="B8549" s="1" t="s">
        <v>30194</v>
      </c>
      <c r="C8549" s="1" t="s">
        <v>8</v>
      </c>
      <c r="D8549" s="1" t="s">
        <v>32902</v>
      </c>
      <c r="E8549" s="1" t="s">
        <v>32903</v>
      </c>
      <c r="F8549" s="1" t="s">
        <v>32904</v>
      </c>
      <c r="G8549" s="1" t="s">
        <v>32905</v>
      </c>
      <c r="H8549" s="1" t="s">
        <v>32906</v>
      </c>
      <c r="I8549" s="1" t="s">
        <v>30200</v>
      </c>
      <c r="J8549" s="1" t="s">
        <v>13</v>
      </c>
    </row>
    <row r="8550" spans="1:10" x14ac:dyDescent="0.35">
      <c r="A8550" s="1" t="s">
        <v>14244</v>
      </c>
      <c r="B8550" s="1" t="s">
        <v>30194</v>
      </c>
      <c r="C8550" s="1" t="s">
        <v>15</v>
      </c>
      <c r="D8550" s="1" t="s">
        <v>32907</v>
      </c>
      <c r="E8550" s="1" t="s">
        <v>31441</v>
      </c>
      <c r="F8550" s="1" t="s">
        <v>32908</v>
      </c>
      <c r="G8550" s="1" t="s">
        <v>32905</v>
      </c>
      <c r="H8550" s="1" t="s">
        <v>32906</v>
      </c>
      <c r="I8550" s="1" t="s">
        <v>30200</v>
      </c>
      <c r="J8550" s="1" t="s">
        <v>32909</v>
      </c>
    </row>
    <row r="8551" spans="1:10" x14ac:dyDescent="0.35">
      <c r="A8551" s="1" t="s">
        <v>14244</v>
      </c>
      <c r="B8551" s="1" t="s">
        <v>30194</v>
      </c>
      <c r="C8551" s="1" t="s">
        <v>20</v>
      </c>
      <c r="D8551" s="1" t="s">
        <v>4571</v>
      </c>
      <c r="E8551" s="1" t="s">
        <v>27164</v>
      </c>
      <c r="F8551" s="1" t="s">
        <v>32910</v>
      </c>
      <c r="G8551" s="1" t="s">
        <v>32905</v>
      </c>
      <c r="H8551" s="1" t="s">
        <v>32906</v>
      </c>
      <c r="I8551" s="1" t="s">
        <v>30200</v>
      </c>
      <c r="J8551" s="1" t="s">
        <v>32911</v>
      </c>
    </row>
    <row r="8552" spans="1:10" x14ac:dyDescent="0.35">
      <c r="A8552" s="1" t="s">
        <v>14244</v>
      </c>
      <c r="B8552" s="1" t="s">
        <v>30194</v>
      </c>
      <c r="C8552" s="1" t="s">
        <v>25</v>
      </c>
      <c r="D8552" s="1" t="s">
        <v>32912</v>
      </c>
      <c r="E8552" s="1" t="s">
        <v>32913</v>
      </c>
      <c r="F8552" s="1" t="s">
        <v>32914</v>
      </c>
      <c r="G8552" s="1" t="s">
        <v>32905</v>
      </c>
      <c r="H8552" s="1" t="s">
        <v>32906</v>
      </c>
      <c r="I8552" s="1" t="s">
        <v>30200</v>
      </c>
      <c r="J8552" s="1" t="s">
        <v>32915</v>
      </c>
    </row>
    <row r="8553" spans="1:10" x14ac:dyDescent="0.35">
      <c r="A8553" s="1" t="s">
        <v>14244</v>
      </c>
      <c r="B8553" s="1" t="s">
        <v>30194</v>
      </c>
      <c r="C8553" s="1" t="s">
        <v>30</v>
      </c>
      <c r="D8553" s="1" t="s">
        <v>32916</v>
      </c>
      <c r="E8553" s="1" t="s">
        <v>31524</v>
      </c>
      <c r="F8553" s="1" t="s">
        <v>32917</v>
      </c>
      <c r="G8553" s="1" t="s">
        <v>32905</v>
      </c>
      <c r="H8553" s="1" t="s">
        <v>32906</v>
      </c>
      <c r="I8553" s="1" t="s">
        <v>30200</v>
      </c>
      <c r="J8553" s="1" t="s">
        <v>32918</v>
      </c>
    </row>
    <row r="8554" spans="1:10" x14ac:dyDescent="0.35">
      <c r="A8554" s="1" t="s">
        <v>14244</v>
      </c>
      <c r="B8554" s="1" t="s">
        <v>30194</v>
      </c>
      <c r="C8554" s="1" t="s">
        <v>35</v>
      </c>
      <c r="D8554" s="1" t="s">
        <v>15387</v>
      </c>
      <c r="E8554" s="1" t="s">
        <v>32919</v>
      </c>
      <c r="F8554" s="1" t="s">
        <v>32920</v>
      </c>
      <c r="G8554" s="1" t="s">
        <v>32905</v>
      </c>
      <c r="H8554" s="1" t="s">
        <v>32906</v>
      </c>
      <c r="I8554" s="1" t="s">
        <v>30200</v>
      </c>
      <c r="J8554" s="1" t="s">
        <v>32921</v>
      </c>
    </row>
    <row r="8555" spans="1:10" x14ac:dyDescent="0.35">
      <c r="A8555" s="1" t="s">
        <v>14244</v>
      </c>
      <c r="B8555" s="1" t="s">
        <v>30194</v>
      </c>
      <c r="C8555" s="1" t="s">
        <v>40</v>
      </c>
      <c r="D8555" s="1" t="s">
        <v>15906</v>
      </c>
      <c r="E8555" s="1" t="s">
        <v>15353</v>
      </c>
      <c r="F8555" s="1" t="s">
        <v>32922</v>
      </c>
      <c r="G8555" s="1" t="s">
        <v>32905</v>
      </c>
      <c r="H8555" s="1" t="s">
        <v>32906</v>
      </c>
      <c r="I8555" s="1" t="s">
        <v>30200</v>
      </c>
      <c r="J8555" s="1" t="s">
        <v>28993</v>
      </c>
    </row>
    <row r="8556" spans="1:10" x14ac:dyDescent="0.35">
      <c r="A8556" s="1" t="s">
        <v>14244</v>
      </c>
      <c r="B8556" s="1" t="s">
        <v>30194</v>
      </c>
      <c r="C8556" s="1" t="s">
        <v>45</v>
      </c>
      <c r="D8556" s="1" t="s">
        <v>32923</v>
      </c>
      <c r="E8556" s="1" t="s">
        <v>32924</v>
      </c>
      <c r="F8556" s="1" t="s">
        <v>32925</v>
      </c>
      <c r="G8556" s="1" t="s">
        <v>32905</v>
      </c>
      <c r="H8556" s="1" t="s">
        <v>32906</v>
      </c>
      <c r="I8556" s="1" t="s">
        <v>30200</v>
      </c>
      <c r="J8556" s="1" t="s">
        <v>32926</v>
      </c>
    </row>
    <row r="8557" spans="1:10" x14ac:dyDescent="0.35">
      <c r="A8557" s="1" t="s">
        <v>14244</v>
      </c>
      <c r="B8557" s="1" t="s">
        <v>30194</v>
      </c>
      <c r="C8557" s="1" t="s">
        <v>50</v>
      </c>
      <c r="D8557" s="1" t="s">
        <v>32927</v>
      </c>
      <c r="E8557" s="1" t="s">
        <v>15595</v>
      </c>
      <c r="F8557" s="1" t="s">
        <v>32928</v>
      </c>
      <c r="G8557" s="1" t="s">
        <v>32905</v>
      </c>
      <c r="H8557" s="1" t="s">
        <v>32906</v>
      </c>
      <c r="I8557" s="1" t="s">
        <v>30200</v>
      </c>
      <c r="J8557" s="1" t="s">
        <v>32929</v>
      </c>
    </row>
    <row r="8558" spans="1:10" x14ac:dyDescent="0.35">
      <c r="A8558" s="1" t="s">
        <v>14244</v>
      </c>
      <c r="B8558" s="1" t="s">
        <v>30194</v>
      </c>
      <c r="C8558" s="1" t="s">
        <v>55</v>
      </c>
      <c r="D8558" s="1" t="s">
        <v>32930</v>
      </c>
      <c r="E8558" s="1" t="s">
        <v>32588</v>
      </c>
      <c r="F8558" s="1" t="s">
        <v>32931</v>
      </c>
      <c r="G8558" s="1" t="s">
        <v>32905</v>
      </c>
      <c r="H8558" s="1" t="s">
        <v>32906</v>
      </c>
      <c r="I8558" s="1" t="s">
        <v>30200</v>
      </c>
      <c r="J8558" s="1" t="s">
        <v>32932</v>
      </c>
    </row>
    <row r="8559" spans="1:10" x14ac:dyDescent="0.35">
      <c r="A8559" s="1" t="s">
        <v>14244</v>
      </c>
      <c r="B8559" s="1" t="s">
        <v>30194</v>
      </c>
      <c r="C8559" s="1" t="s">
        <v>60</v>
      </c>
      <c r="D8559" s="1" t="s">
        <v>32933</v>
      </c>
      <c r="E8559" s="1" t="s">
        <v>32934</v>
      </c>
      <c r="F8559" s="1" t="s">
        <v>32935</v>
      </c>
      <c r="G8559" s="1" t="s">
        <v>32905</v>
      </c>
      <c r="H8559" s="1" t="s">
        <v>32906</v>
      </c>
      <c r="I8559" s="1" t="s">
        <v>30200</v>
      </c>
      <c r="J8559" s="1" t="s">
        <v>32936</v>
      </c>
    </row>
    <row r="8560" spans="1:10" x14ac:dyDescent="0.35">
      <c r="A8560" s="1" t="s">
        <v>14244</v>
      </c>
      <c r="B8560" s="1" t="s">
        <v>30194</v>
      </c>
      <c r="C8560" s="1" t="s">
        <v>65</v>
      </c>
      <c r="D8560" s="1" t="s">
        <v>32937</v>
      </c>
      <c r="E8560" s="1" t="s">
        <v>15424</v>
      </c>
      <c r="F8560" s="1" t="s">
        <v>32938</v>
      </c>
      <c r="G8560" s="1" t="s">
        <v>32905</v>
      </c>
      <c r="H8560" s="1" t="s">
        <v>32906</v>
      </c>
      <c r="I8560" s="1" t="s">
        <v>30200</v>
      </c>
      <c r="J8560" s="1" t="s">
        <v>32939</v>
      </c>
    </row>
    <row r="8561" spans="1:10" x14ac:dyDescent="0.35">
      <c r="A8561" s="1" t="s">
        <v>14244</v>
      </c>
      <c r="B8561" s="1" t="s">
        <v>30194</v>
      </c>
      <c r="C8561" s="1" t="s">
        <v>70</v>
      </c>
      <c r="D8561" s="1" t="s">
        <v>32940</v>
      </c>
      <c r="E8561" s="1" t="s">
        <v>31742</v>
      </c>
      <c r="F8561" s="1" t="s">
        <v>32941</v>
      </c>
      <c r="G8561" s="1" t="s">
        <v>32905</v>
      </c>
      <c r="H8561" s="1" t="s">
        <v>32906</v>
      </c>
      <c r="I8561" s="1" t="s">
        <v>30200</v>
      </c>
      <c r="J8561" s="1" t="s">
        <v>32942</v>
      </c>
    </row>
    <row r="8562" spans="1:10" x14ac:dyDescent="0.35">
      <c r="A8562" s="1" t="s">
        <v>14244</v>
      </c>
      <c r="B8562" s="1" t="s">
        <v>30194</v>
      </c>
      <c r="C8562" s="1" t="s">
        <v>75</v>
      </c>
      <c r="D8562" s="1" t="s">
        <v>628</v>
      </c>
      <c r="E8562" s="1" t="s">
        <v>15896</v>
      </c>
      <c r="F8562" s="1" t="s">
        <v>32943</v>
      </c>
      <c r="G8562" s="1" t="s">
        <v>32905</v>
      </c>
      <c r="H8562" s="1" t="s">
        <v>32906</v>
      </c>
      <c r="I8562" s="1" t="s">
        <v>30200</v>
      </c>
      <c r="J8562" s="1" t="s">
        <v>32944</v>
      </c>
    </row>
    <row r="8563" spans="1:10" x14ac:dyDescent="0.35">
      <c r="A8563" s="1" t="s">
        <v>14244</v>
      </c>
      <c r="B8563" s="1" t="s">
        <v>30194</v>
      </c>
      <c r="C8563" s="1" t="s">
        <v>80</v>
      </c>
      <c r="D8563" s="1" t="s">
        <v>32945</v>
      </c>
      <c r="E8563" s="1" t="s">
        <v>32946</v>
      </c>
      <c r="F8563" s="1" t="s">
        <v>32947</v>
      </c>
      <c r="G8563" s="1" t="s">
        <v>32905</v>
      </c>
      <c r="H8563" s="1" t="s">
        <v>32906</v>
      </c>
      <c r="I8563" s="1" t="s">
        <v>30200</v>
      </c>
      <c r="J8563" s="1" t="s">
        <v>32948</v>
      </c>
    </row>
    <row r="8564" spans="1:10" x14ac:dyDescent="0.35">
      <c r="A8564" s="1" t="s">
        <v>14244</v>
      </c>
      <c r="B8564" s="1" t="s">
        <v>30194</v>
      </c>
      <c r="C8564" s="1" t="s">
        <v>85</v>
      </c>
      <c r="D8564" s="1" t="s">
        <v>32949</v>
      </c>
      <c r="E8564" s="1" t="s">
        <v>26225</v>
      </c>
      <c r="F8564" s="1" t="s">
        <v>32950</v>
      </c>
      <c r="G8564" s="1" t="s">
        <v>32905</v>
      </c>
      <c r="H8564" s="1" t="s">
        <v>32906</v>
      </c>
      <c r="I8564" s="1" t="s">
        <v>30200</v>
      </c>
      <c r="J8564" s="1" t="s">
        <v>32951</v>
      </c>
    </row>
    <row r="8565" spans="1:10" x14ac:dyDescent="0.35">
      <c r="A8565" s="1" t="s">
        <v>14244</v>
      </c>
      <c r="B8565" s="1" t="s">
        <v>30194</v>
      </c>
      <c r="C8565" s="1" t="s">
        <v>90</v>
      </c>
      <c r="D8565" s="1" t="s">
        <v>32945</v>
      </c>
      <c r="E8565" s="1" t="s">
        <v>31518</v>
      </c>
      <c r="F8565" s="1" t="s">
        <v>32952</v>
      </c>
      <c r="G8565" s="1" t="s">
        <v>32905</v>
      </c>
      <c r="H8565" s="1" t="s">
        <v>32906</v>
      </c>
      <c r="I8565" s="1" t="s">
        <v>30200</v>
      </c>
      <c r="J8565" s="1" t="s">
        <v>32953</v>
      </c>
    </row>
    <row r="8566" spans="1:10" x14ac:dyDescent="0.35">
      <c r="A8566" s="1" t="s">
        <v>14244</v>
      </c>
      <c r="B8566" s="1" t="s">
        <v>30194</v>
      </c>
      <c r="C8566" s="1" t="s">
        <v>95</v>
      </c>
      <c r="D8566" s="1" t="s">
        <v>32954</v>
      </c>
      <c r="E8566" s="1" t="s">
        <v>32955</v>
      </c>
      <c r="F8566" s="1" t="s">
        <v>32956</v>
      </c>
      <c r="G8566" s="1" t="s">
        <v>32905</v>
      </c>
      <c r="H8566" s="1" t="s">
        <v>32906</v>
      </c>
      <c r="I8566" s="1" t="s">
        <v>30200</v>
      </c>
      <c r="J8566" s="1" t="s">
        <v>32957</v>
      </c>
    </row>
    <row r="8567" spans="1:10" x14ac:dyDescent="0.35">
      <c r="A8567" s="1" t="s">
        <v>14244</v>
      </c>
      <c r="B8567" s="1" t="s">
        <v>30194</v>
      </c>
      <c r="C8567" s="1" t="s">
        <v>100</v>
      </c>
      <c r="D8567" s="1" t="s">
        <v>32958</v>
      </c>
      <c r="E8567" s="1" t="s">
        <v>32959</v>
      </c>
      <c r="F8567" s="1" t="s">
        <v>32960</v>
      </c>
      <c r="G8567" s="1" t="s">
        <v>32905</v>
      </c>
      <c r="H8567" s="1" t="s">
        <v>32906</v>
      </c>
      <c r="I8567" s="1" t="s">
        <v>30200</v>
      </c>
      <c r="J8567" s="1" t="s">
        <v>32961</v>
      </c>
    </row>
    <row r="8568" spans="1:10" x14ac:dyDescent="0.35">
      <c r="A8568" s="1" t="s">
        <v>14244</v>
      </c>
      <c r="B8568" s="1" t="s">
        <v>30194</v>
      </c>
      <c r="C8568" s="1" t="s">
        <v>105</v>
      </c>
      <c r="D8568" s="1" t="s">
        <v>32209</v>
      </c>
      <c r="E8568" s="1" t="s">
        <v>31859</v>
      </c>
      <c r="F8568" s="1" t="s">
        <v>32962</v>
      </c>
      <c r="G8568" s="1" t="s">
        <v>32905</v>
      </c>
      <c r="H8568" s="1" t="s">
        <v>32906</v>
      </c>
      <c r="I8568" s="1" t="s">
        <v>30200</v>
      </c>
      <c r="J8568" s="1" t="s">
        <v>32963</v>
      </c>
    </row>
    <row r="8569" spans="1:10" x14ac:dyDescent="0.35">
      <c r="A8569" s="1" t="s">
        <v>14244</v>
      </c>
      <c r="B8569" s="1" t="s">
        <v>30194</v>
      </c>
      <c r="C8569" s="1" t="s">
        <v>110</v>
      </c>
      <c r="D8569" s="1" t="s">
        <v>32964</v>
      </c>
      <c r="E8569" s="1" t="s">
        <v>32965</v>
      </c>
      <c r="F8569" s="1" t="s">
        <v>32966</v>
      </c>
      <c r="G8569" s="1" t="s">
        <v>32905</v>
      </c>
      <c r="H8569" s="1" t="s">
        <v>32906</v>
      </c>
      <c r="I8569" s="1" t="s">
        <v>30200</v>
      </c>
      <c r="J8569" s="1" t="s">
        <v>32967</v>
      </c>
    </row>
    <row r="8570" spans="1:10" x14ac:dyDescent="0.35">
      <c r="A8570" s="1" t="s">
        <v>14244</v>
      </c>
      <c r="B8570" s="1" t="s">
        <v>30194</v>
      </c>
      <c r="C8570" s="1" t="s">
        <v>115</v>
      </c>
      <c r="D8570" s="1" t="s">
        <v>32968</v>
      </c>
      <c r="E8570" s="1" t="s">
        <v>15652</v>
      </c>
      <c r="F8570" s="1" t="s">
        <v>32969</v>
      </c>
      <c r="G8570" s="1" t="s">
        <v>32905</v>
      </c>
      <c r="H8570" s="1" t="s">
        <v>32906</v>
      </c>
      <c r="I8570" s="1" t="s">
        <v>30200</v>
      </c>
      <c r="J8570" s="1" t="s">
        <v>32970</v>
      </c>
    </row>
    <row r="8571" spans="1:10" x14ac:dyDescent="0.35">
      <c r="A8571" s="1" t="s">
        <v>14244</v>
      </c>
      <c r="B8571" s="1" t="s">
        <v>30194</v>
      </c>
      <c r="C8571" s="1" t="s">
        <v>120</v>
      </c>
      <c r="D8571" s="1" t="s">
        <v>32971</v>
      </c>
      <c r="E8571" s="1" t="s">
        <v>32972</v>
      </c>
      <c r="F8571" s="1" t="s">
        <v>32973</v>
      </c>
      <c r="G8571" s="1" t="s">
        <v>32905</v>
      </c>
      <c r="H8571" s="1" t="s">
        <v>32906</v>
      </c>
      <c r="I8571" s="1" t="s">
        <v>30200</v>
      </c>
      <c r="J8571" s="1" t="s">
        <v>32974</v>
      </c>
    </row>
    <row r="8572" spans="1:10" x14ac:dyDescent="0.35">
      <c r="A8572" s="1" t="s">
        <v>14244</v>
      </c>
      <c r="B8572" s="1" t="s">
        <v>30194</v>
      </c>
      <c r="C8572" s="1" t="s">
        <v>125</v>
      </c>
      <c r="D8572" s="1" t="s">
        <v>32975</v>
      </c>
      <c r="E8572" s="1" t="s">
        <v>32976</v>
      </c>
      <c r="F8572" s="1" t="s">
        <v>32977</v>
      </c>
      <c r="G8572" s="1" t="s">
        <v>32905</v>
      </c>
      <c r="H8572" s="1" t="s">
        <v>32906</v>
      </c>
      <c r="I8572" s="1" t="s">
        <v>30200</v>
      </c>
      <c r="J8572" s="1" t="s">
        <v>32978</v>
      </c>
    </row>
    <row r="8573" spans="1:10" x14ac:dyDescent="0.35">
      <c r="A8573" s="1" t="s">
        <v>14244</v>
      </c>
      <c r="B8573" s="1" t="s">
        <v>30194</v>
      </c>
      <c r="C8573" s="1" t="s">
        <v>130</v>
      </c>
      <c r="D8573" s="1" t="s">
        <v>32979</v>
      </c>
      <c r="E8573" s="1" t="s">
        <v>32980</v>
      </c>
      <c r="F8573" s="1" t="s">
        <v>32981</v>
      </c>
      <c r="G8573" s="1" t="s">
        <v>32905</v>
      </c>
      <c r="H8573" s="1" t="s">
        <v>32906</v>
      </c>
      <c r="I8573" s="1" t="s">
        <v>30200</v>
      </c>
      <c r="J8573" s="1" t="s">
        <v>32982</v>
      </c>
    </row>
    <row r="8574" spans="1:10" x14ac:dyDescent="0.35">
      <c r="A8574" s="1" t="s">
        <v>14244</v>
      </c>
      <c r="B8574" s="1" t="s">
        <v>30194</v>
      </c>
      <c r="C8574" s="1" t="s">
        <v>135</v>
      </c>
      <c r="D8574" s="1" t="s">
        <v>32983</v>
      </c>
      <c r="E8574" s="1" t="s">
        <v>32984</v>
      </c>
      <c r="F8574" s="1" t="s">
        <v>32985</v>
      </c>
      <c r="G8574" s="1" t="s">
        <v>32905</v>
      </c>
      <c r="H8574" s="1" t="s">
        <v>32906</v>
      </c>
      <c r="I8574" s="1" t="s">
        <v>30200</v>
      </c>
      <c r="J8574" s="1" t="s">
        <v>32986</v>
      </c>
    </row>
    <row r="8575" spans="1:10" x14ac:dyDescent="0.35">
      <c r="A8575" s="1" t="s">
        <v>14244</v>
      </c>
      <c r="B8575" s="1" t="s">
        <v>30194</v>
      </c>
      <c r="C8575" s="1" t="s">
        <v>140</v>
      </c>
      <c r="D8575" s="1" t="s">
        <v>5187</v>
      </c>
      <c r="E8575" s="1" t="s">
        <v>32987</v>
      </c>
      <c r="F8575" s="1" t="s">
        <v>32988</v>
      </c>
      <c r="G8575" s="1" t="s">
        <v>32905</v>
      </c>
      <c r="H8575" s="1" t="s">
        <v>32906</v>
      </c>
      <c r="I8575" s="1" t="s">
        <v>30200</v>
      </c>
      <c r="J8575" s="1" t="s">
        <v>32989</v>
      </c>
    </row>
    <row r="8576" spans="1:10" x14ac:dyDescent="0.35">
      <c r="A8576" s="1" t="s">
        <v>14244</v>
      </c>
      <c r="B8576" s="1" t="s">
        <v>30194</v>
      </c>
      <c r="C8576" s="1" t="s">
        <v>145</v>
      </c>
      <c r="D8576" s="1" t="s">
        <v>32990</v>
      </c>
      <c r="E8576" s="1" t="s">
        <v>32040</v>
      </c>
      <c r="F8576" s="1" t="s">
        <v>32991</v>
      </c>
      <c r="G8576" s="1" t="s">
        <v>32905</v>
      </c>
      <c r="H8576" s="1" t="s">
        <v>32906</v>
      </c>
      <c r="I8576" s="1" t="s">
        <v>30200</v>
      </c>
      <c r="J8576" s="1" t="s">
        <v>32992</v>
      </c>
    </row>
    <row r="8577" spans="1:10" x14ac:dyDescent="0.35">
      <c r="A8577" s="1" t="s">
        <v>14244</v>
      </c>
      <c r="B8577" s="1" t="s">
        <v>30194</v>
      </c>
      <c r="C8577" s="1" t="s">
        <v>150</v>
      </c>
      <c r="D8577" s="1" t="s">
        <v>32993</v>
      </c>
      <c r="E8577" s="1" t="s">
        <v>32994</v>
      </c>
      <c r="F8577" s="1" t="s">
        <v>32995</v>
      </c>
      <c r="G8577" s="1" t="s">
        <v>32905</v>
      </c>
      <c r="H8577" s="1" t="s">
        <v>32906</v>
      </c>
      <c r="I8577" s="1" t="s">
        <v>30200</v>
      </c>
      <c r="J8577" s="1" t="s">
        <v>32996</v>
      </c>
    </row>
    <row r="8578" spans="1:10" x14ac:dyDescent="0.35">
      <c r="A8578" s="1" t="s">
        <v>14244</v>
      </c>
      <c r="B8578" s="1" t="s">
        <v>30194</v>
      </c>
      <c r="C8578" s="1" t="s">
        <v>155</v>
      </c>
      <c r="D8578" s="1" t="s">
        <v>32997</v>
      </c>
      <c r="E8578" s="1" t="s">
        <v>32998</v>
      </c>
      <c r="F8578" s="1" t="s">
        <v>32999</v>
      </c>
      <c r="G8578" s="1" t="s">
        <v>32905</v>
      </c>
      <c r="H8578" s="1" t="s">
        <v>32906</v>
      </c>
      <c r="I8578" s="1" t="s">
        <v>30200</v>
      </c>
      <c r="J8578" s="1" t="s">
        <v>33000</v>
      </c>
    </row>
    <row r="8579" spans="1:10" x14ac:dyDescent="0.35">
      <c r="A8579" s="1" t="s">
        <v>14244</v>
      </c>
      <c r="B8579" s="1" t="s">
        <v>30194</v>
      </c>
      <c r="C8579" s="1" t="s">
        <v>160</v>
      </c>
      <c r="D8579" s="1" t="s">
        <v>33001</v>
      </c>
      <c r="E8579" s="1" t="s">
        <v>33002</v>
      </c>
      <c r="F8579" s="1" t="s">
        <v>33003</v>
      </c>
      <c r="G8579" s="1" t="s">
        <v>32905</v>
      </c>
      <c r="H8579" s="1" t="s">
        <v>32906</v>
      </c>
      <c r="I8579" s="1" t="s">
        <v>30200</v>
      </c>
      <c r="J8579" s="1" t="s">
        <v>33004</v>
      </c>
    </row>
    <row r="8580" spans="1:10" x14ac:dyDescent="0.35">
      <c r="A8580" s="1" t="s">
        <v>14244</v>
      </c>
      <c r="B8580" s="1" t="s">
        <v>30194</v>
      </c>
      <c r="C8580" s="1" t="s">
        <v>165</v>
      </c>
      <c r="D8580" s="1" t="s">
        <v>18891</v>
      </c>
      <c r="E8580" s="1" t="s">
        <v>31838</v>
      </c>
      <c r="F8580" s="1" t="s">
        <v>33005</v>
      </c>
      <c r="G8580" s="1" t="s">
        <v>32905</v>
      </c>
      <c r="H8580" s="1" t="s">
        <v>32906</v>
      </c>
      <c r="I8580" s="1" t="s">
        <v>30200</v>
      </c>
      <c r="J8580" s="1" t="s">
        <v>33006</v>
      </c>
    </row>
    <row r="8581" spans="1:10" x14ac:dyDescent="0.35">
      <c r="A8581" s="1" t="s">
        <v>14244</v>
      </c>
      <c r="B8581" s="1" t="s">
        <v>30194</v>
      </c>
      <c r="C8581" s="1" t="s">
        <v>170</v>
      </c>
      <c r="D8581" s="1" t="s">
        <v>33007</v>
      </c>
      <c r="E8581" s="1" t="s">
        <v>33008</v>
      </c>
      <c r="F8581" s="1" t="s">
        <v>33009</v>
      </c>
      <c r="G8581" s="1" t="s">
        <v>32905</v>
      </c>
      <c r="H8581" s="1" t="s">
        <v>32906</v>
      </c>
      <c r="I8581" s="1" t="s">
        <v>30200</v>
      </c>
      <c r="J8581" s="1" t="s">
        <v>33010</v>
      </c>
    </row>
    <row r="8582" spans="1:10" x14ac:dyDescent="0.35">
      <c r="A8582" s="1" t="s">
        <v>33011</v>
      </c>
      <c r="B8582" s="1" t="s">
        <v>30194</v>
      </c>
      <c r="C8582" s="1" t="s">
        <v>8</v>
      </c>
      <c r="D8582" s="1" t="s">
        <v>33012</v>
      </c>
      <c r="E8582" s="1" t="s">
        <v>33013</v>
      </c>
      <c r="F8582" s="1" t="s">
        <v>33014</v>
      </c>
      <c r="G8582" s="1" t="s">
        <v>33015</v>
      </c>
      <c r="H8582" s="1" t="s">
        <v>33016</v>
      </c>
      <c r="I8582" s="1" t="s">
        <v>30200</v>
      </c>
      <c r="J8582" s="1" t="s">
        <v>13</v>
      </c>
    </row>
    <row r="8583" spans="1:10" x14ac:dyDescent="0.35">
      <c r="A8583" s="1" t="s">
        <v>33011</v>
      </c>
      <c r="B8583" s="1" t="s">
        <v>30194</v>
      </c>
      <c r="C8583" s="1" t="s">
        <v>15</v>
      </c>
      <c r="D8583" s="1" t="s">
        <v>33017</v>
      </c>
      <c r="E8583" s="1" t="s">
        <v>33018</v>
      </c>
      <c r="F8583" s="1" t="s">
        <v>33019</v>
      </c>
      <c r="G8583" s="1" t="s">
        <v>33015</v>
      </c>
      <c r="H8583" s="1" t="s">
        <v>33016</v>
      </c>
      <c r="I8583" s="1" t="s">
        <v>30200</v>
      </c>
      <c r="J8583" s="1" t="s">
        <v>33020</v>
      </c>
    </row>
    <row r="8584" spans="1:10" x14ac:dyDescent="0.35">
      <c r="A8584" s="1" t="s">
        <v>33011</v>
      </c>
      <c r="B8584" s="1" t="s">
        <v>30194</v>
      </c>
      <c r="C8584" s="1" t="s">
        <v>20</v>
      </c>
      <c r="D8584" s="1" t="s">
        <v>33021</v>
      </c>
      <c r="E8584" s="1" t="s">
        <v>33022</v>
      </c>
      <c r="F8584" s="1" t="s">
        <v>33023</v>
      </c>
      <c r="G8584" s="1" t="s">
        <v>33015</v>
      </c>
      <c r="H8584" s="1" t="s">
        <v>33016</v>
      </c>
      <c r="I8584" s="1" t="s">
        <v>30200</v>
      </c>
      <c r="J8584" s="1" t="s">
        <v>33024</v>
      </c>
    </row>
    <row r="8585" spans="1:10" x14ac:dyDescent="0.35">
      <c r="A8585" s="1" t="s">
        <v>33011</v>
      </c>
      <c r="B8585" s="1" t="s">
        <v>30194</v>
      </c>
      <c r="C8585" s="1" t="s">
        <v>25</v>
      </c>
      <c r="D8585" s="1" t="s">
        <v>3727</v>
      </c>
      <c r="E8585" s="1" t="s">
        <v>33025</v>
      </c>
      <c r="F8585" s="1" t="s">
        <v>33026</v>
      </c>
      <c r="G8585" s="1" t="s">
        <v>33015</v>
      </c>
      <c r="H8585" s="1" t="s">
        <v>33016</v>
      </c>
      <c r="I8585" s="1" t="s">
        <v>30200</v>
      </c>
      <c r="J8585" s="1" t="s">
        <v>33027</v>
      </c>
    </row>
    <row r="8586" spans="1:10" x14ac:dyDescent="0.35">
      <c r="A8586" s="1" t="s">
        <v>33011</v>
      </c>
      <c r="B8586" s="1" t="s">
        <v>30194</v>
      </c>
      <c r="C8586" s="1" t="s">
        <v>30</v>
      </c>
      <c r="D8586" s="1" t="s">
        <v>33028</v>
      </c>
      <c r="E8586" s="1" t="s">
        <v>33029</v>
      </c>
      <c r="F8586" s="1" t="s">
        <v>33030</v>
      </c>
      <c r="G8586" s="1" t="s">
        <v>33015</v>
      </c>
      <c r="H8586" s="1" t="s">
        <v>33016</v>
      </c>
      <c r="I8586" s="1" t="s">
        <v>30200</v>
      </c>
      <c r="J8586" s="1" t="s">
        <v>33031</v>
      </c>
    </row>
    <row r="8587" spans="1:10" x14ac:dyDescent="0.35">
      <c r="A8587" s="1" t="s">
        <v>33011</v>
      </c>
      <c r="B8587" s="1" t="s">
        <v>30194</v>
      </c>
      <c r="C8587" s="1" t="s">
        <v>35</v>
      </c>
      <c r="D8587" s="1" t="s">
        <v>33032</v>
      </c>
      <c r="E8587" s="1" t="s">
        <v>33033</v>
      </c>
      <c r="F8587" s="1" t="s">
        <v>33034</v>
      </c>
      <c r="G8587" s="1" t="s">
        <v>33015</v>
      </c>
      <c r="H8587" s="1" t="s">
        <v>33016</v>
      </c>
      <c r="I8587" s="1" t="s">
        <v>30200</v>
      </c>
      <c r="J8587" s="1" t="s">
        <v>33035</v>
      </c>
    </row>
    <row r="8588" spans="1:10" x14ac:dyDescent="0.35">
      <c r="A8588" s="1" t="s">
        <v>33011</v>
      </c>
      <c r="B8588" s="1" t="s">
        <v>30194</v>
      </c>
      <c r="C8588" s="1" t="s">
        <v>40</v>
      </c>
      <c r="D8588" s="1" t="s">
        <v>33036</v>
      </c>
      <c r="E8588" s="1" t="s">
        <v>33037</v>
      </c>
      <c r="F8588" s="1" t="s">
        <v>33038</v>
      </c>
      <c r="G8588" s="1" t="s">
        <v>33015</v>
      </c>
      <c r="H8588" s="1" t="s">
        <v>33016</v>
      </c>
      <c r="I8588" s="1" t="s">
        <v>30200</v>
      </c>
      <c r="J8588" s="1" t="s">
        <v>33039</v>
      </c>
    </row>
    <row r="8589" spans="1:10" x14ac:dyDescent="0.35">
      <c r="A8589" s="1" t="s">
        <v>33011</v>
      </c>
      <c r="B8589" s="1" t="s">
        <v>30194</v>
      </c>
      <c r="C8589" s="1" t="s">
        <v>45</v>
      </c>
      <c r="D8589" s="1" t="s">
        <v>33040</v>
      </c>
      <c r="E8589" s="1" t="s">
        <v>33041</v>
      </c>
      <c r="F8589" s="1" t="s">
        <v>33042</v>
      </c>
      <c r="G8589" s="1" t="s">
        <v>33015</v>
      </c>
      <c r="H8589" s="1" t="s">
        <v>33016</v>
      </c>
      <c r="I8589" s="1" t="s">
        <v>30200</v>
      </c>
      <c r="J8589" s="1" t="s">
        <v>33043</v>
      </c>
    </row>
    <row r="8590" spans="1:10" x14ac:dyDescent="0.35">
      <c r="A8590" s="1" t="s">
        <v>33011</v>
      </c>
      <c r="B8590" s="1" t="s">
        <v>30194</v>
      </c>
      <c r="C8590" s="1" t="s">
        <v>50</v>
      </c>
      <c r="D8590" s="1" t="s">
        <v>13567</v>
      </c>
      <c r="E8590" s="1" t="s">
        <v>33044</v>
      </c>
      <c r="F8590" s="1" t="s">
        <v>33045</v>
      </c>
      <c r="G8590" s="1" t="s">
        <v>33015</v>
      </c>
      <c r="H8590" s="1" t="s">
        <v>33016</v>
      </c>
      <c r="I8590" s="1" t="s">
        <v>30200</v>
      </c>
      <c r="J8590" s="1" t="s">
        <v>33046</v>
      </c>
    </row>
    <row r="8591" spans="1:10" x14ac:dyDescent="0.35">
      <c r="A8591" s="1" t="s">
        <v>33011</v>
      </c>
      <c r="B8591" s="1" t="s">
        <v>30194</v>
      </c>
      <c r="C8591" s="1" t="s">
        <v>55</v>
      </c>
      <c r="D8591" s="1" t="s">
        <v>31311</v>
      </c>
      <c r="E8591" s="1" t="s">
        <v>33047</v>
      </c>
      <c r="F8591" s="1" t="s">
        <v>33048</v>
      </c>
      <c r="G8591" s="1" t="s">
        <v>33015</v>
      </c>
      <c r="H8591" s="1" t="s">
        <v>33016</v>
      </c>
      <c r="I8591" s="1" t="s">
        <v>30200</v>
      </c>
      <c r="J8591" s="1" t="s">
        <v>33049</v>
      </c>
    </row>
    <row r="8592" spans="1:10" x14ac:dyDescent="0.35">
      <c r="A8592" s="1" t="s">
        <v>33011</v>
      </c>
      <c r="B8592" s="1" t="s">
        <v>30194</v>
      </c>
      <c r="C8592" s="1" t="s">
        <v>60</v>
      </c>
      <c r="D8592" s="1" t="s">
        <v>33050</v>
      </c>
      <c r="E8592" s="1" t="s">
        <v>33051</v>
      </c>
      <c r="F8592" s="1" t="s">
        <v>33052</v>
      </c>
      <c r="G8592" s="1" t="s">
        <v>33015</v>
      </c>
      <c r="H8592" s="1" t="s">
        <v>33016</v>
      </c>
      <c r="I8592" s="1" t="s">
        <v>30200</v>
      </c>
      <c r="J8592" s="1" t="s">
        <v>33053</v>
      </c>
    </row>
    <row r="8593" spans="1:10" x14ac:dyDescent="0.35">
      <c r="A8593" s="1" t="s">
        <v>33011</v>
      </c>
      <c r="B8593" s="1" t="s">
        <v>30194</v>
      </c>
      <c r="C8593" s="1" t="s">
        <v>65</v>
      </c>
      <c r="D8593" s="1" t="s">
        <v>33054</v>
      </c>
      <c r="E8593" s="1" t="s">
        <v>33055</v>
      </c>
      <c r="F8593" s="1" t="s">
        <v>33056</v>
      </c>
      <c r="G8593" s="1" t="s">
        <v>33015</v>
      </c>
      <c r="H8593" s="1" t="s">
        <v>33016</v>
      </c>
      <c r="I8593" s="1" t="s">
        <v>30200</v>
      </c>
      <c r="J8593" s="1" t="s">
        <v>33057</v>
      </c>
    </row>
    <row r="8594" spans="1:10" x14ac:dyDescent="0.35">
      <c r="A8594" s="1" t="s">
        <v>33011</v>
      </c>
      <c r="B8594" s="1" t="s">
        <v>30194</v>
      </c>
      <c r="C8594" s="1" t="s">
        <v>70</v>
      </c>
      <c r="D8594" s="1" t="s">
        <v>10674</v>
      </c>
      <c r="E8594" s="1" t="s">
        <v>33058</v>
      </c>
      <c r="F8594" s="1" t="s">
        <v>33059</v>
      </c>
      <c r="G8594" s="1" t="s">
        <v>33015</v>
      </c>
      <c r="H8594" s="1" t="s">
        <v>33016</v>
      </c>
      <c r="I8594" s="1" t="s">
        <v>30200</v>
      </c>
      <c r="J8594" s="1" t="s">
        <v>33060</v>
      </c>
    </row>
    <row r="8595" spans="1:10" x14ac:dyDescent="0.35">
      <c r="A8595" s="1" t="s">
        <v>33011</v>
      </c>
      <c r="B8595" s="1" t="s">
        <v>30194</v>
      </c>
      <c r="C8595" s="1" t="s">
        <v>75</v>
      </c>
      <c r="D8595" s="1" t="s">
        <v>33061</v>
      </c>
      <c r="E8595" s="1" t="s">
        <v>33062</v>
      </c>
      <c r="F8595" s="1" t="s">
        <v>33063</v>
      </c>
      <c r="G8595" s="1" t="s">
        <v>33015</v>
      </c>
      <c r="H8595" s="1" t="s">
        <v>33016</v>
      </c>
      <c r="I8595" s="1" t="s">
        <v>30200</v>
      </c>
      <c r="J8595" s="1" t="s">
        <v>33064</v>
      </c>
    </row>
    <row r="8596" spans="1:10" x14ac:dyDescent="0.35">
      <c r="A8596" s="1" t="s">
        <v>33011</v>
      </c>
      <c r="B8596" s="1" t="s">
        <v>30194</v>
      </c>
      <c r="C8596" s="1" t="s">
        <v>80</v>
      </c>
      <c r="D8596" s="1" t="s">
        <v>33065</v>
      </c>
      <c r="E8596" s="1" t="s">
        <v>33066</v>
      </c>
      <c r="F8596" s="1" t="s">
        <v>33067</v>
      </c>
      <c r="G8596" s="1" t="s">
        <v>33015</v>
      </c>
      <c r="H8596" s="1" t="s">
        <v>33016</v>
      </c>
      <c r="I8596" s="1" t="s">
        <v>30200</v>
      </c>
      <c r="J8596" s="1" t="s">
        <v>33068</v>
      </c>
    </row>
    <row r="8597" spans="1:10" x14ac:dyDescent="0.35">
      <c r="A8597" s="1" t="s">
        <v>33011</v>
      </c>
      <c r="B8597" s="1" t="s">
        <v>30194</v>
      </c>
      <c r="C8597" s="1" t="s">
        <v>85</v>
      </c>
      <c r="D8597" s="1" t="s">
        <v>33069</v>
      </c>
      <c r="E8597" s="1" t="s">
        <v>33070</v>
      </c>
      <c r="F8597" s="1" t="s">
        <v>33071</v>
      </c>
      <c r="G8597" s="1" t="s">
        <v>33015</v>
      </c>
      <c r="H8597" s="1" t="s">
        <v>33016</v>
      </c>
      <c r="I8597" s="1" t="s">
        <v>30200</v>
      </c>
      <c r="J8597" s="1" t="s">
        <v>33072</v>
      </c>
    </row>
    <row r="8598" spans="1:10" x14ac:dyDescent="0.35">
      <c r="A8598" s="1" t="s">
        <v>33011</v>
      </c>
      <c r="B8598" s="1" t="s">
        <v>30194</v>
      </c>
      <c r="C8598" s="1" t="s">
        <v>90</v>
      </c>
      <c r="D8598" s="1" t="s">
        <v>33073</v>
      </c>
      <c r="E8598" s="1" t="s">
        <v>33074</v>
      </c>
      <c r="F8598" s="1" t="s">
        <v>33075</v>
      </c>
      <c r="G8598" s="1" t="s">
        <v>33015</v>
      </c>
      <c r="H8598" s="1" t="s">
        <v>33016</v>
      </c>
      <c r="I8598" s="1" t="s">
        <v>30200</v>
      </c>
      <c r="J8598" s="1" t="s">
        <v>33076</v>
      </c>
    </row>
    <row r="8599" spans="1:10" x14ac:dyDescent="0.35">
      <c r="A8599" s="1" t="s">
        <v>33011</v>
      </c>
      <c r="B8599" s="1" t="s">
        <v>30194</v>
      </c>
      <c r="C8599" s="1" t="s">
        <v>95</v>
      </c>
      <c r="D8599" s="1" t="s">
        <v>33021</v>
      </c>
      <c r="E8599" s="1" t="s">
        <v>33077</v>
      </c>
      <c r="F8599" s="1" t="s">
        <v>33078</v>
      </c>
      <c r="G8599" s="1" t="s">
        <v>33015</v>
      </c>
      <c r="H8599" s="1" t="s">
        <v>33016</v>
      </c>
      <c r="I8599" s="1" t="s">
        <v>30200</v>
      </c>
      <c r="J8599" s="1" t="s">
        <v>33079</v>
      </c>
    </row>
    <row r="8600" spans="1:10" x14ac:dyDescent="0.35">
      <c r="A8600" s="1" t="s">
        <v>33011</v>
      </c>
      <c r="B8600" s="1" t="s">
        <v>30194</v>
      </c>
      <c r="C8600" s="1" t="s">
        <v>100</v>
      </c>
      <c r="D8600" s="1" t="s">
        <v>956</v>
      </c>
      <c r="E8600" s="1" t="s">
        <v>33080</v>
      </c>
      <c r="F8600" s="1" t="s">
        <v>33081</v>
      </c>
      <c r="G8600" s="1" t="s">
        <v>33015</v>
      </c>
      <c r="H8600" s="1" t="s">
        <v>33016</v>
      </c>
      <c r="I8600" s="1" t="s">
        <v>30200</v>
      </c>
      <c r="J8600" s="1" t="s">
        <v>33082</v>
      </c>
    </row>
    <row r="8601" spans="1:10" x14ac:dyDescent="0.35">
      <c r="A8601" s="1" t="s">
        <v>33011</v>
      </c>
      <c r="B8601" s="1" t="s">
        <v>30194</v>
      </c>
      <c r="C8601" s="1" t="s">
        <v>105</v>
      </c>
      <c r="D8601" s="1" t="s">
        <v>33083</v>
      </c>
      <c r="E8601" s="1" t="s">
        <v>33084</v>
      </c>
      <c r="F8601" s="1" t="s">
        <v>33085</v>
      </c>
      <c r="G8601" s="1" t="s">
        <v>33015</v>
      </c>
      <c r="H8601" s="1" t="s">
        <v>33016</v>
      </c>
      <c r="I8601" s="1" t="s">
        <v>30200</v>
      </c>
      <c r="J8601" s="1" t="s">
        <v>33086</v>
      </c>
    </row>
    <row r="8602" spans="1:10" x14ac:dyDescent="0.35">
      <c r="A8602" s="1" t="s">
        <v>33011</v>
      </c>
      <c r="B8602" s="1" t="s">
        <v>30194</v>
      </c>
      <c r="C8602" s="1" t="s">
        <v>110</v>
      </c>
      <c r="D8602" s="1" t="s">
        <v>33087</v>
      </c>
      <c r="E8602" s="1" t="s">
        <v>33088</v>
      </c>
      <c r="F8602" s="1" t="s">
        <v>33089</v>
      </c>
      <c r="G8602" s="1" t="s">
        <v>33015</v>
      </c>
      <c r="H8602" s="1" t="s">
        <v>33016</v>
      </c>
      <c r="I8602" s="1" t="s">
        <v>30200</v>
      </c>
      <c r="J8602" s="1" t="s">
        <v>33090</v>
      </c>
    </row>
    <row r="8603" spans="1:10" x14ac:dyDescent="0.35">
      <c r="A8603" s="1" t="s">
        <v>33011</v>
      </c>
      <c r="B8603" s="1" t="s">
        <v>30194</v>
      </c>
      <c r="C8603" s="1" t="s">
        <v>115</v>
      </c>
      <c r="D8603" s="1" t="s">
        <v>33091</v>
      </c>
      <c r="E8603" s="1" t="s">
        <v>33092</v>
      </c>
      <c r="F8603" s="1" t="s">
        <v>33093</v>
      </c>
      <c r="G8603" s="1" t="s">
        <v>33015</v>
      </c>
      <c r="H8603" s="1" t="s">
        <v>33016</v>
      </c>
      <c r="I8603" s="1" t="s">
        <v>30200</v>
      </c>
      <c r="J8603" s="1" t="s">
        <v>33094</v>
      </c>
    </row>
    <row r="8604" spans="1:10" x14ac:dyDescent="0.35">
      <c r="A8604" s="1" t="s">
        <v>33011</v>
      </c>
      <c r="B8604" s="1" t="s">
        <v>30194</v>
      </c>
      <c r="C8604" s="1" t="s">
        <v>120</v>
      </c>
      <c r="D8604" s="1" t="s">
        <v>33095</v>
      </c>
      <c r="E8604" s="1" t="s">
        <v>33096</v>
      </c>
      <c r="F8604" s="1" t="s">
        <v>33097</v>
      </c>
      <c r="G8604" s="1" t="s">
        <v>33015</v>
      </c>
      <c r="H8604" s="1" t="s">
        <v>33016</v>
      </c>
      <c r="I8604" s="1" t="s">
        <v>30200</v>
      </c>
      <c r="J8604" s="1" t="s">
        <v>33098</v>
      </c>
    </row>
    <row r="8605" spans="1:10" x14ac:dyDescent="0.35">
      <c r="A8605" s="1" t="s">
        <v>33011</v>
      </c>
      <c r="B8605" s="1" t="s">
        <v>30194</v>
      </c>
      <c r="C8605" s="1" t="s">
        <v>125</v>
      </c>
      <c r="D8605" s="1" t="s">
        <v>33099</v>
      </c>
      <c r="E8605" s="1" t="s">
        <v>33100</v>
      </c>
      <c r="F8605" s="1" t="s">
        <v>33101</v>
      </c>
      <c r="G8605" s="1" t="s">
        <v>33015</v>
      </c>
      <c r="H8605" s="1" t="s">
        <v>33016</v>
      </c>
      <c r="I8605" s="1" t="s">
        <v>30200</v>
      </c>
      <c r="J8605" s="1" t="s">
        <v>33102</v>
      </c>
    </row>
    <row r="8606" spans="1:10" x14ac:dyDescent="0.35">
      <c r="A8606" s="1" t="s">
        <v>33011</v>
      </c>
      <c r="B8606" s="1" t="s">
        <v>30194</v>
      </c>
      <c r="C8606" s="1" t="s">
        <v>130</v>
      </c>
      <c r="D8606" s="1" t="s">
        <v>33103</v>
      </c>
      <c r="E8606" s="1" t="s">
        <v>33104</v>
      </c>
      <c r="F8606" s="1" t="s">
        <v>33105</v>
      </c>
      <c r="G8606" s="1" t="s">
        <v>33015</v>
      </c>
      <c r="H8606" s="1" t="s">
        <v>33016</v>
      </c>
      <c r="I8606" s="1" t="s">
        <v>30200</v>
      </c>
      <c r="J8606" s="1" t="s">
        <v>33106</v>
      </c>
    </row>
    <row r="8607" spans="1:10" x14ac:dyDescent="0.35">
      <c r="A8607" s="1" t="s">
        <v>33011</v>
      </c>
      <c r="B8607" s="1" t="s">
        <v>30194</v>
      </c>
      <c r="C8607" s="1" t="s">
        <v>135</v>
      </c>
      <c r="D8607" s="1" t="s">
        <v>33107</v>
      </c>
      <c r="E8607" s="1" t="s">
        <v>33108</v>
      </c>
      <c r="F8607" s="1" t="s">
        <v>33109</v>
      </c>
      <c r="G8607" s="1" t="s">
        <v>33015</v>
      </c>
      <c r="H8607" s="1" t="s">
        <v>33016</v>
      </c>
      <c r="I8607" s="1" t="s">
        <v>30200</v>
      </c>
      <c r="J8607" s="1" t="s">
        <v>33110</v>
      </c>
    </row>
    <row r="8608" spans="1:10" x14ac:dyDescent="0.35">
      <c r="A8608" s="1" t="s">
        <v>33011</v>
      </c>
      <c r="B8608" s="1" t="s">
        <v>30194</v>
      </c>
      <c r="C8608" s="1" t="s">
        <v>140</v>
      </c>
      <c r="D8608" s="1" t="s">
        <v>17605</v>
      </c>
      <c r="E8608" s="1" t="s">
        <v>33111</v>
      </c>
      <c r="F8608" s="1" t="s">
        <v>33112</v>
      </c>
      <c r="G8608" s="1" t="s">
        <v>33015</v>
      </c>
      <c r="H8608" s="1" t="s">
        <v>33016</v>
      </c>
      <c r="I8608" s="1" t="s">
        <v>30200</v>
      </c>
      <c r="J8608" s="1" t="s">
        <v>33113</v>
      </c>
    </row>
    <row r="8609" spans="1:10" x14ac:dyDescent="0.35">
      <c r="A8609" s="1" t="s">
        <v>33011</v>
      </c>
      <c r="B8609" s="1" t="s">
        <v>30194</v>
      </c>
      <c r="C8609" s="1" t="s">
        <v>145</v>
      </c>
      <c r="D8609" s="1" t="s">
        <v>33114</v>
      </c>
      <c r="E8609" s="1" t="s">
        <v>33115</v>
      </c>
      <c r="F8609" s="1" t="s">
        <v>33116</v>
      </c>
      <c r="G8609" s="1" t="s">
        <v>33015</v>
      </c>
      <c r="H8609" s="1" t="s">
        <v>33016</v>
      </c>
      <c r="I8609" s="1" t="s">
        <v>30200</v>
      </c>
      <c r="J8609" s="1" t="s">
        <v>33117</v>
      </c>
    </row>
    <row r="8610" spans="1:10" x14ac:dyDescent="0.35">
      <c r="A8610" s="1" t="s">
        <v>33011</v>
      </c>
      <c r="B8610" s="1" t="s">
        <v>30194</v>
      </c>
      <c r="C8610" s="1" t="s">
        <v>150</v>
      </c>
      <c r="D8610" s="1" t="s">
        <v>33118</v>
      </c>
      <c r="E8610" s="1" t="s">
        <v>33119</v>
      </c>
      <c r="F8610" s="1" t="s">
        <v>33120</v>
      </c>
      <c r="G8610" s="1" t="s">
        <v>33015</v>
      </c>
      <c r="H8610" s="1" t="s">
        <v>33016</v>
      </c>
      <c r="I8610" s="1" t="s">
        <v>30200</v>
      </c>
      <c r="J8610" s="1" t="s">
        <v>33121</v>
      </c>
    </row>
    <row r="8611" spans="1:10" x14ac:dyDescent="0.35">
      <c r="A8611" s="1" t="s">
        <v>33011</v>
      </c>
      <c r="B8611" s="1" t="s">
        <v>30194</v>
      </c>
      <c r="C8611" s="1" t="s">
        <v>155</v>
      </c>
      <c r="D8611" s="1" t="s">
        <v>13715</v>
      </c>
      <c r="E8611" s="1" t="s">
        <v>33122</v>
      </c>
      <c r="F8611" s="1" t="s">
        <v>33123</v>
      </c>
      <c r="G8611" s="1" t="s">
        <v>33015</v>
      </c>
      <c r="H8611" s="1" t="s">
        <v>33016</v>
      </c>
      <c r="I8611" s="1" t="s">
        <v>30200</v>
      </c>
      <c r="J8611" s="1" t="s">
        <v>33124</v>
      </c>
    </row>
    <row r="8612" spans="1:10" x14ac:dyDescent="0.35">
      <c r="A8612" s="1" t="s">
        <v>33011</v>
      </c>
      <c r="B8612" s="1" t="s">
        <v>30194</v>
      </c>
      <c r="C8612" s="1" t="s">
        <v>160</v>
      </c>
      <c r="D8612" s="1" t="s">
        <v>33125</v>
      </c>
      <c r="E8612" s="1" t="s">
        <v>33126</v>
      </c>
      <c r="F8612" s="1" t="s">
        <v>33127</v>
      </c>
      <c r="G8612" s="1" t="s">
        <v>33015</v>
      </c>
      <c r="H8612" s="1" t="s">
        <v>33016</v>
      </c>
      <c r="I8612" s="1" t="s">
        <v>30200</v>
      </c>
      <c r="J8612" s="1" t="s">
        <v>33128</v>
      </c>
    </row>
    <row r="8613" spans="1:10" x14ac:dyDescent="0.35">
      <c r="A8613" s="1" t="s">
        <v>33011</v>
      </c>
      <c r="B8613" s="1" t="s">
        <v>30194</v>
      </c>
      <c r="C8613" s="1" t="s">
        <v>165</v>
      </c>
      <c r="D8613" s="1" t="s">
        <v>33129</v>
      </c>
      <c r="E8613" s="1" t="s">
        <v>33130</v>
      </c>
      <c r="F8613" s="1" t="s">
        <v>33131</v>
      </c>
      <c r="G8613" s="1" t="s">
        <v>33015</v>
      </c>
      <c r="H8613" s="1" t="s">
        <v>33016</v>
      </c>
      <c r="I8613" s="1" t="s">
        <v>30200</v>
      </c>
      <c r="J8613" s="1" t="s">
        <v>33132</v>
      </c>
    </row>
    <row r="8614" spans="1:10" x14ac:dyDescent="0.35">
      <c r="A8614" s="1" t="s">
        <v>33011</v>
      </c>
      <c r="B8614" s="1" t="s">
        <v>30194</v>
      </c>
      <c r="C8614" s="1" t="s">
        <v>170</v>
      </c>
      <c r="D8614" s="1" t="s">
        <v>33133</v>
      </c>
      <c r="E8614" s="1" t="s">
        <v>33134</v>
      </c>
      <c r="F8614" s="1" t="s">
        <v>33135</v>
      </c>
      <c r="G8614" s="1" t="s">
        <v>33015</v>
      </c>
      <c r="H8614" s="1" t="s">
        <v>33016</v>
      </c>
      <c r="I8614" s="1" t="s">
        <v>30200</v>
      </c>
      <c r="J8614" s="1" t="s">
        <v>33136</v>
      </c>
    </row>
    <row r="8615" spans="1:10" x14ac:dyDescent="0.35">
      <c r="A8615" s="1" t="s">
        <v>33137</v>
      </c>
      <c r="B8615" s="1" t="s">
        <v>30194</v>
      </c>
      <c r="C8615" s="1" t="s">
        <v>8</v>
      </c>
      <c r="D8615" s="1" t="s">
        <v>33138</v>
      </c>
      <c r="E8615" s="1" t="s">
        <v>33139</v>
      </c>
      <c r="F8615" s="1" t="s">
        <v>33140</v>
      </c>
      <c r="G8615" s="1" t="s">
        <v>33141</v>
      </c>
      <c r="H8615" s="1" t="s">
        <v>33142</v>
      </c>
      <c r="I8615" s="1" t="s">
        <v>30200</v>
      </c>
      <c r="J8615" s="1" t="s">
        <v>13</v>
      </c>
    </row>
    <row r="8616" spans="1:10" x14ac:dyDescent="0.35">
      <c r="A8616" s="1" t="s">
        <v>33137</v>
      </c>
      <c r="B8616" s="1" t="s">
        <v>30194</v>
      </c>
      <c r="C8616" s="1" t="s">
        <v>15</v>
      </c>
      <c r="D8616" s="1" t="s">
        <v>33143</v>
      </c>
      <c r="E8616" s="1" t="s">
        <v>33144</v>
      </c>
      <c r="F8616" s="1" t="s">
        <v>33145</v>
      </c>
      <c r="G8616" s="1" t="s">
        <v>33141</v>
      </c>
      <c r="H8616" s="1" t="s">
        <v>33142</v>
      </c>
      <c r="I8616" s="1" t="s">
        <v>30200</v>
      </c>
      <c r="J8616" s="1" t="s">
        <v>33146</v>
      </c>
    </row>
    <row r="8617" spans="1:10" x14ac:dyDescent="0.35">
      <c r="A8617" s="1" t="s">
        <v>33137</v>
      </c>
      <c r="B8617" s="1" t="s">
        <v>30194</v>
      </c>
      <c r="C8617" s="1" t="s">
        <v>20</v>
      </c>
      <c r="D8617" s="1" t="s">
        <v>33147</v>
      </c>
      <c r="E8617" s="1" t="s">
        <v>33148</v>
      </c>
      <c r="F8617" s="1" t="s">
        <v>33149</v>
      </c>
      <c r="G8617" s="1" t="s">
        <v>33141</v>
      </c>
      <c r="H8617" s="1" t="s">
        <v>33142</v>
      </c>
      <c r="I8617" s="1" t="s">
        <v>30200</v>
      </c>
      <c r="J8617" s="1" t="s">
        <v>33150</v>
      </c>
    </row>
    <row r="8618" spans="1:10" x14ac:dyDescent="0.35">
      <c r="A8618" s="1" t="s">
        <v>33137</v>
      </c>
      <c r="B8618" s="1" t="s">
        <v>30194</v>
      </c>
      <c r="C8618" s="1" t="s">
        <v>25</v>
      </c>
      <c r="D8618" s="1" t="s">
        <v>33151</v>
      </c>
      <c r="E8618" s="1" t="s">
        <v>33152</v>
      </c>
      <c r="F8618" s="1" t="s">
        <v>33153</v>
      </c>
      <c r="G8618" s="1" t="s">
        <v>33141</v>
      </c>
      <c r="H8618" s="1" t="s">
        <v>33142</v>
      </c>
      <c r="I8618" s="1" t="s">
        <v>30200</v>
      </c>
      <c r="J8618" s="1" t="s">
        <v>33154</v>
      </c>
    </row>
    <row r="8619" spans="1:10" x14ac:dyDescent="0.35">
      <c r="A8619" s="1" t="s">
        <v>33137</v>
      </c>
      <c r="B8619" s="1" t="s">
        <v>30194</v>
      </c>
      <c r="C8619" s="1" t="s">
        <v>30</v>
      </c>
      <c r="D8619" s="1" t="s">
        <v>33155</v>
      </c>
      <c r="E8619" s="1" t="s">
        <v>33156</v>
      </c>
      <c r="F8619" s="1" t="s">
        <v>33157</v>
      </c>
      <c r="G8619" s="1" t="s">
        <v>33141</v>
      </c>
      <c r="H8619" s="1" t="s">
        <v>33142</v>
      </c>
      <c r="I8619" s="1" t="s">
        <v>30200</v>
      </c>
      <c r="J8619" s="1" t="s">
        <v>33158</v>
      </c>
    </row>
    <row r="8620" spans="1:10" x14ac:dyDescent="0.35">
      <c r="A8620" s="1" t="s">
        <v>33137</v>
      </c>
      <c r="B8620" s="1" t="s">
        <v>30194</v>
      </c>
      <c r="C8620" s="1" t="s">
        <v>35</v>
      </c>
      <c r="D8620" s="1" t="s">
        <v>33159</v>
      </c>
      <c r="E8620" s="1" t="s">
        <v>33160</v>
      </c>
      <c r="F8620" s="1" t="s">
        <v>33161</v>
      </c>
      <c r="G8620" s="1" t="s">
        <v>33141</v>
      </c>
      <c r="H8620" s="1" t="s">
        <v>33142</v>
      </c>
      <c r="I8620" s="1" t="s">
        <v>30200</v>
      </c>
      <c r="J8620" s="1" t="s">
        <v>33162</v>
      </c>
    </row>
    <row r="8621" spans="1:10" x14ac:dyDescent="0.35">
      <c r="A8621" s="1" t="s">
        <v>33137</v>
      </c>
      <c r="B8621" s="1" t="s">
        <v>30194</v>
      </c>
      <c r="C8621" s="1" t="s">
        <v>40</v>
      </c>
      <c r="D8621" s="1" t="s">
        <v>33163</v>
      </c>
      <c r="E8621" s="1" t="s">
        <v>33164</v>
      </c>
      <c r="F8621" s="1" t="s">
        <v>33165</v>
      </c>
      <c r="G8621" s="1" t="s">
        <v>33141</v>
      </c>
      <c r="H8621" s="1" t="s">
        <v>33142</v>
      </c>
      <c r="I8621" s="1" t="s">
        <v>30200</v>
      </c>
      <c r="J8621" s="1" t="s">
        <v>33166</v>
      </c>
    </row>
    <row r="8622" spans="1:10" x14ac:dyDescent="0.35">
      <c r="A8622" s="1" t="s">
        <v>33137</v>
      </c>
      <c r="B8622" s="1" t="s">
        <v>30194</v>
      </c>
      <c r="C8622" s="1" t="s">
        <v>45</v>
      </c>
      <c r="D8622" s="1" t="s">
        <v>33167</v>
      </c>
      <c r="E8622" s="1" t="s">
        <v>33168</v>
      </c>
      <c r="F8622" s="1" t="s">
        <v>33169</v>
      </c>
      <c r="G8622" s="1" t="s">
        <v>33141</v>
      </c>
      <c r="H8622" s="1" t="s">
        <v>33142</v>
      </c>
      <c r="I8622" s="1" t="s">
        <v>30200</v>
      </c>
      <c r="J8622" s="1" t="s">
        <v>33170</v>
      </c>
    </row>
    <row r="8623" spans="1:10" x14ac:dyDescent="0.35">
      <c r="A8623" s="1" t="s">
        <v>33137</v>
      </c>
      <c r="B8623" s="1" t="s">
        <v>30194</v>
      </c>
      <c r="C8623" s="1" t="s">
        <v>50</v>
      </c>
      <c r="D8623" s="1" t="s">
        <v>4571</v>
      </c>
      <c r="E8623" s="1" t="s">
        <v>33171</v>
      </c>
      <c r="F8623" s="1" t="s">
        <v>33172</v>
      </c>
      <c r="G8623" s="1" t="s">
        <v>33141</v>
      </c>
      <c r="H8623" s="1" t="s">
        <v>33142</v>
      </c>
      <c r="I8623" s="1" t="s">
        <v>30200</v>
      </c>
      <c r="J8623" s="1" t="s">
        <v>33173</v>
      </c>
    </row>
    <row r="8624" spans="1:10" x14ac:dyDescent="0.35">
      <c r="A8624" s="1" t="s">
        <v>33137</v>
      </c>
      <c r="B8624" s="1" t="s">
        <v>30194</v>
      </c>
      <c r="C8624" s="1" t="s">
        <v>55</v>
      </c>
      <c r="D8624" s="1" t="s">
        <v>33174</v>
      </c>
      <c r="E8624" s="1" t="s">
        <v>33175</v>
      </c>
      <c r="F8624" s="1" t="s">
        <v>33176</v>
      </c>
      <c r="G8624" s="1" t="s">
        <v>33141</v>
      </c>
      <c r="H8624" s="1" t="s">
        <v>33142</v>
      </c>
      <c r="I8624" s="1" t="s">
        <v>30200</v>
      </c>
      <c r="J8624" s="1" t="s">
        <v>33177</v>
      </c>
    </row>
    <row r="8625" spans="1:10" x14ac:dyDescent="0.35">
      <c r="A8625" s="1" t="s">
        <v>33137</v>
      </c>
      <c r="B8625" s="1" t="s">
        <v>30194</v>
      </c>
      <c r="C8625" s="1" t="s">
        <v>60</v>
      </c>
      <c r="D8625" s="1" t="s">
        <v>33178</v>
      </c>
      <c r="E8625" s="1" t="s">
        <v>33179</v>
      </c>
      <c r="F8625" s="1" t="s">
        <v>33180</v>
      </c>
      <c r="G8625" s="1" t="s">
        <v>33141</v>
      </c>
      <c r="H8625" s="1" t="s">
        <v>33142</v>
      </c>
      <c r="I8625" s="1" t="s">
        <v>30200</v>
      </c>
      <c r="J8625" s="1" t="s">
        <v>33181</v>
      </c>
    </row>
    <row r="8626" spans="1:10" x14ac:dyDescent="0.35">
      <c r="A8626" s="1" t="s">
        <v>33137</v>
      </c>
      <c r="B8626" s="1" t="s">
        <v>30194</v>
      </c>
      <c r="C8626" s="1" t="s">
        <v>65</v>
      </c>
      <c r="D8626" s="1" t="s">
        <v>33182</v>
      </c>
      <c r="E8626" s="1" t="s">
        <v>33183</v>
      </c>
      <c r="F8626" s="1" t="s">
        <v>33184</v>
      </c>
      <c r="G8626" s="1" t="s">
        <v>33141</v>
      </c>
      <c r="H8626" s="1" t="s">
        <v>33142</v>
      </c>
      <c r="I8626" s="1" t="s">
        <v>30200</v>
      </c>
      <c r="J8626" s="1" t="s">
        <v>33185</v>
      </c>
    </row>
    <row r="8627" spans="1:10" x14ac:dyDescent="0.35">
      <c r="A8627" s="1" t="s">
        <v>33137</v>
      </c>
      <c r="B8627" s="1" t="s">
        <v>30194</v>
      </c>
      <c r="C8627" s="1" t="s">
        <v>70</v>
      </c>
      <c r="D8627" s="1" t="s">
        <v>9754</v>
      </c>
      <c r="E8627" s="1" t="s">
        <v>33186</v>
      </c>
      <c r="F8627" s="1" t="s">
        <v>33187</v>
      </c>
      <c r="G8627" s="1" t="s">
        <v>33141</v>
      </c>
      <c r="H8627" s="1" t="s">
        <v>33142</v>
      </c>
      <c r="I8627" s="1" t="s">
        <v>30200</v>
      </c>
      <c r="J8627" s="1" t="s">
        <v>33188</v>
      </c>
    </row>
    <row r="8628" spans="1:10" x14ac:dyDescent="0.35">
      <c r="A8628" s="1" t="s">
        <v>33137</v>
      </c>
      <c r="B8628" s="1" t="s">
        <v>30194</v>
      </c>
      <c r="C8628" s="1" t="s">
        <v>75</v>
      </c>
      <c r="D8628" s="1" t="s">
        <v>33189</v>
      </c>
      <c r="E8628" s="1" t="s">
        <v>33190</v>
      </c>
      <c r="F8628" s="1" t="s">
        <v>33191</v>
      </c>
      <c r="G8628" s="1" t="s">
        <v>33141</v>
      </c>
      <c r="H8628" s="1" t="s">
        <v>33142</v>
      </c>
      <c r="I8628" s="1" t="s">
        <v>30200</v>
      </c>
      <c r="J8628" s="1" t="s">
        <v>33192</v>
      </c>
    </row>
    <row r="8629" spans="1:10" x14ac:dyDescent="0.35">
      <c r="A8629" s="1" t="s">
        <v>33137</v>
      </c>
      <c r="B8629" s="1" t="s">
        <v>30194</v>
      </c>
      <c r="C8629" s="1" t="s">
        <v>80</v>
      </c>
      <c r="D8629" s="1" t="s">
        <v>9758</v>
      </c>
      <c r="E8629" s="1" t="s">
        <v>33193</v>
      </c>
      <c r="F8629" s="1" t="s">
        <v>33194</v>
      </c>
      <c r="G8629" s="1" t="s">
        <v>33141</v>
      </c>
      <c r="H8629" s="1" t="s">
        <v>33142</v>
      </c>
      <c r="I8629" s="1" t="s">
        <v>30200</v>
      </c>
      <c r="J8629" s="1" t="s">
        <v>33195</v>
      </c>
    </row>
    <row r="8630" spans="1:10" x14ac:dyDescent="0.35">
      <c r="A8630" s="1" t="s">
        <v>33137</v>
      </c>
      <c r="B8630" s="1" t="s">
        <v>30194</v>
      </c>
      <c r="C8630" s="1" t="s">
        <v>85</v>
      </c>
      <c r="D8630" s="1" t="s">
        <v>30975</v>
      </c>
      <c r="E8630" s="1" t="s">
        <v>33196</v>
      </c>
      <c r="F8630" s="1" t="s">
        <v>33197</v>
      </c>
      <c r="G8630" s="1" t="s">
        <v>33141</v>
      </c>
      <c r="H8630" s="1" t="s">
        <v>33142</v>
      </c>
      <c r="I8630" s="1" t="s">
        <v>30200</v>
      </c>
      <c r="J8630" s="1" t="s">
        <v>33198</v>
      </c>
    </row>
    <row r="8631" spans="1:10" x14ac:dyDescent="0.35">
      <c r="A8631" s="1" t="s">
        <v>33137</v>
      </c>
      <c r="B8631" s="1" t="s">
        <v>30194</v>
      </c>
      <c r="C8631" s="1" t="s">
        <v>90</v>
      </c>
      <c r="D8631" s="1" t="s">
        <v>33199</v>
      </c>
      <c r="E8631" s="1" t="s">
        <v>33200</v>
      </c>
      <c r="F8631" s="1" t="s">
        <v>33201</v>
      </c>
      <c r="G8631" s="1" t="s">
        <v>33141</v>
      </c>
      <c r="H8631" s="1" t="s">
        <v>33142</v>
      </c>
      <c r="I8631" s="1" t="s">
        <v>30200</v>
      </c>
      <c r="J8631" s="1" t="s">
        <v>33202</v>
      </c>
    </row>
    <row r="8632" spans="1:10" x14ac:dyDescent="0.35">
      <c r="A8632" s="1" t="s">
        <v>33137</v>
      </c>
      <c r="B8632" s="1" t="s">
        <v>30194</v>
      </c>
      <c r="C8632" s="1" t="s">
        <v>95</v>
      </c>
      <c r="D8632" s="1" t="s">
        <v>33203</v>
      </c>
      <c r="E8632" s="1" t="s">
        <v>33204</v>
      </c>
      <c r="F8632" s="1" t="s">
        <v>33205</v>
      </c>
      <c r="G8632" s="1" t="s">
        <v>33141</v>
      </c>
      <c r="H8632" s="1" t="s">
        <v>33142</v>
      </c>
      <c r="I8632" s="1" t="s">
        <v>30200</v>
      </c>
      <c r="J8632" s="1" t="s">
        <v>33206</v>
      </c>
    </row>
    <row r="8633" spans="1:10" x14ac:dyDescent="0.35">
      <c r="A8633" s="1" t="s">
        <v>33137</v>
      </c>
      <c r="B8633" s="1" t="s">
        <v>30194</v>
      </c>
      <c r="C8633" s="1" t="s">
        <v>100</v>
      </c>
      <c r="D8633" s="1" t="s">
        <v>33207</v>
      </c>
      <c r="E8633" s="1" t="s">
        <v>33208</v>
      </c>
      <c r="F8633" s="1" t="s">
        <v>33209</v>
      </c>
      <c r="G8633" s="1" t="s">
        <v>33141</v>
      </c>
      <c r="H8633" s="1" t="s">
        <v>33142</v>
      </c>
      <c r="I8633" s="1" t="s">
        <v>30200</v>
      </c>
      <c r="J8633" s="1" t="s">
        <v>33210</v>
      </c>
    </row>
    <row r="8634" spans="1:10" x14ac:dyDescent="0.35">
      <c r="A8634" s="1" t="s">
        <v>33137</v>
      </c>
      <c r="B8634" s="1" t="s">
        <v>30194</v>
      </c>
      <c r="C8634" s="1" t="s">
        <v>105</v>
      </c>
      <c r="D8634" s="1" t="s">
        <v>33211</v>
      </c>
      <c r="E8634" s="1" t="s">
        <v>33212</v>
      </c>
      <c r="F8634" s="1" t="s">
        <v>33213</v>
      </c>
      <c r="G8634" s="1" t="s">
        <v>33141</v>
      </c>
      <c r="H8634" s="1" t="s">
        <v>33142</v>
      </c>
      <c r="I8634" s="1" t="s">
        <v>30200</v>
      </c>
      <c r="J8634" s="1" t="s">
        <v>33214</v>
      </c>
    </row>
    <row r="8635" spans="1:10" x14ac:dyDescent="0.35">
      <c r="A8635" s="1" t="s">
        <v>33137</v>
      </c>
      <c r="B8635" s="1" t="s">
        <v>30194</v>
      </c>
      <c r="C8635" s="1" t="s">
        <v>110</v>
      </c>
      <c r="D8635" s="1" t="s">
        <v>33215</v>
      </c>
      <c r="E8635" s="1" t="s">
        <v>33216</v>
      </c>
      <c r="F8635" s="1" t="s">
        <v>33217</v>
      </c>
      <c r="G8635" s="1" t="s">
        <v>33141</v>
      </c>
      <c r="H8635" s="1" t="s">
        <v>33142</v>
      </c>
      <c r="I8635" s="1" t="s">
        <v>30200</v>
      </c>
      <c r="J8635" s="1" t="s">
        <v>33218</v>
      </c>
    </row>
    <row r="8636" spans="1:10" x14ac:dyDescent="0.35">
      <c r="A8636" s="1" t="s">
        <v>33137</v>
      </c>
      <c r="B8636" s="1" t="s">
        <v>30194</v>
      </c>
      <c r="C8636" s="1" t="s">
        <v>115</v>
      </c>
      <c r="D8636" s="1" t="s">
        <v>33219</v>
      </c>
      <c r="E8636" s="1" t="s">
        <v>33220</v>
      </c>
      <c r="F8636" s="1" t="s">
        <v>33221</v>
      </c>
      <c r="G8636" s="1" t="s">
        <v>33141</v>
      </c>
      <c r="H8636" s="1" t="s">
        <v>33142</v>
      </c>
      <c r="I8636" s="1" t="s">
        <v>30200</v>
      </c>
      <c r="J8636" s="1" t="s">
        <v>33222</v>
      </c>
    </row>
    <row r="8637" spans="1:10" x14ac:dyDescent="0.35">
      <c r="A8637" s="1" t="s">
        <v>33137</v>
      </c>
      <c r="B8637" s="1" t="s">
        <v>30194</v>
      </c>
      <c r="C8637" s="1" t="s">
        <v>120</v>
      </c>
      <c r="D8637" s="1" t="s">
        <v>33223</v>
      </c>
      <c r="E8637" s="1" t="s">
        <v>33224</v>
      </c>
      <c r="F8637" s="1" t="s">
        <v>33225</v>
      </c>
      <c r="G8637" s="1" t="s">
        <v>33141</v>
      </c>
      <c r="H8637" s="1" t="s">
        <v>33142</v>
      </c>
      <c r="I8637" s="1" t="s">
        <v>30200</v>
      </c>
      <c r="J8637" s="1" t="s">
        <v>33226</v>
      </c>
    </row>
    <row r="8638" spans="1:10" x14ac:dyDescent="0.35">
      <c r="A8638" s="1" t="s">
        <v>33137</v>
      </c>
      <c r="B8638" s="1" t="s">
        <v>30194</v>
      </c>
      <c r="C8638" s="1" t="s">
        <v>125</v>
      </c>
      <c r="D8638" s="1" t="s">
        <v>33227</v>
      </c>
      <c r="E8638" s="1" t="s">
        <v>33228</v>
      </c>
      <c r="F8638" s="1" t="s">
        <v>33229</v>
      </c>
      <c r="G8638" s="1" t="s">
        <v>33141</v>
      </c>
      <c r="H8638" s="1" t="s">
        <v>33142</v>
      </c>
      <c r="I8638" s="1" t="s">
        <v>30200</v>
      </c>
      <c r="J8638" s="1" t="s">
        <v>33230</v>
      </c>
    </row>
    <row r="8639" spans="1:10" x14ac:dyDescent="0.35">
      <c r="A8639" s="1" t="s">
        <v>33137</v>
      </c>
      <c r="B8639" s="1" t="s">
        <v>30194</v>
      </c>
      <c r="C8639" s="1" t="s">
        <v>130</v>
      </c>
      <c r="D8639" s="1" t="s">
        <v>9067</v>
      </c>
      <c r="E8639" s="1" t="s">
        <v>33231</v>
      </c>
      <c r="F8639" s="1" t="s">
        <v>33232</v>
      </c>
      <c r="G8639" s="1" t="s">
        <v>33141</v>
      </c>
      <c r="H8639" s="1" t="s">
        <v>33142</v>
      </c>
      <c r="I8639" s="1" t="s">
        <v>30200</v>
      </c>
      <c r="J8639" s="1" t="s">
        <v>33233</v>
      </c>
    </row>
    <row r="8640" spans="1:10" x14ac:dyDescent="0.35">
      <c r="A8640" s="1" t="s">
        <v>33137</v>
      </c>
      <c r="B8640" s="1" t="s">
        <v>30194</v>
      </c>
      <c r="C8640" s="1" t="s">
        <v>135</v>
      </c>
      <c r="D8640" s="1" t="s">
        <v>33234</v>
      </c>
      <c r="E8640" s="1" t="s">
        <v>33235</v>
      </c>
      <c r="F8640" s="1" t="s">
        <v>33236</v>
      </c>
      <c r="G8640" s="1" t="s">
        <v>33141</v>
      </c>
      <c r="H8640" s="1" t="s">
        <v>33142</v>
      </c>
      <c r="I8640" s="1" t="s">
        <v>30200</v>
      </c>
      <c r="J8640" s="1" t="s">
        <v>33237</v>
      </c>
    </row>
    <row r="8641" spans="1:10" x14ac:dyDescent="0.35">
      <c r="A8641" s="1" t="s">
        <v>33137</v>
      </c>
      <c r="B8641" s="1" t="s">
        <v>30194</v>
      </c>
      <c r="C8641" s="1" t="s">
        <v>140</v>
      </c>
      <c r="D8641" s="1" t="s">
        <v>3731</v>
      </c>
      <c r="E8641" s="1" t="s">
        <v>33238</v>
      </c>
      <c r="F8641" s="1" t="s">
        <v>33239</v>
      </c>
      <c r="G8641" s="1" t="s">
        <v>33141</v>
      </c>
      <c r="H8641" s="1" t="s">
        <v>33142</v>
      </c>
      <c r="I8641" s="1" t="s">
        <v>30200</v>
      </c>
      <c r="J8641" s="1" t="s">
        <v>33240</v>
      </c>
    </row>
    <row r="8642" spans="1:10" x14ac:dyDescent="0.35">
      <c r="A8642" s="1" t="s">
        <v>33137</v>
      </c>
      <c r="B8642" s="1" t="s">
        <v>30194</v>
      </c>
      <c r="C8642" s="1" t="s">
        <v>145</v>
      </c>
      <c r="D8642" s="1" t="s">
        <v>33241</v>
      </c>
      <c r="E8642" s="1" t="s">
        <v>33242</v>
      </c>
      <c r="F8642" s="1" t="s">
        <v>33243</v>
      </c>
      <c r="G8642" s="1" t="s">
        <v>33141</v>
      </c>
      <c r="H8642" s="1" t="s">
        <v>33142</v>
      </c>
      <c r="I8642" s="1" t="s">
        <v>30200</v>
      </c>
      <c r="J8642" s="1" t="s">
        <v>33244</v>
      </c>
    </row>
    <row r="8643" spans="1:10" x14ac:dyDescent="0.35">
      <c r="A8643" s="1" t="s">
        <v>33137</v>
      </c>
      <c r="B8643" s="1" t="s">
        <v>30194</v>
      </c>
      <c r="C8643" s="1" t="s">
        <v>150</v>
      </c>
      <c r="D8643" s="1" t="s">
        <v>33245</v>
      </c>
      <c r="E8643" s="1" t="s">
        <v>33246</v>
      </c>
      <c r="F8643" s="1" t="s">
        <v>33247</v>
      </c>
      <c r="G8643" s="1" t="s">
        <v>33141</v>
      </c>
      <c r="H8643" s="1" t="s">
        <v>33142</v>
      </c>
      <c r="I8643" s="1" t="s">
        <v>30200</v>
      </c>
      <c r="J8643" s="1" t="s">
        <v>33248</v>
      </c>
    </row>
    <row r="8644" spans="1:10" x14ac:dyDescent="0.35">
      <c r="A8644" s="1" t="s">
        <v>33137</v>
      </c>
      <c r="B8644" s="1" t="s">
        <v>30194</v>
      </c>
      <c r="C8644" s="1" t="s">
        <v>155</v>
      </c>
      <c r="D8644" s="1" t="s">
        <v>33249</v>
      </c>
      <c r="E8644" s="1" t="s">
        <v>33250</v>
      </c>
      <c r="F8644" s="1" t="s">
        <v>33251</v>
      </c>
      <c r="G8644" s="1" t="s">
        <v>33141</v>
      </c>
      <c r="H8644" s="1" t="s">
        <v>33142</v>
      </c>
      <c r="I8644" s="1" t="s">
        <v>30200</v>
      </c>
      <c r="J8644" s="1" t="s">
        <v>33252</v>
      </c>
    </row>
    <row r="8645" spans="1:10" x14ac:dyDescent="0.35">
      <c r="A8645" s="1" t="s">
        <v>33137</v>
      </c>
      <c r="B8645" s="1" t="s">
        <v>30194</v>
      </c>
      <c r="C8645" s="1" t="s">
        <v>160</v>
      </c>
      <c r="D8645" s="1" t="s">
        <v>33253</v>
      </c>
      <c r="E8645" s="1" t="s">
        <v>33254</v>
      </c>
      <c r="F8645" s="1" t="s">
        <v>33255</v>
      </c>
      <c r="G8645" s="1" t="s">
        <v>33141</v>
      </c>
      <c r="H8645" s="1" t="s">
        <v>33142</v>
      </c>
      <c r="I8645" s="1" t="s">
        <v>30200</v>
      </c>
      <c r="J8645" s="1" t="s">
        <v>33256</v>
      </c>
    </row>
    <row r="8646" spans="1:10" x14ac:dyDescent="0.35">
      <c r="A8646" s="1" t="s">
        <v>33137</v>
      </c>
      <c r="B8646" s="1" t="s">
        <v>30194</v>
      </c>
      <c r="C8646" s="1" t="s">
        <v>165</v>
      </c>
      <c r="D8646" s="1" t="s">
        <v>33257</v>
      </c>
      <c r="E8646" s="1" t="s">
        <v>33258</v>
      </c>
      <c r="F8646" s="1" t="s">
        <v>33259</v>
      </c>
      <c r="G8646" s="1" t="s">
        <v>33141</v>
      </c>
      <c r="H8646" s="1" t="s">
        <v>33142</v>
      </c>
      <c r="I8646" s="1" t="s">
        <v>30200</v>
      </c>
      <c r="J8646" s="1" t="s">
        <v>33260</v>
      </c>
    </row>
    <row r="8647" spans="1:10" x14ac:dyDescent="0.35">
      <c r="A8647" s="1" t="s">
        <v>33137</v>
      </c>
      <c r="B8647" s="1" t="s">
        <v>30194</v>
      </c>
      <c r="C8647" s="1" t="s">
        <v>170</v>
      </c>
      <c r="D8647" s="1" t="s">
        <v>33261</v>
      </c>
      <c r="E8647" s="1" t="s">
        <v>33262</v>
      </c>
      <c r="F8647" s="1" t="s">
        <v>33263</v>
      </c>
      <c r="G8647" s="1" t="s">
        <v>33141</v>
      </c>
      <c r="H8647" s="1" t="s">
        <v>33142</v>
      </c>
      <c r="I8647" s="1" t="s">
        <v>30200</v>
      </c>
      <c r="J8647" s="1" t="s">
        <v>33264</v>
      </c>
    </row>
    <row r="8648" spans="1:10" x14ac:dyDescent="0.35">
      <c r="A8648" s="1" t="s">
        <v>33265</v>
      </c>
      <c r="B8648" s="1" t="s">
        <v>33266</v>
      </c>
      <c r="C8648" s="1" t="s">
        <v>8</v>
      </c>
      <c r="D8648" s="1" t="s">
        <v>33267</v>
      </c>
      <c r="E8648" s="1" t="s">
        <v>33268</v>
      </c>
      <c r="F8648" s="1" t="s">
        <v>33269</v>
      </c>
      <c r="G8648" s="1" t="s">
        <v>33270</v>
      </c>
      <c r="H8648" s="1" t="s">
        <v>33271</v>
      </c>
      <c r="I8648" s="1" t="s">
        <v>33272</v>
      </c>
      <c r="J8648" s="1" t="s">
        <v>13</v>
      </c>
    </row>
    <row r="8649" spans="1:10" x14ac:dyDescent="0.35">
      <c r="A8649" s="1" t="s">
        <v>33265</v>
      </c>
      <c r="B8649" s="1" t="s">
        <v>33266</v>
      </c>
      <c r="C8649" s="1" t="s">
        <v>15</v>
      </c>
      <c r="D8649" s="1" t="s">
        <v>33273</v>
      </c>
      <c r="E8649" s="1" t="s">
        <v>33274</v>
      </c>
      <c r="F8649" s="1" t="s">
        <v>33275</v>
      </c>
      <c r="G8649" s="1" t="s">
        <v>33270</v>
      </c>
      <c r="H8649" s="1" t="s">
        <v>33271</v>
      </c>
      <c r="I8649" s="1" t="s">
        <v>33272</v>
      </c>
      <c r="J8649" s="1" t="s">
        <v>33276</v>
      </c>
    </row>
    <row r="8650" spans="1:10" x14ac:dyDescent="0.35">
      <c r="A8650" s="1" t="s">
        <v>33265</v>
      </c>
      <c r="B8650" s="1" t="s">
        <v>33266</v>
      </c>
      <c r="C8650" s="1" t="s">
        <v>20</v>
      </c>
      <c r="D8650" s="1" t="s">
        <v>33277</v>
      </c>
      <c r="E8650" s="1" t="s">
        <v>33278</v>
      </c>
      <c r="F8650" s="1" t="s">
        <v>33279</v>
      </c>
      <c r="G8650" s="1" t="s">
        <v>33270</v>
      </c>
      <c r="H8650" s="1" t="s">
        <v>33271</v>
      </c>
      <c r="I8650" s="1" t="s">
        <v>33272</v>
      </c>
      <c r="J8650" s="1" t="s">
        <v>33280</v>
      </c>
    </row>
    <row r="8651" spans="1:10" x14ac:dyDescent="0.35">
      <c r="A8651" s="1" t="s">
        <v>33265</v>
      </c>
      <c r="B8651" s="1" t="s">
        <v>33266</v>
      </c>
      <c r="C8651" s="1" t="s">
        <v>25</v>
      </c>
      <c r="D8651" s="1" t="s">
        <v>33281</v>
      </c>
      <c r="E8651" s="1" t="s">
        <v>33282</v>
      </c>
      <c r="F8651" s="1" t="s">
        <v>33283</v>
      </c>
      <c r="G8651" s="1" t="s">
        <v>33270</v>
      </c>
      <c r="H8651" s="1" t="s">
        <v>33271</v>
      </c>
      <c r="I8651" s="1" t="s">
        <v>33272</v>
      </c>
      <c r="J8651" s="1" t="s">
        <v>33284</v>
      </c>
    </row>
    <row r="8652" spans="1:10" x14ac:dyDescent="0.35">
      <c r="A8652" s="1" t="s">
        <v>33265</v>
      </c>
      <c r="B8652" s="1" t="s">
        <v>33266</v>
      </c>
      <c r="C8652" s="1" t="s">
        <v>30</v>
      </c>
      <c r="D8652" s="1" t="s">
        <v>33285</v>
      </c>
      <c r="E8652" s="1" t="s">
        <v>33286</v>
      </c>
      <c r="F8652" s="1" t="s">
        <v>33287</v>
      </c>
      <c r="G8652" s="1" t="s">
        <v>33270</v>
      </c>
      <c r="H8652" s="1" t="s">
        <v>33271</v>
      </c>
      <c r="I8652" s="1" t="s">
        <v>33272</v>
      </c>
      <c r="J8652" s="1" t="s">
        <v>33288</v>
      </c>
    </row>
    <row r="8653" spans="1:10" x14ac:dyDescent="0.35">
      <c r="A8653" s="1" t="s">
        <v>33265</v>
      </c>
      <c r="B8653" s="1" t="s">
        <v>33266</v>
      </c>
      <c r="C8653" s="1" t="s">
        <v>35</v>
      </c>
      <c r="D8653" s="1" t="s">
        <v>33289</v>
      </c>
      <c r="E8653" s="1" t="s">
        <v>33290</v>
      </c>
      <c r="F8653" s="1" t="s">
        <v>33291</v>
      </c>
      <c r="G8653" s="1" t="s">
        <v>33270</v>
      </c>
      <c r="H8653" s="1" t="s">
        <v>33271</v>
      </c>
      <c r="I8653" s="1" t="s">
        <v>33272</v>
      </c>
      <c r="J8653" s="1" t="s">
        <v>33292</v>
      </c>
    </row>
    <row r="8654" spans="1:10" x14ac:dyDescent="0.35">
      <c r="A8654" s="1" t="s">
        <v>33265</v>
      </c>
      <c r="B8654" s="1" t="s">
        <v>33266</v>
      </c>
      <c r="C8654" s="1" t="s">
        <v>40</v>
      </c>
      <c r="D8654" s="1" t="s">
        <v>17304</v>
      </c>
      <c r="E8654" s="1" t="s">
        <v>33293</v>
      </c>
      <c r="F8654" s="1" t="s">
        <v>33294</v>
      </c>
      <c r="G8654" s="1" t="s">
        <v>33270</v>
      </c>
      <c r="H8654" s="1" t="s">
        <v>33271</v>
      </c>
      <c r="I8654" s="1" t="s">
        <v>33272</v>
      </c>
      <c r="J8654" s="1" t="s">
        <v>33295</v>
      </c>
    </row>
    <row r="8655" spans="1:10" x14ac:dyDescent="0.35">
      <c r="A8655" s="1" t="s">
        <v>33265</v>
      </c>
      <c r="B8655" s="1" t="s">
        <v>33266</v>
      </c>
      <c r="C8655" s="1" t="s">
        <v>45</v>
      </c>
      <c r="D8655" s="1" t="s">
        <v>33296</v>
      </c>
      <c r="E8655" s="1" t="s">
        <v>33297</v>
      </c>
      <c r="F8655" s="1" t="s">
        <v>33298</v>
      </c>
      <c r="G8655" s="1" t="s">
        <v>33270</v>
      </c>
      <c r="H8655" s="1" t="s">
        <v>33271</v>
      </c>
      <c r="I8655" s="1" t="s">
        <v>33272</v>
      </c>
      <c r="J8655" s="1" t="s">
        <v>33299</v>
      </c>
    </row>
    <row r="8656" spans="1:10" x14ac:dyDescent="0.35">
      <c r="A8656" s="1" t="s">
        <v>33265</v>
      </c>
      <c r="B8656" s="1" t="s">
        <v>33266</v>
      </c>
      <c r="C8656" s="1" t="s">
        <v>50</v>
      </c>
      <c r="D8656" s="1" t="s">
        <v>33300</v>
      </c>
      <c r="E8656" s="1" t="s">
        <v>33301</v>
      </c>
      <c r="F8656" s="1" t="s">
        <v>33302</v>
      </c>
      <c r="G8656" s="1" t="s">
        <v>33270</v>
      </c>
      <c r="H8656" s="1" t="s">
        <v>33271</v>
      </c>
      <c r="I8656" s="1" t="s">
        <v>33272</v>
      </c>
      <c r="J8656" s="1" t="s">
        <v>33303</v>
      </c>
    </row>
    <row r="8657" spans="1:10" x14ac:dyDescent="0.35">
      <c r="A8657" s="1" t="s">
        <v>33265</v>
      </c>
      <c r="B8657" s="1" t="s">
        <v>33266</v>
      </c>
      <c r="C8657" s="1" t="s">
        <v>55</v>
      </c>
      <c r="D8657" s="1" t="s">
        <v>33304</v>
      </c>
      <c r="E8657" s="1" t="s">
        <v>33305</v>
      </c>
      <c r="F8657" s="1" t="s">
        <v>33306</v>
      </c>
      <c r="G8657" s="1" t="s">
        <v>33270</v>
      </c>
      <c r="H8657" s="1" t="s">
        <v>33271</v>
      </c>
      <c r="I8657" s="1" t="s">
        <v>33272</v>
      </c>
      <c r="J8657" s="1" t="s">
        <v>33307</v>
      </c>
    </row>
    <row r="8658" spans="1:10" x14ac:dyDescent="0.35">
      <c r="A8658" s="1" t="s">
        <v>33265</v>
      </c>
      <c r="B8658" s="1" t="s">
        <v>33266</v>
      </c>
      <c r="C8658" s="1" t="s">
        <v>60</v>
      </c>
      <c r="D8658" s="1" t="s">
        <v>33308</v>
      </c>
      <c r="E8658" s="1" t="s">
        <v>33309</v>
      </c>
      <c r="F8658" s="1" t="s">
        <v>33310</v>
      </c>
      <c r="G8658" s="1" t="s">
        <v>33270</v>
      </c>
      <c r="H8658" s="1" t="s">
        <v>33271</v>
      </c>
      <c r="I8658" s="1" t="s">
        <v>33272</v>
      </c>
      <c r="J8658" s="1" t="s">
        <v>33311</v>
      </c>
    </row>
    <row r="8659" spans="1:10" x14ac:dyDescent="0.35">
      <c r="A8659" s="1" t="s">
        <v>33265</v>
      </c>
      <c r="B8659" s="1" t="s">
        <v>33266</v>
      </c>
      <c r="C8659" s="1" t="s">
        <v>65</v>
      </c>
      <c r="D8659" s="1" t="s">
        <v>33312</v>
      </c>
      <c r="E8659" s="1" t="s">
        <v>33313</v>
      </c>
      <c r="F8659" s="1" t="s">
        <v>33314</v>
      </c>
      <c r="G8659" s="1" t="s">
        <v>33270</v>
      </c>
      <c r="H8659" s="1" t="s">
        <v>33271</v>
      </c>
      <c r="I8659" s="1" t="s">
        <v>33272</v>
      </c>
      <c r="J8659" s="1" t="s">
        <v>33315</v>
      </c>
    </row>
    <row r="8660" spans="1:10" x14ac:dyDescent="0.35">
      <c r="A8660" s="1" t="s">
        <v>33265</v>
      </c>
      <c r="B8660" s="1" t="s">
        <v>33266</v>
      </c>
      <c r="C8660" s="1" t="s">
        <v>70</v>
      </c>
      <c r="D8660" s="1" t="s">
        <v>20638</v>
      </c>
      <c r="E8660" s="1" t="s">
        <v>33316</v>
      </c>
      <c r="F8660" s="1" t="s">
        <v>33317</v>
      </c>
      <c r="G8660" s="1" t="s">
        <v>33270</v>
      </c>
      <c r="H8660" s="1" t="s">
        <v>33271</v>
      </c>
      <c r="I8660" s="1" t="s">
        <v>33272</v>
      </c>
      <c r="J8660" s="1" t="s">
        <v>33318</v>
      </c>
    </row>
    <row r="8661" spans="1:10" x14ac:dyDescent="0.35">
      <c r="A8661" s="1" t="s">
        <v>33265</v>
      </c>
      <c r="B8661" s="1" t="s">
        <v>33266</v>
      </c>
      <c r="C8661" s="1" t="s">
        <v>75</v>
      </c>
      <c r="D8661" s="1" t="s">
        <v>33319</v>
      </c>
      <c r="E8661" s="1" t="s">
        <v>33320</v>
      </c>
      <c r="F8661" s="1" t="s">
        <v>33321</v>
      </c>
      <c r="G8661" s="1" t="s">
        <v>33270</v>
      </c>
      <c r="H8661" s="1" t="s">
        <v>33271</v>
      </c>
      <c r="I8661" s="1" t="s">
        <v>33272</v>
      </c>
      <c r="J8661" s="1" t="s">
        <v>33322</v>
      </c>
    </row>
    <row r="8662" spans="1:10" x14ac:dyDescent="0.35">
      <c r="A8662" s="1" t="s">
        <v>33265</v>
      </c>
      <c r="B8662" s="1" t="s">
        <v>33266</v>
      </c>
      <c r="C8662" s="1" t="s">
        <v>80</v>
      </c>
      <c r="D8662" s="1" t="s">
        <v>33323</v>
      </c>
      <c r="E8662" s="1" t="s">
        <v>33324</v>
      </c>
      <c r="F8662" s="1" t="s">
        <v>33325</v>
      </c>
      <c r="G8662" s="1" t="s">
        <v>33270</v>
      </c>
      <c r="H8662" s="1" t="s">
        <v>33271</v>
      </c>
      <c r="I8662" s="1" t="s">
        <v>33272</v>
      </c>
      <c r="J8662" s="1" t="s">
        <v>33326</v>
      </c>
    </row>
    <row r="8663" spans="1:10" x14ac:dyDescent="0.35">
      <c r="A8663" s="1" t="s">
        <v>33265</v>
      </c>
      <c r="B8663" s="1" t="s">
        <v>33266</v>
      </c>
      <c r="C8663" s="1" t="s">
        <v>85</v>
      </c>
      <c r="D8663" s="1" t="s">
        <v>33327</v>
      </c>
      <c r="E8663" s="1" t="s">
        <v>33328</v>
      </c>
      <c r="F8663" s="1" t="s">
        <v>33329</v>
      </c>
      <c r="G8663" s="1" t="s">
        <v>33270</v>
      </c>
      <c r="H8663" s="1" t="s">
        <v>33271</v>
      </c>
      <c r="I8663" s="1" t="s">
        <v>33272</v>
      </c>
      <c r="J8663" s="1" t="s">
        <v>33330</v>
      </c>
    </row>
    <row r="8664" spans="1:10" x14ac:dyDescent="0.35">
      <c r="A8664" s="1" t="s">
        <v>33265</v>
      </c>
      <c r="B8664" s="1" t="s">
        <v>33266</v>
      </c>
      <c r="C8664" s="1" t="s">
        <v>90</v>
      </c>
      <c r="D8664" s="1" t="s">
        <v>33331</v>
      </c>
      <c r="E8664" s="1" t="s">
        <v>33332</v>
      </c>
      <c r="F8664" s="1" t="s">
        <v>33333</v>
      </c>
      <c r="G8664" s="1" t="s">
        <v>33270</v>
      </c>
      <c r="H8664" s="1" t="s">
        <v>33271</v>
      </c>
      <c r="I8664" s="1" t="s">
        <v>33272</v>
      </c>
      <c r="J8664" s="1" t="s">
        <v>33334</v>
      </c>
    </row>
    <row r="8665" spans="1:10" x14ac:dyDescent="0.35">
      <c r="A8665" s="1" t="s">
        <v>33265</v>
      </c>
      <c r="B8665" s="1" t="s">
        <v>33266</v>
      </c>
      <c r="C8665" s="1" t="s">
        <v>95</v>
      </c>
      <c r="D8665" s="1" t="s">
        <v>33335</v>
      </c>
      <c r="E8665" s="1" t="s">
        <v>33336</v>
      </c>
      <c r="F8665" s="1" t="s">
        <v>33337</v>
      </c>
      <c r="G8665" s="1" t="s">
        <v>33270</v>
      </c>
      <c r="H8665" s="1" t="s">
        <v>33271</v>
      </c>
      <c r="I8665" s="1" t="s">
        <v>33272</v>
      </c>
      <c r="J8665" s="1" t="s">
        <v>33338</v>
      </c>
    </row>
    <row r="8666" spans="1:10" x14ac:dyDescent="0.35">
      <c r="A8666" s="1" t="s">
        <v>33265</v>
      </c>
      <c r="B8666" s="1" t="s">
        <v>33266</v>
      </c>
      <c r="C8666" s="1" t="s">
        <v>100</v>
      </c>
      <c r="D8666" s="1" t="s">
        <v>33339</v>
      </c>
      <c r="E8666" s="1" t="s">
        <v>33340</v>
      </c>
      <c r="F8666" s="1" t="s">
        <v>33341</v>
      </c>
      <c r="G8666" s="1" t="s">
        <v>33270</v>
      </c>
      <c r="H8666" s="1" t="s">
        <v>33271</v>
      </c>
      <c r="I8666" s="1" t="s">
        <v>33272</v>
      </c>
      <c r="J8666" s="1" t="s">
        <v>33342</v>
      </c>
    </row>
    <row r="8667" spans="1:10" x14ac:dyDescent="0.35">
      <c r="A8667" s="1" t="s">
        <v>33265</v>
      </c>
      <c r="B8667" s="1" t="s">
        <v>33266</v>
      </c>
      <c r="C8667" s="1" t="s">
        <v>105</v>
      </c>
      <c r="D8667" s="1" t="s">
        <v>33343</v>
      </c>
      <c r="E8667" s="1" t="s">
        <v>33344</v>
      </c>
      <c r="F8667" s="1" t="s">
        <v>33345</v>
      </c>
      <c r="G8667" s="1" t="s">
        <v>33270</v>
      </c>
      <c r="H8667" s="1" t="s">
        <v>33271</v>
      </c>
      <c r="I8667" s="1" t="s">
        <v>33272</v>
      </c>
      <c r="J8667" s="1" t="s">
        <v>33346</v>
      </c>
    </row>
    <row r="8668" spans="1:10" x14ac:dyDescent="0.35">
      <c r="A8668" s="1" t="s">
        <v>33265</v>
      </c>
      <c r="B8668" s="1" t="s">
        <v>33266</v>
      </c>
      <c r="C8668" s="1" t="s">
        <v>110</v>
      </c>
      <c r="D8668" s="1" t="s">
        <v>33347</v>
      </c>
      <c r="E8668" s="1" t="s">
        <v>33348</v>
      </c>
      <c r="F8668" s="1" t="s">
        <v>33349</v>
      </c>
      <c r="G8668" s="1" t="s">
        <v>33270</v>
      </c>
      <c r="H8668" s="1" t="s">
        <v>33271</v>
      </c>
      <c r="I8668" s="1" t="s">
        <v>33272</v>
      </c>
      <c r="J8668" s="1" t="s">
        <v>33350</v>
      </c>
    </row>
    <row r="8669" spans="1:10" x14ac:dyDescent="0.35">
      <c r="A8669" s="1" t="s">
        <v>33265</v>
      </c>
      <c r="B8669" s="1" t="s">
        <v>33266</v>
      </c>
      <c r="C8669" s="1" t="s">
        <v>115</v>
      </c>
      <c r="D8669" s="1" t="s">
        <v>33351</v>
      </c>
      <c r="E8669" s="1" t="s">
        <v>33352</v>
      </c>
      <c r="F8669" s="1" t="s">
        <v>33353</v>
      </c>
      <c r="G8669" s="1" t="s">
        <v>33270</v>
      </c>
      <c r="H8669" s="1" t="s">
        <v>33271</v>
      </c>
      <c r="I8669" s="1" t="s">
        <v>33272</v>
      </c>
      <c r="J8669" s="1" t="s">
        <v>33354</v>
      </c>
    </row>
    <row r="8670" spans="1:10" x14ac:dyDescent="0.35">
      <c r="A8670" s="1" t="s">
        <v>33265</v>
      </c>
      <c r="B8670" s="1" t="s">
        <v>33266</v>
      </c>
      <c r="C8670" s="1" t="s">
        <v>120</v>
      </c>
      <c r="D8670" s="1" t="s">
        <v>33355</v>
      </c>
      <c r="E8670" s="1" t="s">
        <v>33356</v>
      </c>
      <c r="F8670" s="1" t="s">
        <v>33357</v>
      </c>
      <c r="G8670" s="1" t="s">
        <v>33270</v>
      </c>
      <c r="H8670" s="1" t="s">
        <v>33271</v>
      </c>
      <c r="I8670" s="1" t="s">
        <v>33272</v>
      </c>
      <c r="J8670" s="1" t="s">
        <v>33358</v>
      </c>
    </row>
    <row r="8671" spans="1:10" x14ac:dyDescent="0.35">
      <c r="A8671" s="1" t="s">
        <v>33265</v>
      </c>
      <c r="B8671" s="1" t="s">
        <v>33266</v>
      </c>
      <c r="C8671" s="1" t="s">
        <v>125</v>
      </c>
      <c r="D8671" s="1" t="s">
        <v>33359</v>
      </c>
      <c r="E8671" s="1" t="s">
        <v>33360</v>
      </c>
      <c r="F8671" s="1" t="s">
        <v>33361</v>
      </c>
      <c r="G8671" s="1" t="s">
        <v>33270</v>
      </c>
      <c r="H8671" s="1" t="s">
        <v>33271</v>
      </c>
      <c r="I8671" s="1" t="s">
        <v>33272</v>
      </c>
      <c r="J8671" s="1" t="s">
        <v>33362</v>
      </c>
    </row>
    <row r="8672" spans="1:10" x14ac:dyDescent="0.35">
      <c r="A8672" s="1" t="s">
        <v>33265</v>
      </c>
      <c r="B8672" s="1" t="s">
        <v>33266</v>
      </c>
      <c r="C8672" s="1" t="s">
        <v>130</v>
      </c>
      <c r="D8672" s="1" t="s">
        <v>33363</v>
      </c>
      <c r="E8672" s="1" t="s">
        <v>33364</v>
      </c>
      <c r="F8672" s="1" t="s">
        <v>33365</v>
      </c>
      <c r="G8672" s="1" t="s">
        <v>33270</v>
      </c>
      <c r="H8672" s="1" t="s">
        <v>33271</v>
      </c>
      <c r="I8672" s="1" t="s">
        <v>33272</v>
      </c>
      <c r="J8672" s="1" t="s">
        <v>33366</v>
      </c>
    </row>
    <row r="8673" spans="1:10" x14ac:dyDescent="0.35">
      <c r="A8673" s="1" t="s">
        <v>33265</v>
      </c>
      <c r="B8673" s="1" t="s">
        <v>33266</v>
      </c>
      <c r="C8673" s="1" t="s">
        <v>135</v>
      </c>
      <c r="D8673" s="1" t="s">
        <v>33367</v>
      </c>
      <c r="E8673" s="1" t="s">
        <v>33368</v>
      </c>
      <c r="F8673" s="1" t="s">
        <v>33369</v>
      </c>
      <c r="G8673" s="1" t="s">
        <v>33270</v>
      </c>
      <c r="H8673" s="1" t="s">
        <v>33271</v>
      </c>
      <c r="I8673" s="1" t="s">
        <v>33272</v>
      </c>
      <c r="J8673" s="1" t="s">
        <v>33370</v>
      </c>
    </row>
    <row r="8674" spans="1:10" x14ac:dyDescent="0.35">
      <c r="A8674" s="1" t="s">
        <v>33265</v>
      </c>
      <c r="B8674" s="1" t="s">
        <v>33266</v>
      </c>
      <c r="C8674" s="1" t="s">
        <v>140</v>
      </c>
      <c r="D8674" s="1" t="s">
        <v>33371</v>
      </c>
      <c r="E8674" s="1" t="s">
        <v>33372</v>
      </c>
      <c r="F8674" s="1" t="s">
        <v>33373</v>
      </c>
      <c r="G8674" s="1" t="s">
        <v>33270</v>
      </c>
      <c r="H8674" s="1" t="s">
        <v>33271</v>
      </c>
      <c r="I8674" s="1" t="s">
        <v>33272</v>
      </c>
      <c r="J8674" s="1" t="s">
        <v>33374</v>
      </c>
    </row>
    <row r="8675" spans="1:10" x14ac:dyDescent="0.35">
      <c r="A8675" s="1" t="s">
        <v>33265</v>
      </c>
      <c r="B8675" s="1" t="s">
        <v>33266</v>
      </c>
      <c r="C8675" s="1" t="s">
        <v>145</v>
      </c>
      <c r="D8675" s="1" t="s">
        <v>33375</v>
      </c>
      <c r="E8675" s="1" t="s">
        <v>33376</v>
      </c>
      <c r="F8675" s="1" t="s">
        <v>33377</v>
      </c>
      <c r="G8675" s="1" t="s">
        <v>33270</v>
      </c>
      <c r="H8675" s="1" t="s">
        <v>33271</v>
      </c>
      <c r="I8675" s="1" t="s">
        <v>33272</v>
      </c>
      <c r="J8675" s="1" t="s">
        <v>33378</v>
      </c>
    </row>
    <row r="8676" spans="1:10" x14ac:dyDescent="0.35">
      <c r="A8676" s="1" t="s">
        <v>33265</v>
      </c>
      <c r="B8676" s="1" t="s">
        <v>33266</v>
      </c>
      <c r="C8676" s="1" t="s">
        <v>150</v>
      </c>
      <c r="D8676" s="1" t="s">
        <v>33379</v>
      </c>
      <c r="E8676" s="1" t="s">
        <v>33380</v>
      </c>
      <c r="F8676" s="1" t="s">
        <v>33381</v>
      </c>
      <c r="G8676" s="1" t="s">
        <v>33270</v>
      </c>
      <c r="H8676" s="1" t="s">
        <v>33271</v>
      </c>
      <c r="I8676" s="1" t="s">
        <v>33272</v>
      </c>
      <c r="J8676" s="1" t="s">
        <v>33382</v>
      </c>
    </row>
    <row r="8677" spans="1:10" x14ac:dyDescent="0.35">
      <c r="A8677" s="1" t="s">
        <v>33265</v>
      </c>
      <c r="B8677" s="1" t="s">
        <v>33266</v>
      </c>
      <c r="C8677" s="1" t="s">
        <v>155</v>
      </c>
      <c r="D8677" s="1" t="s">
        <v>33383</v>
      </c>
      <c r="E8677" s="1" t="s">
        <v>33384</v>
      </c>
      <c r="F8677" s="1" t="s">
        <v>33385</v>
      </c>
      <c r="G8677" s="1" t="s">
        <v>33270</v>
      </c>
      <c r="H8677" s="1" t="s">
        <v>33271</v>
      </c>
      <c r="I8677" s="1" t="s">
        <v>33272</v>
      </c>
      <c r="J8677" s="1" t="s">
        <v>33386</v>
      </c>
    </row>
    <row r="8678" spans="1:10" x14ac:dyDescent="0.35">
      <c r="A8678" s="1" t="s">
        <v>33265</v>
      </c>
      <c r="B8678" s="1" t="s">
        <v>33266</v>
      </c>
      <c r="C8678" s="1" t="s">
        <v>160</v>
      </c>
      <c r="D8678" s="1" t="s">
        <v>12307</v>
      </c>
      <c r="E8678" s="1" t="s">
        <v>33387</v>
      </c>
      <c r="F8678" s="1" t="s">
        <v>33388</v>
      </c>
      <c r="G8678" s="1" t="s">
        <v>33270</v>
      </c>
      <c r="H8678" s="1" t="s">
        <v>33271</v>
      </c>
      <c r="I8678" s="1" t="s">
        <v>33272</v>
      </c>
      <c r="J8678" s="1" t="s">
        <v>33389</v>
      </c>
    </row>
    <row r="8679" spans="1:10" x14ac:dyDescent="0.35">
      <c r="A8679" s="1" t="s">
        <v>33265</v>
      </c>
      <c r="B8679" s="1" t="s">
        <v>33266</v>
      </c>
      <c r="C8679" s="1" t="s">
        <v>165</v>
      </c>
      <c r="D8679" s="1" t="s">
        <v>33390</v>
      </c>
      <c r="E8679" s="1" t="s">
        <v>33391</v>
      </c>
      <c r="F8679" s="1" t="s">
        <v>33392</v>
      </c>
      <c r="G8679" s="1" t="s">
        <v>33270</v>
      </c>
      <c r="H8679" s="1" t="s">
        <v>33271</v>
      </c>
      <c r="I8679" s="1" t="s">
        <v>33272</v>
      </c>
      <c r="J8679" s="1" t="s">
        <v>33393</v>
      </c>
    </row>
    <row r="8680" spans="1:10" x14ac:dyDescent="0.35">
      <c r="A8680" s="1" t="s">
        <v>33265</v>
      </c>
      <c r="B8680" s="1" t="s">
        <v>33266</v>
      </c>
      <c r="C8680" s="1" t="s">
        <v>170</v>
      </c>
      <c r="D8680" s="1" t="s">
        <v>33394</v>
      </c>
      <c r="E8680" s="1" t="s">
        <v>33395</v>
      </c>
      <c r="F8680" s="1" t="s">
        <v>33396</v>
      </c>
      <c r="G8680" s="1" t="s">
        <v>33270</v>
      </c>
      <c r="H8680" s="1" t="s">
        <v>33271</v>
      </c>
      <c r="I8680" s="1" t="s">
        <v>33272</v>
      </c>
      <c r="J8680" s="1" t="s">
        <v>33397</v>
      </c>
    </row>
    <row r="8681" spans="1:10" x14ac:dyDescent="0.35">
      <c r="A8681" s="1" t="s">
        <v>33398</v>
      </c>
      <c r="B8681" s="1" t="s">
        <v>33399</v>
      </c>
      <c r="C8681" s="1" t="s">
        <v>8</v>
      </c>
      <c r="D8681" s="1" t="s">
        <v>33400</v>
      </c>
      <c r="E8681" s="1" t="s">
        <v>33401</v>
      </c>
      <c r="F8681" s="1" t="s">
        <v>33402</v>
      </c>
      <c r="G8681" s="1" t="s">
        <v>33403</v>
      </c>
      <c r="H8681" s="1" t="s">
        <v>33404</v>
      </c>
      <c r="I8681" s="1" t="s">
        <v>33405</v>
      </c>
      <c r="J8681" s="1" t="s">
        <v>13</v>
      </c>
    </row>
    <row r="8682" spans="1:10" x14ac:dyDescent="0.35">
      <c r="A8682" s="1" t="s">
        <v>33398</v>
      </c>
      <c r="B8682" s="1" t="s">
        <v>33399</v>
      </c>
      <c r="C8682" s="1" t="s">
        <v>15</v>
      </c>
      <c r="D8682" s="1" t="s">
        <v>5538</v>
      </c>
      <c r="E8682" s="1" t="s">
        <v>33406</v>
      </c>
      <c r="F8682" s="1" t="s">
        <v>33407</v>
      </c>
      <c r="G8682" s="1" t="s">
        <v>33403</v>
      </c>
      <c r="H8682" s="1" t="s">
        <v>33404</v>
      </c>
      <c r="I8682" s="1" t="s">
        <v>33405</v>
      </c>
      <c r="J8682" s="1" t="s">
        <v>33408</v>
      </c>
    </row>
    <row r="8683" spans="1:10" x14ac:dyDescent="0.35">
      <c r="A8683" s="1" t="s">
        <v>33398</v>
      </c>
      <c r="B8683" s="1" t="s">
        <v>33399</v>
      </c>
      <c r="C8683" s="1" t="s">
        <v>20</v>
      </c>
      <c r="D8683" s="1" t="s">
        <v>5525</v>
      </c>
      <c r="E8683" s="1" t="s">
        <v>33409</v>
      </c>
      <c r="F8683" s="1" t="s">
        <v>33410</v>
      </c>
      <c r="G8683" s="1" t="s">
        <v>33403</v>
      </c>
      <c r="H8683" s="1" t="s">
        <v>33404</v>
      </c>
      <c r="I8683" s="1" t="s">
        <v>33405</v>
      </c>
      <c r="J8683" s="1" t="s">
        <v>33411</v>
      </c>
    </row>
    <row r="8684" spans="1:10" x14ac:dyDescent="0.35">
      <c r="A8684" s="1" t="s">
        <v>33398</v>
      </c>
      <c r="B8684" s="1" t="s">
        <v>33399</v>
      </c>
      <c r="C8684" s="1" t="s">
        <v>25</v>
      </c>
      <c r="D8684" s="1" t="s">
        <v>28053</v>
      </c>
      <c r="E8684" s="1" t="s">
        <v>33412</v>
      </c>
      <c r="F8684" s="1" t="s">
        <v>33413</v>
      </c>
      <c r="G8684" s="1" t="s">
        <v>33403</v>
      </c>
      <c r="H8684" s="1" t="s">
        <v>33404</v>
      </c>
      <c r="I8684" s="1" t="s">
        <v>33405</v>
      </c>
      <c r="J8684" s="1" t="s">
        <v>33414</v>
      </c>
    </row>
    <row r="8685" spans="1:10" x14ac:dyDescent="0.35">
      <c r="A8685" s="1" t="s">
        <v>33398</v>
      </c>
      <c r="B8685" s="1" t="s">
        <v>33399</v>
      </c>
      <c r="C8685" s="1" t="s">
        <v>30</v>
      </c>
      <c r="D8685" s="1" t="s">
        <v>25113</v>
      </c>
      <c r="E8685" s="1" t="s">
        <v>33415</v>
      </c>
      <c r="F8685" s="1" t="s">
        <v>33416</v>
      </c>
      <c r="G8685" s="1" t="s">
        <v>33403</v>
      </c>
      <c r="H8685" s="1" t="s">
        <v>33404</v>
      </c>
      <c r="I8685" s="1" t="s">
        <v>33405</v>
      </c>
      <c r="J8685" s="1" t="s">
        <v>33417</v>
      </c>
    </row>
    <row r="8686" spans="1:10" x14ac:dyDescent="0.35">
      <c r="A8686" s="1" t="s">
        <v>33398</v>
      </c>
      <c r="B8686" s="1" t="s">
        <v>33399</v>
      </c>
      <c r="C8686" s="1" t="s">
        <v>35</v>
      </c>
      <c r="D8686" s="1" t="s">
        <v>33418</v>
      </c>
      <c r="E8686" s="1" t="s">
        <v>33419</v>
      </c>
      <c r="F8686" s="1" t="s">
        <v>33420</v>
      </c>
      <c r="G8686" s="1" t="s">
        <v>33403</v>
      </c>
      <c r="H8686" s="1" t="s">
        <v>33404</v>
      </c>
      <c r="I8686" s="1" t="s">
        <v>33405</v>
      </c>
      <c r="J8686" s="1" t="s">
        <v>33421</v>
      </c>
    </row>
    <row r="8687" spans="1:10" x14ac:dyDescent="0.35">
      <c r="A8687" s="1" t="s">
        <v>33398</v>
      </c>
      <c r="B8687" s="1" t="s">
        <v>33399</v>
      </c>
      <c r="C8687" s="1" t="s">
        <v>40</v>
      </c>
      <c r="D8687" s="1" t="s">
        <v>14506</v>
      </c>
      <c r="E8687" s="1" t="s">
        <v>33422</v>
      </c>
      <c r="F8687" s="1" t="s">
        <v>33423</v>
      </c>
      <c r="G8687" s="1" t="s">
        <v>33403</v>
      </c>
      <c r="H8687" s="1" t="s">
        <v>33404</v>
      </c>
      <c r="I8687" s="1" t="s">
        <v>33405</v>
      </c>
      <c r="J8687" s="1" t="s">
        <v>33424</v>
      </c>
    </row>
    <row r="8688" spans="1:10" x14ac:dyDescent="0.35">
      <c r="A8688" s="1" t="s">
        <v>33398</v>
      </c>
      <c r="B8688" s="1" t="s">
        <v>33399</v>
      </c>
      <c r="C8688" s="1" t="s">
        <v>45</v>
      </c>
      <c r="D8688" s="1" t="s">
        <v>33425</v>
      </c>
      <c r="E8688" s="1" t="s">
        <v>33426</v>
      </c>
      <c r="F8688" s="1" t="s">
        <v>33427</v>
      </c>
      <c r="G8688" s="1" t="s">
        <v>33403</v>
      </c>
      <c r="H8688" s="1" t="s">
        <v>33404</v>
      </c>
      <c r="I8688" s="1" t="s">
        <v>33405</v>
      </c>
      <c r="J8688" s="1" t="s">
        <v>33428</v>
      </c>
    </row>
    <row r="8689" spans="1:10" x14ac:dyDescent="0.35">
      <c r="A8689" s="1" t="s">
        <v>33398</v>
      </c>
      <c r="B8689" s="1" t="s">
        <v>33399</v>
      </c>
      <c r="C8689" s="1" t="s">
        <v>50</v>
      </c>
      <c r="D8689" s="1" t="s">
        <v>33429</v>
      </c>
      <c r="E8689" s="1" t="s">
        <v>33430</v>
      </c>
      <c r="F8689" s="1" t="s">
        <v>33431</v>
      </c>
      <c r="G8689" s="1" t="s">
        <v>33403</v>
      </c>
      <c r="H8689" s="1" t="s">
        <v>33404</v>
      </c>
      <c r="I8689" s="1" t="s">
        <v>33405</v>
      </c>
      <c r="J8689" s="1" t="s">
        <v>33432</v>
      </c>
    </row>
    <row r="8690" spans="1:10" x14ac:dyDescent="0.35">
      <c r="A8690" s="1" t="s">
        <v>33398</v>
      </c>
      <c r="B8690" s="1" t="s">
        <v>33399</v>
      </c>
      <c r="C8690" s="1" t="s">
        <v>55</v>
      </c>
      <c r="D8690" s="1" t="s">
        <v>33433</v>
      </c>
      <c r="E8690" s="1" t="s">
        <v>33434</v>
      </c>
      <c r="F8690" s="1" t="s">
        <v>33435</v>
      </c>
      <c r="G8690" s="1" t="s">
        <v>33403</v>
      </c>
      <c r="H8690" s="1" t="s">
        <v>33404</v>
      </c>
      <c r="I8690" s="1" t="s">
        <v>33405</v>
      </c>
      <c r="J8690" s="1" t="s">
        <v>33436</v>
      </c>
    </row>
    <row r="8691" spans="1:10" x14ac:dyDescent="0.35">
      <c r="A8691" s="1" t="s">
        <v>33398</v>
      </c>
      <c r="B8691" s="1" t="s">
        <v>33399</v>
      </c>
      <c r="C8691" s="1" t="s">
        <v>60</v>
      </c>
      <c r="D8691" s="1" t="s">
        <v>3100</v>
      </c>
      <c r="E8691" s="1" t="s">
        <v>33437</v>
      </c>
      <c r="F8691" s="1" t="s">
        <v>33438</v>
      </c>
      <c r="G8691" s="1" t="s">
        <v>33403</v>
      </c>
      <c r="H8691" s="1" t="s">
        <v>33404</v>
      </c>
      <c r="I8691" s="1" t="s">
        <v>33405</v>
      </c>
      <c r="J8691" s="1" t="s">
        <v>33439</v>
      </c>
    </row>
    <row r="8692" spans="1:10" x14ac:dyDescent="0.35">
      <c r="A8692" s="1" t="s">
        <v>33398</v>
      </c>
      <c r="B8692" s="1" t="s">
        <v>33399</v>
      </c>
      <c r="C8692" s="1" t="s">
        <v>65</v>
      </c>
      <c r="D8692" s="1" t="s">
        <v>33440</v>
      </c>
      <c r="E8692" s="1" t="s">
        <v>33441</v>
      </c>
      <c r="F8692" s="1" t="s">
        <v>33442</v>
      </c>
      <c r="G8692" s="1" t="s">
        <v>33403</v>
      </c>
      <c r="H8692" s="1" t="s">
        <v>33404</v>
      </c>
      <c r="I8692" s="1" t="s">
        <v>33405</v>
      </c>
      <c r="J8692" s="1" t="s">
        <v>33443</v>
      </c>
    </row>
    <row r="8693" spans="1:10" x14ac:dyDescent="0.35">
      <c r="A8693" s="1" t="s">
        <v>33398</v>
      </c>
      <c r="B8693" s="1" t="s">
        <v>33399</v>
      </c>
      <c r="C8693" s="1" t="s">
        <v>70</v>
      </c>
      <c r="D8693" s="1" t="s">
        <v>15281</v>
      </c>
      <c r="E8693" s="1" t="s">
        <v>33444</v>
      </c>
      <c r="F8693" s="1" t="s">
        <v>33445</v>
      </c>
      <c r="G8693" s="1" t="s">
        <v>33403</v>
      </c>
      <c r="H8693" s="1" t="s">
        <v>33404</v>
      </c>
      <c r="I8693" s="1" t="s">
        <v>33405</v>
      </c>
      <c r="J8693" s="1" t="s">
        <v>33446</v>
      </c>
    </row>
    <row r="8694" spans="1:10" x14ac:dyDescent="0.35">
      <c r="A8694" s="1" t="s">
        <v>33398</v>
      </c>
      <c r="B8694" s="1" t="s">
        <v>33399</v>
      </c>
      <c r="C8694" s="1" t="s">
        <v>75</v>
      </c>
      <c r="D8694" s="1" t="s">
        <v>4586</v>
      </c>
      <c r="E8694" s="1" t="s">
        <v>33447</v>
      </c>
      <c r="F8694" s="1" t="s">
        <v>33448</v>
      </c>
      <c r="G8694" s="1" t="s">
        <v>33403</v>
      </c>
      <c r="H8694" s="1" t="s">
        <v>33404</v>
      </c>
      <c r="I8694" s="1" t="s">
        <v>33405</v>
      </c>
      <c r="J8694" s="1" t="s">
        <v>33449</v>
      </c>
    </row>
    <row r="8695" spans="1:10" x14ac:dyDescent="0.35">
      <c r="A8695" s="1" t="s">
        <v>33398</v>
      </c>
      <c r="B8695" s="1" t="s">
        <v>33399</v>
      </c>
      <c r="C8695" s="1" t="s">
        <v>80</v>
      </c>
      <c r="D8695" s="1" t="s">
        <v>33450</v>
      </c>
      <c r="E8695" s="1" t="s">
        <v>33451</v>
      </c>
      <c r="F8695" s="1" t="s">
        <v>33452</v>
      </c>
      <c r="G8695" s="1" t="s">
        <v>33403</v>
      </c>
      <c r="H8695" s="1" t="s">
        <v>33404</v>
      </c>
      <c r="I8695" s="1" t="s">
        <v>33405</v>
      </c>
      <c r="J8695" s="1" t="s">
        <v>33453</v>
      </c>
    </row>
    <row r="8696" spans="1:10" x14ac:dyDescent="0.35">
      <c r="A8696" s="1" t="s">
        <v>33398</v>
      </c>
      <c r="B8696" s="1" t="s">
        <v>33399</v>
      </c>
      <c r="C8696" s="1" t="s">
        <v>85</v>
      </c>
      <c r="D8696" s="1" t="s">
        <v>33454</v>
      </c>
      <c r="E8696" s="1" t="s">
        <v>33455</v>
      </c>
      <c r="F8696" s="1" t="s">
        <v>33456</v>
      </c>
      <c r="G8696" s="1" t="s">
        <v>33403</v>
      </c>
      <c r="H8696" s="1" t="s">
        <v>33404</v>
      </c>
      <c r="I8696" s="1" t="s">
        <v>33405</v>
      </c>
      <c r="J8696" s="1" t="s">
        <v>33457</v>
      </c>
    </row>
    <row r="8697" spans="1:10" x14ac:dyDescent="0.35">
      <c r="A8697" s="1" t="s">
        <v>33398</v>
      </c>
      <c r="B8697" s="1" t="s">
        <v>33399</v>
      </c>
      <c r="C8697" s="1" t="s">
        <v>90</v>
      </c>
      <c r="D8697" s="1" t="s">
        <v>33458</v>
      </c>
      <c r="E8697" s="1" t="s">
        <v>33459</v>
      </c>
      <c r="F8697" s="1" t="s">
        <v>33460</v>
      </c>
      <c r="G8697" s="1" t="s">
        <v>33403</v>
      </c>
      <c r="H8697" s="1" t="s">
        <v>33404</v>
      </c>
      <c r="I8697" s="1" t="s">
        <v>33405</v>
      </c>
      <c r="J8697" s="1" t="s">
        <v>33461</v>
      </c>
    </row>
    <row r="8698" spans="1:10" x14ac:dyDescent="0.35">
      <c r="A8698" s="1" t="s">
        <v>33398</v>
      </c>
      <c r="B8698" s="1" t="s">
        <v>33399</v>
      </c>
      <c r="C8698" s="1" t="s">
        <v>95</v>
      </c>
      <c r="D8698" s="1" t="s">
        <v>33462</v>
      </c>
      <c r="E8698" s="1" t="s">
        <v>33463</v>
      </c>
      <c r="F8698" s="1" t="s">
        <v>33464</v>
      </c>
      <c r="G8698" s="1" t="s">
        <v>33403</v>
      </c>
      <c r="H8698" s="1" t="s">
        <v>33404</v>
      </c>
      <c r="I8698" s="1" t="s">
        <v>33405</v>
      </c>
      <c r="J8698" s="1" t="s">
        <v>33465</v>
      </c>
    </row>
    <row r="8699" spans="1:10" x14ac:dyDescent="0.35">
      <c r="A8699" s="1" t="s">
        <v>33398</v>
      </c>
      <c r="B8699" s="1" t="s">
        <v>33399</v>
      </c>
      <c r="C8699" s="1" t="s">
        <v>100</v>
      </c>
      <c r="D8699" s="1" t="s">
        <v>18459</v>
      </c>
      <c r="E8699" s="1" t="s">
        <v>33466</v>
      </c>
      <c r="F8699" s="1" t="s">
        <v>33467</v>
      </c>
      <c r="G8699" s="1" t="s">
        <v>33403</v>
      </c>
      <c r="H8699" s="1" t="s">
        <v>33404</v>
      </c>
      <c r="I8699" s="1" t="s">
        <v>33405</v>
      </c>
      <c r="J8699" s="1" t="s">
        <v>33468</v>
      </c>
    </row>
    <row r="8700" spans="1:10" x14ac:dyDescent="0.35">
      <c r="A8700" s="1" t="s">
        <v>33398</v>
      </c>
      <c r="B8700" s="1" t="s">
        <v>33399</v>
      </c>
      <c r="C8700" s="1" t="s">
        <v>105</v>
      </c>
      <c r="D8700" s="1" t="s">
        <v>33469</v>
      </c>
      <c r="E8700" s="1" t="s">
        <v>33470</v>
      </c>
      <c r="F8700" s="1" t="s">
        <v>33471</v>
      </c>
      <c r="G8700" s="1" t="s">
        <v>33403</v>
      </c>
      <c r="H8700" s="1" t="s">
        <v>33404</v>
      </c>
      <c r="I8700" s="1" t="s">
        <v>33405</v>
      </c>
      <c r="J8700" s="1" t="s">
        <v>33472</v>
      </c>
    </row>
    <row r="8701" spans="1:10" x14ac:dyDescent="0.35">
      <c r="A8701" s="1" t="s">
        <v>33398</v>
      </c>
      <c r="B8701" s="1" t="s">
        <v>33399</v>
      </c>
      <c r="C8701" s="1" t="s">
        <v>110</v>
      </c>
      <c r="D8701" s="1" t="s">
        <v>33473</v>
      </c>
      <c r="E8701" s="1" t="s">
        <v>33474</v>
      </c>
      <c r="F8701" s="1" t="s">
        <v>33475</v>
      </c>
      <c r="G8701" s="1" t="s">
        <v>33403</v>
      </c>
      <c r="H8701" s="1" t="s">
        <v>33404</v>
      </c>
      <c r="I8701" s="1" t="s">
        <v>33405</v>
      </c>
      <c r="J8701" s="1" t="s">
        <v>33476</v>
      </c>
    </row>
    <row r="8702" spans="1:10" x14ac:dyDescent="0.35">
      <c r="A8702" s="1" t="s">
        <v>33398</v>
      </c>
      <c r="B8702" s="1" t="s">
        <v>33399</v>
      </c>
      <c r="C8702" s="1" t="s">
        <v>115</v>
      </c>
      <c r="D8702" s="1" t="s">
        <v>33477</v>
      </c>
      <c r="E8702" s="1" t="s">
        <v>33478</v>
      </c>
      <c r="F8702" s="1" t="s">
        <v>33479</v>
      </c>
      <c r="G8702" s="1" t="s">
        <v>33403</v>
      </c>
      <c r="H8702" s="1" t="s">
        <v>33404</v>
      </c>
      <c r="I8702" s="1" t="s">
        <v>33405</v>
      </c>
      <c r="J8702" s="1" t="s">
        <v>33480</v>
      </c>
    </row>
    <row r="8703" spans="1:10" x14ac:dyDescent="0.35">
      <c r="A8703" s="1" t="s">
        <v>33398</v>
      </c>
      <c r="B8703" s="1" t="s">
        <v>33399</v>
      </c>
      <c r="C8703" s="1" t="s">
        <v>120</v>
      </c>
      <c r="D8703" s="1" t="s">
        <v>32449</v>
      </c>
      <c r="E8703" s="1" t="s">
        <v>33481</v>
      </c>
      <c r="F8703" s="1" t="s">
        <v>33482</v>
      </c>
      <c r="G8703" s="1" t="s">
        <v>33403</v>
      </c>
      <c r="H8703" s="1" t="s">
        <v>33404</v>
      </c>
      <c r="I8703" s="1" t="s">
        <v>33405</v>
      </c>
      <c r="J8703" s="1" t="s">
        <v>33483</v>
      </c>
    </row>
    <row r="8704" spans="1:10" x14ac:dyDescent="0.35">
      <c r="A8704" s="1" t="s">
        <v>33398</v>
      </c>
      <c r="B8704" s="1" t="s">
        <v>33399</v>
      </c>
      <c r="C8704" s="1" t="s">
        <v>125</v>
      </c>
      <c r="D8704" s="1" t="s">
        <v>33484</v>
      </c>
      <c r="E8704" s="1" t="s">
        <v>33485</v>
      </c>
      <c r="F8704" s="1" t="s">
        <v>33486</v>
      </c>
      <c r="G8704" s="1" t="s">
        <v>33403</v>
      </c>
      <c r="H8704" s="1" t="s">
        <v>33404</v>
      </c>
      <c r="I8704" s="1" t="s">
        <v>33405</v>
      </c>
      <c r="J8704" s="1" t="s">
        <v>33487</v>
      </c>
    </row>
    <row r="8705" spans="1:10" x14ac:dyDescent="0.35">
      <c r="A8705" s="1" t="s">
        <v>33398</v>
      </c>
      <c r="B8705" s="1" t="s">
        <v>33399</v>
      </c>
      <c r="C8705" s="1" t="s">
        <v>130</v>
      </c>
      <c r="D8705" s="1" t="s">
        <v>33488</v>
      </c>
      <c r="E8705" s="1" t="s">
        <v>33489</v>
      </c>
      <c r="F8705" s="1" t="s">
        <v>33490</v>
      </c>
      <c r="G8705" s="1" t="s">
        <v>33403</v>
      </c>
      <c r="H8705" s="1" t="s">
        <v>33404</v>
      </c>
      <c r="I8705" s="1" t="s">
        <v>33405</v>
      </c>
      <c r="J8705" s="1" t="s">
        <v>33491</v>
      </c>
    </row>
    <row r="8706" spans="1:10" x14ac:dyDescent="0.35">
      <c r="A8706" s="1" t="s">
        <v>33398</v>
      </c>
      <c r="B8706" s="1" t="s">
        <v>33399</v>
      </c>
      <c r="C8706" s="1" t="s">
        <v>135</v>
      </c>
      <c r="D8706" s="1" t="s">
        <v>33492</v>
      </c>
      <c r="E8706" s="1" t="s">
        <v>33493</v>
      </c>
      <c r="F8706" s="1" t="s">
        <v>33494</v>
      </c>
      <c r="G8706" s="1" t="s">
        <v>33403</v>
      </c>
      <c r="H8706" s="1" t="s">
        <v>33404</v>
      </c>
      <c r="I8706" s="1" t="s">
        <v>33405</v>
      </c>
      <c r="J8706" s="1" t="s">
        <v>33495</v>
      </c>
    </row>
    <row r="8707" spans="1:10" x14ac:dyDescent="0.35">
      <c r="A8707" s="1" t="s">
        <v>33398</v>
      </c>
      <c r="B8707" s="1" t="s">
        <v>33399</v>
      </c>
      <c r="C8707" s="1" t="s">
        <v>140</v>
      </c>
      <c r="D8707" s="1" t="s">
        <v>3727</v>
      </c>
      <c r="E8707" s="1" t="s">
        <v>33496</v>
      </c>
      <c r="F8707" s="1" t="s">
        <v>33497</v>
      </c>
      <c r="G8707" s="1" t="s">
        <v>33403</v>
      </c>
      <c r="H8707" s="1" t="s">
        <v>33404</v>
      </c>
      <c r="I8707" s="1" t="s">
        <v>33405</v>
      </c>
      <c r="J8707" s="1" t="s">
        <v>33498</v>
      </c>
    </row>
    <row r="8708" spans="1:10" x14ac:dyDescent="0.35">
      <c r="A8708" s="1" t="s">
        <v>33398</v>
      </c>
      <c r="B8708" s="1" t="s">
        <v>33399</v>
      </c>
      <c r="C8708" s="1" t="s">
        <v>145</v>
      </c>
      <c r="D8708" s="1" t="s">
        <v>33499</v>
      </c>
      <c r="E8708" s="1" t="s">
        <v>33500</v>
      </c>
      <c r="F8708" s="1" t="s">
        <v>33501</v>
      </c>
      <c r="G8708" s="1" t="s">
        <v>33403</v>
      </c>
      <c r="H8708" s="1" t="s">
        <v>33404</v>
      </c>
      <c r="I8708" s="1" t="s">
        <v>33405</v>
      </c>
      <c r="J8708" s="1" t="s">
        <v>33502</v>
      </c>
    </row>
    <row r="8709" spans="1:10" x14ac:dyDescent="0.35">
      <c r="A8709" s="1" t="s">
        <v>33398</v>
      </c>
      <c r="B8709" s="1" t="s">
        <v>33399</v>
      </c>
      <c r="C8709" s="1" t="s">
        <v>150</v>
      </c>
      <c r="D8709" s="1" t="s">
        <v>33503</v>
      </c>
      <c r="E8709" s="1" t="s">
        <v>33504</v>
      </c>
      <c r="F8709" s="1" t="s">
        <v>33505</v>
      </c>
      <c r="G8709" s="1" t="s">
        <v>33403</v>
      </c>
      <c r="H8709" s="1" t="s">
        <v>33404</v>
      </c>
      <c r="I8709" s="1" t="s">
        <v>33405</v>
      </c>
      <c r="J8709" s="1" t="s">
        <v>33506</v>
      </c>
    </row>
    <row r="8710" spans="1:10" x14ac:dyDescent="0.35">
      <c r="A8710" s="1" t="s">
        <v>33398</v>
      </c>
      <c r="B8710" s="1" t="s">
        <v>33399</v>
      </c>
      <c r="C8710" s="1" t="s">
        <v>155</v>
      </c>
      <c r="D8710" s="1" t="s">
        <v>33507</v>
      </c>
      <c r="E8710" s="1" t="s">
        <v>33508</v>
      </c>
      <c r="F8710" s="1" t="s">
        <v>33509</v>
      </c>
      <c r="G8710" s="1" t="s">
        <v>33403</v>
      </c>
      <c r="H8710" s="1" t="s">
        <v>33404</v>
      </c>
      <c r="I8710" s="1" t="s">
        <v>33405</v>
      </c>
      <c r="J8710" s="1" t="s">
        <v>33510</v>
      </c>
    </row>
    <row r="8711" spans="1:10" x14ac:dyDescent="0.35">
      <c r="A8711" s="1" t="s">
        <v>33398</v>
      </c>
      <c r="B8711" s="1" t="s">
        <v>33399</v>
      </c>
      <c r="C8711" s="1" t="s">
        <v>160</v>
      </c>
      <c r="D8711" s="1" t="s">
        <v>33511</v>
      </c>
      <c r="E8711" s="1" t="s">
        <v>33512</v>
      </c>
      <c r="F8711" s="1" t="s">
        <v>33513</v>
      </c>
      <c r="G8711" s="1" t="s">
        <v>33403</v>
      </c>
      <c r="H8711" s="1" t="s">
        <v>33404</v>
      </c>
      <c r="I8711" s="1" t="s">
        <v>33405</v>
      </c>
      <c r="J8711" s="1" t="s">
        <v>33514</v>
      </c>
    </row>
    <row r="8712" spans="1:10" x14ac:dyDescent="0.35">
      <c r="A8712" s="1" t="s">
        <v>33398</v>
      </c>
      <c r="B8712" s="1" t="s">
        <v>33399</v>
      </c>
      <c r="C8712" s="1" t="s">
        <v>165</v>
      </c>
      <c r="D8712" s="1" t="s">
        <v>33515</v>
      </c>
      <c r="E8712" s="1" t="s">
        <v>33516</v>
      </c>
      <c r="F8712" s="1" t="s">
        <v>33517</v>
      </c>
      <c r="G8712" s="1" t="s">
        <v>33403</v>
      </c>
      <c r="H8712" s="1" t="s">
        <v>33404</v>
      </c>
      <c r="I8712" s="1" t="s">
        <v>33405</v>
      </c>
      <c r="J8712" s="1" t="s">
        <v>33518</v>
      </c>
    </row>
    <row r="8713" spans="1:10" x14ac:dyDescent="0.35">
      <c r="A8713" s="1" t="s">
        <v>33398</v>
      </c>
      <c r="B8713" s="1" t="s">
        <v>33399</v>
      </c>
      <c r="C8713" s="1" t="s">
        <v>170</v>
      </c>
      <c r="D8713" s="1" t="s">
        <v>33519</v>
      </c>
      <c r="E8713" s="1" t="s">
        <v>33520</v>
      </c>
      <c r="F8713" s="1" t="s">
        <v>33521</v>
      </c>
      <c r="G8713" s="1" t="s">
        <v>33403</v>
      </c>
      <c r="H8713" s="1" t="s">
        <v>33404</v>
      </c>
      <c r="I8713" s="1" t="s">
        <v>33405</v>
      </c>
      <c r="J8713" s="1" t="s">
        <v>33522</v>
      </c>
    </row>
    <row r="8714" spans="1:10" x14ac:dyDescent="0.35">
      <c r="A8714" s="1" t="s">
        <v>33523</v>
      </c>
      <c r="B8714" s="1" t="s">
        <v>33399</v>
      </c>
      <c r="C8714" s="1" t="s">
        <v>8</v>
      </c>
      <c r="D8714" s="1" t="s">
        <v>33524</v>
      </c>
      <c r="E8714" s="1" t="s">
        <v>33525</v>
      </c>
      <c r="F8714" s="1" t="s">
        <v>33526</v>
      </c>
      <c r="G8714" s="1" t="s">
        <v>33527</v>
      </c>
      <c r="H8714" s="1" t="s">
        <v>33528</v>
      </c>
      <c r="I8714" s="1" t="s">
        <v>33405</v>
      </c>
      <c r="J8714" s="1" t="s">
        <v>13</v>
      </c>
    </row>
    <row r="8715" spans="1:10" x14ac:dyDescent="0.35">
      <c r="A8715" s="1" t="s">
        <v>33523</v>
      </c>
      <c r="B8715" s="1" t="s">
        <v>33399</v>
      </c>
      <c r="C8715" s="1" t="s">
        <v>15</v>
      </c>
      <c r="D8715" s="1" t="s">
        <v>4337</v>
      </c>
      <c r="E8715" s="1" t="s">
        <v>33529</v>
      </c>
      <c r="F8715" s="1" t="s">
        <v>33530</v>
      </c>
      <c r="G8715" s="1" t="s">
        <v>33527</v>
      </c>
      <c r="H8715" s="1" t="s">
        <v>33528</v>
      </c>
      <c r="I8715" s="1" t="s">
        <v>33405</v>
      </c>
      <c r="J8715" s="1" t="s">
        <v>33531</v>
      </c>
    </row>
    <row r="8716" spans="1:10" x14ac:dyDescent="0.35">
      <c r="A8716" s="1" t="s">
        <v>33523</v>
      </c>
      <c r="B8716" s="1" t="s">
        <v>33399</v>
      </c>
      <c r="C8716" s="1" t="s">
        <v>20</v>
      </c>
      <c r="D8716" s="1" t="s">
        <v>8522</v>
      </c>
      <c r="E8716" s="1" t="s">
        <v>33532</v>
      </c>
      <c r="F8716" s="1" t="s">
        <v>33533</v>
      </c>
      <c r="G8716" s="1" t="s">
        <v>33527</v>
      </c>
      <c r="H8716" s="1" t="s">
        <v>33528</v>
      </c>
      <c r="I8716" s="1" t="s">
        <v>33405</v>
      </c>
      <c r="J8716" s="1" t="s">
        <v>33534</v>
      </c>
    </row>
    <row r="8717" spans="1:10" x14ac:dyDescent="0.35">
      <c r="A8717" s="1" t="s">
        <v>33523</v>
      </c>
      <c r="B8717" s="1" t="s">
        <v>33399</v>
      </c>
      <c r="C8717" s="1" t="s">
        <v>25</v>
      </c>
      <c r="D8717" s="1" t="s">
        <v>28041</v>
      </c>
      <c r="E8717" s="1" t="s">
        <v>33535</v>
      </c>
      <c r="F8717" s="1" t="s">
        <v>33536</v>
      </c>
      <c r="G8717" s="1" t="s">
        <v>33527</v>
      </c>
      <c r="H8717" s="1" t="s">
        <v>33528</v>
      </c>
      <c r="I8717" s="1" t="s">
        <v>33405</v>
      </c>
      <c r="J8717" s="1" t="s">
        <v>33537</v>
      </c>
    </row>
    <row r="8718" spans="1:10" x14ac:dyDescent="0.35">
      <c r="A8718" s="1" t="s">
        <v>33523</v>
      </c>
      <c r="B8718" s="1" t="s">
        <v>33399</v>
      </c>
      <c r="C8718" s="1" t="s">
        <v>30</v>
      </c>
      <c r="D8718" s="1" t="s">
        <v>9360</v>
      </c>
      <c r="E8718" s="1" t="s">
        <v>33538</v>
      </c>
      <c r="F8718" s="1" t="s">
        <v>33539</v>
      </c>
      <c r="G8718" s="1" t="s">
        <v>33527</v>
      </c>
      <c r="H8718" s="1" t="s">
        <v>33528</v>
      </c>
      <c r="I8718" s="1" t="s">
        <v>33405</v>
      </c>
      <c r="J8718" s="1" t="s">
        <v>33540</v>
      </c>
    </row>
    <row r="8719" spans="1:10" x14ac:dyDescent="0.35">
      <c r="A8719" s="1" t="s">
        <v>33523</v>
      </c>
      <c r="B8719" s="1" t="s">
        <v>33399</v>
      </c>
      <c r="C8719" s="1" t="s">
        <v>35</v>
      </c>
      <c r="D8719" s="1" t="s">
        <v>25386</v>
      </c>
      <c r="E8719" s="1" t="s">
        <v>33541</v>
      </c>
      <c r="F8719" s="1" t="s">
        <v>33542</v>
      </c>
      <c r="G8719" s="1" t="s">
        <v>33527</v>
      </c>
      <c r="H8719" s="1" t="s">
        <v>33528</v>
      </c>
      <c r="I8719" s="1" t="s">
        <v>33405</v>
      </c>
      <c r="J8719" s="1" t="s">
        <v>33543</v>
      </c>
    </row>
    <row r="8720" spans="1:10" x14ac:dyDescent="0.35">
      <c r="A8720" s="1" t="s">
        <v>33523</v>
      </c>
      <c r="B8720" s="1" t="s">
        <v>33399</v>
      </c>
      <c r="C8720" s="1" t="s">
        <v>40</v>
      </c>
      <c r="D8720" s="1" t="s">
        <v>33544</v>
      </c>
      <c r="E8720" s="1" t="s">
        <v>33545</v>
      </c>
      <c r="F8720" s="1" t="s">
        <v>33546</v>
      </c>
      <c r="G8720" s="1" t="s">
        <v>33527</v>
      </c>
      <c r="H8720" s="1" t="s">
        <v>33528</v>
      </c>
      <c r="I8720" s="1" t="s">
        <v>33405</v>
      </c>
      <c r="J8720" s="1" t="s">
        <v>33547</v>
      </c>
    </row>
    <row r="8721" spans="1:10" x14ac:dyDescent="0.35">
      <c r="A8721" s="1" t="s">
        <v>33523</v>
      </c>
      <c r="B8721" s="1" t="s">
        <v>33399</v>
      </c>
      <c r="C8721" s="1" t="s">
        <v>45</v>
      </c>
      <c r="D8721" s="1" t="s">
        <v>33548</v>
      </c>
      <c r="E8721" s="1" t="s">
        <v>33549</v>
      </c>
      <c r="F8721" s="1" t="s">
        <v>33550</v>
      </c>
      <c r="G8721" s="1" t="s">
        <v>33527</v>
      </c>
      <c r="H8721" s="1" t="s">
        <v>33528</v>
      </c>
      <c r="I8721" s="1" t="s">
        <v>33405</v>
      </c>
      <c r="J8721" s="1" t="s">
        <v>33551</v>
      </c>
    </row>
    <row r="8722" spans="1:10" x14ac:dyDescent="0.35">
      <c r="A8722" s="1" t="s">
        <v>33523</v>
      </c>
      <c r="B8722" s="1" t="s">
        <v>33399</v>
      </c>
      <c r="C8722" s="1" t="s">
        <v>50</v>
      </c>
      <c r="D8722" s="1" t="s">
        <v>33552</v>
      </c>
      <c r="E8722" s="1" t="s">
        <v>33553</v>
      </c>
      <c r="F8722" s="1" t="s">
        <v>33554</v>
      </c>
      <c r="G8722" s="1" t="s">
        <v>33527</v>
      </c>
      <c r="H8722" s="1" t="s">
        <v>33528</v>
      </c>
      <c r="I8722" s="1" t="s">
        <v>33405</v>
      </c>
      <c r="J8722" s="1" t="s">
        <v>33555</v>
      </c>
    </row>
    <row r="8723" spans="1:10" x14ac:dyDescent="0.35">
      <c r="A8723" s="1" t="s">
        <v>33523</v>
      </c>
      <c r="B8723" s="1" t="s">
        <v>33399</v>
      </c>
      <c r="C8723" s="1" t="s">
        <v>55</v>
      </c>
      <c r="D8723" s="1" t="s">
        <v>33556</v>
      </c>
      <c r="E8723" s="1" t="s">
        <v>33557</v>
      </c>
      <c r="F8723" s="1" t="s">
        <v>33558</v>
      </c>
      <c r="G8723" s="1" t="s">
        <v>33527</v>
      </c>
      <c r="H8723" s="1" t="s">
        <v>33528</v>
      </c>
      <c r="I8723" s="1" t="s">
        <v>33405</v>
      </c>
      <c r="J8723" s="1" t="s">
        <v>33559</v>
      </c>
    </row>
    <row r="8724" spans="1:10" x14ac:dyDescent="0.35">
      <c r="A8724" s="1" t="s">
        <v>33523</v>
      </c>
      <c r="B8724" s="1" t="s">
        <v>33399</v>
      </c>
      <c r="C8724" s="1" t="s">
        <v>60</v>
      </c>
      <c r="D8724" s="1" t="s">
        <v>33560</v>
      </c>
      <c r="E8724" s="1" t="s">
        <v>33561</v>
      </c>
      <c r="F8724" s="1" t="s">
        <v>33562</v>
      </c>
      <c r="G8724" s="1" t="s">
        <v>33527</v>
      </c>
      <c r="H8724" s="1" t="s">
        <v>33528</v>
      </c>
      <c r="I8724" s="1" t="s">
        <v>33405</v>
      </c>
      <c r="J8724" s="1" t="s">
        <v>33563</v>
      </c>
    </row>
    <row r="8725" spans="1:10" x14ac:dyDescent="0.35">
      <c r="A8725" s="1" t="s">
        <v>33523</v>
      </c>
      <c r="B8725" s="1" t="s">
        <v>33399</v>
      </c>
      <c r="C8725" s="1" t="s">
        <v>65</v>
      </c>
      <c r="D8725" s="1" t="s">
        <v>33564</v>
      </c>
      <c r="E8725" s="1" t="s">
        <v>33565</v>
      </c>
      <c r="F8725" s="1" t="s">
        <v>33566</v>
      </c>
      <c r="G8725" s="1" t="s">
        <v>33527</v>
      </c>
      <c r="H8725" s="1" t="s">
        <v>33528</v>
      </c>
      <c r="I8725" s="1" t="s">
        <v>33405</v>
      </c>
      <c r="J8725" s="1" t="s">
        <v>33567</v>
      </c>
    </row>
    <row r="8726" spans="1:10" x14ac:dyDescent="0.35">
      <c r="A8726" s="1" t="s">
        <v>33523</v>
      </c>
      <c r="B8726" s="1" t="s">
        <v>33399</v>
      </c>
      <c r="C8726" s="1" t="s">
        <v>70</v>
      </c>
      <c r="D8726" s="1" t="s">
        <v>33568</v>
      </c>
      <c r="E8726" s="1" t="s">
        <v>33569</v>
      </c>
      <c r="F8726" s="1" t="s">
        <v>33570</v>
      </c>
      <c r="G8726" s="1" t="s">
        <v>33527</v>
      </c>
      <c r="H8726" s="1" t="s">
        <v>33528</v>
      </c>
      <c r="I8726" s="1" t="s">
        <v>33405</v>
      </c>
      <c r="J8726" s="1" t="s">
        <v>33571</v>
      </c>
    </row>
    <row r="8727" spans="1:10" x14ac:dyDescent="0.35">
      <c r="A8727" s="1" t="s">
        <v>33523</v>
      </c>
      <c r="B8727" s="1" t="s">
        <v>33399</v>
      </c>
      <c r="C8727" s="1" t="s">
        <v>75</v>
      </c>
      <c r="D8727" s="1" t="s">
        <v>33572</v>
      </c>
      <c r="E8727" s="1" t="s">
        <v>33573</v>
      </c>
      <c r="F8727" s="1" t="s">
        <v>33574</v>
      </c>
      <c r="G8727" s="1" t="s">
        <v>33527</v>
      </c>
      <c r="H8727" s="1" t="s">
        <v>33528</v>
      </c>
      <c r="I8727" s="1" t="s">
        <v>33405</v>
      </c>
      <c r="J8727" s="1" t="s">
        <v>33575</v>
      </c>
    </row>
    <row r="8728" spans="1:10" x14ac:dyDescent="0.35">
      <c r="A8728" s="1" t="s">
        <v>33523</v>
      </c>
      <c r="B8728" s="1" t="s">
        <v>33399</v>
      </c>
      <c r="C8728" s="1" t="s">
        <v>80</v>
      </c>
      <c r="D8728" s="1" t="s">
        <v>33576</v>
      </c>
      <c r="E8728" s="1" t="s">
        <v>33577</v>
      </c>
      <c r="F8728" s="1" t="s">
        <v>33578</v>
      </c>
      <c r="G8728" s="1" t="s">
        <v>33527</v>
      </c>
      <c r="H8728" s="1" t="s">
        <v>33528</v>
      </c>
      <c r="I8728" s="1" t="s">
        <v>33405</v>
      </c>
      <c r="J8728" s="1" t="s">
        <v>33579</v>
      </c>
    </row>
    <row r="8729" spans="1:10" x14ac:dyDescent="0.35">
      <c r="A8729" s="1" t="s">
        <v>33523</v>
      </c>
      <c r="B8729" s="1" t="s">
        <v>33399</v>
      </c>
      <c r="C8729" s="1" t="s">
        <v>85</v>
      </c>
      <c r="D8729" s="1" t="s">
        <v>33580</v>
      </c>
      <c r="E8729" s="1" t="s">
        <v>33581</v>
      </c>
      <c r="F8729" s="1" t="s">
        <v>33582</v>
      </c>
      <c r="G8729" s="1" t="s">
        <v>33527</v>
      </c>
      <c r="H8729" s="1" t="s">
        <v>33528</v>
      </c>
      <c r="I8729" s="1" t="s">
        <v>33405</v>
      </c>
      <c r="J8729" s="1" t="s">
        <v>33583</v>
      </c>
    </row>
    <row r="8730" spans="1:10" x14ac:dyDescent="0.35">
      <c r="A8730" s="1" t="s">
        <v>33523</v>
      </c>
      <c r="B8730" s="1" t="s">
        <v>33399</v>
      </c>
      <c r="C8730" s="1" t="s">
        <v>90</v>
      </c>
      <c r="D8730" s="1" t="s">
        <v>33584</v>
      </c>
      <c r="E8730" s="1" t="s">
        <v>33585</v>
      </c>
      <c r="F8730" s="1" t="s">
        <v>33586</v>
      </c>
      <c r="G8730" s="1" t="s">
        <v>33527</v>
      </c>
      <c r="H8730" s="1" t="s">
        <v>33528</v>
      </c>
      <c r="I8730" s="1" t="s">
        <v>33405</v>
      </c>
      <c r="J8730" s="1" t="s">
        <v>33587</v>
      </c>
    </row>
    <row r="8731" spans="1:10" x14ac:dyDescent="0.35">
      <c r="A8731" s="1" t="s">
        <v>33523</v>
      </c>
      <c r="B8731" s="1" t="s">
        <v>33399</v>
      </c>
      <c r="C8731" s="1" t="s">
        <v>95</v>
      </c>
      <c r="D8731" s="1" t="s">
        <v>33588</v>
      </c>
      <c r="E8731" s="1" t="s">
        <v>33589</v>
      </c>
      <c r="F8731" s="1" t="s">
        <v>33590</v>
      </c>
      <c r="G8731" s="1" t="s">
        <v>33527</v>
      </c>
      <c r="H8731" s="1" t="s">
        <v>33528</v>
      </c>
      <c r="I8731" s="1" t="s">
        <v>33405</v>
      </c>
      <c r="J8731" s="1" t="s">
        <v>33591</v>
      </c>
    </row>
    <row r="8732" spans="1:10" x14ac:dyDescent="0.35">
      <c r="A8732" s="1" t="s">
        <v>33523</v>
      </c>
      <c r="B8732" s="1" t="s">
        <v>33399</v>
      </c>
      <c r="C8732" s="1" t="s">
        <v>100</v>
      </c>
      <c r="D8732" s="1" t="s">
        <v>33592</v>
      </c>
      <c r="E8732" s="1" t="s">
        <v>33593</v>
      </c>
      <c r="F8732" s="1" t="s">
        <v>33594</v>
      </c>
      <c r="G8732" s="1" t="s">
        <v>33527</v>
      </c>
      <c r="H8732" s="1" t="s">
        <v>33528</v>
      </c>
      <c r="I8732" s="1" t="s">
        <v>33405</v>
      </c>
      <c r="J8732" s="1" t="s">
        <v>33595</v>
      </c>
    </row>
    <row r="8733" spans="1:10" x14ac:dyDescent="0.35">
      <c r="A8733" s="1" t="s">
        <v>33523</v>
      </c>
      <c r="B8733" s="1" t="s">
        <v>33399</v>
      </c>
      <c r="C8733" s="1" t="s">
        <v>105</v>
      </c>
      <c r="D8733" s="1" t="s">
        <v>9663</v>
      </c>
      <c r="E8733" s="1" t="s">
        <v>33596</v>
      </c>
      <c r="F8733" s="1" t="s">
        <v>33597</v>
      </c>
      <c r="G8733" s="1" t="s">
        <v>33527</v>
      </c>
      <c r="H8733" s="1" t="s">
        <v>33528</v>
      </c>
      <c r="I8733" s="1" t="s">
        <v>33405</v>
      </c>
      <c r="J8733" s="1" t="s">
        <v>33598</v>
      </c>
    </row>
    <row r="8734" spans="1:10" x14ac:dyDescent="0.35">
      <c r="A8734" s="1" t="s">
        <v>33523</v>
      </c>
      <c r="B8734" s="1" t="s">
        <v>33399</v>
      </c>
      <c r="C8734" s="1" t="s">
        <v>110</v>
      </c>
      <c r="D8734" s="1" t="s">
        <v>33599</v>
      </c>
      <c r="E8734" s="1" t="s">
        <v>33600</v>
      </c>
      <c r="F8734" s="1" t="s">
        <v>33601</v>
      </c>
      <c r="G8734" s="1" t="s">
        <v>33527</v>
      </c>
      <c r="H8734" s="1" t="s">
        <v>33528</v>
      </c>
      <c r="I8734" s="1" t="s">
        <v>33405</v>
      </c>
      <c r="J8734" s="1" t="s">
        <v>33602</v>
      </c>
    </row>
    <row r="8735" spans="1:10" x14ac:dyDescent="0.35">
      <c r="A8735" s="1" t="s">
        <v>33523</v>
      </c>
      <c r="B8735" s="1" t="s">
        <v>33399</v>
      </c>
      <c r="C8735" s="1" t="s">
        <v>115</v>
      </c>
      <c r="D8735" s="1" t="s">
        <v>32152</v>
      </c>
      <c r="E8735" s="1" t="s">
        <v>33603</v>
      </c>
      <c r="F8735" s="1" t="s">
        <v>33604</v>
      </c>
      <c r="G8735" s="1" t="s">
        <v>33527</v>
      </c>
      <c r="H8735" s="1" t="s">
        <v>33528</v>
      </c>
      <c r="I8735" s="1" t="s">
        <v>33405</v>
      </c>
      <c r="J8735" s="1" t="s">
        <v>33605</v>
      </c>
    </row>
    <row r="8736" spans="1:10" x14ac:dyDescent="0.35">
      <c r="A8736" s="1" t="s">
        <v>33523</v>
      </c>
      <c r="B8736" s="1" t="s">
        <v>33399</v>
      </c>
      <c r="C8736" s="1" t="s">
        <v>120</v>
      </c>
      <c r="D8736" s="1" t="s">
        <v>30676</v>
      </c>
      <c r="E8736" s="1" t="s">
        <v>33606</v>
      </c>
      <c r="F8736" s="1" t="s">
        <v>33607</v>
      </c>
      <c r="G8736" s="1" t="s">
        <v>33527</v>
      </c>
      <c r="H8736" s="1" t="s">
        <v>33528</v>
      </c>
      <c r="I8736" s="1" t="s">
        <v>33405</v>
      </c>
      <c r="J8736" s="1" t="s">
        <v>33608</v>
      </c>
    </row>
    <row r="8737" spans="1:10" x14ac:dyDescent="0.35">
      <c r="A8737" s="1" t="s">
        <v>33523</v>
      </c>
      <c r="B8737" s="1" t="s">
        <v>33399</v>
      </c>
      <c r="C8737" s="1" t="s">
        <v>125</v>
      </c>
      <c r="D8737" s="1" t="s">
        <v>33609</v>
      </c>
      <c r="E8737" s="1" t="s">
        <v>33610</v>
      </c>
      <c r="F8737" s="1" t="s">
        <v>33611</v>
      </c>
      <c r="G8737" s="1" t="s">
        <v>33527</v>
      </c>
      <c r="H8737" s="1" t="s">
        <v>33528</v>
      </c>
      <c r="I8737" s="1" t="s">
        <v>33405</v>
      </c>
      <c r="J8737" s="1" t="s">
        <v>33612</v>
      </c>
    </row>
    <row r="8738" spans="1:10" x14ac:dyDescent="0.35">
      <c r="A8738" s="1" t="s">
        <v>33523</v>
      </c>
      <c r="B8738" s="1" t="s">
        <v>33399</v>
      </c>
      <c r="C8738" s="1" t="s">
        <v>130</v>
      </c>
      <c r="D8738" s="1" t="s">
        <v>33613</v>
      </c>
      <c r="E8738" s="1" t="s">
        <v>33614</v>
      </c>
      <c r="F8738" s="1" t="s">
        <v>33615</v>
      </c>
      <c r="G8738" s="1" t="s">
        <v>33527</v>
      </c>
      <c r="H8738" s="1" t="s">
        <v>33528</v>
      </c>
      <c r="I8738" s="1" t="s">
        <v>33405</v>
      </c>
      <c r="J8738" s="1" t="s">
        <v>33616</v>
      </c>
    </row>
    <row r="8739" spans="1:10" x14ac:dyDescent="0.35">
      <c r="A8739" s="1" t="s">
        <v>33523</v>
      </c>
      <c r="B8739" s="1" t="s">
        <v>33399</v>
      </c>
      <c r="C8739" s="1" t="s">
        <v>135</v>
      </c>
      <c r="D8739" s="1" t="s">
        <v>11856</v>
      </c>
      <c r="E8739" s="1" t="s">
        <v>33617</v>
      </c>
      <c r="F8739" s="1" t="s">
        <v>33618</v>
      </c>
      <c r="G8739" s="1" t="s">
        <v>33527</v>
      </c>
      <c r="H8739" s="1" t="s">
        <v>33528</v>
      </c>
      <c r="I8739" s="1" t="s">
        <v>33405</v>
      </c>
      <c r="J8739" s="1" t="s">
        <v>33619</v>
      </c>
    </row>
    <row r="8740" spans="1:10" x14ac:dyDescent="0.35">
      <c r="A8740" s="1" t="s">
        <v>33523</v>
      </c>
      <c r="B8740" s="1" t="s">
        <v>33399</v>
      </c>
      <c r="C8740" s="1" t="s">
        <v>140</v>
      </c>
      <c r="D8740" s="1" t="s">
        <v>33620</v>
      </c>
      <c r="E8740" s="1" t="s">
        <v>33621</v>
      </c>
      <c r="F8740" s="1" t="s">
        <v>33622</v>
      </c>
      <c r="G8740" s="1" t="s">
        <v>33527</v>
      </c>
      <c r="H8740" s="1" t="s">
        <v>33528</v>
      </c>
      <c r="I8740" s="1" t="s">
        <v>33405</v>
      </c>
      <c r="J8740" s="1" t="s">
        <v>33623</v>
      </c>
    </row>
    <row r="8741" spans="1:10" x14ac:dyDescent="0.35">
      <c r="A8741" s="1" t="s">
        <v>33523</v>
      </c>
      <c r="B8741" s="1" t="s">
        <v>33399</v>
      </c>
      <c r="C8741" s="1" t="s">
        <v>145</v>
      </c>
      <c r="D8741" s="1" t="s">
        <v>33624</v>
      </c>
      <c r="E8741" s="1" t="s">
        <v>33625</v>
      </c>
      <c r="F8741" s="1" t="s">
        <v>33626</v>
      </c>
      <c r="G8741" s="1" t="s">
        <v>33527</v>
      </c>
      <c r="H8741" s="1" t="s">
        <v>33528</v>
      </c>
      <c r="I8741" s="1" t="s">
        <v>33405</v>
      </c>
      <c r="J8741" s="1" t="s">
        <v>33627</v>
      </c>
    </row>
    <row r="8742" spans="1:10" x14ac:dyDescent="0.35">
      <c r="A8742" s="1" t="s">
        <v>33523</v>
      </c>
      <c r="B8742" s="1" t="s">
        <v>33399</v>
      </c>
      <c r="C8742" s="1" t="s">
        <v>150</v>
      </c>
      <c r="D8742" s="1" t="s">
        <v>33628</v>
      </c>
      <c r="E8742" s="1" t="s">
        <v>33629</v>
      </c>
      <c r="F8742" s="1" t="s">
        <v>33630</v>
      </c>
      <c r="G8742" s="1" t="s">
        <v>33527</v>
      </c>
      <c r="H8742" s="1" t="s">
        <v>33528</v>
      </c>
      <c r="I8742" s="1" t="s">
        <v>33405</v>
      </c>
      <c r="J8742" s="1" t="s">
        <v>33631</v>
      </c>
    </row>
    <row r="8743" spans="1:10" x14ac:dyDescent="0.35">
      <c r="A8743" s="1" t="s">
        <v>33523</v>
      </c>
      <c r="B8743" s="1" t="s">
        <v>33399</v>
      </c>
      <c r="C8743" s="1" t="s">
        <v>155</v>
      </c>
      <c r="D8743" s="1" t="s">
        <v>8885</v>
      </c>
      <c r="E8743" s="1" t="s">
        <v>33632</v>
      </c>
      <c r="F8743" s="1" t="s">
        <v>33633</v>
      </c>
      <c r="G8743" s="1" t="s">
        <v>33527</v>
      </c>
      <c r="H8743" s="1" t="s">
        <v>33528</v>
      </c>
      <c r="I8743" s="1" t="s">
        <v>33405</v>
      </c>
      <c r="J8743" s="1" t="s">
        <v>33634</v>
      </c>
    </row>
    <row r="8744" spans="1:10" x14ac:dyDescent="0.35">
      <c r="A8744" s="1" t="s">
        <v>33523</v>
      </c>
      <c r="B8744" s="1" t="s">
        <v>33399</v>
      </c>
      <c r="C8744" s="1" t="s">
        <v>160</v>
      </c>
      <c r="D8744" s="1" t="s">
        <v>33635</v>
      </c>
      <c r="E8744" s="1" t="s">
        <v>33636</v>
      </c>
      <c r="F8744" s="1" t="s">
        <v>33637</v>
      </c>
      <c r="G8744" s="1" t="s">
        <v>33527</v>
      </c>
      <c r="H8744" s="1" t="s">
        <v>33528</v>
      </c>
      <c r="I8744" s="1" t="s">
        <v>33405</v>
      </c>
      <c r="J8744" s="1" t="s">
        <v>33638</v>
      </c>
    </row>
    <row r="8745" spans="1:10" x14ac:dyDescent="0.35">
      <c r="A8745" s="1" t="s">
        <v>33523</v>
      </c>
      <c r="B8745" s="1" t="s">
        <v>33399</v>
      </c>
      <c r="C8745" s="1" t="s">
        <v>165</v>
      </c>
      <c r="D8745" s="1" t="s">
        <v>33639</v>
      </c>
      <c r="E8745" s="1" t="s">
        <v>33640</v>
      </c>
      <c r="F8745" s="1" t="s">
        <v>33641</v>
      </c>
      <c r="G8745" s="1" t="s">
        <v>33527</v>
      </c>
      <c r="H8745" s="1" t="s">
        <v>33528</v>
      </c>
      <c r="I8745" s="1" t="s">
        <v>33405</v>
      </c>
      <c r="J8745" s="1" t="s">
        <v>33642</v>
      </c>
    </row>
    <row r="8746" spans="1:10" x14ac:dyDescent="0.35">
      <c r="A8746" s="1" t="s">
        <v>33523</v>
      </c>
      <c r="B8746" s="1" t="s">
        <v>33399</v>
      </c>
      <c r="C8746" s="1" t="s">
        <v>170</v>
      </c>
      <c r="D8746" s="1" t="s">
        <v>33643</v>
      </c>
      <c r="E8746" s="1" t="s">
        <v>33644</v>
      </c>
      <c r="F8746" s="1" t="s">
        <v>33645</v>
      </c>
      <c r="G8746" s="1" t="s">
        <v>33527</v>
      </c>
      <c r="H8746" s="1" t="s">
        <v>33528</v>
      </c>
      <c r="I8746" s="1" t="s">
        <v>33405</v>
      </c>
      <c r="J8746" s="1" t="s">
        <v>33646</v>
      </c>
    </row>
    <row r="8747" spans="1:10" x14ac:dyDescent="0.35">
      <c r="A8747" s="1" t="s">
        <v>33647</v>
      </c>
      <c r="B8747" s="1" t="s">
        <v>33648</v>
      </c>
      <c r="C8747" s="1" t="s">
        <v>8</v>
      </c>
      <c r="D8747" s="1" t="s">
        <v>33649</v>
      </c>
      <c r="E8747" s="1" t="s">
        <v>33650</v>
      </c>
      <c r="F8747" s="1" t="s">
        <v>33651</v>
      </c>
      <c r="G8747" s="1" t="s">
        <v>33652</v>
      </c>
      <c r="H8747" s="1" t="s">
        <v>33653</v>
      </c>
      <c r="I8747" s="1" t="s">
        <v>33654</v>
      </c>
      <c r="J8747" s="1" t="s">
        <v>13</v>
      </c>
    </row>
    <row r="8748" spans="1:10" x14ac:dyDescent="0.35">
      <c r="A8748" s="1" t="s">
        <v>33647</v>
      </c>
      <c r="B8748" s="1" t="s">
        <v>33648</v>
      </c>
      <c r="C8748" s="1" t="s">
        <v>15</v>
      </c>
      <c r="D8748" s="1" t="s">
        <v>33655</v>
      </c>
      <c r="E8748" s="1" t="s">
        <v>33656</v>
      </c>
      <c r="F8748" s="1" t="s">
        <v>33657</v>
      </c>
      <c r="G8748" s="1" t="s">
        <v>33652</v>
      </c>
      <c r="H8748" s="1" t="s">
        <v>33653</v>
      </c>
      <c r="I8748" s="1" t="s">
        <v>33654</v>
      </c>
      <c r="J8748" s="1" t="s">
        <v>33658</v>
      </c>
    </row>
    <row r="8749" spans="1:10" x14ac:dyDescent="0.35">
      <c r="A8749" s="1" t="s">
        <v>33647</v>
      </c>
      <c r="B8749" s="1" t="s">
        <v>33648</v>
      </c>
      <c r="C8749" s="1" t="s">
        <v>20</v>
      </c>
      <c r="D8749" s="1" t="s">
        <v>33659</v>
      </c>
      <c r="E8749" s="1" t="s">
        <v>33660</v>
      </c>
      <c r="F8749" s="1" t="s">
        <v>33661</v>
      </c>
      <c r="G8749" s="1" t="s">
        <v>33652</v>
      </c>
      <c r="H8749" s="1" t="s">
        <v>33653</v>
      </c>
      <c r="I8749" s="1" t="s">
        <v>33654</v>
      </c>
      <c r="J8749" s="1" t="s">
        <v>33662</v>
      </c>
    </row>
    <row r="8750" spans="1:10" x14ac:dyDescent="0.35">
      <c r="A8750" s="1" t="s">
        <v>33647</v>
      </c>
      <c r="B8750" s="1" t="s">
        <v>33648</v>
      </c>
      <c r="C8750" s="1" t="s">
        <v>25</v>
      </c>
      <c r="D8750" s="1" t="s">
        <v>33663</v>
      </c>
      <c r="E8750" s="1" t="s">
        <v>33664</v>
      </c>
      <c r="F8750" s="1" t="s">
        <v>33665</v>
      </c>
      <c r="G8750" s="1" t="s">
        <v>33652</v>
      </c>
      <c r="H8750" s="1" t="s">
        <v>33653</v>
      </c>
      <c r="I8750" s="1" t="s">
        <v>33654</v>
      </c>
      <c r="J8750" s="1" t="s">
        <v>33666</v>
      </c>
    </row>
    <row r="8751" spans="1:10" x14ac:dyDescent="0.35">
      <c r="A8751" s="1" t="s">
        <v>33647</v>
      </c>
      <c r="B8751" s="1" t="s">
        <v>33648</v>
      </c>
      <c r="C8751" s="1" t="s">
        <v>30</v>
      </c>
      <c r="D8751" s="1" t="s">
        <v>33667</v>
      </c>
      <c r="E8751" s="1" t="s">
        <v>33668</v>
      </c>
      <c r="F8751" s="1" t="s">
        <v>33669</v>
      </c>
      <c r="G8751" s="1" t="s">
        <v>33652</v>
      </c>
      <c r="H8751" s="1" t="s">
        <v>33653</v>
      </c>
      <c r="I8751" s="1" t="s">
        <v>33654</v>
      </c>
      <c r="J8751" s="1" t="s">
        <v>33670</v>
      </c>
    </row>
    <row r="8752" spans="1:10" x14ac:dyDescent="0.35">
      <c r="A8752" s="1" t="s">
        <v>33647</v>
      </c>
      <c r="B8752" s="1" t="s">
        <v>33648</v>
      </c>
      <c r="C8752" s="1" t="s">
        <v>35</v>
      </c>
      <c r="D8752" s="1" t="s">
        <v>6604</v>
      </c>
      <c r="E8752" s="1" t="s">
        <v>33671</v>
      </c>
      <c r="F8752" s="1" t="s">
        <v>33672</v>
      </c>
      <c r="G8752" s="1" t="s">
        <v>33652</v>
      </c>
      <c r="H8752" s="1" t="s">
        <v>33653</v>
      </c>
      <c r="I8752" s="1" t="s">
        <v>33654</v>
      </c>
      <c r="J8752" s="1" t="s">
        <v>33673</v>
      </c>
    </row>
    <row r="8753" spans="1:10" x14ac:dyDescent="0.35">
      <c r="A8753" s="1" t="s">
        <v>33647</v>
      </c>
      <c r="B8753" s="1" t="s">
        <v>33648</v>
      </c>
      <c r="C8753" s="1" t="s">
        <v>40</v>
      </c>
      <c r="D8753" s="1" t="s">
        <v>33674</v>
      </c>
      <c r="E8753" s="1" t="s">
        <v>33675</v>
      </c>
      <c r="F8753" s="1" t="s">
        <v>33676</v>
      </c>
      <c r="G8753" s="1" t="s">
        <v>33652</v>
      </c>
      <c r="H8753" s="1" t="s">
        <v>33653</v>
      </c>
      <c r="I8753" s="1" t="s">
        <v>33654</v>
      </c>
      <c r="J8753" s="1" t="s">
        <v>33677</v>
      </c>
    </row>
    <row r="8754" spans="1:10" x14ac:dyDescent="0.35">
      <c r="A8754" s="1" t="s">
        <v>33647</v>
      </c>
      <c r="B8754" s="1" t="s">
        <v>33648</v>
      </c>
      <c r="C8754" s="1" t="s">
        <v>45</v>
      </c>
      <c r="D8754" s="1" t="s">
        <v>33678</v>
      </c>
      <c r="E8754" s="1" t="s">
        <v>33679</v>
      </c>
      <c r="F8754" s="1" t="s">
        <v>33680</v>
      </c>
      <c r="G8754" s="1" t="s">
        <v>33652</v>
      </c>
      <c r="H8754" s="1" t="s">
        <v>33653</v>
      </c>
      <c r="I8754" s="1" t="s">
        <v>33654</v>
      </c>
      <c r="J8754" s="1" t="s">
        <v>33681</v>
      </c>
    </row>
    <row r="8755" spans="1:10" x14ac:dyDescent="0.35">
      <c r="A8755" s="1" t="s">
        <v>33647</v>
      </c>
      <c r="B8755" s="1" t="s">
        <v>33648</v>
      </c>
      <c r="C8755" s="1" t="s">
        <v>50</v>
      </c>
      <c r="D8755" s="1" t="s">
        <v>33682</v>
      </c>
      <c r="E8755" s="1" t="s">
        <v>33683</v>
      </c>
      <c r="F8755" s="1" t="s">
        <v>33684</v>
      </c>
      <c r="G8755" s="1" t="s">
        <v>33652</v>
      </c>
      <c r="H8755" s="1" t="s">
        <v>33653</v>
      </c>
      <c r="I8755" s="1" t="s">
        <v>33654</v>
      </c>
      <c r="J8755" s="1" t="s">
        <v>33685</v>
      </c>
    </row>
    <row r="8756" spans="1:10" x14ac:dyDescent="0.35">
      <c r="A8756" s="1" t="s">
        <v>33647</v>
      </c>
      <c r="B8756" s="1" t="s">
        <v>33648</v>
      </c>
      <c r="C8756" s="1" t="s">
        <v>55</v>
      </c>
      <c r="D8756" s="1" t="s">
        <v>33686</v>
      </c>
      <c r="E8756" s="1" t="s">
        <v>33687</v>
      </c>
      <c r="F8756" s="1" t="s">
        <v>33688</v>
      </c>
      <c r="G8756" s="1" t="s">
        <v>33652</v>
      </c>
      <c r="H8756" s="1" t="s">
        <v>33653</v>
      </c>
      <c r="I8756" s="1" t="s">
        <v>33654</v>
      </c>
      <c r="J8756" s="1" t="s">
        <v>33689</v>
      </c>
    </row>
    <row r="8757" spans="1:10" x14ac:dyDescent="0.35">
      <c r="A8757" s="1" t="s">
        <v>33647</v>
      </c>
      <c r="B8757" s="1" t="s">
        <v>33648</v>
      </c>
      <c r="C8757" s="1" t="s">
        <v>60</v>
      </c>
      <c r="D8757" s="1" t="s">
        <v>33690</v>
      </c>
      <c r="E8757" s="1" t="s">
        <v>33691</v>
      </c>
      <c r="F8757" s="1" t="s">
        <v>33692</v>
      </c>
      <c r="G8757" s="1" t="s">
        <v>33652</v>
      </c>
      <c r="H8757" s="1" t="s">
        <v>33653</v>
      </c>
      <c r="I8757" s="1" t="s">
        <v>33654</v>
      </c>
      <c r="J8757" s="1" t="s">
        <v>33693</v>
      </c>
    </row>
    <row r="8758" spans="1:10" x14ac:dyDescent="0.35">
      <c r="A8758" s="1" t="s">
        <v>33647</v>
      </c>
      <c r="B8758" s="1" t="s">
        <v>33648</v>
      </c>
      <c r="C8758" s="1" t="s">
        <v>65</v>
      </c>
      <c r="D8758" s="1" t="s">
        <v>33694</v>
      </c>
      <c r="E8758" s="1" t="s">
        <v>33695</v>
      </c>
      <c r="F8758" s="1" t="s">
        <v>33696</v>
      </c>
      <c r="G8758" s="1" t="s">
        <v>33652</v>
      </c>
      <c r="H8758" s="1" t="s">
        <v>33653</v>
      </c>
      <c r="I8758" s="1" t="s">
        <v>33654</v>
      </c>
      <c r="J8758" s="1" t="s">
        <v>33697</v>
      </c>
    </row>
    <row r="8759" spans="1:10" x14ac:dyDescent="0.35">
      <c r="A8759" s="1" t="s">
        <v>33647</v>
      </c>
      <c r="B8759" s="1" t="s">
        <v>33648</v>
      </c>
      <c r="C8759" s="1" t="s">
        <v>70</v>
      </c>
      <c r="D8759" s="1" t="s">
        <v>33174</v>
      </c>
      <c r="E8759" s="1" t="s">
        <v>33698</v>
      </c>
      <c r="F8759" s="1" t="s">
        <v>33699</v>
      </c>
      <c r="G8759" s="1" t="s">
        <v>33652</v>
      </c>
      <c r="H8759" s="1" t="s">
        <v>33653</v>
      </c>
      <c r="I8759" s="1" t="s">
        <v>33654</v>
      </c>
      <c r="J8759" s="1" t="s">
        <v>33700</v>
      </c>
    </row>
    <row r="8760" spans="1:10" x14ac:dyDescent="0.35">
      <c r="A8760" s="1" t="s">
        <v>33647</v>
      </c>
      <c r="B8760" s="1" t="s">
        <v>33648</v>
      </c>
      <c r="C8760" s="1" t="s">
        <v>75</v>
      </c>
      <c r="D8760" s="1" t="s">
        <v>281</v>
      </c>
      <c r="E8760" s="1" t="s">
        <v>33701</v>
      </c>
      <c r="F8760" s="1" t="s">
        <v>33702</v>
      </c>
      <c r="G8760" s="1" t="s">
        <v>33652</v>
      </c>
      <c r="H8760" s="1" t="s">
        <v>33653</v>
      </c>
      <c r="I8760" s="1" t="s">
        <v>33654</v>
      </c>
      <c r="J8760" s="1" t="s">
        <v>33703</v>
      </c>
    </row>
    <row r="8761" spans="1:10" x14ac:dyDescent="0.35">
      <c r="A8761" s="1" t="s">
        <v>33647</v>
      </c>
      <c r="B8761" s="1" t="s">
        <v>33648</v>
      </c>
      <c r="C8761" s="1" t="s">
        <v>80</v>
      </c>
      <c r="D8761" s="1" t="s">
        <v>30629</v>
      </c>
      <c r="E8761" s="1" t="s">
        <v>33704</v>
      </c>
      <c r="F8761" s="1" t="s">
        <v>33705</v>
      </c>
      <c r="G8761" s="1" t="s">
        <v>33652</v>
      </c>
      <c r="H8761" s="1" t="s">
        <v>33653</v>
      </c>
      <c r="I8761" s="1" t="s">
        <v>33654</v>
      </c>
      <c r="J8761" s="1" t="s">
        <v>33706</v>
      </c>
    </row>
    <row r="8762" spans="1:10" x14ac:dyDescent="0.35">
      <c r="A8762" s="1" t="s">
        <v>33647</v>
      </c>
      <c r="B8762" s="1" t="s">
        <v>33648</v>
      </c>
      <c r="C8762" s="1" t="s">
        <v>85</v>
      </c>
      <c r="D8762" s="1" t="s">
        <v>9605</v>
      </c>
      <c r="E8762" s="1" t="s">
        <v>33707</v>
      </c>
      <c r="F8762" s="1" t="s">
        <v>33708</v>
      </c>
      <c r="G8762" s="1" t="s">
        <v>33652</v>
      </c>
      <c r="H8762" s="1" t="s">
        <v>33653</v>
      </c>
      <c r="I8762" s="1" t="s">
        <v>33654</v>
      </c>
      <c r="J8762" s="1" t="s">
        <v>33709</v>
      </c>
    </row>
    <row r="8763" spans="1:10" x14ac:dyDescent="0.35">
      <c r="A8763" s="1" t="s">
        <v>33647</v>
      </c>
      <c r="B8763" s="1" t="s">
        <v>33648</v>
      </c>
      <c r="C8763" s="1" t="s">
        <v>90</v>
      </c>
      <c r="D8763" s="1" t="s">
        <v>33710</v>
      </c>
      <c r="E8763" s="1" t="s">
        <v>33711</v>
      </c>
      <c r="F8763" s="1" t="s">
        <v>33712</v>
      </c>
      <c r="G8763" s="1" t="s">
        <v>33652</v>
      </c>
      <c r="H8763" s="1" t="s">
        <v>33653</v>
      </c>
      <c r="I8763" s="1" t="s">
        <v>33654</v>
      </c>
      <c r="J8763" s="1" t="s">
        <v>33713</v>
      </c>
    </row>
    <row r="8764" spans="1:10" x14ac:dyDescent="0.35">
      <c r="A8764" s="1" t="s">
        <v>33647</v>
      </c>
      <c r="B8764" s="1" t="s">
        <v>33648</v>
      </c>
      <c r="C8764" s="1" t="s">
        <v>95</v>
      </c>
      <c r="D8764" s="1" t="s">
        <v>408</v>
      </c>
      <c r="E8764" s="1" t="s">
        <v>33714</v>
      </c>
      <c r="F8764" s="1" t="s">
        <v>33715</v>
      </c>
      <c r="G8764" s="1" t="s">
        <v>33652</v>
      </c>
      <c r="H8764" s="1" t="s">
        <v>33653</v>
      </c>
      <c r="I8764" s="1" t="s">
        <v>33654</v>
      </c>
      <c r="J8764" s="1" t="s">
        <v>33716</v>
      </c>
    </row>
    <row r="8765" spans="1:10" x14ac:dyDescent="0.35">
      <c r="A8765" s="1" t="s">
        <v>33647</v>
      </c>
      <c r="B8765" s="1" t="s">
        <v>33648</v>
      </c>
      <c r="C8765" s="1" t="s">
        <v>100</v>
      </c>
      <c r="D8765" s="1" t="s">
        <v>13255</v>
      </c>
      <c r="E8765" s="1" t="s">
        <v>33717</v>
      </c>
      <c r="F8765" s="1" t="s">
        <v>33718</v>
      </c>
      <c r="G8765" s="1" t="s">
        <v>33652</v>
      </c>
      <c r="H8765" s="1" t="s">
        <v>33653</v>
      </c>
      <c r="I8765" s="1" t="s">
        <v>33654</v>
      </c>
      <c r="J8765" s="1" t="s">
        <v>33719</v>
      </c>
    </row>
    <row r="8766" spans="1:10" x14ac:dyDescent="0.35">
      <c r="A8766" s="1" t="s">
        <v>33647</v>
      </c>
      <c r="B8766" s="1" t="s">
        <v>33648</v>
      </c>
      <c r="C8766" s="1" t="s">
        <v>105</v>
      </c>
      <c r="D8766" s="1" t="s">
        <v>33488</v>
      </c>
      <c r="E8766" s="1" t="s">
        <v>33720</v>
      </c>
      <c r="F8766" s="1" t="s">
        <v>33721</v>
      </c>
      <c r="G8766" s="1" t="s">
        <v>33652</v>
      </c>
      <c r="H8766" s="1" t="s">
        <v>33653</v>
      </c>
      <c r="I8766" s="1" t="s">
        <v>33654</v>
      </c>
      <c r="J8766" s="1" t="s">
        <v>33722</v>
      </c>
    </row>
    <row r="8767" spans="1:10" x14ac:dyDescent="0.35">
      <c r="A8767" s="1" t="s">
        <v>33647</v>
      </c>
      <c r="B8767" s="1" t="s">
        <v>33648</v>
      </c>
      <c r="C8767" s="1" t="s">
        <v>110</v>
      </c>
      <c r="D8767" s="1" t="s">
        <v>13401</v>
      </c>
      <c r="E8767" s="1" t="s">
        <v>33723</v>
      </c>
      <c r="F8767" s="1" t="s">
        <v>33724</v>
      </c>
      <c r="G8767" s="1" t="s">
        <v>33652</v>
      </c>
      <c r="H8767" s="1" t="s">
        <v>33653</v>
      </c>
      <c r="I8767" s="1" t="s">
        <v>33654</v>
      </c>
      <c r="J8767" s="1" t="s">
        <v>33725</v>
      </c>
    </row>
    <row r="8768" spans="1:10" x14ac:dyDescent="0.35">
      <c r="A8768" s="1" t="s">
        <v>33647</v>
      </c>
      <c r="B8768" s="1" t="s">
        <v>33648</v>
      </c>
      <c r="C8768" s="1" t="s">
        <v>115</v>
      </c>
      <c r="D8768" s="1" t="s">
        <v>33726</v>
      </c>
      <c r="E8768" s="1" t="s">
        <v>33727</v>
      </c>
      <c r="F8768" s="1" t="s">
        <v>33728</v>
      </c>
      <c r="G8768" s="1" t="s">
        <v>33652</v>
      </c>
      <c r="H8768" s="1" t="s">
        <v>33653</v>
      </c>
      <c r="I8768" s="1" t="s">
        <v>33654</v>
      </c>
      <c r="J8768" s="1" t="s">
        <v>33729</v>
      </c>
    </row>
    <row r="8769" spans="1:10" x14ac:dyDescent="0.35">
      <c r="A8769" s="1" t="s">
        <v>33647</v>
      </c>
      <c r="B8769" s="1" t="s">
        <v>33648</v>
      </c>
      <c r="C8769" s="1" t="s">
        <v>120</v>
      </c>
      <c r="D8769" s="1" t="s">
        <v>33730</v>
      </c>
      <c r="E8769" s="1" t="s">
        <v>33731</v>
      </c>
      <c r="F8769" s="1" t="s">
        <v>33732</v>
      </c>
      <c r="G8769" s="1" t="s">
        <v>33652</v>
      </c>
      <c r="H8769" s="1" t="s">
        <v>33653</v>
      </c>
      <c r="I8769" s="1" t="s">
        <v>33654</v>
      </c>
      <c r="J8769" s="1" t="s">
        <v>33733</v>
      </c>
    </row>
    <row r="8770" spans="1:10" x14ac:dyDescent="0.35">
      <c r="A8770" s="1" t="s">
        <v>33647</v>
      </c>
      <c r="B8770" s="1" t="s">
        <v>33648</v>
      </c>
      <c r="C8770" s="1" t="s">
        <v>125</v>
      </c>
      <c r="D8770" s="1" t="s">
        <v>3838</v>
      </c>
      <c r="E8770" s="1" t="s">
        <v>33734</v>
      </c>
      <c r="F8770" s="1" t="s">
        <v>33735</v>
      </c>
      <c r="G8770" s="1" t="s">
        <v>33652</v>
      </c>
      <c r="H8770" s="1" t="s">
        <v>33653</v>
      </c>
      <c r="I8770" s="1" t="s">
        <v>33654</v>
      </c>
      <c r="J8770" s="1" t="s">
        <v>33736</v>
      </c>
    </row>
    <row r="8771" spans="1:10" x14ac:dyDescent="0.35">
      <c r="A8771" s="1" t="s">
        <v>33647</v>
      </c>
      <c r="B8771" s="1" t="s">
        <v>33648</v>
      </c>
      <c r="C8771" s="1" t="s">
        <v>130</v>
      </c>
      <c r="D8771" s="1" t="s">
        <v>33737</v>
      </c>
      <c r="E8771" s="1" t="s">
        <v>33738</v>
      </c>
      <c r="F8771" s="1" t="s">
        <v>33739</v>
      </c>
      <c r="G8771" s="1" t="s">
        <v>33652</v>
      </c>
      <c r="H8771" s="1" t="s">
        <v>33653</v>
      </c>
      <c r="I8771" s="1" t="s">
        <v>33654</v>
      </c>
      <c r="J8771" s="1" t="s">
        <v>33740</v>
      </c>
    </row>
    <row r="8772" spans="1:10" x14ac:dyDescent="0.35">
      <c r="A8772" s="1" t="s">
        <v>33647</v>
      </c>
      <c r="B8772" s="1" t="s">
        <v>33648</v>
      </c>
      <c r="C8772" s="1" t="s">
        <v>135</v>
      </c>
      <c r="D8772" s="1" t="s">
        <v>33741</v>
      </c>
      <c r="E8772" s="1" t="s">
        <v>33742</v>
      </c>
      <c r="F8772" s="1" t="s">
        <v>33743</v>
      </c>
      <c r="G8772" s="1" t="s">
        <v>33652</v>
      </c>
      <c r="H8772" s="1" t="s">
        <v>33653</v>
      </c>
      <c r="I8772" s="1" t="s">
        <v>33654</v>
      </c>
      <c r="J8772" s="1" t="s">
        <v>33744</v>
      </c>
    </row>
    <row r="8773" spans="1:10" x14ac:dyDescent="0.35">
      <c r="A8773" s="1" t="s">
        <v>33647</v>
      </c>
      <c r="B8773" s="1" t="s">
        <v>33648</v>
      </c>
      <c r="C8773" s="1" t="s">
        <v>140</v>
      </c>
      <c r="D8773" s="1" t="s">
        <v>33745</v>
      </c>
      <c r="E8773" s="1" t="s">
        <v>33746</v>
      </c>
      <c r="F8773" s="1" t="s">
        <v>33747</v>
      </c>
      <c r="G8773" s="1" t="s">
        <v>33652</v>
      </c>
      <c r="H8773" s="1" t="s">
        <v>33653</v>
      </c>
      <c r="I8773" s="1" t="s">
        <v>33654</v>
      </c>
      <c r="J8773" s="1" t="s">
        <v>33748</v>
      </c>
    </row>
    <row r="8774" spans="1:10" x14ac:dyDescent="0.35">
      <c r="A8774" s="1" t="s">
        <v>33647</v>
      </c>
      <c r="B8774" s="1" t="s">
        <v>33648</v>
      </c>
      <c r="C8774" s="1" t="s">
        <v>145</v>
      </c>
      <c r="D8774" s="1" t="s">
        <v>33749</v>
      </c>
      <c r="E8774" s="1" t="s">
        <v>33750</v>
      </c>
      <c r="F8774" s="1" t="s">
        <v>33751</v>
      </c>
      <c r="G8774" s="1" t="s">
        <v>33652</v>
      </c>
      <c r="H8774" s="1" t="s">
        <v>33653</v>
      </c>
      <c r="I8774" s="1" t="s">
        <v>33654</v>
      </c>
      <c r="J8774" s="1" t="s">
        <v>33752</v>
      </c>
    </row>
    <row r="8775" spans="1:10" x14ac:dyDescent="0.35">
      <c r="A8775" s="1" t="s">
        <v>33647</v>
      </c>
      <c r="B8775" s="1" t="s">
        <v>33648</v>
      </c>
      <c r="C8775" s="1" t="s">
        <v>150</v>
      </c>
      <c r="D8775" s="1" t="s">
        <v>33753</v>
      </c>
      <c r="E8775" s="1" t="s">
        <v>33754</v>
      </c>
      <c r="F8775" s="1" t="s">
        <v>33755</v>
      </c>
      <c r="G8775" s="1" t="s">
        <v>33652</v>
      </c>
      <c r="H8775" s="1" t="s">
        <v>33653</v>
      </c>
      <c r="I8775" s="1" t="s">
        <v>33654</v>
      </c>
      <c r="J8775" s="1" t="s">
        <v>33756</v>
      </c>
    </row>
    <row r="8776" spans="1:10" x14ac:dyDescent="0.35">
      <c r="A8776" s="1" t="s">
        <v>33647</v>
      </c>
      <c r="B8776" s="1" t="s">
        <v>33648</v>
      </c>
      <c r="C8776" s="1" t="s">
        <v>155</v>
      </c>
      <c r="D8776" s="1" t="s">
        <v>33757</v>
      </c>
      <c r="E8776" s="1" t="s">
        <v>33758</v>
      </c>
      <c r="F8776" s="1" t="s">
        <v>33759</v>
      </c>
      <c r="G8776" s="1" t="s">
        <v>33652</v>
      </c>
      <c r="H8776" s="1" t="s">
        <v>33653</v>
      </c>
      <c r="I8776" s="1" t="s">
        <v>33654</v>
      </c>
      <c r="J8776" s="1" t="s">
        <v>33760</v>
      </c>
    </row>
    <row r="8777" spans="1:10" x14ac:dyDescent="0.35">
      <c r="A8777" s="1" t="s">
        <v>33647</v>
      </c>
      <c r="B8777" s="1" t="s">
        <v>33648</v>
      </c>
      <c r="C8777" s="1" t="s">
        <v>160</v>
      </c>
      <c r="D8777" s="1" t="s">
        <v>33761</v>
      </c>
      <c r="E8777" s="1" t="s">
        <v>33762</v>
      </c>
      <c r="F8777" s="1" t="s">
        <v>33763</v>
      </c>
      <c r="G8777" s="1" t="s">
        <v>33652</v>
      </c>
      <c r="H8777" s="1" t="s">
        <v>33653</v>
      </c>
      <c r="I8777" s="1" t="s">
        <v>33654</v>
      </c>
      <c r="J8777" s="1" t="s">
        <v>33764</v>
      </c>
    </row>
    <row r="8778" spans="1:10" x14ac:dyDescent="0.35">
      <c r="A8778" s="1" t="s">
        <v>33647</v>
      </c>
      <c r="B8778" s="1" t="s">
        <v>33648</v>
      </c>
      <c r="C8778" s="1" t="s">
        <v>165</v>
      </c>
      <c r="D8778" s="1" t="s">
        <v>33765</v>
      </c>
      <c r="E8778" s="1" t="s">
        <v>33766</v>
      </c>
      <c r="F8778" s="1" t="s">
        <v>33767</v>
      </c>
      <c r="G8778" s="1" t="s">
        <v>33652</v>
      </c>
      <c r="H8778" s="1" t="s">
        <v>33653</v>
      </c>
      <c r="I8778" s="1" t="s">
        <v>33654</v>
      </c>
      <c r="J8778" s="1" t="s">
        <v>33768</v>
      </c>
    </row>
    <row r="8779" spans="1:10" x14ac:dyDescent="0.35">
      <c r="A8779" s="1" t="s">
        <v>33647</v>
      </c>
      <c r="B8779" s="1" t="s">
        <v>33648</v>
      </c>
      <c r="C8779" s="1" t="s">
        <v>170</v>
      </c>
      <c r="D8779" s="1" t="s">
        <v>33769</v>
      </c>
      <c r="E8779" s="1" t="s">
        <v>33770</v>
      </c>
      <c r="F8779" s="1" t="s">
        <v>33771</v>
      </c>
      <c r="G8779" s="1" t="s">
        <v>33652</v>
      </c>
      <c r="H8779" s="1" t="s">
        <v>33653</v>
      </c>
      <c r="I8779" s="1" t="s">
        <v>33654</v>
      </c>
      <c r="J8779" s="1" t="s">
        <v>33772</v>
      </c>
    </row>
    <row r="8780" spans="1:10" x14ac:dyDescent="0.35">
      <c r="A8780" s="1" t="s">
        <v>33773</v>
      </c>
      <c r="B8780" s="1" t="s">
        <v>33648</v>
      </c>
      <c r="C8780" s="1" t="s">
        <v>8</v>
      </c>
      <c r="D8780" s="1" t="s">
        <v>33774</v>
      </c>
      <c r="E8780" s="1" t="s">
        <v>33775</v>
      </c>
      <c r="F8780" s="1" t="s">
        <v>33776</v>
      </c>
      <c r="G8780" s="1" t="s">
        <v>33777</v>
      </c>
      <c r="H8780" s="1" t="s">
        <v>33778</v>
      </c>
      <c r="I8780" s="1" t="s">
        <v>33654</v>
      </c>
      <c r="J8780" s="1" t="s">
        <v>13</v>
      </c>
    </row>
    <row r="8781" spans="1:10" x14ac:dyDescent="0.35">
      <c r="A8781" s="1" t="s">
        <v>33773</v>
      </c>
      <c r="B8781" s="1" t="s">
        <v>33648</v>
      </c>
      <c r="C8781" s="1" t="s">
        <v>15</v>
      </c>
      <c r="D8781" s="1" t="s">
        <v>33779</v>
      </c>
      <c r="E8781" s="1" t="s">
        <v>33780</v>
      </c>
      <c r="F8781" s="1" t="s">
        <v>33781</v>
      </c>
      <c r="G8781" s="1" t="s">
        <v>33777</v>
      </c>
      <c r="H8781" s="1" t="s">
        <v>33778</v>
      </c>
      <c r="I8781" s="1" t="s">
        <v>33654</v>
      </c>
      <c r="J8781" s="1" t="s">
        <v>33782</v>
      </c>
    </row>
    <row r="8782" spans="1:10" x14ac:dyDescent="0.35">
      <c r="A8782" s="1" t="s">
        <v>33773</v>
      </c>
      <c r="B8782" s="1" t="s">
        <v>33648</v>
      </c>
      <c r="C8782" s="1" t="s">
        <v>20</v>
      </c>
      <c r="D8782" s="1" t="s">
        <v>33783</v>
      </c>
      <c r="E8782" s="1" t="s">
        <v>33784</v>
      </c>
      <c r="F8782" s="1" t="s">
        <v>33785</v>
      </c>
      <c r="G8782" s="1" t="s">
        <v>33777</v>
      </c>
      <c r="H8782" s="1" t="s">
        <v>33778</v>
      </c>
      <c r="I8782" s="1" t="s">
        <v>33654</v>
      </c>
      <c r="J8782" s="1" t="s">
        <v>33786</v>
      </c>
    </row>
    <row r="8783" spans="1:10" x14ac:dyDescent="0.35">
      <c r="A8783" s="1" t="s">
        <v>33773</v>
      </c>
      <c r="B8783" s="1" t="s">
        <v>33648</v>
      </c>
      <c r="C8783" s="1" t="s">
        <v>25</v>
      </c>
      <c r="D8783" s="1" t="s">
        <v>33787</v>
      </c>
      <c r="E8783" s="1" t="s">
        <v>33788</v>
      </c>
      <c r="F8783" s="1" t="s">
        <v>33789</v>
      </c>
      <c r="G8783" s="1" t="s">
        <v>33777</v>
      </c>
      <c r="H8783" s="1" t="s">
        <v>33778</v>
      </c>
      <c r="I8783" s="1" t="s">
        <v>33654</v>
      </c>
      <c r="J8783" s="1" t="s">
        <v>33790</v>
      </c>
    </row>
    <row r="8784" spans="1:10" x14ac:dyDescent="0.35">
      <c r="A8784" s="1" t="s">
        <v>33773</v>
      </c>
      <c r="B8784" s="1" t="s">
        <v>33648</v>
      </c>
      <c r="C8784" s="1" t="s">
        <v>30</v>
      </c>
      <c r="D8784" s="1" t="s">
        <v>16116</v>
      </c>
      <c r="E8784" s="1" t="s">
        <v>33791</v>
      </c>
      <c r="F8784" s="1" t="s">
        <v>33792</v>
      </c>
      <c r="G8784" s="1" t="s">
        <v>33777</v>
      </c>
      <c r="H8784" s="1" t="s">
        <v>33778</v>
      </c>
      <c r="I8784" s="1" t="s">
        <v>33654</v>
      </c>
      <c r="J8784" s="1" t="s">
        <v>33793</v>
      </c>
    </row>
    <row r="8785" spans="1:10" x14ac:dyDescent="0.35">
      <c r="A8785" s="1" t="s">
        <v>33773</v>
      </c>
      <c r="B8785" s="1" t="s">
        <v>33648</v>
      </c>
      <c r="C8785" s="1" t="s">
        <v>35</v>
      </c>
      <c r="D8785" s="1" t="s">
        <v>33794</v>
      </c>
      <c r="E8785" s="1" t="s">
        <v>33795</v>
      </c>
      <c r="F8785" s="1" t="s">
        <v>33796</v>
      </c>
      <c r="G8785" s="1" t="s">
        <v>33777</v>
      </c>
      <c r="H8785" s="1" t="s">
        <v>33778</v>
      </c>
      <c r="I8785" s="1" t="s">
        <v>33654</v>
      </c>
      <c r="J8785" s="1" t="s">
        <v>33797</v>
      </c>
    </row>
    <row r="8786" spans="1:10" x14ac:dyDescent="0.35">
      <c r="A8786" s="1" t="s">
        <v>33773</v>
      </c>
      <c r="B8786" s="1" t="s">
        <v>33648</v>
      </c>
      <c r="C8786" s="1" t="s">
        <v>40</v>
      </c>
      <c r="D8786" s="1" t="s">
        <v>33798</v>
      </c>
      <c r="E8786" s="1" t="s">
        <v>33799</v>
      </c>
      <c r="F8786" s="1" t="s">
        <v>33800</v>
      </c>
      <c r="G8786" s="1" t="s">
        <v>33777</v>
      </c>
      <c r="H8786" s="1" t="s">
        <v>33778</v>
      </c>
      <c r="I8786" s="1" t="s">
        <v>33654</v>
      </c>
      <c r="J8786" s="1" t="s">
        <v>33801</v>
      </c>
    </row>
    <row r="8787" spans="1:10" x14ac:dyDescent="0.35">
      <c r="A8787" s="1" t="s">
        <v>33773</v>
      </c>
      <c r="B8787" s="1" t="s">
        <v>33648</v>
      </c>
      <c r="C8787" s="1" t="s">
        <v>45</v>
      </c>
      <c r="D8787" s="1" t="s">
        <v>14798</v>
      </c>
      <c r="E8787" s="1" t="s">
        <v>33802</v>
      </c>
      <c r="F8787" s="1" t="s">
        <v>33803</v>
      </c>
      <c r="G8787" s="1" t="s">
        <v>33777</v>
      </c>
      <c r="H8787" s="1" t="s">
        <v>33778</v>
      </c>
      <c r="I8787" s="1" t="s">
        <v>33654</v>
      </c>
      <c r="J8787" s="1" t="s">
        <v>33804</v>
      </c>
    </row>
    <row r="8788" spans="1:10" x14ac:dyDescent="0.35">
      <c r="A8788" s="1" t="s">
        <v>33773</v>
      </c>
      <c r="B8788" s="1" t="s">
        <v>33648</v>
      </c>
      <c r="C8788" s="1" t="s">
        <v>50</v>
      </c>
      <c r="D8788" s="1" t="s">
        <v>33805</v>
      </c>
      <c r="E8788" s="1" t="s">
        <v>33806</v>
      </c>
      <c r="F8788" s="1" t="s">
        <v>33807</v>
      </c>
      <c r="G8788" s="1" t="s">
        <v>33777</v>
      </c>
      <c r="H8788" s="1" t="s">
        <v>33778</v>
      </c>
      <c r="I8788" s="1" t="s">
        <v>33654</v>
      </c>
      <c r="J8788" s="1" t="s">
        <v>33808</v>
      </c>
    </row>
    <row r="8789" spans="1:10" x14ac:dyDescent="0.35">
      <c r="A8789" s="1" t="s">
        <v>33773</v>
      </c>
      <c r="B8789" s="1" t="s">
        <v>33648</v>
      </c>
      <c r="C8789" s="1" t="s">
        <v>55</v>
      </c>
      <c r="D8789" s="1" t="s">
        <v>33809</v>
      </c>
      <c r="E8789" s="1" t="s">
        <v>33810</v>
      </c>
      <c r="F8789" s="1" t="s">
        <v>33811</v>
      </c>
      <c r="G8789" s="1" t="s">
        <v>33777</v>
      </c>
      <c r="H8789" s="1" t="s">
        <v>33778</v>
      </c>
      <c r="I8789" s="1" t="s">
        <v>33654</v>
      </c>
      <c r="J8789" s="1" t="s">
        <v>33812</v>
      </c>
    </row>
    <row r="8790" spans="1:10" x14ac:dyDescent="0.35">
      <c r="A8790" s="1" t="s">
        <v>33773</v>
      </c>
      <c r="B8790" s="1" t="s">
        <v>33648</v>
      </c>
      <c r="C8790" s="1" t="s">
        <v>60</v>
      </c>
      <c r="D8790" s="1" t="s">
        <v>33813</v>
      </c>
      <c r="E8790" s="1" t="s">
        <v>33814</v>
      </c>
      <c r="F8790" s="1" t="s">
        <v>33815</v>
      </c>
      <c r="G8790" s="1" t="s">
        <v>33777</v>
      </c>
      <c r="H8790" s="1" t="s">
        <v>33778</v>
      </c>
      <c r="I8790" s="1" t="s">
        <v>33654</v>
      </c>
      <c r="J8790" s="1" t="s">
        <v>33816</v>
      </c>
    </row>
    <row r="8791" spans="1:10" x14ac:dyDescent="0.35">
      <c r="A8791" s="1" t="s">
        <v>33773</v>
      </c>
      <c r="B8791" s="1" t="s">
        <v>33648</v>
      </c>
      <c r="C8791" s="1" t="s">
        <v>65</v>
      </c>
      <c r="D8791" s="1" t="s">
        <v>15499</v>
      </c>
      <c r="E8791" s="1" t="s">
        <v>33817</v>
      </c>
      <c r="F8791" s="1" t="s">
        <v>33818</v>
      </c>
      <c r="G8791" s="1" t="s">
        <v>33777</v>
      </c>
      <c r="H8791" s="1" t="s">
        <v>33778</v>
      </c>
      <c r="I8791" s="1" t="s">
        <v>33654</v>
      </c>
      <c r="J8791" s="1" t="s">
        <v>33819</v>
      </c>
    </row>
    <row r="8792" spans="1:10" x14ac:dyDescent="0.35">
      <c r="A8792" s="1" t="s">
        <v>33773</v>
      </c>
      <c r="B8792" s="1" t="s">
        <v>33648</v>
      </c>
      <c r="C8792" s="1" t="s">
        <v>70</v>
      </c>
      <c r="D8792" s="1" t="s">
        <v>601</v>
      </c>
      <c r="E8792" s="1" t="s">
        <v>33820</v>
      </c>
      <c r="F8792" s="1" t="s">
        <v>33821</v>
      </c>
      <c r="G8792" s="1" t="s">
        <v>33777</v>
      </c>
      <c r="H8792" s="1" t="s">
        <v>33778</v>
      </c>
      <c r="I8792" s="1" t="s">
        <v>33654</v>
      </c>
      <c r="J8792" s="1" t="s">
        <v>33822</v>
      </c>
    </row>
    <row r="8793" spans="1:10" x14ac:dyDescent="0.35">
      <c r="A8793" s="1" t="s">
        <v>33773</v>
      </c>
      <c r="B8793" s="1" t="s">
        <v>33648</v>
      </c>
      <c r="C8793" s="1" t="s">
        <v>75</v>
      </c>
      <c r="D8793" s="1" t="s">
        <v>11799</v>
      </c>
      <c r="E8793" s="1" t="s">
        <v>33823</v>
      </c>
      <c r="F8793" s="1" t="s">
        <v>33824</v>
      </c>
      <c r="G8793" s="1" t="s">
        <v>33777</v>
      </c>
      <c r="H8793" s="1" t="s">
        <v>33778</v>
      </c>
      <c r="I8793" s="1" t="s">
        <v>33654</v>
      </c>
      <c r="J8793" s="1" t="s">
        <v>33825</v>
      </c>
    </row>
    <row r="8794" spans="1:10" x14ac:dyDescent="0.35">
      <c r="A8794" s="1" t="s">
        <v>33773</v>
      </c>
      <c r="B8794" s="1" t="s">
        <v>33648</v>
      </c>
      <c r="C8794" s="1" t="s">
        <v>80</v>
      </c>
      <c r="D8794" s="1" t="s">
        <v>33826</v>
      </c>
      <c r="E8794" s="1" t="s">
        <v>33827</v>
      </c>
      <c r="F8794" s="1" t="s">
        <v>33828</v>
      </c>
      <c r="G8794" s="1" t="s">
        <v>33777</v>
      </c>
      <c r="H8794" s="1" t="s">
        <v>33778</v>
      </c>
      <c r="I8794" s="1" t="s">
        <v>33654</v>
      </c>
      <c r="J8794" s="1" t="s">
        <v>33829</v>
      </c>
    </row>
    <row r="8795" spans="1:10" x14ac:dyDescent="0.35">
      <c r="A8795" s="1" t="s">
        <v>33773</v>
      </c>
      <c r="B8795" s="1" t="s">
        <v>33648</v>
      </c>
      <c r="C8795" s="1" t="s">
        <v>85</v>
      </c>
      <c r="D8795" s="1" t="s">
        <v>33830</v>
      </c>
      <c r="E8795" s="1" t="s">
        <v>33831</v>
      </c>
      <c r="F8795" s="1" t="s">
        <v>33832</v>
      </c>
      <c r="G8795" s="1" t="s">
        <v>33777</v>
      </c>
      <c r="H8795" s="1" t="s">
        <v>33778</v>
      </c>
      <c r="I8795" s="1" t="s">
        <v>33654</v>
      </c>
      <c r="J8795" s="1" t="s">
        <v>33833</v>
      </c>
    </row>
    <row r="8796" spans="1:10" x14ac:dyDescent="0.35">
      <c r="A8796" s="1" t="s">
        <v>33773</v>
      </c>
      <c r="B8796" s="1" t="s">
        <v>33648</v>
      </c>
      <c r="C8796" s="1" t="s">
        <v>90</v>
      </c>
      <c r="D8796" s="1" t="s">
        <v>33834</v>
      </c>
      <c r="E8796" s="1" t="s">
        <v>33835</v>
      </c>
      <c r="F8796" s="1" t="s">
        <v>33836</v>
      </c>
      <c r="G8796" s="1" t="s">
        <v>33777</v>
      </c>
      <c r="H8796" s="1" t="s">
        <v>33778</v>
      </c>
      <c r="I8796" s="1" t="s">
        <v>33654</v>
      </c>
      <c r="J8796" s="1" t="s">
        <v>33837</v>
      </c>
    </row>
    <row r="8797" spans="1:10" x14ac:dyDescent="0.35">
      <c r="A8797" s="1" t="s">
        <v>33773</v>
      </c>
      <c r="B8797" s="1" t="s">
        <v>33648</v>
      </c>
      <c r="C8797" s="1" t="s">
        <v>95</v>
      </c>
      <c r="D8797" s="1" t="s">
        <v>14848</v>
      </c>
      <c r="E8797" s="1" t="s">
        <v>33838</v>
      </c>
      <c r="F8797" s="1" t="s">
        <v>33839</v>
      </c>
      <c r="G8797" s="1" t="s">
        <v>33777</v>
      </c>
      <c r="H8797" s="1" t="s">
        <v>33778</v>
      </c>
      <c r="I8797" s="1" t="s">
        <v>33654</v>
      </c>
      <c r="J8797" s="1" t="s">
        <v>33840</v>
      </c>
    </row>
    <row r="8798" spans="1:10" x14ac:dyDescent="0.35">
      <c r="A8798" s="1" t="s">
        <v>33773</v>
      </c>
      <c r="B8798" s="1" t="s">
        <v>33648</v>
      </c>
      <c r="C8798" s="1" t="s">
        <v>100</v>
      </c>
      <c r="D8798" s="1" t="s">
        <v>33841</v>
      </c>
      <c r="E8798" s="1" t="s">
        <v>33842</v>
      </c>
      <c r="F8798" s="1" t="s">
        <v>33843</v>
      </c>
      <c r="G8798" s="1" t="s">
        <v>33777</v>
      </c>
      <c r="H8798" s="1" t="s">
        <v>33778</v>
      </c>
      <c r="I8798" s="1" t="s">
        <v>33654</v>
      </c>
      <c r="J8798" s="1" t="s">
        <v>33844</v>
      </c>
    </row>
    <row r="8799" spans="1:10" x14ac:dyDescent="0.35">
      <c r="A8799" s="1" t="s">
        <v>33773</v>
      </c>
      <c r="B8799" s="1" t="s">
        <v>33648</v>
      </c>
      <c r="C8799" s="1" t="s">
        <v>105</v>
      </c>
      <c r="D8799" s="1" t="s">
        <v>33845</v>
      </c>
      <c r="E8799" s="1" t="s">
        <v>33846</v>
      </c>
      <c r="F8799" s="1" t="s">
        <v>33847</v>
      </c>
      <c r="G8799" s="1" t="s">
        <v>33777</v>
      </c>
      <c r="H8799" s="1" t="s">
        <v>33778</v>
      </c>
      <c r="I8799" s="1" t="s">
        <v>33654</v>
      </c>
      <c r="J8799" s="1" t="s">
        <v>33848</v>
      </c>
    </row>
    <row r="8800" spans="1:10" x14ac:dyDescent="0.35">
      <c r="A8800" s="1" t="s">
        <v>33773</v>
      </c>
      <c r="B8800" s="1" t="s">
        <v>33648</v>
      </c>
      <c r="C8800" s="1" t="s">
        <v>110</v>
      </c>
      <c r="D8800" s="1" t="s">
        <v>33849</v>
      </c>
      <c r="E8800" s="1" t="s">
        <v>33850</v>
      </c>
      <c r="F8800" s="1" t="s">
        <v>33851</v>
      </c>
      <c r="G8800" s="1" t="s">
        <v>33777</v>
      </c>
      <c r="H8800" s="1" t="s">
        <v>33778</v>
      </c>
      <c r="I8800" s="1" t="s">
        <v>33654</v>
      </c>
      <c r="J8800" s="1" t="s">
        <v>33852</v>
      </c>
    </row>
    <row r="8801" spans="1:10" x14ac:dyDescent="0.35">
      <c r="A8801" s="1" t="s">
        <v>33773</v>
      </c>
      <c r="B8801" s="1" t="s">
        <v>33648</v>
      </c>
      <c r="C8801" s="1" t="s">
        <v>115</v>
      </c>
      <c r="D8801" s="1" t="s">
        <v>33853</v>
      </c>
      <c r="E8801" s="1" t="s">
        <v>33854</v>
      </c>
      <c r="F8801" s="1" t="s">
        <v>33855</v>
      </c>
      <c r="G8801" s="1" t="s">
        <v>33777</v>
      </c>
      <c r="H8801" s="1" t="s">
        <v>33778</v>
      </c>
      <c r="I8801" s="1" t="s">
        <v>33654</v>
      </c>
      <c r="J8801" s="1" t="s">
        <v>33856</v>
      </c>
    </row>
    <row r="8802" spans="1:10" x14ac:dyDescent="0.35">
      <c r="A8802" s="1" t="s">
        <v>33773</v>
      </c>
      <c r="B8802" s="1" t="s">
        <v>33648</v>
      </c>
      <c r="C8802" s="1" t="s">
        <v>120</v>
      </c>
      <c r="D8802" s="1" t="s">
        <v>17474</v>
      </c>
      <c r="E8802" s="1" t="s">
        <v>33857</v>
      </c>
      <c r="F8802" s="1" t="s">
        <v>33858</v>
      </c>
      <c r="G8802" s="1" t="s">
        <v>33777</v>
      </c>
      <c r="H8802" s="1" t="s">
        <v>33778</v>
      </c>
      <c r="I8802" s="1" t="s">
        <v>33654</v>
      </c>
      <c r="J8802" s="1" t="s">
        <v>33859</v>
      </c>
    </row>
    <row r="8803" spans="1:10" x14ac:dyDescent="0.35">
      <c r="A8803" s="1" t="s">
        <v>33773</v>
      </c>
      <c r="B8803" s="1" t="s">
        <v>33648</v>
      </c>
      <c r="C8803" s="1" t="s">
        <v>125</v>
      </c>
      <c r="D8803" s="1" t="s">
        <v>33860</v>
      </c>
      <c r="E8803" s="1" t="s">
        <v>33861</v>
      </c>
      <c r="F8803" s="1" t="s">
        <v>33862</v>
      </c>
      <c r="G8803" s="1" t="s">
        <v>33777</v>
      </c>
      <c r="H8803" s="1" t="s">
        <v>33778</v>
      </c>
      <c r="I8803" s="1" t="s">
        <v>33654</v>
      </c>
      <c r="J8803" s="1" t="s">
        <v>33863</v>
      </c>
    </row>
    <row r="8804" spans="1:10" x14ac:dyDescent="0.35">
      <c r="A8804" s="1" t="s">
        <v>33773</v>
      </c>
      <c r="B8804" s="1" t="s">
        <v>33648</v>
      </c>
      <c r="C8804" s="1" t="s">
        <v>130</v>
      </c>
      <c r="D8804" s="1" t="s">
        <v>33864</v>
      </c>
      <c r="E8804" s="1" t="s">
        <v>33865</v>
      </c>
      <c r="F8804" s="1" t="s">
        <v>33866</v>
      </c>
      <c r="G8804" s="1" t="s">
        <v>33777</v>
      </c>
      <c r="H8804" s="1" t="s">
        <v>33778</v>
      </c>
      <c r="I8804" s="1" t="s">
        <v>33654</v>
      </c>
      <c r="J8804" s="1" t="s">
        <v>33867</v>
      </c>
    </row>
    <row r="8805" spans="1:10" x14ac:dyDescent="0.35">
      <c r="A8805" s="1" t="s">
        <v>33773</v>
      </c>
      <c r="B8805" s="1" t="s">
        <v>33648</v>
      </c>
      <c r="C8805" s="1" t="s">
        <v>135</v>
      </c>
      <c r="D8805" s="1" t="s">
        <v>33868</v>
      </c>
      <c r="E8805" s="1" t="s">
        <v>33869</v>
      </c>
      <c r="F8805" s="1" t="s">
        <v>33870</v>
      </c>
      <c r="G8805" s="1" t="s">
        <v>33777</v>
      </c>
      <c r="H8805" s="1" t="s">
        <v>33778</v>
      </c>
      <c r="I8805" s="1" t="s">
        <v>33654</v>
      </c>
      <c r="J8805" s="1" t="s">
        <v>33871</v>
      </c>
    </row>
    <row r="8806" spans="1:10" x14ac:dyDescent="0.35">
      <c r="A8806" s="1" t="s">
        <v>33773</v>
      </c>
      <c r="B8806" s="1" t="s">
        <v>33648</v>
      </c>
      <c r="C8806" s="1" t="s">
        <v>140</v>
      </c>
      <c r="D8806" s="1" t="s">
        <v>33872</v>
      </c>
      <c r="E8806" s="1" t="s">
        <v>33873</v>
      </c>
      <c r="F8806" s="1" t="s">
        <v>33874</v>
      </c>
      <c r="G8806" s="1" t="s">
        <v>33777</v>
      </c>
      <c r="H8806" s="1" t="s">
        <v>33778</v>
      </c>
      <c r="I8806" s="1" t="s">
        <v>33654</v>
      </c>
      <c r="J8806" s="1" t="s">
        <v>33875</v>
      </c>
    </row>
    <row r="8807" spans="1:10" x14ac:dyDescent="0.35">
      <c r="A8807" s="1" t="s">
        <v>33773</v>
      </c>
      <c r="B8807" s="1" t="s">
        <v>33648</v>
      </c>
      <c r="C8807" s="1" t="s">
        <v>145</v>
      </c>
      <c r="D8807" s="1" t="s">
        <v>33876</v>
      </c>
      <c r="E8807" s="1" t="s">
        <v>33877</v>
      </c>
      <c r="F8807" s="1" t="s">
        <v>33878</v>
      </c>
      <c r="G8807" s="1" t="s">
        <v>33777</v>
      </c>
      <c r="H8807" s="1" t="s">
        <v>33778</v>
      </c>
      <c r="I8807" s="1" t="s">
        <v>33654</v>
      </c>
      <c r="J8807" s="1" t="s">
        <v>33879</v>
      </c>
    </row>
    <row r="8808" spans="1:10" x14ac:dyDescent="0.35">
      <c r="A8808" s="1" t="s">
        <v>33773</v>
      </c>
      <c r="B8808" s="1" t="s">
        <v>33648</v>
      </c>
      <c r="C8808" s="1" t="s">
        <v>150</v>
      </c>
      <c r="D8808" s="1" t="s">
        <v>33880</v>
      </c>
      <c r="E8808" s="1" t="s">
        <v>33881</v>
      </c>
      <c r="F8808" s="1" t="s">
        <v>33882</v>
      </c>
      <c r="G8808" s="1" t="s">
        <v>33777</v>
      </c>
      <c r="H8808" s="1" t="s">
        <v>33778</v>
      </c>
      <c r="I8808" s="1" t="s">
        <v>33654</v>
      </c>
      <c r="J8808" s="1" t="s">
        <v>33883</v>
      </c>
    </row>
    <row r="8809" spans="1:10" x14ac:dyDescent="0.35">
      <c r="A8809" s="1" t="s">
        <v>33773</v>
      </c>
      <c r="B8809" s="1" t="s">
        <v>33648</v>
      </c>
      <c r="C8809" s="1" t="s">
        <v>155</v>
      </c>
      <c r="D8809" s="1" t="s">
        <v>33884</v>
      </c>
      <c r="E8809" s="1" t="s">
        <v>33885</v>
      </c>
      <c r="F8809" s="1" t="s">
        <v>33886</v>
      </c>
      <c r="G8809" s="1" t="s">
        <v>33777</v>
      </c>
      <c r="H8809" s="1" t="s">
        <v>33778</v>
      </c>
      <c r="I8809" s="1" t="s">
        <v>33654</v>
      </c>
      <c r="J8809" s="1" t="s">
        <v>33887</v>
      </c>
    </row>
    <row r="8810" spans="1:10" x14ac:dyDescent="0.35">
      <c r="A8810" s="1" t="s">
        <v>33773</v>
      </c>
      <c r="B8810" s="1" t="s">
        <v>33648</v>
      </c>
      <c r="C8810" s="1" t="s">
        <v>160</v>
      </c>
      <c r="D8810" s="1" t="s">
        <v>33888</v>
      </c>
      <c r="E8810" s="1" t="s">
        <v>33889</v>
      </c>
      <c r="F8810" s="1" t="s">
        <v>33890</v>
      </c>
      <c r="G8810" s="1" t="s">
        <v>33777</v>
      </c>
      <c r="H8810" s="1" t="s">
        <v>33778</v>
      </c>
      <c r="I8810" s="1" t="s">
        <v>33654</v>
      </c>
      <c r="J8810" s="1" t="s">
        <v>33891</v>
      </c>
    </row>
    <row r="8811" spans="1:10" x14ac:dyDescent="0.35">
      <c r="A8811" s="1" t="s">
        <v>33773</v>
      </c>
      <c r="B8811" s="1" t="s">
        <v>33648</v>
      </c>
      <c r="C8811" s="1" t="s">
        <v>165</v>
      </c>
      <c r="D8811" s="1" t="s">
        <v>33892</v>
      </c>
      <c r="E8811" s="1" t="s">
        <v>33893</v>
      </c>
      <c r="F8811" s="1" t="s">
        <v>33894</v>
      </c>
      <c r="G8811" s="1" t="s">
        <v>33777</v>
      </c>
      <c r="H8811" s="1" t="s">
        <v>33778</v>
      </c>
      <c r="I8811" s="1" t="s">
        <v>33654</v>
      </c>
      <c r="J8811" s="1" t="s">
        <v>33895</v>
      </c>
    </row>
    <row r="8812" spans="1:10" x14ac:dyDescent="0.35">
      <c r="A8812" s="1" t="s">
        <v>33773</v>
      </c>
      <c r="B8812" s="1" t="s">
        <v>33648</v>
      </c>
      <c r="C8812" s="1" t="s">
        <v>170</v>
      </c>
      <c r="D8812" s="1" t="s">
        <v>33896</v>
      </c>
      <c r="E8812" s="1" t="s">
        <v>33897</v>
      </c>
      <c r="F8812" s="1" t="s">
        <v>33898</v>
      </c>
      <c r="G8812" s="1" t="s">
        <v>33777</v>
      </c>
      <c r="H8812" s="1" t="s">
        <v>33778</v>
      </c>
      <c r="I8812" s="1" t="s">
        <v>33654</v>
      </c>
      <c r="J8812" s="1" t="s">
        <v>33899</v>
      </c>
    </row>
    <row r="8813" spans="1:10" x14ac:dyDescent="0.35">
      <c r="A8813" s="1" t="s">
        <v>33900</v>
      </c>
      <c r="B8813" s="1" t="s">
        <v>33648</v>
      </c>
      <c r="C8813" s="1" t="s">
        <v>8</v>
      </c>
      <c r="D8813" s="1" t="s">
        <v>4598</v>
      </c>
      <c r="E8813" s="1" t="s">
        <v>33901</v>
      </c>
      <c r="F8813" s="1" t="s">
        <v>33902</v>
      </c>
      <c r="G8813" s="1" t="s">
        <v>33903</v>
      </c>
      <c r="H8813" s="1" t="s">
        <v>33904</v>
      </c>
      <c r="I8813" s="1" t="s">
        <v>33654</v>
      </c>
      <c r="J8813" s="1" t="s">
        <v>13</v>
      </c>
    </row>
    <row r="8814" spans="1:10" x14ac:dyDescent="0.35">
      <c r="A8814" s="1" t="s">
        <v>33900</v>
      </c>
      <c r="B8814" s="1" t="s">
        <v>33648</v>
      </c>
      <c r="C8814" s="1" t="s">
        <v>15</v>
      </c>
      <c r="D8814" s="1" t="s">
        <v>33905</v>
      </c>
      <c r="E8814" s="1" t="s">
        <v>33906</v>
      </c>
      <c r="F8814" s="1" t="s">
        <v>33907</v>
      </c>
      <c r="G8814" s="1" t="s">
        <v>33903</v>
      </c>
      <c r="H8814" s="1" t="s">
        <v>33904</v>
      </c>
      <c r="I8814" s="1" t="s">
        <v>33654</v>
      </c>
      <c r="J8814" s="1" t="s">
        <v>33908</v>
      </c>
    </row>
    <row r="8815" spans="1:10" x14ac:dyDescent="0.35">
      <c r="A8815" s="1" t="s">
        <v>33900</v>
      </c>
      <c r="B8815" s="1" t="s">
        <v>33648</v>
      </c>
      <c r="C8815" s="1" t="s">
        <v>20</v>
      </c>
      <c r="D8815" s="1" t="s">
        <v>33909</v>
      </c>
      <c r="E8815" s="1" t="s">
        <v>33910</v>
      </c>
      <c r="F8815" s="1" t="s">
        <v>33911</v>
      </c>
      <c r="G8815" s="1" t="s">
        <v>33903</v>
      </c>
      <c r="H8815" s="1" t="s">
        <v>33904</v>
      </c>
      <c r="I8815" s="1" t="s">
        <v>33654</v>
      </c>
      <c r="J8815" s="1" t="s">
        <v>33912</v>
      </c>
    </row>
    <row r="8816" spans="1:10" x14ac:dyDescent="0.35">
      <c r="A8816" s="1" t="s">
        <v>33900</v>
      </c>
      <c r="B8816" s="1" t="s">
        <v>33648</v>
      </c>
      <c r="C8816" s="1" t="s">
        <v>25</v>
      </c>
      <c r="D8816" s="1" t="s">
        <v>33913</v>
      </c>
      <c r="E8816" s="1" t="s">
        <v>33914</v>
      </c>
      <c r="F8816" s="1" t="s">
        <v>33915</v>
      </c>
      <c r="G8816" s="1" t="s">
        <v>33903</v>
      </c>
      <c r="H8816" s="1" t="s">
        <v>33904</v>
      </c>
      <c r="I8816" s="1" t="s">
        <v>33654</v>
      </c>
      <c r="J8816" s="1" t="s">
        <v>33916</v>
      </c>
    </row>
    <row r="8817" spans="1:10" x14ac:dyDescent="0.35">
      <c r="A8817" s="1" t="s">
        <v>33900</v>
      </c>
      <c r="B8817" s="1" t="s">
        <v>33648</v>
      </c>
      <c r="C8817" s="1" t="s">
        <v>30</v>
      </c>
      <c r="D8817" s="1" t="s">
        <v>33917</v>
      </c>
      <c r="E8817" s="1" t="s">
        <v>33918</v>
      </c>
      <c r="F8817" s="1" t="s">
        <v>33919</v>
      </c>
      <c r="G8817" s="1" t="s">
        <v>33903</v>
      </c>
      <c r="H8817" s="1" t="s">
        <v>33904</v>
      </c>
      <c r="I8817" s="1" t="s">
        <v>33654</v>
      </c>
      <c r="J8817" s="1" t="s">
        <v>33920</v>
      </c>
    </row>
    <row r="8818" spans="1:10" x14ac:dyDescent="0.35">
      <c r="A8818" s="1" t="s">
        <v>33900</v>
      </c>
      <c r="B8818" s="1" t="s">
        <v>33648</v>
      </c>
      <c r="C8818" s="1" t="s">
        <v>35</v>
      </c>
      <c r="D8818" s="1" t="s">
        <v>33921</v>
      </c>
      <c r="E8818" s="1" t="s">
        <v>33922</v>
      </c>
      <c r="F8818" s="1" t="s">
        <v>33923</v>
      </c>
      <c r="G8818" s="1" t="s">
        <v>33903</v>
      </c>
      <c r="H8818" s="1" t="s">
        <v>33904</v>
      </c>
      <c r="I8818" s="1" t="s">
        <v>33654</v>
      </c>
      <c r="J8818" s="1" t="s">
        <v>33924</v>
      </c>
    </row>
    <row r="8819" spans="1:10" x14ac:dyDescent="0.35">
      <c r="A8819" s="1" t="s">
        <v>33900</v>
      </c>
      <c r="B8819" s="1" t="s">
        <v>33648</v>
      </c>
      <c r="C8819" s="1" t="s">
        <v>40</v>
      </c>
      <c r="D8819" s="1" t="s">
        <v>33925</v>
      </c>
      <c r="E8819" s="1" t="s">
        <v>33926</v>
      </c>
      <c r="F8819" s="1" t="s">
        <v>33927</v>
      </c>
      <c r="G8819" s="1" t="s">
        <v>33903</v>
      </c>
      <c r="H8819" s="1" t="s">
        <v>33904</v>
      </c>
      <c r="I8819" s="1" t="s">
        <v>33654</v>
      </c>
      <c r="J8819" s="1" t="s">
        <v>33928</v>
      </c>
    </row>
    <row r="8820" spans="1:10" x14ac:dyDescent="0.35">
      <c r="A8820" s="1" t="s">
        <v>33900</v>
      </c>
      <c r="B8820" s="1" t="s">
        <v>33648</v>
      </c>
      <c r="C8820" s="1" t="s">
        <v>45</v>
      </c>
      <c r="D8820" s="1" t="s">
        <v>33929</v>
      </c>
      <c r="E8820" s="1" t="s">
        <v>33930</v>
      </c>
      <c r="F8820" s="1" t="s">
        <v>33931</v>
      </c>
      <c r="G8820" s="1" t="s">
        <v>33903</v>
      </c>
      <c r="H8820" s="1" t="s">
        <v>33904</v>
      </c>
      <c r="I8820" s="1" t="s">
        <v>33654</v>
      </c>
      <c r="J8820" s="1" t="s">
        <v>33932</v>
      </c>
    </row>
    <row r="8821" spans="1:10" x14ac:dyDescent="0.35">
      <c r="A8821" s="1" t="s">
        <v>33900</v>
      </c>
      <c r="B8821" s="1" t="s">
        <v>33648</v>
      </c>
      <c r="C8821" s="1" t="s">
        <v>50</v>
      </c>
      <c r="D8821" s="1" t="s">
        <v>33933</v>
      </c>
      <c r="E8821" s="1" t="s">
        <v>33934</v>
      </c>
      <c r="F8821" s="1" t="s">
        <v>33935</v>
      </c>
      <c r="G8821" s="1" t="s">
        <v>33903</v>
      </c>
      <c r="H8821" s="1" t="s">
        <v>33904</v>
      </c>
      <c r="I8821" s="1" t="s">
        <v>33654</v>
      </c>
      <c r="J8821" s="1" t="s">
        <v>33936</v>
      </c>
    </row>
    <row r="8822" spans="1:10" x14ac:dyDescent="0.35">
      <c r="A8822" s="1" t="s">
        <v>33900</v>
      </c>
      <c r="B8822" s="1" t="s">
        <v>33648</v>
      </c>
      <c r="C8822" s="1" t="s">
        <v>55</v>
      </c>
      <c r="D8822" s="1" t="s">
        <v>33937</v>
      </c>
      <c r="E8822" s="1" t="s">
        <v>33938</v>
      </c>
      <c r="F8822" s="1" t="s">
        <v>33939</v>
      </c>
      <c r="G8822" s="1" t="s">
        <v>33903</v>
      </c>
      <c r="H8822" s="1" t="s">
        <v>33904</v>
      </c>
      <c r="I8822" s="1" t="s">
        <v>33654</v>
      </c>
      <c r="J8822" s="1" t="s">
        <v>33940</v>
      </c>
    </row>
    <row r="8823" spans="1:10" x14ac:dyDescent="0.35">
      <c r="A8823" s="1" t="s">
        <v>33900</v>
      </c>
      <c r="B8823" s="1" t="s">
        <v>33648</v>
      </c>
      <c r="C8823" s="1" t="s">
        <v>60</v>
      </c>
      <c r="D8823" s="1" t="s">
        <v>33941</v>
      </c>
      <c r="E8823" s="1" t="s">
        <v>33942</v>
      </c>
      <c r="F8823" s="1" t="s">
        <v>33943</v>
      </c>
      <c r="G8823" s="1" t="s">
        <v>33903</v>
      </c>
      <c r="H8823" s="1" t="s">
        <v>33904</v>
      </c>
      <c r="I8823" s="1" t="s">
        <v>33654</v>
      </c>
      <c r="J8823" s="1" t="s">
        <v>33944</v>
      </c>
    </row>
    <row r="8824" spans="1:10" x14ac:dyDescent="0.35">
      <c r="A8824" s="1" t="s">
        <v>33900</v>
      </c>
      <c r="B8824" s="1" t="s">
        <v>33648</v>
      </c>
      <c r="C8824" s="1" t="s">
        <v>65</v>
      </c>
      <c r="D8824" s="1" t="s">
        <v>33945</v>
      </c>
      <c r="E8824" s="1" t="s">
        <v>33946</v>
      </c>
      <c r="F8824" s="1" t="s">
        <v>33947</v>
      </c>
      <c r="G8824" s="1" t="s">
        <v>33903</v>
      </c>
      <c r="H8824" s="1" t="s">
        <v>33904</v>
      </c>
      <c r="I8824" s="1" t="s">
        <v>33654</v>
      </c>
      <c r="J8824" s="1" t="s">
        <v>33948</v>
      </c>
    </row>
    <row r="8825" spans="1:10" x14ac:dyDescent="0.35">
      <c r="A8825" s="1" t="s">
        <v>33900</v>
      </c>
      <c r="B8825" s="1" t="s">
        <v>33648</v>
      </c>
      <c r="C8825" s="1" t="s">
        <v>70</v>
      </c>
      <c r="D8825" s="1" t="s">
        <v>33949</v>
      </c>
      <c r="E8825" s="1" t="s">
        <v>33950</v>
      </c>
      <c r="F8825" s="1" t="s">
        <v>33951</v>
      </c>
      <c r="G8825" s="1" t="s">
        <v>33903</v>
      </c>
      <c r="H8825" s="1" t="s">
        <v>33904</v>
      </c>
      <c r="I8825" s="1" t="s">
        <v>33654</v>
      </c>
      <c r="J8825" s="1" t="s">
        <v>33952</v>
      </c>
    </row>
    <row r="8826" spans="1:10" x14ac:dyDescent="0.35">
      <c r="A8826" s="1" t="s">
        <v>33900</v>
      </c>
      <c r="B8826" s="1" t="s">
        <v>33648</v>
      </c>
      <c r="C8826" s="1" t="s">
        <v>75</v>
      </c>
      <c r="D8826" s="1" t="s">
        <v>33953</v>
      </c>
      <c r="E8826" s="1" t="s">
        <v>33954</v>
      </c>
      <c r="F8826" s="1" t="s">
        <v>33955</v>
      </c>
      <c r="G8826" s="1" t="s">
        <v>33903</v>
      </c>
      <c r="H8826" s="1" t="s">
        <v>33904</v>
      </c>
      <c r="I8826" s="1" t="s">
        <v>33654</v>
      </c>
      <c r="J8826" s="1" t="s">
        <v>33956</v>
      </c>
    </row>
    <row r="8827" spans="1:10" x14ac:dyDescent="0.35">
      <c r="A8827" s="1" t="s">
        <v>33900</v>
      </c>
      <c r="B8827" s="1" t="s">
        <v>33648</v>
      </c>
      <c r="C8827" s="1" t="s">
        <v>80</v>
      </c>
      <c r="D8827" s="1" t="s">
        <v>33957</v>
      </c>
      <c r="E8827" s="1" t="s">
        <v>33958</v>
      </c>
      <c r="F8827" s="1" t="s">
        <v>33959</v>
      </c>
      <c r="G8827" s="1" t="s">
        <v>33903</v>
      </c>
      <c r="H8827" s="1" t="s">
        <v>33904</v>
      </c>
      <c r="I8827" s="1" t="s">
        <v>33654</v>
      </c>
      <c r="J8827" s="1" t="s">
        <v>33960</v>
      </c>
    </row>
    <row r="8828" spans="1:10" x14ac:dyDescent="0.35">
      <c r="A8828" s="1" t="s">
        <v>33900</v>
      </c>
      <c r="B8828" s="1" t="s">
        <v>33648</v>
      </c>
      <c r="C8828" s="1" t="s">
        <v>85</v>
      </c>
      <c r="D8828" s="1" t="s">
        <v>33961</v>
      </c>
      <c r="E8828" s="1" t="s">
        <v>33962</v>
      </c>
      <c r="F8828" s="1" t="s">
        <v>33963</v>
      </c>
      <c r="G8828" s="1" t="s">
        <v>33903</v>
      </c>
      <c r="H8828" s="1" t="s">
        <v>33904</v>
      </c>
      <c r="I8828" s="1" t="s">
        <v>33654</v>
      </c>
      <c r="J8828" s="1" t="s">
        <v>33964</v>
      </c>
    </row>
    <row r="8829" spans="1:10" x14ac:dyDescent="0.35">
      <c r="A8829" s="1" t="s">
        <v>33900</v>
      </c>
      <c r="B8829" s="1" t="s">
        <v>33648</v>
      </c>
      <c r="C8829" s="1" t="s">
        <v>90</v>
      </c>
      <c r="D8829" s="1" t="s">
        <v>33965</v>
      </c>
      <c r="E8829" s="1" t="s">
        <v>33966</v>
      </c>
      <c r="F8829" s="1" t="s">
        <v>33967</v>
      </c>
      <c r="G8829" s="1" t="s">
        <v>33903</v>
      </c>
      <c r="H8829" s="1" t="s">
        <v>33904</v>
      </c>
      <c r="I8829" s="1" t="s">
        <v>33654</v>
      </c>
      <c r="J8829" s="1" t="s">
        <v>33968</v>
      </c>
    </row>
    <row r="8830" spans="1:10" x14ac:dyDescent="0.35">
      <c r="A8830" s="1" t="s">
        <v>33900</v>
      </c>
      <c r="B8830" s="1" t="s">
        <v>33648</v>
      </c>
      <c r="C8830" s="1" t="s">
        <v>95</v>
      </c>
      <c r="D8830" s="1" t="s">
        <v>31047</v>
      </c>
      <c r="E8830" s="1" t="s">
        <v>33969</v>
      </c>
      <c r="F8830" s="1" t="s">
        <v>33970</v>
      </c>
      <c r="G8830" s="1" t="s">
        <v>33903</v>
      </c>
      <c r="H8830" s="1" t="s">
        <v>33904</v>
      </c>
      <c r="I8830" s="1" t="s">
        <v>33654</v>
      </c>
      <c r="J8830" s="1" t="s">
        <v>33971</v>
      </c>
    </row>
    <row r="8831" spans="1:10" x14ac:dyDescent="0.35">
      <c r="A8831" s="1" t="s">
        <v>33900</v>
      </c>
      <c r="B8831" s="1" t="s">
        <v>33648</v>
      </c>
      <c r="C8831" s="1" t="s">
        <v>100</v>
      </c>
      <c r="D8831" s="1" t="s">
        <v>33972</v>
      </c>
      <c r="E8831" s="1" t="s">
        <v>33973</v>
      </c>
      <c r="F8831" s="1" t="s">
        <v>33974</v>
      </c>
      <c r="G8831" s="1" t="s">
        <v>33903</v>
      </c>
      <c r="H8831" s="1" t="s">
        <v>33904</v>
      </c>
      <c r="I8831" s="1" t="s">
        <v>33654</v>
      </c>
      <c r="J8831" s="1" t="s">
        <v>33975</v>
      </c>
    </row>
    <row r="8832" spans="1:10" x14ac:dyDescent="0.35">
      <c r="A8832" s="1" t="s">
        <v>33900</v>
      </c>
      <c r="B8832" s="1" t="s">
        <v>33648</v>
      </c>
      <c r="C8832" s="1" t="s">
        <v>105</v>
      </c>
      <c r="D8832" s="1" t="s">
        <v>33976</v>
      </c>
      <c r="E8832" s="1" t="s">
        <v>33977</v>
      </c>
      <c r="F8832" s="1" t="s">
        <v>33978</v>
      </c>
      <c r="G8832" s="1" t="s">
        <v>33903</v>
      </c>
      <c r="H8832" s="1" t="s">
        <v>33904</v>
      </c>
      <c r="I8832" s="1" t="s">
        <v>33654</v>
      </c>
      <c r="J8832" s="1" t="s">
        <v>33979</v>
      </c>
    </row>
    <row r="8833" spans="1:10" x14ac:dyDescent="0.35">
      <c r="A8833" s="1" t="s">
        <v>33900</v>
      </c>
      <c r="B8833" s="1" t="s">
        <v>33648</v>
      </c>
      <c r="C8833" s="1" t="s">
        <v>110</v>
      </c>
      <c r="D8833" s="1" t="s">
        <v>33980</v>
      </c>
      <c r="E8833" s="1" t="s">
        <v>33981</v>
      </c>
      <c r="F8833" s="1" t="s">
        <v>33982</v>
      </c>
      <c r="G8833" s="1" t="s">
        <v>33903</v>
      </c>
      <c r="H8833" s="1" t="s">
        <v>33904</v>
      </c>
      <c r="I8833" s="1" t="s">
        <v>33654</v>
      </c>
      <c r="J8833" s="1" t="s">
        <v>33983</v>
      </c>
    </row>
    <row r="8834" spans="1:10" x14ac:dyDescent="0.35">
      <c r="A8834" s="1" t="s">
        <v>33900</v>
      </c>
      <c r="B8834" s="1" t="s">
        <v>33648</v>
      </c>
      <c r="C8834" s="1" t="s">
        <v>115</v>
      </c>
      <c r="D8834" s="1" t="s">
        <v>33984</v>
      </c>
      <c r="E8834" s="1" t="s">
        <v>33985</v>
      </c>
      <c r="F8834" s="1" t="s">
        <v>33986</v>
      </c>
      <c r="G8834" s="1" t="s">
        <v>33903</v>
      </c>
      <c r="H8834" s="1" t="s">
        <v>33904</v>
      </c>
      <c r="I8834" s="1" t="s">
        <v>33654</v>
      </c>
      <c r="J8834" s="1" t="s">
        <v>33987</v>
      </c>
    </row>
    <row r="8835" spans="1:10" x14ac:dyDescent="0.35">
      <c r="A8835" s="1" t="s">
        <v>33900</v>
      </c>
      <c r="B8835" s="1" t="s">
        <v>33648</v>
      </c>
      <c r="C8835" s="1" t="s">
        <v>120</v>
      </c>
      <c r="D8835" s="1" t="s">
        <v>33988</v>
      </c>
      <c r="E8835" s="1" t="s">
        <v>33989</v>
      </c>
      <c r="F8835" s="1" t="s">
        <v>33990</v>
      </c>
      <c r="G8835" s="1" t="s">
        <v>33903</v>
      </c>
      <c r="H8835" s="1" t="s">
        <v>33904</v>
      </c>
      <c r="I8835" s="1" t="s">
        <v>33654</v>
      </c>
      <c r="J8835" s="1" t="s">
        <v>33991</v>
      </c>
    </row>
    <row r="8836" spans="1:10" x14ac:dyDescent="0.35">
      <c r="A8836" s="1" t="s">
        <v>33900</v>
      </c>
      <c r="B8836" s="1" t="s">
        <v>33648</v>
      </c>
      <c r="C8836" s="1" t="s">
        <v>125</v>
      </c>
      <c r="D8836" s="1" t="s">
        <v>33992</v>
      </c>
      <c r="E8836" s="1" t="s">
        <v>33993</v>
      </c>
      <c r="F8836" s="1" t="s">
        <v>33994</v>
      </c>
      <c r="G8836" s="1" t="s">
        <v>33903</v>
      </c>
      <c r="H8836" s="1" t="s">
        <v>33904</v>
      </c>
      <c r="I8836" s="1" t="s">
        <v>33654</v>
      </c>
      <c r="J8836" s="1" t="s">
        <v>33995</v>
      </c>
    </row>
    <row r="8837" spans="1:10" x14ac:dyDescent="0.35">
      <c r="A8837" s="1" t="s">
        <v>33900</v>
      </c>
      <c r="B8837" s="1" t="s">
        <v>33648</v>
      </c>
      <c r="C8837" s="1" t="s">
        <v>130</v>
      </c>
      <c r="D8837" s="1" t="s">
        <v>31913</v>
      </c>
      <c r="E8837" s="1" t="s">
        <v>33996</v>
      </c>
      <c r="F8837" s="1" t="s">
        <v>33997</v>
      </c>
      <c r="G8837" s="1" t="s">
        <v>33903</v>
      </c>
      <c r="H8837" s="1" t="s">
        <v>33904</v>
      </c>
      <c r="I8837" s="1" t="s">
        <v>33654</v>
      </c>
      <c r="J8837" s="1" t="s">
        <v>33998</v>
      </c>
    </row>
    <row r="8838" spans="1:10" x14ac:dyDescent="0.35">
      <c r="A8838" s="1" t="s">
        <v>33900</v>
      </c>
      <c r="B8838" s="1" t="s">
        <v>33648</v>
      </c>
      <c r="C8838" s="1" t="s">
        <v>135</v>
      </c>
      <c r="D8838" s="1" t="s">
        <v>33999</v>
      </c>
      <c r="E8838" s="1" t="s">
        <v>34000</v>
      </c>
      <c r="F8838" s="1" t="s">
        <v>34001</v>
      </c>
      <c r="G8838" s="1" t="s">
        <v>33903</v>
      </c>
      <c r="H8838" s="1" t="s">
        <v>33904</v>
      </c>
      <c r="I8838" s="1" t="s">
        <v>33654</v>
      </c>
      <c r="J8838" s="1" t="s">
        <v>34002</v>
      </c>
    </row>
    <row r="8839" spans="1:10" x14ac:dyDescent="0.35">
      <c r="A8839" s="1" t="s">
        <v>33900</v>
      </c>
      <c r="B8839" s="1" t="s">
        <v>33648</v>
      </c>
      <c r="C8839" s="1" t="s">
        <v>140</v>
      </c>
      <c r="D8839" s="1" t="s">
        <v>34003</v>
      </c>
      <c r="E8839" s="1" t="s">
        <v>34004</v>
      </c>
      <c r="F8839" s="1" t="s">
        <v>34005</v>
      </c>
      <c r="G8839" s="1" t="s">
        <v>33903</v>
      </c>
      <c r="H8839" s="1" t="s">
        <v>33904</v>
      </c>
      <c r="I8839" s="1" t="s">
        <v>33654</v>
      </c>
      <c r="J8839" s="1" t="s">
        <v>34006</v>
      </c>
    </row>
    <row r="8840" spans="1:10" x14ac:dyDescent="0.35">
      <c r="A8840" s="1" t="s">
        <v>33900</v>
      </c>
      <c r="B8840" s="1" t="s">
        <v>33648</v>
      </c>
      <c r="C8840" s="1" t="s">
        <v>145</v>
      </c>
      <c r="D8840" s="1" t="s">
        <v>34007</v>
      </c>
      <c r="E8840" s="1" t="s">
        <v>34008</v>
      </c>
      <c r="F8840" s="1" t="s">
        <v>34009</v>
      </c>
      <c r="G8840" s="1" t="s">
        <v>33903</v>
      </c>
      <c r="H8840" s="1" t="s">
        <v>33904</v>
      </c>
      <c r="I8840" s="1" t="s">
        <v>33654</v>
      </c>
      <c r="J8840" s="1" t="s">
        <v>34010</v>
      </c>
    </row>
    <row r="8841" spans="1:10" x14ac:dyDescent="0.35">
      <c r="A8841" s="1" t="s">
        <v>33900</v>
      </c>
      <c r="B8841" s="1" t="s">
        <v>33648</v>
      </c>
      <c r="C8841" s="1" t="s">
        <v>150</v>
      </c>
      <c r="D8841" s="1" t="s">
        <v>34011</v>
      </c>
      <c r="E8841" s="1" t="s">
        <v>34012</v>
      </c>
      <c r="F8841" s="1" t="s">
        <v>34013</v>
      </c>
      <c r="G8841" s="1" t="s">
        <v>33903</v>
      </c>
      <c r="H8841" s="1" t="s">
        <v>33904</v>
      </c>
      <c r="I8841" s="1" t="s">
        <v>33654</v>
      </c>
      <c r="J8841" s="1" t="s">
        <v>34014</v>
      </c>
    </row>
    <row r="8842" spans="1:10" x14ac:dyDescent="0.35">
      <c r="A8842" s="1" t="s">
        <v>33900</v>
      </c>
      <c r="B8842" s="1" t="s">
        <v>33648</v>
      </c>
      <c r="C8842" s="1" t="s">
        <v>155</v>
      </c>
      <c r="D8842" s="1" t="s">
        <v>34015</v>
      </c>
      <c r="E8842" s="1" t="s">
        <v>34016</v>
      </c>
      <c r="F8842" s="1" t="s">
        <v>34017</v>
      </c>
      <c r="G8842" s="1" t="s">
        <v>33903</v>
      </c>
      <c r="H8842" s="1" t="s">
        <v>33904</v>
      </c>
      <c r="I8842" s="1" t="s">
        <v>33654</v>
      </c>
      <c r="J8842" s="1" t="s">
        <v>34018</v>
      </c>
    </row>
    <row r="8843" spans="1:10" x14ac:dyDescent="0.35">
      <c r="A8843" s="1" t="s">
        <v>33900</v>
      </c>
      <c r="B8843" s="1" t="s">
        <v>33648</v>
      </c>
      <c r="C8843" s="1" t="s">
        <v>160</v>
      </c>
      <c r="D8843" s="1" t="s">
        <v>34019</v>
      </c>
      <c r="E8843" s="1" t="s">
        <v>34020</v>
      </c>
      <c r="F8843" s="1" t="s">
        <v>34021</v>
      </c>
      <c r="G8843" s="1" t="s">
        <v>33903</v>
      </c>
      <c r="H8843" s="1" t="s">
        <v>33904</v>
      </c>
      <c r="I8843" s="1" t="s">
        <v>33654</v>
      </c>
      <c r="J8843" s="1" t="s">
        <v>34022</v>
      </c>
    </row>
    <row r="8844" spans="1:10" x14ac:dyDescent="0.35">
      <c r="A8844" s="1" t="s">
        <v>33900</v>
      </c>
      <c r="B8844" s="1" t="s">
        <v>33648</v>
      </c>
      <c r="C8844" s="1" t="s">
        <v>165</v>
      </c>
      <c r="D8844" s="1" t="s">
        <v>34023</v>
      </c>
      <c r="E8844" s="1" t="s">
        <v>34024</v>
      </c>
      <c r="F8844" s="1" t="s">
        <v>34025</v>
      </c>
      <c r="G8844" s="1" t="s">
        <v>33903</v>
      </c>
      <c r="H8844" s="1" t="s">
        <v>33904</v>
      </c>
      <c r="I8844" s="1" t="s">
        <v>33654</v>
      </c>
      <c r="J8844" s="1" t="s">
        <v>34026</v>
      </c>
    </row>
    <row r="8845" spans="1:10" x14ac:dyDescent="0.35">
      <c r="A8845" s="1" t="s">
        <v>33900</v>
      </c>
      <c r="B8845" s="1" t="s">
        <v>33648</v>
      </c>
      <c r="C8845" s="1" t="s">
        <v>170</v>
      </c>
      <c r="D8845" s="1" t="s">
        <v>34027</v>
      </c>
      <c r="E8845" s="1" t="s">
        <v>34028</v>
      </c>
      <c r="F8845" s="1" t="s">
        <v>34029</v>
      </c>
      <c r="G8845" s="1" t="s">
        <v>33903</v>
      </c>
      <c r="H8845" s="1" t="s">
        <v>33904</v>
      </c>
      <c r="I8845" s="1" t="s">
        <v>33654</v>
      </c>
      <c r="J8845" s="1" t="s">
        <v>34030</v>
      </c>
    </row>
    <row r="8846" spans="1:10" x14ac:dyDescent="0.35">
      <c r="A8846" s="1" t="s">
        <v>34031</v>
      </c>
      <c r="B8846" s="1" t="s">
        <v>33648</v>
      </c>
      <c r="C8846" s="1" t="s">
        <v>8</v>
      </c>
      <c r="D8846" s="1" t="s">
        <v>34032</v>
      </c>
      <c r="E8846" s="1" t="s">
        <v>34033</v>
      </c>
      <c r="F8846" s="1" t="s">
        <v>34034</v>
      </c>
      <c r="G8846" s="1" t="s">
        <v>34035</v>
      </c>
      <c r="H8846" s="1" t="s">
        <v>34036</v>
      </c>
      <c r="I8846" s="1" t="s">
        <v>33654</v>
      </c>
      <c r="J8846" s="1" t="s">
        <v>13</v>
      </c>
    </row>
    <row r="8847" spans="1:10" x14ac:dyDescent="0.35">
      <c r="A8847" s="1" t="s">
        <v>34031</v>
      </c>
      <c r="B8847" s="1" t="s">
        <v>33648</v>
      </c>
      <c r="C8847" s="1" t="s">
        <v>15</v>
      </c>
      <c r="D8847" s="1" t="s">
        <v>16001</v>
      </c>
      <c r="E8847" s="1" t="s">
        <v>34037</v>
      </c>
      <c r="F8847" s="1" t="s">
        <v>34038</v>
      </c>
      <c r="G8847" s="1" t="s">
        <v>34035</v>
      </c>
      <c r="H8847" s="1" t="s">
        <v>34036</v>
      </c>
      <c r="I8847" s="1" t="s">
        <v>33654</v>
      </c>
      <c r="J8847" s="1" t="s">
        <v>34039</v>
      </c>
    </row>
    <row r="8848" spans="1:10" x14ac:dyDescent="0.35">
      <c r="A8848" s="1" t="s">
        <v>34031</v>
      </c>
      <c r="B8848" s="1" t="s">
        <v>33648</v>
      </c>
      <c r="C8848" s="1" t="s">
        <v>20</v>
      </c>
      <c r="D8848" s="1" t="s">
        <v>34040</v>
      </c>
      <c r="E8848" s="1" t="s">
        <v>34041</v>
      </c>
      <c r="F8848" s="1" t="s">
        <v>34042</v>
      </c>
      <c r="G8848" s="1" t="s">
        <v>34035</v>
      </c>
      <c r="H8848" s="1" t="s">
        <v>34036</v>
      </c>
      <c r="I8848" s="1" t="s">
        <v>33654</v>
      </c>
      <c r="J8848" s="1" t="s">
        <v>34043</v>
      </c>
    </row>
    <row r="8849" spans="1:10" x14ac:dyDescent="0.35">
      <c r="A8849" s="1" t="s">
        <v>34031</v>
      </c>
      <c r="B8849" s="1" t="s">
        <v>33648</v>
      </c>
      <c r="C8849" s="1" t="s">
        <v>25</v>
      </c>
      <c r="D8849" s="1" t="s">
        <v>34044</v>
      </c>
      <c r="E8849" s="1" t="s">
        <v>34045</v>
      </c>
      <c r="F8849" s="1" t="s">
        <v>34046</v>
      </c>
      <c r="G8849" s="1" t="s">
        <v>34035</v>
      </c>
      <c r="H8849" s="1" t="s">
        <v>34036</v>
      </c>
      <c r="I8849" s="1" t="s">
        <v>33654</v>
      </c>
      <c r="J8849" s="1" t="s">
        <v>34047</v>
      </c>
    </row>
    <row r="8850" spans="1:10" x14ac:dyDescent="0.35">
      <c r="A8850" s="1" t="s">
        <v>34031</v>
      </c>
      <c r="B8850" s="1" t="s">
        <v>33648</v>
      </c>
      <c r="C8850" s="1" t="s">
        <v>30</v>
      </c>
      <c r="D8850" s="1" t="s">
        <v>34048</v>
      </c>
      <c r="E8850" s="1" t="s">
        <v>34049</v>
      </c>
      <c r="F8850" s="1" t="s">
        <v>34050</v>
      </c>
      <c r="G8850" s="1" t="s">
        <v>34035</v>
      </c>
      <c r="H8850" s="1" t="s">
        <v>34036</v>
      </c>
      <c r="I8850" s="1" t="s">
        <v>33654</v>
      </c>
      <c r="J8850" s="1" t="s">
        <v>34051</v>
      </c>
    </row>
    <row r="8851" spans="1:10" x14ac:dyDescent="0.35">
      <c r="A8851" s="1" t="s">
        <v>34031</v>
      </c>
      <c r="B8851" s="1" t="s">
        <v>33648</v>
      </c>
      <c r="C8851" s="1" t="s">
        <v>35</v>
      </c>
      <c r="D8851" s="1" t="s">
        <v>34052</v>
      </c>
      <c r="E8851" s="1" t="s">
        <v>34053</v>
      </c>
      <c r="F8851" s="1" t="s">
        <v>34054</v>
      </c>
      <c r="G8851" s="1" t="s">
        <v>34035</v>
      </c>
      <c r="H8851" s="1" t="s">
        <v>34036</v>
      </c>
      <c r="I8851" s="1" t="s">
        <v>33654</v>
      </c>
      <c r="J8851" s="1" t="s">
        <v>34055</v>
      </c>
    </row>
    <row r="8852" spans="1:10" x14ac:dyDescent="0.35">
      <c r="A8852" s="1" t="s">
        <v>34031</v>
      </c>
      <c r="B8852" s="1" t="s">
        <v>33648</v>
      </c>
      <c r="C8852" s="1" t="s">
        <v>40</v>
      </c>
      <c r="D8852" s="1" t="s">
        <v>34056</v>
      </c>
      <c r="E8852" s="1" t="s">
        <v>34057</v>
      </c>
      <c r="F8852" s="1" t="s">
        <v>34058</v>
      </c>
      <c r="G8852" s="1" t="s">
        <v>34035</v>
      </c>
      <c r="H8852" s="1" t="s">
        <v>34036</v>
      </c>
      <c r="I8852" s="1" t="s">
        <v>33654</v>
      </c>
      <c r="J8852" s="1" t="s">
        <v>34059</v>
      </c>
    </row>
    <row r="8853" spans="1:10" x14ac:dyDescent="0.35">
      <c r="A8853" s="1" t="s">
        <v>34031</v>
      </c>
      <c r="B8853" s="1" t="s">
        <v>33648</v>
      </c>
      <c r="C8853" s="1" t="s">
        <v>45</v>
      </c>
      <c r="D8853" s="1" t="s">
        <v>34060</v>
      </c>
      <c r="E8853" s="1" t="s">
        <v>34061</v>
      </c>
      <c r="F8853" s="1" t="s">
        <v>34062</v>
      </c>
      <c r="G8853" s="1" t="s">
        <v>34035</v>
      </c>
      <c r="H8853" s="1" t="s">
        <v>34036</v>
      </c>
      <c r="I8853" s="1" t="s">
        <v>33654</v>
      </c>
      <c r="J8853" s="1" t="s">
        <v>34063</v>
      </c>
    </row>
    <row r="8854" spans="1:10" x14ac:dyDescent="0.35">
      <c r="A8854" s="1" t="s">
        <v>34031</v>
      </c>
      <c r="B8854" s="1" t="s">
        <v>33648</v>
      </c>
      <c r="C8854" s="1" t="s">
        <v>50</v>
      </c>
      <c r="D8854" s="1" t="s">
        <v>34064</v>
      </c>
      <c r="E8854" s="1" t="s">
        <v>34065</v>
      </c>
      <c r="F8854" s="1" t="s">
        <v>34066</v>
      </c>
      <c r="G8854" s="1" t="s">
        <v>34035</v>
      </c>
      <c r="H8854" s="1" t="s">
        <v>34036</v>
      </c>
      <c r="I8854" s="1" t="s">
        <v>33654</v>
      </c>
      <c r="J8854" s="1" t="s">
        <v>34067</v>
      </c>
    </row>
    <row r="8855" spans="1:10" x14ac:dyDescent="0.35">
      <c r="A8855" s="1" t="s">
        <v>34031</v>
      </c>
      <c r="B8855" s="1" t="s">
        <v>33648</v>
      </c>
      <c r="C8855" s="1" t="s">
        <v>55</v>
      </c>
      <c r="D8855" s="1" t="s">
        <v>34068</v>
      </c>
      <c r="E8855" s="1" t="s">
        <v>34069</v>
      </c>
      <c r="F8855" s="1" t="s">
        <v>34070</v>
      </c>
      <c r="G8855" s="1" t="s">
        <v>34035</v>
      </c>
      <c r="H8855" s="1" t="s">
        <v>34036</v>
      </c>
      <c r="I8855" s="1" t="s">
        <v>33654</v>
      </c>
      <c r="J8855" s="1" t="s">
        <v>34071</v>
      </c>
    </row>
    <row r="8856" spans="1:10" x14ac:dyDescent="0.35">
      <c r="A8856" s="1" t="s">
        <v>34031</v>
      </c>
      <c r="B8856" s="1" t="s">
        <v>33648</v>
      </c>
      <c r="C8856" s="1" t="s">
        <v>60</v>
      </c>
      <c r="D8856" s="1" t="s">
        <v>34072</v>
      </c>
      <c r="E8856" s="1" t="s">
        <v>34073</v>
      </c>
      <c r="F8856" s="1" t="s">
        <v>34074</v>
      </c>
      <c r="G8856" s="1" t="s">
        <v>34035</v>
      </c>
      <c r="H8856" s="1" t="s">
        <v>34036</v>
      </c>
      <c r="I8856" s="1" t="s">
        <v>33654</v>
      </c>
      <c r="J8856" s="1" t="s">
        <v>34075</v>
      </c>
    </row>
    <row r="8857" spans="1:10" x14ac:dyDescent="0.35">
      <c r="A8857" s="1" t="s">
        <v>34031</v>
      </c>
      <c r="B8857" s="1" t="s">
        <v>33648</v>
      </c>
      <c r="C8857" s="1" t="s">
        <v>65</v>
      </c>
      <c r="D8857" s="1" t="s">
        <v>34076</v>
      </c>
      <c r="E8857" s="1" t="s">
        <v>34077</v>
      </c>
      <c r="F8857" s="1" t="s">
        <v>34078</v>
      </c>
      <c r="G8857" s="1" t="s">
        <v>34035</v>
      </c>
      <c r="H8857" s="1" t="s">
        <v>34036</v>
      </c>
      <c r="I8857" s="1" t="s">
        <v>33654</v>
      </c>
      <c r="J8857" s="1" t="s">
        <v>34079</v>
      </c>
    </row>
    <row r="8858" spans="1:10" x14ac:dyDescent="0.35">
      <c r="A8858" s="1" t="s">
        <v>34031</v>
      </c>
      <c r="B8858" s="1" t="s">
        <v>33648</v>
      </c>
      <c r="C8858" s="1" t="s">
        <v>70</v>
      </c>
      <c r="D8858" s="1" t="s">
        <v>31120</v>
      </c>
      <c r="E8858" s="1" t="s">
        <v>34080</v>
      </c>
      <c r="F8858" s="1" t="s">
        <v>34081</v>
      </c>
      <c r="G8858" s="1" t="s">
        <v>34035</v>
      </c>
      <c r="H8858" s="1" t="s">
        <v>34036</v>
      </c>
      <c r="I8858" s="1" t="s">
        <v>33654</v>
      </c>
      <c r="J8858" s="1" t="s">
        <v>34082</v>
      </c>
    </row>
    <row r="8859" spans="1:10" x14ac:dyDescent="0.35">
      <c r="A8859" s="1" t="s">
        <v>34031</v>
      </c>
      <c r="B8859" s="1" t="s">
        <v>33648</v>
      </c>
      <c r="C8859" s="1" t="s">
        <v>75</v>
      </c>
      <c r="D8859" s="1" t="s">
        <v>34083</v>
      </c>
      <c r="E8859" s="1" t="s">
        <v>34084</v>
      </c>
      <c r="F8859" s="1" t="s">
        <v>34085</v>
      </c>
      <c r="G8859" s="1" t="s">
        <v>34035</v>
      </c>
      <c r="H8859" s="1" t="s">
        <v>34036</v>
      </c>
      <c r="I8859" s="1" t="s">
        <v>33654</v>
      </c>
      <c r="J8859" s="1" t="s">
        <v>34086</v>
      </c>
    </row>
    <row r="8860" spans="1:10" x14ac:dyDescent="0.35">
      <c r="A8860" s="1" t="s">
        <v>34031</v>
      </c>
      <c r="B8860" s="1" t="s">
        <v>33648</v>
      </c>
      <c r="C8860" s="1" t="s">
        <v>80</v>
      </c>
      <c r="D8860" s="1" t="s">
        <v>10757</v>
      </c>
      <c r="E8860" s="1" t="s">
        <v>34087</v>
      </c>
      <c r="F8860" s="1" t="s">
        <v>34088</v>
      </c>
      <c r="G8860" s="1" t="s">
        <v>34035</v>
      </c>
      <c r="H8860" s="1" t="s">
        <v>34036</v>
      </c>
      <c r="I8860" s="1" t="s">
        <v>33654</v>
      </c>
      <c r="J8860" s="1" t="s">
        <v>34089</v>
      </c>
    </row>
    <row r="8861" spans="1:10" x14ac:dyDescent="0.35">
      <c r="A8861" s="1" t="s">
        <v>34031</v>
      </c>
      <c r="B8861" s="1" t="s">
        <v>33648</v>
      </c>
      <c r="C8861" s="1" t="s">
        <v>85</v>
      </c>
      <c r="D8861" s="1" t="s">
        <v>34090</v>
      </c>
      <c r="E8861" s="1" t="s">
        <v>34091</v>
      </c>
      <c r="F8861" s="1" t="s">
        <v>34092</v>
      </c>
      <c r="G8861" s="1" t="s">
        <v>34035</v>
      </c>
      <c r="H8861" s="1" t="s">
        <v>34036</v>
      </c>
      <c r="I8861" s="1" t="s">
        <v>33654</v>
      </c>
      <c r="J8861" s="1" t="s">
        <v>34093</v>
      </c>
    </row>
    <row r="8862" spans="1:10" x14ac:dyDescent="0.35">
      <c r="A8862" s="1" t="s">
        <v>34031</v>
      </c>
      <c r="B8862" s="1" t="s">
        <v>33648</v>
      </c>
      <c r="C8862" s="1" t="s">
        <v>90</v>
      </c>
      <c r="D8862" s="1" t="s">
        <v>34094</v>
      </c>
      <c r="E8862" s="1" t="s">
        <v>34095</v>
      </c>
      <c r="F8862" s="1" t="s">
        <v>34096</v>
      </c>
      <c r="G8862" s="1" t="s">
        <v>34035</v>
      </c>
      <c r="H8862" s="1" t="s">
        <v>34036</v>
      </c>
      <c r="I8862" s="1" t="s">
        <v>33654</v>
      </c>
      <c r="J8862" s="1" t="s">
        <v>34097</v>
      </c>
    </row>
    <row r="8863" spans="1:10" x14ac:dyDescent="0.35">
      <c r="A8863" s="1" t="s">
        <v>34031</v>
      </c>
      <c r="B8863" s="1" t="s">
        <v>33648</v>
      </c>
      <c r="C8863" s="1" t="s">
        <v>95</v>
      </c>
      <c r="D8863" s="1" t="s">
        <v>34098</v>
      </c>
      <c r="E8863" s="1" t="s">
        <v>34099</v>
      </c>
      <c r="F8863" s="1" t="s">
        <v>34100</v>
      </c>
      <c r="G8863" s="1" t="s">
        <v>34035</v>
      </c>
      <c r="H8863" s="1" t="s">
        <v>34036</v>
      </c>
      <c r="I8863" s="1" t="s">
        <v>33654</v>
      </c>
      <c r="J8863" s="1" t="s">
        <v>34101</v>
      </c>
    </row>
    <row r="8864" spans="1:10" x14ac:dyDescent="0.35">
      <c r="A8864" s="1" t="s">
        <v>34031</v>
      </c>
      <c r="B8864" s="1" t="s">
        <v>33648</v>
      </c>
      <c r="C8864" s="1" t="s">
        <v>100</v>
      </c>
      <c r="D8864" s="1" t="s">
        <v>32426</v>
      </c>
      <c r="E8864" s="1" t="s">
        <v>34102</v>
      </c>
      <c r="F8864" s="1" t="s">
        <v>34103</v>
      </c>
      <c r="G8864" s="1" t="s">
        <v>34035</v>
      </c>
      <c r="H8864" s="1" t="s">
        <v>34036</v>
      </c>
      <c r="I8864" s="1" t="s">
        <v>33654</v>
      </c>
      <c r="J8864" s="1" t="s">
        <v>34104</v>
      </c>
    </row>
    <row r="8865" spans="1:10" x14ac:dyDescent="0.35">
      <c r="A8865" s="1" t="s">
        <v>34031</v>
      </c>
      <c r="B8865" s="1" t="s">
        <v>33648</v>
      </c>
      <c r="C8865" s="1" t="s">
        <v>105</v>
      </c>
      <c r="D8865" s="1" t="s">
        <v>34105</v>
      </c>
      <c r="E8865" s="1" t="s">
        <v>34106</v>
      </c>
      <c r="F8865" s="1" t="s">
        <v>34107</v>
      </c>
      <c r="G8865" s="1" t="s">
        <v>34035</v>
      </c>
      <c r="H8865" s="1" t="s">
        <v>34036</v>
      </c>
      <c r="I8865" s="1" t="s">
        <v>33654</v>
      </c>
      <c r="J8865" s="1" t="s">
        <v>34108</v>
      </c>
    </row>
    <row r="8866" spans="1:10" x14ac:dyDescent="0.35">
      <c r="A8866" s="1" t="s">
        <v>34031</v>
      </c>
      <c r="B8866" s="1" t="s">
        <v>33648</v>
      </c>
      <c r="C8866" s="1" t="s">
        <v>110</v>
      </c>
      <c r="D8866" s="1" t="s">
        <v>4241</v>
      </c>
      <c r="E8866" s="1" t="s">
        <v>34109</v>
      </c>
      <c r="F8866" s="1" t="s">
        <v>34110</v>
      </c>
      <c r="G8866" s="1" t="s">
        <v>34035</v>
      </c>
      <c r="H8866" s="1" t="s">
        <v>34036</v>
      </c>
      <c r="I8866" s="1" t="s">
        <v>33654</v>
      </c>
      <c r="J8866" s="1" t="s">
        <v>34111</v>
      </c>
    </row>
    <row r="8867" spans="1:10" x14ac:dyDescent="0.35">
      <c r="A8867" s="1" t="s">
        <v>34031</v>
      </c>
      <c r="B8867" s="1" t="s">
        <v>33648</v>
      </c>
      <c r="C8867" s="1" t="s">
        <v>115</v>
      </c>
      <c r="D8867" s="1" t="s">
        <v>34112</v>
      </c>
      <c r="E8867" s="1" t="s">
        <v>34113</v>
      </c>
      <c r="F8867" s="1" t="s">
        <v>34114</v>
      </c>
      <c r="G8867" s="1" t="s">
        <v>34035</v>
      </c>
      <c r="H8867" s="1" t="s">
        <v>34036</v>
      </c>
      <c r="I8867" s="1" t="s">
        <v>33654</v>
      </c>
      <c r="J8867" s="1" t="s">
        <v>34115</v>
      </c>
    </row>
    <row r="8868" spans="1:10" x14ac:dyDescent="0.35">
      <c r="A8868" s="1" t="s">
        <v>34031</v>
      </c>
      <c r="B8868" s="1" t="s">
        <v>33648</v>
      </c>
      <c r="C8868" s="1" t="s">
        <v>120</v>
      </c>
      <c r="D8868" s="1" t="s">
        <v>8885</v>
      </c>
      <c r="E8868" s="1" t="s">
        <v>34116</v>
      </c>
      <c r="F8868" s="1" t="s">
        <v>34117</v>
      </c>
      <c r="G8868" s="1" t="s">
        <v>34035</v>
      </c>
      <c r="H8868" s="1" t="s">
        <v>34036</v>
      </c>
      <c r="I8868" s="1" t="s">
        <v>33654</v>
      </c>
      <c r="J8868" s="1" t="s">
        <v>34118</v>
      </c>
    </row>
    <row r="8869" spans="1:10" x14ac:dyDescent="0.35">
      <c r="A8869" s="1" t="s">
        <v>34031</v>
      </c>
      <c r="B8869" s="1" t="s">
        <v>33648</v>
      </c>
      <c r="C8869" s="1" t="s">
        <v>125</v>
      </c>
      <c r="D8869" s="1" t="s">
        <v>34119</v>
      </c>
      <c r="E8869" s="1" t="s">
        <v>34120</v>
      </c>
      <c r="F8869" s="1" t="s">
        <v>34121</v>
      </c>
      <c r="G8869" s="1" t="s">
        <v>34035</v>
      </c>
      <c r="H8869" s="1" t="s">
        <v>34036</v>
      </c>
      <c r="I8869" s="1" t="s">
        <v>33654</v>
      </c>
      <c r="J8869" s="1" t="s">
        <v>34122</v>
      </c>
    </row>
    <row r="8870" spans="1:10" x14ac:dyDescent="0.35">
      <c r="A8870" s="1" t="s">
        <v>34031</v>
      </c>
      <c r="B8870" s="1" t="s">
        <v>33648</v>
      </c>
      <c r="C8870" s="1" t="s">
        <v>130</v>
      </c>
      <c r="D8870" s="1" t="s">
        <v>34123</v>
      </c>
      <c r="E8870" s="1" t="s">
        <v>34124</v>
      </c>
      <c r="F8870" s="1" t="s">
        <v>34125</v>
      </c>
      <c r="G8870" s="1" t="s">
        <v>34035</v>
      </c>
      <c r="H8870" s="1" t="s">
        <v>34036</v>
      </c>
      <c r="I8870" s="1" t="s">
        <v>33654</v>
      </c>
      <c r="J8870" s="1" t="s">
        <v>34126</v>
      </c>
    </row>
    <row r="8871" spans="1:10" x14ac:dyDescent="0.35">
      <c r="A8871" s="1" t="s">
        <v>34031</v>
      </c>
      <c r="B8871" s="1" t="s">
        <v>33648</v>
      </c>
      <c r="C8871" s="1" t="s">
        <v>135</v>
      </c>
      <c r="D8871" s="1" t="s">
        <v>34127</v>
      </c>
      <c r="E8871" s="1" t="s">
        <v>34128</v>
      </c>
      <c r="F8871" s="1" t="s">
        <v>34129</v>
      </c>
      <c r="G8871" s="1" t="s">
        <v>34035</v>
      </c>
      <c r="H8871" s="1" t="s">
        <v>34036</v>
      </c>
      <c r="I8871" s="1" t="s">
        <v>33654</v>
      </c>
      <c r="J8871" s="1" t="s">
        <v>34130</v>
      </c>
    </row>
    <row r="8872" spans="1:10" x14ac:dyDescent="0.35">
      <c r="A8872" s="1" t="s">
        <v>34031</v>
      </c>
      <c r="B8872" s="1" t="s">
        <v>33648</v>
      </c>
      <c r="C8872" s="1" t="s">
        <v>140</v>
      </c>
      <c r="D8872" s="1" t="s">
        <v>34131</v>
      </c>
      <c r="E8872" s="1" t="s">
        <v>34132</v>
      </c>
      <c r="F8872" s="1" t="s">
        <v>34133</v>
      </c>
      <c r="G8872" s="1" t="s">
        <v>34035</v>
      </c>
      <c r="H8872" s="1" t="s">
        <v>34036</v>
      </c>
      <c r="I8872" s="1" t="s">
        <v>33654</v>
      </c>
      <c r="J8872" s="1" t="s">
        <v>34134</v>
      </c>
    </row>
    <row r="8873" spans="1:10" x14ac:dyDescent="0.35">
      <c r="A8873" s="1" t="s">
        <v>34031</v>
      </c>
      <c r="B8873" s="1" t="s">
        <v>33648</v>
      </c>
      <c r="C8873" s="1" t="s">
        <v>145</v>
      </c>
      <c r="D8873" s="1" t="s">
        <v>34135</v>
      </c>
      <c r="E8873" s="1" t="s">
        <v>34136</v>
      </c>
      <c r="F8873" s="1" t="s">
        <v>34137</v>
      </c>
      <c r="G8873" s="1" t="s">
        <v>34035</v>
      </c>
      <c r="H8873" s="1" t="s">
        <v>34036</v>
      </c>
      <c r="I8873" s="1" t="s">
        <v>33654</v>
      </c>
      <c r="J8873" s="1" t="s">
        <v>34138</v>
      </c>
    </row>
    <row r="8874" spans="1:10" x14ac:dyDescent="0.35">
      <c r="A8874" s="1" t="s">
        <v>34031</v>
      </c>
      <c r="B8874" s="1" t="s">
        <v>33648</v>
      </c>
      <c r="C8874" s="1" t="s">
        <v>150</v>
      </c>
      <c r="D8874" s="1" t="s">
        <v>34139</v>
      </c>
      <c r="E8874" s="1" t="s">
        <v>34140</v>
      </c>
      <c r="F8874" s="1" t="s">
        <v>34141</v>
      </c>
      <c r="G8874" s="1" t="s">
        <v>34035</v>
      </c>
      <c r="H8874" s="1" t="s">
        <v>34036</v>
      </c>
      <c r="I8874" s="1" t="s">
        <v>33654</v>
      </c>
      <c r="J8874" s="1" t="s">
        <v>34142</v>
      </c>
    </row>
    <row r="8875" spans="1:10" x14ac:dyDescent="0.35">
      <c r="A8875" s="1" t="s">
        <v>34031</v>
      </c>
      <c r="B8875" s="1" t="s">
        <v>33648</v>
      </c>
      <c r="C8875" s="1" t="s">
        <v>155</v>
      </c>
      <c r="D8875" s="1" t="s">
        <v>31339</v>
      </c>
      <c r="E8875" s="1" t="s">
        <v>34143</v>
      </c>
      <c r="F8875" s="1" t="s">
        <v>34144</v>
      </c>
      <c r="G8875" s="1" t="s">
        <v>34035</v>
      </c>
      <c r="H8875" s="1" t="s">
        <v>34036</v>
      </c>
      <c r="I8875" s="1" t="s">
        <v>33654</v>
      </c>
      <c r="J8875" s="1" t="s">
        <v>34145</v>
      </c>
    </row>
    <row r="8876" spans="1:10" x14ac:dyDescent="0.35">
      <c r="A8876" s="1" t="s">
        <v>34031</v>
      </c>
      <c r="B8876" s="1" t="s">
        <v>33648</v>
      </c>
      <c r="C8876" s="1" t="s">
        <v>160</v>
      </c>
      <c r="D8876" s="1" t="s">
        <v>11604</v>
      </c>
      <c r="E8876" s="1" t="s">
        <v>34146</v>
      </c>
      <c r="F8876" s="1" t="s">
        <v>34147</v>
      </c>
      <c r="G8876" s="1" t="s">
        <v>34035</v>
      </c>
      <c r="H8876" s="1" t="s">
        <v>34036</v>
      </c>
      <c r="I8876" s="1" t="s">
        <v>33654</v>
      </c>
      <c r="J8876" s="1" t="s">
        <v>34148</v>
      </c>
    </row>
    <row r="8877" spans="1:10" x14ac:dyDescent="0.35">
      <c r="A8877" s="1" t="s">
        <v>34031</v>
      </c>
      <c r="B8877" s="1" t="s">
        <v>33648</v>
      </c>
      <c r="C8877" s="1" t="s">
        <v>165</v>
      </c>
      <c r="D8877" s="1" t="s">
        <v>34149</v>
      </c>
      <c r="E8877" s="1" t="s">
        <v>34150</v>
      </c>
      <c r="F8877" s="1" t="s">
        <v>34151</v>
      </c>
      <c r="G8877" s="1" t="s">
        <v>34035</v>
      </c>
      <c r="H8877" s="1" t="s">
        <v>34036</v>
      </c>
      <c r="I8877" s="1" t="s">
        <v>33654</v>
      </c>
      <c r="J8877" s="1" t="s">
        <v>34152</v>
      </c>
    </row>
    <row r="8878" spans="1:10" x14ac:dyDescent="0.35">
      <c r="A8878" s="1" t="s">
        <v>34031</v>
      </c>
      <c r="B8878" s="1" t="s">
        <v>33648</v>
      </c>
      <c r="C8878" s="1" t="s">
        <v>170</v>
      </c>
      <c r="D8878" s="1" t="s">
        <v>34153</v>
      </c>
      <c r="E8878" s="1" t="s">
        <v>34154</v>
      </c>
      <c r="F8878" s="1" t="s">
        <v>34155</v>
      </c>
      <c r="G8878" s="1" t="s">
        <v>34035</v>
      </c>
      <c r="H8878" s="1" t="s">
        <v>34036</v>
      </c>
      <c r="I8878" s="1" t="s">
        <v>33654</v>
      </c>
      <c r="J8878" s="1" t="s">
        <v>34156</v>
      </c>
    </row>
    <row r="8879" spans="1:10" x14ac:dyDescent="0.35">
      <c r="A8879" s="1" t="s">
        <v>34157</v>
      </c>
      <c r="B8879" s="1" t="s">
        <v>33648</v>
      </c>
      <c r="C8879" s="1" t="s">
        <v>8</v>
      </c>
      <c r="D8879" s="1" t="s">
        <v>34158</v>
      </c>
      <c r="E8879" s="1" t="s">
        <v>34159</v>
      </c>
      <c r="F8879" s="1" t="s">
        <v>34160</v>
      </c>
      <c r="G8879" s="1" t="s">
        <v>34161</v>
      </c>
      <c r="H8879" s="1" t="s">
        <v>34162</v>
      </c>
      <c r="I8879" s="1" t="s">
        <v>33654</v>
      </c>
      <c r="J8879" s="1" t="s">
        <v>13</v>
      </c>
    </row>
    <row r="8880" spans="1:10" x14ac:dyDescent="0.35">
      <c r="A8880" s="1" t="s">
        <v>34157</v>
      </c>
      <c r="B8880" s="1" t="s">
        <v>33648</v>
      </c>
      <c r="C8880" s="1" t="s">
        <v>15</v>
      </c>
      <c r="D8880" s="1" t="s">
        <v>16188</v>
      </c>
      <c r="E8880" s="1" t="s">
        <v>34163</v>
      </c>
      <c r="F8880" s="1" t="s">
        <v>34164</v>
      </c>
      <c r="G8880" s="1" t="s">
        <v>34161</v>
      </c>
      <c r="H8880" s="1" t="s">
        <v>34162</v>
      </c>
      <c r="I8880" s="1" t="s">
        <v>33654</v>
      </c>
      <c r="J8880" s="1" t="s">
        <v>34165</v>
      </c>
    </row>
    <row r="8881" spans="1:10" x14ac:dyDescent="0.35">
      <c r="A8881" s="1" t="s">
        <v>34157</v>
      </c>
      <c r="B8881" s="1" t="s">
        <v>33648</v>
      </c>
      <c r="C8881" s="1" t="s">
        <v>20</v>
      </c>
      <c r="D8881" s="1" t="s">
        <v>640</v>
      </c>
      <c r="E8881" s="1" t="s">
        <v>34166</v>
      </c>
      <c r="F8881" s="1" t="s">
        <v>34167</v>
      </c>
      <c r="G8881" s="1" t="s">
        <v>34161</v>
      </c>
      <c r="H8881" s="1" t="s">
        <v>34162</v>
      </c>
      <c r="I8881" s="1" t="s">
        <v>33654</v>
      </c>
      <c r="J8881" s="1" t="s">
        <v>34168</v>
      </c>
    </row>
    <row r="8882" spans="1:10" x14ac:dyDescent="0.35">
      <c r="A8882" s="1" t="s">
        <v>34157</v>
      </c>
      <c r="B8882" s="1" t="s">
        <v>33648</v>
      </c>
      <c r="C8882" s="1" t="s">
        <v>25</v>
      </c>
      <c r="D8882" s="1" t="s">
        <v>34169</v>
      </c>
      <c r="E8882" s="1" t="s">
        <v>34170</v>
      </c>
      <c r="F8882" s="1" t="s">
        <v>34171</v>
      </c>
      <c r="G8882" s="1" t="s">
        <v>34161</v>
      </c>
      <c r="H8882" s="1" t="s">
        <v>34162</v>
      </c>
      <c r="I8882" s="1" t="s">
        <v>33654</v>
      </c>
      <c r="J8882" s="1" t="s">
        <v>34172</v>
      </c>
    </row>
    <row r="8883" spans="1:10" x14ac:dyDescent="0.35">
      <c r="A8883" s="1" t="s">
        <v>34157</v>
      </c>
      <c r="B8883" s="1" t="s">
        <v>33648</v>
      </c>
      <c r="C8883" s="1" t="s">
        <v>30</v>
      </c>
      <c r="D8883" s="1" t="s">
        <v>34173</v>
      </c>
      <c r="E8883" s="1" t="s">
        <v>34174</v>
      </c>
      <c r="F8883" s="1" t="s">
        <v>34175</v>
      </c>
      <c r="G8883" s="1" t="s">
        <v>34161</v>
      </c>
      <c r="H8883" s="1" t="s">
        <v>34162</v>
      </c>
      <c r="I8883" s="1" t="s">
        <v>33654</v>
      </c>
      <c r="J8883" s="1" t="s">
        <v>34176</v>
      </c>
    </row>
    <row r="8884" spans="1:10" x14ac:dyDescent="0.35">
      <c r="A8884" s="1" t="s">
        <v>34157</v>
      </c>
      <c r="B8884" s="1" t="s">
        <v>33648</v>
      </c>
      <c r="C8884" s="1" t="s">
        <v>35</v>
      </c>
      <c r="D8884" s="1" t="s">
        <v>34177</v>
      </c>
      <c r="E8884" s="1" t="s">
        <v>34178</v>
      </c>
      <c r="F8884" s="1" t="s">
        <v>34179</v>
      </c>
      <c r="G8884" s="1" t="s">
        <v>34161</v>
      </c>
      <c r="H8884" s="1" t="s">
        <v>34162</v>
      </c>
      <c r="I8884" s="1" t="s">
        <v>33654</v>
      </c>
      <c r="J8884" s="1" t="s">
        <v>34180</v>
      </c>
    </row>
    <row r="8885" spans="1:10" x14ac:dyDescent="0.35">
      <c r="A8885" s="1" t="s">
        <v>34157</v>
      </c>
      <c r="B8885" s="1" t="s">
        <v>33648</v>
      </c>
      <c r="C8885" s="1" t="s">
        <v>40</v>
      </c>
      <c r="D8885" s="1" t="s">
        <v>34181</v>
      </c>
      <c r="E8885" s="1" t="s">
        <v>34182</v>
      </c>
      <c r="F8885" s="1" t="s">
        <v>34183</v>
      </c>
      <c r="G8885" s="1" t="s">
        <v>34161</v>
      </c>
      <c r="H8885" s="1" t="s">
        <v>34162</v>
      </c>
      <c r="I8885" s="1" t="s">
        <v>33654</v>
      </c>
      <c r="J8885" s="1" t="s">
        <v>34184</v>
      </c>
    </row>
    <row r="8886" spans="1:10" x14ac:dyDescent="0.35">
      <c r="A8886" s="1" t="s">
        <v>34157</v>
      </c>
      <c r="B8886" s="1" t="s">
        <v>33648</v>
      </c>
      <c r="C8886" s="1" t="s">
        <v>45</v>
      </c>
      <c r="D8886" s="1" t="s">
        <v>34185</v>
      </c>
      <c r="E8886" s="1" t="s">
        <v>34186</v>
      </c>
      <c r="F8886" s="1" t="s">
        <v>34187</v>
      </c>
      <c r="G8886" s="1" t="s">
        <v>34161</v>
      </c>
      <c r="H8886" s="1" t="s">
        <v>34162</v>
      </c>
      <c r="I8886" s="1" t="s">
        <v>33654</v>
      </c>
      <c r="J8886" s="1" t="s">
        <v>34188</v>
      </c>
    </row>
    <row r="8887" spans="1:10" x14ac:dyDescent="0.35">
      <c r="A8887" s="1" t="s">
        <v>34157</v>
      </c>
      <c r="B8887" s="1" t="s">
        <v>33648</v>
      </c>
      <c r="C8887" s="1" t="s">
        <v>50</v>
      </c>
      <c r="D8887" s="1" t="s">
        <v>5195</v>
      </c>
      <c r="E8887" s="1" t="s">
        <v>34189</v>
      </c>
      <c r="F8887" s="1" t="s">
        <v>34190</v>
      </c>
      <c r="G8887" s="1" t="s">
        <v>34161</v>
      </c>
      <c r="H8887" s="1" t="s">
        <v>34162</v>
      </c>
      <c r="I8887" s="1" t="s">
        <v>33654</v>
      </c>
      <c r="J8887" s="1" t="s">
        <v>34191</v>
      </c>
    </row>
    <row r="8888" spans="1:10" x14ac:dyDescent="0.35">
      <c r="A8888" s="1" t="s">
        <v>34157</v>
      </c>
      <c r="B8888" s="1" t="s">
        <v>33648</v>
      </c>
      <c r="C8888" s="1" t="s">
        <v>55</v>
      </c>
      <c r="D8888" s="1" t="s">
        <v>34192</v>
      </c>
      <c r="E8888" s="1" t="s">
        <v>34193</v>
      </c>
      <c r="F8888" s="1" t="s">
        <v>34194</v>
      </c>
      <c r="G8888" s="1" t="s">
        <v>34161</v>
      </c>
      <c r="H8888" s="1" t="s">
        <v>34162</v>
      </c>
      <c r="I8888" s="1" t="s">
        <v>33654</v>
      </c>
      <c r="J8888" s="1" t="s">
        <v>34195</v>
      </c>
    </row>
    <row r="8889" spans="1:10" x14ac:dyDescent="0.35">
      <c r="A8889" s="1" t="s">
        <v>34157</v>
      </c>
      <c r="B8889" s="1" t="s">
        <v>33648</v>
      </c>
      <c r="C8889" s="1" t="s">
        <v>60</v>
      </c>
      <c r="D8889" s="1" t="s">
        <v>34196</v>
      </c>
      <c r="E8889" s="1" t="s">
        <v>34197</v>
      </c>
      <c r="F8889" s="1" t="s">
        <v>34198</v>
      </c>
      <c r="G8889" s="1" t="s">
        <v>34161</v>
      </c>
      <c r="H8889" s="1" t="s">
        <v>34162</v>
      </c>
      <c r="I8889" s="1" t="s">
        <v>33654</v>
      </c>
      <c r="J8889" s="1" t="s">
        <v>34199</v>
      </c>
    </row>
    <row r="8890" spans="1:10" x14ac:dyDescent="0.35">
      <c r="A8890" s="1" t="s">
        <v>34157</v>
      </c>
      <c r="B8890" s="1" t="s">
        <v>33648</v>
      </c>
      <c r="C8890" s="1" t="s">
        <v>65</v>
      </c>
      <c r="D8890" s="1" t="s">
        <v>34200</v>
      </c>
      <c r="E8890" s="1" t="s">
        <v>34201</v>
      </c>
      <c r="F8890" s="1" t="s">
        <v>34202</v>
      </c>
      <c r="G8890" s="1" t="s">
        <v>34161</v>
      </c>
      <c r="H8890" s="1" t="s">
        <v>34162</v>
      </c>
      <c r="I8890" s="1" t="s">
        <v>33654</v>
      </c>
      <c r="J8890" s="1" t="s">
        <v>34203</v>
      </c>
    </row>
    <row r="8891" spans="1:10" x14ac:dyDescent="0.35">
      <c r="A8891" s="1" t="s">
        <v>34157</v>
      </c>
      <c r="B8891" s="1" t="s">
        <v>33648</v>
      </c>
      <c r="C8891" s="1" t="s">
        <v>70</v>
      </c>
      <c r="D8891" s="1" t="s">
        <v>33613</v>
      </c>
      <c r="E8891" s="1" t="s">
        <v>34204</v>
      </c>
      <c r="F8891" s="1" t="s">
        <v>34205</v>
      </c>
      <c r="G8891" s="1" t="s">
        <v>34161</v>
      </c>
      <c r="H8891" s="1" t="s">
        <v>34162</v>
      </c>
      <c r="I8891" s="1" t="s">
        <v>33654</v>
      </c>
      <c r="J8891" s="1" t="s">
        <v>34206</v>
      </c>
    </row>
    <row r="8892" spans="1:10" x14ac:dyDescent="0.35">
      <c r="A8892" s="1" t="s">
        <v>34157</v>
      </c>
      <c r="B8892" s="1" t="s">
        <v>33648</v>
      </c>
      <c r="C8892" s="1" t="s">
        <v>75</v>
      </c>
      <c r="D8892" s="1" t="s">
        <v>34207</v>
      </c>
      <c r="E8892" s="1" t="s">
        <v>34208</v>
      </c>
      <c r="F8892" s="1" t="s">
        <v>34209</v>
      </c>
      <c r="G8892" s="1" t="s">
        <v>34161</v>
      </c>
      <c r="H8892" s="1" t="s">
        <v>34162</v>
      </c>
      <c r="I8892" s="1" t="s">
        <v>33654</v>
      </c>
      <c r="J8892" s="1" t="s">
        <v>34210</v>
      </c>
    </row>
    <row r="8893" spans="1:10" x14ac:dyDescent="0.35">
      <c r="A8893" s="1" t="s">
        <v>34157</v>
      </c>
      <c r="B8893" s="1" t="s">
        <v>33648</v>
      </c>
      <c r="C8893" s="1" t="s">
        <v>80</v>
      </c>
      <c r="D8893" s="1" t="s">
        <v>34211</v>
      </c>
      <c r="E8893" s="1" t="s">
        <v>34212</v>
      </c>
      <c r="F8893" s="1" t="s">
        <v>34213</v>
      </c>
      <c r="G8893" s="1" t="s">
        <v>34161</v>
      </c>
      <c r="H8893" s="1" t="s">
        <v>34162</v>
      </c>
      <c r="I8893" s="1" t="s">
        <v>33654</v>
      </c>
      <c r="J8893" s="1" t="s">
        <v>34214</v>
      </c>
    </row>
    <row r="8894" spans="1:10" x14ac:dyDescent="0.35">
      <c r="A8894" s="1" t="s">
        <v>34157</v>
      </c>
      <c r="B8894" s="1" t="s">
        <v>33648</v>
      </c>
      <c r="C8894" s="1" t="s">
        <v>85</v>
      </c>
      <c r="D8894" s="1" t="s">
        <v>34215</v>
      </c>
      <c r="E8894" s="1" t="s">
        <v>34216</v>
      </c>
      <c r="F8894" s="1" t="s">
        <v>34217</v>
      </c>
      <c r="G8894" s="1" t="s">
        <v>34161</v>
      </c>
      <c r="H8894" s="1" t="s">
        <v>34162</v>
      </c>
      <c r="I8894" s="1" t="s">
        <v>33654</v>
      </c>
      <c r="J8894" s="1" t="s">
        <v>34218</v>
      </c>
    </row>
    <row r="8895" spans="1:10" x14ac:dyDescent="0.35">
      <c r="A8895" s="1" t="s">
        <v>34157</v>
      </c>
      <c r="B8895" s="1" t="s">
        <v>33648</v>
      </c>
      <c r="C8895" s="1" t="s">
        <v>90</v>
      </c>
      <c r="D8895" s="1" t="s">
        <v>34219</v>
      </c>
      <c r="E8895" s="1" t="s">
        <v>34220</v>
      </c>
      <c r="F8895" s="1" t="s">
        <v>34221</v>
      </c>
      <c r="G8895" s="1" t="s">
        <v>34161</v>
      </c>
      <c r="H8895" s="1" t="s">
        <v>34162</v>
      </c>
      <c r="I8895" s="1" t="s">
        <v>33654</v>
      </c>
      <c r="J8895" s="1" t="s">
        <v>34222</v>
      </c>
    </row>
    <row r="8896" spans="1:10" x14ac:dyDescent="0.35">
      <c r="A8896" s="1" t="s">
        <v>34157</v>
      </c>
      <c r="B8896" s="1" t="s">
        <v>33648</v>
      </c>
      <c r="C8896" s="1" t="s">
        <v>95</v>
      </c>
      <c r="D8896" s="1" t="s">
        <v>34223</v>
      </c>
      <c r="E8896" s="1" t="s">
        <v>34224</v>
      </c>
      <c r="F8896" s="1" t="s">
        <v>34225</v>
      </c>
      <c r="G8896" s="1" t="s">
        <v>34161</v>
      </c>
      <c r="H8896" s="1" t="s">
        <v>34162</v>
      </c>
      <c r="I8896" s="1" t="s">
        <v>33654</v>
      </c>
      <c r="J8896" s="1" t="s">
        <v>34226</v>
      </c>
    </row>
    <row r="8897" spans="1:10" x14ac:dyDescent="0.35">
      <c r="A8897" s="1" t="s">
        <v>34157</v>
      </c>
      <c r="B8897" s="1" t="s">
        <v>33648</v>
      </c>
      <c r="C8897" s="1" t="s">
        <v>100</v>
      </c>
      <c r="D8897" s="1" t="s">
        <v>34227</v>
      </c>
      <c r="E8897" s="1" t="s">
        <v>34228</v>
      </c>
      <c r="F8897" s="1" t="s">
        <v>34229</v>
      </c>
      <c r="G8897" s="1" t="s">
        <v>34161</v>
      </c>
      <c r="H8897" s="1" t="s">
        <v>34162</v>
      </c>
      <c r="I8897" s="1" t="s">
        <v>33654</v>
      </c>
      <c r="J8897" s="1" t="s">
        <v>34230</v>
      </c>
    </row>
    <row r="8898" spans="1:10" x14ac:dyDescent="0.35">
      <c r="A8898" s="1" t="s">
        <v>34157</v>
      </c>
      <c r="B8898" s="1" t="s">
        <v>33648</v>
      </c>
      <c r="C8898" s="1" t="s">
        <v>105</v>
      </c>
      <c r="D8898" s="1" t="s">
        <v>34231</v>
      </c>
      <c r="E8898" s="1" t="s">
        <v>34232</v>
      </c>
      <c r="F8898" s="1" t="s">
        <v>34233</v>
      </c>
      <c r="G8898" s="1" t="s">
        <v>34161</v>
      </c>
      <c r="H8898" s="1" t="s">
        <v>34162</v>
      </c>
      <c r="I8898" s="1" t="s">
        <v>33654</v>
      </c>
      <c r="J8898" s="1" t="s">
        <v>34234</v>
      </c>
    </row>
    <row r="8899" spans="1:10" x14ac:dyDescent="0.35">
      <c r="A8899" s="1" t="s">
        <v>34157</v>
      </c>
      <c r="B8899" s="1" t="s">
        <v>33648</v>
      </c>
      <c r="C8899" s="1" t="s">
        <v>110</v>
      </c>
      <c r="D8899" s="1" t="s">
        <v>34235</v>
      </c>
      <c r="E8899" s="1" t="s">
        <v>34236</v>
      </c>
      <c r="F8899" s="1" t="s">
        <v>34237</v>
      </c>
      <c r="G8899" s="1" t="s">
        <v>34161</v>
      </c>
      <c r="H8899" s="1" t="s">
        <v>34162</v>
      </c>
      <c r="I8899" s="1" t="s">
        <v>33654</v>
      </c>
      <c r="J8899" s="1" t="s">
        <v>34238</v>
      </c>
    </row>
    <row r="8900" spans="1:10" x14ac:dyDescent="0.35">
      <c r="A8900" s="1" t="s">
        <v>34157</v>
      </c>
      <c r="B8900" s="1" t="s">
        <v>33648</v>
      </c>
      <c r="C8900" s="1" t="s">
        <v>115</v>
      </c>
      <c r="D8900" s="1" t="s">
        <v>34239</v>
      </c>
      <c r="E8900" s="1" t="s">
        <v>34240</v>
      </c>
      <c r="F8900" s="1" t="s">
        <v>34241</v>
      </c>
      <c r="G8900" s="1" t="s">
        <v>34161</v>
      </c>
      <c r="H8900" s="1" t="s">
        <v>34162</v>
      </c>
      <c r="I8900" s="1" t="s">
        <v>33654</v>
      </c>
      <c r="J8900" s="1" t="s">
        <v>34242</v>
      </c>
    </row>
    <row r="8901" spans="1:10" x14ac:dyDescent="0.35">
      <c r="A8901" s="1" t="s">
        <v>34157</v>
      </c>
      <c r="B8901" s="1" t="s">
        <v>33648</v>
      </c>
      <c r="C8901" s="1" t="s">
        <v>120</v>
      </c>
      <c r="D8901" s="1" t="s">
        <v>34243</v>
      </c>
      <c r="E8901" s="1" t="s">
        <v>34244</v>
      </c>
      <c r="F8901" s="1" t="s">
        <v>34245</v>
      </c>
      <c r="G8901" s="1" t="s">
        <v>34161</v>
      </c>
      <c r="H8901" s="1" t="s">
        <v>34162</v>
      </c>
      <c r="I8901" s="1" t="s">
        <v>33654</v>
      </c>
      <c r="J8901" s="1" t="s">
        <v>34246</v>
      </c>
    </row>
    <row r="8902" spans="1:10" x14ac:dyDescent="0.35">
      <c r="A8902" s="1" t="s">
        <v>34157</v>
      </c>
      <c r="B8902" s="1" t="s">
        <v>33648</v>
      </c>
      <c r="C8902" s="1" t="s">
        <v>125</v>
      </c>
      <c r="D8902" s="1" t="s">
        <v>34247</v>
      </c>
      <c r="E8902" s="1" t="s">
        <v>34248</v>
      </c>
      <c r="F8902" s="1" t="s">
        <v>34249</v>
      </c>
      <c r="G8902" s="1" t="s">
        <v>34161</v>
      </c>
      <c r="H8902" s="1" t="s">
        <v>34162</v>
      </c>
      <c r="I8902" s="1" t="s">
        <v>33654</v>
      </c>
      <c r="J8902" s="1" t="s">
        <v>34250</v>
      </c>
    </row>
    <row r="8903" spans="1:10" x14ac:dyDescent="0.35">
      <c r="A8903" s="1" t="s">
        <v>34157</v>
      </c>
      <c r="B8903" s="1" t="s">
        <v>33648</v>
      </c>
      <c r="C8903" s="1" t="s">
        <v>130</v>
      </c>
      <c r="D8903" s="1" t="s">
        <v>34251</v>
      </c>
      <c r="E8903" s="1" t="s">
        <v>34252</v>
      </c>
      <c r="F8903" s="1" t="s">
        <v>34253</v>
      </c>
      <c r="G8903" s="1" t="s">
        <v>34161</v>
      </c>
      <c r="H8903" s="1" t="s">
        <v>34162</v>
      </c>
      <c r="I8903" s="1" t="s">
        <v>33654</v>
      </c>
      <c r="J8903" s="1" t="s">
        <v>34254</v>
      </c>
    </row>
    <row r="8904" spans="1:10" x14ac:dyDescent="0.35">
      <c r="A8904" s="1" t="s">
        <v>34157</v>
      </c>
      <c r="B8904" s="1" t="s">
        <v>33648</v>
      </c>
      <c r="C8904" s="1" t="s">
        <v>135</v>
      </c>
      <c r="D8904" s="1" t="s">
        <v>34255</v>
      </c>
      <c r="E8904" s="1" t="s">
        <v>34256</v>
      </c>
      <c r="F8904" s="1" t="s">
        <v>34257</v>
      </c>
      <c r="G8904" s="1" t="s">
        <v>34161</v>
      </c>
      <c r="H8904" s="1" t="s">
        <v>34162</v>
      </c>
      <c r="I8904" s="1" t="s">
        <v>33654</v>
      </c>
      <c r="J8904" s="1" t="s">
        <v>34258</v>
      </c>
    </row>
    <row r="8905" spans="1:10" x14ac:dyDescent="0.35">
      <c r="A8905" s="1" t="s">
        <v>34157</v>
      </c>
      <c r="B8905" s="1" t="s">
        <v>33648</v>
      </c>
      <c r="C8905" s="1" t="s">
        <v>140</v>
      </c>
      <c r="D8905" s="1" t="s">
        <v>34259</v>
      </c>
      <c r="E8905" s="1" t="s">
        <v>34260</v>
      </c>
      <c r="F8905" s="1" t="s">
        <v>34261</v>
      </c>
      <c r="G8905" s="1" t="s">
        <v>34161</v>
      </c>
      <c r="H8905" s="1" t="s">
        <v>34162</v>
      </c>
      <c r="I8905" s="1" t="s">
        <v>33654</v>
      </c>
      <c r="J8905" s="1" t="s">
        <v>34262</v>
      </c>
    </row>
    <row r="8906" spans="1:10" x14ac:dyDescent="0.35">
      <c r="A8906" s="1" t="s">
        <v>34157</v>
      </c>
      <c r="B8906" s="1" t="s">
        <v>33648</v>
      </c>
      <c r="C8906" s="1" t="s">
        <v>145</v>
      </c>
      <c r="D8906" s="1" t="s">
        <v>34263</v>
      </c>
      <c r="E8906" s="1" t="s">
        <v>34264</v>
      </c>
      <c r="F8906" s="1" t="s">
        <v>34265</v>
      </c>
      <c r="G8906" s="1" t="s">
        <v>34161</v>
      </c>
      <c r="H8906" s="1" t="s">
        <v>34162</v>
      </c>
      <c r="I8906" s="1" t="s">
        <v>33654</v>
      </c>
      <c r="J8906" s="1" t="s">
        <v>34266</v>
      </c>
    </row>
    <row r="8907" spans="1:10" x14ac:dyDescent="0.35">
      <c r="A8907" s="1" t="s">
        <v>34157</v>
      </c>
      <c r="B8907" s="1" t="s">
        <v>33648</v>
      </c>
      <c r="C8907" s="1" t="s">
        <v>150</v>
      </c>
      <c r="D8907" s="1" t="s">
        <v>34267</v>
      </c>
      <c r="E8907" s="1" t="s">
        <v>34268</v>
      </c>
      <c r="F8907" s="1" t="s">
        <v>34269</v>
      </c>
      <c r="G8907" s="1" t="s">
        <v>34161</v>
      </c>
      <c r="H8907" s="1" t="s">
        <v>34162</v>
      </c>
      <c r="I8907" s="1" t="s">
        <v>33654</v>
      </c>
      <c r="J8907" s="1" t="s">
        <v>34270</v>
      </c>
    </row>
    <row r="8908" spans="1:10" x14ac:dyDescent="0.35">
      <c r="A8908" s="1" t="s">
        <v>34157</v>
      </c>
      <c r="B8908" s="1" t="s">
        <v>33648</v>
      </c>
      <c r="C8908" s="1" t="s">
        <v>155</v>
      </c>
      <c r="D8908" s="1" t="s">
        <v>34271</v>
      </c>
      <c r="E8908" s="1" t="s">
        <v>34272</v>
      </c>
      <c r="F8908" s="1" t="s">
        <v>34273</v>
      </c>
      <c r="G8908" s="1" t="s">
        <v>34161</v>
      </c>
      <c r="H8908" s="1" t="s">
        <v>34162</v>
      </c>
      <c r="I8908" s="1" t="s">
        <v>33654</v>
      </c>
      <c r="J8908" s="1" t="s">
        <v>34274</v>
      </c>
    </row>
    <row r="8909" spans="1:10" x14ac:dyDescent="0.35">
      <c r="A8909" s="1" t="s">
        <v>34157</v>
      </c>
      <c r="B8909" s="1" t="s">
        <v>33648</v>
      </c>
      <c r="C8909" s="1" t="s">
        <v>160</v>
      </c>
      <c r="D8909" s="1" t="s">
        <v>34275</v>
      </c>
      <c r="E8909" s="1" t="s">
        <v>34276</v>
      </c>
      <c r="F8909" s="1" t="s">
        <v>34277</v>
      </c>
      <c r="G8909" s="1" t="s">
        <v>34161</v>
      </c>
      <c r="H8909" s="1" t="s">
        <v>34162</v>
      </c>
      <c r="I8909" s="1" t="s">
        <v>33654</v>
      </c>
      <c r="J8909" s="1" t="s">
        <v>34278</v>
      </c>
    </row>
    <row r="8910" spans="1:10" x14ac:dyDescent="0.35">
      <c r="A8910" s="1" t="s">
        <v>34157</v>
      </c>
      <c r="B8910" s="1" t="s">
        <v>33648</v>
      </c>
      <c r="C8910" s="1" t="s">
        <v>165</v>
      </c>
      <c r="D8910" s="1" t="s">
        <v>16846</v>
      </c>
      <c r="E8910" s="1" t="s">
        <v>34279</v>
      </c>
      <c r="F8910" s="1" t="s">
        <v>34280</v>
      </c>
      <c r="G8910" s="1" t="s">
        <v>34161</v>
      </c>
      <c r="H8910" s="1" t="s">
        <v>34162</v>
      </c>
      <c r="I8910" s="1" t="s">
        <v>33654</v>
      </c>
      <c r="J8910" s="1" t="s">
        <v>34281</v>
      </c>
    </row>
    <row r="8911" spans="1:10" x14ac:dyDescent="0.35">
      <c r="A8911" s="1" t="s">
        <v>34157</v>
      </c>
      <c r="B8911" s="1" t="s">
        <v>33648</v>
      </c>
      <c r="C8911" s="1" t="s">
        <v>170</v>
      </c>
      <c r="D8911" s="1" t="s">
        <v>17284</v>
      </c>
      <c r="E8911" s="1" t="s">
        <v>34282</v>
      </c>
      <c r="F8911" s="1" t="s">
        <v>34283</v>
      </c>
      <c r="G8911" s="1" t="s">
        <v>34161</v>
      </c>
      <c r="H8911" s="1" t="s">
        <v>34162</v>
      </c>
      <c r="I8911" s="1" t="s">
        <v>33654</v>
      </c>
      <c r="J8911" s="1" t="s">
        <v>34284</v>
      </c>
    </row>
    <row r="8912" spans="1:10" x14ac:dyDescent="0.35">
      <c r="A8912" s="1" t="s">
        <v>34285</v>
      </c>
      <c r="B8912" s="1" t="s">
        <v>33648</v>
      </c>
      <c r="C8912" s="1" t="s">
        <v>8</v>
      </c>
      <c r="D8912" s="1" t="s">
        <v>34286</v>
      </c>
      <c r="E8912" s="1" t="s">
        <v>34287</v>
      </c>
      <c r="F8912" s="1" t="s">
        <v>34288</v>
      </c>
      <c r="G8912" s="1" t="s">
        <v>34289</v>
      </c>
      <c r="H8912" s="1" t="s">
        <v>34290</v>
      </c>
      <c r="I8912" s="1" t="s">
        <v>33654</v>
      </c>
      <c r="J8912" s="1" t="s">
        <v>13</v>
      </c>
    </row>
    <row r="8913" spans="1:10" x14ac:dyDescent="0.35">
      <c r="A8913" s="1" t="s">
        <v>34285</v>
      </c>
      <c r="B8913" s="1" t="s">
        <v>33648</v>
      </c>
      <c r="C8913" s="1" t="s">
        <v>15</v>
      </c>
      <c r="D8913" s="1" t="s">
        <v>34291</v>
      </c>
      <c r="E8913" s="1" t="s">
        <v>34292</v>
      </c>
      <c r="F8913" s="1" t="s">
        <v>34293</v>
      </c>
      <c r="G8913" s="1" t="s">
        <v>34289</v>
      </c>
      <c r="H8913" s="1" t="s">
        <v>34290</v>
      </c>
      <c r="I8913" s="1" t="s">
        <v>33654</v>
      </c>
      <c r="J8913" s="1" t="s">
        <v>34294</v>
      </c>
    </row>
    <row r="8914" spans="1:10" x14ac:dyDescent="0.35">
      <c r="A8914" s="1" t="s">
        <v>34285</v>
      </c>
      <c r="B8914" s="1" t="s">
        <v>33648</v>
      </c>
      <c r="C8914" s="1" t="s">
        <v>20</v>
      </c>
      <c r="D8914" s="1" t="s">
        <v>33560</v>
      </c>
      <c r="E8914" s="1" t="s">
        <v>34295</v>
      </c>
      <c r="F8914" s="1" t="s">
        <v>34296</v>
      </c>
      <c r="G8914" s="1" t="s">
        <v>34289</v>
      </c>
      <c r="H8914" s="1" t="s">
        <v>34290</v>
      </c>
      <c r="I8914" s="1" t="s">
        <v>33654</v>
      </c>
      <c r="J8914" s="1" t="s">
        <v>34297</v>
      </c>
    </row>
    <row r="8915" spans="1:10" x14ac:dyDescent="0.35">
      <c r="A8915" s="1" t="s">
        <v>34285</v>
      </c>
      <c r="B8915" s="1" t="s">
        <v>33648</v>
      </c>
      <c r="C8915" s="1" t="s">
        <v>25</v>
      </c>
      <c r="D8915" s="1" t="s">
        <v>34298</v>
      </c>
      <c r="E8915" s="1" t="s">
        <v>34299</v>
      </c>
      <c r="F8915" s="1" t="s">
        <v>34300</v>
      </c>
      <c r="G8915" s="1" t="s">
        <v>34289</v>
      </c>
      <c r="H8915" s="1" t="s">
        <v>34290</v>
      </c>
      <c r="I8915" s="1" t="s">
        <v>33654</v>
      </c>
      <c r="J8915" s="1" t="s">
        <v>34301</v>
      </c>
    </row>
    <row r="8916" spans="1:10" x14ac:dyDescent="0.35">
      <c r="A8916" s="1" t="s">
        <v>34285</v>
      </c>
      <c r="B8916" s="1" t="s">
        <v>33648</v>
      </c>
      <c r="C8916" s="1" t="s">
        <v>30</v>
      </c>
      <c r="D8916" s="1" t="s">
        <v>34302</v>
      </c>
      <c r="E8916" s="1" t="s">
        <v>34303</v>
      </c>
      <c r="F8916" s="1" t="s">
        <v>34304</v>
      </c>
      <c r="G8916" s="1" t="s">
        <v>34289</v>
      </c>
      <c r="H8916" s="1" t="s">
        <v>34290</v>
      </c>
      <c r="I8916" s="1" t="s">
        <v>33654</v>
      </c>
      <c r="J8916" s="1" t="s">
        <v>34305</v>
      </c>
    </row>
    <row r="8917" spans="1:10" x14ac:dyDescent="0.35">
      <c r="A8917" s="1" t="s">
        <v>34285</v>
      </c>
      <c r="B8917" s="1" t="s">
        <v>33648</v>
      </c>
      <c r="C8917" s="1" t="s">
        <v>35</v>
      </c>
      <c r="D8917" s="1" t="s">
        <v>34306</v>
      </c>
      <c r="E8917" s="1" t="s">
        <v>34307</v>
      </c>
      <c r="F8917" s="1" t="s">
        <v>34308</v>
      </c>
      <c r="G8917" s="1" t="s">
        <v>34289</v>
      </c>
      <c r="H8917" s="1" t="s">
        <v>34290</v>
      </c>
      <c r="I8917" s="1" t="s">
        <v>33654</v>
      </c>
      <c r="J8917" s="1" t="s">
        <v>34309</v>
      </c>
    </row>
    <row r="8918" spans="1:10" x14ac:dyDescent="0.35">
      <c r="A8918" s="1" t="s">
        <v>34285</v>
      </c>
      <c r="B8918" s="1" t="s">
        <v>33648</v>
      </c>
      <c r="C8918" s="1" t="s">
        <v>40</v>
      </c>
      <c r="D8918" s="1" t="s">
        <v>34310</v>
      </c>
      <c r="E8918" s="1" t="s">
        <v>34311</v>
      </c>
      <c r="F8918" s="1" t="s">
        <v>34312</v>
      </c>
      <c r="G8918" s="1" t="s">
        <v>34289</v>
      </c>
      <c r="H8918" s="1" t="s">
        <v>34290</v>
      </c>
      <c r="I8918" s="1" t="s">
        <v>33654</v>
      </c>
      <c r="J8918" s="1" t="s">
        <v>34313</v>
      </c>
    </row>
    <row r="8919" spans="1:10" x14ac:dyDescent="0.35">
      <c r="A8919" s="1" t="s">
        <v>34285</v>
      </c>
      <c r="B8919" s="1" t="s">
        <v>33648</v>
      </c>
      <c r="C8919" s="1" t="s">
        <v>45</v>
      </c>
      <c r="D8919" s="1" t="s">
        <v>7953</v>
      </c>
      <c r="E8919" s="1" t="s">
        <v>34314</v>
      </c>
      <c r="F8919" s="1" t="s">
        <v>34315</v>
      </c>
      <c r="G8919" s="1" t="s">
        <v>34289</v>
      </c>
      <c r="H8919" s="1" t="s">
        <v>34290</v>
      </c>
      <c r="I8919" s="1" t="s">
        <v>33654</v>
      </c>
      <c r="J8919" s="1" t="s">
        <v>34316</v>
      </c>
    </row>
    <row r="8920" spans="1:10" x14ac:dyDescent="0.35">
      <c r="A8920" s="1" t="s">
        <v>34285</v>
      </c>
      <c r="B8920" s="1" t="s">
        <v>33648</v>
      </c>
      <c r="C8920" s="1" t="s">
        <v>50</v>
      </c>
      <c r="D8920" s="1" t="s">
        <v>34317</v>
      </c>
      <c r="E8920" s="1" t="s">
        <v>34318</v>
      </c>
      <c r="F8920" s="1" t="s">
        <v>34319</v>
      </c>
      <c r="G8920" s="1" t="s">
        <v>34289</v>
      </c>
      <c r="H8920" s="1" t="s">
        <v>34290</v>
      </c>
      <c r="I8920" s="1" t="s">
        <v>33654</v>
      </c>
      <c r="J8920" s="1" t="s">
        <v>34320</v>
      </c>
    </row>
    <row r="8921" spans="1:10" x14ac:dyDescent="0.35">
      <c r="A8921" s="1" t="s">
        <v>34285</v>
      </c>
      <c r="B8921" s="1" t="s">
        <v>33648</v>
      </c>
      <c r="C8921" s="1" t="s">
        <v>55</v>
      </c>
      <c r="D8921" s="1" t="s">
        <v>34321</v>
      </c>
      <c r="E8921" s="1" t="s">
        <v>34322</v>
      </c>
      <c r="F8921" s="1" t="s">
        <v>34323</v>
      </c>
      <c r="G8921" s="1" t="s">
        <v>34289</v>
      </c>
      <c r="H8921" s="1" t="s">
        <v>34290</v>
      </c>
      <c r="I8921" s="1" t="s">
        <v>33654</v>
      </c>
      <c r="J8921" s="1" t="s">
        <v>34324</v>
      </c>
    </row>
    <row r="8922" spans="1:10" x14ac:dyDescent="0.35">
      <c r="A8922" s="1" t="s">
        <v>34285</v>
      </c>
      <c r="B8922" s="1" t="s">
        <v>33648</v>
      </c>
      <c r="C8922" s="1" t="s">
        <v>60</v>
      </c>
      <c r="D8922" s="1" t="s">
        <v>34325</v>
      </c>
      <c r="E8922" s="1" t="s">
        <v>34326</v>
      </c>
      <c r="F8922" s="1" t="s">
        <v>34327</v>
      </c>
      <c r="G8922" s="1" t="s">
        <v>34289</v>
      </c>
      <c r="H8922" s="1" t="s">
        <v>34290</v>
      </c>
      <c r="I8922" s="1" t="s">
        <v>33654</v>
      </c>
      <c r="J8922" s="1" t="s">
        <v>34328</v>
      </c>
    </row>
    <row r="8923" spans="1:10" x14ac:dyDescent="0.35">
      <c r="A8923" s="1" t="s">
        <v>34285</v>
      </c>
      <c r="B8923" s="1" t="s">
        <v>33648</v>
      </c>
      <c r="C8923" s="1" t="s">
        <v>65</v>
      </c>
      <c r="D8923" s="1" t="s">
        <v>5782</v>
      </c>
      <c r="E8923" s="1" t="s">
        <v>34329</v>
      </c>
      <c r="F8923" s="1" t="s">
        <v>34330</v>
      </c>
      <c r="G8923" s="1" t="s">
        <v>34289</v>
      </c>
      <c r="H8923" s="1" t="s">
        <v>34290</v>
      </c>
      <c r="I8923" s="1" t="s">
        <v>33654</v>
      </c>
      <c r="J8923" s="1" t="s">
        <v>34331</v>
      </c>
    </row>
    <row r="8924" spans="1:10" x14ac:dyDescent="0.35">
      <c r="A8924" s="1" t="s">
        <v>34285</v>
      </c>
      <c r="B8924" s="1" t="s">
        <v>33648</v>
      </c>
      <c r="C8924" s="1" t="s">
        <v>70</v>
      </c>
      <c r="D8924" s="1" t="s">
        <v>34332</v>
      </c>
      <c r="E8924" s="1" t="s">
        <v>34333</v>
      </c>
      <c r="F8924" s="1" t="s">
        <v>34334</v>
      </c>
      <c r="G8924" s="1" t="s">
        <v>34289</v>
      </c>
      <c r="H8924" s="1" t="s">
        <v>34290</v>
      </c>
      <c r="I8924" s="1" t="s">
        <v>33654</v>
      </c>
      <c r="J8924" s="1" t="s">
        <v>34335</v>
      </c>
    </row>
    <row r="8925" spans="1:10" x14ac:dyDescent="0.35">
      <c r="A8925" s="1" t="s">
        <v>34285</v>
      </c>
      <c r="B8925" s="1" t="s">
        <v>33648</v>
      </c>
      <c r="C8925" s="1" t="s">
        <v>75</v>
      </c>
      <c r="D8925" s="1" t="s">
        <v>34336</v>
      </c>
      <c r="E8925" s="1" t="s">
        <v>34337</v>
      </c>
      <c r="F8925" s="1" t="s">
        <v>34338</v>
      </c>
      <c r="G8925" s="1" t="s">
        <v>34289</v>
      </c>
      <c r="H8925" s="1" t="s">
        <v>34290</v>
      </c>
      <c r="I8925" s="1" t="s">
        <v>33654</v>
      </c>
      <c r="J8925" s="1" t="s">
        <v>34339</v>
      </c>
    </row>
    <row r="8926" spans="1:10" x14ac:dyDescent="0.35">
      <c r="A8926" s="1" t="s">
        <v>34285</v>
      </c>
      <c r="B8926" s="1" t="s">
        <v>33648</v>
      </c>
      <c r="C8926" s="1" t="s">
        <v>80</v>
      </c>
      <c r="D8926" s="1" t="s">
        <v>34340</v>
      </c>
      <c r="E8926" s="1" t="s">
        <v>34341</v>
      </c>
      <c r="F8926" s="1" t="s">
        <v>34342</v>
      </c>
      <c r="G8926" s="1" t="s">
        <v>34289</v>
      </c>
      <c r="H8926" s="1" t="s">
        <v>34290</v>
      </c>
      <c r="I8926" s="1" t="s">
        <v>33654</v>
      </c>
      <c r="J8926" s="1" t="s">
        <v>34343</v>
      </c>
    </row>
    <row r="8927" spans="1:10" x14ac:dyDescent="0.35">
      <c r="A8927" s="1" t="s">
        <v>34285</v>
      </c>
      <c r="B8927" s="1" t="s">
        <v>33648</v>
      </c>
      <c r="C8927" s="1" t="s">
        <v>85</v>
      </c>
      <c r="D8927" s="1" t="s">
        <v>34344</v>
      </c>
      <c r="E8927" s="1" t="s">
        <v>34345</v>
      </c>
      <c r="F8927" s="1" t="s">
        <v>34346</v>
      </c>
      <c r="G8927" s="1" t="s">
        <v>34289</v>
      </c>
      <c r="H8927" s="1" t="s">
        <v>34290</v>
      </c>
      <c r="I8927" s="1" t="s">
        <v>33654</v>
      </c>
      <c r="J8927" s="1" t="s">
        <v>34347</v>
      </c>
    </row>
    <row r="8928" spans="1:10" x14ac:dyDescent="0.35">
      <c r="A8928" s="1" t="s">
        <v>34285</v>
      </c>
      <c r="B8928" s="1" t="s">
        <v>33648</v>
      </c>
      <c r="C8928" s="1" t="s">
        <v>90</v>
      </c>
      <c r="D8928" s="1" t="s">
        <v>34348</v>
      </c>
      <c r="E8928" s="1" t="s">
        <v>34349</v>
      </c>
      <c r="F8928" s="1" t="s">
        <v>34350</v>
      </c>
      <c r="G8928" s="1" t="s">
        <v>34289</v>
      </c>
      <c r="H8928" s="1" t="s">
        <v>34290</v>
      </c>
      <c r="I8928" s="1" t="s">
        <v>33654</v>
      </c>
      <c r="J8928" s="1" t="s">
        <v>34351</v>
      </c>
    </row>
    <row r="8929" spans="1:10" x14ac:dyDescent="0.35">
      <c r="A8929" s="1" t="s">
        <v>34285</v>
      </c>
      <c r="B8929" s="1" t="s">
        <v>33648</v>
      </c>
      <c r="C8929" s="1" t="s">
        <v>95</v>
      </c>
      <c r="D8929" s="1" t="s">
        <v>16998</v>
      </c>
      <c r="E8929" s="1" t="s">
        <v>34352</v>
      </c>
      <c r="F8929" s="1" t="s">
        <v>34353</v>
      </c>
      <c r="G8929" s="1" t="s">
        <v>34289</v>
      </c>
      <c r="H8929" s="1" t="s">
        <v>34290</v>
      </c>
      <c r="I8929" s="1" t="s">
        <v>33654</v>
      </c>
      <c r="J8929" s="1" t="s">
        <v>34354</v>
      </c>
    </row>
    <row r="8930" spans="1:10" x14ac:dyDescent="0.35">
      <c r="A8930" s="1" t="s">
        <v>34285</v>
      </c>
      <c r="B8930" s="1" t="s">
        <v>33648</v>
      </c>
      <c r="C8930" s="1" t="s">
        <v>100</v>
      </c>
      <c r="D8930" s="1" t="s">
        <v>34355</v>
      </c>
      <c r="E8930" s="1" t="s">
        <v>34356</v>
      </c>
      <c r="F8930" s="1" t="s">
        <v>34357</v>
      </c>
      <c r="G8930" s="1" t="s">
        <v>34289</v>
      </c>
      <c r="H8930" s="1" t="s">
        <v>34290</v>
      </c>
      <c r="I8930" s="1" t="s">
        <v>33654</v>
      </c>
      <c r="J8930" s="1" t="s">
        <v>34358</v>
      </c>
    </row>
    <row r="8931" spans="1:10" x14ac:dyDescent="0.35">
      <c r="A8931" s="1" t="s">
        <v>34285</v>
      </c>
      <c r="B8931" s="1" t="s">
        <v>33648</v>
      </c>
      <c r="C8931" s="1" t="s">
        <v>105</v>
      </c>
      <c r="D8931" s="1" t="s">
        <v>30558</v>
      </c>
      <c r="E8931" s="1" t="s">
        <v>34359</v>
      </c>
      <c r="F8931" s="1" t="s">
        <v>34360</v>
      </c>
      <c r="G8931" s="1" t="s">
        <v>34289</v>
      </c>
      <c r="H8931" s="1" t="s">
        <v>34290</v>
      </c>
      <c r="I8931" s="1" t="s">
        <v>33654</v>
      </c>
      <c r="J8931" s="1" t="s">
        <v>34361</v>
      </c>
    </row>
    <row r="8932" spans="1:10" x14ac:dyDescent="0.35">
      <c r="A8932" s="1" t="s">
        <v>34285</v>
      </c>
      <c r="B8932" s="1" t="s">
        <v>33648</v>
      </c>
      <c r="C8932" s="1" t="s">
        <v>110</v>
      </c>
      <c r="D8932" s="1" t="s">
        <v>13644</v>
      </c>
      <c r="E8932" s="1" t="s">
        <v>34362</v>
      </c>
      <c r="F8932" s="1" t="s">
        <v>23169</v>
      </c>
      <c r="G8932" s="1" t="s">
        <v>34289</v>
      </c>
      <c r="H8932" s="1" t="s">
        <v>34290</v>
      </c>
      <c r="I8932" s="1" t="s">
        <v>33654</v>
      </c>
      <c r="J8932" s="1" t="s">
        <v>34363</v>
      </c>
    </row>
    <row r="8933" spans="1:10" x14ac:dyDescent="0.35">
      <c r="A8933" s="1" t="s">
        <v>34285</v>
      </c>
      <c r="B8933" s="1" t="s">
        <v>33648</v>
      </c>
      <c r="C8933" s="1" t="s">
        <v>115</v>
      </c>
      <c r="D8933" s="1" t="s">
        <v>34364</v>
      </c>
      <c r="E8933" s="1" t="s">
        <v>34365</v>
      </c>
      <c r="F8933" s="1" t="s">
        <v>34366</v>
      </c>
      <c r="G8933" s="1" t="s">
        <v>34289</v>
      </c>
      <c r="H8933" s="1" t="s">
        <v>34290</v>
      </c>
      <c r="I8933" s="1" t="s">
        <v>33654</v>
      </c>
      <c r="J8933" s="1" t="s">
        <v>34367</v>
      </c>
    </row>
    <row r="8934" spans="1:10" x14ac:dyDescent="0.35">
      <c r="A8934" s="1" t="s">
        <v>34285</v>
      </c>
      <c r="B8934" s="1" t="s">
        <v>33648</v>
      </c>
      <c r="C8934" s="1" t="s">
        <v>120</v>
      </c>
      <c r="D8934" s="1" t="s">
        <v>34368</v>
      </c>
      <c r="E8934" s="1" t="s">
        <v>34369</v>
      </c>
      <c r="F8934" s="1" t="s">
        <v>34370</v>
      </c>
      <c r="G8934" s="1" t="s">
        <v>34289</v>
      </c>
      <c r="H8934" s="1" t="s">
        <v>34290</v>
      </c>
      <c r="I8934" s="1" t="s">
        <v>33654</v>
      </c>
      <c r="J8934" s="1" t="s">
        <v>34371</v>
      </c>
    </row>
    <row r="8935" spans="1:10" x14ac:dyDescent="0.35">
      <c r="A8935" s="1" t="s">
        <v>34285</v>
      </c>
      <c r="B8935" s="1" t="s">
        <v>33648</v>
      </c>
      <c r="C8935" s="1" t="s">
        <v>125</v>
      </c>
      <c r="D8935" s="1" t="s">
        <v>34372</v>
      </c>
      <c r="E8935" s="1" t="s">
        <v>34373</v>
      </c>
      <c r="F8935" s="1" t="s">
        <v>34374</v>
      </c>
      <c r="G8935" s="1" t="s">
        <v>34289</v>
      </c>
      <c r="H8935" s="1" t="s">
        <v>34290</v>
      </c>
      <c r="I8935" s="1" t="s">
        <v>33654</v>
      </c>
      <c r="J8935" s="1" t="s">
        <v>34375</v>
      </c>
    </row>
    <row r="8936" spans="1:10" x14ac:dyDescent="0.35">
      <c r="A8936" s="1" t="s">
        <v>34285</v>
      </c>
      <c r="B8936" s="1" t="s">
        <v>33648</v>
      </c>
      <c r="C8936" s="1" t="s">
        <v>130</v>
      </c>
      <c r="D8936" s="1" t="s">
        <v>34376</v>
      </c>
      <c r="E8936" s="1" t="s">
        <v>34377</v>
      </c>
      <c r="F8936" s="1" t="s">
        <v>34378</v>
      </c>
      <c r="G8936" s="1" t="s">
        <v>34289</v>
      </c>
      <c r="H8936" s="1" t="s">
        <v>34290</v>
      </c>
      <c r="I8936" s="1" t="s">
        <v>33654</v>
      </c>
      <c r="J8936" s="1" t="s">
        <v>34379</v>
      </c>
    </row>
    <row r="8937" spans="1:10" x14ac:dyDescent="0.35">
      <c r="A8937" s="1" t="s">
        <v>34285</v>
      </c>
      <c r="B8937" s="1" t="s">
        <v>33648</v>
      </c>
      <c r="C8937" s="1" t="s">
        <v>135</v>
      </c>
      <c r="D8937" s="1" t="s">
        <v>34380</v>
      </c>
      <c r="E8937" s="1" t="s">
        <v>34381</v>
      </c>
      <c r="F8937" s="1" t="s">
        <v>34382</v>
      </c>
      <c r="G8937" s="1" t="s">
        <v>34289</v>
      </c>
      <c r="H8937" s="1" t="s">
        <v>34290</v>
      </c>
      <c r="I8937" s="1" t="s">
        <v>33654</v>
      </c>
      <c r="J8937" s="1" t="s">
        <v>34383</v>
      </c>
    </row>
    <row r="8938" spans="1:10" x14ac:dyDescent="0.35">
      <c r="A8938" s="1" t="s">
        <v>34285</v>
      </c>
      <c r="B8938" s="1" t="s">
        <v>33648</v>
      </c>
      <c r="C8938" s="1" t="s">
        <v>140</v>
      </c>
      <c r="D8938" s="1" t="s">
        <v>18922</v>
      </c>
      <c r="E8938" s="1" t="s">
        <v>34384</v>
      </c>
      <c r="F8938" s="1" t="s">
        <v>34385</v>
      </c>
      <c r="G8938" s="1" t="s">
        <v>34289</v>
      </c>
      <c r="H8938" s="1" t="s">
        <v>34290</v>
      </c>
      <c r="I8938" s="1" t="s">
        <v>33654</v>
      </c>
      <c r="J8938" s="1" t="s">
        <v>34386</v>
      </c>
    </row>
    <row r="8939" spans="1:10" x14ac:dyDescent="0.35">
      <c r="A8939" s="1" t="s">
        <v>34285</v>
      </c>
      <c r="B8939" s="1" t="s">
        <v>33648</v>
      </c>
      <c r="C8939" s="1" t="s">
        <v>145</v>
      </c>
      <c r="D8939" s="1" t="s">
        <v>34387</v>
      </c>
      <c r="E8939" s="1" t="s">
        <v>34388</v>
      </c>
      <c r="F8939" s="1" t="s">
        <v>34389</v>
      </c>
      <c r="G8939" s="1" t="s">
        <v>34289</v>
      </c>
      <c r="H8939" s="1" t="s">
        <v>34290</v>
      </c>
      <c r="I8939" s="1" t="s">
        <v>33654</v>
      </c>
      <c r="J8939" s="1" t="s">
        <v>34390</v>
      </c>
    </row>
    <row r="8940" spans="1:10" x14ac:dyDescent="0.35">
      <c r="A8940" s="1" t="s">
        <v>34285</v>
      </c>
      <c r="B8940" s="1" t="s">
        <v>33648</v>
      </c>
      <c r="C8940" s="1" t="s">
        <v>150</v>
      </c>
      <c r="D8940" s="1" t="s">
        <v>34391</v>
      </c>
      <c r="E8940" s="1" t="s">
        <v>34392</v>
      </c>
      <c r="F8940" s="1" t="s">
        <v>34393</v>
      </c>
      <c r="G8940" s="1" t="s">
        <v>34289</v>
      </c>
      <c r="H8940" s="1" t="s">
        <v>34290</v>
      </c>
      <c r="I8940" s="1" t="s">
        <v>33654</v>
      </c>
      <c r="J8940" s="1" t="s">
        <v>34394</v>
      </c>
    </row>
    <row r="8941" spans="1:10" x14ac:dyDescent="0.35">
      <c r="A8941" s="1" t="s">
        <v>34285</v>
      </c>
      <c r="B8941" s="1" t="s">
        <v>33648</v>
      </c>
      <c r="C8941" s="1" t="s">
        <v>155</v>
      </c>
      <c r="D8941" s="1" t="s">
        <v>34395</v>
      </c>
      <c r="E8941" s="1" t="s">
        <v>34396</v>
      </c>
      <c r="F8941" s="1" t="s">
        <v>34397</v>
      </c>
      <c r="G8941" s="1" t="s">
        <v>34289</v>
      </c>
      <c r="H8941" s="1" t="s">
        <v>34290</v>
      </c>
      <c r="I8941" s="1" t="s">
        <v>33654</v>
      </c>
      <c r="J8941" s="1" t="s">
        <v>34398</v>
      </c>
    </row>
    <row r="8942" spans="1:10" x14ac:dyDescent="0.35">
      <c r="A8942" s="1" t="s">
        <v>34285</v>
      </c>
      <c r="B8942" s="1" t="s">
        <v>33648</v>
      </c>
      <c r="C8942" s="1" t="s">
        <v>160</v>
      </c>
      <c r="D8942" s="1" t="s">
        <v>34399</v>
      </c>
      <c r="E8942" s="1" t="s">
        <v>34400</v>
      </c>
      <c r="F8942" s="1" t="s">
        <v>34401</v>
      </c>
      <c r="G8942" s="1" t="s">
        <v>34289</v>
      </c>
      <c r="H8942" s="1" t="s">
        <v>34290</v>
      </c>
      <c r="I8942" s="1" t="s">
        <v>33654</v>
      </c>
      <c r="J8942" s="1" t="s">
        <v>34402</v>
      </c>
    </row>
    <row r="8943" spans="1:10" x14ac:dyDescent="0.35">
      <c r="A8943" s="1" t="s">
        <v>34285</v>
      </c>
      <c r="B8943" s="1" t="s">
        <v>33648</v>
      </c>
      <c r="C8943" s="1" t="s">
        <v>165</v>
      </c>
      <c r="D8943" s="1" t="s">
        <v>34403</v>
      </c>
      <c r="E8943" s="1" t="s">
        <v>34404</v>
      </c>
      <c r="F8943" s="1" t="s">
        <v>34405</v>
      </c>
      <c r="G8943" s="1" t="s">
        <v>34289</v>
      </c>
      <c r="H8943" s="1" t="s">
        <v>34290</v>
      </c>
      <c r="I8943" s="1" t="s">
        <v>33654</v>
      </c>
      <c r="J8943" s="1" t="s">
        <v>34406</v>
      </c>
    </row>
    <row r="8944" spans="1:10" x14ac:dyDescent="0.35">
      <c r="A8944" s="1" t="s">
        <v>34285</v>
      </c>
      <c r="B8944" s="1" t="s">
        <v>33648</v>
      </c>
      <c r="C8944" s="1" t="s">
        <v>170</v>
      </c>
      <c r="D8944" s="1" t="s">
        <v>904</v>
      </c>
      <c r="E8944" s="1" t="s">
        <v>34407</v>
      </c>
      <c r="F8944" s="1" t="s">
        <v>34408</v>
      </c>
      <c r="G8944" s="1" t="s">
        <v>34289</v>
      </c>
      <c r="H8944" s="1" t="s">
        <v>34290</v>
      </c>
      <c r="I8944" s="1" t="s">
        <v>33654</v>
      </c>
      <c r="J8944" s="1" t="s">
        <v>34409</v>
      </c>
    </row>
    <row r="8945" spans="1:10" x14ac:dyDescent="0.35">
      <c r="A8945" s="1" t="s">
        <v>34410</v>
      </c>
      <c r="B8945" s="1" t="s">
        <v>34411</v>
      </c>
      <c r="C8945" s="1" t="s">
        <v>8</v>
      </c>
      <c r="D8945" s="1" t="s">
        <v>4102</v>
      </c>
      <c r="E8945" s="1" t="s">
        <v>34412</v>
      </c>
      <c r="F8945" s="1" t="s">
        <v>34413</v>
      </c>
      <c r="G8945" s="1" t="s">
        <v>34414</v>
      </c>
      <c r="H8945" s="1" t="s">
        <v>34415</v>
      </c>
      <c r="I8945" s="1" t="s">
        <v>34416</v>
      </c>
      <c r="J8945" s="1" t="s">
        <v>13</v>
      </c>
    </row>
    <row r="8946" spans="1:10" x14ac:dyDescent="0.35">
      <c r="A8946" s="1" t="s">
        <v>34410</v>
      </c>
      <c r="B8946" s="1" t="s">
        <v>34411</v>
      </c>
      <c r="C8946" s="1" t="s">
        <v>15</v>
      </c>
      <c r="D8946" s="1" t="s">
        <v>34417</v>
      </c>
      <c r="E8946" s="1" t="s">
        <v>34418</v>
      </c>
      <c r="F8946" s="1" t="s">
        <v>34419</v>
      </c>
      <c r="G8946" s="1" t="s">
        <v>34414</v>
      </c>
      <c r="H8946" s="1" t="s">
        <v>34415</v>
      </c>
      <c r="I8946" s="1" t="s">
        <v>34416</v>
      </c>
      <c r="J8946" s="1" t="s">
        <v>34420</v>
      </c>
    </row>
    <row r="8947" spans="1:10" x14ac:dyDescent="0.35">
      <c r="A8947" s="1" t="s">
        <v>34410</v>
      </c>
      <c r="B8947" s="1" t="s">
        <v>34411</v>
      </c>
      <c r="C8947" s="1" t="s">
        <v>20</v>
      </c>
      <c r="D8947" s="1" t="s">
        <v>34421</v>
      </c>
      <c r="E8947" s="1" t="s">
        <v>34422</v>
      </c>
      <c r="F8947" s="1" t="s">
        <v>34423</v>
      </c>
      <c r="G8947" s="1" t="s">
        <v>34414</v>
      </c>
      <c r="H8947" s="1" t="s">
        <v>34415</v>
      </c>
      <c r="I8947" s="1" t="s">
        <v>34416</v>
      </c>
      <c r="J8947" s="1" t="s">
        <v>11064</v>
      </c>
    </row>
    <row r="8948" spans="1:10" x14ac:dyDescent="0.35">
      <c r="A8948" s="1" t="s">
        <v>34410</v>
      </c>
      <c r="B8948" s="1" t="s">
        <v>34411</v>
      </c>
      <c r="C8948" s="1" t="s">
        <v>25</v>
      </c>
      <c r="D8948" s="1" t="s">
        <v>34424</v>
      </c>
      <c r="E8948" s="1" t="s">
        <v>34425</v>
      </c>
      <c r="F8948" s="1" t="s">
        <v>34426</v>
      </c>
      <c r="G8948" s="1" t="s">
        <v>34414</v>
      </c>
      <c r="H8948" s="1" t="s">
        <v>34415</v>
      </c>
      <c r="I8948" s="1" t="s">
        <v>34416</v>
      </c>
      <c r="J8948" s="1" t="s">
        <v>34427</v>
      </c>
    </row>
    <row r="8949" spans="1:10" x14ac:dyDescent="0.35">
      <c r="A8949" s="1" t="s">
        <v>34410</v>
      </c>
      <c r="B8949" s="1" t="s">
        <v>34411</v>
      </c>
      <c r="C8949" s="1" t="s">
        <v>30</v>
      </c>
      <c r="D8949" s="1" t="s">
        <v>34428</v>
      </c>
      <c r="E8949" s="1" t="s">
        <v>34429</v>
      </c>
      <c r="F8949" s="1" t="s">
        <v>34430</v>
      </c>
      <c r="G8949" s="1" t="s">
        <v>34414</v>
      </c>
      <c r="H8949" s="1" t="s">
        <v>34415</v>
      </c>
      <c r="I8949" s="1" t="s">
        <v>34416</v>
      </c>
      <c r="J8949" s="1" t="s">
        <v>34431</v>
      </c>
    </row>
    <row r="8950" spans="1:10" x14ac:dyDescent="0.35">
      <c r="A8950" s="1" t="s">
        <v>34410</v>
      </c>
      <c r="B8950" s="1" t="s">
        <v>34411</v>
      </c>
      <c r="C8950" s="1" t="s">
        <v>35</v>
      </c>
      <c r="D8950" s="1" t="s">
        <v>34432</v>
      </c>
      <c r="E8950" s="1" t="s">
        <v>34433</v>
      </c>
      <c r="F8950" s="1" t="s">
        <v>34434</v>
      </c>
      <c r="G8950" s="1" t="s">
        <v>34414</v>
      </c>
      <c r="H8950" s="1" t="s">
        <v>34415</v>
      </c>
      <c r="I8950" s="1" t="s">
        <v>34416</v>
      </c>
      <c r="J8950" s="1" t="s">
        <v>34435</v>
      </c>
    </row>
    <row r="8951" spans="1:10" x14ac:dyDescent="0.35">
      <c r="A8951" s="1" t="s">
        <v>34410</v>
      </c>
      <c r="B8951" s="1" t="s">
        <v>34411</v>
      </c>
      <c r="C8951" s="1" t="s">
        <v>40</v>
      </c>
      <c r="D8951" s="1" t="s">
        <v>7067</v>
      </c>
      <c r="E8951" s="1" t="s">
        <v>34436</v>
      </c>
      <c r="F8951" s="1" t="s">
        <v>34437</v>
      </c>
      <c r="G8951" s="1" t="s">
        <v>34414</v>
      </c>
      <c r="H8951" s="1" t="s">
        <v>34415</v>
      </c>
      <c r="I8951" s="1" t="s">
        <v>34416</v>
      </c>
      <c r="J8951" s="1" t="s">
        <v>34438</v>
      </c>
    </row>
    <row r="8952" spans="1:10" x14ac:dyDescent="0.35">
      <c r="A8952" s="1" t="s">
        <v>34410</v>
      </c>
      <c r="B8952" s="1" t="s">
        <v>34411</v>
      </c>
      <c r="C8952" s="1" t="s">
        <v>45</v>
      </c>
      <c r="D8952" s="1" t="s">
        <v>34439</v>
      </c>
      <c r="E8952" s="1" t="s">
        <v>34440</v>
      </c>
      <c r="F8952" s="1" t="s">
        <v>34441</v>
      </c>
      <c r="G8952" s="1" t="s">
        <v>34414</v>
      </c>
      <c r="H8952" s="1" t="s">
        <v>34415</v>
      </c>
      <c r="I8952" s="1" t="s">
        <v>34416</v>
      </c>
      <c r="J8952" s="1" t="s">
        <v>34442</v>
      </c>
    </row>
    <row r="8953" spans="1:10" x14ac:dyDescent="0.35">
      <c r="A8953" s="1" t="s">
        <v>34410</v>
      </c>
      <c r="B8953" s="1" t="s">
        <v>34411</v>
      </c>
      <c r="C8953" s="1" t="s">
        <v>50</v>
      </c>
      <c r="D8953" s="1" t="s">
        <v>2311</v>
      </c>
      <c r="E8953" s="1" t="s">
        <v>34443</v>
      </c>
      <c r="F8953" s="1" t="s">
        <v>34444</v>
      </c>
      <c r="G8953" s="1" t="s">
        <v>34414</v>
      </c>
      <c r="H8953" s="1" t="s">
        <v>34415</v>
      </c>
      <c r="I8953" s="1" t="s">
        <v>34416</v>
      </c>
      <c r="J8953" s="1" t="s">
        <v>34445</v>
      </c>
    </row>
    <row r="8954" spans="1:10" x14ac:dyDescent="0.35">
      <c r="A8954" s="1" t="s">
        <v>34410</v>
      </c>
      <c r="B8954" s="1" t="s">
        <v>34411</v>
      </c>
      <c r="C8954" s="1" t="s">
        <v>55</v>
      </c>
      <c r="D8954" s="1" t="s">
        <v>8959</v>
      </c>
      <c r="E8954" s="1" t="s">
        <v>34446</v>
      </c>
      <c r="F8954" s="1" t="s">
        <v>34447</v>
      </c>
      <c r="G8954" s="1" t="s">
        <v>34414</v>
      </c>
      <c r="H8954" s="1" t="s">
        <v>34415</v>
      </c>
      <c r="I8954" s="1" t="s">
        <v>34416</v>
      </c>
      <c r="J8954" s="1" t="s">
        <v>34448</v>
      </c>
    </row>
    <row r="8955" spans="1:10" x14ac:dyDescent="0.35">
      <c r="A8955" s="1" t="s">
        <v>34410</v>
      </c>
      <c r="B8955" s="1" t="s">
        <v>34411</v>
      </c>
      <c r="C8955" s="1" t="s">
        <v>60</v>
      </c>
      <c r="D8955" s="1" t="s">
        <v>15591</v>
      </c>
      <c r="E8955" s="1" t="s">
        <v>34449</v>
      </c>
      <c r="F8955" s="1" t="s">
        <v>34450</v>
      </c>
      <c r="G8955" s="1" t="s">
        <v>34414</v>
      </c>
      <c r="H8955" s="1" t="s">
        <v>34415</v>
      </c>
      <c r="I8955" s="1" t="s">
        <v>34416</v>
      </c>
      <c r="J8955" s="1" t="s">
        <v>34451</v>
      </c>
    </row>
    <row r="8956" spans="1:10" x14ac:dyDescent="0.35">
      <c r="A8956" s="1" t="s">
        <v>34410</v>
      </c>
      <c r="B8956" s="1" t="s">
        <v>34411</v>
      </c>
      <c r="C8956" s="1" t="s">
        <v>65</v>
      </c>
      <c r="D8956" s="1" t="s">
        <v>34452</v>
      </c>
      <c r="E8956" s="1" t="s">
        <v>34453</v>
      </c>
      <c r="F8956" s="1" t="s">
        <v>34454</v>
      </c>
      <c r="G8956" s="1" t="s">
        <v>34414</v>
      </c>
      <c r="H8956" s="1" t="s">
        <v>34415</v>
      </c>
      <c r="I8956" s="1" t="s">
        <v>34416</v>
      </c>
      <c r="J8956" s="1" t="s">
        <v>34455</v>
      </c>
    </row>
    <row r="8957" spans="1:10" x14ac:dyDescent="0.35">
      <c r="A8957" s="1" t="s">
        <v>34410</v>
      </c>
      <c r="B8957" s="1" t="s">
        <v>34411</v>
      </c>
      <c r="C8957" s="1" t="s">
        <v>70</v>
      </c>
      <c r="D8957" s="1" t="s">
        <v>34056</v>
      </c>
      <c r="E8957" s="1" t="s">
        <v>34456</v>
      </c>
      <c r="F8957" s="1" t="s">
        <v>34457</v>
      </c>
      <c r="G8957" s="1" t="s">
        <v>34414</v>
      </c>
      <c r="H8957" s="1" t="s">
        <v>34415</v>
      </c>
      <c r="I8957" s="1" t="s">
        <v>34416</v>
      </c>
      <c r="J8957" s="1" t="s">
        <v>34458</v>
      </c>
    </row>
    <row r="8958" spans="1:10" x14ac:dyDescent="0.35">
      <c r="A8958" s="1" t="s">
        <v>34410</v>
      </c>
      <c r="B8958" s="1" t="s">
        <v>34411</v>
      </c>
      <c r="C8958" s="1" t="s">
        <v>75</v>
      </c>
      <c r="D8958" s="1" t="s">
        <v>34459</v>
      </c>
      <c r="E8958" s="1" t="s">
        <v>34460</v>
      </c>
      <c r="F8958" s="1" t="s">
        <v>34461</v>
      </c>
      <c r="G8958" s="1" t="s">
        <v>34414</v>
      </c>
      <c r="H8958" s="1" t="s">
        <v>34415</v>
      </c>
      <c r="I8958" s="1" t="s">
        <v>34416</v>
      </c>
      <c r="J8958" s="1" t="s">
        <v>34462</v>
      </c>
    </row>
    <row r="8959" spans="1:10" x14ac:dyDescent="0.35">
      <c r="A8959" s="1" t="s">
        <v>34410</v>
      </c>
      <c r="B8959" s="1" t="s">
        <v>34411</v>
      </c>
      <c r="C8959" s="1" t="s">
        <v>80</v>
      </c>
      <c r="D8959" s="1" t="s">
        <v>2655</v>
      </c>
      <c r="E8959" s="1" t="s">
        <v>34463</v>
      </c>
      <c r="F8959" s="1" t="s">
        <v>34464</v>
      </c>
      <c r="G8959" s="1" t="s">
        <v>34414</v>
      </c>
      <c r="H8959" s="1" t="s">
        <v>34415</v>
      </c>
      <c r="I8959" s="1" t="s">
        <v>34416</v>
      </c>
      <c r="J8959" s="1" t="s">
        <v>34465</v>
      </c>
    </row>
    <row r="8960" spans="1:10" x14ac:dyDescent="0.35">
      <c r="A8960" s="1" t="s">
        <v>34410</v>
      </c>
      <c r="B8960" s="1" t="s">
        <v>34411</v>
      </c>
      <c r="C8960" s="1" t="s">
        <v>85</v>
      </c>
      <c r="D8960" s="1" t="s">
        <v>34466</v>
      </c>
      <c r="E8960" s="1" t="s">
        <v>34467</v>
      </c>
      <c r="F8960" s="1" t="s">
        <v>34468</v>
      </c>
      <c r="G8960" s="1" t="s">
        <v>34414</v>
      </c>
      <c r="H8960" s="1" t="s">
        <v>34415</v>
      </c>
      <c r="I8960" s="1" t="s">
        <v>34416</v>
      </c>
      <c r="J8960" s="1" t="s">
        <v>34469</v>
      </c>
    </row>
    <row r="8961" spans="1:10" x14ac:dyDescent="0.35">
      <c r="A8961" s="1" t="s">
        <v>34410</v>
      </c>
      <c r="B8961" s="1" t="s">
        <v>34411</v>
      </c>
      <c r="C8961" s="1" t="s">
        <v>90</v>
      </c>
      <c r="D8961" s="1" t="s">
        <v>34470</v>
      </c>
      <c r="E8961" s="1" t="s">
        <v>34471</v>
      </c>
      <c r="F8961" s="1" t="s">
        <v>34472</v>
      </c>
      <c r="G8961" s="1" t="s">
        <v>34414</v>
      </c>
      <c r="H8961" s="1" t="s">
        <v>34415</v>
      </c>
      <c r="I8961" s="1" t="s">
        <v>34416</v>
      </c>
      <c r="J8961" s="1" t="s">
        <v>34473</v>
      </c>
    </row>
    <row r="8962" spans="1:10" x14ac:dyDescent="0.35">
      <c r="A8962" s="1" t="s">
        <v>34410</v>
      </c>
      <c r="B8962" s="1" t="s">
        <v>34411</v>
      </c>
      <c r="C8962" s="1" t="s">
        <v>95</v>
      </c>
      <c r="D8962" s="1" t="s">
        <v>28351</v>
      </c>
      <c r="E8962" s="1" t="s">
        <v>34474</v>
      </c>
      <c r="F8962" s="1" t="s">
        <v>34475</v>
      </c>
      <c r="G8962" s="1" t="s">
        <v>34414</v>
      </c>
      <c r="H8962" s="1" t="s">
        <v>34415</v>
      </c>
      <c r="I8962" s="1" t="s">
        <v>34416</v>
      </c>
      <c r="J8962" s="1" t="s">
        <v>34476</v>
      </c>
    </row>
    <row r="8963" spans="1:10" x14ac:dyDescent="0.35">
      <c r="A8963" s="1" t="s">
        <v>34410</v>
      </c>
      <c r="B8963" s="1" t="s">
        <v>34411</v>
      </c>
      <c r="C8963" s="1" t="s">
        <v>100</v>
      </c>
      <c r="D8963" s="1" t="s">
        <v>34477</v>
      </c>
      <c r="E8963" s="1" t="s">
        <v>34478</v>
      </c>
      <c r="F8963" s="1" t="s">
        <v>34479</v>
      </c>
      <c r="G8963" s="1" t="s">
        <v>34414</v>
      </c>
      <c r="H8963" s="1" t="s">
        <v>34415</v>
      </c>
      <c r="I8963" s="1" t="s">
        <v>34416</v>
      </c>
      <c r="J8963" s="1" t="s">
        <v>34480</v>
      </c>
    </row>
    <row r="8964" spans="1:10" x14ac:dyDescent="0.35">
      <c r="A8964" s="1" t="s">
        <v>34410</v>
      </c>
      <c r="B8964" s="1" t="s">
        <v>34411</v>
      </c>
      <c r="C8964" s="1" t="s">
        <v>105</v>
      </c>
      <c r="D8964" s="1" t="s">
        <v>34481</v>
      </c>
      <c r="E8964" s="1" t="s">
        <v>34482</v>
      </c>
      <c r="F8964" s="1" t="s">
        <v>34483</v>
      </c>
      <c r="G8964" s="1" t="s">
        <v>34414</v>
      </c>
      <c r="H8964" s="1" t="s">
        <v>34415</v>
      </c>
      <c r="I8964" s="1" t="s">
        <v>34416</v>
      </c>
      <c r="J8964" s="1" t="s">
        <v>34484</v>
      </c>
    </row>
    <row r="8965" spans="1:10" x14ac:dyDescent="0.35">
      <c r="A8965" s="1" t="s">
        <v>34410</v>
      </c>
      <c r="B8965" s="1" t="s">
        <v>34411</v>
      </c>
      <c r="C8965" s="1" t="s">
        <v>110</v>
      </c>
      <c r="D8965" s="1" t="s">
        <v>2382</v>
      </c>
      <c r="E8965" s="1" t="s">
        <v>34485</v>
      </c>
      <c r="F8965" s="1" t="s">
        <v>34486</v>
      </c>
      <c r="G8965" s="1" t="s">
        <v>34414</v>
      </c>
      <c r="H8965" s="1" t="s">
        <v>34415</v>
      </c>
      <c r="I8965" s="1" t="s">
        <v>34416</v>
      </c>
      <c r="J8965" s="1" t="s">
        <v>34487</v>
      </c>
    </row>
    <row r="8966" spans="1:10" x14ac:dyDescent="0.35">
      <c r="A8966" s="1" t="s">
        <v>34410</v>
      </c>
      <c r="B8966" s="1" t="s">
        <v>34411</v>
      </c>
      <c r="C8966" s="1" t="s">
        <v>115</v>
      </c>
      <c r="D8966" s="1" t="s">
        <v>34488</v>
      </c>
      <c r="E8966" s="1" t="s">
        <v>34489</v>
      </c>
      <c r="F8966" s="1" t="s">
        <v>34490</v>
      </c>
      <c r="G8966" s="1" t="s">
        <v>34414</v>
      </c>
      <c r="H8966" s="1" t="s">
        <v>34415</v>
      </c>
      <c r="I8966" s="1" t="s">
        <v>34416</v>
      </c>
      <c r="J8966" s="1" t="s">
        <v>34491</v>
      </c>
    </row>
    <row r="8967" spans="1:10" x14ac:dyDescent="0.35">
      <c r="A8967" s="1" t="s">
        <v>34410</v>
      </c>
      <c r="B8967" s="1" t="s">
        <v>34411</v>
      </c>
      <c r="C8967" s="1" t="s">
        <v>120</v>
      </c>
      <c r="D8967" s="1" t="s">
        <v>34492</v>
      </c>
      <c r="E8967" s="1" t="s">
        <v>34493</v>
      </c>
      <c r="F8967" s="1" t="s">
        <v>34494</v>
      </c>
      <c r="G8967" s="1" t="s">
        <v>34414</v>
      </c>
      <c r="H8967" s="1" t="s">
        <v>34415</v>
      </c>
      <c r="I8967" s="1" t="s">
        <v>34416</v>
      </c>
      <c r="J8967" s="1" t="s">
        <v>34495</v>
      </c>
    </row>
    <row r="8968" spans="1:10" x14ac:dyDescent="0.35">
      <c r="A8968" s="1" t="s">
        <v>34410</v>
      </c>
      <c r="B8968" s="1" t="s">
        <v>34411</v>
      </c>
      <c r="C8968" s="1" t="s">
        <v>125</v>
      </c>
      <c r="D8968" s="1" t="s">
        <v>34496</v>
      </c>
      <c r="E8968" s="1" t="s">
        <v>34497</v>
      </c>
      <c r="F8968" s="1" t="s">
        <v>34498</v>
      </c>
      <c r="G8968" s="1" t="s">
        <v>34414</v>
      </c>
      <c r="H8968" s="1" t="s">
        <v>34415</v>
      </c>
      <c r="I8968" s="1" t="s">
        <v>34416</v>
      </c>
      <c r="J8968" s="1" t="s">
        <v>34499</v>
      </c>
    </row>
    <row r="8969" spans="1:10" x14ac:dyDescent="0.35">
      <c r="A8969" s="1" t="s">
        <v>34410</v>
      </c>
      <c r="B8969" s="1" t="s">
        <v>34411</v>
      </c>
      <c r="C8969" s="1" t="s">
        <v>130</v>
      </c>
      <c r="D8969" s="1" t="s">
        <v>34500</v>
      </c>
      <c r="E8969" s="1" t="s">
        <v>34501</v>
      </c>
      <c r="F8969" s="1" t="s">
        <v>34502</v>
      </c>
      <c r="G8969" s="1" t="s">
        <v>34414</v>
      </c>
      <c r="H8969" s="1" t="s">
        <v>34415</v>
      </c>
      <c r="I8969" s="1" t="s">
        <v>34416</v>
      </c>
      <c r="J8969" s="1" t="s">
        <v>34503</v>
      </c>
    </row>
    <row r="8970" spans="1:10" x14ac:dyDescent="0.35">
      <c r="A8970" s="1" t="s">
        <v>34410</v>
      </c>
      <c r="B8970" s="1" t="s">
        <v>34411</v>
      </c>
      <c r="C8970" s="1" t="s">
        <v>135</v>
      </c>
      <c r="D8970" s="1" t="s">
        <v>34504</v>
      </c>
      <c r="E8970" s="1" t="s">
        <v>34505</v>
      </c>
      <c r="F8970" s="1" t="s">
        <v>34506</v>
      </c>
      <c r="G8970" s="1" t="s">
        <v>34414</v>
      </c>
      <c r="H8970" s="1" t="s">
        <v>34415</v>
      </c>
      <c r="I8970" s="1" t="s">
        <v>34416</v>
      </c>
      <c r="J8970" s="1" t="s">
        <v>34507</v>
      </c>
    </row>
    <row r="8971" spans="1:10" x14ac:dyDescent="0.35">
      <c r="A8971" s="1" t="s">
        <v>34410</v>
      </c>
      <c r="B8971" s="1" t="s">
        <v>34411</v>
      </c>
      <c r="C8971" s="1" t="s">
        <v>140</v>
      </c>
      <c r="D8971" s="1" t="s">
        <v>34508</v>
      </c>
      <c r="E8971" s="1" t="s">
        <v>34509</v>
      </c>
      <c r="F8971" s="1" t="s">
        <v>34510</v>
      </c>
      <c r="G8971" s="1" t="s">
        <v>34414</v>
      </c>
      <c r="H8971" s="1" t="s">
        <v>34415</v>
      </c>
      <c r="I8971" s="1" t="s">
        <v>34416</v>
      </c>
      <c r="J8971" s="1" t="s">
        <v>34511</v>
      </c>
    </row>
    <row r="8972" spans="1:10" x14ac:dyDescent="0.35">
      <c r="A8972" s="1" t="s">
        <v>34410</v>
      </c>
      <c r="B8972" s="1" t="s">
        <v>34411</v>
      </c>
      <c r="C8972" s="1" t="s">
        <v>145</v>
      </c>
      <c r="D8972" s="1" t="s">
        <v>34512</v>
      </c>
      <c r="E8972" s="1" t="s">
        <v>34513</v>
      </c>
      <c r="F8972" s="1" t="s">
        <v>34514</v>
      </c>
      <c r="G8972" s="1" t="s">
        <v>34414</v>
      </c>
      <c r="H8972" s="1" t="s">
        <v>34415</v>
      </c>
      <c r="I8972" s="1" t="s">
        <v>34416</v>
      </c>
      <c r="J8972" s="1" t="s">
        <v>34515</v>
      </c>
    </row>
    <row r="8973" spans="1:10" x14ac:dyDescent="0.35">
      <c r="A8973" s="1" t="s">
        <v>34410</v>
      </c>
      <c r="B8973" s="1" t="s">
        <v>34411</v>
      </c>
      <c r="C8973" s="1" t="s">
        <v>150</v>
      </c>
      <c r="D8973" s="1" t="s">
        <v>29250</v>
      </c>
      <c r="E8973" s="1" t="s">
        <v>34516</v>
      </c>
      <c r="F8973" s="1" t="s">
        <v>34517</v>
      </c>
      <c r="G8973" s="1" t="s">
        <v>34414</v>
      </c>
      <c r="H8973" s="1" t="s">
        <v>34415</v>
      </c>
      <c r="I8973" s="1" t="s">
        <v>34416</v>
      </c>
      <c r="J8973" s="1" t="s">
        <v>34518</v>
      </c>
    </row>
    <row r="8974" spans="1:10" x14ac:dyDescent="0.35">
      <c r="A8974" s="1" t="s">
        <v>34410</v>
      </c>
      <c r="B8974" s="1" t="s">
        <v>34411</v>
      </c>
      <c r="C8974" s="1" t="s">
        <v>155</v>
      </c>
      <c r="D8974" s="1" t="s">
        <v>34519</v>
      </c>
      <c r="E8974" s="1" t="s">
        <v>34520</v>
      </c>
      <c r="F8974" s="1" t="s">
        <v>34521</v>
      </c>
      <c r="G8974" s="1" t="s">
        <v>34414</v>
      </c>
      <c r="H8974" s="1" t="s">
        <v>34415</v>
      </c>
      <c r="I8974" s="1" t="s">
        <v>34416</v>
      </c>
      <c r="J8974" s="1" t="s">
        <v>34522</v>
      </c>
    </row>
    <row r="8975" spans="1:10" x14ac:dyDescent="0.35">
      <c r="A8975" s="1" t="s">
        <v>34410</v>
      </c>
      <c r="B8975" s="1" t="s">
        <v>34411</v>
      </c>
      <c r="C8975" s="1" t="s">
        <v>160</v>
      </c>
      <c r="D8975" s="1" t="s">
        <v>33917</v>
      </c>
      <c r="E8975" s="1" t="s">
        <v>34523</v>
      </c>
      <c r="F8975" s="1" t="s">
        <v>34524</v>
      </c>
      <c r="G8975" s="1" t="s">
        <v>34414</v>
      </c>
      <c r="H8975" s="1" t="s">
        <v>34415</v>
      </c>
      <c r="I8975" s="1" t="s">
        <v>34416</v>
      </c>
      <c r="J8975" s="1" t="s">
        <v>34525</v>
      </c>
    </row>
    <row r="8976" spans="1:10" x14ac:dyDescent="0.35">
      <c r="A8976" s="1" t="s">
        <v>34410</v>
      </c>
      <c r="B8976" s="1" t="s">
        <v>34411</v>
      </c>
      <c r="C8976" s="1" t="s">
        <v>165</v>
      </c>
      <c r="D8976" s="1" t="s">
        <v>34526</v>
      </c>
      <c r="E8976" s="1" t="s">
        <v>34527</v>
      </c>
      <c r="F8976" s="1" t="s">
        <v>34528</v>
      </c>
      <c r="G8976" s="1" t="s">
        <v>34414</v>
      </c>
      <c r="H8976" s="1" t="s">
        <v>34415</v>
      </c>
      <c r="I8976" s="1" t="s">
        <v>34416</v>
      </c>
      <c r="J8976" s="1" t="s">
        <v>34529</v>
      </c>
    </row>
    <row r="8977" spans="1:10" x14ac:dyDescent="0.35">
      <c r="A8977" s="1" t="s">
        <v>34410</v>
      </c>
      <c r="B8977" s="1" t="s">
        <v>34411</v>
      </c>
      <c r="C8977" s="1" t="s">
        <v>170</v>
      </c>
      <c r="D8977" s="1" t="s">
        <v>34530</v>
      </c>
      <c r="E8977" s="1" t="s">
        <v>34531</v>
      </c>
      <c r="F8977" s="1" t="s">
        <v>34532</v>
      </c>
      <c r="G8977" s="1" t="s">
        <v>34414</v>
      </c>
      <c r="H8977" s="1" t="s">
        <v>34415</v>
      </c>
      <c r="I8977" s="1" t="s">
        <v>34416</v>
      </c>
      <c r="J8977" s="1" t="s">
        <v>34533</v>
      </c>
    </row>
    <row r="8978" spans="1:10" x14ac:dyDescent="0.35">
      <c r="A8978" s="1" t="s">
        <v>34534</v>
      </c>
      <c r="B8978" s="1" t="s">
        <v>34411</v>
      </c>
      <c r="C8978" s="1" t="s">
        <v>8</v>
      </c>
      <c r="D8978" s="1" t="s">
        <v>34535</v>
      </c>
      <c r="E8978" s="1" t="s">
        <v>34536</v>
      </c>
      <c r="F8978" s="1" t="s">
        <v>34537</v>
      </c>
      <c r="G8978" s="1" t="s">
        <v>34538</v>
      </c>
      <c r="H8978" s="1" t="s">
        <v>34539</v>
      </c>
      <c r="I8978" s="1" t="s">
        <v>34416</v>
      </c>
      <c r="J8978" s="1" t="s">
        <v>13</v>
      </c>
    </row>
    <row r="8979" spans="1:10" x14ac:dyDescent="0.35">
      <c r="A8979" s="1" t="s">
        <v>34534</v>
      </c>
      <c r="B8979" s="1" t="s">
        <v>34411</v>
      </c>
      <c r="C8979" s="1" t="s">
        <v>15</v>
      </c>
      <c r="D8979" s="1" t="s">
        <v>7067</v>
      </c>
      <c r="E8979" s="1" t="s">
        <v>34540</v>
      </c>
      <c r="F8979" s="1" t="s">
        <v>34541</v>
      </c>
      <c r="G8979" s="1" t="s">
        <v>34538</v>
      </c>
      <c r="H8979" s="1" t="s">
        <v>34539</v>
      </c>
      <c r="I8979" s="1" t="s">
        <v>34416</v>
      </c>
      <c r="J8979" s="1" t="s">
        <v>34542</v>
      </c>
    </row>
    <row r="8980" spans="1:10" x14ac:dyDescent="0.35">
      <c r="A8980" s="1" t="s">
        <v>34534</v>
      </c>
      <c r="B8980" s="1" t="s">
        <v>34411</v>
      </c>
      <c r="C8980" s="1" t="s">
        <v>20</v>
      </c>
      <c r="D8980" s="1" t="s">
        <v>28933</v>
      </c>
      <c r="E8980" s="1" t="s">
        <v>34543</v>
      </c>
      <c r="F8980" s="1" t="s">
        <v>34544</v>
      </c>
      <c r="G8980" s="1" t="s">
        <v>34538</v>
      </c>
      <c r="H8980" s="1" t="s">
        <v>34539</v>
      </c>
      <c r="I8980" s="1" t="s">
        <v>34416</v>
      </c>
      <c r="J8980" s="1" t="s">
        <v>34545</v>
      </c>
    </row>
    <row r="8981" spans="1:10" x14ac:dyDescent="0.35">
      <c r="A8981" s="1" t="s">
        <v>34534</v>
      </c>
      <c r="B8981" s="1" t="s">
        <v>34411</v>
      </c>
      <c r="C8981" s="1" t="s">
        <v>25</v>
      </c>
      <c r="D8981" s="1" t="s">
        <v>9280</v>
      </c>
      <c r="E8981" s="1" t="s">
        <v>34546</v>
      </c>
      <c r="F8981" s="1" t="s">
        <v>34547</v>
      </c>
      <c r="G8981" s="1" t="s">
        <v>34538</v>
      </c>
      <c r="H8981" s="1" t="s">
        <v>34539</v>
      </c>
      <c r="I8981" s="1" t="s">
        <v>34416</v>
      </c>
      <c r="J8981" s="1" t="s">
        <v>34548</v>
      </c>
    </row>
    <row r="8982" spans="1:10" x14ac:dyDescent="0.35">
      <c r="A8982" s="1" t="s">
        <v>34534</v>
      </c>
      <c r="B8982" s="1" t="s">
        <v>34411</v>
      </c>
      <c r="C8982" s="1" t="s">
        <v>30</v>
      </c>
      <c r="D8982" s="1" t="s">
        <v>34549</v>
      </c>
      <c r="E8982" s="1" t="s">
        <v>34550</v>
      </c>
      <c r="F8982" s="1" t="s">
        <v>34551</v>
      </c>
      <c r="G8982" s="1" t="s">
        <v>34538</v>
      </c>
      <c r="H8982" s="1" t="s">
        <v>34539</v>
      </c>
      <c r="I8982" s="1" t="s">
        <v>34416</v>
      </c>
      <c r="J8982" s="1" t="s">
        <v>34552</v>
      </c>
    </row>
    <row r="8983" spans="1:10" x14ac:dyDescent="0.35">
      <c r="A8983" s="1" t="s">
        <v>34534</v>
      </c>
      <c r="B8983" s="1" t="s">
        <v>34411</v>
      </c>
      <c r="C8983" s="1" t="s">
        <v>35</v>
      </c>
      <c r="D8983" s="1" t="s">
        <v>9163</v>
      </c>
      <c r="E8983" s="1" t="s">
        <v>34553</v>
      </c>
      <c r="F8983" s="1" t="s">
        <v>34554</v>
      </c>
      <c r="G8983" s="1" t="s">
        <v>34538</v>
      </c>
      <c r="H8983" s="1" t="s">
        <v>34539</v>
      </c>
      <c r="I8983" s="1" t="s">
        <v>34416</v>
      </c>
      <c r="J8983" s="1" t="s">
        <v>34555</v>
      </c>
    </row>
    <row r="8984" spans="1:10" x14ac:dyDescent="0.35">
      <c r="A8984" s="1" t="s">
        <v>34534</v>
      </c>
      <c r="B8984" s="1" t="s">
        <v>34411</v>
      </c>
      <c r="C8984" s="1" t="s">
        <v>40</v>
      </c>
      <c r="D8984" s="1" t="s">
        <v>7594</v>
      </c>
      <c r="E8984" s="1" t="s">
        <v>34556</v>
      </c>
      <c r="F8984" s="1" t="s">
        <v>34557</v>
      </c>
      <c r="G8984" s="1" t="s">
        <v>34538</v>
      </c>
      <c r="H8984" s="1" t="s">
        <v>34539</v>
      </c>
      <c r="I8984" s="1" t="s">
        <v>34416</v>
      </c>
      <c r="J8984" s="1" t="s">
        <v>34558</v>
      </c>
    </row>
    <row r="8985" spans="1:10" x14ac:dyDescent="0.35">
      <c r="A8985" s="1" t="s">
        <v>34534</v>
      </c>
      <c r="B8985" s="1" t="s">
        <v>34411</v>
      </c>
      <c r="C8985" s="1" t="s">
        <v>45</v>
      </c>
      <c r="D8985" s="1" t="s">
        <v>34559</v>
      </c>
      <c r="E8985" s="1" t="s">
        <v>34560</v>
      </c>
      <c r="F8985" s="1" t="s">
        <v>34561</v>
      </c>
      <c r="G8985" s="1" t="s">
        <v>34538</v>
      </c>
      <c r="H8985" s="1" t="s">
        <v>34539</v>
      </c>
      <c r="I8985" s="1" t="s">
        <v>34416</v>
      </c>
      <c r="J8985" s="1" t="s">
        <v>34562</v>
      </c>
    </row>
    <row r="8986" spans="1:10" x14ac:dyDescent="0.35">
      <c r="A8986" s="1" t="s">
        <v>34534</v>
      </c>
      <c r="B8986" s="1" t="s">
        <v>34411</v>
      </c>
      <c r="C8986" s="1" t="s">
        <v>50</v>
      </c>
      <c r="D8986" s="1" t="s">
        <v>27495</v>
      </c>
      <c r="E8986" s="1" t="s">
        <v>34563</v>
      </c>
      <c r="F8986" s="1" t="s">
        <v>34564</v>
      </c>
      <c r="G8986" s="1" t="s">
        <v>34538</v>
      </c>
      <c r="H8986" s="1" t="s">
        <v>34539</v>
      </c>
      <c r="I8986" s="1" t="s">
        <v>34416</v>
      </c>
      <c r="J8986" s="1" t="s">
        <v>34565</v>
      </c>
    </row>
    <row r="8987" spans="1:10" x14ac:dyDescent="0.35">
      <c r="A8987" s="1" t="s">
        <v>34534</v>
      </c>
      <c r="B8987" s="1" t="s">
        <v>34411</v>
      </c>
      <c r="C8987" s="1" t="s">
        <v>55</v>
      </c>
      <c r="D8987" s="1" t="s">
        <v>2315</v>
      </c>
      <c r="E8987" s="1" t="s">
        <v>34566</v>
      </c>
      <c r="F8987" s="1" t="s">
        <v>34567</v>
      </c>
      <c r="G8987" s="1" t="s">
        <v>34538</v>
      </c>
      <c r="H8987" s="1" t="s">
        <v>34539</v>
      </c>
      <c r="I8987" s="1" t="s">
        <v>34416</v>
      </c>
      <c r="J8987" s="1" t="s">
        <v>34568</v>
      </c>
    </row>
    <row r="8988" spans="1:10" x14ac:dyDescent="0.35">
      <c r="A8988" s="1" t="s">
        <v>34534</v>
      </c>
      <c r="B8988" s="1" t="s">
        <v>34411</v>
      </c>
      <c r="C8988" s="1" t="s">
        <v>60</v>
      </c>
      <c r="D8988" s="1" t="s">
        <v>34569</v>
      </c>
      <c r="E8988" s="1" t="s">
        <v>34570</v>
      </c>
      <c r="F8988" s="1" t="s">
        <v>34571</v>
      </c>
      <c r="G8988" s="1" t="s">
        <v>34538</v>
      </c>
      <c r="H8988" s="1" t="s">
        <v>34539</v>
      </c>
      <c r="I8988" s="1" t="s">
        <v>34416</v>
      </c>
      <c r="J8988" s="1" t="s">
        <v>34572</v>
      </c>
    </row>
    <row r="8989" spans="1:10" x14ac:dyDescent="0.35">
      <c r="A8989" s="1" t="s">
        <v>34534</v>
      </c>
      <c r="B8989" s="1" t="s">
        <v>34411</v>
      </c>
      <c r="C8989" s="1" t="s">
        <v>65</v>
      </c>
      <c r="D8989" s="1" t="s">
        <v>25913</v>
      </c>
      <c r="E8989" s="1" t="s">
        <v>34573</v>
      </c>
      <c r="F8989" s="1" t="s">
        <v>34574</v>
      </c>
      <c r="G8989" s="1" t="s">
        <v>34538</v>
      </c>
      <c r="H8989" s="1" t="s">
        <v>34539</v>
      </c>
      <c r="I8989" s="1" t="s">
        <v>34416</v>
      </c>
      <c r="J8989" s="1" t="s">
        <v>34575</v>
      </c>
    </row>
    <row r="8990" spans="1:10" x14ac:dyDescent="0.35">
      <c r="A8990" s="1" t="s">
        <v>34534</v>
      </c>
      <c r="B8990" s="1" t="s">
        <v>34411</v>
      </c>
      <c r="C8990" s="1" t="s">
        <v>70</v>
      </c>
      <c r="D8990" s="1" t="s">
        <v>9009</v>
      </c>
      <c r="E8990" s="1" t="s">
        <v>34576</v>
      </c>
      <c r="F8990" s="1" t="s">
        <v>34577</v>
      </c>
      <c r="G8990" s="1" t="s">
        <v>34538</v>
      </c>
      <c r="H8990" s="1" t="s">
        <v>34539</v>
      </c>
      <c r="I8990" s="1" t="s">
        <v>34416</v>
      </c>
      <c r="J8990" s="1" t="s">
        <v>34578</v>
      </c>
    </row>
    <row r="8991" spans="1:10" x14ac:dyDescent="0.35">
      <c r="A8991" s="1" t="s">
        <v>34534</v>
      </c>
      <c r="B8991" s="1" t="s">
        <v>34411</v>
      </c>
      <c r="C8991" s="1" t="s">
        <v>75</v>
      </c>
      <c r="D8991" s="1" t="s">
        <v>34579</v>
      </c>
      <c r="E8991" s="1" t="s">
        <v>34580</v>
      </c>
      <c r="F8991" s="1" t="s">
        <v>34581</v>
      </c>
      <c r="G8991" s="1" t="s">
        <v>34538</v>
      </c>
      <c r="H8991" s="1" t="s">
        <v>34539</v>
      </c>
      <c r="I8991" s="1" t="s">
        <v>34416</v>
      </c>
      <c r="J8991" s="1" t="s">
        <v>34582</v>
      </c>
    </row>
    <row r="8992" spans="1:10" x14ac:dyDescent="0.35">
      <c r="A8992" s="1" t="s">
        <v>34534</v>
      </c>
      <c r="B8992" s="1" t="s">
        <v>34411</v>
      </c>
      <c r="C8992" s="1" t="s">
        <v>80</v>
      </c>
      <c r="D8992" s="1" t="s">
        <v>2551</v>
      </c>
      <c r="E8992" s="1" t="s">
        <v>34583</v>
      </c>
      <c r="F8992" s="1" t="s">
        <v>34584</v>
      </c>
      <c r="G8992" s="1" t="s">
        <v>34538</v>
      </c>
      <c r="H8992" s="1" t="s">
        <v>34539</v>
      </c>
      <c r="I8992" s="1" t="s">
        <v>34416</v>
      </c>
      <c r="J8992" s="1" t="s">
        <v>34585</v>
      </c>
    </row>
    <row r="8993" spans="1:10" x14ac:dyDescent="0.35">
      <c r="A8993" s="1" t="s">
        <v>34534</v>
      </c>
      <c r="B8993" s="1" t="s">
        <v>34411</v>
      </c>
      <c r="C8993" s="1" t="s">
        <v>85</v>
      </c>
      <c r="D8993" s="1" t="s">
        <v>28582</v>
      </c>
      <c r="E8993" s="1" t="s">
        <v>34586</v>
      </c>
      <c r="F8993" s="1" t="s">
        <v>34587</v>
      </c>
      <c r="G8993" s="1" t="s">
        <v>34538</v>
      </c>
      <c r="H8993" s="1" t="s">
        <v>34539</v>
      </c>
      <c r="I8993" s="1" t="s">
        <v>34416</v>
      </c>
      <c r="J8993" s="1" t="s">
        <v>34588</v>
      </c>
    </row>
    <row r="8994" spans="1:10" x14ac:dyDescent="0.35">
      <c r="A8994" s="1" t="s">
        <v>34534</v>
      </c>
      <c r="B8994" s="1" t="s">
        <v>34411</v>
      </c>
      <c r="C8994" s="1" t="s">
        <v>90</v>
      </c>
      <c r="D8994" s="1" t="s">
        <v>34589</v>
      </c>
      <c r="E8994" s="1" t="s">
        <v>34590</v>
      </c>
      <c r="F8994" s="1" t="s">
        <v>34591</v>
      </c>
      <c r="G8994" s="1" t="s">
        <v>34538</v>
      </c>
      <c r="H8994" s="1" t="s">
        <v>34539</v>
      </c>
      <c r="I8994" s="1" t="s">
        <v>34416</v>
      </c>
      <c r="J8994" s="1" t="s">
        <v>34592</v>
      </c>
    </row>
    <row r="8995" spans="1:10" x14ac:dyDescent="0.35">
      <c r="A8995" s="1" t="s">
        <v>34534</v>
      </c>
      <c r="B8995" s="1" t="s">
        <v>34411</v>
      </c>
      <c r="C8995" s="1" t="s">
        <v>95</v>
      </c>
      <c r="D8995" s="1" t="s">
        <v>34593</v>
      </c>
      <c r="E8995" s="1" t="s">
        <v>34594</v>
      </c>
      <c r="F8995" s="1" t="s">
        <v>34595</v>
      </c>
      <c r="G8995" s="1" t="s">
        <v>34538</v>
      </c>
      <c r="H8995" s="1" t="s">
        <v>34539</v>
      </c>
      <c r="I8995" s="1" t="s">
        <v>34416</v>
      </c>
      <c r="J8995" s="1" t="s">
        <v>34596</v>
      </c>
    </row>
    <row r="8996" spans="1:10" x14ac:dyDescent="0.35">
      <c r="A8996" s="1" t="s">
        <v>34534</v>
      </c>
      <c r="B8996" s="1" t="s">
        <v>34411</v>
      </c>
      <c r="C8996" s="1" t="s">
        <v>100</v>
      </c>
      <c r="D8996" s="1" t="s">
        <v>34597</v>
      </c>
      <c r="E8996" s="1" t="s">
        <v>34598</v>
      </c>
      <c r="F8996" s="1" t="s">
        <v>34599</v>
      </c>
      <c r="G8996" s="1" t="s">
        <v>34538</v>
      </c>
      <c r="H8996" s="1" t="s">
        <v>34539</v>
      </c>
      <c r="I8996" s="1" t="s">
        <v>34416</v>
      </c>
      <c r="J8996" s="1" t="s">
        <v>34600</v>
      </c>
    </row>
    <row r="8997" spans="1:10" x14ac:dyDescent="0.35">
      <c r="A8997" s="1" t="s">
        <v>34534</v>
      </c>
      <c r="B8997" s="1" t="s">
        <v>34411</v>
      </c>
      <c r="C8997" s="1" t="s">
        <v>105</v>
      </c>
      <c r="D8997" s="1" t="s">
        <v>34601</v>
      </c>
      <c r="E8997" s="1" t="s">
        <v>34602</v>
      </c>
      <c r="F8997" s="1" t="s">
        <v>34603</v>
      </c>
      <c r="G8997" s="1" t="s">
        <v>34538</v>
      </c>
      <c r="H8997" s="1" t="s">
        <v>34539</v>
      </c>
      <c r="I8997" s="1" t="s">
        <v>34416</v>
      </c>
      <c r="J8997" s="1" t="s">
        <v>34604</v>
      </c>
    </row>
    <row r="8998" spans="1:10" x14ac:dyDescent="0.35">
      <c r="A8998" s="1" t="s">
        <v>34534</v>
      </c>
      <c r="B8998" s="1" t="s">
        <v>34411</v>
      </c>
      <c r="C8998" s="1" t="s">
        <v>110</v>
      </c>
      <c r="D8998" s="1" t="s">
        <v>2366</v>
      </c>
      <c r="E8998" s="1" t="s">
        <v>34605</v>
      </c>
      <c r="F8998" s="1" t="s">
        <v>34606</v>
      </c>
      <c r="G8998" s="1" t="s">
        <v>34538</v>
      </c>
      <c r="H8998" s="1" t="s">
        <v>34539</v>
      </c>
      <c r="I8998" s="1" t="s">
        <v>34416</v>
      </c>
      <c r="J8998" s="1" t="s">
        <v>34607</v>
      </c>
    </row>
    <row r="8999" spans="1:10" x14ac:dyDescent="0.35">
      <c r="A8999" s="1" t="s">
        <v>34534</v>
      </c>
      <c r="B8999" s="1" t="s">
        <v>34411</v>
      </c>
      <c r="C8999" s="1" t="s">
        <v>115</v>
      </c>
      <c r="D8999" s="1" t="s">
        <v>7086</v>
      </c>
      <c r="E8999" s="1" t="s">
        <v>34608</v>
      </c>
      <c r="F8999" s="1" t="s">
        <v>34609</v>
      </c>
      <c r="G8999" s="1" t="s">
        <v>34538</v>
      </c>
      <c r="H8999" s="1" t="s">
        <v>34539</v>
      </c>
      <c r="I8999" s="1" t="s">
        <v>34416</v>
      </c>
      <c r="J8999" s="1" t="s">
        <v>34610</v>
      </c>
    </row>
    <row r="9000" spans="1:10" x14ac:dyDescent="0.35">
      <c r="A9000" s="1" t="s">
        <v>34534</v>
      </c>
      <c r="B9000" s="1" t="s">
        <v>34411</v>
      </c>
      <c r="C9000" s="1" t="s">
        <v>120</v>
      </c>
      <c r="D9000" s="1" t="s">
        <v>2296</v>
      </c>
      <c r="E9000" s="1" t="s">
        <v>34611</v>
      </c>
      <c r="F9000" s="1" t="s">
        <v>34612</v>
      </c>
      <c r="G9000" s="1" t="s">
        <v>34538</v>
      </c>
      <c r="H9000" s="1" t="s">
        <v>34539</v>
      </c>
      <c r="I9000" s="1" t="s">
        <v>34416</v>
      </c>
      <c r="J9000" s="1" t="s">
        <v>34613</v>
      </c>
    </row>
    <row r="9001" spans="1:10" x14ac:dyDescent="0.35">
      <c r="A9001" s="1" t="s">
        <v>34534</v>
      </c>
      <c r="B9001" s="1" t="s">
        <v>34411</v>
      </c>
      <c r="C9001" s="1" t="s">
        <v>125</v>
      </c>
      <c r="D9001" s="1" t="s">
        <v>34614</v>
      </c>
      <c r="E9001" s="1" t="s">
        <v>34615</v>
      </c>
      <c r="F9001" s="1" t="s">
        <v>34616</v>
      </c>
      <c r="G9001" s="1" t="s">
        <v>34538</v>
      </c>
      <c r="H9001" s="1" t="s">
        <v>34539</v>
      </c>
      <c r="I9001" s="1" t="s">
        <v>34416</v>
      </c>
      <c r="J9001" s="1" t="s">
        <v>34617</v>
      </c>
    </row>
    <row r="9002" spans="1:10" x14ac:dyDescent="0.35">
      <c r="A9002" s="1" t="s">
        <v>34534</v>
      </c>
      <c r="B9002" s="1" t="s">
        <v>34411</v>
      </c>
      <c r="C9002" s="1" t="s">
        <v>130</v>
      </c>
      <c r="D9002" s="1" t="s">
        <v>34618</v>
      </c>
      <c r="E9002" s="1" t="s">
        <v>34619</v>
      </c>
      <c r="F9002" s="1" t="s">
        <v>34620</v>
      </c>
      <c r="G9002" s="1" t="s">
        <v>34538</v>
      </c>
      <c r="H9002" s="1" t="s">
        <v>34539</v>
      </c>
      <c r="I9002" s="1" t="s">
        <v>34416</v>
      </c>
      <c r="J9002" s="1" t="s">
        <v>34621</v>
      </c>
    </row>
    <row r="9003" spans="1:10" x14ac:dyDescent="0.35">
      <c r="A9003" s="1" t="s">
        <v>34534</v>
      </c>
      <c r="B9003" s="1" t="s">
        <v>34411</v>
      </c>
      <c r="C9003" s="1" t="s">
        <v>135</v>
      </c>
      <c r="D9003" s="1" t="s">
        <v>34622</v>
      </c>
      <c r="E9003" s="1" t="s">
        <v>34623</v>
      </c>
      <c r="F9003" s="1" t="s">
        <v>34624</v>
      </c>
      <c r="G9003" s="1" t="s">
        <v>34538</v>
      </c>
      <c r="H9003" s="1" t="s">
        <v>34539</v>
      </c>
      <c r="I9003" s="1" t="s">
        <v>34416</v>
      </c>
      <c r="J9003" s="1" t="s">
        <v>34625</v>
      </c>
    </row>
    <row r="9004" spans="1:10" x14ac:dyDescent="0.35">
      <c r="A9004" s="1" t="s">
        <v>34534</v>
      </c>
      <c r="B9004" s="1" t="s">
        <v>34411</v>
      </c>
      <c r="C9004" s="1" t="s">
        <v>140</v>
      </c>
      <c r="D9004" s="1" t="s">
        <v>34626</v>
      </c>
      <c r="E9004" s="1" t="s">
        <v>34627</v>
      </c>
      <c r="F9004" s="1" t="s">
        <v>34628</v>
      </c>
      <c r="G9004" s="1" t="s">
        <v>34538</v>
      </c>
      <c r="H9004" s="1" t="s">
        <v>34539</v>
      </c>
      <c r="I9004" s="1" t="s">
        <v>34416</v>
      </c>
      <c r="J9004" s="1" t="s">
        <v>34629</v>
      </c>
    </row>
    <row r="9005" spans="1:10" x14ac:dyDescent="0.35">
      <c r="A9005" s="1" t="s">
        <v>34534</v>
      </c>
      <c r="B9005" s="1" t="s">
        <v>34411</v>
      </c>
      <c r="C9005" s="1" t="s">
        <v>145</v>
      </c>
      <c r="D9005" s="1" t="s">
        <v>25055</v>
      </c>
      <c r="E9005" s="1" t="s">
        <v>34630</v>
      </c>
      <c r="F9005" s="1" t="s">
        <v>34631</v>
      </c>
      <c r="G9005" s="1" t="s">
        <v>34538</v>
      </c>
      <c r="H9005" s="1" t="s">
        <v>34539</v>
      </c>
      <c r="I9005" s="1" t="s">
        <v>34416</v>
      </c>
      <c r="J9005" s="1" t="s">
        <v>34632</v>
      </c>
    </row>
    <row r="9006" spans="1:10" x14ac:dyDescent="0.35">
      <c r="A9006" s="1" t="s">
        <v>34534</v>
      </c>
      <c r="B9006" s="1" t="s">
        <v>34411</v>
      </c>
      <c r="C9006" s="1" t="s">
        <v>150</v>
      </c>
      <c r="D9006" s="1" t="s">
        <v>29725</v>
      </c>
      <c r="E9006" s="1" t="s">
        <v>34633</v>
      </c>
      <c r="F9006" s="1" t="s">
        <v>34634</v>
      </c>
      <c r="G9006" s="1" t="s">
        <v>34538</v>
      </c>
      <c r="H9006" s="1" t="s">
        <v>34539</v>
      </c>
      <c r="I9006" s="1" t="s">
        <v>34416</v>
      </c>
      <c r="J9006" s="1" t="s">
        <v>34635</v>
      </c>
    </row>
    <row r="9007" spans="1:10" x14ac:dyDescent="0.35">
      <c r="A9007" s="1" t="s">
        <v>34534</v>
      </c>
      <c r="B9007" s="1" t="s">
        <v>34411</v>
      </c>
      <c r="C9007" s="1" t="s">
        <v>155</v>
      </c>
      <c r="D9007" s="1" t="s">
        <v>34636</v>
      </c>
      <c r="E9007" s="1" t="s">
        <v>34637</v>
      </c>
      <c r="F9007" s="1" t="s">
        <v>34638</v>
      </c>
      <c r="G9007" s="1" t="s">
        <v>34538</v>
      </c>
      <c r="H9007" s="1" t="s">
        <v>34539</v>
      </c>
      <c r="I9007" s="1" t="s">
        <v>34416</v>
      </c>
      <c r="J9007" s="1" t="s">
        <v>2088</v>
      </c>
    </row>
    <row r="9008" spans="1:10" x14ac:dyDescent="0.35">
      <c r="A9008" s="1" t="s">
        <v>34534</v>
      </c>
      <c r="B9008" s="1" t="s">
        <v>34411</v>
      </c>
      <c r="C9008" s="1" t="s">
        <v>160</v>
      </c>
      <c r="D9008" s="1" t="s">
        <v>34639</v>
      </c>
      <c r="E9008" s="1" t="s">
        <v>34640</v>
      </c>
      <c r="F9008" s="1" t="s">
        <v>34641</v>
      </c>
      <c r="G9008" s="1" t="s">
        <v>34538</v>
      </c>
      <c r="H9008" s="1" t="s">
        <v>34539</v>
      </c>
      <c r="I9008" s="1" t="s">
        <v>34416</v>
      </c>
      <c r="J9008" s="1" t="s">
        <v>34642</v>
      </c>
    </row>
    <row r="9009" spans="1:10" x14ac:dyDescent="0.35">
      <c r="A9009" s="1" t="s">
        <v>34534</v>
      </c>
      <c r="B9009" s="1" t="s">
        <v>34411</v>
      </c>
      <c r="C9009" s="1" t="s">
        <v>165</v>
      </c>
      <c r="D9009" s="1" t="s">
        <v>34643</v>
      </c>
      <c r="E9009" s="1" t="s">
        <v>34644</v>
      </c>
      <c r="F9009" s="1" t="s">
        <v>34645</v>
      </c>
      <c r="G9009" s="1" t="s">
        <v>34538</v>
      </c>
      <c r="H9009" s="1" t="s">
        <v>34539</v>
      </c>
      <c r="I9009" s="1" t="s">
        <v>34416</v>
      </c>
      <c r="J9009" s="1" t="s">
        <v>34646</v>
      </c>
    </row>
    <row r="9010" spans="1:10" x14ac:dyDescent="0.35">
      <c r="A9010" s="1" t="s">
        <v>34534</v>
      </c>
      <c r="B9010" s="1" t="s">
        <v>34411</v>
      </c>
      <c r="C9010" s="1" t="s">
        <v>170</v>
      </c>
      <c r="D9010" s="1" t="s">
        <v>34647</v>
      </c>
      <c r="E9010" s="1" t="s">
        <v>34648</v>
      </c>
      <c r="F9010" s="1" t="s">
        <v>34649</v>
      </c>
      <c r="G9010" s="1" t="s">
        <v>34538</v>
      </c>
      <c r="H9010" s="1" t="s">
        <v>34539</v>
      </c>
      <c r="I9010" s="1" t="s">
        <v>34416</v>
      </c>
      <c r="J9010" s="1" t="s">
        <v>34650</v>
      </c>
    </row>
    <row r="9011" spans="1:10" x14ac:dyDescent="0.35">
      <c r="A9011" s="1" t="s">
        <v>34651</v>
      </c>
      <c r="B9011" s="1" t="s">
        <v>34411</v>
      </c>
      <c r="C9011" s="1" t="s">
        <v>8</v>
      </c>
      <c r="D9011" s="1" t="s">
        <v>34593</v>
      </c>
      <c r="E9011" s="1" t="s">
        <v>34652</v>
      </c>
      <c r="F9011" s="1" t="s">
        <v>34653</v>
      </c>
      <c r="G9011" s="1" t="s">
        <v>34654</v>
      </c>
      <c r="H9011" s="1" t="s">
        <v>34655</v>
      </c>
      <c r="I9011" s="1" t="s">
        <v>34416</v>
      </c>
      <c r="J9011" s="1" t="s">
        <v>13</v>
      </c>
    </row>
    <row r="9012" spans="1:10" x14ac:dyDescent="0.35">
      <c r="A9012" s="1" t="s">
        <v>34651</v>
      </c>
      <c r="B9012" s="1" t="s">
        <v>34411</v>
      </c>
      <c r="C9012" s="1" t="s">
        <v>15</v>
      </c>
      <c r="D9012" s="1" t="s">
        <v>34656</v>
      </c>
      <c r="E9012" s="1" t="s">
        <v>34657</v>
      </c>
      <c r="F9012" s="1" t="s">
        <v>34658</v>
      </c>
      <c r="G9012" s="1" t="s">
        <v>34654</v>
      </c>
      <c r="H9012" s="1" t="s">
        <v>34655</v>
      </c>
      <c r="I9012" s="1" t="s">
        <v>34416</v>
      </c>
      <c r="J9012" s="1" t="s">
        <v>34659</v>
      </c>
    </row>
    <row r="9013" spans="1:10" x14ac:dyDescent="0.35">
      <c r="A9013" s="1" t="s">
        <v>34651</v>
      </c>
      <c r="B9013" s="1" t="s">
        <v>34411</v>
      </c>
      <c r="C9013" s="1" t="s">
        <v>20</v>
      </c>
      <c r="D9013" s="1" t="s">
        <v>34660</v>
      </c>
      <c r="E9013" s="1" t="s">
        <v>34661</v>
      </c>
      <c r="F9013" s="1" t="s">
        <v>34662</v>
      </c>
      <c r="G9013" s="1" t="s">
        <v>34654</v>
      </c>
      <c r="H9013" s="1" t="s">
        <v>34655</v>
      </c>
      <c r="I9013" s="1" t="s">
        <v>34416</v>
      </c>
      <c r="J9013" s="1" t="s">
        <v>34663</v>
      </c>
    </row>
    <row r="9014" spans="1:10" x14ac:dyDescent="0.35">
      <c r="A9014" s="1" t="s">
        <v>34651</v>
      </c>
      <c r="B9014" s="1" t="s">
        <v>34411</v>
      </c>
      <c r="C9014" s="1" t="s">
        <v>25</v>
      </c>
      <c r="D9014" s="1" t="s">
        <v>29227</v>
      </c>
      <c r="E9014" s="1" t="s">
        <v>34664</v>
      </c>
      <c r="F9014" s="1" t="s">
        <v>34665</v>
      </c>
      <c r="G9014" s="1" t="s">
        <v>34654</v>
      </c>
      <c r="H9014" s="1" t="s">
        <v>34655</v>
      </c>
      <c r="I9014" s="1" t="s">
        <v>34416</v>
      </c>
      <c r="J9014" s="1" t="s">
        <v>34666</v>
      </c>
    </row>
    <row r="9015" spans="1:10" x14ac:dyDescent="0.35">
      <c r="A9015" s="1" t="s">
        <v>34651</v>
      </c>
      <c r="B9015" s="1" t="s">
        <v>34411</v>
      </c>
      <c r="C9015" s="1" t="s">
        <v>30</v>
      </c>
      <c r="D9015" s="1" t="s">
        <v>14214</v>
      </c>
      <c r="E9015" s="1" t="s">
        <v>34667</v>
      </c>
      <c r="F9015" s="1" t="s">
        <v>34668</v>
      </c>
      <c r="G9015" s="1" t="s">
        <v>34654</v>
      </c>
      <c r="H9015" s="1" t="s">
        <v>34655</v>
      </c>
      <c r="I9015" s="1" t="s">
        <v>34416</v>
      </c>
      <c r="J9015" s="1" t="s">
        <v>34669</v>
      </c>
    </row>
    <row r="9016" spans="1:10" x14ac:dyDescent="0.35">
      <c r="A9016" s="1" t="s">
        <v>34651</v>
      </c>
      <c r="B9016" s="1" t="s">
        <v>34411</v>
      </c>
      <c r="C9016" s="1" t="s">
        <v>35</v>
      </c>
      <c r="D9016" s="1" t="s">
        <v>34670</v>
      </c>
      <c r="E9016" s="1" t="s">
        <v>34671</v>
      </c>
      <c r="F9016" s="1" t="s">
        <v>34672</v>
      </c>
      <c r="G9016" s="1" t="s">
        <v>34654</v>
      </c>
      <c r="H9016" s="1" t="s">
        <v>34655</v>
      </c>
      <c r="I9016" s="1" t="s">
        <v>34416</v>
      </c>
      <c r="J9016" s="1" t="s">
        <v>34673</v>
      </c>
    </row>
    <row r="9017" spans="1:10" x14ac:dyDescent="0.35">
      <c r="A9017" s="1" t="s">
        <v>34651</v>
      </c>
      <c r="B9017" s="1" t="s">
        <v>34411</v>
      </c>
      <c r="C9017" s="1" t="s">
        <v>40</v>
      </c>
      <c r="D9017" s="1" t="s">
        <v>34674</v>
      </c>
      <c r="E9017" s="1" t="s">
        <v>34675</v>
      </c>
      <c r="F9017" s="1" t="s">
        <v>34676</v>
      </c>
      <c r="G9017" s="1" t="s">
        <v>34654</v>
      </c>
      <c r="H9017" s="1" t="s">
        <v>34655</v>
      </c>
      <c r="I9017" s="1" t="s">
        <v>34416</v>
      </c>
      <c r="J9017" s="1" t="s">
        <v>34677</v>
      </c>
    </row>
    <row r="9018" spans="1:10" x14ac:dyDescent="0.35">
      <c r="A9018" s="1" t="s">
        <v>34651</v>
      </c>
      <c r="B9018" s="1" t="s">
        <v>34411</v>
      </c>
      <c r="C9018" s="1" t="s">
        <v>45</v>
      </c>
      <c r="D9018" s="1" t="s">
        <v>34678</v>
      </c>
      <c r="E9018" s="1" t="s">
        <v>34679</v>
      </c>
      <c r="F9018" s="1" t="s">
        <v>34680</v>
      </c>
      <c r="G9018" s="1" t="s">
        <v>34654</v>
      </c>
      <c r="H9018" s="1" t="s">
        <v>34655</v>
      </c>
      <c r="I9018" s="1" t="s">
        <v>34416</v>
      </c>
      <c r="J9018" s="1" t="s">
        <v>34681</v>
      </c>
    </row>
    <row r="9019" spans="1:10" x14ac:dyDescent="0.35">
      <c r="A9019" s="1" t="s">
        <v>34651</v>
      </c>
      <c r="B9019" s="1" t="s">
        <v>34411</v>
      </c>
      <c r="C9019" s="1" t="s">
        <v>50</v>
      </c>
      <c r="D9019" s="1" t="s">
        <v>34682</v>
      </c>
      <c r="E9019" s="1" t="s">
        <v>34683</v>
      </c>
      <c r="F9019" s="1" t="s">
        <v>34684</v>
      </c>
      <c r="G9019" s="1" t="s">
        <v>34654</v>
      </c>
      <c r="H9019" s="1" t="s">
        <v>34655</v>
      </c>
      <c r="I9019" s="1" t="s">
        <v>34416</v>
      </c>
      <c r="J9019" s="1" t="s">
        <v>34685</v>
      </c>
    </row>
    <row r="9020" spans="1:10" x14ac:dyDescent="0.35">
      <c r="A9020" s="1" t="s">
        <v>34651</v>
      </c>
      <c r="B9020" s="1" t="s">
        <v>34411</v>
      </c>
      <c r="C9020" s="1" t="s">
        <v>55</v>
      </c>
      <c r="D9020" s="1" t="s">
        <v>34686</v>
      </c>
      <c r="E9020" s="1" t="s">
        <v>34687</v>
      </c>
      <c r="F9020" s="1" t="s">
        <v>34688</v>
      </c>
      <c r="G9020" s="1" t="s">
        <v>34654</v>
      </c>
      <c r="H9020" s="1" t="s">
        <v>34655</v>
      </c>
      <c r="I9020" s="1" t="s">
        <v>34416</v>
      </c>
      <c r="J9020" s="1" t="s">
        <v>34689</v>
      </c>
    </row>
    <row r="9021" spans="1:10" x14ac:dyDescent="0.35">
      <c r="A9021" s="1" t="s">
        <v>34651</v>
      </c>
      <c r="B9021" s="1" t="s">
        <v>34411</v>
      </c>
      <c r="C9021" s="1" t="s">
        <v>60</v>
      </c>
      <c r="D9021" s="1" t="s">
        <v>34690</v>
      </c>
      <c r="E9021" s="1" t="s">
        <v>34691</v>
      </c>
      <c r="F9021" s="1" t="s">
        <v>34692</v>
      </c>
      <c r="G9021" s="1" t="s">
        <v>34654</v>
      </c>
      <c r="H9021" s="1" t="s">
        <v>34655</v>
      </c>
      <c r="I9021" s="1" t="s">
        <v>34416</v>
      </c>
      <c r="J9021" s="1" t="s">
        <v>34693</v>
      </c>
    </row>
    <row r="9022" spans="1:10" x14ac:dyDescent="0.35">
      <c r="A9022" s="1" t="s">
        <v>34651</v>
      </c>
      <c r="B9022" s="1" t="s">
        <v>34411</v>
      </c>
      <c r="C9022" s="1" t="s">
        <v>65</v>
      </c>
      <c r="D9022" s="1" t="s">
        <v>10903</v>
      </c>
      <c r="E9022" s="1" t="s">
        <v>34694</v>
      </c>
      <c r="F9022" s="1" t="s">
        <v>34695</v>
      </c>
      <c r="G9022" s="1" t="s">
        <v>34654</v>
      </c>
      <c r="H9022" s="1" t="s">
        <v>34655</v>
      </c>
      <c r="I9022" s="1" t="s">
        <v>34416</v>
      </c>
      <c r="J9022" s="1" t="s">
        <v>34696</v>
      </c>
    </row>
    <row r="9023" spans="1:10" x14ac:dyDescent="0.35">
      <c r="A9023" s="1" t="s">
        <v>34651</v>
      </c>
      <c r="B9023" s="1" t="s">
        <v>34411</v>
      </c>
      <c r="C9023" s="1" t="s">
        <v>70</v>
      </c>
      <c r="D9023" s="1" t="s">
        <v>4130</v>
      </c>
      <c r="E9023" s="1" t="s">
        <v>34697</v>
      </c>
      <c r="F9023" s="1" t="s">
        <v>34698</v>
      </c>
      <c r="G9023" s="1" t="s">
        <v>34654</v>
      </c>
      <c r="H9023" s="1" t="s">
        <v>34655</v>
      </c>
      <c r="I9023" s="1" t="s">
        <v>34416</v>
      </c>
      <c r="J9023" s="1" t="s">
        <v>34699</v>
      </c>
    </row>
    <row r="9024" spans="1:10" x14ac:dyDescent="0.35">
      <c r="A9024" s="1" t="s">
        <v>34651</v>
      </c>
      <c r="B9024" s="1" t="s">
        <v>34411</v>
      </c>
      <c r="C9024" s="1" t="s">
        <v>75</v>
      </c>
      <c r="D9024" s="1" t="s">
        <v>34700</v>
      </c>
      <c r="E9024" s="1" t="s">
        <v>34701</v>
      </c>
      <c r="F9024" s="1" t="s">
        <v>34702</v>
      </c>
      <c r="G9024" s="1" t="s">
        <v>34654</v>
      </c>
      <c r="H9024" s="1" t="s">
        <v>34655</v>
      </c>
      <c r="I9024" s="1" t="s">
        <v>34416</v>
      </c>
      <c r="J9024" s="1" t="s">
        <v>34703</v>
      </c>
    </row>
    <row r="9025" spans="1:10" x14ac:dyDescent="0.35">
      <c r="A9025" s="1" t="s">
        <v>34651</v>
      </c>
      <c r="B9025" s="1" t="s">
        <v>34411</v>
      </c>
      <c r="C9025" s="1" t="s">
        <v>80</v>
      </c>
      <c r="D9025" s="1" t="s">
        <v>34704</v>
      </c>
      <c r="E9025" s="1" t="s">
        <v>34705</v>
      </c>
      <c r="F9025" s="1" t="s">
        <v>34706</v>
      </c>
      <c r="G9025" s="1" t="s">
        <v>34654</v>
      </c>
      <c r="H9025" s="1" t="s">
        <v>34655</v>
      </c>
      <c r="I9025" s="1" t="s">
        <v>34416</v>
      </c>
      <c r="J9025" s="1" t="s">
        <v>34707</v>
      </c>
    </row>
    <row r="9026" spans="1:10" x14ac:dyDescent="0.35">
      <c r="A9026" s="1" t="s">
        <v>34651</v>
      </c>
      <c r="B9026" s="1" t="s">
        <v>34411</v>
      </c>
      <c r="C9026" s="1" t="s">
        <v>85</v>
      </c>
      <c r="D9026" s="1" t="s">
        <v>34708</v>
      </c>
      <c r="E9026" s="1" t="s">
        <v>34709</v>
      </c>
      <c r="F9026" s="1" t="s">
        <v>34710</v>
      </c>
      <c r="G9026" s="1" t="s">
        <v>34654</v>
      </c>
      <c r="H9026" s="1" t="s">
        <v>34655</v>
      </c>
      <c r="I9026" s="1" t="s">
        <v>34416</v>
      </c>
      <c r="J9026" s="1" t="s">
        <v>34711</v>
      </c>
    </row>
    <row r="9027" spans="1:10" x14ac:dyDescent="0.35">
      <c r="A9027" s="1" t="s">
        <v>34651</v>
      </c>
      <c r="B9027" s="1" t="s">
        <v>34411</v>
      </c>
      <c r="C9027" s="1" t="s">
        <v>90</v>
      </c>
      <c r="D9027" s="1" t="s">
        <v>15248</v>
      </c>
      <c r="E9027" s="1" t="s">
        <v>34712</v>
      </c>
      <c r="F9027" s="1" t="s">
        <v>34713</v>
      </c>
      <c r="G9027" s="1" t="s">
        <v>34654</v>
      </c>
      <c r="H9027" s="1" t="s">
        <v>34655</v>
      </c>
      <c r="I9027" s="1" t="s">
        <v>34416</v>
      </c>
      <c r="J9027" s="1" t="s">
        <v>34714</v>
      </c>
    </row>
    <row r="9028" spans="1:10" x14ac:dyDescent="0.35">
      <c r="A9028" s="1" t="s">
        <v>34651</v>
      </c>
      <c r="B9028" s="1" t="s">
        <v>34411</v>
      </c>
      <c r="C9028" s="1" t="s">
        <v>95</v>
      </c>
      <c r="D9028" s="1" t="s">
        <v>34715</v>
      </c>
      <c r="E9028" s="1" t="s">
        <v>34716</v>
      </c>
      <c r="F9028" s="1" t="s">
        <v>34717</v>
      </c>
      <c r="G9028" s="1" t="s">
        <v>34654</v>
      </c>
      <c r="H9028" s="1" t="s">
        <v>34655</v>
      </c>
      <c r="I9028" s="1" t="s">
        <v>34416</v>
      </c>
      <c r="J9028" s="1" t="s">
        <v>34718</v>
      </c>
    </row>
    <row r="9029" spans="1:10" x14ac:dyDescent="0.35">
      <c r="A9029" s="1" t="s">
        <v>34651</v>
      </c>
      <c r="B9029" s="1" t="s">
        <v>34411</v>
      </c>
      <c r="C9029" s="1" t="s">
        <v>100</v>
      </c>
      <c r="D9029" s="1" t="s">
        <v>34719</v>
      </c>
      <c r="E9029" s="1" t="s">
        <v>34720</v>
      </c>
      <c r="F9029" s="1" t="s">
        <v>34721</v>
      </c>
      <c r="G9029" s="1" t="s">
        <v>34654</v>
      </c>
      <c r="H9029" s="1" t="s">
        <v>34655</v>
      </c>
      <c r="I9029" s="1" t="s">
        <v>34416</v>
      </c>
      <c r="J9029" s="1" t="s">
        <v>34722</v>
      </c>
    </row>
    <row r="9030" spans="1:10" x14ac:dyDescent="0.35">
      <c r="A9030" s="1" t="s">
        <v>34651</v>
      </c>
      <c r="B9030" s="1" t="s">
        <v>34411</v>
      </c>
      <c r="C9030" s="1" t="s">
        <v>105</v>
      </c>
      <c r="D9030" s="1" t="s">
        <v>34723</v>
      </c>
      <c r="E9030" s="1" t="s">
        <v>34724</v>
      </c>
      <c r="F9030" s="1" t="s">
        <v>34725</v>
      </c>
      <c r="G9030" s="1" t="s">
        <v>34654</v>
      </c>
      <c r="H9030" s="1" t="s">
        <v>34655</v>
      </c>
      <c r="I9030" s="1" t="s">
        <v>34416</v>
      </c>
      <c r="J9030" s="1" t="s">
        <v>34726</v>
      </c>
    </row>
    <row r="9031" spans="1:10" x14ac:dyDescent="0.35">
      <c r="A9031" s="1" t="s">
        <v>34651</v>
      </c>
      <c r="B9031" s="1" t="s">
        <v>34411</v>
      </c>
      <c r="C9031" s="1" t="s">
        <v>110</v>
      </c>
      <c r="D9031" s="1" t="s">
        <v>33686</v>
      </c>
      <c r="E9031" s="1" t="s">
        <v>34727</v>
      </c>
      <c r="F9031" s="1" t="s">
        <v>34728</v>
      </c>
      <c r="G9031" s="1" t="s">
        <v>34654</v>
      </c>
      <c r="H9031" s="1" t="s">
        <v>34655</v>
      </c>
      <c r="I9031" s="1" t="s">
        <v>34416</v>
      </c>
      <c r="J9031" s="1" t="s">
        <v>34729</v>
      </c>
    </row>
    <row r="9032" spans="1:10" x14ac:dyDescent="0.35">
      <c r="A9032" s="1" t="s">
        <v>34651</v>
      </c>
      <c r="B9032" s="1" t="s">
        <v>34411</v>
      </c>
      <c r="C9032" s="1" t="s">
        <v>115</v>
      </c>
      <c r="D9032" s="1" t="s">
        <v>34730</v>
      </c>
      <c r="E9032" s="1" t="s">
        <v>34731</v>
      </c>
      <c r="F9032" s="1" t="s">
        <v>34732</v>
      </c>
      <c r="G9032" s="1" t="s">
        <v>34654</v>
      </c>
      <c r="H9032" s="1" t="s">
        <v>34655</v>
      </c>
      <c r="I9032" s="1" t="s">
        <v>34416</v>
      </c>
      <c r="J9032" s="1" t="s">
        <v>34733</v>
      </c>
    </row>
    <row r="9033" spans="1:10" x14ac:dyDescent="0.35">
      <c r="A9033" s="1" t="s">
        <v>34651</v>
      </c>
      <c r="B9033" s="1" t="s">
        <v>34411</v>
      </c>
      <c r="C9033" s="1" t="s">
        <v>120</v>
      </c>
      <c r="D9033" s="1" t="s">
        <v>16001</v>
      </c>
      <c r="E9033" s="1" t="s">
        <v>34734</v>
      </c>
      <c r="F9033" s="1" t="s">
        <v>34735</v>
      </c>
      <c r="G9033" s="1" t="s">
        <v>34654</v>
      </c>
      <c r="H9033" s="1" t="s">
        <v>34655</v>
      </c>
      <c r="I9033" s="1" t="s">
        <v>34416</v>
      </c>
      <c r="J9033" s="1" t="s">
        <v>34736</v>
      </c>
    </row>
    <row r="9034" spans="1:10" x14ac:dyDescent="0.35">
      <c r="A9034" s="1" t="s">
        <v>34651</v>
      </c>
      <c r="B9034" s="1" t="s">
        <v>34411</v>
      </c>
      <c r="C9034" s="1" t="s">
        <v>125</v>
      </c>
      <c r="D9034" s="1" t="s">
        <v>34737</v>
      </c>
      <c r="E9034" s="1" t="s">
        <v>34738</v>
      </c>
      <c r="F9034" s="1" t="s">
        <v>34739</v>
      </c>
      <c r="G9034" s="1" t="s">
        <v>34654</v>
      </c>
      <c r="H9034" s="1" t="s">
        <v>34655</v>
      </c>
      <c r="I9034" s="1" t="s">
        <v>34416</v>
      </c>
      <c r="J9034" s="1" t="s">
        <v>34740</v>
      </c>
    </row>
    <row r="9035" spans="1:10" x14ac:dyDescent="0.35">
      <c r="A9035" s="1" t="s">
        <v>34651</v>
      </c>
      <c r="B9035" s="1" t="s">
        <v>34411</v>
      </c>
      <c r="C9035" s="1" t="s">
        <v>130</v>
      </c>
      <c r="D9035" s="1" t="s">
        <v>34741</v>
      </c>
      <c r="E9035" s="1" t="s">
        <v>34742</v>
      </c>
      <c r="F9035" s="1" t="s">
        <v>34743</v>
      </c>
      <c r="G9035" s="1" t="s">
        <v>34654</v>
      </c>
      <c r="H9035" s="1" t="s">
        <v>34655</v>
      </c>
      <c r="I9035" s="1" t="s">
        <v>34416</v>
      </c>
      <c r="J9035" s="1" t="s">
        <v>34744</v>
      </c>
    </row>
    <row r="9036" spans="1:10" x14ac:dyDescent="0.35">
      <c r="A9036" s="1" t="s">
        <v>34651</v>
      </c>
      <c r="B9036" s="1" t="s">
        <v>34411</v>
      </c>
      <c r="C9036" s="1" t="s">
        <v>135</v>
      </c>
      <c r="D9036" s="1" t="s">
        <v>34745</v>
      </c>
      <c r="E9036" s="1" t="s">
        <v>34746</v>
      </c>
      <c r="F9036" s="1" t="s">
        <v>34747</v>
      </c>
      <c r="G9036" s="1" t="s">
        <v>34654</v>
      </c>
      <c r="H9036" s="1" t="s">
        <v>34655</v>
      </c>
      <c r="I9036" s="1" t="s">
        <v>34416</v>
      </c>
      <c r="J9036" s="1" t="s">
        <v>34748</v>
      </c>
    </row>
    <row r="9037" spans="1:10" x14ac:dyDescent="0.35">
      <c r="A9037" s="1" t="s">
        <v>34651</v>
      </c>
      <c r="B9037" s="1" t="s">
        <v>34411</v>
      </c>
      <c r="C9037" s="1" t="s">
        <v>140</v>
      </c>
      <c r="D9037" s="1" t="s">
        <v>34749</v>
      </c>
      <c r="E9037" s="1" t="s">
        <v>34750</v>
      </c>
      <c r="F9037" s="1" t="s">
        <v>34751</v>
      </c>
      <c r="G9037" s="1" t="s">
        <v>34654</v>
      </c>
      <c r="H9037" s="1" t="s">
        <v>34655</v>
      </c>
      <c r="I9037" s="1" t="s">
        <v>34416</v>
      </c>
      <c r="J9037" s="1" t="s">
        <v>34752</v>
      </c>
    </row>
    <row r="9038" spans="1:10" x14ac:dyDescent="0.35">
      <c r="A9038" s="1" t="s">
        <v>34651</v>
      </c>
      <c r="B9038" s="1" t="s">
        <v>34411</v>
      </c>
      <c r="C9038" s="1" t="s">
        <v>145</v>
      </c>
      <c r="D9038" s="1" t="s">
        <v>34753</v>
      </c>
      <c r="E9038" s="1" t="s">
        <v>34754</v>
      </c>
      <c r="F9038" s="1" t="s">
        <v>34755</v>
      </c>
      <c r="G9038" s="1" t="s">
        <v>34654</v>
      </c>
      <c r="H9038" s="1" t="s">
        <v>34655</v>
      </c>
      <c r="I9038" s="1" t="s">
        <v>34416</v>
      </c>
      <c r="J9038" s="1" t="s">
        <v>34756</v>
      </c>
    </row>
    <row r="9039" spans="1:10" x14ac:dyDescent="0.35">
      <c r="A9039" s="1" t="s">
        <v>34651</v>
      </c>
      <c r="B9039" s="1" t="s">
        <v>34411</v>
      </c>
      <c r="C9039" s="1" t="s">
        <v>150</v>
      </c>
      <c r="D9039" s="1" t="s">
        <v>34757</v>
      </c>
      <c r="E9039" s="1" t="s">
        <v>34758</v>
      </c>
      <c r="F9039" s="1" t="s">
        <v>34759</v>
      </c>
      <c r="G9039" s="1" t="s">
        <v>34654</v>
      </c>
      <c r="H9039" s="1" t="s">
        <v>34655</v>
      </c>
      <c r="I9039" s="1" t="s">
        <v>34416</v>
      </c>
      <c r="J9039" s="1" t="s">
        <v>34760</v>
      </c>
    </row>
    <row r="9040" spans="1:10" x14ac:dyDescent="0.35">
      <c r="A9040" s="1" t="s">
        <v>34651</v>
      </c>
      <c r="B9040" s="1" t="s">
        <v>34411</v>
      </c>
      <c r="C9040" s="1" t="s">
        <v>155</v>
      </c>
      <c r="D9040" s="1" t="s">
        <v>34761</v>
      </c>
      <c r="E9040" s="1" t="s">
        <v>34762</v>
      </c>
      <c r="F9040" s="1" t="s">
        <v>34763</v>
      </c>
      <c r="G9040" s="1" t="s">
        <v>34654</v>
      </c>
      <c r="H9040" s="1" t="s">
        <v>34655</v>
      </c>
      <c r="I9040" s="1" t="s">
        <v>34416</v>
      </c>
      <c r="J9040" s="1" t="s">
        <v>34764</v>
      </c>
    </row>
    <row r="9041" spans="1:10" x14ac:dyDescent="0.35">
      <c r="A9041" s="1" t="s">
        <v>34651</v>
      </c>
      <c r="B9041" s="1" t="s">
        <v>34411</v>
      </c>
      <c r="C9041" s="1" t="s">
        <v>160</v>
      </c>
      <c r="D9041" s="1" t="s">
        <v>10749</v>
      </c>
      <c r="E9041" s="1" t="s">
        <v>34765</v>
      </c>
      <c r="F9041" s="1" t="s">
        <v>34766</v>
      </c>
      <c r="G9041" s="1" t="s">
        <v>34654</v>
      </c>
      <c r="H9041" s="1" t="s">
        <v>34655</v>
      </c>
      <c r="I9041" s="1" t="s">
        <v>34416</v>
      </c>
      <c r="J9041" s="1" t="s">
        <v>34767</v>
      </c>
    </row>
    <row r="9042" spans="1:10" x14ac:dyDescent="0.35">
      <c r="A9042" s="1" t="s">
        <v>34651</v>
      </c>
      <c r="B9042" s="1" t="s">
        <v>34411</v>
      </c>
      <c r="C9042" s="1" t="s">
        <v>165</v>
      </c>
      <c r="D9042" s="1" t="s">
        <v>34768</v>
      </c>
      <c r="E9042" s="1" t="s">
        <v>34769</v>
      </c>
      <c r="F9042" s="1" t="s">
        <v>34770</v>
      </c>
      <c r="G9042" s="1" t="s">
        <v>34654</v>
      </c>
      <c r="H9042" s="1" t="s">
        <v>34655</v>
      </c>
      <c r="I9042" s="1" t="s">
        <v>34416</v>
      </c>
      <c r="J9042" s="1" t="s">
        <v>34771</v>
      </c>
    </row>
    <row r="9043" spans="1:10" x14ac:dyDescent="0.35">
      <c r="A9043" s="1" t="s">
        <v>34651</v>
      </c>
      <c r="B9043" s="1" t="s">
        <v>34411</v>
      </c>
      <c r="C9043" s="1" t="s">
        <v>170</v>
      </c>
      <c r="D9043" s="1" t="s">
        <v>19501</v>
      </c>
      <c r="E9043" s="1" t="s">
        <v>34772</v>
      </c>
      <c r="F9043" s="1" t="s">
        <v>34773</v>
      </c>
      <c r="G9043" s="1" t="s">
        <v>34654</v>
      </c>
      <c r="H9043" s="1" t="s">
        <v>34655</v>
      </c>
      <c r="I9043" s="1" t="s">
        <v>34416</v>
      </c>
      <c r="J9043" s="1" t="s">
        <v>34774</v>
      </c>
    </row>
    <row r="9044" spans="1:10" x14ac:dyDescent="0.35">
      <c r="A9044" s="1" t="s">
        <v>34775</v>
      </c>
      <c r="B9044" s="1" t="s">
        <v>34411</v>
      </c>
      <c r="C9044" s="1" t="s">
        <v>8</v>
      </c>
      <c r="D9044" s="1" t="s">
        <v>14068</v>
      </c>
      <c r="E9044" s="1" t="s">
        <v>34776</v>
      </c>
      <c r="F9044" s="1" t="s">
        <v>34777</v>
      </c>
      <c r="G9044" s="1" t="s">
        <v>34778</v>
      </c>
      <c r="H9044" s="1" t="s">
        <v>34779</v>
      </c>
      <c r="I9044" s="1" t="s">
        <v>34416</v>
      </c>
      <c r="J9044" s="1" t="s">
        <v>13</v>
      </c>
    </row>
    <row r="9045" spans="1:10" x14ac:dyDescent="0.35">
      <c r="A9045" s="1" t="s">
        <v>34775</v>
      </c>
      <c r="B9045" s="1" t="s">
        <v>34411</v>
      </c>
      <c r="C9045" s="1" t="s">
        <v>15</v>
      </c>
      <c r="D9045" s="1" t="s">
        <v>34780</v>
      </c>
      <c r="E9045" s="1" t="s">
        <v>34781</v>
      </c>
      <c r="F9045" s="1" t="s">
        <v>34782</v>
      </c>
      <c r="G9045" s="1" t="s">
        <v>34778</v>
      </c>
      <c r="H9045" s="1" t="s">
        <v>34779</v>
      </c>
      <c r="I9045" s="1" t="s">
        <v>34416</v>
      </c>
      <c r="J9045" s="1" t="s">
        <v>34783</v>
      </c>
    </row>
    <row r="9046" spans="1:10" x14ac:dyDescent="0.35">
      <c r="A9046" s="1" t="s">
        <v>34775</v>
      </c>
      <c r="B9046" s="1" t="s">
        <v>34411</v>
      </c>
      <c r="C9046" s="1" t="s">
        <v>20</v>
      </c>
      <c r="D9046" s="1" t="s">
        <v>34784</v>
      </c>
      <c r="E9046" s="1" t="s">
        <v>34785</v>
      </c>
      <c r="F9046" s="1" t="s">
        <v>34786</v>
      </c>
      <c r="G9046" s="1" t="s">
        <v>34778</v>
      </c>
      <c r="H9046" s="1" t="s">
        <v>34779</v>
      </c>
      <c r="I9046" s="1" t="s">
        <v>34416</v>
      </c>
      <c r="J9046" s="1" t="s">
        <v>34787</v>
      </c>
    </row>
    <row r="9047" spans="1:10" x14ac:dyDescent="0.35">
      <c r="A9047" s="1" t="s">
        <v>34775</v>
      </c>
      <c r="B9047" s="1" t="s">
        <v>34411</v>
      </c>
      <c r="C9047" s="1" t="s">
        <v>25</v>
      </c>
      <c r="D9047" s="1" t="s">
        <v>34788</v>
      </c>
      <c r="E9047" s="1" t="s">
        <v>34789</v>
      </c>
      <c r="F9047" s="1" t="s">
        <v>34790</v>
      </c>
      <c r="G9047" s="1" t="s">
        <v>34778</v>
      </c>
      <c r="H9047" s="1" t="s">
        <v>34779</v>
      </c>
      <c r="I9047" s="1" t="s">
        <v>34416</v>
      </c>
      <c r="J9047" s="1" t="s">
        <v>34791</v>
      </c>
    </row>
    <row r="9048" spans="1:10" x14ac:dyDescent="0.35">
      <c r="A9048" s="1" t="s">
        <v>34775</v>
      </c>
      <c r="B9048" s="1" t="s">
        <v>34411</v>
      </c>
      <c r="C9048" s="1" t="s">
        <v>30</v>
      </c>
      <c r="D9048" s="1" t="s">
        <v>34792</v>
      </c>
      <c r="E9048" s="1" t="s">
        <v>34793</v>
      </c>
      <c r="F9048" s="1" t="s">
        <v>34794</v>
      </c>
      <c r="G9048" s="1" t="s">
        <v>34778</v>
      </c>
      <c r="H9048" s="1" t="s">
        <v>34779</v>
      </c>
      <c r="I9048" s="1" t="s">
        <v>34416</v>
      </c>
      <c r="J9048" s="1" t="s">
        <v>34795</v>
      </c>
    </row>
    <row r="9049" spans="1:10" x14ac:dyDescent="0.35">
      <c r="A9049" s="1" t="s">
        <v>34775</v>
      </c>
      <c r="B9049" s="1" t="s">
        <v>34411</v>
      </c>
      <c r="C9049" s="1" t="s">
        <v>35</v>
      </c>
      <c r="D9049" s="1" t="s">
        <v>34796</v>
      </c>
      <c r="E9049" s="1" t="s">
        <v>34797</v>
      </c>
      <c r="F9049" s="1" t="s">
        <v>34798</v>
      </c>
      <c r="G9049" s="1" t="s">
        <v>34778</v>
      </c>
      <c r="H9049" s="1" t="s">
        <v>34779</v>
      </c>
      <c r="I9049" s="1" t="s">
        <v>34416</v>
      </c>
      <c r="J9049" s="1" t="s">
        <v>34799</v>
      </c>
    </row>
    <row r="9050" spans="1:10" x14ac:dyDescent="0.35">
      <c r="A9050" s="1" t="s">
        <v>34775</v>
      </c>
      <c r="B9050" s="1" t="s">
        <v>34411</v>
      </c>
      <c r="C9050" s="1" t="s">
        <v>40</v>
      </c>
      <c r="D9050" s="1" t="s">
        <v>3363</v>
      </c>
      <c r="E9050" s="1" t="s">
        <v>34800</v>
      </c>
      <c r="F9050" s="1" t="s">
        <v>34801</v>
      </c>
      <c r="G9050" s="1" t="s">
        <v>34778</v>
      </c>
      <c r="H9050" s="1" t="s">
        <v>34779</v>
      </c>
      <c r="I9050" s="1" t="s">
        <v>34416</v>
      </c>
      <c r="J9050" s="1" t="s">
        <v>34802</v>
      </c>
    </row>
    <row r="9051" spans="1:10" x14ac:dyDescent="0.35">
      <c r="A9051" s="1" t="s">
        <v>34775</v>
      </c>
      <c r="B9051" s="1" t="s">
        <v>34411</v>
      </c>
      <c r="C9051" s="1" t="s">
        <v>45</v>
      </c>
      <c r="D9051" s="1" t="s">
        <v>34803</v>
      </c>
      <c r="E9051" s="1" t="s">
        <v>34804</v>
      </c>
      <c r="F9051" s="1" t="s">
        <v>34805</v>
      </c>
      <c r="G9051" s="1" t="s">
        <v>34778</v>
      </c>
      <c r="H9051" s="1" t="s">
        <v>34779</v>
      </c>
      <c r="I9051" s="1" t="s">
        <v>34416</v>
      </c>
      <c r="J9051" s="1" t="s">
        <v>34806</v>
      </c>
    </row>
    <row r="9052" spans="1:10" x14ac:dyDescent="0.35">
      <c r="A9052" s="1" t="s">
        <v>34775</v>
      </c>
      <c r="B9052" s="1" t="s">
        <v>34411</v>
      </c>
      <c r="C9052" s="1" t="s">
        <v>50</v>
      </c>
      <c r="D9052" s="1" t="s">
        <v>34807</v>
      </c>
      <c r="E9052" s="1" t="s">
        <v>34808</v>
      </c>
      <c r="F9052" s="1" t="s">
        <v>34809</v>
      </c>
      <c r="G9052" s="1" t="s">
        <v>34778</v>
      </c>
      <c r="H9052" s="1" t="s">
        <v>34779</v>
      </c>
      <c r="I9052" s="1" t="s">
        <v>34416</v>
      </c>
      <c r="J9052" s="1" t="s">
        <v>34810</v>
      </c>
    </row>
    <row r="9053" spans="1:10" x14ac:dyDescent="0.35">
      <c r="A9053" s="1" t="s">
        <v>34775</v>
      </c>
      <c r="B9053" s="1" t="s">
        <v>34411</v>
      </c>
      <c r="C9053" s="1" t="s">
        <v>55</v>
      </c>
      <c r="D9053" s="1" t="s">
        <v>34811</v>
      </c>
      <c r="E9053" s="1" t="s">
        <v>34812</v>
      </c>
      <c r="F9053" s="1" t="s">
        <v>34813</v>
      </c>
      <c r="G9053" s="1" t="s">
        <v>34778</v>
      </c>
      <c r="H9053" s="1" t="s">
        <v>34779</v>
      </c>
      <c r="I9053" s="1" t="s">
        <v>34416</v>
      </c>
      <c r="J9053" s="1" t="s">
        <v>34814</v>
      </c>
    </row>
    <row r="9054" spans="1:10" x14ac:dyDescent="0.35">
      <c r="A9054" s="1" t="s">
        <v>34775</v>
      </c>
      <c r="B9054" s="1" t="s">
        <v>34411</v>
      </c>
      <c r="C9054" s="1" t="s">
        <v>60</v>
      </c>
      <c r="D9054" s="1" t="s">
        <v>25135</v>
      </c>
      <c r="E9054" s="1" t="s">
        <v>34815</v>
      </c>
      <c r="F9054" s="1" t="s">
        <v>34816</v>
      </c>
      <c r="G9054" s="1" t="s">
        <v>34778</v>
      </c>
      <c r="H9054" s="1" t="s">
        <v>34779</v>
      </c>
      <c r="I9054" s="1" t="s">
        <v>34416</v>
      </c>
      <c r="J9054" s="1" t="s">
        <v>34817</v>
      </c>
    </row>
    <row r="9055" spans="1:10" x14ac:dyDescent="0.35">
      <c r="A9055" s="1" t="s">
        <v>34775</v>
      </c>
      <c r="B9055" s="1" t="s">
        <v>34411</v>
      </c>
      <c r="C9055" s="1" t="s">
        <v>65</v>
      </c>
      <c r="D9055" s="1" t="s">
        <v>34818</v>
      </c>
      <c r="E9055" s="1" t="s">
        <v>34819</v>
      </c>
      <c r="F9055" s="1" t="s">
        <v>34820</v>
      </c>
      <c r="G9055" s="1" t="s">
        <v>34778</v>
      </c>
      <c r="H9055" s="1" t="s">
        <v>34779</v>
      </c>
      <c r="I9055" s="1" t="s">
        <v>34416</v>
      </c>
      <c r="J9055" s="1" t="s">
        <v>34821</v>
      </c>
    </row>
    <row r="9056" spans="1:10" x14ac:dyDescent="0.35">
      <c r="A9056" s="1" t="s">
        <v>34775</v>
      </c>
      <c r="B9056" s="1" t="s">
        <v>34411</v>
      </c>
      <c r="C9056" s="1" t="s">
        <v>70</v>
      </c>
      <c r="D9056" s="1" t="s">
        <v>2331</v>
      </c>
      <c r="E9056" s="1" t="s">
        <v>34822</v>
      </c>
      <c r="F9056" s="1" t="s">
        <v>34823</v>
      </c>
      <c r="G9056" s="1" t="s">
        <v>34778</v>
      </c>
      <c r="H9056" s="1" t="s">
        <v>34779</v>
      </c>
      <c r="I9056" s="1" t="s">
        <v>34416</v>
      </c>
      <c r="J9056" s="1" t="s">
        <v>34824</v>
      </c>
    </row>
    <row r="9057" spans="1:10" x14ac:dyDescent="0.35">
      <c r="A9057" s="1" t="s">
        <v>34775</v>
      </c>
      <c r="B9057" s="1" t="s">
        <v>34411</v>
      </c>
      <c r="C9057" s="1" t="s">
        <v>75</v>
      </c>
      <c r="D9057" s="1" t="s">
        <v>9001</v>
      </c>
      <c r="E9057" s="1" t="s">
        <v>34825</v>
      </c>
      <c r="F9057" s="1" t="s">
        <v>34826</v>
      </c>
      <c r="G9057" s="1" t="s">
        <v>34778</v>
      </c>
      <c r="H9057" s="1" t="s">
        <v>34779</v>
      </c>
      <c r="I9057" s="1" t="s">
        <v>34416</v>
      </c>
      <c r="J9057" s="1" t="s">
        <v>34827</v>
      </c>
    </row>
    <row r="9058" spans="1:10" x14ac:dyDescent="0.35">
      <c r="A9058" s="1" t="s">
        <v>34775</v>
      </c>
      <c r="B9058" s="1" t="s">
        <v>34411</v>
      </c>
      <c r="C9058" s="1" t="s">
        <v>80</v>
      </c>
      <c r="D9058" s="1" t="s">
        <v>34828</v>
      </c>
      <c r="E9058" s="1" t="s">
        <v>34829</v>
      </c>
      <c r="F9058" s="1" t="s">
        <v>34830</v>
      </c>
      <c r="G9058" s="1" t="s">
        <v>34778</v>
      </c>
      <c r="H9058" s="1" t="s">
        <v>34779</v>
      </c>
      <c r="I9058" s="1" t="s">
        <v>34416</v>
      </c>
      <c r="J9058" s="1" t="s">
        <v>34831</v>
      </c>
    </row>
    <row r="9059" spans="1:10" x14ac:dyDescent="0.35">
      <c r="A9059" s="1" t="s">
        <v>34775</v>
      </c>
      <c r="B9059" s="1" t="s">
        <v>34411</v>
      </c>
      <c r="C9059" s="1" t="s">
        <v>85</v>
      </c>
      <c r="D9059" s="1" t="s">
        <v>4538</v>
      </c>
      <c r="E9059" s="1" t="s">
        <v>34832</v>
      </c>
      <c r="F9059" s="1" t="s">
        <v>34833</v>
      </c>
      <c r="G9059" s="1" t="s">
        <v>34778</v>
      </c>
      <c r="H9059" s="1" t="s">
        <v>34779</v>
      </c>
      <c r="I9059" s="1" t="s">
        <v>34416</v>
      </c>
      <c r="J9059" s="1" t="s">
        <v>34834</v>
      </c>
    </row>
    <row r="9060" spans="1:10" x14ac:dyDescent="0.35">
      <c r="A9060" s="1" t="s">
        <v>34775</v>
      </c>
      <c r="B9060" s="1" t="s">
        <v>34411</v>
      </c>
      <c r="C9060" s="1" t="s">
        <v>90</v>
      </c>
      <c r="D9060" s="1" t="s">
        <v>34835</v>
      </c>
      <c r="E9060" s="1" t="s">
        <v>34836</v>
      </c>
      <c r="F9060" s="1" t="s">
        <v>34837</v>
      </c>
      <c r="G9060" s="1" t="s">
        <v>34778</v>
      </c>
      <c r="H9060" s="1" t="s">
        <v>34779</v>
      </c>
      <c r="I9060" s="1" t="s">
        <v>34416</v>
      </c>
      <c r="J9060" s="1" t="s">
        <v>34838</v>
      </c>
    </row>
    <row r="9061" spans="1:10" x14ac:dyDescent="0.35">
      <c r="A9061" s="1" t="s">
        <v>34775</v>
      </c>
      <c r="B9061" s="1" t="s">
        <v>34411</v>
      </c>
      <c r="C9061" s="1" t="s">
        <v>95</v>
      </c>
      <c r="D9061" s="1" t="s">
        <v>15972</v>
      </c>
      <c r="E9061" s="1" t="s">
        <v>34839</v>
      </c>
      <c r="F9061" s="1" t="s">
        <v>34840</v>
      </c>
      <c r="G9061" s="1" t="s">
        <v>34778</v>
      </c>
      <c r="H9061" s="1" t="s">
        <v>34779</v>
      </c>
      <c r="I9061" s="1" t="s">
        <v>34416</v>
      </c>
      <c r="J9061" s="1" t="s">
        <v>34841</v>
      </c>
    </row>
    <row r="9062" spans="1:10" x14ac:dyDescent="0.35">
      <c r="A9062" s="1" t="s">
        <v>34775</v>
      </c>
      <c r="B9062" s="1" t="s">
        <v>34411</v>
      </c>
      <c r="C9062" s="1" t="s">
        <v>100</v>
      </c>
      <c r="D9062" s="1" t="s">
        <v>2370</v>
      </c>
      <c r="E9062" s="1" t="s">
        <v>34842</v>
      </c>
      <c r="F9062" s="1" t="s">
        <v>34843</v>
      </c>
      <c r="G9062" s="1" t="s">
        <v>34778</v>
      </c>
      <c r="H9062" s="1" t="s">
        <v>34779</v>
      </c>
      <c r="I9062" s="1" t="s">
        <v>34416</v>
      </c>
      <c r="J9062" s="1" t="s">
        <v>34844</v>
      </c>
    </row>
    <row r="9063" spans="1:10" x14ac:dyDescent="0.35">
      <c r="A9063" s="1" t="s">
        <v>34775</v>
      </c>
      <c r="B9063" s="1" t="s">
        <v>34411</v>
      </c>
      <c r="C9063" s="1" t="s">
        <v>105</v>
      </c>
      <c r="D9063" s="1" t="s">
        <v>34845</v>
      </c>
      <c r="E9063" s="1" t="s">
        <v>34846</v>
      </c>
      <c r="F9063" s="1" t="s">
        <v>34847</v>
      </c>
      <c r="G9063" s="1" t="s">
        <v>34778</v>
      </c>
      <c r="H9063" s="1" t="s">
        <v>34779</v>
      </c>
      <c r="I9063" s="1" t="s">
        <v>34416</v>
      </c>
      <c r="J9063" s="1" t="s">
        <v>34848</v>
      </c>
    </row>
    <row r="9064" spans="1:10" x14ac:dyDescent="0.35">
      <c r="A9064" s="1" t="s">
        <v>34775</v>
      </c>
      <c r="B9064" s="1" t="s">
        <v>34411</v>
      </c>
      <c r="C9064" s="1" t="s">
        <v>110</v>
      </c>
      <c r="D9064" s="1" t="s">
        <v>34849</v>
      </c>
      <c r="E9064" s="1" t="s">
        <v>34850</v>
      </c>
      <c r="F9064" s="1" t="s">
        <v>34851</v>
      </c>
      <c r="G9064" s="1" t="s">
        <v>34778</v>
      </c>
      <c r="H9064" s="1" t="s">
        <v>34779</v>
      </c>
      <c r="I9064" s="1" t="s">
        <v>34416</v>
      </c>
      <c r="J9064" s="1" t="s">
        <v>34852</v>
      </c>
    </row>
    <row r="9065" spans="1:10" x14ac:dyDescent="0.35">
      <c r="A9065" s="1" t="s">
        <v>34775</v>
      </c>
      <c r="B9065" s="1" t="s">
        <v>34411</v>
      </c>
      <c r="C9065" s="1" t="s">
        <v>115</v>
      </c>
      <c r="D9065" s="1" t="s">
        <v>34853</v>
      </c>
      <c r="E9065" s="1" t="s">
        <v>34854</v>
      </c>
      <c r="F9065" s="1" t="s">
        <v>34855</v>
      </c>
      <c r="G9065" s="1" t="s">
        <v>34778</v>
      </c>
      <c r="H9065" s="1" t="s">
        <v>34779</v>
      </c>
      <c r="I9065" s="1" t="s">
        <v>34416</v>
      </c>
      <c r="J9065" s="1" t="s">
        <v>34856</v>
      </c>
    </row>
    <row r="9066" spans="1:10" x14ac:dyDescent="0.35">
      <c r="A9066" s="1" t="s">
        <v>34775</v>
      </c>
      <c r="B9066" s="1" t="s">
        <v>34411</v>
      </c>
      <c r="C9066" s="1" t="s">
        <v>120</v>
      </c>
      <c r="D9066" s="1" t="s">
        <v>34857</v>
      </c>
      <c r="E9066" s="1" t="s">
        <v>34858</v>
      </c>
      <c r="F9066" s="1" t="s">
        <v>34859</v>
      </c>
      <c r="G9066" s="1" t="s">
        <v>34778</v>
      </c>
      <c r="H9066" s="1" t="s">
        <v>34779</v>
      </c>
      <c r="I9066" s="1" t="s">
        <v>34416</v>
      </c>
      <c r="J9066" s="1" t="s">
        <v>34860</v>
      </c>
    </row>
    <row r="9067" spans="1:10" x14ac:dyDescent="0.35">
      <c r="A9067" s="1" t="s">
        <v>34775</v>
      </c>
      <c r="B9067" s="1" t="s">
        <v>34411</v>
      </c>
      <c r="C9067" s="1" t="s">
        <v>125</v>
      </c>
      <c r="D9067" s="1" t="s">
        <v>33933</v>
      </c>
      <c r="E9067" s="1" t="s">
        <v>34861</v>
      </c>
      <c r="F9067" s="1" t="s">
        <v>34862</v>
      </c>
      <c r="G9067" s="1" t="s">
        <v>34778</v>
      </c>
      <c r="H9067" s="1" t="s">
        <v>34779</v>
      </c>
      <c r="I9067" s="1" t="s">
        <v>34416</v>
      </c>
      <c r="J9067" s="1" t="s">
        <v>34863</v>
      </c>
    </row>
    <row r="9068" spans="1:10" x14ac:dyDescent="0.35">
      <c r="A9068" s="1" t="s">
        <v>34775</v>
      </c>
      <c r="B9068" s="1" t="s">
        <v>34411</v>
      </c>
      <c r="C9068" s="1" t="s">
        <v>130</v>
      </c>
      <c r="D9068" s="1" t="s">
        <v>34864</v>
      </c>
      <c r="E9068" s="1" t="s">
        <v>34865</v>
      </c>
      <c r="F9068" s="1" t="s">
        <v>34866</v>
      </c>
      <c r="G9068" s="1" t="s">
        <v>34778</v>
      </c>
      <c r="H9068" s="1" t="s">
        <v>34779</v>
      </c>
      <c r="I9068" s="1" t="s">
        <v>34416</v>
      </c>
      <c r="J9068" s="1" t="s">
        <v>34867</v>
      </c>
    </row>
    <row r="9069" spans="1:10" x14ac:dyDescent="0.35">
      <c r="A9069" s="1" t="s">
        <v>34775</v>
      </c>
      <c r="B9069" s="1" t="s">
        <v>34411</v>
      </c>
      <c r="C9069" s="1" t="s">
        <v>135</v>
      </c>
      <c r="D9069" s="1" t="s">
        <v>34868</v>
      </c>
      <c r="E9069" s="1" t="s">
        <v>34869</v>
      </c>
      <c r="F9069" s="1" t="s">
        <v>34870</v>
      </c>
      <c r="G9069" s="1" t="s">
        <v>34778</v>
      </c>
      <c r="H9069" s="1" t="s">
        <v>34779</v>
      </c>
      <c r="I9069" s="1" t="s">
        <v>34416</v>
      </c>
      <c r="J9069" s="1" t="s">
        <v>34871</v>
      </c>
    </row>
    <row r="9070" spans="1:10" x14ac:dyDescent="0.35">
      <c r="A9070" s="1" t="s">
        <v>34775</v>
      </c>
      <c r="B9070" s="1" t="s">
        <v>34411</v>
      </c>
      <c r="C9070" s="1" t="s">
        <v>140</v>
      </c>
      <c r="D9070" s="1" t="s">
        <v>34872</v>
      </c>
      <c r="E9070" s="1" t="s">
        <v>34873</v>
      </c>
      <c r="F9070" s="1" t="s">
        <v>34874</v>
      </c>
      <c r="G9070" s="1" t="s">
        <v>34778</v>
      </c>
      <c r="H9070" s="1" t="s">
        <v>34779</v>
      </c>
      <c r="I9070" s="1" t="s">
        <v>34416</v>
      </c>
      <c r="J9070" s="1" t="s">
        <v>34875</v>
      </c>
    </row>
    <row r="9071" spans="1:10" x14ac:dyDescent="0.35">
      <c r="A9071" s="1" t="s">
        <v>34775</v>
      </c>
      <c r="B9071" s="1" t="s">
        <v>34411</v>
      </c>
      <c r="C9071" s="1" t="s">
        <v>145</v>
      </c>
      <c r="D9071" s="1" t="s">
        <v>34876</v>
      </c>
      <c r="E9071" s="1" t="s">
        <v>34877</v>
      </c>
      <c r="F9071" s="1" t="s">
        <v>34878</v>
      </c>
      <c r="G9071" s="1" t="s">
        <v>34778</v>
      </c>
      <c r="H9071" s="1" t="s">
        <v>34779</v>
      </c>
      <c r="I9071" s="1" t="s">
        <v>34416</v>
      </c>
      <c r="J9071" s="1" t="s">
        <v>34879</v>
      </c>
    </row>
    <row r="9072" spans="1:10" x14ac:dyDescent="0.35">
      <c r="A9072" s="1" t="s">
        <v>34775</v>
      </c>
      <c r="B9072" s="1" t="s">
        <v>34411</v>
      </c>
      <c r="C9072" s="1" t="s">
        <v>150</v>
      </c>
      <c r="D9072" s="1" t="s">
        <v>34880</v>
      </c>
      <c r="E9072" s="1" t="s">
        <v>34881</v>
      </c>
      <c r="F9072" s="1" t="s">
        <v>34882</v>
      </c>
      <c r="G9072" s="1" t="s">
        <v>34778</v>
      </c>
      <c r="H9072" s="1" t="s">
        <v>34779</v>
      </c>
      <c r="I9072" s="1" t="s">
        <v>34416</v>
      </c>
      <c r="J9072" s="1" t="s">
        <v>34883</v>
      </c>
    </row>
    <row r="9073" spans="1:10" x14ac:dyDescent="0.35">
      <c r="A9073" s="1" t="s">
        <v>34775</v>
      </c>
      <c r="B9073" s="1" t="s">
        <v>34411</v>
      </c>
      <c r="C9073" s="1" t="s">
        <v>155</v>
      </c>
      <c r="D9073" s="1" t="s">
        <v>34884</v>
      </c>
      <c r="E9073" s="1" t="s">
        <v>34885</v>
      </c>
      <c r="F9073" s="1" t="s">
        <v>34886</v>
      </c>
      <c r="G9073" s="1" t="s">
        <v>34778</v>
      </c>
      <c r="H9073" s="1" t="s">
        <v>34779</v>
      </c>
      <c r="I9073" s="1" t="s">
        <v>34416</v>
      </c>
      <c r="J9073" s="1" t="s">
        <v>34887</v>
      </c>
    </row>
    <row r="9074" spans="1:10" x14ac:dyDescent="0.35">
      <c r="A9074" s="1" t="s">
        <v>34775</v>
      </c>
      <c r="B9074" s="1" t="s">
        <v>34411</v>
      </c>
      <c r="C9074" s="1" t="s">
        <v>160</v>
      </c>
      <c r="D9074" s="1" t="s">
        <v>7135</v>
      </c>
      <c r="E9074" s="1" t="s">
        <v>34888</v>
      </c>
      <c r="F9074" s="1" t="s">
        <v>34889</v>
      </c>
      <c r="G9074" s="1" t="s">
        <v>34778</v>
      </c>
      <c r="H9074" s="1" t="s">
        <v>34779</v>
      </c>
      <c r="I9074" s="1" t="s">
        <v>34416</v>
      </c>
      <c r="J9074" s="1" t="s">
        <v>34890</v>
      </c>
    </row>
    <row r="9075" spans="1:10" x14ac:dyDescent="0.35">
      <c r="A9075" s="1" t="s">
        <v>34775</v>
      </c>
      <c r="B9075" s="1" t="s">
        <v>34411</v>
      </c>
      <c r="C9075" s="1" t="s">
        <v>165</v>
      </c>
      <c r="D9075" s="1" t="s">
        <v>34891</v>
      </c>
      <c r="E9075" s="1" t="s">
        <v>34892</v>
      </c>
      <c r="F9075" s="1" t="s">
        <v>34893</v>
      </c>
      <c r="G9075" s="1" t="s">
        <v>34778</v>
      </c>
      <c r="H9075" s="1" t="s">
        <v>34779</v>
      </c>
      <c r="I9075" s="1" t="s">
        <v>34416</v>
      </c>
      <c r="J9075" s="1" t="s">
        <v>34894</v>
      </c>
    </row>
    <row r="9076" spans="1:10" x14ac:dyDescent="0.35">
      <c r="A9076" s="1" t="s">
        <v>34775</v>
      </c>
      <c r="B9076" s="1" t="s">
        <v>34411</v>
      </c>
      <c r="C9076" s="1" t="s">
        <v>170</v>
      </c>
      <c r="D9076" s="1" t="s">
        <v>34895</v>
      </c>
      <c r="E9076" s="1" t="s">
        <v>34896</v>
      </c>
      <c r="F9076" s="1" t="s">
        <v>34897</v>
      </c>
      <c r="G9076" s="1" t="s">
        <v>34778</v>
      </c>
      <c r="H9076" s="1" t="s">
        <v>34779</v>
      </c>
      <c r="I9076" s="1" t="s">
        <v>34416</v>
      </c>
      <c r="J9076" s="1" t="s">
        <v>34898</v>
      </c>
    </row>
    <row r="9077" spans="1:10" x14ac:dyDescent="0.35">
      <c r="A9077" s="1" t="s">
        <v>34899</v>
      </c>
      <c r="B9077" s="1" t="s">
        <v>34411</v>
      </c>
      <c r="C9077" s="1" t="s">
        <v>8</v>
      </c>
      <c r="D9077" s="1" t="s">
        <v>25181</v>
      </c>
      <c r="E9077" s="1" t="s">
        <v>34900</v>
      </c>
      <c r="F9077" s="1" t="s">
        <v>34901</v>
      </c>
      <c r="G9077" s="1" t="s">
        <v>34902</v>
      </c>
      <c r="H9077" s="1" t="s">
        <v>34903</v>
      </c>
      <c r="I9077" s="1" t="s">
        <v>34416</v>
      </c>
      <c r="J9077" s="1" t="s">
        <v>13</v>
      </c>
    </row>
    <row r="9078" spans="1:10" x14ac:dyDescent="0.35">
      <c r="A9078" s="1" t="s">
        <v>34899</v>
      </c>
      <c r="B9078" s="1" t="s">
        <v>34411</v>
      </c>
      <c r="C9078" s="1" t="s">
        <v>15</v>
      </c>
      <c r="D9078" s="1" t="s">
        <v>34904</v>
      </c>
      <c r="E9078" s="1" t="s">
        <v>34905</v>
      </c>
      <c r="F9078" s="1" t="s">
        <v>34906</v>
      </c>
      <c r="G9078" s="1" t="s">
        <v>34902</v>
      </c>
      <c r="H9078" s="1" t="s">
        <v>34903</v>
      </c>
      <c r="I9078" s="1" t="s">
        <v>34416</v>
      </c>
      <c r="J9078" s="1" t="s">
        <v>34907</v>
      </c>
    </row>
    <row r="9079" spans="1:10" x14ac:dyDescent="0.35">
      <c r="A9079" s="1" t="s">
        <v>34899</v>
      </c>
      <c r="B9079" s="1" t="s">
        <v>34411</v>
      </c>
      <c r="C9079" s="1" t="s">
        <v>20</v>
      </c>
      <c r="D9079" s="1" t="s">
        <v>3363</v>
      </c>
      <c r="E9079" s="1" t="s">
        <v>34908</v>
      </c>
      <c r="F9079" s="1" t="s">
        <v>34909</v>
      </c>
      <c r="G9079" s="1" t="s">
        <v>34902</v>
      </c>
      <c r="H9079" s="1" t="s">
        <v>34903</v>
      </c>
      <c r="I9079" s="1" t="s">
        <v>34416</v>
      </c>
      <c r="J9079" s="1" t="s">
        <v>34910</v>
      </c>
    </row>
    <row r="9080" spans="1:10" x14ac:dyDescent="0.35">
      <c r="A9080" s="1" t="s">
        <v>34899</v>
      </c>
      <c r="B9080" s="1" t="s">
        <v>34411</v>
      </c>
      <c r="C9080" s="1" t="s">
        <v>25</v>
      </c>
      <c r="D9080" s="1" t="s">
        <v>34911</v>
      </c>
      <c r="E9080" s="1" t="s">
        <v>34912</v>
      </c>
      <c r="F9080" s="1" t="s">
        <v>34913</v>
      </c>
      <c r="G9080" s="1" t="s">
        <v>34902</v>
      </c>
      <c r="H9080" s="1" t="s">
        <v>34903</v>
      </c>
      <c r="I9080" s="1" t="s">
        <v>34416</v>
      </c>
      <c r="J9080" s="1" t="s">
        <v>34914</v>
      </c>
    </row>
    <row r="9081" spans="1:10" x14ac:dyDescent="0.35">
      <c r="A9081" s="1" t="s">
        <v>34899</v>
      </c>
      <c r="B9081" s="1" t="s">
        <v>34411</v>
      </c>
      <c r="C9081" s="1" t="s">
        <v>30</v>
      </c>
      <c r="D9081" s="1" t="s">
        <v>34915</v>
      </c>
      <c r="E9081" s="1" t="s">
        <v>34916</v>
      </c>
      <c r="F9081" s="1" t="s">
        <v>34917</v>
      </c>
      <c r="G9081" s="1" t="s">
        <v>34902</v>
      </c>
      <c r="H9081" s="1" t="s">
        <v>34903</v>
      </c>
      <c r="I9081" s="1" t="s">
        <v>34416</v>
      </c>
      <c r="J9081" s="1" t="s">
        <v>34918</v>
      </c>
    </row>
    <row r="9082" spans="1:10" x14ac:dyDescent="0.35">
      <c r="A9082" s="1" t="s">
        <v>34899</v>
      </c>
      <c r="B9082" s="1" t="s">
        <v>34411</v>
      </c>
      <c r="C9082" s="1" t="s">
        <v>35</v>
      </c>
      <c r="D9082" s="1" t="s">
        <v>34919</v>
      </c>
      <c r="E9082" s="1" t="s">
        <v>34920</v>
      </c>
      <c r="F9082" s="1" t="s">
        <v>34921</v>
      </c>
      <c r="G9082" s="1" t="s">
        <v>34902</v>
      </c>
      <c r="H9082" s="1" t="s">
        <v>34903</v>
      </c>
      <c r="I9082" s="1" t="s">
        <v>34416</v>
      </c>
      <c r="J9082" s="1" t="s">
        <v>34922</v>
      </c>
    </row>
    <row r="9083" spans="1:10" x14ac:dyDescent="0.35">
      <c r="A9083" s="1" t="s">
        <v>34899</v>
      </c>
      <c r="B9083" s="1" t="s">
        <v>34411</v>
      </c>
      <c r="C9083" s="1" t="s">
        <v>40</v>
      </c>
      <c r="D9083" s="1" t="s">
        <v>34923</v>
      </c>
      <c r="E9083" s="1" t="s">
        <v>34924</v>
      </c>
      <c r="F9083" s="1" t="s">
        <v>34925</v>
      </c>
      <c r="G9083" s="1" t="s">
        <v>34902</v>
      </c>
      <c r="H9083" s="1" t="s">
        <v>34903</v>
      </c>
      <c r="I9083" s="1" t="s">
        <v>34416</v>
      </c>
      <c r="J9083" s="1" t="s">
        <v>34926</v>
      </c>
    </row>
    <row r="9084" spans="1:10" x14ac:dyDescent="0.35">
      <c r="A9084" s="1" t="s">
        <v>34899</v>
      </c>
      <c r="B9084" s="1" t="s">
        <v>34411</v>
      </c>
      <c r="C9084" s="1" t="s">
        <v>45</v>
      </c>
      <c r="D9084" s="1" t="s">
        <v>34927</v>
      </c>
      <c r="E9084" s="1" t="s">
        <v>34928</v>
      </c>
      <c r="F9084" s="1" t="s">
        <v>34929</v>
      </c>
      <c r="G9084" s="1" t="s">
        <v>34902</v>
      </c>
      <c r="H9084" s="1" t="s">
        <v>34903</v>
      </c>
      <c r="I9084" s="1" t="s">
        <v>34416</v>
      </c>
      <c r="J9084" s="1" t="s">
        <v>34930</v>
      </c>
    </row>
    <row r="9085" spans="1:10" x14ac:dyDescent="0.35">
      <c r="A9085" s="1" t="s">
        <v>34899</v>
      </c>
      <c r="B9085" s="1" t="s">
        <v>34411</v>
      </c>
      <c r="C9085" s="1" t="s">
        <v>50</v>
      </c>
      <c r="D9085" s="1" t="s">
        <v>34931</v>
      </c>
      <c r="E9085" s="1" t="s">
        <v>34932</v>
      </c>
      <c r="F9085" s="1" t="s">
        <v>34933</v>
      </c>
      <c r="G9085" s="1" t="s">
        <v>34902</v>
      </c>
      <c r="H9085" s="1" t="s">
        <v>34903</v>
      </c>
      <c r="I9085" s="1" t="s">
        <v>34416</v>
      </c>
      <c r="J9085" s="1" t="s">
        <v>34934</v>
      </c>
    </row>
    <row r="9086" spans="1:10" x14ac:dyDescent="0.35">
      <c r="A9086" s="1" t="s">
        <v>34899</v>
      </c>
      <c r="B9086" s="1" t="s">
        <v>34411</v>
      </c>
      <c r="C9086" s="1" t="s">
        <v>55</v>
      </c>
      <c r="D9086" s="1" t="s">
        <v>34935</v>
      </c>
      <c r="E9086" s="1" t="s">
        <v>34936</v>
      </c>
      <c r="F9086" s="1" t="s">
        <v>34937</v>
      </c>
      <c r="G9086" s="1" t="s">
        <v>34902</v>
      </c>
      <c r="H9086" s="1" t="s">
        <v>34903</v>
      </c>
      <c r="I9086" s="1" t="s">
        <v>34416</v>
      </c>
      <c r="J9086" s="1" t="s">
        <v>34938</v>
      </c>
    </row>
    <row r="9087" spans="1:10" x14ac:dyDescent="0.35">
      <c r="A9087" s="1" t="s">
        <v>34899</v>
      </c>
      <c r="B9087" s="1" t="s">
        <v>34411</v>
      </c>
      <c r="C9087" s="1" t="s">
        <v>60</v>
      </c>
      <c r="D9087" s="1" t="s">
        <v>15262</v>
      </c>
      <c r="E9087" s="1" t="s">
        <v>34939</v>
      </c>
      <c r="F9087" s="1" t="s">
        <v>34940</v>
      </c>
      <c r="G9087" s="1" t="s">
        <v>34902</v>
      </c>
      <c r="H9087" s="1" t="s">
        <v>34903</v>
      </c>
      <c r="I9087" s="1" t="s">
        <v>34416</v>
      </c>
      <c r="J9087" s="1" t="s">
        <v>34941</v>
      </c>
    </row>
    <row r="9088" spans="1:10" x14ac:dyDescent="0.35">
      <c r="A9088" s="1" t="s">
        <v>34899</v>
      </c>
      <c r="B9088" s="1" t="s">
        <v>34411</v>
      </c>
      <c r="C9088" s="1" t="s">
        <v>65</v>
      </c>
      <c r="D9088" s="1" t="s">
        <v>34942</v>
      </c>
      <c r="E9088" s="1" t="s">
        <v>34943</v>
      </c>
      <c r="F9088" s="1" t="s">
        <v>34944</v>
      </c>
      <c r="G9088" s="1" t="s">
        <v>34902</v>
      </c>
      <c r="H9088" s="1" t="s">
        <v>34903</v>
      </c>
      <c r="I9088" s="1" t="s">
        <v>34416</v>
      </c>
      <c r="J9088" s="1" t="s">
        <v>34945</v>
      </c>
    </row>
    <row r="9089" spans="1:10" x14ac:dyDescent="0.35">
      <c r="A9089" s="1" t="s">
        <v>34899</v>
      </c>
      <c r="B9089" s="1" t="s">
        <v>34411</v>
      </c>
      <c r="C9089" s="1" t="s">
        <v>70</v>
      </c>
      <c r="D9089" s="1" t="s">
        <v>34946</v>
      </c>
      <c r="E9089" s="1" t="s">
        <v>34947</v>
      </c>
      <c r="F9089" s="1" t="s">
        <v>34948</v>
      </c>
      <c r="G9089" s="1" t="s">
        <v>34902</v>
      </c>
      <c r="H9089" s="1" t="s">
        <v>34903</v>
      </c>
      <c r="I9089" s="1" t="s">
        <v>34416</v>
      </c>
      <c r="J9089" s="1" t="s">
        <v>34949</v>
      </c>
    </row>
    <row r="9090" spans="1:10" x14ac:dyDescent="0.35">
      <c r="A9090" s="1" t="s">
        <v>34899</v>
      </c>
      <c r="B9090" s="1" t="s">
        <v>34411</v>
      </c>
      <c r="C9090" s="1" t="s">
        <v>75</v>
      </c>
      <c r="D9090" s="1" t="s">
        <v>7119</v>
      </c>
      <c r="E9090" s="1" t="s">
        <v>34950</v>
      </c>
      <c r="F9090" s="1" t="s">
        <v>34951</v>
      </c>
      <c r="G9090" s="1" t="s">
        <v>34902</v>
      </c>
      <c r="H9090" s="1" t="s">
        <v>34903</v>
      </c>
      <c r="I9090" s="1" t="s">
        <v>34416</v>
      </c>
      <c r="J9090" s="1" t="s">
        <v>34952</v>
      </c>
    </row>
    <row r="9091" spans="1:10" x14ac:dyDescent="0.35">
      <c r="A9091" s="1" t="s">
        <v>34899</v>
      </c>
      <c r="B9091" s="1" t="s">
        <v>34411</v>
      </c>
      <c r="C9091" s="1" t="s">
        <v>80</v>
      </c>
      <c r="D9091" s="1" t="s">
        <v>34953</v>
      </c>
      <c r="E9091" s="1" t="s">
        <v>34954</v>
      </c>
      <c r="F9091" s="1" t="s">
        <v>34955</v>
      </c>
      <c r="G9091" s="1" t="s">
        <v>34902</v>
      </c>
      <c r="H9091" s="1" t="s">
        <v>34903</v>
      </c>
      <c r="I9091" s="1" t="s">
        <v>34416</v>
      </c>
      <c r="J9091" s="1" t="s">
        <v>34956</v>
      </c>
    </row>
    <row r="9092" spans="1:10" x14ac:dyDescent="0.35">
      <c r="A9092" s="1" t="s">
        <v>34899</v>
      </c>
      <c r="B9092" s="1" t="s">
        <v>34411</v>
      </c>
      <c r="C9092" s="1" t="s">
        <v>85</v>
      </c>
      <c r="D9092" s="1" t="s">
        <v>34957</v>
      </c>
      <c r="E9092" s="1" t="s">
        <v>34958</v>
      </c>
      <c r="F9092" s="1" t="s">
        <v>34959</v>
      </c>
      <c r="G9092" s="1" t="s">
        <v>34902</v>
      </c>
      <c r="H9092" s="1" t="s">
        <v>34903</v>
      </c>
      <c r="I9092" s="1" t="s">
        <v>34416</v>
      </c>
      <c r="J9092" s="1" t="s">
        <v>34960</v>
      </c>
    </row>
    <row r="9093" spans="1:10" x14ac:dyDescent="0.35">
      <c r="A9093" s="1" t="s">
        <v>34899</v>
      </c>
      <c r="B9093" s="1" t="s">
        <v>34411</v>
      </c>
      <c r="C9093" s="1" t="s">
        <v>90</v>
      </c>
      <c r="D9093" s="1" t="s">
        <v>34961</v>
      </c>
      <c r="E9093" s="1" t="s">
        <v>34962</v>
      </c>
      <c r="F9093" s="1" t="s">
        <v>34963</v>
      </c>
      <c r="G9093" s="1" t="s">
        <v>34902</v>
      </c>
      <c r="H9093" s="1" t="s">
        <v>34903</v>
      </c>
      <c r="I9093" s="1" t="s">
        <v>34416</v>
      </c>
      <c r="J9093" s="1" t="s">
        <v>34964</v>
      </c>
    </row>
    <row r="9094" spans="1:10" x14ac:dyDescent="0.35">
      <c r="A9094" s="1" t="s">
        <v>34899</v>
      </c>
      <c r="B9094" s="1" t="s">
        <v>34411</v>
      </c>
      <c r="C9094" s="1" t="s">
        <v>95</v>
      </c>
      <c r="D9094" s="1" t="s">
        <v>34965</v>
      </c>
      <c r="E9094" s="1" t="s">
        <v>34966</v>
      </c>
      <c r="F9094" s="1" t="s">
        <v>34967</v>
      </c>
      <c r="G9094" s="1" t="s">
        <v>34902</v>
      </c>
      <c r="H9094" s="1" t="s">
        <v>34903</v>
      </c>
      <c r="I9094" s="1" t="s">
        <v>34416</v>
      </c>
      <c r="J9094" s="1" t="s">
        <v>34968</v>
      </c>
    </row>
    <row r="9095" spans="1:10" x14ac:dyDescent="0.35">
      <c r="A9095" s="1" t="s">
        <v>34899</v>
      </c>
      <c r="B9095" s="1" t="s">
        <v>34411</v>
      </c>
      <c r="C9095" s="1" t="s">
        <v>100</v>
      </c>
      <c r="D9095" s="1" t="s">
        <v>34969</v>
      </c>
      <c r="E9095" s="1" t="s">
        <v>34970</v>
      </c>
      <c r="F9095" s="1" t="s">
        <v>34971</v>
      </c>
      <c r="G9095" s="1" t="s">
        <v>34902</v>
      </c>
      <c r="H9095" s="1" t="s">
        <v>34903</v>
      </c>
      <c r="I9095" s="1" t="s">
        <v>34416</v>
      </c>
      <c r="J9095" s="1" t="s">
        <v>34972</v>
      </c>
    </row>
    <row r="9096" spans="1:10" x14ac:dyDescent="0.35">
      <c r="A9096" s="1" t="s">
        <v>34899</v>
      </c>
      <c r="B9096" s="1" t="s">
        <v>34411</v>
      </c>
      <c r="C9096" s="1" t="s">
        <v>105</v>
      </c>
      <c r="D9096" s="1" t="s">
        <v>34973</v>
      </c>
      <c r="E9096" s="1" t="s">
        <v>34974</v>
      </c>
      <c r="F9096" s="1" t="s">
        <v>34975</v>
      </c>
      <c r="G9096" s="1" t="s">
        <v>34902</v>
      </c>
      <c r="H9096" s="1" t="s">
        <v>34903</v>
      </c>
      <c r="I9096" s="1" t="s">
        <v>34416</v>
      </c>
      <c r="J9096" s="1" t="s">
        <v>34976</v>
      </c>
    </row>
    <row r="9097" spans="1:10" x14ac:dyDescent="0.35">
      <c r="A9097" s="1" t="s">
        <v>34899</v>
      </c>
      <c r="B9097" s="1" t="s">
        <v>34411</v>
      </c>
      <c r="C9097" s="1" t="s">
        <v>110</v>
      </c>
      <c r="D9097" s="1" t="s">
        <v>17437</v>
      </c>
      <c r="E9097" s="1" t="s">
        <v>34977</v>
      </c>
      <c r="F9097" s="1" t="s">
        <v>34978</v>
      </c>
      <c r="G9097" s="1" t="s">
        <v>34902</v>
      </c>
      <c r="H9097" s="1" t="s">
        <v>34903</v>
      </c>
      <c r="I9097" s="1" t="s">
        <v>34416</v>
      </c>
      <c r="J9097" s="1" t="s">
        <v>34979</v>
      </c>
    </row>
    <row r="9098" spans="1:10" x14ac:dyDescent="0.35">
      <c r="A9098" s="1" t="s">
        <v>34899</v>
      </c>
      <c r="B9098" s="1" t="s">
        <v>34411</v>
      </c>
      <c r="C9098" s="1" t="s">
        <v>115</v>
      </c>
      <c r="D9098" s="1" t="s">
        <v>34980</v>
      </c>
      <c r="E9098" s="1" t="s">
        <v>34981</v>
      </c>
      <c r="F9098" s="1" t="s">
        <v>34982</v>
      </c>
      <c r="G9098" s="1" t="s">
        <v>34902</v>
      </c>
      <c r="H9098" s="1" t="s">
        <v>34903</v>
      </c>
      <c r="I9098" s="1" t="s">
        <v>34416</v>
      </c>
      <c r="J9098" s="1" t="s">
        <v>34983</v>
      </c>
    </row>
    <row r="9099" spans="1:10" x14ac:dyDescent="0.35">
      <c r="A9099" s="1" t="s">
        <v>34899</v>
      </c>
      <c r="B9099" s="1" t="s">
        <v>34411</v>
      </c>
      <c r="C9099" s="1" t="s">
        <v>120</v>
      </c>
      <c r="D9099" s="1" t="s">
        <v>34984</v>
      </c>
      <c r="E9099" s="1" t="s">
        <v>34985</v>
      </c>
      <c r="F9099" s="1" t="s">
        <v>34986</v>
      </c>
      <c r="G9099" s="1" t="s">
        <v>34902</v>
      </c>
      <c r="H9099" s="1" t="s">
        <v>34903</v>
      </c>
      <c r="I9099" s="1" t="s">
        <v>34416</v>
      </c>
      <c r="J9099" s="1" t="s">
        <v>34987</v>
      </c>
    </row>
    <row r="9100" spans="1:10" x14ac:dyDescent="0.35">
      <c r="A9100" s="1" t="s">
        <v>34899</v>
      </c>
      <c r="B9100" s="1" t="s">
        <v>34411</v>
      </c>
      <c r="C9100" s="1" t="s">
        <v>125</v>
      </c>
      <c r="D9100" s="1" t="s">
        <v>34988</v>
      </c>
      <c r="E9100" s="1" t="s">
        <v>34989</v>
      </c>
      <c r="F9100" s="1" t="s">
        <v>34990</v>
      </c>
      <c r="G9100" s="1" t="s">
        <v>34902</v>
      </c>
      <c r="H9100" s="1" t="s">
        <v>34903</v>
      </c>
      <c r="I9100" s="1" t="s">
        <v>34416</v>
      </c>
      <c r="J9100" s="1" t="s">
        <v>34991</v>
      </c>
    </row>
    <row r="9101" spans="1:10" x14ac:dyDescent="0.35">
      <c r="A9101" s="1" t="s">
        <v>34899</v>
      </c>
      <c r="B9101" s="1" t="s">
        <v>34411</v>
      </c>
      <c r="C9101" s="1" t="s">
        <v>130</v>
      </c>
      <c r="D9101" s="1" t="s">
        <v>34992</v>
      </c>
      <c r="E9101" s="1" t="s">
        <v>34993</v>
      </c>
      <c r="F9101" s="1" t="s">
        <v>34994</v>
      </c>
      <c r="G9101" s="1" t="s">
        <v>34902</v>
      </c>
      <c r="H9101" s="1" t="s">
        <v>34903</v>
      </c>
      <c r="I9101" s="1" t="s">
        <v>34416</v>
      </c>
      <c r="J9101" s="1" t="s">
        <v>34995</v>
      </c>
    </row>
    <row r="9102" spans="1:10" x14ac:dyDescent="0.35">
      <c r="A9102" s="1" t="s">
        <v>34899</v>
      </c>
      <c r="B9102" s="1" t="s">
        <v>34411</v>
      </c>
      <c r="C9102" s="1" t="s">
        <v>135</v>
      </c>
      <c r="D9102" s="1" t="s">
        <v>34996</v>
      </c>
      <c r="E9102" s="1" t="s">
        <v>34997</v>
      </c>
      <c r="F9102" s="1" t="s">
        <v>34998</v>
      </c>
      <c r="G9102" s="1" t="s">
        <v>34902</v>
      </c>
      <c r="H9102" s="1" t="s">
        <v>34903</v>
      </c>
      <c r="I9102" s="1" t="s">
        <v>34416</v>
      </c>
      <c r="J9102" s="1" t="s">
        <v>34999</v>
      </c>
    </row>
    <row r="9103" spans="1:10" x14ac:dyDescent="0.35">
      <c r="A9103" s="1" t="s">
        <v>34899</v>
      </c>
      <c r="B9103" s="1" t="s">
        <v>34411</v>
      </c>
      <c r="C9103" s="1" t="s">
        <v>140</v>
      </c>
      <c r="D9103" s="1" t="s">
        <v>31261</v>
      </c>
      <c r="E9103" s="1" t="s">
        <v>35000</v>
      </c>
      <c r="F9103" s="1" t="s">
        <v>35001</v>
      </c>
      <c r="G9103" s="1" t="s">
        <v>34902</v>
      </c>
      <c r="H9103" s="1" t="s">
        <v>34903</v>
      </c>
      <c r="I9103" s="1" t="s">
        <v>34416</v>
      </c>
      <c r="J9103" s="1" t="s">
        <v>35002</v>
      </c>
    </row>
    <row r="9104" spans="1:10" x14ac:dyDescent="0.35">
      <c r="A9104" s="1" t="s">
        <v>34899</v>
      </c>
      <c r="B9104" s="1" t="s">
        <v>34411</v>
      </c>
      <c r="C9104" s="1" t="s">
        <v>145</v>
      </c>
      <c r="D9104" s="1" t="s">
        <v>31975</v>
      </c>
      <c r="E9104" s="1" t="s">
        <v>35003</v>
      </c>
      <c r="F9104" s="1" t="s">
        <v>35004</v>
      </c>
      <c r="G9104" s="1" t="s">
        <v>34902</v>
      </c>
      <c r="H9104" s="1" t="s">
        <v>34903</v>
      </c>
      <c r="I9104" s="1" t="s">
        <v>34416</v>
      </c>
      <c r="J9104" s="1" t="s">
        <v>35005</v>
      </c>
    </row>
    <row r="9105" spans="1:10" x14ac:dyDescent="0.35">
      <c r="A9105" s="1" t="s">
        <v>34899</v>
      </c>
      <c r="B9105" s="1" t="s">
        <v>34411</v>
      </c>
      <c r="C9105" s="1" t="s">
        <v>150</v>
      </c>
      <c r="D9105" s="1" t="s">
        <v>31734</v>
      </c>
      <c r="E9105" s="1" t="s">
        <v>35006</v>
      </c>
      <c r="F9105" s="1" t="s">
        <v>35007</v>
      </c>
      <c r="G9105" s="1" t="s">
        <v>34902</v>
      </c>
      <c r="H9105" s="1" t="s">
        <v>34903</v>
      </c>
      <c r="I9105" s="1" t="s">
        <v>34416</v>
      </c>
      <c r="J9105" s="1" t="s">
        <v>35008</v>
      </c>
    </row>
    <row r="9106" spans="1:10" x14ac:dyDescent="0.35">
      <c r="A9106" s="1" t="s">
        <v>34899</v>
      </c>
      <c r="B9106" s="1" t="s">
        <v>34411</v>
      </c>
      <c r="C9106" s="1" t="s">
        <v>155</v>
      </c>
      <c r="D9106" s="1" t="s">
        <v>35009</v>
      </c>
      <c r="E9106" s="1" t="s">
        <v>35010</v>
      </c>
      <c r="F9106" s="1" t="s">
        <v>35011</v>
      </c>
      <c r="G9106" s="1" t="s">
        <v>34902</v>
      </c>
      <c r="H9106" s="1" t="s">
        <v>34903</v>
      </c>
      <c r="I9106" s="1" t="s">
        <v>34416</v>
      </c>
      <c r="J9106" s="1" t="s">
        <v>35012</v>
      </c>
    </row>
    <row r="9107" spans="1:10" x14ac:dyDescent="0.35">
      <c r="A9107" s="1" t="s">
        <v>34899</v>
      </c>
      <c r="B9107" s="1" t="s">
        <v>34411</v>
      </c>
      <c r="C9107" s="1" t="s">
        <v>160</v>
      </c>
      <c r="D9107" s="1" t="s">
        <v>35013</v>
      </c>
      <c r="E9107" s="1" t="s">
        <v>35014</v>
      </c>
      <c r="F9107" s="1" t="s">
        <v>35015</v>
      </c>
      <c r="G9107" s="1" t="s">
        <v>34902</v>
      </c>
      <c r="H9107" s="1" t="s">
        <v>34903</v>
      </c>
      <c r="I9107" s="1" t="s">
        <v>34416</v>
      </c>
      <c r="J9107" s="1" t="s">
        <v>35016</v>
      </c>
    </row>
    <row r="9108" spans="1:10" x14ac:dyDescent="0.35">
      <c r="A9108" s="1" t="s">
        <v>34899</v>
      </c>
      <c r="B9108" s="1" t="s">
        <v>34411</v>
      </c>
      <c r="C9108" s="1" t="s">
        <v>165</v>
      </c>
      <c r="D9108" s="1" t="s">
        <v>35017</v>
      </c>
      <c r="E9108" s="1" t="s">
        <v>35018</v>
      </c>
      <c r="F9108" s="1" t="s">
        <v>35019</v>
      </c>
      <c r="G9108" s="1" t="s">
        <v>34902</v>
      </c>
      <c r="H9108" s="1" t="s">
        <v>34903</v>
      </c>
      <c r="I9108" s="1" t="s">
        <v>34416</v>
      </c>
      <c r="J9108" s="1" t="s">
        <v>35020</v>
      </c>
    </row>
    <row r="9109" spans="1:10" x14ac:dyDescent="0.35">
      <c r="A9109" s="1" t="s">
        <v>34899</v>
      </c>
      <c r="B9109" s="1" t="s">
        <v>34411</v>
      </c>
      <c r="C9109" s="1" t="s">
        <v>170</v>
      </c>
      <c r="D9109" s="1" t="s">
        <v>35021</v>
      </c>
      <c r="E9109" s="1" t="s">
        <v>35022</v>
      </c>
      <c r="F9109" s="1" t="s">
        <v>35023</v>
      </c>
      <c r="G9109" s="1" t="s">
        <v>34902</v>
      </c>
      <c r="H9109" s="1" t="s">
        <v>34903</v>
      </c>
      <c r="I9109" s="1" t="s">
        <v>34416</v>
      </c>
      <c r="J9109" s="1" t="s">
        <v>35024</v>
      </c>
    </row>
    <row r="9110" spans="1:10" x14ac:dyDescent="0.35">
      <c r="A9110" s="1" t="s">
        <v>35025</v>
      </c>
      <c r="B9110" s="1" t="s">
        <v>34411</v>
      </c>
      <c r="C9110" s="1" t="s">
        <v>8</v>
      </c>
      <c r="D9110" s="1" t="s">
        <v>10701</v>
      </c>
      <c r="E9110" s="1" t="s">
        <v>35026</v>
      </c>
      <c r="F9110" s="1" t="s">
        <v>35027</v>
      </c>
      <c r="G9110" s="1" t="s">
        <v>35028</v>
      </c>
      <c r="H9110" s="1" t="s">
        <v>35029</v>
      </c>
      <c r="I9110" s="1" t="s">
        <v>34416</v>
      </c>
      <c r="J9110" s="1" t="s">
        <v>13</v>
      </c>
    </row>
    <row r="9111" spans="1:10" x14ac:dyDescent="0.35">
      <c r="A9111" s="1" t="s">
        <v>35025</v>
      </c>
      <c r="B9111" s="1" t="s">
        <v>34411</v>
      </c>
      <c r="C9111" s="1" t="s">
        <v>15</v>
      </c>
      <c r="D9111" s="1" t="s">
        <v>35030</v>
      </c>
      <c r="E9111" s="1" t="s">
        <v>35031</v>
      </c>
      <c r="F9111" s="1" t="s">
        <v>35032</v>
      </c>
      <c r="G9111" s="1" t="s">
        <v>35028</v>
      </c>
      <c r="H9111" s="1" t="s">
        <v>35029</v>
      </c>
      <c r="I9111" s="1" t="s">
        <v>34416</v>
      </c>
      <c r="J9111" s="1" t="s">
        <v>35033</v>
      </c>
    </row>
    <row r="9112" spans="1:10" x14ac:dyDescent="0.35">
      <c r="A9112" s="1" t="s">
        <v>35025</v>
      </c>
      <c r="B9112" s="1" t="s">
        <v>34411</v>
      </c>
      <c r="C9112" s="1" t="s">
        <v>20</v>
      </c>
      <c r="D9112" s="1" t="s">
        <v>4138</v>
      </c>
      <c r="E9112" s="1" t="s">
        <v>35034</v>
      </c>
      <c r="F9112" s="1" t="s">
        <v>35035</v>
      </c>
      <c r="G9112" s="1" t="s">
        <v>35028</v>
      </c>
      <c r="H9112" s="1" t="s">
        <v>35029</v>
      </c>
      <c r="I9112" s="1" t="s">
        <v>34416</v>
      </c>
      <c r="J9112" s="1" t="s">
        <v>35036</v>
      </c>
    </row>
    <row r="9113" spans="1:10" x14ac:dyDescent="0.35">
      <c r="A9113" s="1" t="s">
        <v>35025</v>
      </c>
      <c r="B9113" s="1" t="s">
        <v>34411</v>
      </c>
      <c r="C9113" s="1" t="s">
        <v>25</v>
      </c>
      <c r="D9113" s="1" t="s">
        <v>35037</v>
      </c>
      <c r="E9113" s="1" t="s">
        <v>35038</v>
      </c>
      <c r="F9113" s="1" t="s">
        <v>35039</v>
      </c>
      <c r="G9113" s="1" t="s">
        <v>35028</v>
      </c>
      <c r="H9113" s="1" t="s">
        <v>35029</v>
      </c>
      <c r="I9113" s="1" t="s">
        <v>34416</v>
      </c>
      <c r="J9113" s="1" t="s">
        <v>35040</v>
      </c>
    </row>
    <row r="9114" spans="1:10" x14ac:dyDescent="0.35">
      <c r="A9114" s="1" t="s">
        <v>35025</v>
      </c>
      <c r="B9114" s="1" t="s">
        <v>34411</v>
      </c>
      <c r="C9114" s="1" t="s">
        <v>30</v>
      </c>
      <c r="D9114" s="1" t="s">
        <v>7973</v>
      </c>
      <c r="E9114" s="1" t="s">
        <v>35041</v>
      </c>
      <c r="F9114" s="1" t="s">
        <v>35042</v>
      </c>
      <c r="G9114" s="1" t="s">
        <v>35028</v>
      </c>
      <c r="H9114" s="1" t="s">
        <v>35029</v>
      </c>
      <c r="I9114" s="1" t="s">
        <v>34416</v>
      </c>
      <c r="J9114" s="1" t="s">
        <v>35043</v>
      </c>
    </row>
    <row r="9115" spans="1:10" x14ac:dyDescent="0.35">
      <c r="A9115" s="1" t="s">
        <v>35025</v>
      </c>
      <c r="B9115" s="1" t="s">
        <v>34411</v>
      </c>
      <c r="C9115" s="1" t="s">
        <v>35</v>
      </c>
      <c r="D9115" s="1" t="s">
        <v>35044</v>
      </c>
      <c r="E9115" s="1" t="s">
        <v>35045</v>
      </c>
      <c r="F9115" s="1" t="s">
        <v>35046</v>
      </c>
      <c r="G9115" s="1" t="s">
        <v>35028</v>
      </c>
      <c r="H9115" s="1" t="s">
        <v>35029</v>
      </c>
      <c r="I9115" s="1" t="s">
        <v>34416</v>
      </c>
      <c r="J9115" s="1" t="s">
        <v>35047</v>
      </c>
    </row>
    <row r="9116" spans="1:10" x14ac:dyDescent="0.35">
      <c r="A9116" s="1" t="s">
        <v>35025</v>
      </c>
      <c r="B9116" s="1" t="s">
        <v>34411</v>
      </c>
      <c r="C9116" s="1" t="s">
        <v>40</v>
      </c>
      <c r="D9116" s="1" t="s">
        <v>14603</v>
      </c>
      <c r="E9116" s="1" t="s">
        <v>35048</v>
      </c>
      <c r="F9116" s="1" t="s">
        <v>35049</v>
      </c>
      <c r="G9116" s="1" t="s">
        <v>35028</v>
      </c>
      <c r="H9116" s="1" t="s">
        <v>35029</v>
      </c>
      <c r="I9116" s="1" t="s">
        <v>34416</v>
      </c>
      <c r="J9116" s="1" t="s">
        <v>35050</v>
      </c>
    </row>
    <row r="9117" spans="1:10" x14ac:dyDescent="0.35">
      <c r="A9117" s="1" t="s">
        <v>35025</v>
      </c>
      <c r="B9117" s="1" t="s">
        <v>34411</v>
      </c>
      <c r="C9117" s="1" t="s">
        <v>45</v>
      </c>
      <c r="D9117" s="1" t="s">
        <v>35051</v>
      </c>
      <c r="E9117" s="1" t="s">
        <v>35052</v>
      </c>
      <c r="F9117" s="1" t="s">
        <v>35053</v>
      </c>
      <c r="G9117" s="1" t="s">
        <v>35028</v>
      </c>
      <c r="H9117" s="1" t="s">
        <v>35029</v>
      </c>
      <c r="I9117" s="1" t="s">
        <v>34416</v>
      </c>
      <c r="J9117" s="1" t="s">
        <v>35054</v>
      </c>
    </row>
    <row r="9118" spans="1:10" x14ac:dyDescent="0.35">
      <c r="A9118" s="1" t="s">
        <v>35025</v>
      </c>
      <c r="B9118" s="1" t="s">
        <v>34411</v>
      </c>
      <c r="C9118" s="1" t="s">
        <v>50</v>
      </c>
      <c r="D9118" s="1" t="s">
        <v>35055</v>
      </c>
      <c r="E9118" s="1" t="s">
        <v>35056</v>
      </c>
      <c r="F9118" s="1" t="s">
        <v>35057</v>
      </c>
      <c r="G9118" s="1" t="s">
        <v>35028</v>
      </c>
      <c r="H9118" s="1" t="s">
        <v>35029</v>
      </c>
      <c r="I9118" s="1" t="s">
        <v>34416</v>
      </c>
      <c r="J9118" s="1" t="s">
        <v>35058</v>
      </c>
    </row>
    <row r="9119" spans="1:10" x14ac:dyDescent="0.35">
      <c r="A9119" s="1" t="s">
        <v>35025</v>
      </c>
      <c r="B9119" s="1" t="s">
        <v>34411</v>
      </c>
      <c r="C9119" s="1" t="s">
        <v>55</v>
      </c>
      <c r="D9119" s="1" t="s">
        <v>15926</v>
      </c>
      <c r="E9119" s="1" t="s">
        <v>35059</v>
      </c>
      <c r="F9119" s="1" t="s">
        <v>35060</v>
      </c>
      <c r="G9119" s="1" t="s">
        <v>35028</v>
      </c>
      <c r="H9119" s="1" t="s">
        <v>35029</v>
      </c>
      <c r="I9119" s="1" t="s">
        <v>34416</v>
      </c>
      <c r="J9119" s="1" t="s">
        <v>35061</v>
      </c>
    </row>
    <row r="9120" spans="1:10" x14ac:dyDescent="0.35">
      <c r="A9120" s="1" t="s">
        <v>35025</v>
      </c>
      <c r="B9120" s="1" t="s">
        <v>34411</v>
      </c>
      <c r="C9120" s="1" t="s">
        <v>60</v>
      </c>
      <c r="D9120" s="1" t="s">
        <v>19517</v>
      </c>
      <c r="E9120" s="1" t="s">
        <v>35062</v>
      </c>
      <c r="F9120" s="1" t="s">
        <v>35063</v>
      </c>
      <c r="G9120" s="1" t="s">
        <v>35028</v>
      </c>
      <c r="H9120" s="1" t="s">
        <v>35029</v>
      </c>
      <c r="I9120" s="1" t="s">
        <v>34416</v>
      </c>
      <c r="J9120" s="1" t="s">
        <v>35064</v>
      </c>
    </row>
    <row r="9121" spans="1:10" x14ac:dyDescent="0.35">
      <c r="A9121" s="1" t="s">
        <v>35025</v>
      </c>
      <c r="B9121" s="1" t="s">
        <v>34411</v>
      </c>
      <c r="C9121" s="1" t="s">
        <v>65</v>
      </c>
      <c r="D9121" s="1" t="s">
        <v>35065</v>
      </c>
      <c r="E9121" s="1" t="s">
        <v>35066</v>
      </c>
      <c r="F9121" s="1" t="s">
        <v>35067</v>
      </c>
      <c r="G9121" s="1" t="s">
        <v>35028</v>
      </c>
      <c r="H9121" s="1" t="s">
        <v>35029</v>
      </c>
      <c r="I9121" s="1" t="s">
        <v>34416</v>
      </c>
      <c r="J9121" s="1" t="s">
        <v>35068</v>
      </c>
    </row>
    <row r="9122" spans="1:10" x14ac:dyDescent="0.35">
      <c r="A9122" s="1" t="s">
        <v>35025</v>
      </c>
      <c r="B9122" s="1" t="s">
        <v>34411</v>
      </c>
      <c r="C9122" s="1" t="s">
        <v>70</v>
      </c>
      <c r="D9122" s="1" t="s">
        <v>35069</v>
      </c>
      <c r="E9122" s="1" t="s">
        <v>35070</v>
      </c>
      <c r="F9122" s="1" t="s">
        <v>35071</v>
      </c>
      <c r="G9122" s="1" t="s">
        <v>35028</v>
      </c>
      <c r="H9122" s="1" t="s">
        <v>35029</v>
      </c>
      <c r="I9122" s="1" t="s">
        <v>34416</v>
      </c>
      <c r="J9122" s="1" t="s">
        <v>35072</v>
      </c>
    </row>
    <row r="9123" spans="1:10" x14ac:dyDescent="0.35">
      <c r="A9123" s="1" t="s">
        <v>35025</v>
      </c>
      <c r="B9123" s="1" t="s">
        <v>34411</v>
      </c>
      <c r="C9123" s="1" t="s">
        <v>75</v>
      </c>
      <c r="D9123" s="1" t="s">
        <v>14630</v>
      </c>
      <c r="E9123" s="1" t="s">
        <v>35073</v>
      </c>
      <c r="F9123" s="1" t="s">
        <v>35074</v>
      </c>
      <c r="G9123" s="1" t="s">
        <v>35028</v>
      </c>
      <c r="H9123" s="1" t="s">
        <v>35029</v>
      </c>
      <c r="I9123" s="1" t="s">
        <v>34416</v>
      </c>
      <c r="J9123" s="1" t="s">
        <v>35075</v>
      </c>
    </row>
    <row r="9124" spans="1:10" x14ac:dyDescent="0.35">
      <c r="A9124" s="1" t="s">
        <v>35025</v>
      </c>
      <c r="B9124" s="1" t="s">
        <v>34411</v>
      </c>
      <c r="C9124" s="1" t="s">
        <v>80</v>
      </c>
      <c r="D9124" s="1" t="s">
        <v>35076</v>
      </c>
      <c r="E9124" s="1" t="s">
        <v>35077</v>
      </c>
      <c r="F9124" s="1" t="s">
        <v>35078</v>
      </c>
      <c r="G9124" s="1" t="s">
        <v>35028</v>
      </c>
      <c r="H9124" s="1" t="s">
        <v>35029</v>
      </c>
      <c r="I9124" s="1" t="s">
        <v>34416</v>
      </c>
      <c r="J9124" s="1" t="s">
        <v>35079</v>
      </c>
    </row>
    <row r="9125" spans="1:10" x14ac:dyDescent="0.35">
      <c r="A9125" s="1" t="s">
        <v>35025</v>
      </c>
      <c r="B9125" s="1" t="s">
        <v>34411</v>
      </c>
      <c r="C9125" s="1" t="s">
        <v>85</v>
      </c>
      <c r="D9125" s="1" t="s">
        <v>35080</v>
      </c>
      <c r="E9125" s="1" t="s">
        <v>35081</v>
      </c>
      <c r="F9125" s="1" t="s">
        <v>35082</v>
      </c>
      <c r="G9125" s="1" t="s">
        <v>35028</v>
      </c>
      <c r="H9125" s="1" t="s">
        <v>35029</v>
      </c>
      <c r="I9125" s="1" t="s">
        <v>34416</v>
      </c>
      <c r="J9125" s="1" t="s">
        <v>35083</v>
      </c>
    </row>
    <row r="9126" spans="1:10" x14ac:dyDescent="0.35">
      <c r="A9126" s="1" t="s">
        <v>35025</v>
      </c>
      <c r="B9126" s="1" t="s">
        <v>34411</v>
      </c>
      <c r="C9126" s="1" t="s">
        <v>90</v>
      </c>
      <c r="D9126" s="1" t="s">
        <v>19505</v>
      </c>
      <c r="E9126" s="1" t="s">
        <v>35084</v>
      </c>
      <c r="F9126" s="1" t="s">
        <v>35085</v>
      </c>
      <c r="G9126" s="1" t="s">
        <v>35028</v>
      </c>
      <c r="H9126" s="1" t="s">
        <v>35029</v>
      </c>
      <c r="I9126" s="1" t="s">
        <v>34416</v>
      </c>
      <c r="J9126" s="1" t="s">
        <v>35086</v>
      </c>
    </row>
    <row r="9127" spans="1:10" x14ac:dyDescent="0.35">
      <c r="A9127" s="1" t="s">
        <v>35025</v>
      </c>
      <c r="B9127" s="1" t="s">
        <v>34411</v>
      </c>
      <c r="C9127" s="1" t="s">
        <v>95</v>
      </c>
      <c r="D9127" s="1" t="s">
        <v>35087</v>
      </c>
      <c r="E9127" s="1" t="s">
        <v>35088</v>
      </c>
      <c r="F9127" s="1" t="s">
        <v>35089</v>
      </c>
      <c r="G9127" s="1" t="s">
        <v>35028</v>
      </c>
      <c r="H9127" s="1" t="s">
        <v>35029</v>
      </c>
      <c r="I9127" s="1" t="s">
        <v>34416</v>
      </c>
      <c r="J9127" s="1" t="s">
        <v>35090</v>
      </c>
    </row>
    <row r="9128" spans="1:10" x14ac:dyDescent="0.35">
      <c r="A9128" s="1" t="s">
        <v>35025</v>
      </c>
      <c r="B9128" s="1" t="s">
        <v>34411</v>
      </c>
      <c r="C9128" s="1" t="s">
        <v>100</v>
      </c>
      <c r="D9128" s="1" t="s">
        <v>35091</v>
      </c>
      <c r="E9128" s="1" t="s">
        <v>35092</v>
      </c>
      <c r="F9128" s="1" t="s">
        <v>35093</v>
      </c>
      <c r="G9128" s="1" t="s">
        <v>35028</v>
      </c>
      <c r="H9128" s="1" t="s">
        <v>35029</v>
      </c>
      <c r="I9128" s="1" t="s">
        <v>34416</v>
      </c>
      <c r="J9128" s="1" t="s">
        <v>35094</v>
      </c>
    </row>
    <row r="9129" spans="1:10" x14ac:dyDescent="0.35">
      <c r="A9129" s="1" t="s">
        <v>35025</v>
      </c>
      <c r="B9129" s="1" t="s">
        <v>34411</v>
      </c>
      <c r="C9129" s="1" t="s">
        <v>105</v>
      </c>
      <c r="D9129" s="1" t="s">
        <v>35095</v>
      </c>
      <c r="E9129" s="1" t="s">
        <v>35096</v>
      </c>
      <c r="F9129" s="1" t="s">
        <v>35097</v>
      </c>
      <c r="G9129" s="1" t="s">
        <v>35028</v>
      </c>
      <c r="H9129" s="1" t="s">
        <v>35029</v>
      </c>
      <c r="I9129" s="1" t="s">
        <v>34416</v>
      </c>
      <c r="J9129" s="1" t="s">
        <v>35098</v>
      </c>
    </row>
    <row r="9130" spans="1:10" x14ac:dyDescent="0.35">
      <c r="A9130" s="1" t="s">
        <v>35025</v>
      </c>
      <c r="B9130" s="1" t="s">
        <v>34411</v>
      </c>
      <c r="C9130" s="1" t="s">
        <v>110</v>
      </c>
      <c r="D9130" s="1" t="s">
        <v>35099</v>
      </c>
      <c r="E9130" s="1" t="s">
        <v>35100</v>
      </c>
      <c r="F9130" s="1" t="s">
        <v>35101</v>
      </c>
      <c r="G9130" s="1" t="s">
        <v>35028</v>
      </c>
      <c r="H9130" s="1" t="s">
        <v>35029</v>
      </c>
      <c r="I9130" s="1" t="s">
        <v>34416</v>
      </c>
      <c r="J9130" s="1" t="s">
        <v>35102</v>
      </c>
    </row>
    <row r="9131" spans="1:10" x14ac:dyDescent="0.35">
      <c r="A9131" s="1" t="s">
        <v>35025</v>
      </c>
      <c r="B9131" s="1" t="s">
        <v>34411</v>
      </c>
      <c r="C9131" s="1" t="s">
        <v>115</v>
      </c>
      <c r="D9131" s="1" t="s">
        <v>35103</v>
      </c>
      <c r="E9131" s="1" t="s">
        <v>35104</v>
      </c>
      <c r="F9131" s="1" t="s">
        <v>35105</v>
      </c>
      <c r="G9131" s="1" t="s">
        <v>35028</v>
      </c>
      <c r="H9131" s="1" t="s">
        <v>35029</v>
      </c>
      <c r="I9131" s="1" t="s">
        <v>34416</v>
      </c>
      <c r="J9131" s="1" t="s">
        <v>35106</v>
      </c>
    </row>
    <row r="9132" spans="1:10" x14ac:dyDescent="0.35">
      <c r="A9132" s="1" t="s">
        <v>35025</v>
      </c>
      <c r="B9132" s="1" t="s">
        <v>34411</v>
      </c>
      <c r="C9132" s="1" t="s">
        <v>120</v>
      </c>
      <c r="D9132" s="1" t="s">
        <v>35107</v>
      </c>
      <c r="E9132" s="1" t="s">
        <v>35108</v>
      </c>
      <c r="F9132" s="1" t="s">
        <v>35109</v>
      </c>
      <c r="G9132" s="1" t="s">
        <v>35028</v>
      </c>
      <c r="H9132" s="1" t="s">
        <v>35029</v>
      </c>
      <c r="I9132" s="1" t="s">
        <v>34416</v>
      </c>
      <c r="J9132" s="1" t="s">
        <v>35110</v>
      </c>
    </row>
    <row r="9133" spans="1:10" x14ac:dyDescent="0.35">
      <c r="A9133" s="1" t="s">
        <v>35025</v>
      </c>
      <c r="B9133" s="1" t="s">
        <v>34411</v>
      </c>
      <c r="C9133" s="1" t="s">
        <v>125</v>
      </c>
      <c r="D9133" s="1" t="s">
        <v>35111</v>
      </c>
      <c r="E9133" s="1" t="s">
        <v>35112</v>
      </c>
      <c r="F9133" s="1" t="s">
        <v>35113</v>
      </c>
      <c r="G9133" s="1" t="s">
        <v>35028</v>
      </c>
      <c r="H9133" s="1" t="s">
        <v>35029</v>
      </c>
      <c r="I9133" s="1" t="s">
        <v>34416</v>
      </c>
      <c r="J9133" s="1" t="s">
        <v>35114</v>
      </c>
    </row>
    <row r="9134" spans="1:10" x14ac:dyDescent="0.35">
      <c r="A9134" s="1" t="s">
        <v>35025</v>
      </c>
      <c r="B9134" s="1" t="s">
        <v>34411</v>
      </c>
      <c r="C9134" s="1" t="s">
        <v>130</v>
      </c>
      <c r="D9134" s="1" t="s">
        <v>13059</v>
      </c>
      <c r="E9134" s="1" t="s">
        <v>35115</v>
      </c>
      <c r="F9134" s="1" t="s">
        <v>35116</v>
      </c>
      <c r="G9134" s="1" t="s">
        <v>35028</v>
      </c>
      <c r="H9134" s="1" t="s">
        <v>35029</v>
      </c>
      <c r="I9134" s="1" t="s">
        <v>34416</v>
      </c>
      <c r="J9134" s="1" t="s">
        <v>35117</v>
      </c>
    </row>
    <row r="9135" spans="1:10" x14ac:dyDescent="0.35">
      <c r="A9135" s="1" t="s">
        <v>35025</v>
      </c>
      <c r="B9135" s="1" t="s">
        <v>34411</v>
      </c>
      <c r="C9135" s="1" t="s">
        <v>135</v>
      </c>
      <c r="D9135" s="1" t="s">
        <v>34286</v>
      </c>
      <c r="E9135" s="1" t="s">
        <v>35118</v>
      </c>
      <c r="F9135" s="1" t="s">
        <v>35119</v>
      </c>
      <c r="G9135" s="1" t="s">
        <v>35028</v>
      </c>
      <c r="H9135" s="1" t="s">
        <v>35029</v>
      </c>
      <c r="I9135" s="1" t="s">
        <v>34416</v>
      </c>
      <c r="J9135" s="1" t="s">
        <v>35120</v>
      </c>
    </row>
    <row r="9136" spans="1:10" x14ac:dyDescent="0.35">
      <c r="A9136" s="1" t="s">
        <v>35025</v>
      </c>
      <c r="B9136" s="1" t="s">
        <v>34411</v>
      </c>
      <c r="C9136" s="1" t="s">
        <v>140</v>
      </c>
      <c r="D9136" s="1" t="s">
        <v>35121</v>
      </c>
      <c r="E9136" s="1" t="s">
        <v>35122</v>
      </c>
      <c r="F9136" s="1" t="s">
        <v>35123</v>
      </c>
      <c r="G9136" s="1" t="s">
        <v>35028</v>
      </c>
      <c r="H9136" s="1" t="s">
        <v>35029</v>
      </c>
      <c r="I9136" s="1" t="s">
        <v>34416</v>
      </c>
      <c r="J9136" s="1" t="s">
        <v>35124</v>
      </c>
    </row>
    <row r="9137" spans="1:10" x14ac:dyDescent="0.35">
      <c r="A9137" s="1" t="s">
        <v>35025</v>
      </c>
      <c r="B9137" s="1" t="s">
        <v>34411</v>
      </c>
      <c r="C9137" s="1" t="s">
        <v>145</v>
      </c>
      <c r="D9137" s="1" t="s">
        <v>35125</v>
      </c>
      <c r="E9137" s="1" t="s">
        <v>35126</v>
      </c>
      <c r="F9137" s="1" t="s">
        <v>35127</v>
      </c>
      <c r="G9137" s="1" t="s">
        <v>35028</v>
      </c>
      <c r="H9137" s="1" t="s">
        <v>35029</v>
      </c>
      <c r="I9137" s="1" t="s">
        <v>34416</v>
      </c>
      <c r="J9137" s="1" t="s">
        <v>35128</v>
      </c>
    </row>
    <row r="9138" spans="1:10" x14ac:dyDescent="0.35">
      <c r="A9138" s="1" t="s">
        <v>35025</v>
      </c>
      <c r="B9138" s="1" t="s">
        <v>34411</v>
      </c>
      <c r="C9138" s="1" t="s">
        <v>150</v>
      </c>
      <c r="D9138" s="1" t="s">
        <v>35129</v>
      </c>
      <c r="E9138" s="1" t="s">
        <v>35130</v>
      </c>
      <c r="F9138" s="1" t="s">
        <v>35131</v>
      </c>
      <c r="G9138" s="1" t="s">
        <v>35028</v>
      </c>
      <c r="H9138" s="1" t="s">
        <v>35029</v>
      </c>
      <c r="I9138" s="1" t="s">
        <v>34416</v>
      </c>
      <c r="J9138" s="1" t="s">
        <v>35132</v>
      </c>
    </row>
    <row r="9139" spans="1:10" x14ac:dyDescent="0.35">
      <c r="A9139" s="1" t="s">
        <v>35025</v>
      </c>
      <c r="B9139" s="1" t="s">
        <v>34411</v>
      </c>
      <c r="C9139" s="1" t="s">
        <v>155</v>
      </c>
      <c r="D9139" s="1" t="s">
        <v>35069</v>
      </c>
      <c r="E9139" s="1" t="s">
        <v>35133</v>
      </c>
      <c r="F9139" s="1" t="s">
        <v>35134</v>
      </c>
      <c r="G9139" s="1" t="s">
        <v>35028</v>
      </c>
      <c r="H9139" s="1" t="s">
        <v>35029</v>
      </c>
      <c r="I9139" s="1" t="s">
        <v>34416</v>
      </c>
      <c r="J9139" s="1" t="s">
        <v>35135</v>
      </c>
    </row>
    <row r="9140" spans="1:10" x14ac:dyDescent="0.35">
      <c r="A9140" s="1" t="s">
        <v>35025</v>
      </c>
      <c r="B9140" s="1" t="s">
        <v>34411</v>
      </c>
      <c r="C9140" s="1" t="s">
        <v>160</v>
      </c>
      <c r="D9140" s="1" t="s">
        <v>35136</v>
      </c>
      <c r="E9140" s="1" t="s">
        <v>35137</v>
      </c>
      <c r="F9140" s="1" t="s">
        <v>35138</v>
      </c>
      <c r="G9140" s="1" t="s">
        <v>35028</v>
      </c>
      <c r="H9140" s="1" t="s">
        <v>35029</v>
      </c>
      <c r="I9140" s="1" t="s">
        <v>34416</v>
      </c>
      <c r="J9140" s="1" t="s">
        <v>35139</v>
      </c>
    </row>
    <row r="9141" spans="1:10" x14ac:dyDescent="0.35">
      <c r="A9141" s="1" t="s">
        <v>35025</v>
      </c>
      <c r="B9141" s="1" t="s">
        <v>34411</v>
      </c>
      <c r="C9141" s="1" t="s">
        <v>165</v>
      </c>
      <c r="D9141" s="1" t="s">
        <v>30621</v>
      </c>
      <c r="E9141" s="1" t="s">
        <v>35140</v>
      </c>
      <c r="F9141" s="1" t="s">
        <v>35141</v>
      </c>
      <c r="G9141" s="1" t="s">
        <v>35028</v>
      </c>
      <c r="H9141" s="1" t="s">
        <v>35029</v>
      </c>
      <c r="I9141" s="1" t="s">
        <v>34416</v>
      </c>
      <c r="J9141" s="1" t="s">
        <v>35142</v>
      </c>
    </row>
    <row r="9142" spans="1:10" x14ac:dyDescent="0.35">
      <c r="A9142" s="1" t="s">
        <v>35025</v>
      </c>
      <c r="B9142" s="1" t="s">
        <v>34411</v>
      </c>
      <c r="C9142" s="1" t="s">
        <v>170</v>
      </c>
      <c r="D9142" s="1" t="s">
        <v>35143</v>
      </c>
      <c r="E9142" s="1" t="s">
        <v>35144</v>
      </c>
      <c r="F9142" s="1" t="s">
        <v>35145</v>
      </c>
      <c r="G9142" s="1" t="s">
        <v>35028</v>
      </c>
      <c r="H9142" s="1" t="s">
        <v>35029</v>
      </c>
      <c r="I9142" s="1" t="s">
        <v>34416</v>
      </c>
      <c r="J9142" s="1" t="s">
        <v>35146</v>
      </c>
    </row>
    <row r="9143" spans="1:10" x14ac:dyDescent="0.35">
      <c r="A9143" s="1" t="s">
        <v>35147</v>
      </c>
      <c r="B9143" s="1" t="s">
        <v>34411</v>
      </c>
      <c r="C9143" s="1" t="s">
        <v>8</v>
      </c>
      <c r="D9143" s="1" t="s">
        <v>35148</v>
      </c>
      <c r="E9143" s="1" t="s">
        <v>35149</v>
      </c>
      <c r="F9143" s="1" t="s">
        <v>35150</v>
      </c>
      <c r="G9143" s="1" t="s">
        <v>35151</v>
      </c>
      <c r="H9143" s="1" t="s">
        <v>35152</v>
      </c>
      <c r="I9143" s="1" t="s">
        <v>34416</v>
      </c>
      <c r="J9143" s="1" t="s">
        <v>13</v>
      </c>
    </row>
    <row r="9144" spans="1:10" x14ac:dyDescent="0.35">
      <c r="A9144" s="1" t="s">
        <v>35147</v>
      </c>
      <c r="B9144" s="1" t="s">
        <v>34411</v>
      </c>
      <c r="C9144" s="1" t="s">
        <v>15</v>
      </c>
      <c r="D9144" s="1" t="s">
        <v>35153</v>
      </c>
      <c r="E9144" s="1" t="s">
        <v>35154</v>
      </c>
      <c r="F9144" s="1" t="s">
        <v>35155</v>
      </c>
      <c r="G9144" s="1" t="s">
        <v>35151</v>
      </c>
      <c r="H9144" s="1" t="s">
        <v>35152</v>
      </c>
      <c r="I9144" s="1" t="s">
        <v>34416</v>
      </c>
      <c r="J9144" s="1" t="s">
        <v>35156</v>
      </c>
    </row>
    <row r="9145" spans="1:10" x14ac:dyDescent="0.35">
      <c r="A9145" s="1" t="s">
        <v>35147</v>
      </c>
      <c r="B9145" s="1" t="s">
        <v>34411</v>
      </c>
      <c r="C9145" s="1" t="s">
        <v>20</v>
      </c>
      <c r="D9145" s="1" t="s">
        <v>35157</v>
      </c>
      <c r="E9145" s="1" t="s">
        <v>35158</v>
      </c>
      <c r="F9145" s="1" t="s">
        <v>35159</v>
      </c>
      <c r="G9145" s="1" t="s">
        <v>35151</v>
      </c>
      <c r="H9145" s="1" t="s">
        <v>35152</v>
      </c>
      <c r="I9145" s="1" t="s">
        <v>34416</v>
      </c>
      <c r="J9145" s="1" t="s">
        <v>35160</v>
      </c>
    </row>
    <row r="9146" spans="1:10" x14ac:dyDescent="0.35">
      <c r="A9146" s="1" t="s">
        <v>35147</v>
      </c>
      <c r="B9146" s="1" t="s">
        <v>34411</v>
      </c>
      <c r="C9146" s="1" t="s">
        <v>25</v>
      </c>
      <c r="D9146" s="1" t="s">
        <v>10023</v>
      </c>
      <c r="E9146" s="1" t="s">
        <v>35161</v>
      </c>
      <c r="F9146" s="1" t="s">
        <v>35162</v>
      </c>
      <c r="G9146" s="1" t="s">
        <v>35151</v>
      </c>
      <c r="H9146" s="1" t="s">
        <v>35152</v>
      </c>
      <c r="I9146" s="1" t="s">
        <v>34416</v>
      </c>
      <c r="J9146" s="1" t="s">
        <v>35163</v>
      </c>
    </row>
    <row r="9147" spans="1:10" x14ac:dyDescent="0.35">
      <c r="A9147" s="1" t="s">
        <v>35147</v>
      </c>
      <c r="B9147" s="1" t="s">
        <v>34411</v>
      </c>
      <c r="C9147" s="1" t="s">
        <v>30</v>
      </c>
      <c r="D9147" s="1" t="s">
        <v>1647</v>
      </c>
      <c r="E9147" s="1" t="s">
        <v>35164</v>
      </c>
      <c r="F9147" s="1" t="s">
        <v>35165</v>
      </c>
      <c r="G9147" s="1" t="s">
        <v>35151</v>
      </c>
      <c r="H9147" s="1" t="s">
        <v>35152</v>
      </c>
      <c r="I9147" s="1" t="s">
        <v>34416</v>
      </c>
      <c r="J9147" s="1" t="s">
        <v>35166</v>
      </c>
    </row>
    <row r="9148" spans="1:10" x14ac:dyDescent="0.35">
      <c r="A9148" s="1" t="s">
        <v>35147</v>
      </c>
      <c r="B9148" s="1" t="s">
        <v>34411</v>
      </c>
      <c r="C9148" s="1" t="s">
        <v>35</v>
      </c>
      <c r="D9148" s="1" t="s">
        <v>35167</v>
      </c>
      <c r="E9148" s="1" t="s">
        <v>35168</v>
      </c>
      <c r="F9148" s="1" t="s">
        <v>35169</v>
      </c>
      <c r="G9148" s="1" t="s">
        <v>35151</v>
      </c>
      <c r="H9148" s="1" t="s">
        <v>35152</v>
      </c>
      <c r="I9148" s="1" t="s">
        <v>34416</v>
      </c>
      <c r="J9148" s="1" t="s">
        <v>35170</v>
      </c>
    </row>
    <row r="9149" spans="1:10" x14ac:dyDescent="0.35">
      <c r="A9149" s="1" t="s">
        <v>35147</v>
      </c>
      <c r="B9149" s="1" t="s">
        <v>34411</v>
      </c>
      <c r="C9149" s="1" t="s">
        <v>40</v>
      </c>
      <c r="D9149" s="1" t="s">
        <v>9251</v>
      </c>
      <c r="E9149" s="1" t="s">
        <v>35171</v>
      </c>
      <c r="F9149" s="1" t="s">
        <v>35172</v>
      </c>
      <c r="G9149" s="1" t="s">
        <v>35151</v>
      </c>
      <c r="H9149" s="1" t="s">
        <v>35152</v>
      </c>
      <c r="I9149" s="1" t="s">
        <v>34416</v>
      </c>
      <c r="J9149" s="1" t="s">
        <v>35173</v>
      </c>
    </row>
    <row r="9150" spans="1:10" x14ac:dyDescent="0.35">
      <c r="A9150" s="1" t="s">
        <v>35147</v>
      </c>
      <c r="B9150" s="1" t="s">
        <v>34411</v>
      </c>
      <c r="C9150" s="1" t="s">
        <v>45</v>
      </c>
      <c r="D9150" s="1" t="s">
        <v>35174</v>
      </c>
      <c r="E9150" s="1" t="s">
        <v>35175</v>
      </c>
      <c r="F9150" s="1" t="s">
        <v>35176</v>
      </c>
      <c r="G9150" s="1" t="s">
        <v>35151</v>
      </c>
      <c r="H9150" s="1" t="s">
        <v>35152</v>
      </c>
      <c r="I9150" s="1" t="s">
        <v>34416</v>
      </c>
      <c r="J9150" s="1" t="s">
        <v>35177</v>
      </c>
    </row>
    <row r="9151" spans="1:10" x14ac:dyDescent="0.35">
      <c r="A9151" s="1" t="s">
        <v>35147</v>
      </c>
      <c r="B9151" s="1" t="s">
        <v>34411</v>
      </c>
      <c r="C9151" s="1" t="s">
        <v>50</v>
      </c>
      <c r="D9151" s="1" t="s">
        <v>14251</v>
      </c>
      <c r="E9151" s="1" t="s">
        <v>35178</v>
      </c>
      <c r="F9151" s="1" t="s">
        <v>35179</v>
      </c>
      <c r="G9151" s="1" t="s">
        <v>35151</v>
      </c>
      <c r="H9151" s="1" t="s">
        <v>35152</v>
      </c>
      <c r="I9151" s="1" t="s">
        <v>34416</v>
      </c>
      <c r="J9151" s="1" t="s">
        <v>35180</v>
      </c>
    </row>
    <row r="9152" spans="1:10" x14ac:dyDescent="0.35">
      <c r="A9152" s="1" t="s">
        <v>35147</v>
      </c>
      <c r="B9152" s="1" t="s">
        <v>34411</v>
      </c>
      <c r="C9152" s="1" t="s">
        <v>55</v>
      </c>
      <c r="D9152" s="1" t="s">
        <v>28998</v>
      </c>
      <c r="E9152" s="1" t="s">
        <v>35181</v>
      </c>
      <c r="F9152" s="1" t="s">
        <v>35182</v>
      </c>
      <c r="G9152" s="1" t="s">
        <v>35151</v>
      </c>
      <c r="H9152" s="1" t="s">
        <v>35152</v>
      </c>
      <c r="I9152" s="1" t="s">
        <v>34416</v>
      </c>
      <c r="J9152" s="1" t="s">
        <v>35183</v>
      </c>
    </row>
    <row r="9153" spans="1:10" x14ac:dyDescent="0.35">
      <c r="A9153" s="1" t="s">
        <v>35147</v>
      </c>
      <c r="B9153" s="1" t="s">
        <v>34411</v>
      </c>
      <c r="C9153" s="1" t="s">
        <v>60</v>
      </c>
      <c r="D9153" s="1" t="s">
        <v>35184</v>
      </c>
      <c r="E9153" s="1" t="s">
        <v>35185</v>
      </c>
      <c r="F9153" s="1" t="s">
        <v>35186</v>
      </c>
      <c r="G9153" s="1" t="s">
        <v>35151</v>
      </c>
      <c r="H9153" s="1" t="s">
        <v>35152</v>
      </c>
      <c r="I9153" s="1" t="s">
        <v>34416</v>
      </c>
      <c r="J9153" s="1" t="s">
        <v>35187</v>
      </c>
    </row>
    <row r="9154" spans="1:10" x14ac:dyDescent="0.35">
      <c r="A9154" s="1" t="s">
        <v>35147</v>
      </c>
      <c r="B9154" s="1" t="s">
        <v>34411</v>
      </c>
      <c r="C9154" s="1" t="s">
        <v>65</v>
      </c>
      <c r="D9154" s="1" t="s">
        <v>7048</v>
      </c>
      <c r="E9154" s="1" t="s">
        <v>35188</v>
      </c>
      <c r="F9154" s="1" t="s">
        <v>35189</v>
      </c>
      <c r="G9154" s="1" t="s">
        <v>35151</v>
      </c>
      <c r="H9154" s="1" t="s">
        <v>35152</v>
      </c>
      <c r="I9154" s="1" t="s">
        <v>34416</v>
      </c>
      <c r="J9154" s="1" t="s">
        <v>35190</v>
      </c>
    </row>
    <row r="9155" spans="1:10" x14ac:dyDescent="0.35">
      <c r="A9155" s="1" t="s">
        <v>35147</v>
      </c>
      <c r="B9155" s="1" t="s">
        <v>34411</v>
      </c>
      <c r="C9155" s="1" t="s">
        <v>70</v>
      </c>
      <c r="D9155" s="1" t="s">
        <v>27882</v>
      </c>
      <c r="E9155" s="1" t="s">
        <v>35191</v>
      </c>
      <c r="F9155" s="1" t="s">
        <v>35192</v>
      </c>
      <c r="G9155" s="1" t="s">
        <v>35151</v>
      </c>
      <c r="H9155" s="1" t="s">
        <v>35152</v>
      </c>
      <c r="I9155" s="1" t="s">
        <v>34416</v>
      </c>
      <c r="J9155" s="1" t="s">
        <v>35193</v>
      </c>
    </row>
    <row r="9156" spans="1:10" x14ac:dyDescent="0.35">
      <c r="A9156" s="1" t="s">
        <v>35147</v>
      </c>
      <c r="B9156" s="1" t="s">
        <v>34411</v>
      </c>
      <c r="C9156" s="1" t="s">
        <v>75</v>
      </c>
      <c r="D9156" s="1" t="s">
        <v>16321</v>
      </c>
      <c r="E9156" s="1" t="s">
        <v>35194</v>
      </c>
      <c r="F9156" s="1" t="s">
        <v>35195</v>
      </c>
      <c r="G9156" s="1" t="s">
        <v>35151</v>
      </c>
      <c r="H9156" s="1" t="s">
        <v>35152</v>
      </c>
      <c r="I9156" s="1" t="s">
        <v>34416</v>
      </c>
      <c r="J9156" s="1" t="s">
        <v>35196</v>
      </c>
    </row>
    <row r="9157" spans="1:10" x14ac:dyDescent="0.35">
      <c r="A9157" s="1" t="s">
        <v>35147</v>
      </c>
      <c r="B9157" s="1" t="s">
        <v>34411</v>
      </c>
      <c r="C9157" s="1" t="s">
        <v>80</v>
      </c>
      <c r="D9157" s="1" t="s">
        <v>35197</v>
      </c>
      <c r="E9157" s="1" t="s">
        <v>35198</v>
      </c>
      <c r="F9157" s="1" t="s">
        <v>35199</v>
      </c>
      <c r="G9157" s="1" t="s">
        <v>35151</v>
      </c>
      <c r="H9157" s="1" t="s">
        <v>35152</v>
      </c>
      <c r="I9157" s="1" t="s">
        <v>34416</v>
      </c>
      <c r="J9157" s="1" t="s">
        <v>35200</v>
      </c>
    </row>
    <row r="9158" spans="1:10" x14ac:dyDescent="0.35">
      <c r="A9158" s="1" t="s">
        <v>35147</v>
      </c>
      <c r="B9158" s="1" t="s">
        <v>34411</v>
      </c>
      <c r="C9158" s="1" t="s">
        <v>85</v>
      </c>
      <c r="D9158" s="1" t="s">
        <v>35201</v>
      </c>
      <c r="E9158" s="1" t="s">
        <v>35202</v>
      </c>
      <c r="F9158" s="1" t="s">
        <v>35203</v>
      </c>
      <c r="G9158" s="1" t="s">
        <v>35151</v>
      </c>
      <c r="H9158" s="1" t="s">
        <v>35152</v>
      </c>
      <c r="I9158" s="1" t="s">
        <v>34416</v>
      </c>
      <c r="J9158" s="1" t="s">
        <v>35204</v>
      </c>
    </row>
    <row r="9159" spans="1:10" x14ac:dyDescent="0.35">
      <c r="A9159" s="1" t="s">
        <v>35147</v>
      </c>
      <c r="B9159" s="1" t="s">
        <v>34411</v>
      </c>
      <c r="C9159" s="1" t="s">
        <v>90</v>
      </c>
      <c r="D9159" s="1" t="s">
        <v>35205</v>
      </c>
      <c r="E9159" s="1" t="s">
        <v>35206</v>
      </c>
      <c r="F9159" s="1" t="s">
        <v>35207</v>
      </c>
      <c r="G9159" s="1" t="s">
        <v>35151</v>
      </c>
      <c r="H9159" s="1" t="s">
        <v>35152</v>
      </c>
      <c r="I9159" s="1" t="s">
        <v>34416</v>
      </c>
      <c r="J9159" s="1" t="s">
        <v>35208</v>
      </c>
    </row>
    <row r="9160" spans="1:10" x14ac:dyDescent="0.35">
      <c r="A9160" s="1" t="s">
        <v>35147</v>
      </c>
      <c r="B9160" s="1" t="s">
        <v>34411</v>
      </c>
      <c r="C9160" s="1" t="s">
        <v>95</v>
      </c>
      <c r="D9160" s="1" t="s">
        <v>35209</v>
      </c>
      <c r="E9160" s="1" t="s">
        <v>35210</v>
      </c>
      <c r="F9160" s="1" t="s">
        <v>35211</v>
      </c>
      <c r="G9160" s="1" t="s">
        <v>35151</v>
      </c>
      <c r="H9160" s="1" t="s">
        <v>35152</v>
      </c>
      <c r="I9160" s="1" t="s">
        <v>34416</v>
      </c>
      <c r="J9160" s="1" t="s">
        <v>35212</v>
      </c>
    </row>
    <row r="9161" spans="1:10" x14ac:dyDescent="0.35">
      <c r="A9161" s="1" t="s">
        <v>35147</v>
      </c>
      <c r="B9161" s="1" t="s">
        <v>34411</v>
      </c>
      <c r="C9161" s="1" t="s">
        <v>100</v>
      </c>
      <c r="D9161" s="1" t="s">
        <v>35213</v>
      </c>
      <c r="E9161" s="1" t="s">
        <v>35214</v>
      </c>
      <c r="F9161" s="1" t="s">
        <v>35215</v>
      </c>
      <c r="G9161" s="1" t="s">
        <v>35151</v>
      </c>
      <c r="H9161" s="1" t="s">
        <v>35152</v>
      </c>
      <c r="I9161" s="1" t="s">
        <v>34416</v>
      </c>
      <c r="J9161" s="1" t="s">
        <v>35216</v>
      </c>
    </row>
    <row r="9162" spans="1:10" x14ac:dyDescent="0.35">
      <c r="A9162" s="1" t="s">
        <v>35147</v>
      </c>
      <c r="B9162" s="1" t="s">
        <v>34411</v>
      </c>
      <c r="C9162" s="1" t="s">
        <v>105</v>
      </c>
      <c r="D9162" s="1" t="s">
        <v>35217</v>
      </c>
      <c r="E9162" s="1" t="s">
        <v>35218</v>
      </c>
      <c r="F9162" s="1" t="s">
        <v>35219</v>
      </c>
      <c r="G9162" s="1" t="s">
        <v>35151</v>
      </c>
      <c r="H9162" s="1" t="s">
        <v>35152</v>
      </c>
      <c r="I9162" s="1" t="s">
        <v>34416</v>
      </c>
      <c r="J9162" s="1" t="s">
        <v>35220</v>
      </c>
    </row>
    <row r="9163" spans="1:10" x14ac:dyDescent="0.35">
      <c r="A9163" s="1" t="s">
        <v>35147</v>
      </c>
      <c r="B9163" s="1" t="s">
        <v>34411</v>
      </c>
      <c r="C9163" s="1" t="s">
        <v>110</v>
      </c>
      <c r="D9163" s="1" t="s">
        <v>35221</v>
      </c>
      <c r="E9163" s="1" t="s">
        <v>35222</v>
      </c>
      <c r="F9163" s="1" t="s">
        <v>35223</v>
      </c>
      <c r="G9163" s="1" t="s">
        <v>35151</v>
      </c>
      <c r="H9163" s="1" t="s">
        <v>35152</v>
      </c>
      <c r="I9163" s="1" t="s">
        <v>34416</v>
      </c>
      <c r="J9163" s="1" t="s">
        <v>35224</v>
      </c>
    </row>
    <row r="9164" spans="1:10" x14ac:dyDescent="0.35">
      <c r="A9164" s="1" t="s">
        <v>35147</v>
      </c>
      <c r="B9164" s="1" t="s">
        <v>34411</v>
      </c>
      <c r="C9164" s="1" t="s">
        <v>115</v>
      </c>
      <c r="D9164" s="1" t="s">
        <v>34579</v>
      </c>
      <c r="E9164" s="1" t="s">
        <v>35225</v>
      </c>
      <c r="F9164" s="1" t="s">
        <v>35226</v>
      </c>
      <c r="G9164" s="1" t="s">
        <v>35151</v>
      </c>
      <c r="H9164" s="1" t="s">
        <v>35152</v>
      </c>
      <c r="I9164" s="1" t="s">
        <v>34416</v>
      </c>
      <c r="J9164" s="1" t="s">
        <v>35227</v>
      </c>
    </row>
    <row r="9165" spans="1:10" x14ac:dyDescent="0.35">
      <c r="A9165" s="1" t="s">
        <v>35147</v>
      </c>
      <c r="B9165" s="1" t="s">
        <v>34411</v>
      </c>
      <c r="C9165" s="1" t="s">
        <v>120</v>
      </c>
      <c r="D9165" s="1" t="s">
        <v>35228</v>
      </c>
      <c r="E9165" s="1" t="s">
        <v>35229</v>
      </c>
      <c r="F9165" s="1" t="s">
        <v>35230</v>
      </c>
      <c r="G9165" s="1" t="s">
        <v>35151</v>
      </c>
      <c r="H9165" s="1" t="s">
        <v>35152</v>
      </c>
      <c r="I9165" s="1" t="s">
        <v>34416</v>
      </c>
      <c r="J9165" s="1" t="s">
        <v>35231</v>
      </c>
    </row>
    <row r="9166" spans="1:10" x14ac:dyDescent="0.35">
      <c r="A9166" s="1" t="s">
        <v>35147</v>
      </c>
      <c r="B9166" s="1" t="s">
        <v>34411</v>
      </c>
      <c r="C9166" s="1" t="s">
        <v>125</v>
      </c>
      <c r="D9166" s="1" t="s">
        <v>35232</v>
      </c>
      <c r="E9166" s="1" t="s">
        <v>35233</v>
      </c>
      <c r="F9166" s="1" t="s">
        <v>35234</v>
      </c>
      <c r="G9166" s="1" t="s">
        <v>35151</v>
      </c>
      <c r="H9166" s="1" t="s">
        <v>35152</v>
      </c>
      <c r="I9166" s="1" t="s">
        <v>34416</v>
      </c>
      <c r="J9166" s="1" t="s">
        <v>35235</v>
      </c>
    </row>
    <row r="9167" spans="1:10" x14ac:dyDescent="0.35">
      <c r="A9167" s="1" t="s">
        <v>35147</v>
      </c>
      <c r="B9167" s="1" t="s">
        <v>34411</v>
      </c>
      <c r="C9167" s="1" t="s">
        <v>130</v>
      </c>
      <c r="D9167" s="1" t="s">
        <v>8997</v>
      </c>
      <c r="E9167" s="1" t="s">
        <v>35236</v>
      </c>
      <c r="F9167" s="1" t="s">
        <v>35237</v>
      </c>
      <c r="G9167" s="1" t="s">
        <v>35151</v>
      </c>
      <c r="H9167" s="1" t="s">
        <v>35152</v>
      </c>
      <c r="I9167" s="1" t="s">
        <v>34416</v>
      </c>
      <c r="J9167" s="1" t="s">
        <v>35238</v>
      </c>
    </row>
    <row r="9168" spans="1:10" x14ac:dyDescent="0.35">
      <c r="A9168" s="1" t="s">
        <v>35147</v>
      </c>
      <c r="B9168" s="1" t="s">
        <v>34411</v>
      </c>
      <c r="C9168" s="1" t="s">
        <v>135</v>
      </c>
      <c r="D9168" s="1" t="s">
        <v>35239</v>
      </c>
      <c r="E9168" s="1" t="s">
        <v>35240</v>
      </c>
      <c r="F9168" s="1" t="s">
        <v>35241</v>
      </c>
      <c r="G9168" s="1" t="s">
        <v>35151</v>
      </c>
      <c r="H9168" s="1" t="s">
        <v>35152</v>
      </c>
      <c r="I9168" s="1" t="s">
        <v>34416</v>
      </c>
      <c r="J9168" s="1" t="s">
        <v>35242</v>
      </c>
    </row>
    <row r="9169" spans="1:10" x14ac:dyDescent="0.35">
      <c r="A9169" s="1" t="s">
        <v>35147</v>
      </c>
      <c r="B9169" s="1" t="s">
        <v>34411</v>
      </c>
      <c r="C9169" s="1" t="s">
        <v>140</v>
      </c>
      <c r="D9169" s="1" t="s">
        <v>35243</v>
      </c>
      <c r="E9169" s="1" t="s">
        <v>35244</v>
      </c>
      <c r="F9169" s="1" t="s">
        <v>35245</v>
      </c>
      <c r="G9169" s="1" t="s">
        <v>35151</v>
      </c>
      <c r="H9169" s="1" t="s">
        <v>35152</v>
      </c>
      <c r="I9169" s="1" t="s">
        <v>34416</v>
      </c>
      <c r="J9169" s="1" t="s">
        <v>35246</v>
      </c>
    </row>
    <row r="9170" spans="1:10" x14ac:dyDescent="0.35">
      <c r="A9170" s="1" t="s">
        <v>35147</v>
      </c>
      <c r="B9170" s="1" t="s">
        <v>34411</v>
      </c>
      <c r="C9170" s="1" t="s">
        <v>145</v>
      </c>
      <c r="D9170" s="1" t="s">
        <v>35247</v>
      </c>
      <c r="E9170" s="1" t="s">
        <v>35248</v>
      </c>
      <c r="F9170" s="1" t="s">
        <v>35249</v>
      </c>
      <c r="G9170" s="1" t="s">
        <v>35151</v>
      </c>
      <c r="H9170" s="1" t="s">
        <v>35152</v>
      </c>
      <c r="I9170" s="1" t="s">
        <v>34416</v>
      </c>
      <c r="J9170" s="1" t="s">
        <v>35250</v>
      </c>
    </row>
    <row r="9171" spans="1:10" x14ac:dyDescent="0.35">
      <c r="A9171" s="1" t="s">
        <v>35147</v>
      </c>
      <c r="B9171" s="1" t="s">
        <v>34411</v>
      </c>
      <c r="C9171" s="1" t="s">
        <v>150</v>
      </c>
      <c r="D9171" s="1" t="s">
        <v>35251</v>
      </c>
      <c r="E9171" s="1" t="s">
        <v>35252</v>
      </c>
      <c r="F9171" s="1" t="s">
        <v>35253</v>
      </c>
      <c r="G9171" s="1" t="s">
        <v>35151</v>
      </c>
      <c r="H9171" s="1" t="s">
        <v>35152</v>
      </c>
      <c r="I9171" s="1" t="s">
        <v>34416</v>
      </c>
      <c r="J9171" s="1" t="s">
        <v>35254</v>
      </c>
    </row>
    <row r="9172" spans="1:10" x14ac:dyDescent="0.35">
      <c r="A9172" s="1" t="s">
        <v>35147</v>
      </c>
      <c r="B9172" s="1" t="s">
        <v>34411</v>
      </c>
      <c r="C9172" s="1" t="s">
        <v>155</v>
      </c>
      <c r="D9172" s="1" t="s">
        <v>35255</v>
      </c>
      <c r="E9172" s="1" t="s">
        <v>35256</v>
      </c>
      <c r="F9172" s="1" t="s">
        <v>35257</v>
      </c>
      <c r="G9172" s="1" t="s">
        <v>35151</v>
      </c>
      <c r="H9172" s="1" t="s">
        <v>35152</v>
      </c>
      <c r="I9172" s="1" t="s">
        <v>34416</v>
      </c>
      <c r="J9172" s="1" t="s">
        <v>35258</v>
      </c>
    </row>
    <row r="9173" spans="1:10" x14ac:dyDescent="0.35">
      <c r="A9173" s="1" t="s">
        <v>35147</v>
      </c>
      <c r="B9173" s="1" t="s">
        <v>34411</v>
      </c>
      <c r="C9173" s="1" t="s">
        <v>160</v>
      </c>
      <c r="D9173" s="1" t="s">
        <v>7086</v>
      </c>
      <c r="E9173" s="1" t="s">
        <v>35259</v>
      </c>
      <c r="F9173" s="1" t="s">
        <v>35260</v>
      </c>
      <c r="G9173" s="1" t="s">
        <v>35151</v>
      </c>
      <c r="H9173" s="1" t="s">
        <v>35152</v>
      </c>
      <c r="I9173" s="1" t="s">
        <v>34416</v>
      </c>
      <c r="J9173" s="1" t="s">
        <v>35261</v>
      </c>
    </row>
    <row r="9174" spans="1:10" x14ac:dyDescent="0.35">
      <c r="A9174" s="1" t="s">
        <v>35147</v>
      </c>
      <c r="B9174" s="1" t="s">
        <v>34411</v>
      </c>
      <c r="C9174" s="1" t="s">
        <v>165</v>
      </c>
      <c r="D9174" s="1" t="s">
        <v>35262</v>
      </c>
      <c r="E9174" s="1" t="s">
        <v>35263</v>
      </c>
      <c r="F9174" s="1" t="s">
        <v>35264</v>
      </c>
      <c r="G9174" s="1" t="s">
        <v>35151</v>
      </c>
      <c r="H9174" s="1" t="s">
        <v>35152</v>
      </c>
      <c r="I9174" s="1" t="s">
        <v>34416</v>
      </c>
      <c r="J9174" s="1" t="s">
        <v>35265</v>
      </c>
    </row>
    <row r="9175" spans="1:10" x14ac:dyDescent="0.35">
      <c r="A9175" s="1" t="s">
        <v>35147</v>
      </c>
      <c r="B9175" s="1" t="s">
        <v>34411</v>
      </c>
      <c r="C9175" s="1" t="s">
        <v>170</v>
      </c>
      <c r="D9175" s="1" t="s">
        <v>8983</v>
      </c>
      <c r="E9175" s="1" t="s">
        <v>35266</v>
      </c>
      <c r="F9175" s="1" t="s">
        <v>35267</v>
      </c>
      <c r="G9175" s="1" t="s">
        <v>35151</v>
      </c>
      <c r="H9175" s="1" t="s">
        <v>35152</v>
      </c>
      <c r="I9175" s="1" t="s">
        <v>34416</v>
      </c>
      <c r="J9175" s="1" t="s">
        <v>35268</v>
      </c>
    </row>
    <row r="9176" spans="1:10" x14ac:dyDescent="0.35">
      <c r="A9176" s="1" t="s">
        <v>35269</v>
      </c>
      <c r="B9176" s="1" t="s">
        <v>34411</v>
      </c>
      <c r="C9176" s="1" t="s">
        <v>8</v>
      </c>
      <c r="D9176" s="1" t="s">
        <v>35270</v>
      </c>
      <c r="E9176" s="1" t="s">
        <v>35271</v>
      </c>
      <c r="F9176" s="1" t="s">
        <v>35272</v>
      </c>
      <c r="G9176" s="1" t="s">
        <v>35273</v>
      </c>
      <c r="H9176" s="1" t="s">
        <v>19220</v>
      </c>
      <c r="I9176" s="1" t="s">
        <v>34416</v>
      </c>
      <c r="J9176" s="1" t="s">
        <v>13</v>
      </c>
    </row>
    <row r="9177" spans="1:10" x14ac:dyDescent="0.35">
      <c r="A9177" s="1" t="s">
        <v>35269</v>
      </c>
      <c r="B9177" s="1" t="s">
        <v>34411</v>
      </c>
      <c r="C9177" s="1" t="s">
        <v>15</v>
      </c>
      <c r="D9177" s="1" t="s">
        <v>301</v>
      </c>
      <c r="E9177" s="1" t="s">
        <v>35274</v>
      </c>
      <c r="F9177" s="1" t="s">
        <v>35275</v>
      </c>
      <c r="G9177" s="1" t="s">
        <v>35273</v>
      </c>
      <c r="H9177" s="1" t="s">
        <v>19220</v>
      </c>
      <c r="I9177" s="1" t="s">
        <v>34416</v>
      </c>
      <c r="J9177" s="1" t="s">
        <v>35276</v>
      </c>
    </row>
    <row r="9178" spans="1:10" x14ac:dyDescent="0.35">
      <c r="A9178" s="1" t="s">
        <v>35269</v>
      </c>
      <c r="B9178" s="1" t="s">
        <v>34411</v>
      </c>
      <c r="C9178" s="1" t="s">
        <v>20</v>
      </c>
      <c r="D9178" s="1" t="s">
        <v>35277</v>
      </c>
      <c r="E9178" s="1" t="s">
        <v>35278</v>
      </c>
      <c r="F9178" s="1" t="s">
        <v>35279</v>
      </c>
      <c r="G9178" s="1" t="s">
        <v>35273</v>
      </c>
      <c r="H9178" s="1" t="s">
        <v>19220</v>
      </c>
      <c r="I9178" s="1" t="s">
        <v>34416</v>
      </c>
      <c r="J9178" s="1" t="s">
        <v>35280</v>
      </c>
    </row>
    <row r="9179" spans="1:10" x14ac:dyDescent="0.35">
      <c r="A9179" s="1" t="s">
        <v>35269</v>
      </c>
      <c r="B9179" s="1" t="s">
        <v>34411</v>
      </c>
      <c r="C9179" s="1" t="s">
        <v>25</v>
      </c>
      <c r="D9179" s="1" t="s">
        <v>34919</v>
      </c>
      <c r="E9179" s="1" t="s">
        <v>35281</v>
      </c>
      <c r="F9179" s="1" t="s">
        <v>35282</v>
      </c>
      <c r="G9179" s="1" t="s">
        <v>35273</v>
      </c>
      <c r="H9179" s="1" t="s">
        <v>19220</v>
      </c>
      <c r="I9179" s="1" t="s">
        <v>34416</v>
      </c>
      <c r="J9179" s="1" t="s">
        <v>35283</v>
      </c>
    </row>
    <row r="9180" spans="1:10" x14ac:dyDescent="0.35">
      <c r="A9180" s="1" t="s">
        <v>35269</v>
      </c>
      <c r="B9180" s="1" t="s">
        <v>34411</v>
      </c>
      <c r="C9180" s="1" t="s">
        <v>30</v>
      </c>
      <c r="D9180" s="1" t="s">
        <v>14802</v>
      </c>
      <c r="E9180" s="1" t="s">
        <v>35284</v>
      </c>
      <c r="F9180" s="1" t="s">
        <v>35285</v>
      </c>
      <c r="G9180" s="1" t="s">
        <v>35273</v>
      </c>
      <c r="H9180" s="1" t="s">
        <v>19220</v>
      </c>
      <c r="I9180" s="1" t="s">
        <v>34416</v>
      </c>
      <c r="J9180" s="1" t="s">
        <v>35286</v>
      </c>
    </row>
    <row r="9181" spans="1:10" x14ac:dyDescent="0.35">
      <c r="A9181" s="1" t="s">
        <v>35269</v>
      </c>
      <c r="B9181" s="1" t="s">
        <v>34411</v>
      </c>
      <c r="C9181" s="1" t="s">
        <v>35</v>
      </c>
      <c r="D9181" s="1" t="s">
        <v>35287</v>
      </c>
      <c r="E9181" s="1" t="s">
        <v>35288</v>
      </c>
      <c r="F9181" s="1" t="s">
        <v>35289</v>
      </c>
      <c r="G9181" s="1" t="s">
        <v>35273</v>
      </c>
      <c r="H9181" s="1" t="s">
        <v>19220</v>
      </c>
      <c r="I9181" s="1" t="s">
        <v>34416</v>
      </c>
      <c r="J9181" s="1" t="s">
        <v>35290</v>
      </c>
    </row>
    <row r="9182" spans="1:10" x14ac:dyDescent="0.35">
      <c r="A9182" s="1" t="s">
        <v>35269</v>
      </c>
      <c r="B9182" s="1" t="s">
        <v>34411</v>
      </c>
      <c r="C9182" s="1" t="s">
        <v>40</v>
      </c>
      <c r="D9182" s="1" t="s">
        <v>35291</v>
      </c>
      <c r="E9182" s="1" t="s">
        <v>35292</v>
      </c>
      <c r="F9182" s="1" t="s">
        <v>35293</v>
      </c>
      <c r="G9182" s="1" t="s">
        <v>35273</v>
      </c>
      <c r="H9182" s="1" t="s">
        <v>19220</v>
      </c>
      <c r="I9182" s="1" t="s">
        <v>34416</v>
      </c>
      <c r="J9182" s="1" t="s">
        <v>35294</v>
      </c>
    </row>
    <row r="9183" spans="1:10" x14ac:dyDescent="0.35">
      <c r="A9183" s="1" t="s">
        <v>35269</v>
      </c>
      <c r="B9183" s="1" t="s">
        <v>34411</v>
      </c>
      <c r="C9183" s="1" t="s">
        <v>45</v>
      </c>
      <c r="D9183" s="1" t="s">
        <v>35295</v>
      </c>
      <c r="E9183" s="1" t="s">
        <v>35296</v>
      </c>
      <c r="F9183" s="1" t="s">
        <v>35297</v>
      </c>
      <c r="G9183" s="1" t="s">
        <v>35273</v>
      </c>
      <c r="H9183" s="1" t="s">
        <v>19220</v>
      </c>
      <c r="I9183" s="1" t="s">
        <v>34416</v>
      </c>
      <c r="J9183" s="1" t="s">
        <v>35298</v>
      </c>
    </row>
    <row r="9184" spans="1:10" x14ac:dyDescent="0.35">
      <c r="A9184" s="1" t="s">
        <v>35269</v>
      </c>
      <c r="B9184" s="1" t="s">
        <v>34411</v>
      </c>
      <c r="C9184" s="1" t="s">
        <v>50</v>
      </c>
      <c r="D9184" s="1" t="s">
        <v>19536</v>
      </c>
      <c r="E9184" s="1" t="s">
        <v>35299</v>
      </c>
      <c r="F9184" s="1" t="s">
        <v>35300</v>
      </c>
      <c r="G9184" s="1" t="s">
        <v>35273</v>
      </c>
      <c r="H9184" s="1" t="s">
        <v>19220</v>
      </c>
      <c r="I9184" s="1" t="s">
        <v>34416</v>
      </c>
      <c r="J9184" s="1" t="s">
        <v>35301</v>
      </c>
    </row>
    <row r="9185" spans="1:10" x14ac:dyDescent="0.35">
      <c r="A9185" s="1" t="s">
        <v>35269</v>
      </c>
      <c r="B9185" s="1" t="s">
        <v>34411</v>
      </c>
      <c r="C9185" s="1" t="s">
        <v>55</v>
      </c>
      <c r="D9185" s="1" t="s">
        <v>35302</v>
      </c>
      <c r="E9185" s="1" t="s">
        <v>35303</v>
      </c>
      <c r="F9185" s="1" t="s">
        <v>35304</v>
      </c>
      <c r="G9185" s="1" t="s">
        <v>35273</v>
      </c>
      <c r="H9185" s="1" t="s">
        <v>19220</v>
      </c>
      <c r="I9185" s="1" t="s">
        <v>34416</v>
      </c>
      <c r="J9185" s="1" t="s">
        <v>35305</v>
      </c>
    </row>
    <row r="9186" spans="1:10" x14ac:dyDescent="0.35">
      <c r="A9186" s="1" t="s">
        <v>35269</v>
      </c>
      <c r="B9186" s="1" t="s">
        <v>34411</v>
      </c>
      <c r="C9186" s="1" t="s">
        <v>60</v>
      </c>
      <c r="D9186" s="1" t="s">
        <v>35306</v>
      </c>
      <c r="E9186" s="1" t="s">
        <v>35307</v>
      </c>
      <c r="F9186" s="1" t="s">
        <v>35308</v>
      </c>
      <c r="G9186" s="1" t="s">
        <v>35273</v>
      </c>
      <c r="H9186" s="1" t="s">
        <v>19220</v>
      </c>
      <c r="I9186" s="1" t="s">
        <v>34416</v>
      </c>
      <c r="J9186" s="1" t="s">
        <v>35309</v>
      </c>
    </row>
    <row r="9187" spans="1:10" x14ac:dyDescent="0.35">
      <c r="A9187" s="1" t="s">
        <v>35269</v>
      </c>
      <c r="B9187" s="1" t="s">
        <v>34411</v>
      </c>
      <c r="C9187" s="1" t="s">
        <v>65</v>
      </c>
      <c r="D9187" s="1" t="s">
        <v>35310</v>
      </c>
      <c r="E9187" s="1" t="s">
        <v>35311</v>
      </c>
      <c r="F9187" s="1" t="s">
        <v>35312</v>
      </c>
      <c r="G9187" s="1" t="s">
        <v>35273</v>
      </c>
      <c r="H9187" s="1" t="s">
        <v>19220</v>
      </c>
      <c r="I9187" s="1" t="s">
        <v>34416</v>
      </c>
      <c r="J9187" s="1" t="s">
        <v>35313</v>
      </c>
    </row>
    <row r="9188" spans="1:10" x14ac:dyDescent="0.35">
      <c r="A9188" s="1" t="s">
        <v>35269</v>
      </c>
      <c r="B9188" s="1" t="s">
        <v>34411</v>
      </c>
      <c r="C9188" s="1" t="s">
        <v>70</v>
      </c>
      <c r="D9188" s="1" t="s">
        <v>35314</v>
      </c>
      <c r="E9188" s="1" t="s">
        <v>35315</v>
      </c>
      <c r="F9188" s="1" t="s">
        <v>35316</v>
      </c>
      <c r="G9188" s="1" t="s">
        <v>35273</v>
      </c>
      <c r="H9188" s="1" t="s">
        <v>19220</v>
      </c>
      <c r="I9188" s="1" t="s">
        <v>34416</v>
      </c>
      <c r="J9188" s="1" t="s">
        <v>35317</v>
      </c>
    </row>
    <row r="9189" spans="1:10" x14ac:dyDescent="0.35">
      <c r="A9189" s="1" t="s">
        <v>35269</v>
      </c>
      <c r="B9189" s="1" t="s">
        <v>34411</v>
      </c>
      <c r="C9189" s="1" t="s">
        <v>75</v>
      </c>
      <c r="D9189" s="1" t="s">
        <v>35318</v>
      </c>
      <c r="E9189" s="1" t="s">
        <v>35319</v>
      </c>
      <c r="F9189" s="1" t="s">
        <v>35320</v>
      </c>
      <c r="G9189" s="1" t="s">
        <v>35273</v>
      </c>
      <c r="H9189" s="1" t="s">
        <v>19220</v>
      </c>
      <c r="I9189" s="1" t="s">
        <v>34416</v>
      </c>
      <c r="J9189" s="1" t="s">
        <v>35321</v>
      </c>
    </row>
    <row r="9190" spans="1:10" x14ac:dyDescent="0.35">
      <c r="A9190" s="1" t="s">
        <v>35269</v>
      </c>
      <c r="B9190" s="1" t="s">
        <v>34411</v>
      </c>
      <c r="C9190" s="1" t="s">
        <v>80</v>
      </c>
      <c r="D9190" s="1" t="s">
        <v>35322</v>
      </c>
      <c r="E9190" s="1" t="s">
        <v>35323</v>
      </c>
      <c r="F9190" s="1" t="s">
        <v>35324</v>
      </c>
      <c r="G9190" s="1" t="s">
        <v>35273</v>
      </c>
      <c r="H9190" s="1" t="s">
        <v>19220</v>
      </c>
      <c r="I9190" s="1" t="s">
        <v>34416</v>
      </c>
      <c r="J9190" s="1" t="s">
        <v>35325</v>
      </c>
    </row>
    <row r="9191" spans="1:10" x14ac:dyDescent="0.35">
      <c r="A9191" s="1" t="s">
        <v>35269</v>
      </c>
      <c r="B9191" s="1" t="s">
        <v>34411</v>
      </c>
      <c r="C9191" s="1" t="s">
        <v>85</v>
      </c>
      <c r="D9191" s="1" t="s">
        <v>35326</v>
      </c>
      <c r="E9191" s="1" t="s">
        <v>35327</v>
      </c>
      <c r="F9191" s="1" t="s">
        <v>35328</v>
      </c>
      <c r="G9191" s="1" t="s">
        <v>35273</v>
      </c>
      <c r="H9191" s="1" t="s">
        <v>19220</v>
      </c>
      <c r="I9191" s="1" t="s">
        <v>34416</v>
      </c>
      <c r="J9191" s="1" t="s">
        <v>35329</v>
      </c>
    </row>
    <row r="9192" spans="1:10" x14ac:dyDescent="0.35">
      <c r="A9192" s="1" t="s">
        <v>35269</v>
      </c>
      <c r="B9192" s="1" t="s">
        <v>34411</v>
      </c>
      <c r="C9192" s="1" t="s">
        <v>90</v>
      </c>
      <c r="D9192" s="1" t="s">
        <v>35330</v>
      </c>
      <c r="E9192" s="1" t="s">
        <v>35331</v>
      </c>
      <c r="F9192" s="1" t="s">
        <v>35332</v>
      </c>
      <c r="G9192" s="1" t="s">
        <v>35273</v>
      </c>
      <c r="H9192" s="1" t="s">
        <v>19220</v>
      </c>
      <c r="I9192" s="1" t="s">
        <v>34416</v>
      </c>
      <c r="J9192" s="1" t="s">
        <v>35333</v>
      </c>
    </row>
    <row r="9193" spans="1:10" x14ac:dyDescent="0.35">
      <c r="A9193" s="1" t="s">
        <v>35269</v>
      </c>
      <c r="B9193" s="1" t="s">
        <v>34411</v>
      </c>
      <c r="C9193" s="1" t="s">
        <v>95</v>
      </c>
      <c r="D9193" s="1" t="s">
        <v>35334</v>
      </c>
      <c r="E9193" s="1" t="s">
        <v>35335</v>
      </c>
      <c r="F9193" s="1" t="s">
        <v>35336</v>
      </c>
      <c r="G9193" s="1" t="s">
        <v>35273</v>
      </c>
      <c r="H9193" s="1" t="s">
        <v>19220</v>
      </c>
      <c r="I9193" s="1" t="s">
        <v>34416</v>
      </c>
      <c r="J9193" s="1" t="s">
        <v>35337</v>
      </c>
    </row>
    <row r="9194" spans="1:10" x14ac:dyDescent="0.35">
      <c r="A9194" s="1" t="s">
        <v>35269</v>
      </c>
      <c r="B9194" s="1" t="s">
        <v>34411</v>
      </c>
      <c r="C9194" s="1" t="s">
        <v>100</v>
      </c>
      <c r="D9194" s="1" t="s">
        <v>35338</v>
      </c>
      <c r="E9194" s="1" t="s">
        <v>35339</v>
      </c>
      <c r="F9194" s="1" t="s">
        <v>35340</v>
      </c>
      <c r="G9194" s="1" t="s">
        <v>35273</v>
      </c>
      <c r="H9194" s="1" t="s">
        <v>19220</v>
      </c>
      <c r="I9194" s="1" t="s">
        <v>34416</v>
      </c>
      <c r="J9194" s="1" t="s">
        <v>35341</v>
      </c>
    </row>
    <row r="9195" spans="1:10" x14ac:dyDescent="0.35">
      <c r="A9195" s="1" t="s">
        <v>35269</v>
      </c>
      <c r="B9195" s="1" t="s">
        <v>34411</v>
      </c>
      <c r="C9195" s="1" t="s">
        <v>105</v>
      </c>
      <c r="D9195" s="1" t="s">
        <v>35342</v>
      </c>
      <c r="E9195" s="1" t="s">
        <v>35343</v>
      </c>
      <c r="F9195" s="1" t="s">
        <v>35344</v>
      </c>
      <c r="G9195" s="1" t="s">
        <v>35273</v>
      </c>
      <c r="H9195" s="1" t="s">
        <v>19220</v>
      </c>
      <c r="I9195" s="1" t="s">
        <v>34416</v>
      </c>
      <c r="J9195" s="1" t="s">
        <v>35345</v>
      </c>
    </row>
    <row r="9196" spans="1:10" x14ac:dyDescent="0.35">
      <c r="A9196" s="1" t="s">
        <v>35269</v>
      </c>
      <c r="B9196" s="1" t="s">
        <v>34411</v>
      </c>
      <c r="C9196" s="1" t="s">
        <v>110</v>
      </c>
      <c r="D9196" s="1" t="s">
        <v>35346</v>
      </c>
      <c r="E9196" s="1" t="s">
        <v>35347</v>
      </c>
      <c r="F9196" s="1" t="s">
        <v>35348</v>
      </c>
      <c r="G9196" s="1" t="s">
        <v>35273</v>
      </c>
      <c r="H9196" s="1" t="s">
        <v>19220</v>
      </c>
      <c r="I9196" s="1" t="s">
        <v>34416</v>
      </c>
      <c r="J9196" s="1" t="s">
        <v>35349</v>
      </c>
    </row>
    <row r="9197" spans="1:10" x14ac:dyDescent="0.35">
      <c r="A9197" s="1" t="s">
        <v>35269</v>
      </c>
      <c r="B9197" s="1" t="s">
        <v>34411</v>
      </c>
      <c r="C9197" s="1" t="s">
        <v>115</v>
      </c>
      <c r="D9197" s="1" t="s">
        <v>35350</v>
      </c>
      <c r="E9197" s="1" t="s">
        <v>35351</v>
      </c>
      <c r="F9197" s="1" t="s">
        <v>35352</v>
      </c>
      <c r="G9197" s="1" t="s">
        <v>35273</v>
      </c>
      <c r="H9197" s="1" t="s">
        <v>19220</v>
      </c>
      <c r="I9197" s="1" t="s">
        <v>34416</v>
      </c>
      <c r="J9197" s="1" t="s">
        <v>35353</v>
      </c>
    </row>
    <row r="9198" spans="1:10" x14ac:dyDescent="0.35">
      <c r="A9198" s="1" t="s">
        <v>35269</v>
      </c>
      <c r="B9198" s="1" t="s">
        <v>34411</v>
      </c>
      <c r="C9198" s="1" t="s">
        <v>120</v>
      </c>
      <c r="D9198" s="1" t="s">
        <v>35354</v>
      </c>
      <c r="E9198" s="1" t="s">
        <v>35355</v>
      </c>
      <c r="F9198" s="1" t="s">
        <v>35356</v>
      </c>
      <c r="G9198" s="1" t="s">
        <v>35273</v>
      </c>
      <c r="H9198" s="1" t="s">
        <v>19220</v>
      </c>
      <c r="I9198" s="1" t="s">
        <v>34416</v>
      </c>
      <c r="J9198" s="1" t="s">
        <v>35357</v>
      </c>
    </row>
    <row r="9199" spans="1:10" x14ac:dyDescent="0.35">
      <c r="A9199" s="1" t="s">
        <v>35269</v>
      </c>
      <c r="B9199" s="1" t="s">
        <v>34411</v>
      </c>
      <c r="C9199" s="1" t="s">
        <v>125</v>
      </c>
      <c r="D9199" s="1" t="s">
        <v>35358</v>
      </c>
      <c r="E9199" s="1" t="s">
        <v>35359</v>
      </c>
      <c r="F9199" s="1" t="s">
        <v>35360</v>
      </c>
      <c r="G9199" s="1" t="s">
        <v>35273</v>
      </c>
      <c r="H9199" s="1" t="s">
        <v>19220</v>
      </c>
      <c r="I9199" s="1" t="s">
        <v>34416</v>
      </c>
      <c r="J9199" s="1" t="s">
        <v>35361</v>
      </c>
    </row>
    <row r="9200" spans="1:10" x14ac:dyDescent="0.35">
      <c r="A9200" s="1" t="s">
        <v>35269</v>
      </c>
      <c r="B9200" s="1" t="s">
        <v>34411</v>
      </c>
      <c r="C9200" s="1" t="s">
        <v>130</v>
      </c>
      <c r="D9200" s="1" t="s">
        <v>35362</v>
      </c>
      <c r="E9200" s="1" t="s">
        <v>35363</v>
      </c>
      <c r="F9200" s="1" t="s">
        <v>35364</v>
      </c>
      <c r="G9200" s="1" t="s">
        <v>35273</v>
      </c>
      <c r="H9200" s="1" t="s">
        <v>19220</v>
      </c>
      <c r="I9200" s="1" t="s">
        <v>34416</v>
      </c>
      <c r="J9200" s="1" t="s">
        <v>35365</v>
      </c>
    </row>
    <row r="9201" spans="1:10" x14ac:dyDescent="0.35">
      <c r="A9201" s="1" t="s">
        <v>35269</v>
      </c>
      <c r="B9201" s="1" t="s">
        <v>34411</v>
      </c>
      <c r="C9201" s="1" t="s">
        <v>135</v>
      </c>
      <c r="D9201" s="1" t="s">
        <v>35366</v>
      </c>
      <c r="E9201" s="1" t="s">
        <v>35367</v>
      </c>
      <c r="F9201" s="1" t="s">
        <v>35368</v>
      </c>
      <c r="G9201" s="1" t="s">
        <v>35273</v>
      </c>
      <c r="H9201" s="1" t="s">
        <v>19220</v>
      </c>
      <c r="I9201" s="1" t="s">
        <v>34416</v>
      </c>
      <c r="J9201" s="1" t="s">
        <v>35369</v>
      </c>
    </row>
    <row r="9202" spans="1:10" x14ac:dyDescent="0.35">
      <c r="A9202" s="1" t="s">
        <v>35269</v>
      </c>
      <c r="B9202" s="1" t="s">
        <v>34411</v>
      </c>
      <c r="C9202" s="1" t="s">
        <v>140</v>
      </c>
      <c r="D9202" s="1" t="s">
        <v>35370</v>
      </c>
      <c r="E9202" s="1" t="s">
        <v>35371</v>
      </c>
      <c r="F9202" s="1" t="s">
        <v>35372</v>
      </c>
      <c r="G9202" s="1" t="s">
        <v>35273</v>
      </c>
      <c r="H9202" s="1" t="s">
        <v>19220</v>
      </c>
      <c r="I9202" s="1" t="s">
        <v>34416</v>
      </c>
      <c r="J9202" s="1" t="s">
        <v>35373</v>
      </c>
    </row>
    <row r="9203" spans="1:10" x14ac:dyDescent="0.35">
      <c r="A9203" s="1" t="s">
        <v>35269</v>
      </c>
      <c r="B9203" s="1" t="s">
        <v>34411</v>
      </c>
      <c r="C9203" s="1" t="s">
        <v>145</v>
      </c>
      <c r="D9203" s="1" t="s">
        <v>30680</v>
      </c>
      <c r="E9203" s="1" t="s">
        <v>35374</v>
      </c>
      <c r="F9203" s="1" t="s">
        <v>35375</v>
      </c>
      <c r="G9203" s="1" t="s">
        <v>35273</v>
      </c>
      <c r="H9203" s="1" t="s">
        <v>19220</v>
      </c>
      <c r="I9203" s="1" t="s">
        <v>34416</v>
      </c>
      <c r="J9203" s="1" t="s">
        <v>35376</v>
      </c>
    </row>
    <row r="9204" spans="1:10" x14ac:dyDescent="0.35">
      <c r="A9204" s="1" t="s">
        <v>35269</v>
      </c>
      <c r="B9204" s="1" t="s">
        <v>34411</v>
      </c>
      <c r="C9204" s="1" t="s">
        <v>150</v>
      </c>
      <c r="D9204" s="1" t="s">
        <v>35377</v>
      </c>
      <c r="E9204" s="1" t="s">
        <v>35378</v>
      </c>
      <c r="F9204" s="1" t="s">
        <v>35379</v>
      </c>
      <c r="G9204" s="1" t="s">
        <v>35273</v>
      </c>
      <c r="H9204" s="1" t="s">
        <v>19220</v>
      </c>
      <c r="I9204" s="1" t="s">
        <v>34416</v>
      </c>
      <c r="J9204" s="1" t="s">
        <v>35380</v>
      </c>
    </row>
    <row r="9205" spans="1:10" x14ac:dyDescent="0.35">
      <c r="A9205" s="1" t="s">
        <v>35269</v>
      </c>
      <c r="B9205" s="1" t="s">
        <v>34411</v>
      </c>
      <c r="C9205" s="1" t="s">
        <v>155</v>
      </c>
      <c r="D9205" s="1" t="s">
        <v>8856</v>
      </c>
      <c r="E9205" s="1" t="s">
        <v>35381</v>
      </c>
      <c r="F9205" s="1" t="s">
        <v>35382</v>
      </c>
      <c r="G9205" s="1" t="s">
        <v>35273</v>
      </c>
      <c r="H9205" s="1" t="s">
        <v>19220</v>
      </c>
      <c r="I9205" s="1" t="s">
        <v>34416</v>
      </c>
      <c r="J9205" s="1" t="s">
        <v>35383</v>
      </c>
    </row>
    <row r="9206" spans="1:10" x14ac:dyDescent="0.35">
      <c r="A9206" s="1" t="s">
        <v>35269</v>
      </c>
      <c r="B9206" s="1" t="s">
        <v>34411</v>
      </c>
      <c r="C9206" s="1" t="s">
        <v>160</v>
      </c>
      <c r="D9206" s="1" t="s">
        <v>35384</v>
      </c>
      <c r="E9206" s="1" t="s">
        <v>35385</v>
      </c>
      <c r="F9206" s="1" t="s">
        <v>35386</v>
      </c>
      <c r="G9206" s="1" t="s">
        <v>35273</v>
      </c>
      <c r="H9206" s="1" t="s">
        <v>19220</v>
      </c>
      <c r="I9206" s="1" t="s">
        <v>34416</v>
      </c>
      <c r="J9206" s="1" t="s">
        <v>35387</v>
      </c>
    </row>
    <row r="9207" spans="1:10" x14ac:dyDescent="0.35">
      <c r="A9207" s="1" t="s">
        <v>35269</v>
      </c>
      <c r="B9207" s="1" t="s">
        <v>34411</v>
      </c>
      <c r="C9207" s="1" t="s">
        <v>165</v>
      </c>
      <c r="D9207" s="1" t="s">
        <v>3073</v>
      </c>
      <c r="E9207" s="1" t="s">
        <v>35388</v>
      </c>
      <c r="F9207" s="1" t="s">
        <v>35389</v>
      </c>
      <c r="G9207" s="1" t="s">
        <v>35273</v>
      </c>
      <c r="H9207" s="1" t="s">
        <v>19220</v>
      </c>
      <c r="I9207" s="1" t="s">
        <v>34416</v>
      </c>
      <c r="J9207" s="1" t="s">
        <v>35390</v>
      </c>
    </row>
    <row r="9208" spans="1:10" x14ac:dyDescent="0.35">
      <c r="A9208" s="1" t="s">
        <v>35269</v>
      </c>
      <c r="B9208" s="1" t="s">
        <v>34411</v>
      </c>
      <c r="C9208" s="1" t="s">
        <v>170</v>
      </c>
      <c r="D9208" s="1" t="s">
        <v>35391</v>
      </c>
      <c r="E9208" s="1" t="s">
        <v>35392</v>
      </c>
      <c r="F9208" s="1" t="s">
        <v>35393</v>
      </c>
      <c r="G9208" s="1" t="s">
        <v>35273</v>
      </c>
      <c r="H9208" s="1" t="s">
        <v>19220</v>
      </c>
      <c r="I9208" s="1" t="s">
        <v>34416</v>
      </c>
      <c r="J9208" s="1" t="s">
        <v>35394</v>
      </c>
    </row>
    <row r="9209" spans="1:10" x14ac:dyDescent="0.35">
      <c r="A9209" s="1" t="s">
        <v>35395</v>
      </c>
      <c r="B9209" s="1" t="s">
        <v>34411</v>
      </c>
      <c r="C9209" s="1" t="s">
        <v>8</v>
      </c>
      <c r="D9209" s="1" t="s">
        <v>35396</v>
      </c>
      <c r="E9209" s="1" t="s">
        <v>35397</v>
      </c>
      <c r="F9209" s="1" t="s">
        <v>35398</v>
      </c>
      <c r="G9209" s="1" t="s">
        <v>35399</v>
      </c>
      <c r="H9209" s="1" t="s">
        <v>35400</v>
      </c>
      <c r="I9209" s="1" t="s">
        <v>34416</v>
      </c>
      <c r="J9209" s="1" t="s">
        <v>13</v>
      </c>
    </row>
    <row r="9210" spans="1:10" x14ac:dyDescent="0.35">
      <c r="A9210" s="1" t="s">
        <v>35395</v>
      </c>
      <c r="B9210" s="1" t="s">
        <v>34411</v>
      </c>
      <c r="C9210" s="1" t="s">
        <v>15</v>
      </c>
      <c r="D9210" s="1" t="s">
        <v>35401</v>
      </c>
      <c r="E9210" s="1" t="s">
        <v>35402</v>
      </c>
      <c r="F9210" s="1" t="s">
        <v>35403</v>
      </c>
      <c r="G9210" s="1" t="s">
        <v>35399</v>
      </c>
      <c r="H9210" s="1" t="s">
        <v>35400</v>
      </c>
      <c r="I9210" s="1" t="s">
        <v>34416</v>
      </c>
      <c r="J9210" s="1" t="s">
        <v>35404</v>
      </c>
    </row>
    <row r="9211" spans="1:10" x14ac:dyDescent="0.35">
      <c r="A9211" s="1" t="s">
        <v>35395</v>
      </c>
      <c r="B9211" s="1" t="s">
        <v>34411</v>
      </c>
      <c r="C9211" s="1" t="s">
        <v>20</v>
      </c>
      <c r="D9211" s="1" t="s">
        <v>35405</v>
      </c>
      <c r="E9211" s="1" t="s">
        <v>35406</v>
      </c>
      <c r="F9211" s="1" t="s">
        <v>35407</v>
      </c>
      <c r="G9211" s="1" t="s">
        <v>35399</v>
      </c>
      <c r="H9211" s="1" t="s">
        <v>35400</v>
      </c>
      <c r="I9211" s="1" t="s">
        <v>34416</v>
      </c>
      <c r="J9211" s="1" t="s">
        <v>35408</v>
      </c>
    </row>
    <row r="9212" spans="1:10" x14ac:dyDescent="0.35">
      <c r="A9212" s="1" t="s">
        <v>35395</v>
      </c>
      <c r="B9212" s="1" t="s">
        <v>34411</v>
      </c>
      <c r="C9212" s="1" t="s">
        <v>25</v>
      </c>
      <c r="D9212" s="1" t="s">
        <v>4126</v>
      </c>
      <c r="E9212" s="1" t="s">
        <v>35409</v>
      </c>
      <c r="F9212" s="1" t="s">
        <v>35410</v>
      </c>
      <c r="G9212" s="1" t="s">
        <v>35399</v>
      </c>
      <c r="H9212" s="1" t="s">
        <v>35400</v>
      </c>
      <c r="I9212" s="1" t="s">
        <v>34416</v>
      </c>
      <c r="J9212" s="1" t="s">
        <v>35411</v>
      </c>
    </row>
    <row r="9213" spans="1:10" x14ac:dyDescent="0.35">
      <c r="A9213" s="1" t="s">
        <v>35395</v>
      </c>
      <c r="B9213" s="1" t="s">
        <v>34411</v>
      </c>
      <c r="C9213" s="1" t="s">
        <v>30</v>
      </c>
      <c r="D9213" s="1" t="s">
        <v>186</v>
      </c>
      <c r="E9213" s="1" t="s">
        <v>35412</v>
      </c>
      <c r="F9213" s="1" t="s">
        <v>35413</v>
      </c>
      <c r="G9213" s="1" t="s">
        <v>35399</v>
      </c>
      <c r="H9213" s="1" t="s">
        <v>35400</v>
      </c>
      <c r="I9213" s="1" t="s">
        <v>34416</v>
      </c>
      <c r="J9213" s="1" t="s">
        <v>35414</v>
      </c>
    </row>
    <row r="9214" spans="1:10" x14ac:dyDescent="0.35">
      <c r="A9214" s="1" t="s">
        <v>35395</v>
      </c>
      <c r="B9214" s="1" t="s">
        <v>34411</v>
      </c>
      <c r="C9214" s="1" t="s">
        <v>35</v>
      </c>
      <c r="D9214" s="1" t="s">
        <v>35415</v>
      </c>
      <c r="E9214" s="1" t="s">
        <v>35416</v>
      </c>
      <c r="F9214" s="1" t="s">
        <v>35417</v>
      </c>
      <c r="G9214" s="1" t="s">
        <v>35399</v>
      </c>
      <c r="H9214" s="1" t="s">
        <v>35400</v>
      </c>
      <c r="I9214" s="1" t="s">
        <v>34416</v>
      </c>
      <c r="J9214" s="1" t="s">
        <v>35418</v>
      </c>
    </row>
    <row r="9215" spans="1:10" x14ac:dyDescent="0.35">
      <c r="A9215" s="1" t="s">
        <v>35395</v>
      </c>
      <c r="B9215" s="1" t="s">
        <v>34411</v>
      </c>
      <c r="C9215" s="1" t="s">
        <v>40</v>
      </c>
      <c r="D9215" s="1" t="s">
        <v>35419</v>
      </c>
      <c r="E9215" s="1" t="s">
        <v>35420</v>
      </c>
      <c r="F9215" s="1" t="s">
        <v>35421</v>
      </c>
      <c r="G9215" s="1" t="s">
        <v>35399</v>
      </c>
      <c r="H9215" s="1" t="s">
        <v>35400</v>
      </c>
      <c r="I9215" s="1" t="s">
        <v>34416</v>
      </c>
      <c r="J9215" s="1" t="s">
        <v>35422</v>
      </c>
    </row>
    <row r="9216" spans="1:10" x14ac:dyDescent="0.35">
      <c r="A9216" s="1" t="s">
        <v>35395</v>
      </c>
      <c r="B9216" s="1" t="s">
        <v>34411</v>
      </c>
      <c r="C9216" s="1" t="s">
        <v>45</v>
      </c>
      <c r="D9216" s="1" t="s">
        <v>35423</v>
      </c>
      <c r="E9216" s="1" t="s">
        <v>35424</v>
      </c>
      <c r="F9216" s="1" t="s">
        <v>35425</v>
      </c>
      <c r="G9216" s="1" t="s">
        <v>35399</v>
      </c>
      <c r="H9216" s="1" t="s">
        <v>35400</v>
      </c>
      <c r="I9216" s="1" t="s">
        <v>34416</v>
      </c>
      <c r="J9216" s="1" t="s">
        <v>35426</v>
      </c>
    </row>
    <row r="9217" spans="1:10" x14ac:dyDescent="0.35">
      <c r="A9217" s="1" t="s">
        <v>35395</v>
      </c>
      <c r="B9217" s="1" t="s">
        <v>34411</v>
      </c>
      <c r="C9217" s="1" t="s">
        <v>50</v>
      </c>
      <c r="D9217" s="1" t="s">
        <v>35427</v>
      </c>
      <c r="E9217" s="1" t="s">
        <v>35428</v>
      </c>
      <c r="F9217" s="1" t="s">
        <v>35429</v>
      </c>
      <c r="G9217" s="1" t="s">
        <v>35399</v>
      </c>
      <c r="H9217" s="1" t="s">
        <v>35400</v>
      </c>
      <c r="I9217" s="1" t="s">
        <v>34416</v>
      </c>
      <c r="J9217" s="1" t="s">
        <v>35430</v>
      </c>
    </row>
    <row r="9218" spans="1:10" x14ac:dyDescent="0.35">
      <c r="A9218" s="1" t="s">
        <v>35395</v>
      </c>
      <c r="B9218" s="1" t="s">
        <v>34411</v>
      </c>
      <c r="C9218" s="1" t="s">
        <v>55</v>
      </c>
      <c r="D9218" s="1" t="s">
        <v>13019</v>
      </c>
      <c r="E9218" s="1" t="s">
        <v>35431</v>
      </c>
      <c r="F9218" s="1" t="s">
        <v>35432</v>
      </c>
      <c r="G9218" s="1" t="s">
        <v>35399</v>
      </c>
      <c r="H9218" s="1" t="s">
        <v>35400</v>
      </c>
      <c r="I9218" s="1" t="s">
        <v>34416</v>
      </c>
      <c r="J9218" s="1" t="s">
        <v>35433</v>
      </c>
    </row>
    <row r="9219" spans="1:10" x14ac:dyDescent="0.35">
      <c r="A9219" s="1" t="s">
        <v>35395</v>
      </c>
      <c r="B9219" s="1" t="s">
        <v>34411</v>
      </c>
      <c r="C9219" s="1" t="s">
        <v>60</v>
      </c>
      <c r="D9219" s="1" t="s">
        <v>35434</v>
      </c>
      <c r="E9219" s="1" t="s">
        <v>35435</v>
      </c>
      <c r="F9219" s="1" t="s">
        <v>35436</v>
      </c>
      <c r="G9219" s="1" t="s">
        <v>35399</v>
      </c>
      <c r="H9219" s="1" t="s">
        <v>35400</v>
      </c>
      <c r="I9219" s="1" t="s">
        <v>34416</v>
      </c>
      <c r="J9219" s="1" t="s">
        <v>35437</v>
      </c>
    </row>
    <row r="9220" spans="1:10" x14ac:dyDescent="0.35">
      <c r="A9220" s="1" t="s">
        <v>35395</v>
      </c>
      <c r="B9220" s="1" t="s">
        <v>34411</v>
      </c>
      <c r="C9220" s="1" t="s">
        <v>65</v>
      </c>
      <c r="D9220" s="1" t="s">
        <v>35438</v>
      </c>
      <c r="E9220" s="1" t="s">
        <v>35439</v>
      </c>
      <c r="F9220" s="1" t="s">
        <v>35440</v>
      </c>
      <c r="G9220" s="1" t="s">
        <v>35399</v>
      </c>
      <c r="H9220" s="1" t="s">
        <v>35400</v>
      </c>
      <c r="I9220" s="1" t="s">
        <v>34416</v>
      </c>
      <c r="J9220" s="1" t="s">
        <v>35441</v>
      </c>
    </row>
    <row r="9221" spans="1:10" x14ac:dyDescent="0.35">
      <c r="A9221" s="1" t="s">
        <v>35395</v>
      </c>
      <c r="B9221" s="1" t="s">
        <v>34411</v>
      </c>
      <c r="C9221" s="1" t="s">
        <v>70</v>
      </c>
      <c r="D9221" s="1" t="s">
        <v>35442</v>
      </c>
      <c r="E9221" s="1" t="s">
        <v>35443</v>
      </c>
      <c r="F9221" s="1" t="s">
        <v>35444</v>
      </c>
      <c r="G9221" s="1" t="s">
        <v>35399</v>
      </c>
      <c r="H9221" s="1" t="s">
        <v>35400</v>
      </c>
      <c r="I9221" s="1" t="s">
        <v>34416</v>
      </c>
      <c r="J9221" s="1" t="s">
        <v>35445</v>
      </c>
    </row>
    <row r="9222" spans="1:10" x14ac:dyDescent="0.35">
      <c r="A9222" s="1" t="s">
        <v>35395</v>
      </c>
      <c r="B9222" s="1" t="s">
        <v>34411</v>
      </c>
      <c r="C9222" s="1" t="s">
        <v>75</v>
      </c>
      <c r="D9222" s="1" t="s">
        <v>35446</v>
      </c>
      <c r="E9222" s="1" t="s">
        <v>35447</v>
      </c>
      <c r="F9222" s="1" t="s">
        <v>35448</v>
      </c>
      <c r="G9222" s="1" t="s">
        <v>35399</v>
      </c>
      <c r="H9222" s="1" t="s">
        <v>35400</v>
      </c>
      <c r="I9222" s="1" t="s">
        <v>34416</v>
      </c>
      <c r="J9222" s="1" t="s">
        <v>35449</v>
      </c>
    </row>
    <row r="9223" spans="1:10" x14ac:dyDescent="0.35">
      <c r="A9223" s="1" t="s">
        <v>35395</v>
      </c>
      <c r="B9223" s="1" t="s">
        <v>34411</v>
      </c>
      <c r="C9223" s="1" t="s">
        <v>80</v>
      </c>
      <c r="D9223" s="1" t="s">
        <v>16177</v>
      </c>
      <c r="E9223" s="1" t="s">
        <v>35450</v>
      </c>
      <c r="F9223" s="1" t="s">
        <v>35451</v>
      </c>
      <c r="G9223" s="1" t="s">
        <v>35399</v>
      </c>
      <c r="H9223" s="1" t="s">
        <v>35400</v>
      </c>
      <c r="I9223" s="1" t="s">
        <v>34416</v>
      </c>
      <c r="J9223" s="1" t="s">
        <v>35452</v>
      </c>
    </row>
    <row r="9224" spans="1:10" x14ac:dyDescent="0.35">
      <c r="A9224" s="1" t="s">
        <v>35395</v>
      </c>
      <c r="B9224" s="1" t="s">
        <v>34411</v>
      </c>
      <c r="C9224" s="1" t="s">
        <v>85</v>
      </c>
      <c r="D9224" s="1" t="s">
        <v>35453</v>
      </c>
      <c r="E9224" s="1" t="s">
        <v>35454</v>
      </c>
      <c r="F9224" s="1" t="s">
        <v>35455</v>
      </c>
      <c r="G9224" s="1" t="s">
        <v>35399</v>
      </c>
      <c r="H9224" s="1" t="s">
        <v>35400</v>
      </c>
      <c r="I9224" s="1" t="s">
        <v>34416</v>
      </c>
      <c r="J9224" s="1" t="s">
        <v>35456</v>
      </c>
    </row>
    <row r="9225" spans="1:10" x14ac:dyDescent="0.35">
      <c r="A9225" s="1" t="s">
        <v>35395</v>
      </c>
      <c r="B9225" s="1" t="s">
        <v>34411</v>
      </c>
      <c r="C9225" s="1" t="s">
        <v>90</v>
      </c>
      <c r="D9225" s="1" t="s">
        <v>35457</v>
      </c>
      <c r="E9225" s="1" t="s">
        <v>35458</v>
      </c>
      <c r="F9225" s="1" t="s">
        <v>35459</v>
      </c>
      <c r="G9225" s="1" t="s">
        <v>35399</v>
      </c>
      <c r="H9225" s="1" t="s">
        <v>35400</v>
      </c>
      <c r="I9225" s="1" t="s">
        <v>34416</v>
      </c>
      <c r="J9225" s="1" t="s">
        <v>35460</v>
      </c>
    </row>
    <row r="9226" spans="1:10" x14ac:dyDescent="0.35">
      <c r="A9226" s="1" t="s">
        <v>35395</v>
      </c>
      <c r="B9226" s="1" t="s">
        <v>34411</v>
      </c>
      <c r="C9226" s="1" t="s">
        <v>95</v>
      </c>
      <c r="D9226" s="1" t="s">
        <v>35461</v>
      </c>
      <c r="E9226" s="1" t="s">
        <v>35462</v>
      </c>
      <c r="F9226" s="1" t="s">
        <v>35463</v>
      </c>
      <c r="G9226" s="1" t="s">
        <v>35399</v>
      </c>
      <c r="H9226" s="1" t="s">
        <v>35400</v>
      </c>
      <c r="I9226" s="1" t="s">
        <v>34416</v>
      </c>
      <c r="J9226" s="1" t="s">
        <v>35464</v>
      </c>
    </row>
    <row r="9227" spans="1:10" x14ac:dyDescent="0.35">
      <c r="A9227" s="1" t="s">
        <v>35395</v>
      </c>
      <c r="B9227" s="1" t="s">
        <v>34411</v>
      </c>
      <c r="C9227" s="1" t="s">
        <v>100</v>
      </c>
      <c r="D9227" s="1" t="s">
        <v>35465</v>
      </c>
      <c r="E9227" s="1" t="s">
        <v>35466</v>
      </c>
      <c r="F9227" s="1" t="s">
        <v>35467</v>
      </c>
      <c r="G9227" s="1" t="s">
        <v>35399</v>
      </c>
      <c r="H9227" s="1" t="s">
        <v>35400</v>
      </c>
      <c r="I9227" s="1" t="s">
        <v>34416</v>
      </c>
      <c r="J9227" s="1" t="s">
        <v>35468</v>
      </c>
    </row>
    <row r="9228" spans="1:10" x14ac:dyDescent="0.35">
      <c r="A9228" s="1" t="s">
        <v>35395</v>
      </c>
      <c r="B9228" s="1" t="s">
        <v>34411</v>
      </c>
      <c r="C9228" s="1" t="s">
        <v>105</v>
      </c>
      <c r="D9228" s="1" t="s">
        <v>35469</v>
      </c>
      <c r="E9228" s="1" t="s">
        <v>35470</v>
      </c>
      <c r="F9228" s="1" t="s">
        <v>35471</v>
      </c>
      <c r="G9228" s="1" t="s">
        <v>35399</v>
      </c>
      <c r="H9228" s="1" t="s">
        <v>35400</v>
      </c>
      <c r="I9228" s="1" t="s">
        <v>34416</v>
      </c>
      <c r="J9228" s="1" t="s">
        <v>35472</v>
      </c>
    </row>
    <row r="9229" spans="1:10" x14ac:dyDescent="0.35">
      <c r="A9229" s="1" t="s">
        <v>35395</v>
      </c>
      <c r="B9229" s="1" t="s">
        <v>34411</v>
      </c>
      <c r="C9229" s="1" t="s">
        <v>110</v>
      </c>
      <c r="D9229" s="1" t="s">
        <v>35473</v>
      </c>
      <c r="E9229" s="1" t="s">
        <v>35474</v>
      </c>
      <c r="F9229" s="1" t="s">
        <v>35475</v>
      </c>
      <c r="G9229" s="1" t="s">
        <v>35399</v>
      </c>
      <c r="H9229" s="1" t="s">
        <v>35400</v>
      </c>
      <c r="I9229" s="1" t="s">
        <v>34416</v>
      </c>
      <c r="J9229" s="1" t="s">
        <v>35476</v>
      </c>
    </row>
    <row r="9230" spans="1:10" x14ac:dyDescent="0.35">
      <c r="A9230" s="1" t="s">
        <v>35395</v>
      </c>
      <c r="B9230" s="1" t="s">
        <v>34411</v>
      </c>
      <c r="C9230" s="1" t="s">
        <v>115</v>
      </c>
      <c r="D9230" s="1" t="s">
        <v>33905</v>
      </c>
      <c r="E9230" s="1" t="s">
        <v>35477</v>
      </c>
      <c r="F9230" s="1" t="s">
        <v>35478</v>
      </c>
      <c r="G9230" s="1" t="s">
        <v>35399</v>
      </c>
      <c r="H9230" s="1" t="s">
        <v>35400</v>
      </c>
      <c r="I9230" s="1" t="s">
        <v>34416</v>
      </c>
      <c r="J9230" s="1" t="s">
        <v>35479</v>
      </c>
    </row>
    <row r="9231" spans="1:10" x14ac:dyDescent="0.35">
      <c r="A9231" s="1" t="s">
        <v>35395</v>
      </c>
      <c r="B9231" s="1" t="s">
        <v>34411</v>
      </c>
      <c r="C9231" s="1" t="s">
        <v>120</v>
      </c>
      <c r="D9231" s="1" t="s">
        <v>24824</v>
      </c>
      <c r="E9231" s="1" t="s">
        <v>35480</v>
      </c>
      <c r="F9231" s="1" t="s">
        <v>35481</v>
      </c>
      <c r="G9231" s="1" t="s">
        <v>35399</v>
      </c>
      <c r="H9231" s="1" t="s">
        <v>35400</v>
      </c>
      <c r="I9231" s="1" t="s">
        <v>34416</v>
      </c>
      <c r="J9231" s="1" t="s">
        <v>35482</v>
      </c>
    </row>
    <row r="9232" spans="1:10" x14ac:dyDescent="0.35">
      <c r="A9232" s="1" t="s">
        <v>35395</v>
      </c>
      <c r="B9232" s="1" t="s">
        <v>34411</v>
      </c>
      <c r="C9232" s="1" t="s">
        <v>125</v>
      </c>
      <c r="D9232" s="1" t="s">
        <v>33163</v>
      </c>
      <c r="E9232" s="1" t="s">
        <v>35483</v>
      </c>
      <c r="F9232" s="1" t="s">
        <v>35484</v>
      </c>
      <c r="G9232" s="1" t="s">
        <v>35399</v>
      </c>
      <c r="H9232" s="1" t="s">
        <v>35400</v>
      </c>
      <c r="I9232" s="1" t="s">
        <v>34416</v>
      </c>
      <c r="J9232" s="1" t="s">
        <v>35485</v>
      </c>
    </row>
    <row r="9233" spans="1:10" x14ac:dyDescent="0.35">
      <c r="A9233" s="1" t="s">
        <v>35395</v>
      </c>
      <c r="B9233" s="1" t="s">
        <v>34411</v>
      </c>
      <c r="C9233" s="1" t="s">
        <v>130</v>
      </c>
      <c r="D9233" s="1" t="s">
        <v>35486</v>
      </c>
      <c r="E9233" s="1" t="s">
        <v>35487</v>
      </c>
      <c r="F9233" s="1" t="s">
        <v>35488</v>
      </c>
      <c r="G9233" s="1" t="s">
        <v>35399</v>
      </c>
      <c r="H9233" s="1" t="s">
        <v>35400</v>
      </c>
      <c r="I9233" s="1" t="s">
        <v>34416</v>
      </c>
      <c r="J9233" s="1" t="s">
        <v>35489</v>
      </c>
    </row>
    <row r="9234" spans="1:10" x14ac:dyDescent="0.35">
      <c r="A9234" s="1" t="s">
        <v>35395</v>
      </c>
      <c r="B9234" s="1" t="s">
        <v>34411</v>
      </c>
      <c r="C9234" s="1" t="s">
        <v>135</v>
      </c>
      <c r="D9234" s="1" t="s">
        <v>31486</v>
      </c>
      <c r="E9234" s="1" t="s">
        <v>35490</v>
      </c>
      <c r="F9234" s="1" t="s">
        <v>35491</v>
      </c>
      <c r="G9234" s="1" t="s">
        <v>35399</v>
      </c>
      <c r="H9234" s="1" t="s">
        <v>35400</v>
      </c>
      <c r="I9234" s="1" t="s">
        <v>34416</v>
      </c>
      <c r="J9234" s="1" t="s">
        <v>35492</v>
      </c>
    </row>
    <row r="9235" spans="1:10" x14ac:dyDescent="0.35">
      <c r="A9235" s="1" t="s">
        <v>35395</v>
      </c>
      <c r="B9235" s="1" t="s">
        <v>34411</v>
      </c>
      <c r="C9235" s="1" t="s">
        <v>140</v>
      </c>
      <c r="D9235" s="1" t="s">
        <v>17959</v>
      </c>
      <c r="E9235" s="1" t="s">
        <v>35493</v>
      </c>
      <c r="F9235" s="1" t="s">
        <v>35494</v>
      </c>
      <c r="G9235" s="1" t="s">
        <v>35399</v>
      </c>
      <c r="H9235" s="1" t="s">
        <v>35400</v>
      </c>
      <c r="I9235" s="1" t="s">
        <v>34416</v>
      </c>
      <c r="J9235" s="1" t="s">
        <v>35495</v>
      </c>
    </row>
    <row r="9236" spans="1:10" x14ac:dyDescent="0.35">
      <c r="A9236" s="1" t="s">
        <v>35395</v>
      </c>
      <c r="B9236" s="1" t="s">
        <v>34411</v>
      </c>
      <c r="C9236" s="1" t="s">
        <v>145</v>
      </c>
      <c r="D9236" s="1" t="s">
        <v>7183</v>
      </c>
      <c r="E9236" s="1" t="s">
        <v>35496</v>
      </c>
      <c r="F9236" s="1" t="s">
        <v>35497</v>
      </c>
      <c r="G9236" s="1" t="s">
        <v>35399</v>
      </c>
      <c r="H9236" s="1" t="s">
        <v>35400</v>
      </c>
      <c r="I9236" s="1" t="s">
        <v>34416</v>
      </c>
      <c r="J9236" s="1" t="s">
        <v>35498</v>
      </c>
    </row>
    <row r="9237" spans="1:10" x14ac:dyDescent="0.35">
      <c r="A9237" s="1" t="s">
        <v>35395</v>
      </c>
      <c r="B9237" s="1" t="s">
        <v>34411</v>
      </c>
      <c r="C9237" s="1" t="s">
        <v>150</v>
      </c>
      <c r="D9237" s="1" t="s">
        <v>35499</v>
      </c>
      <c r="E9237" s="1" t="s">
        <v>35500</v>
      </c>
      <c r="F9237" s="1" t="s">
        <v>35501</v>
      </c>
      <c r="G9237" s="1" t="s">
        <v>35399</v>
      </c>
      <c r="H9237" s="1" t="s">
        <v>35400</v>
      </c>
      <c r="I9237" s="1" t="s">
        <v>34416</v>
      </c>
      <c r="J9237" s="1" t="s">
        <v>35502</v>
      </c>
    </row>
    <row r="9238" spans="1:10" x14ac:dyDescent="0.35">
      <c r="A9238" s="1" t="s">
        <v>35395</v>
      </c>
      <c r="B9238" s="1" t="s">
        <v>34411</v>
      </c>
      <c r="C9238" s="1" t="s">
        <v>155</v>
      </c>
      <c r="D9238" s="1" t="s">
        <v>35503</v>
      </c>
      <c r="E9238" s="1" t="s">
        <v>35504</v>
      </c>
      <c r="F9238" s="1" t="s">
        <v>35505</v>
      </c>
      <c r="G9238" s="1" t="s">
        <v>35399</v>
      </c>
      <c r="H9238" s="1" t="s">
        <v>35400</v>
      </c>
      <c r="I9238" s="1" t="s">
        <v>34416</v>
      </c>
      <c r="J9238" s="1" t="s">
        <v>35506</v>
      </c>
    </row>
    <row r="9239" spans="1:10" x14ac:dyDescent="0.35">
      <c r="A9239" s="1" t="s">
        <v>35395</v>
      </c>
      <c r="B9239" s="1" t="s">
        <v>34411</v>
      </c>
      <c r="C9239" s="1" t="s">
        <v>160</v>
      </c>
      <c r="D9239" s="1" t="s">
        <v>15420</v>
      </c>
      <c r="E9239" s="1" t="s">
        <v>35507</v>
      </c>
      <c r="F9239" s="1" t="s">
        <v>35508</v>
      </c>
      <c r="G9239" s="1" t="s">
        <v>35399</v>
      </c>
      <c r="H9239" s="1" t="s">
        <v>35400</v>
      </c>
      <c r="I9239" s="1" t="s">
        <v>34416</v>
      </c>
      <c r="J9239" s="1" t="s">
        <v>35509</v>
      </c>
    </row>
    <row r="9240" spans="1:10" x14ac:dyDescent="0.35">
      <c r="A9240" s="1" t="s">
        <v>35395</v>
      </c>
      <c r="B9240" s="1" t="s">
        <v>34411</v>
      </c>
      <c r="C9240" s="1" t="s">
        <v>165</v>
      </c>
      <c r="D9240" s="1" t="s">
        <v>31940</v>
      </c>
      <c r="E9240" s="1" t="s">
        <v>35510</v>
      </c>
      <c r="F9240" s="1" t="s">
        <v>35511</v>
      </c>
      <c r="G9240" s="1" t="s">
        <v>35399</v>
      </c>
      <c r="H9240" s="1" t="s">
        <v>35400</v>
      </c>
      <c r="I9240" s="1" t="s">
        <v>34416</v>
      </c>
      <c r="J9240" s="1" t="s">
        <v>35512</v>
      </c>
    </row>
    <row r="9241" spans="1:10" x14ac:dyDescent="0.35">
      <c r="A9241" s="1" t="s">
        <v>35395</v>
      </c>
      <c r="B9241" s="1" t="s">
        <v>34411</v>
      </c>
      <c r="C9241" s="1" t="s">
        <v>170</v>
      </c>
      <c r="D9241" s="1" t="s">
        <v>35513</v>
      </c>
      <c r="E9241" s="1" t="s">
        <v>35514</v>
      </c>
      <c r="F9241" s="1" t="s">
        <v>35515</v>
      </c>
      <c r="G9241" s="1" t="s">
        <v>35399</v>
      </c>
      <c r="H9241" s="1" t="s">
        <v>35400</v>
      </c>
      <c r="I9241" s="1" t="s">
        <v>34416</v>
      </c>
      <c r="J9241" s="1" t="s">
        <v>35516</v>
      </c>
    </row>
    <row r="9242" spans="1:10" x14ac:dyDescent="0.35">
      <c r="A9242" s="1" t="s">
        <v>35517</v>
      </c>
      <c r="B9242" s="1" t="s">
        <v>35518</v>
      </c>
      <c r="C9242" s="1" t="s">
        <v>8</v>
      </c>
      <c r="D9242" s="1" t="s">
        <v>35519</v>
      </c>
      <c r="E9242" s="1" t="s">
        <v>35520</v>
      </c>
      <c r="F9242" s="1" t="s">
        <v>35521</v>
      </c>
      <c r="G9242" s="1" t="s">
        <v>35522</v>
      </c>
      <c r="H9242" s="1" t="s">
        <v>35523</v>
      </c>
      <c r="I9242" s="1" t="s">
        <v>35524</v>
      </c>
      <c r="J9242" s="1" t="s">
        <v>13</v>
      </c>
    </row>
    <row r="9243" spans="1:10" x14ac:dyDescent="0.35">
      <c r="A9243" s="1" t="s">
        <v>35517</v>
      </c>
      <c r="B9243" s="1" t="s">
        <v>35518</v>
      </c>
      <c r="C9243" s="1" t="s">
        <v>15</v>
      </c>
      <c r="D9243" s="1" t="s">
        <v>35525</v>
      </c>
      <c r="E9243" s="1" t="s">
        <v>35526</v>
      </c>
      <c r="F9243" s="1" t="s">
        <v>35527</v>
      </c>
      <c r="G9243" s="1" t="s">
        <v>35522</v>
      </c>
      <c r="H9243" s="1" t="s">
        <v>35523</v>
      </c>
      <c r="I9243" s="1" t="s">
        <v>35524</v>
      </c>
      <c r="J9243" s="1" t="s">
        <v>35528</v>
      </c>
    </row>
    <row r="9244" spans="1:10" x14ac:dyDescent="0.35">
      <c r="A9244" s="1" t="s">
        <v>35517</v>
      </c>
      <c r="B9244" s="1" t="s">
        <v>35518</v>
      </c>
      <c r="C9244" s="1" t="s">
        <v>20</v>
      </c>
      <c r="D9244" s="1" t="s">
        <v>35529</v>
      </c>
      <c r="E9244" s="1" t="s">
        <v>35530</v>
      </c>
      <c r="F9244" s="1" t="s">
        <v>35531</v>
      </c>
      <c r="G9244" s="1" t="s">
        <v>35522</v>
      </c>
      <c r="H9244" s="1" t="s">
        <v>35523</v>
      </c>
      <c r="I9244" s="1" t="s">
        <v>35524</v>
      </c>
      <c r="J9244" s="1" t="s">
        <v>35532</v>
      </c>
    </row>
    <row r="9245" spans="1:10" x14ac:dyDescent="0.35">
      <c r="A9245" s="1" t="s">
        <v>35517</v>
      </c>
      <c r="B9245" s="1" t="s">
        <v>35518</v>
      </c>
      <c r="C9245" s="1" t="s">
        <v>25</v>
      </c>
      <c r="D9245" s="1" t="s">
        <v>35533</v>
      </c>
      <c r="E9245" s="1" t="s">
        <v>35534</v>
      </c>
      <c r="F9245" s="1" t="s">
        <v>35535</v>
      </c>
      <c r="G9245" s="1" t="s">
        <v>35522</v>
      </c>
      <c r="H9245" s="1" t="s">
        <v>35523</v>
      </c>
      <c r="I9245" s="1" t="s">
        <v>35524</v>
      </c>
      <c r="J9245" s="1" t="s">
        <v>35536</v>
      </c>
    </row>
    <row r="9246" spans="1:10" x14ac:dyDescent="0.35">
      <c r="A9246" s="1" t="s">
        <v>35517</v>
      </c>
      <c r="B9246" s="1" t="s">
        <v>35518</v>
      </c>
      <c r="C9246" s="1" t="s">
        <v>30</v>
      </c>
      <c r="D9246" s="1" t="s">
        <v>35537</v>
      </c>
      <c r="E9246" s="1" t="s">
        <v>35538</v>
      </c>
      <c r="F9246" s="1" t="s">
        <v>35539</v>
      </c>
      <c r="G9246" s="1" t="s">
        <v>35522</v>
      </c>
      <c r="H9246" s="1" t="s">
        <v>35523</v>
      </c>
      <c r="I9246" s="1" t="s">
        <v>35524</v>
      </c>
      <c r="J9246" s="1" t="s">
        <v>35540</v>
      </c>
    </row>
    <row r="9247" spans="1:10" x14ac:dyDescent="0.35">
      <c r="A9247" s="1" t="s">
        <v>35517</v>
      </c>
      <c r="B9247" s="1" t="s">
        <v>35518</v>
      </c>
      <c r="C9247" s="1" t="s">
        <v>35</v>
      </c>
      <c r="D9247" s="1" t="s">
        <v>35541</v>
      </c>
      <c r="E9247" s="1" t="s">
        <v>35542</v>
      </c>
      <c r="F9247" s="1" t="s">
        <v>35543</v>
      </c>
      <c r="G9247" s="1" t="s">
        <v>35522</v>
      </c>
      <c r="H9247" s="1" t="s">
        <v>35523</v>
      </c>
      <c r="I9247" s="1" t="s">
        <v>35524</v>
      </c>
      <c r="J9247" s="1" t="s">
        <v>35544</v>
      </c>
    </row>
    <row r="9248" spans="1:10" x14ac:dyDescent="0.35">
      <c r="A9248" s="1" t="s">
        <v>35517</v>
      </c>
      <c r="B9248" s="1" t="s">
        <v>35518</v>
      </c>
      <c r="C9248" s="1" t="s">
        <v>40</v>
      </c>
      <c r="D9248" s="1" t="s">
        <v>35545</v>
      </c>
      <c r="E9248" s="1" t="s">
        <v>35546</v>
      </c>
      <c r="F9248" s="1" t="s">
        <v>35547</v>
      </c>
      <c r="G9248" s="1" t="s">
        <v>35522</v>
      </c>
      <c r="H9248" s="1" t="s">
        <v>35523</v>
      </c>
      <c r="I9248" s="1" t="s">
        <v>35524</v>
      </c>
      <c r="J9248" s="1" t="s">
        <v>35548</v>
      </c>
    </row>
    <row r="9249" spans="1:10" x14ac:dyDescent="0.35">
      <c r="A9249" s="1" t="s">
        <v>35517</v>
      </c>
      <c r="B9249" s="1" t="s">
        <v>35518</v>
      </c>
      <c r="C9249" s="1" t="s">
        <v>45</v>
      </c>
      <c r="D9249" s="1" t="s">
        <v>35549</v>
      </c>
      <c r="E9249" s="1" t="s">
        <v>35550</v>
      </c>
      <c r="F9249" s="1" t="s">
        <v>35551</v>
      </c>
      <c r="G9249" s="1" t="s">
        <v>35522</v>
      </c>
      <c r="H9249" s="1" t="s">
        <v>35523</v>
      </c>
      <c r="I9249" s="1" t="s">
        <v>35524</v>
      </c>
      <c r="J9249" s="1" t="s">
        <v>35552</v>
      </c>
    </row>
    <row r="9250" spans="1:10" x14ac:dyDescent="0.35">
      <c r="A9250" s="1" t="s">
        <v>35517</v>
      </c>
      <c r="B9250" s="1" t="s">
        <v>35518</v>
      </c>
      <c r="C9250" s="1" t="s">
        <v>50</v>
      </c>
      <c r="D9250" s="1" t="s">
        <v>30740</v>
      </c>
      <c r="E9250" s="1" t="s">
        <v>35553</v>
      </c>
      <c r="F9250" s="1" t="s">
        <v>35554</v>
      </c>
      <c r="G9250" s="1" t="s">
        <v>35522</v>
      </c>
      <c r="H9250" s="1" t="s">
        <v>35523</v>
      </c>
      <c r="I9250" s="1" t="s">
        <v>35524</v>
      </c>
      <c r="J9250" s="1" t="s">
        <v>35555</v>
      </c>
    </row>
    <row r="9251" spans="1:10" x14ac:dyDescent="0.35">
      <c r="A9251" s="1" t="s">
        <v>35517</v>
      </c>
      <c r="B9251" s="1" t="s">
        <v>35518</v>
      </c>
      <c r="C9251" s="1" t="s">
        <v>55</v>
      </c>
      <c r="D9251" s="1" t="s">
        <v>35556</v>
      </c>
      <c r="E9251" s="1" t="s">
        <v>35557</v>
      </c>
      <c r="F9251" s="1" t="s">
        <v>35558</v>
      </c>
      <c r="G9251" s="1" t="s">
        <v>35522</v>
      </c>
      <c r="H9251" s="1" t="s">
        <v>35523</v>
      </c>
      <c r="I9251" s="1" t="s">
        <v>35524</v>
      </c>
      <c r="J9251" s="1" t="s">
        <v>35559</v>
      </c>
    </row>
    <row r="9252" spans="1:10" x14ac:dyDescent="0.35">
      <c r="A9252" s="1" t="s">
        <v>35517</v>
      </c>
      <c r="B9252" s="1" t="s">
        <v>35518</v>
      </c>
      <c r="C9252" s="1" t="s">
        <v>60</v>
      </c>
      <c r="D9252" s="1" t="s">
        <v>35560</v>
      </c>
      <c r="E9252" s="1" t="s">
        <v>35561</v>
      </c>
      <c r="F9252" s="1" t="s">
        <v>35562</v>
      </c>
      <c r="G9252" s="1" t="s">
        <v>35522</v>
      </c>
      <c r="H9252" s="1" t="s">
        <v>35523</v>
      </c>
      <c r="I9252" s="1" t="s">
        <v>35524</v>
      </c>
      <c r="J9252" s="1" t="s">
        <v>35563</v>
      </c>
    </row>
    <row r="9253" spans="1:10" x14ac:dyDescent="0.35">
      <c r="A9253" s="1" t="s">
        <v>35517</v>
      </c>
      <c r="B9253" s="1" t="s">
        <v>35518</v>
      </c>
      <c r="C9253" s="1" t="s">
        <v>65</v>
      </c>
      <c r="D9253" s="1" t="s">
        <v>5782</v>
      </c>
      <c r="E9253" s="1" t="s">
        <v>35564</v>
      </c>
      <c r="F9253" s="1" t="s">
        <v>35565</v>
      </c>
      <c r="G9253" s="1" t="s">
        <v>35522</v>
      </c>
      <c r="H9253" s="1" t="s">
        <v>35523</v>
      </c>
      <c r="I9253" s="1" t="s">
        <v>35524</v>
      </c>
      <c r="J9253" s="1" t="s">
        <v>35566</v>
      </c>
    </row>
    <row r="9254" spans="1:10" x14ac:dyDescent="0.35">
      <c r="A9254" s="1" t="s">
        <v>35517</v>
      </c>
      <c r="B9254" s="1" t="s">
        <v>35518</v>
      </c>
      <c r="C9254" s="1" t="s">
        <v>70</v>
      </c>
      <c r="D9254" s="1" t="s">
        <v>35567</v>
      </c>
      <c r="E9254" s="1" t="s">
        <v>35568</v>
      </c>
      <c r="F9254" s="1" t="s">
        <v>35569</v>
      </c>
      <c r="G9254" s="1" t="s">
        <v>35522</v>
      </c>
      <c r="H9254" s="1" t="s">
        <v>35523</v>
      </c>
      <c r="I9254" s="1" t="s">
        <v>35524</v>
      </c>
      <c r="J9254" s="1" t="s">
        <v>35570</v>
      </c>
    </row>
    <row r="9255" spans="1:10" x14ac:dyDescent="0.35">
      <c r="A9255" s="1" t="s">
        <v>35517</v>
      </c>
      <c r="B9255" s="1" t="s">
        <v>35518</v>
      </c>
      <c r="C9255" s="1" t="s">
        <v>75</v>
      </c>
      <c r="D9255" s="1" t="s">
        <v>35571</v>
      </c>
      <c r="E9255" s="1" t="s">
        <v>35572</v>
      </c>
      <c r="F9255" s="1" t="s">
        <v>35573</v>
      </c>
      <c r="G9255" s="1" t="s">
        <v>35522</v>
      </c>
      <c r="H9255" s="1" t="s">
        <v>35523</v>
      </c>
      <c r="I9255" s="1" t="s">
        <v>35524</v>
      </c>
      <c r="J9255" s="1" t="s">
        <v>35574</v>
      </c>
    </row>
    <row r="9256" spans="1:10" x14ac:dyDescent="0.35">
      <c r="A9256" s="1" t="s">
        <v>35517</v>
      </c>
      <c r="B9256" s="1" t="s">
        <v>35518</v>
      </c>
      <c r="C9256" s="1" t="s">
        <v>80</v>
      </c>
      <c r="D9256" s="1" t="s">
        <v>35575</v>
      </c>
      <c r="E9256" s="1" t="s">
        <v>35576</v>
      </c>
      <c r="F9256" s="1" t="s">
        <v>35577</v>
      </c>
      <c r="G9256" s="1" t="s">
        <v>35522</v>
      </c>
      <c r="H9256" s="1" t="s">
        <v>35523</v>
      </c>
      <c r="I9256" s="1" t="s">
        <v>35524</v>
      </c>
      <c r="J9256" s="1" t="s">
        <v>35578</v>
      </c>
    </row>
    <row r="9257" spans="1:10" x14ac:dyDescent="0.35">
      <c r="A9257" s="1" t="s">
        <v>35517</v>
      </c>
      <c r="B9257" s="1" t="s">
        <v>35518</v>
      </c>
      <c r="C9257" s="1" t="s">
        <v>85</v>
      </c>
      <c r="D9257" s="1" t="s">
        <v>35579</v>
      </c>
      <c r="E9257" s="1" t="s">
        <v>35580</v>
      </c>
      <c r="F9257" s="1" t="s">
        <v>35581</v>
      </c>
      <c r="G9257" s="1" t="s">
        <v>35522</v>
      </c>
      <c r="H9257" s="1" t="s">
        <v>35523</v>
      </c>
      <c r="I9257" s="1" t="s">
        <v>35524</v>
      </c>
      <c r="J9257" s="1" t="s">
        <v>35582</v>
      </c>
    </row>
    <row r="9258" spans="1:10" x14ac:dyDescent="0.35">
      <c r="A9258" s="1" t="s">
        <v>35517</v>
      </c>
      <c r="B9258" s="1" t="s">
        <v>35518</v>
      </c>
      <c r="C9258" s="1" t="s">
        <v>90</v>
      </c>
      <c r="D9258" s="1" t="s">
        <v>35583</v>
      </c>
      <c r="E9258" s="1" t="s">
        <v>35584</v>
      </c>
      <c r="F9258" s="1" t="s">
        <v>35585</v>
      </c>
      <c r="G9258" s="1" t="s">
        <v>35522</v>
      </c>
      <c r="H9258" s="1" t="s">
        <v>35523</v>
      </c>
      <c r="I9258" s="1" t="s">
        <v>35524</v>
      </c>
      <c r="J9258" s="1" t="s">
        <v>35586</v>
      </c>
    </row>
    <row r="9259" spans="1:10" x14ac:dyDescent="0.35">
      <c r="A9259" s="1" t="s">
        <v>35517</v>
      </c>
      <c r="B9259" s="1" t="s">
        <v>35518</v>
      </c>
      <c r="C9259" s="1" t="s">
        <v>95</v>
      </c>
      <c r="D9259" s="1" t="s">
        <v>35587</v>
      </c>
      <c r="E9259" s="1" t="s">
        <v>35588</v>
      </c>
      <c r="F9259" s="1" t="s">
        <v>35589</v>
      </c>
      <c r="G9259" s="1" t="s">
        <v>35522</v>
      </c>
      <c r="H9259" s="1" t="s">
        <v>35523</v>
      </c>
      <c r="I9259" s="1" t="s">
        <v>35524</v>
      </c>
      <c r="J9259" s="1" t="s">
        <v>35590</v>
      </c>
    </row>
    <row r="9260" spans="1:10" x14ac:dyDescent="0.35">
      <c r="A9260" s="1" t="s">
        <v>35517</v>
      </c>
      <c r="B9260" s="1" t="s">
        <v>35518</v>
      </c>
      <c r="C9260" s="1" t="s">
        <v>100</v>
      </c>
      <c r="D9260" s="1" t="s">
        <v>35591</v>
      </c>
      <c r="E9260" s="1" t="s">
        <v>35592</v>
      </c>
      <c r="F9260" s="1" t="s">
        <v>35593</v>
      </c>
      <c r="G9260" s="1" t="s">
        <v>35522</v>
      </c>
      <c r="H9260" s="1" t="s">
        <v>35523</v>
      </c>
      <c r="I9260" s="1" t="s">
        <v>35524</v>
      </c>
      <c r="J9260" s="1" t="s">
        <v>35594</v>
      </c>
    </row>
    <row r="9261" spans="1:10" x14ac:dyDescent="0.35">
      <c r="A9261" s="1" t="s">
        <v>35517</v>
      </c>
      <c r="B9261" s="1" t="s">
        <v>35518</v>
      </c>
      <c r="C9261" s="1" t="s">
        <v>105</v>
      </c>
      <c r="D9261" s="1" t="s">
        <v>35595</v>
      </c>
      <c r="E9261" s="1" t="s">
        <v>35596</v>
      </c>
      <c r="F9261" s="1" t="s">
        <v>35597</v>
      </c>
      <c r="G9261" s="1" t="s">
        <v>35522</v>
      </c>
      <c r="H9261" s="1" t="s">
        <v>35523</v>
      </c>
      <c r="I9261" s="1" t="s">
        <v>35524</v>
      </c>
      <c r="J9261" s="1" t="s">
        <v>35598</v>
      </c>
    </row>
    <row r="9262" spans="1:10" x14ac:dyDescent="0.35">
      <c r="A9262" s="1" t="s">
        <v>35517</v>
      </c>
      <c r="B9262" s="1" t="s">
        <v>35518</v>
      </c>
      <c r="C9262" s="1" t="s">
        <v>110</v>
      </c>
      <c r="D9262" s="1" t="s">
        <v>15395</v>
      </c>
      <c r="E9262" s="1" t="s">
        <v>35599</v>
      </c>
      <c r="F9262" s="1" t="s">
        <v>35600</v>
      </c>
      <c r="G9262" s="1" t="s">
        <v>35522</v>
      </c>
      <c r="H9262" s="1" t="s">
        <v>35523</v>
      </c>
      <c r="I9262" s="1" t="s">
        <v>35524</v>
      </c>
      <c r="J9262" s="1" t="s">
        <v>35601</v>
      </c>
    </row>
    <row r="9263" spans="1:10" x14ac:dyDescent="0.35">
      <c r="A9263" s="1" t="s">
        <v>35517</v>
      </c>
      <c r="B9263" s="1" t="s">
        <v>35518</v>
      </c>
      <c r="C9263" s="1" t="s">
        <v>115</v>
      </c>
      <c r="D9263" s="1" t="s">
        <v>35602</v>
      </c>
      <c r="E9263" s="1" t="s">
        <v>35603</v>
      </c>
      <c r="F9263" s="1" t="s">
        <v>35604</v>
      </c>
      <c r="G9263" s="1" t="s">
        <v>35522</v>
      </c>
      <c r="H9263" s="1" t="s">
        <v>35523</v>
      </c>
      <c r="I9263" s="1" t="s">
        <v>35524</v>
      </c>
      <c r="J9263" s="1" t="s">
        <v>35605</v>
      </c>
    </row>
    <row r="9264" spans="1:10" x14ac:dyDescent="0.35">
      <c r="A9264" s="1" t="s">
        <v>35517</v>
      </c>
      <c r="B9264" s="1" t="s">
        <v>35518</v>
      </c>
      <c r="C9264" s="1" t="s">
        <v>120</v>
      </c>
      <c r="D9264" s="1" t="s">
        <v>35606</v>
      </c>
      <c r="E9264" s="1" t="s">
        <v>35607</v>
      </c>
      <c r="F9264" s="1" t="s">
        <v>35608</v>
      </c>
      <c r="G9264" s="1" t="s">
        <v>35522</v>
      </c>
      <c r="H9264" s="1" t="s">
        <v>35523</v>
      </c>
      <c r="I9264" s="1" t="s">
        <v>35524</v>
      </c>
      <c r="J9264" s="1" t="s">
        <v>35609</v>
      </c>
    </row>
    <row r="9265" spans="1:10" x14ac:dyDescent="0.35">
      <c r="A9265" s="1" t="s">
        <v>35517</v>
      </c>
      <c r="B9265" s="1" t="s">
        <v>35518</v>
      </c>
      <c r="C9265" s="1" t="s">
        <v>125</v>
      </c>
      <c r="D9265" s="1" t="s">
        <v>35610</v>
      </c>
      <c r="E9265" s="1" t="s">
        <v>35611</v>
      </c>
      <c r="F9265" s="1" t="s">
        <v>35612</v>
      </c>
      <c r="G9265" s="1" t="s">
        <v>35522</v>
      </c>
      <c r="H9265" s="1" t="s">
        <v>35523</v>
      </c>
      <c r="I9265" s="1" t="s">
        <v>35524</v>
      </c>
      <c r="J9265" s="1" t="s">
        <v>35613</v>
      </c>
    </row>
    <row r="9266" spans="1:10" x14ac:dyDescent="0.35">
      <c r="A9266" s="1" t="s">
        <v>35517</v>
      </c>
      <c r="B9266" s="1" t="s">
        <v>35518</v>
      </c>
      <c r="C9266" s="1" t="s">
        <v>130</v>
      </c>
      <c r="D9266" s="1" t="s">
        <v>35614</v>
      </c>
      <c r="E9266" s="1" t="s">
        <v>35615</v>
      </c>
      <c r="F9266" s="1" t="s">
        <v>35616</v>
      </c>
      <c r="G9266" s="1" t="s">
        <v>35522</v>
      </c>
      <c r="H9266" s="1" t="s">
        <v>35523</v>
      </c>
      <c r="I9266" s="1" t="s">
        <v>35524</v>
      </c>
      <c r="J9266" s="1" t="s">
        <v>35617</v>
      </c>
    </row>
    <row r="9267" spans="1:10" x14ac:dyDescent="0.35">
      <c r="A9267" s="1" t="s">
        <v>35517</v>
      </c>
      <c r="B9267" s="1" t="s">
        <v>35518</v>
      </c>
      <c r="C9267" s="1" t="s">
        <v>135</v>
      </c>
      <c r="D9267" s="1" t="s">
        <v>35618</v>
      </c>
      <c r="E9267" s="1" t="s">
        <v>35619</v>
      </c>
      <c r="F9267" s="1" t="s">
        <v>35620</v>
      </c>
      <c r="G9267" s="1" t="s">
        <v>35522</v>
      </c>
      <c r="H9267" s="1" t="s">
        <v>35523</v>
      </c>
      <c r="I9267" s="1" t="s">
        <v>35524</v>
      </c>
      <c r="J9267" s="1" t="s">
        <v>35621</v>
      </c>
    </row>
    <row r="9268" spans="1:10" x14ac:dyDescent="0.35">
      <c r="A9268" s="1" t="s">
        <v>35517</v>
      </c>
      <c r="B9268" s="1" t="s">
        <v>35518</v>
      </c>
      <c r="C9268" s="1" t="s">
        <v>140</v>
      </c>
      <c r="D9268" s="1" t="s">
        <v>35595</v>
      </c>
      <c r="E9268" s="1" t="s">
        <v>35622</v>
      </c>
      <c r="F9268" s="1" t="s">
        <v>35623</v>
      </c>
      <c r="G9268" s="1" t="s">
        <v>35522</v>
      </c>
      <c r="H9268" s="1" t="s">
        <v>35523</v>
      </c>
      <c r="I9268" s="1" t="s">
        <v>35524</v>
      </c>
      <c r="J9268" s="1" t="s">
        <v>35624</v>
      </c>
    </row>
    <row r="9269" spans="1:10" x14ac:dyDescent="0.35">
      <c r="A9269" s="1" t="s">
        <v>35517</v>
      </c>
      <c r="B9269" s="1" t="s">
        <v>35518</v>
      </c>
      <c r="C9269" s="1" t="s">
        <v>145</v>
      </c>
      <c r="D9269" s="1" t="s">
        <v>35069</v>
      </c>
      <c r="E9269" s="1" t="s">
        <v>35625</v>
      </c>
      <c r="F9269" s="1" t="s">
        <v>35626</v>
      </c>
      <c r="G9269" s="1" t="s">
        <v>35522</v>
      </c>
      <c r="H9269" s="1" t="s">
        <v>35523</v>
      </c>
      <c r="I9269" s="1" t="s">
        <v>35524</v>
      </c>
      <c r="J9269" s="1" t="s">
        <v>35627</v>
      </c>
    </row>
    <row r="9270" spans="1:10" x14ac:dyDescent="0.35">
      <c r="A9270" s="1" t="s">
        <v>35517</v>
      </c>
      <c r="B9270" s="1" t="s">
        <v>35518</v>
      </c>
      <c r="C9270" s="1" t="s">
        <v>150</v>
      </c>
      <c r="D9270" s="1" t="s">
        <v>35628</v>
      </c>
      <c r="E9270" s="1" t="s">
        <v>35629</v>
      </c>
      <c r="F9270" s="1" t="s">
        <v>35630</v>
      </c>
      <c r="G9270" s="1" t="s">
        <v>35522</v>
      </c>
      <c r="H9270" s="1" t="s">
        <v>35523</v>
      </c>
      <c r="I9270" s="1" t="s">
        <v>35524</v>
      </c>
      <c r="J9270" s="1" t="s">
        <v>35631</v>
      </c>
    </row>
    <row r="9271" spans="1:10" x14ac:dyDescent="0.35">
      <c r="A9271" s="1" t="s">
        <v>35517</v>
      </c>
      <c r="B9271" s="1" t="s">
        <v>35518</v>
      </c>
      <c r="C9271" s="1" t="s">
        <v>155</v>
      </c>
      <c r="D9271" s="1" t="s">
        <v>35632</v>
      </c>
      <c r="E9271" s="1" t="s">
        <v>35633</v>
      </c>
      <c r="F9271" s="1" t="s">
        <v>35634</v>
      </c>
      <c r="G9271" s="1" t="s">
        <v>35522</v>
      </c>
      <c r="H9271" s="1" t="s">
        <v>35523</v>
      </c>
      <c r="I9271" s="1" t="s">
        <v>35524</v>
      </c>
      <c r="J9271" s="1" t="s">
        <v>35635</v>
      </c>
    </row>
    <row r="9272" spans="1:10" x14ac:dyDescent="0.35">
      <c r="A9272" s="1" t="s">
        <v>35517</v>
      </c>
      <c r="B9272" s="1" t="s">
        <v>35518</v>
      </c>
      <c r="C9272" s="1" t="s">
        <v>160</v>
      </c>
      <c r="D9272" s="1" t="s">
        <v>35636</v>
      </c>
      <c r="E9272" s="1" t="s">
        <v>35637</v>
      </c>
      <c r="F9272" s="1" t="s">
        <v>35638</v>
      </c>
      <c r="G9272" s="1" t="s">
        <v>35522</v>
      </c>
      <c r="H9272" s="1" t="s">
        <v>35523</v>
      </c>
      <c r="I9272" s="1" t="s">
        <v>35524</v>
      </c>
      <c r="J9272" s="1" t="s">
        <v>35639</v>
      </c>
    </row>
    <row r="9273" spans="1:10" x14ac:dyDescent="0.35">
      <c r="A9273" s="1" t="s">
        <v>35517</v>
      </c>
      <c r="B9273" s="1" t="s">
        <v>35518</v>
      </c>
      <c r="C9273" s="1" t="s">
        <v>165</v>
      </c>
      <c r="D9273" s="1" t="s">
        <v>32087</v>
      </c>
      <c r="E9273" s="1" t="s">
        <v>35640</v>
      </c>
      <c r="F9273" s="1" t="s">
        <v>35641</v>
      </c>
      <c r="G9273" s="1" t="s">
        <v>35522</v>
      </c>
      <c r="H9273" s="1" t="s">
        <v>35523</v>
      </c>
      <c r="I9273" s="1" t="s">
        <v>35524</v>
      </c>
      <c r="J9273" s="1" t="s">
        <v>35642</v>
      </c>
    </row>
    <row r="9274" spans="1:10" x14ac:dyDescent="0.35">
      <c r="A9274" s="1" t="s">
        <v>35517</v>
      </c>
      <c r="B9274" s="1" t="s">
        <v>35518</v>
      </c>
      <c r="C9274" s="1" t="s">
        <v>170</v>
      </c>
      <c r="D9274" s="1" t="s">
        <v>35643</v>
      </c>
      <c r="E9274" s="1" t="s">
        <v>35644</v>
      </c>
      <c r="F9274" s="1" t="s">
        <v>35645</v>
      </c>
      <c r="G9274" s="1" t="s">
        <v>35522</v>
      </c>
      <c r="H9274" s="1" t="s">
        <v>35523</v>
      </c>
      <c r="I9274" s="1" t="s">
        <v>35524</v>
      </c>
      <c r="J9274" s="1" t="s">
        <v>35646</v>
      </c>
    </row>
    <row r="9275" spans="1:10" x14ac:dyDescent="0.35">
      <c r="A9275" s="1" t="s">
        <v>35647</v>
      </c>
      <c r="B9275" s="1" t="s">
        <v>35518</v>
      </c>
      <c r="C9275" s="1" t="s">
        <v>8</v>
      </c>
      <c r="D9275" s="1" t="s">
        <v>35648</v>
      </c>
      <c r="E9275" s="1" t="s">
        <v>35649</v>
      </c>
      <c r="F9275" s="1" t="s">
        <v>35650</v>
      </c>
      <c r="G9275" s="1" t="s">
        <v>35651</v>
      </c>
      <c r="H9275" s="1" t="s">
        <v>35652</v>
      </c>
      <c r="I9275" s="1" t="s">
        <v>35524</v>
      </c>
      <c r="J9275" s="1" t="s">
        <v>13</v>
      </c>
    </row>
    <row r="9276" spans="1:10" x14ac:dyDescent="0.35">
      <c r="A9276" s="1" t="s">
        <v>35647</v>
      </c>
      <c r="B9276" s="1" t="s">
        <v>35518</v>
      </c>
      <c r="C9276" s="1" t="s">
        <v>15</v>
      </c>
      <c r="D9276" s="1" t="s">
        <v>35653</v>
      </c>
      <c r="E9276" s="1" t="s">
        <v>35654</v>
      </c>
      <c r="F9276" s="1" t="s">
        <v>35655</v>
      </c>
      <c r="G9276" s="1" t="s">
        <v>35651</v>
      </c>
      <c r="H9276" s="1" t="s">
        <v>35652</v>
      </c>
      <c r="I9276" s="1" t="s">
        <v>35524</v>
      </c>
      <c r="J9276" s="1" t="s">
        <v>35656</v>
      </c>
    </row>
    <row r="9277" spans="1:10" x14ac:dyDescent="0.35">
      <c r="A9277" s="1" t="s">
        <v>35647</v>
      </c>
      <c r="B9277" s="1" t="s">
        <v>35518</v>
      </c>
      <c r="C9277" s="1" t="s">
        <v>20</v>
      </c>
      <c r="D9277" s="1" t="s">
        <v>35657</v>
      </c>
      <c r="E9277" s="1" t="s">
        <v>35658</v>
      </c>
      <c r="F9277" s="1" t="s">
        <v>35659</v>
      </c>
      <c r="G9277" s="1" t="s">
        <v>35651</v>
      </c>
      <c r="H9277" s="1" t="s">
        <v>35652</v>
      </c>
      <c r="I9277" s="1" t="s">
        <v>35524</v>
      </c>
      <c r="J9277" s="1" t="s">
        <v>35660</v>
      </c>
    </row>
    <row r="9278" spans="1:10" x14ac:dyDescent="0.35">
      <c r="A9278" s="1" t="s">
        <v>35647</v>
      </c>
      <c r="B9278" s="1" t="s">
        <v>35518</v>
      </c>
      <c r="C9278" s="1" t="s">
        <v>25</v>
      </c>
      <c r="D9278" s="1" t="s">
        <v>16108</v>
      </c>
      <c r="E9278" s="1" t="s">
        <v>35661</v>
      </c>
      <c r="F9278" s="1" t="s">
        <v>35662</v>
      </c>
      <c r="G9278" s="1" t="s">
        <v>35651</v>
      </c>
      <c r="H9278" s="1" t="s">
        <v>35652</v>
      </c>
      <c r="I9278" s="1" t="s">
        <v>35524</v>
      </c>
      <c r="J9278" s="1" t="s">
        <v>35663</v>
      </c>
    </row>
    <row r="9279" spans="1:10" x14ac:dyDescent="0.35">
      <c r="A9279" s="1" t="s">
        <v>35647</v>
      </c>
      <c r="B9279" s="1" t="s">
        <v>35518</v>
      </c>
      <c r="C9279" s="1" t="s">
        <v>30</v>
      </c>
      <c r="D9279" s="1" t="s">
        <v>14061</v>
      </c>
      <c r="E9279" s="1" t="s">
        <v>35664</v>
      </c>
      <c r="F9279" s="1" t="s">
        <v>35665</v>
      </c>
      <c r="G9279" s="1" t="s">
        <v>35651</v>
      </c>
      <c r="H9279" s="1" t="s">
        <v>35652</v>
      </c>
      <c r="I9279" s="1" t="s">
        <v>35524</v>
      </c>
      <c r="J9279" s="1" t="s">
        <v>35666</v>
      </c>
    </row>
    <row r="9280" spans="1:10" x14ac:dyDescent="0.35">
      <c r="A9280" s="1" t="s">
        <v>35647</v>
      </c>
      <c r="B9280" s="1" t="s">
        <v>35518</v>
      </c>
      <c r="C9280" s="1" t="s">
        <v>35</v>
      </c>
      <c r="D9280" s="1" t="s">
        <v>35667</v>
      </c>
      <c r="E9280" s="1" t="s">
        <v>35668</v>
      </c>
      <c r="F9280" s="1" t="s">
        <v>35669</v>
      </c>
      <c r="G9280" s="1" t="s">
        <v>35651</v>
      </c>
      <c r="H9280" s="1" t="s">
        <v>35652</v>
      </c>
      <c r="I9280" s="1" t="s">
        <v>35524</v>
      </c>
      <c r="J9280" s="1" t="s">
        <v>35670</v>
      </c>
    </row>
    <row r="9281" spans="1:10" x14ac:dyDescent="0.35">
      <c r="A9281" s="1" t="s">
        <v>35647</v>
      </c>
      <c r="B9281" s="1" t="s">
        <v>35518</v>
      </c>
      <c r="C9281" s="1" t="s">
        <v>40</v>
      </c>
      <c r="D9281" s="1" t="s">
        <v>15879</v>
      </c>
      <c r="E9281" s="1" t="s">
        <v>35671</v>
      </c>
      <c r="F9281" s="1" t="s">
        <v>35672</v>
      </c>
      <c r="G9281" s="1" t="s">
        <v>35651</v>
      </c>
      <c r="H9281" s="1" t="s">
        <v>35652</v>
      </c>
      <c r="I9281" s="1" t="s">
        <v>35524</v>
      </c>
      <c r="J9281" s="1" t="s">
        <v>35673</v>
      </c>
    </row>
    <row r="9282" spans="1:10" x14ac:dyDescent="0.35">
      <c r="A9282" s="1" t="s">
        <v>35647</v>
      </c>
      <c r="B9282" s="1" t="s">
        <v>35518</v>
      </c>
      <c r="C9282" s="1" t="s">
        <v>45</v>
      </c>
      <c r="D9282" s="1" t="s">
        <v>35674</v>
      </c>
      <c r="E9282" s="1" t="s">
        <v>35675</v>
      </c>
      <c r="F9282" s="1" t="s">
        <v>35676</v>
      </c>
      <c r="G9282" s="1" t="s">
        <v>35651</v>
      </c>
      <c r="H9282" s="1" t="s">
        <v>35652</v>
      </c>
      <c r="I9282" s="1" t="s">
        <v>35524</v>
      </c>
      <c r="J9282" s="1" t="s">
        <v>35677</v>
      </c>
    </row>
    <row r="9283" spans="1:10" x14ac:dyDescent="0.35">
      <c r="A9283" s="1" t="s">
        <v>35647</v>
      </c>
      <c r="B9283" s="1" t="s">
        <v>35518</v>
      </c>
      <c r="C9283" s="1" t="s">
        <v>50</v>
      </c>
      <c r="D9283" s="1" t="s">
        <v>35678</v>
      </c>
      <c r="E9283" s="1" t="s">
        <v>35679</v>
      </c>
      <c r="F9283" s="1" t="s">
        <v>35680</v>
      </c>
      <c r="G9283" s="1" t="s">
        <v>35651</v>
      </c>
      <c r="H9283" s="1" t="s">
        <v>35652</v>
      </c>
      <c r="I9283" s="1" t="s">
        <v>35524</v>
      </c>
      <c r="J9283" s="1" t="s">
        <v>35681</v>
      </c>
    </row>
    <row r="9284" spans="1:10" x14ac:dyDescent="0.35">
      <c r="A9284" s="1" t="s">
        <v>35647</v>
      </c>
      <c r="B9284" s="1" t="s">
        <v>35518</v>
      </c>
      <c r="C9284" s="1" t="s">
        <v>55</v>
      </c>
      <c r="D9284" s="1" t="s">
        <v>35682</v>
      </c>
      <c r="E9284" s="1" t="s">
        <v>35683</v>
      </c>
      <c r="F9284" s="1" t="s">
        <v>35684</v>
      </c>
      <c r="G9284" s="1" t="s">
        <v>35651</v>
      </c>
      <c r="H9284" s="1" t="s">
        <v>35652</v>
      </c>
      <c r="I9284" s="1" t="s">
        <v>35524</v>
      </c>
      <c r="J9284" s="1" t="s">
        <v>35685</v>
      </c>
    </row>
    <row r="9285" spans="1:10" x14ac:dyDescent="0.35">
      <c r="A9285" s="1" t="s">
        <v>35647</v>
      </c>
      <c r="B9285" s="1" t="s">
        <v>35518</v>
      </c>
      <c r="C9285" s="1" t="s">
        <v>60</v>
      </c>
      <c r="D9285" s="1" t="s">
        <v>35686</v>
      </c>
      <c r="E9285" s="1" t="s">
        <v>35687</v>
      </c>
      <c r="F9285" s="1" t="s">
        <v>35688</v>
      </c>
      <c r="G9285" s="1" t="s">
        <v>35651</v>
      </c>
      <c r="H9285" s="1" t="s">
        <v>35652</v>
      </c>
      <c r="I9285" s="1" t="s">
        <v>35524</v>
      </c>
      <c r="J9285" s="1" t="s">
        <v>35689</v>
      </c>
    </row>
    <row r="9286" spans="1:10" x14ac:dyDescent="0.35">
      <c r="A9286" s="1" t="s">
        <v>35647</v>
      </c>
      <c r="B9286" s="1" t="s">
        <v>35518</v>
      </c>
      <c r="C9286" s="1" t="s">
        <v>65</v>
      </c>
      <c r="D9286" s="1" t="s">
        <v>35690</v>
      </c>
      <c r="E9286" s="1" t="s">
        <v>35691</v>
      </c>
      <c r="F9286" s="1" t="s">
        <v>35692</v>
      </c>
      <c r="G9286" s="1" t="s">
        <v>35651</v>
      </c>
      <c r="H9286" s="1" t="s">
        <v>35652</v>
      </c>
      <c r="I9286" s="1" t="s">
        <v>35524</v>
      </c>
      <c r="J9286" s="1" t="s">
        <v>35693</v>
      </c>
    </row>
    <row r="9287" spans="1:10" x14ac:dyDescent="0.35">
      <c r="A9287" s="1" t="s">
        <v>35647</v>
      </c>
      <c r="B9287" s="1" t="s">
        <v>35518</v>
      </c>
      <c r="C9287" s="1" t="s">
        <v>70</v>
      </c>
      <c r="D9287" s="1" t="s">
        <v>35221</v>
      </c>
      <c r="E9287" s="1" t="s">
        <v>35694</v>
      </c>
      <c r="F9287" s="1" t="s">
        <v>35695</v>
      </c>
      <c r="G9287" s="1" t="s">
        <v>35651</v>
      </c>
      <c r="H9287" s="1" t="s">
        <v>35652</v>
      </c>
      <c r="I9287" s="1" t="s">
        <v>35524</v>
      </c>
      <c r="J9287" s="1" t="s">
        <v>35696</v>
      </c>
    </row>
    <row r="9288" spans="1:10" x14ac:dyDescent="0.35">
      <c r="A9288" s="1" t="s">
        <v>35647</v>
      </c>
      <c r="B9288" s="1" t="s">
        <v>35518</v>
      </c>
      <c r="C9288" s="1" t="s">
        <v>75</v>
      </c>
      <c r="D9288" s="1" t="s">
        <v>34492</v>
      </c>
      <c r="E9288" s="1" t="s">
        <v>35697</v>
      </c>
      <c r="F9288" s="1" t="s">
        <v>35698</v>
      </c>
      <c r="G9288" s="1" t="s">
        <v>35651</v>
      </c>
      <c r="H9288" s="1" t="s">
        <v>35652</v>
      </c>
      <c r="I9288" s="1" t="s">
        <v>35524</v>
      </c>
      <c r="J9288" s="1" t="s">
        <v>35699</v>
      </c>
    </row>
    <row r="9289" spans="1:10" x14ac:dyDescent="0.35">
      <c r="A9289" s="1" t="s">
        <v>35647</v>
      </c>
      <c r="B9289" s="1" t="s">
        <v>35518</v>
      </c>
      <c r="C9289" s="1" t="s">
        <v>80</v>
      </c>
      <c r="D9289" s="1" t="s">
        <v>25285</v>
      </c>
      <c r="E9289" s="1" t="s">
        <v>35700</v>
      </c>
      <c r="F9289" s="1" t="s">
        <v>35701</v>
      </c>
      <c r="G9289" s="1" t="s">
        <v>35651</v>
      </c>
      <c r="H9289" s="1" t="s">
        <v>35652</v>
      </c>
      <c r="I9289" s="1" t="s">
        <v>35524</v>
      </c>
      <c r="J9289" s="1" t="s">
        <v>35702</v>
      </c>
    </row>
    <row r="9290" spans="1:10" x14ac:dyDescent="0.35">
      <c r="A9290" s="1" t="s">
        <v>35647</v>
      </c>
      <c r="B9290" s="1" t="s">
        <v>35518</v>
      </c>
      <c r="C9290" s="1" t="s">
        <v>85</v>
      </c>
      <c r="D9290" s="1" t="s">
        <v>35703</v>
      </c>
      <c r="E9290" s="1" t="s">
        <v>35704</v>
      </c>
      <c r="F9290" s="1" t="s">
        <v>35705</v>
      </c>
      <c r="G9290" s="1" t="s">
        <v>35651</v>
      </c>
      <c r="H9290" s="1" t="s">
        <v>35652</v>
      </c>
      <c r="I9290" s="1" t="s">
        <v>35524</v>
      </c>
      <c r="J9290" s="1" t="s">
        <v>35706</v>
      </c>
    </row>
    <row r="9291" spans="1:10" x14ac:dyDescent="0.35">
      <c r="A9291" s="1" t="s">
        <v>35647</v>
      </c>
      <c r="B9291" s="1" t="s">
        <v>35518</v>
      </c>
      <c r="C9291" s="1" t="s">
        <v>90</v>
      </c>
      <c r="D9291" s="1" t="s">
        <v>35707</v>
      </c>
      <c r="E9291" s="1" t="s">
        <v>35708</v>
      </c>
      <c r="F9291" s="1" t="s">
        <v>35709</v>
      </c>
      <c r="G9291" s="1" t="s">
        <v>35651</v>
      </c>
      <c r="H9291" s="1" t="s">
        <v>35652</v>
      </c>
      <c r="I9291" s="1" t="s">
        <v>35524</v>
      </c>
      <c r="J9291" s="1" t="s">
        <v>35710</v>
      </c>
    </row>
    <row r="9292" spans="1:10" x14ac:dyDescent="0.35">
      <c r="A9292" s="1" t="s">
        <v>35647</v>
      </c>
      <c r="B9292" s="1" t="s">
        <v>35518</v>
      </c>
      <c r="C9292" s="1" t="s">
        <v>95</v>
      </c>
      <c r="D9292" s="1" t="s">
        <v>35711</v>
      </c>
      <c r="E9292" s="1" t="s">
        <v>35712</v>
      </c>
      <c r="F9292" s="1" t="s">
        <v>35713</v>
      </c>
      <c r="G9292" s="1" t="s">
        <v>35651</v>
      </c>
      <c r="H9292" s="1" t="s">
        <v>35652</v>
      </c>
      <c r="I9292" s="1" t="s">
        <v>35524</v>
      </c>
      <c r="J9292" s="1" t="s">
        <v>35714</v>
      </c>
    </row>
    <row r="9293" spans="1:10" x14ac:dyDescent="0.35">
      <c r="A9293" s="1" t="s">
        <v>35647</v>
      </c>
      <c r="B9293" s="1" t="s">
        <v>35518</v>
      </c>
      <c r="C9293" s="1" t="s">
        <v>100</v>
      </c>
      <c r="D9293" s="1" t="s">
        <v>35715</v>
      </c>
      <c r="E9293" s="1" t="s">
        <v>35716</v>
      </c>
      <c r="F9293" s="1" t="s">
        <v>35717</v>
      </c>
      <c r="G9293" s="1" t="s">
        <v>35651</v>
      </c>
      <c r="H9293" s="1" t="s">
        <v>35652</v>
      </c>
      <c r="I9293" s="1" t="s">
        <v>35524</v>
      </c>
      <c r="J9293" s="1" t="s">
        <v>35718</v>
      </c>
    </row>
    <row r="9294" spans="1:10" x14ac:dyDescent="0.35">
      <c r="A9294" s="1" t="s">
        <v>35647</v>
      </c>
      <c r="B9294" s="1" t="s">
        <v>35518</v>
      </c>
      <c r="C9294" s="1" t="s">
        <v>105</v>
      </c>
      <c r="D9294" s="1" t="s">
        <v>35719</v>
      </c>
      <c r="E9294" s="1" t="s">
        <v>35720</v>
      </c>
      <c r="F9294" s="1" t="s">
        <v>35721</v>
      </c>
      <c r="G9294" s="1" t="s">
        <v>35651</v>
      </c>
      <c r="H9294" s="1" t="s">
        <v>35652</v>
      </c>
      <c r="I9294" s="1" t="s">
        <v>35524</v>
      </c>
      <c r="J9294" s="1" t="s">
        <v>35722</v>
      </c>
    </row>
    <row r="9295" spans="1:10" x14ac:dyDescent="0.35">
      <c r="A9295" s="1" t="s">
        <v>35647</v>
      </c>
      <c r="B9295" s="1" t="s">
        <v>35518</v>
      </c>
      <c r="C9295" s="1" t="s">
        <v>110</v>
      </c>
      <c r="D9295" s="1" t="s">
        <v>35723</v>
      </c>
      <c r="E9295" s="1" t="s">
        <v>35724</v>
      </c>
      <c r="F9295" s="1" t="s">
        <v>35725</v>
      </c>
      <c r="G9295" s="1" t="s">
        <v>35651</v>
      </c>
      <c r="H9295" s="1" t="s">
        <v>35652</v>
      </c>
      <c r="I9295" s="1" t="s">
        <v>35524</v>
      </c>
      <c r="J9295" s="1" t="s">
        <v>35726</v>
      </c>
    </row>
    <row r="9296" spans="1:10" x14ac:dyDescent="0.35">
      <c r="A9296" s="1" t="s">
        <v>35647</v>
      </c>
      <c r="B9296" s="1" t="s">
        <v>35518</v>
      </c>
      <c r="C9296" s="1" t="s">
        <v>115</v>
      </c>
      <c r="D9296" s="1" t="s">
        <v>35727</v>
      </c>
      <c r="E9296" s="1" t="s">
        <v>35728</v>
      </c>
      <c r="F9296" s="1" t="s">
        <v>35729</v>
      </c>
      <c r="G9296" s="1" t="s">
        <v>35651</v>
      </c>
      <c r="H9296" s="1" t="s">
        <v>35652</v>
      </c>
      <c r="I9296" s="1" t="s">
        <v>35524</v>
      </c>
      <c r="J9296" s="1" t="s">
        <v>35730</v>
      </c>
    </row>
    <row r="9297" spans="1:10" x14ac:dyDescent="0.35">
      <c r="A9297" s="1" t="s">
        <v>35647</v>
      </c>
      <c r="B9297" s="1" t="s">
        <v>35518</v>
      </c>
      <c r="C9297" s="1" t="s">
        <v>120</v>
      </c>
      <c r="D9297" s="1" t="s">
        <v>35549</v>
      </c>
      <c r="E9297" s="1" t="s">
        <v>35731</v>
      </c>
      <c r="F9297" s="1" t="s">
        <v>35732</v>
      </c>
      <c r="G9297" s="1" t="s">
        <v>35651</v>
      </c>
      <c r="H9297" s="1" t="s">
        <v>35652</v>
      </c>
      <c r="I9297" s="1" t="s">
        <v>35524</v>
      </c>
      <c r="J9297" s="1" t="s">
        <v>35733</v>
      </c>
    </row>
    <row r="9298" spans="1:10" x14ac:dyDescent="0.35">
      <c r="A9298" s="1" t="s">
        <v>35647</v>
      </c>
      <c r="B9298" s="1" t="s">
        <v>35518</v>
      </c>
      <c r="C9298" s="1" t="s">
        <v>125</v>
      </c>
      <c r="D9298" s="1" t="s">
        <v>35734</v>
      </c>
      <c r="E9298" s="1" t="s">
        <v>35735</v>
      </c>
      <c r="F9298" s="1" t="s">
        <v>35736</v>
      </c>
      <c r="G9298" s="1" t="s">
        <v>35651</v>
      </c>
      <c r="H9298" s="1" t="s">
        <v>35652</v>
      </c>
      <c r="I9298" s="1" t="s">
        <v>35524</v>
      </c>
      <c r="J9298" s="1" t="s">
        <v>35737</v>
      </c>
    </row>
    <row r="9299" spans="1:10" x14ac:dyDescent="0.35">
      <c r="A9299" s="1" t="s">
        <v>35647</v>
      </c>
      <c r="B9299" s="1" t="s">
        <v>35518</v>
      </c>
      <c r="C9299" s="1" t="s">
        <v>130</v>
      </c>
      <c r="D9299" s="1" t="s">
        <v>35738</v>
      </c>
      <c r="E9299" s="1" t="s">
        <v>35739</v>
      </c>
      <c r="F9299" s="1" t="s">
        <v>35740</v>
      </c>
      <c r="G9299" s="1" t="s">
        <v>35651</v>
      </c>
      <c r="H9299" s="1" t="s">
        <v>35652</v>
      </c>
      <c r="I9299" s="1" t="s">
        <v>35524</v>
      </c>
      <c r="J9299" s="1" t="s">
        <v>35741</v>
      </c>
    </row>
    <row r="9300" spans="1:10" x14ac:dyDescent="0.35">
      <c r="A9300" s="1" t="s">
        <v>35647</v>
      </c>
      <c r="B9300" s="1" t="s">
        <v>35518</v>
      </c>
      <c r="C9300" s="1" t="s">
        <v>135</v>
      </c>
      <c r="D9300" s="1" t="s">
        <v>35742</v>
      </c>
      <c r="E9300" s="1" t="s">
        <v>35743</v>
      </c>
      <c r="F9300" s="1" t="s">
        <v>35744</v>
      </c>
      <c r="G9300" s="1" t="s">
        <v>35651</v>
      </c>
      <c r="H9300" s="1" t="s">
        <v>35652</v>
      </c>
      <c r="I9300" s="1" t="s">
        <v>35524</v>
      </c>
      <c r="J9300" s="1" t="s">
        <v>35745</v>
      </c>
    </row>
    <row r="9301" spans="1:10" x14ac:dyDescent="0.35">
      <c r="A9301" s="1" t="s">
        <v>35647</v>
      </c>
      <c r="B9301" s="1" t="s">
        <v>35518</v>
      </c>
      <c r="C9301" s="1" t="s">
        <v>140</v>
      </c>
      <c r="D9301" s="1" t="s">
        <v>35746</v>
      </c>
      <c r="E9301" s="1" t="s">
        <v>35747</v>
      </c>
      <c r="F9301" s="1" t="s">
        <v>35748</v>
      </c>
      <c r="G9301" s="1" t="s">
        <v>35651</v>
      </c>
      <c r="H9301" s="1" t="s">
        <v>35652</v>
      </c>
      <c r="I9301" s="1" t="s">
        <v>35524</v>
      </c>
      <c r="J9301" s="1" t="s">
        <v>35749</v>
      </c>
    </row>
    <row r="9302" spans="1:10" x14ac:dyDescent="0.35">
      <c r="A9302" s="1" t="s">
        <v>35647</v>
      </c>
      <c r="B9302" s="1" t="s">
        <v>35518</v>
      </c>
      <c r="C9302" s="1" t="s">
        <v>145</v>
      </c>
      <c r="D9302" s="1" t="s">
        <v>35750</v>
      </c>
      <c r="E9302" s="1" t="s">
        <v>35751</v>
      </c>
      <c r="F9302" s="1" t="s">
        <v>35752</v>
      </c>
      <c r="G9302" s="1" t="s">
        <v>35651</v>
      </c>
      <c r="H9302" s="1" t="s">
        <v>35652</v>
      </c>
      <c r="I9302" s="1" t="s">
        <v>35524</v>
      </c>
      <c r="J9302" s="1" t="s">
        <v>35753</v>
      </c>
    </row>
    <row r="9303" spans="1:10" x14ac:dyDescent="0.35">
      <c r="A9303" s="1" t="s">
        <v>35647</v>
      </c>
      <c r="B9303" s="1" t="s">
        <v>35518</v>
      </c>
      <c r="C9303" s="1" t="s">
        <v>150</v>
      </c>
      <c r="D9303" s="1" t="s">
        <v>35754</v>
      </c>
      <c r="E9303" s="1" t="s">
        <v>35755</v>
      </c>
      <c r="F9303" s="1" t="s">
        <v>35756</v>
      </c>
      <c r="G9303" s="1" t="s">
        <v>35651</v>
      </c>
      <c r="H9303" s="1" t="s">
        <v>35652</v>
      </c>
      <c r="I9303" s="1" t="s">
        <v>35524</v>
      </c>
      <c r="J9303" s="1" t="s">
        <v>35757</v>
      </c>
    </row>
    <row r="9304" spans="1:10" x14ac:dyDescent="0.35">
      <c r="A9304" s="1" t="s">
        <v>35647</v>
      </c>
      <c r="B9304" s="1" t="s">
        <v>35518</v>
      </c>
      <c r="C9304" s="1" t="s">
        <v>155</v>
      </c>
      <c r="D9304" s="1" t="s">
        <v>35758</v>
      </c>
      <c r="E9304" s="1" t="s">
        <v>35759</v>
      </c>
      <c r="F9304" s="1" t="s">
        <v>35760</v>
      </c>
      <c r="G9304" s="1" t="s">
        <v>35651</v>
      </c>
      <c r="H9304" s="1" t="s">
        <v>35652</v>
      </c>
      <c r="I9304" s="1" t="s">
        <v>35524</v>
      </c>
      <c r="J9304" s="1" t="s">
        <v>35761</v>
      </c>
    </row>
    <row r="9305" spans="1:10" x14ac:dyDescent="0.35">
      <c r="A9305" s="1" t="s">
        <v>35647</v>
      </c>
      <c r="B9305" s="1" t="s">
        <v>35518</v>
      </c>
      <c r="C9305" s="1" t="s">
        <v>160</v>
      </c>
      <c r="D9305" s="1" t="s">
        <v>35762</v>
      </c>
      <c r="E9305" s="1" t="s">
        <v>35763</v>
      </c>
      <c r="F9305" s="1" t="s">
        <v>35764</v>
      </c>
      <c r="G9305" s="1" t="s">
        <v>35651</v>
      </c>
      <c r="H9305" s="1" t="s">
        <v>35652</v>
      </c>
      <c r="I9305" s="1" t="s">
        <v>35524</v>
      </c>
      <c r="J9305" s="1" t="s">
        <v>35765</v>
      </c>
    </row>
    <row r="9306" spans="1:10" x14ac:dyDescent="0.35">
      <c r="A9306" s="1" t="s">
        <v>35647</v>
      </c>
      <c r="B9306" s="1" t="s">
        <v>35518</v>
      </c>
      <c r="C9306" s="1" t="s">
        <v>165</v>
      </c>
      <c r="D9306" s="1" t="s">
        <v>16031</v>
      </c>
      <c r="E9306" s="1" t="s">
        <v>35766</v>
      </c>
      <c r="F9306" s="1" t="s">
        <v>35767</v>
      </c>
      <c r="G9306" s="1" t="s">
        <v>35651</v>
      </c>
      <c r="H9306" s="1" t="s">
        <v>35652</v>
      </c>
      <c r="I9306" s="1" t="s">
        <v>35524</v>
      </c>
      <c r="J9306" s="1" t="s">
        <v>35768</v>
      </c>
    </row>
    <row r="9307" spans="1:10" x14ac:dyDescent="0.35">
      <c r="A9307" s="1" t="s">
        <v>35647</v>
      </c>
      <c r="B9307" s="1" t="s">
        <v>35518</v>
      </c>
      <c r="C9307" s="1" t="s">
        <v>170</v>
      </c>
      <c r="D9307" s="1" t="s">
        <v>18478</v>
      </c>
      <c r="E9307" s="1" t="s">
        <v>35769</v>
      </c>
      <c r="F9307" s="1" t="s">
        <v>35770</v>
      </c>
      <c r="G9307" s="1" t="s">
        <v>35651</v>
      </c>
      <c r="H9307" s="1" t="s">
        <v>35652</v>
      </c>
      <c r="I9307" s="1" t="s">
        <v>35524</v>
      </c>
      <c r="J9307" s="1" t="s">
        <v>35771</v>
      </c>
    </row>
    <row r="9308" spans="1:10" x14ac:dyDescent="0.35">
      <c r="A9308" s="1" t="s">
        <v>35772</v>
      </c>
      <c r="B9308" s="1" t="s">
        <v>35518</v>
      </c>
      <c r="C9308" s="1" t="s">
        <v>8</v>
      </c>
      <c r="D9308" s="1" t="s">
        <v>14813</v>
      </c>
      <c r="E9308" s="1" t="s">
        <v>35773</v>
      </c>
      <c r="F9308" s="1" t="s">
        <v>35774</v>
      </c>
      <c r="G9308" s="1" t="s">
        <v>35775</v>
      </c>
      <c r="H9308" s="1" t="s">
        <v>35776</v>
      </c>
      <c r="I9308" s="1" t="s">
        <v>35524</v>
      </c>
      <c r="J9308" s="1" t="s">
        <v>13</v>
      </c>
    </row>
    <row r="9309" spans="1:10" x14ac:dyDescent="0.35">
      <c r="A9309" s="1" t="s">
        <v>35772</v>
      </c>
      <c r="B9309" s="1" t="s">
        <v>35518</v>
      </c>
      <c r="C9309" s="1" t="s">
        <v>15</v>
      </c>
      <c r="D9309" s="1" t="s">
        <v>34741</v>
      </c>
      <c r="E9309" s="1" t="s">
        <v>35777</v>
      </c>
      <c r="F9309" s="1" t="s">
        <v>35778</v>
      </c>
      <c r="G9309" s="1" t="s">
        <v>35775</v>
      </c>
      <c r="H9309" s="1" t="s">
        <v>35776</v>
      </c>
      <c r="I9309" s="1" t="s">
        <v>35524</v>
      </c>
      <c r="J9309" s="1" t="s">
        <v>35779</v>
      </c>
    </row>
    <row r="9310" spans="1:10" x14ac:dyDescent="0.35">
      <c r="A9310" s="1" t="s">
        <v>35772</v>
      </c>
      <c r="B9310" s="1" t="s">
        <v>35518</v>
      </c>
      <c r="C9310" s="1" t="s">
        <v>20</v>
      </c>
      <c r="D9310" s="1" t="s">
        <v>35780</v>
      </c>
      <c r="E9310" s="1" t="s">
        <v>35781</v>
      </c>
      <c r="F9310" s="1" t="s">
        <v>35782</v>
      </c>
      <c r="G9310" s="1" t="s">
        <v>35775</v>
      </c>
      <c r="H9310" s="1" t="s">
        <v>35776</v>
      </c>
      <c r="I9310" s="1" t="s">
        <v>35524</v>
      </c>
      <c r="J9310" s="1" t="s">
        <v>35783</v>
      </c>
    </row>
    <row r="9311" spans="1:10" x14ac:dyDescent="0.35">
      <c r="A9311" s="1" t="s">
        <v>35772</v>
      </c>
      <c r="B9311" s="1" t="s">
        <v>35518</v>
      </c>
      <c r="C9311" s="1" t="s">
        <v>25</v>
      </c>
      <c r="D9311" s="1" t="s">
        <v>35009</v>
      </c>
      <c r="E9311" s="1" t="s">
        <v>35784</v>
      </c>
      <c r="F9311" s="1" t="s">
        <v>35785</v>
      </c>
      <c r="G9311" s="1" t="s">
        <v>35775</v>
      </c>
      <c r="H9311" s="1" t="s">
        <v>35776</v>
      </c>
      <c r="I9311" s="1" t="s">
        <v>35524</v>
      </c>
      <c r="J9311" s="1" t="s">
        <v>35786</v>
      </c>
    </row>
    <row r="9312" spans="1:10" x14ac:dyDescent="0.35">
      <c r="A9312" s="1" t="s">
        <v>35772</v>
      </c>
      <c r="B9312" s="1" t="s">
        <v>35518</v>
      </c>
      <c r="C9312" s="1" t="s">
        <v>30</v>
      </c>
      <c r="D9312" s="1" t="s">
        <v>15507</v>
      </c>
      <c r="E9312" s="1" t="s">
        <v>35787</v>
      </c>
      <c r="F9312" s="1" t="s">
        <v>35788</v>
      </c>
      <c r="G9312" s="1" t="s">
        <v>35775</v>
      </c>
      <c r="H9312" s="1" t="s">
        <v>35776</v>
      </c>
      <c r="I9312" s="1" t="s">
        <v>35524</v>
      </c>
      <c r="J9312" s="1" t="s">
        <v>35789</v>
      </c>
    </row>
    <row r="9313" spans="1:10" x14ac:dyDescent="0.35">
      <c r="A9313" s="1" t="s">
        <v>35772</v>
      </c>
      <c r="B9313" s="1" t="s">
        <v>35518</v>
      </c>
      <c r="C9313" s="1" t="s">
        <v>35</v>
      </c>
      <c r="D9313" s="1" t="s">
        <v>35790</v>
      </c>
      <c r="E9313" s="1" t="s">
        <v>35791</v>
      </c>
      <c r="F9313" s="1" t="s">
        <v>35792</v>
      </c>
      <c r="G9313" s="1" t="s">
        <v>35775</v>
      </c>
      <c r="H9313" s="1" t="s">
        <v>35776</v>
      </c>
      <c r="I9313" s="1" t="s">
        <v>35524</v>
      </c>
      <c r="J9313" s="1" t="s">
        <v>35793</v>
      </c>
    </row>
    <row r="9314" spans="1:10" x14ac:dyDescent="0.35">
      <c r="A9314" s="1" t="s">
        <v>35772</v>
      </c>
      <c r="B9314" s="1" t="s">
        <v>35518</v>
      </c>
      <c r="C9314" s="1" t="s">
        <v>40</v>
      </c>
      <c r="D9314" s="1" t="s">
        <v>15395</v>
      </c>
      <c r="E9314" s="1" t="s">
        <v>35794</v>
      </c>
      <c r="F9314" s="1" t="s">
        <v>35795</v>
      </c>
      <c r="G9314" s="1" t="s">
        <v>35775</v>
      </c>
      <c r="H9314" s="1" t="s">
        <v>35776</v>
      </c>
      <c r="I9314" s="1" t="s">
        <v>35524</v>
      </c>
      <c r="J9314" s="1" t="s">
        <v>35796</v>
      </c>
    </row>
    <row r="9315" spans="1:10" x14ac:dyDescent="0.35">
      <c r="A9315" s="1" t="s">
        <v>35772</v>
      </c>
      <c r="B9315" s="1" t="s">
        <v>35518</v>
      </c>
      <c r="C9315" s="1" t="s">
        <v>45</v>
      </c>
      <c r="D9315" s="1" t="s">
        <v>35797</v>
      </c>
      <c r="E9315" s="1" t="s">
        <v>35798</v>
      </c>
      <c r="F9315" s="1" t="s">
        <v>35799</v>
      </c>
      <c r="G9315" s="1" t="s">
        <v>35775</v>
      </c>
      <c r="H9315" s="1" t="s">
        <v>35776</v>
      </c>
      <c r="I9315" s="1" t="s">
        <v>35524</v>
      </c>
      <c r="J9315" s="1" t="s">
        <v>35800</v>
      </c>
    </row>
    <row r="9316" spans="1:10" x14ac:dyDescent="0.35">
      <c r="A9316" s="1" t="s">
        <v>35772</v>
      </c>
      <c r="B9316" s="1" t="s">
        <v>35518</v>
      </c>
      <c r="C9316" s="1" t="s">
        <v>50</v>
      </c>
      <c r="D9316" s="1" t="s">
        <v>35801</v>
      </c>
      <c r="E9316" s="1" t="s">
        <v>35802</v>
      </c>
      <c r="F9316" s="1" t="s">
        <v>35803</v>
      </c>
      <c r="G9316" s="1" t="s">
        <v>35775</v>
      </c>
      <c r="H9316" s="1" t="s">
        <v>35776</v>
      </c>
      <c r="I9316" s="1" t="s">
        <v>35524</v>
      </c>
      <c r="J9316" s="1" t="s">
        <v>35804</v>
      </c>
    </row>
    <row r="9317" spans="1:10" x14ac:dyDescent="0.35">
      <c r="A9317" s="1" t="s">
        <v>35772</v>
      </c>
      <c r="B9317" s="1" t="s">
        <v>35518</v>
      </c>
      <c r="C9317" s="1" t="s">
        <v>55</v>
      </c>
      <c r="D9317" s="1" t="s">
        <v>35805</v>
      </c>
      <c r="E9317" s="1" t="s">
        <v>35806</v>
      </c>
      <c r="F9317" s="1" t="s">
        <v>35807</v>
      </c>
      <c r="G9317" s="1" t="s">
        <v>35775</v>
      </c>
      <c r="H9317" s="1" t="s">
        <v>35776</v>
      </c>
      <c r="I9317" s="1" t="s">
        <v>35524</v>
      </c>
      <c r="J9317" s="1" t="s">
        <v>35808</v>
      </c>
    </row>
    <row r="9318" spans="1:10" x14ac:dyDescent="0.35">
      <c r="A9318" s="1" t="s">
        <v>35772</v>
      </c>
      <c r="B9318" s="1" t="s">
        <v>35518</v>
      </c>
      <c r="C9318" s="1" t="s">
        <v>60</v>
      </c>
      <c r="D9318" s="1" t="s">
        <v>35809</v>
      </c>
      <c r="E9318" s="1" t="s">
        <v>35810</v>
      </c>
      <c r="F9318" s="1" t="s">
        <v>35811</v>
      </c>
      <c r="G9318" s="1" t="s">
        <v>35775</v>
      </c>
      <c r="H9318" s="1" t="s">
        <v>35776</v>
      </c>
      <c r="I9318" s="1" t="s">
        <v>35524</v>
      </c>
      <c r="J9318" s="1" t="s">
        <v>35812</v>
      </c>
    </row>
    <row r="9319" spans="1:10" x14ac:dyDescent="0.35">
      <c r="A9319" s="1" t="s">
        <v>35772</v>
      </c>
      <c r="B9319" s="1" t="s">
        <v>35518</v>
      </c>
      <c r="C9319" s="1" t="s">
        <v>65</v>
      </c>
      <c r="D9319" s="1" t="s">
        <v>35813</v>
      </c>
      <c r="E9319" s="1" t="s">
        <v>35814</v>
      </c>
      <c r="F9319" s="1" t="s">
        <v>35815</v>
      </c>
      <c r="G9319" s="1" t="s">
        <v>35775</v>
      </c>
      <c r="H9319" s="1" t="s">
        <v>35776</v>
      </c>
      <c r="I9319" s="1" t="s">
        <v>35524</v>
      </c>
      <c r="J9319" s="1" t="s">
        <v>35816</v>
      </c>
    </row>
    <row r="9320" spans="1:10" x14ac:dyDescent="0.35">
      <c r="A9320" s="1" t="s">
        <v>35772</v>
      </c>
      <c r="B9320" s="1" t="s">
        <v>35518</v>
      </c>
      <c r="C9320" s="1" t="s">
        <v>70</v>
      </c>
      <c r="D9320" s="1" t="s">
        <v>35817</v>
      </c>
      <c r="E9320" s="1" t="s">
        <v>35818</v>
      </c>
      <c r="F9320" s="1" t="s">
        <v>35819</v>
      </c>
      <c r="G9320" s="1" t="s">
        <v>35775</v>
      </c>
      <c r="H9320" s="1" t="s">
        <v>35776</v>
      </c>
      <c r="I9320" s="1" t="s">
        <v>35524</v>
      </c>
      <c r="J9320" s="1" t="s">
        <v>35820</v>
      </c>
    </row>
    <row r="9321" spans="1:10" x14ac:dyDescent="0.35">
      <c r="A9321" s="1" t="s">
        <v>35772</v>
      </c>
      <c r="B9321" s="1" t="s">
        <v>35518</v>
      </c>
      <c r="C9321" s="1" t="s">
        <v>75</v>
      </c>
      <c r="D9321" s="1" t="s">
        <v>35821</v>
      </c>
      <c r="E9321" s="1" t="s">
        <v>35822</v>
      </c>
      <c r="F9321" s="1" t="s">
        <v>35823</v>
      </c>
      <c r="G9321" s="1" t="s">
        <v>35775</v>
      </c>
      <c r="H9321" s="1" t="s">
        <v>35776</v>
      </c>
      <c r="I9321" s="1" t="s">
        <v>35524</v>
      </c>
      <c r="J9321" s="1" t="s">
        <v>35824</v>
      </c>
    </row>
    <row r="9322" spans="1:10" x14ac:dyDescent="0.35">
      <c r="A9322" s="1" t="s">
        <v>35772</v>
      </c>
      <c r="B9322" s="1" t="s">
        <v>35518</v>
      </c>
      <c r="C9322" s="1" t="s">
        <v>80</v>
      </c>
      <c r="D9322" s="1" t="s">
        <v>35825</v>
      </c>
      <c r="E9322" s="1" t="s">
        <v>35826</v>
      </c>
      <c r="F9322" s="1" t="s">
        <v>35827</v>
      </c>
      <c r="G9322" s="1" t="s">
        <v>35775</v>
      </c>
      <c r="H9322" s="1" t="s">
        <v>35776</v>
      </c>
      <c r="I9322" s="1" t="s">
        <v>35524</v>
      </c>
      <c r="J9322" s="1" t="s">
        <v>35828</v>
      </c>
    </row>
    <row r="9323" spans="1:10" x14ac:dyDescent="0.35">
      <c r="A9323" s="1" t="s">
        <v>35772</v>
      </c>
      <c r="B9323" s="1" t="s">
        <v>35518</v>
      </c>
      <c r="C9323" s="1" t="s">
        <v>85</v>
      </c>
      <c r="D9323" s="1" t="s">
        <v>35829</v>
      </c>
      <c r="E9323" s="1" t="s">
        <v>35830</v>
      </c>
      <c r="F9323" s="1" t="s">
        <v>35831</v>
      </c>
      <c r="G9323" s="1" t="s">
        <v>35775</v>
      </c>
      <c r="H9323" s="1" t="s">
        <v>35776</v>
      </c>
      <c r="I9323" s="1" t="s">
        <v>35524</v>
      </c>
      <c r="J9323" s="1" t="s">
        <v>35832</v>
      </c>
    </row>
    <row r="9324" spans="1:10" x14ac:dyDescent="0.35">
      <c r="A9324" s="1" t="s">
        <v>35772</v>
      </c>
      <c r="B9324" s="1" t="s">
        <v>35518</v>
      </c>
      <c r="C9324" s="1" t="s">
        <v>90</v>
      </c>
      <c r="D9324" s="1" t="s">
        <v>14271</v>
      </c>
      <c r="E9324" s="1" t="s">
        <v>35833</v>
      </c>
      <c r="F9324" s="1" t="s">
        <v>35834</v>
      </c>
      <c r="G9324" s="1" t="s">
        <v>35775</v>
      </c>
      <c r="H9324" s="1" t="s">
        <v>35776</v>
      </c>
      <c r="I9324" s="1" t="s">
        <v>35524</v>
      </c>
      <c r="J9324" s="1" t="s">
        <v>35835</v>
      </c>
    </row>
    <row r="9325" spans="1:10" x14ac:dyDescent="0.35">
      <c r="A9325" s="1" t="s">
        <v>35772</v>
      </c>
      <c r="B9325" s="1" t="s">
        <v>35518</v>
      </c>
      <c r="C9325" s="1" t="s">
        <v>95</v>
      </c>
      <c r="D9325" s="1" t="s">
        <v>35836</v>
      </c>
      <c r="E9325" s="1" t="s">
        <v>35837</v>
      </c>
      <c r="F9325" s="1" t="s">
        <v>35838</v>
      </c>
      <c r="G9325" s="1" t="s">
        <v>35775</v>
      </c>
      <c r="H9325" s="1" t="s">
        <v>35776</v>
      </c>
      <c r="I9325" s="1" t="s">
        <v>35524</v>
      </c>
      <c r="J9325" s="1" t="s">
        <v>35839</v>
      </c>
    </row>
    <row r="9326" spans="1:10" x14ac:dyDescent="0.35">
      <c r="A9326" s="1" t="s">
        <v>35772</v>
      </c>
      <c r="B9326" s="1" t="s">
        <v>35518</v>
      </c>
      <c r="C9326" s="1" t="s">
        <v>100</v>
      </c>
      <c r="D9326" s="1" t="s">
        <v>5469</v>
      </c>
      <c r="E9326" s="1" t="s">
        <v>35840</v>
      </c>
      <c r="F9326" s="1" t="s">
        <v>35841</v>
      </c>
      <c r="G9326" s="1" t="s">
        <v>35775</v>
      </c>
      <c r="H9326" s="1" t="s">
        <v>35776</v>
      </c>
      <c r="I9326" s="1" t="s">
        <v>35524</v>
      </c>
      <c r="J9326" s="1" t="s">
        <v>35842</v>
      </c>
    </row>
    <row r="9327" spans="1:10" x14ac:dyDescent="0.35">
      <c r="A9327" s="1" t="s">
        <v>35772</v>
      </c>
      <c r="B9327" s="1" t="s">
        <v>35518</v>
      </c>
      <c r="C9327" s="1" t="s">
        <v>105</v>
      </c>
      <c r="D9327" s="1" t="s">
        <v>30633</v>
      </c>
      <c r="E9327" s="1" t="s">
        <v>35843</v>
      </c>
      <c r="F9327" s="1" t="s">
        <v>35844</v>
      </c>
      <c r="G9327" s="1" t="s">
        <v>35775</v>
      </c>
      <c r="H9327" s="1" t="s">
        <v>35776</v>
      </c>
      <c r="I9327" s="1" t="s">
        <v>35524</v>
      </c>
      <c r="J9327" s="1" t="s">
        <v>35845</v>
      </c>
    </row>
    <row r="9328" spans="1:10" x14ac:dyDescent="0.35">
      <c r="A9328" s="1" t="s">
        <v>35772</v>
      </c>
      <c r="B9328" s="1" t="s">
        <v>35518</v>
      </c>
      <c r="C9328" s="1" t="s">
        <v>110</v>
      </c>
      <c r="D9328" s="1" t="s">
        <v>35846</v>
      </c>
      <c r="E9328" s="1" t="s">
        <v>35847</v>
      </c>
      <c r="F9328" s="1" t="s">
        <v>35848</v>
      </c>
      <c r="G9328" s="1" t="s">
        <v>35775</v>
      </c>
      <c r="H9328" s="1" t="s">
        <v>35776</v>
      </c>
      <c r="I9328" s="1" t="s">
        <v>35524</v>
      </c>
      <c r="J9328" s="1" t="s">
        <v>35849</v>
      </c>
    </row>
    <row r="9329" spans="1:10" x14ac:dyDescent="0.35">
      <c r="A9329" s="1" t="s">
        <v>35772</v>
      </c>
      <c r="B9329" s="1" t="s">
        <v>35518</v>
      </c>
      <c r="C9329" s="1" t="s">
        <v>115</v>
      </c>
      <c r="D9329" s="1" t="s">
        <v>35850</v>
      </c>
      <c r="E9329" s="1" t="s">
        <v>35851</v>
      </c>
      <c r="F9329" s="1" t="s">
        <v>35852</v>
      </c>
      <c r="G9329" s="1" t="s">
        <v>35775</v>
      </c>
      <c r="H9329" s="1" t="s">
        <v>35776</v>
      </c>
      <c r="I9329" s="1" t="s">
        <v>35524</v>
      </c>
      <c r="J9329" s="1" t="s">
        <v>35853</v>
      </c>
    </row>
    <row r="9330" spans="1:10" x14ac:dyDescent="0.35">
      <c r="A9330" s="1" t="s">
        <v>35772</v>
      </c>
      <c r="B9330" s="1" t="s">
        <v>35518</v>
      </c>
      <c r="C9330" s="1" t="s">
        <v>120</v>
      </c>
      <c r="D9330" s="1" t="s">
        <v>5357</v>
      </c>
      <c r="E9330" s="1" t="s">
        <v>35854</v>
      </c>
      <c r="F9330" s="1" t="s">
        <v>35855</v>
      </c>
      <c r="G9330" s="1" t="s">
        <v>35775</v>
      </c>
      <c r="H9330" s="1" t="s">
        <v>35776</v>
      </c>
      <c r="I9330" s="1" t="s">
        <v>35524</v>
      </c>
      <c r="J9330" s="1" t="s">
        <v>35856</v>
      </c>
    </row>
    <row r="9331" spans="1:10" x14ac:dyDescent="0.35">
      <c r="A9331" s="1" t="s">
        <v>35772</v>
      </c>
      <c r="B9331" s="1" t="s">
        <v>35518</v>
      </c>
      <c r="C9331" s="1" t="s">
        <v>125</v>
      </c>
      <c r="D9331" s="1" t="s">
        <v>35857</v>
      </c>
      <c r="E9331" s="1" t="s">
        <v>35858</v>
      </c>
      <c r="F9331" s="1" t="s">
        <v>35859</v>
      </c>
      <c r="G9331" s="1" t="s">
        <v>35775</v>
      </c>
      <c r="H9331" s="1" t="s">
        <v>35776</v>
      </c>
      <c r="I9331" s="1" t="s">
        <v>35524</v>
      </c>
      <c r="J9331" s="1" t="s">
        <v>35860</v>
      </c>
    </row>
    <row r="9332" spans="1:10" x14ac:dyDescent="0.35">
      <c r="A9332" s="1" t="s">
        <v>35772</v>
      </c>
      <c r="B9332" s="1" t="s">
        <v>35518</v>
      </c>
      <c r="C9332" s="1" t="s">
        <v>130</v>
      </c>
      <c r="D9332" s="1" t="s">
        <v>35861</v>
      </c>
      <c r="E9332" s="1" t="s">
        <v>35862</v>
      </c>
      <c r="F9332" s="1" t="s">
        <v>35863</v>
      </c>
      <c r="G9332" s="1" t="s">
        <v>35775</v>
      </c>
      <c r="H9332" s="1" t="s">
        <v>35776</v>
      </c>
      <c r="I9332" s="1" t="s">
        <v>35524</v>
      </c>
      <c r="J9332" s="1" t="s">
        <v>35864</v>
      </c>
    </row>
    <row r="9333" spans="1:10" x14ac:dyDescent="0.35">
      <c r="A9333" s="1" t="s">
        <v>35772</v>
      </c>
      <c r="B9333" s="1" t="s">
        <v>35518</v>
      </c>
      <c r="C9333" s="1" t="s">
        <v>135</v>
      </c>
      <c r="D9333" s="1" t="s">
        <v>35865</v>
      </c>
      <c r="E9333" s="1" t="s">
        <v>35866</v>
      </c>
      <c r="F9333" s="1" t="s">
        <v>35867</v>
      </c>
      <c r="G9333" s="1" t="s">
        <v>35775</v>
      </c>
      <c r="H9333" s="1" t="s">
        <v>35776</v>
      </c>
      <c r="I9333" s="1" t="s">
        <v>35524</v>
      </c>
      <c r="J9333" s="1" t="s">
        <v>35868</v>
      </c>
    </row>
    <row r="9334" spans="1:10" x14ac:dyDescent="0.35">
      <c r="A9334" s="1" t="s">
        <v>35772</v>
      </c>
      <c r="B9334" s="1" t="s">
        <v>35518</v>
      </c>
      <c r="C9334" s="1" t="s">
        <v>140</v>
      </c>
      <c r="D9334" s="1" t="s">
        <v>35869</v>
      </c>
      <c r="E9334" s="1" t="s">
        <v>35870</v>
      </c>
      <c r="F9334" s="1" t="s">
        <v>35871</v>
      </c>
      <c r="G9334" s="1" t="s">
        <v>35775</v>
      </c>
      <c r="H9334" s="1" t="s">
        <v>35776</v>
      </c>
      <c r="I9334" s="1" t="s">
        <v>35524</v>
      </c>
      <c r="J9334" s="1" t="s">
        <v>35872</v>
      </c>
    </row>
    <row r="9335" spans="1:10" x14ac:dyDescent="0.35">
      <c r="A9335" s="1" t="s">
        <v>35772</v>
      </c>
      <c r="B9335" s="1" t="s">
        <v>35518</v>
      </c>
      <c r="C9335" s="1" t="s">
        <v>145</v>
      </c>
      <c r="D9335" s="1" t="s">
        <v>17883</v>
      </c>
      <c r="E9335" s="1" t="s">
        <v>35873</v>
      </c>
      <c r="F9335" s="1" t="s">
        <v>35874</v>
      </c>
      <c r="G9335" s="1" t="s">
        <v>35775</v>
      </c>
      <c r="H9335" s="1" t="s">
        <v>35776</v>
      </c>
      <c r="I9335" s="1" t="s">
        <v>35524</v>
      </c>
      <c r="J9335" s="1" t="s">
        <v>35875</v>
      </c>
    </row>
    <row r="9336" spans="1:10" x14ac:dyDescent="0.35">
      <c r="A9336" s="1" t="s">
        <v>35772</v>
      </c>
      <c r="B9336" s="1" t="s">
        <v>35518</v>
      </c>
      <c r="C9336" s="1" t="s">
        <v>150</v>
      </c>
      <c r="D9336" s="1" t="s">
        <v>35876</v>
      </c>
      <c r="E9336" s="1" t="s">
        <v>35877</v>
      </c>
      <c r="F9336" s="1" t="s">
        <v>35878</v>
      </c>
      <c r="G9336" s="1" t="s">
        <v>35775</v>
      </c>
      <c r="H9336" s="1" t="s">
        <v>35776</v>
      </c>
      <c r="I9336" s="1" t="s">
        <v>35524</v>
      </c>
      <c r="J9336" s="1" t="s">
        <v>35879</v>
      </c>
    </row>
    <row r="9337" spans="1:10" x14ac:dyDescent="0.35">
      <c r="A9337" s="1" t="s">
        <v>35772</v>
      </c>
      <c r="B9337" s="1" t="s">
        <v>35518</v>
      </c>
      <c r="C9337" s="1" t="s">
        <v>155</v>
      </c>
      <c r="D9337" s="1" t="s">
        <v>35880</v>
      </c>
      <c r="E9337" s="1" t="s">
        <v>35881</v>
      </c>
      <c r="F9337" s="1" t="s">
        <v>35882</v>
      </c>
      <c r="G9337" s="1" t="s">
        <v>35775</v>
      </c>
      <c r="H9337" s="1" t="s">
        <v>35776</v>
      </c>
      <c r="I9337" s="1" t="s">
        <v>35524</v>
      </c>
      <c r="J9337" s="1" t="s">
        <v>35883</v>
      </c>
    </row>
    <row r="9338" spans="1:10" x14ac:dyDescent="0.35">
      <c r="A9338" s="1" t="s">
        <v>35772</v>
      </c>
      <c r="B9338" s="1" t="s">
        <v>35518</v>
      </c>
      <c r="C9338" s="1" t="s">
        <v>160</v>
      </c>
      <c r="D9338" s="1" t="s">
        <v>10764</v>
      </c>
      <c r="E9338" s="1" t="s">
        <v>35884</v>
      </c>
      <c r="F9338" s="1" t="s">
        <v>35885</v>
      </c>
      <c r="G9338" s="1" t="s">
        <v>35775</v>
      </c>
      <c r="H9338" s="1" t="s">
        <v>35776</v>
      </c>
      <c r="I9338" s="1" t="s">
        <v>35524</v>
      </c>
      <c r="J9338" s="1" t="s">
        <v>35886</v>
      </c>
    </row>
    <row r="9339" spans="1:10" x14ac:dyDescent="0.35">
      <c r="A9339" s="1" t="s">
        <v>35772</v>
      </c>
      <c r="B9339" s="1" t="s">
        <v>35518</v>
      </c>
      <c r="C9339" s="1" t="s">
        <v>165</v>
      </c>
      <c r="D9339" s="1" t="s">
        <v>35887</v>
      </c>
      <c r="E9339" s="1" t="s">
        <v>35888</v>
      </c>
      <c r="F9339" s="1" t="s">
        <v>35889</v>
      </c>
      <c r="G9339" s="1" t="s">
        <v>35775</v>
      </c>
      <c r="H9339" s="1" t="s">
        <v>35776</v>
      </c>
      <c r="I9339" s="1" t="s">
        <v>35524</v>
      </c>
      <c r="J9339" s="1" t="s">
        <v>35890</v>
      </c>
    </row>
    <row r="9340" spans="1:10" x14ac:dyDescent="0.35">
      <c r="A9340" s="1" t="s">
        <v>35772</v>
      </c>
      <c r="B9340" s="1" t="s">
        <v>35518</v>
      </c>
      <c r="C9340" s="1" t="s">
        <v>170</v>
      </c>
      <c r="D9340" s="1" t="s">
        <v>35891</v>
      </c>
      <c r="E9340" s="1" t="s">
        <v>35892</v>
      </c>
      <c r="F9340" s="1" t="s">
        <v>35893</v>
      </c>
      <c r="G9340" s="1" t="s">
        <v>35775</v>
      </c>
      <c r="H9340" s="1" t="s">
        <v>35776</v>
      </c>
      <c r="I9340" s="1" t="s">
        <v>35524</v>
      </c>
      <c r="J9340" s="1" t="s">
        <v>35894</v>
      </c>
    </row>
    <row r="9341" spans="1:10" x14ac:dyDescent="0.35">
      <c r="A9341" s="1" t="s">
        <v>35895</v>
      </c>
      <c r="B9341" s="1" t="s">
        <v>35518</v>
      </c>
      <c r="C9341" s="1" t="s">
        <v>8</v>
      </c>
      <c r="D9341" s="1" t="s">
        <v>24820</v>
      </c>
      <c r="E9341" s="1" t="s">
        <v>35896</v>
      </c>
      <c r="F9341" s="1" t="s">
        <v>35897</v>
      </c>
      <c r="G9341" s="1" t="s">
        <v>35898</v>
      </c>
      <c r="H9341" s="1" t="s">
        <v>35899</v>
      </c>
      <c r="I9341" s="1" t="s">
        <v>35524</v>
      </c>
      <c r="J9341" s="1" t="s">
        <v>13</v>
      </c>
    </row>
    <row r="9342" spans="1:10" x14ac:dyDescent="0.35">
      <c r="A9342" s="1" t="s">
        <v>35895</v>
      </c>
      <c r="B9342" s="1" t="s">
        <v>35518</v>
      </c>
      <c r="C9342" s="1" t="s">
        <v>15</v>
      </c>
      <c r="D9342" s="1" t="s">
        <v>35900</v>
      </c>
      <c r="E9342" s="1" t="s">
        <v>35901</v>
      </c>
      <c r="F9342" s="1" t="s">
        <v>35902</v>
      </c>
      <c r="G9342" s="1" t="s">
        <v>35898</v>
      </c>
      <c r="H9342" s="1" t="s">
        <v>35899</v>
      </c>
      <c r="I9342" s="1" t="s">
        <v>35524</v>
      </c>
      <c r="J9342" s="1" t="s">
        <v>35903</v>
      </c>
    </row>
    <row r="9343" spans="1:10" x14ac:dyDescent="0.35">
      <c r="A9343" s="1" t="s">
        <v>35895</v>
      </c>
      <c r="B9343" s="1" t="s">
        <v>35518</v>
      </c>
      <c r="C9343" s="1" t="s">
        <v>20</v>
      </c>
      <c r="D9343" s="1" t="s">
        <v>35904</v>
      </c>
      <c r="E9343" s="1" t="s">
        <v>35905</v>
      </c>
      <c r="F9343" s="1" t="s">
        <v>35906</v>
      </c>
      <c r="G9343" s="1" t="s">
        <v>35898</v>
      </c>
      <c r="H9343" s="1" t="s">
        <v>35899</v>
      </c>
      <c r="I9343" s="1" t="s">
        <v>35524</v>
      </c>
      <c r="J9343" s="1" t="s">
        <v>35907</v>
      </c>
    </row>
    <row r="9344" spans="1:10" x14ac:dyDescent="0.35">
      <c r="A9344" s="1" t="s">
        <v>35895</v>
      </c>
      <c r="B9344" s="1" t="s">
        <v>35518</v>
      </c>
      <c r="C9344" s="1" t="s">
        <v>25</v>
      </c>
      <c r="D9344" s="1" t="s">
        <v>35908</v>
      </c>
      <c r="E9344" s="1" t="s">
        <v>35909</v>
      </c>
      <c r="F9344" s="1" t="s">
        <v>35910</v>
      </c>
      <c r="G9344" s="1" t="s">
        <v>35898</v>
      </c>
      <c r="H9344" s="1" t="s">
        <v>35899</v>
      </c>
      <c r="I9344" s="1" t="s">
        <v>35524</v>
      </c>
      <c r="J9344" s="1" t="s">
        <v>35911</v>
      </c>
    </row>
    <row r="9345" spans="1:10" x14ac:dyDescent="0.35">
      <c r="A9345" s="1" t="s">
        <v>35895</v>
      </c>
      <c r="B9345" s="1" t="s">
        <v>35518</v>
      </c>
      <c r="C9345" s="1" t="s">
        <v>30</v>
      </c>
      <c r="D9345" s="1" t="s">
        <v>35912</v>
      </c>
      <c r="E9345" s="1" t="s">
        <v>35913</v>
      </c>
      <c r="F9345" s="1" t="s">
        <v>35914</v>
      </c>
      <c r="G9345" s="1" t="s">
        <v>35898</v>
      </c>
      <c r="H9345" s="1" t="s">
        <v>35899</v>
      </c>
      <c r="I9345" s="1" t="s">
        <v>35524</v>
      </c>
      <c r="J9345" s="1" t="s">
        <v>35915</v>
      </c>
    </row>
    <row r="9346" spans="1:10" x14ac:dyDescent="0.35">
      <c r="A9346" s="1" t="s">
        <v>35895</v>
      </c>
      <c r="B9346" s="1" t="s">
        <v>35518</v>
      </c>
      <c r="C9346" s="1" t="s">
        <v>35</v>
      </c>
      <c r="D9346" s="1" t="s">
        <v>15519</v>
      </c>
      <c r="E9346" s="1" t="s">
        <v>35916</v>
      </c>
      <c r="F9346" s="1" t="s">
        <v>35917</v>
      </c>
      <c r="G9346" s="1" t="s">
        <v>35898</v>
      </c>
      <c r="H9346" s="1" t="s">
        <v>35899</v>
      </c>
      <c r="I9346" s="1" t="s">
        <v>35524</v>
      </c>
      <c r="J9346" s="1" t="s">
        <v>35918</v>
      </c>
    </row>
    <row r="9347" spans="1:10" x14ac:dyDescent="0.35">
      <c r="A9347" s="1" t="s">
        <v>35895</v>
      </c>
      <c r="B9347" s="1" t="s">
        <v>35518</v>
      </c>
      <c r="C9347" s="1" t="s">
        <v>40</v>
      </c>
      <c r="D9347" s="1" t="s">
        <v>4618</v>
      </c>
      <c r="E9347" s="1" t="s">
        <v>35919</v>
      </c>
      <c r="F9347" s="1" t="s">
        <v>35920</v>
      </c>
      <c r="G9347" s="1" t="s">
        <v>35898</v>
      </c>
      <c r="H9347" s="1" t="s">
        <v>35899</v>
      </c>
      <c r="I9347" s="1" t="s">
        <v>35524</v>
      </c>
      <c r="J9347" s="1" t="s">
        <v>35921</v>
      </c>
    </row>
    <row r="9348" spans="1:10" x14ac:dyDescent="0.35">
      <c r="A9348" s="1" t="s">
        <v>35895</v>
      </c>
      <c r="B9348" s="1" t="s">
        <v>35518</v>
      </c>
      <c r="C9348" s="1" t="s">
        <v>45</v>
      </c>
      <c r="D9348" s="1" t="s">
        <v>35922</v>
      </c>
      <c r="E9348" s="1" t="s">
        <v>35923</v>
      </c>
      <c r="F9348" s="1" t="s">
        <v>35924</v>
      </c>
      <c r="G9348" s="1" t="s">
        <v>35898</v>
      </c>
      <c r="H9348" s="1" t="s">
        <v>35899</v>
      </c>
      <c r="I9348" s="1" t="s">
        <v>35524</v>
      </c>
      <c r="J9348" s="1" t="s">
        <v>35925</v>
      </c>
    </row>
    <row r="9349" spans="1:10" x14ac:dyDescent="0.35">
      <c r="A9349" s="1" t="s">
        <v>35895</v>
      </c>
      <c r="B9349" s="1" t="s">
        <v>35518</v>
      </c>
      <c r="C9349" s="1" t="s">
        <v>50</v>
      </c>
      <c r="D9349" s="1" t="s">
        <v>35926</v>
      </c>
      <c r="E9349" s="1" t="s">
        <v>35927</v>
      </c>
      <c r="F9349" s="1" t="s">
        <v>35928</v>
      </c>
      <c r="G9349" s="1" t="s">
        <v>35898</v>
      </c>
      <c r="H9349" s="1" t="s">
        <v>35899</v>
      </c>
      <c r="I9349" s="1" t="s">
        <v>35524</v>
      </c>
      <c r="J9349" s="1" t="s">
        <v>35929</v>
      </c>
    </row>
    <row r="9350" spans="1:10" x14ac:dyDescent="0.35">
      <c r="A9350" s="1" t="s">
        <v>35895</v>
      </c>
      <c r="B9350" s="1" t="s">
        <v>35518</v>
      </c>
      <c r="C9350" s="1" t="s">
        <v>55</v>
      </c>
      <c r="D9350" s="1" t="s">
        <v>35930</v>
      </c>
      <c r="E9350" s="1" t="s">
        <v>35931</v>
      </c>
      <c r="F9350" s="1" t="s">
        <v>35932</v>
      </c>
      <c r="G9350" s="1" t="s">
        <v>35898</v>
      </c>
      <c r="H9350" s="1" t="s">
        <v>35899</v>
      </c>
      <c r="I9350" s="1" t="s">
        <v>35524</v>
      </c>
      <c r="J9350" s="1" t="s">
        <v>35933</v>
      </c>
    </row>
    <row r="9351" spans="1:10" x14ac:dyDescent="0.35">
      <c r="A9351" s="1" t="s">
        <v>35895</v>
      </c>
      <c r="B9351" s="1" t="s">
        <v>35518</v>
      </c>
      <c r="C9351" s="1" t="s">
        <v>60</v>
      </c>
      <c r="D9351" s="1" t="s">
        <v>35934</v>
      </c>
      <c r="E9351" s="1" t="s">
        <v>35935</v>
      </c>
      <c r="F9351" s="1" t="s">
        <v>35936</v>
      </c>
      <c r="G9351" s="1" t="s">
        <v>35898</v>
      </c>
      <c r="H9351" s="1" t="s">
        <v>35899</v>
      </c>
      <c r="I9351" s="1" t="s">
        <v>35524</v>
      </c>
      <c r="J9351" s="1" t="s">
        <v>35937</v>
      </c>
    </row>
    <row r="9352" spans="1:10" x14ac:dyDescent="0.35">
      <c r="A9352" s="1" t="s">
        <v>35895</v>
      </c>
      <c r="B9352" s="1" t="s">
        <v>35518</v>
      </c>
      <c r="C9352" s="1" t="s">
        <v>65</v>
      </c>
      <c r="D9352" s="1" t="s">
        <v>35938</v>
      </c>
      <c r="E9352" s="1" t="s">
        <v>35939</v>
      </c>
      <c r="F9352" s="1" t="s">
        <v>35940</v>
      </c>
      <c r="G9352" s="1" t="s">
        <v>35898</v>
      </c>
      <c r="H9352" s="1" t="s">
        <v>35899</v>
      </c>
      <c r="I9352" s="1" t="s">
        <v>35524</v>
      </c>
      <c r="J9352" s="1" t="s">
        <v>35941</v>
      </c>
    </row>
    <row r="9353" spans="1:10" x14ac:dyDescent="0.35">
      <c r="A9353" s="1" t="s">
        <v>35895</v>
      </c>
      <c r="B9353" s="1" t="s">
        <v>35518</v>
      </c>
      <c r="C9353" s="1" t="s">
        <v>70</v>
      </c>
      <c r="D9353" s="1" t="s">
        <v>35942</v>
      </c>
      <c r="E9353" s="1" t="s">
        <v>35943</v>
      </c>
      <c r="F9353" s="1" t="s">
        <v>35944</v>
      </c>
      <c r="G9353" s="1" t="s">
        <v>35898</v>
      </c>
      <c r="H9353" s="1" t="s">
        <v>35899</v>
      </c>
      <c r="I9353" s="1" t="s">
        <v>35524</v>
      </c>
      <c r="J9353" s="1" t="s">
        <v>35945</v>
      </c>
    </row>
    <row r="9354" spans="1:10" x14ac:dyDescent="0.35">
      <c r="A9354" s="1" t="s">
        <v>35895</v>
      </c>
      <c r="B9354" s="1" t="s">
        <v>35518</v>
      </c>
      <c r="C9354" s="1" t="s">
        <v>75</v>
      </c>
      <c r="D9354" s="1" t="s">
        <v>35946</v>
      </c>
      <c r="E9354" s="1" t="s">
        <v>35947</v>
      </c>
      <c r="F9354" s="1" t="s">
        <v>35948</v>
      </c>
      <c r="G9354" s="1" t="s">
        <v>35898</v>
      </c>
      <c r="H9354" s="1" t="s">
        <v>35899</v>
      </c>
      <c r="I9354" s="1" t="s">
        <v>35524</v>
      </c>
      <c r="J9354" s="1" t="s">
        <v>35949</v>
      </c>
    </row>
    <row r="9355" spans="1:10" x14ac:dyDescent="0.35">
      <c r="A9355" s="1" t="s">
        <v>35895</v>
      </c>
      <c r="B9355" s="1" t="s">
        <v>35518</v>
      </c>
      <c r="C9355" s="1" t="s">
        <v>80</v>
      </c>
      <c r="D9355" s="1" t="s">
        <v>6755</v>
      </c>
      <c r="E9355" s="1" t="s">
        <v>35950</v>
      </c>
      <c r="F9355" s="1" t="s">
        <v>35951</v>
      </c>
      <c r="G9355" s="1" t="s">
        <v>35898</v>
      </c>
      <c r="H9355" s="1" t="s">
        <v>35899</v>
      </c>
      <c r="I9355" s="1" t="s">
        <v>35524</v>
      </c>
      <c r="J9355" s="1" t="s">
        <v>35952</v>
      </c>
    </row>
    <row r="9356" spans="1:10" x14ac:dyDescent="0.35">
      <c r="A9356" s="1" t="s">
        <v>35895</v>
      </c>
      <c r="B9356" s="1" t="s">
        <v>35518</v>
      </c>
      <c r="C9356" s="1" t="s">
        <v>85</v>
      </c>
      <c r="D9356" s="1" t="s">
        <v>18164</v>
      </c>
      <c r="E9356" s="1" t="s">
        <v>35953</v>
      </c>
      <c r="F9356" s="1" t="s">
        <v>35954</v>
      </c>
      <c r="G9356" s="1" t="s">
        <v>35898</v>
      </c>
      <c r="H9356" s="1" t="s">
        <v>35899</v>
      </c>
      <c r="I9356" s="1" t="s">
        <v>35524</v>
      </c>
      <c r="J9356" s="1" t="s">
        <v>35955</v>
      </c>
    </row>
    <row r="9357" spans="1:10" x14ac:dyDescent="0.35">
      <c r="A9357" s="1" t="s">
        <v>35895</v>
      </c>
      <c r="B9357" s="1" t="s">
        <v>35518</v>
      </c>
      <c r="C9357" s="1" t="s">
        <v>90</v>
      </c>
      <c r="D9357" s="1" t="s">
        <v>35956</v>
      </c>
      <c r="E9357" s="1" t="s">
        <v>35957</v>
      </c>
      <c r="F9357" s="1" t="s">
        <v>35958</v>
      </c>
      <c r="G9357" s="1" t="s">
        <v>35898</v>
      </c>
      <c r="H9357" s="1" t="s">
        <v>35899</v>
      </c>
      <c r="I9357" s="1" t="s">
        <v>35524</v>
      </c>
      <c r="J9357" s="1" t="s">
        <v>35959</v>
      </c>
    </row>
    <row r="9358" spans="1:10" x14ac:dyDescent="0.35">
      <c r="A9358" s="1" t="s">
        <v>35895</v>
      </c>
      <c r="B9358" s="1" t="s">
        <v>35518</v>
      </c>
      <c r="C9358" s="1" t="s">
        <v>95</v>
      </c>
      <c r="D9358" s="1" t="s">
        <v>35960</v>
      </c>
      <c r="E9358" s="1" t="s">
        <v>35961</v>
      </c>
      <c r="F9358" s="1" t="s">
        <v>35962</v>
      </c>
      <c r="G9358" s="1" t="s">
        <v>35898</v>
      </c>
      <c r="H9358" s="1" t="s">
        <v>35899</v>
      </c>
      <c r="I9358" s="1" t="s">
        <v>35524</v>
      </c>
      <c r="J9358" s="1" t="s">
        <v>35963</v>
      </c>
    </row>
    <row r="9359" spans="1:10" x14ac:dyDescent="0.35">
      <c r="A9359" s="1" t="s">
        <v>35895</v>
      </c>
      <c r="B9359" s="1" t="s">
        <v>35518</v>
      </c>
      <c r="C9359" s="1" t="s">
        <v>100</v>
      </c>
      <c r="D9359" s="1" t="s">
        <v>32445</v>
      </c>
      <c r="E9359" s="1" t="s">
        <v>35964</v>
      </c>
      <c r="F9359" s="1" t="s">
        <v>35965</v>
      </c>
      <c r="G9359" s="1" t="s">
        <v>35898</v>
      </c>
      <c r="H9359" s="1" t="s">
        <v>35899</v>
      </c>
      <c r="I9359" s="1" t="s">
        <v>35524</v>
      </c>
      <c r="J9359" s="1" t="s">
        <v>35966</v>
      </c>
    </row>
    <row r="9360" spans="1:10" x14ac:dyDescent="0.35">
      <c r="A9360" s="1" t="s">
        <v>35895</v>
      </c>
      <c r="B9360" s="1" t="s">
        <v>35518</v>
      </c>
      <c r="C9360" s="1" t="s">
        <v>105</v>
      </c>
      <c r="D9360" s="1" t="s">
        <v>35967</v>
      </c>
      <c r="E9360" s="1" t="s">
        <v>35968</v>
      </c>
      <c r="F9360" s="1" t="s">
        <v>35969</v>
      </c>
      <c r="G9360" s="1" t="s">
        <v>35898</v>
      </c>
      <c r="H9360" s="1" t="s">
        <v>35899</v>
      </c>
      <c r="I9360" s="1" t="s">
        <v>35524</v>
      </c>
      <c r="J9360" s="1" t="s">
        <v>35970</v>
      </c>
    </row>
    <row r="9361" spans="1:10" x14ac:dyDescent="0.35">
      <c r="A9361" s="1" t="s">
        <v>35895</v>
      </c>
      <c r="B9361" s="1" t="s">
        <v>35518</v>
      </c>
      <c r="C9361" s="1" t="s">
        <v>110</v>
      </c>
      <c r="D9361" s="1" t="s">
        <v>35971</v>
      </c>
      <c r="E9361" s="1" t="s">
        <v>35972</v>
      </c>
      <c r="F9361" s="1" t="s">
        <v>35973</v>
      </c>
      <c r="G9361" s="1" t="s">
        <v>35898</v>
      </c>
      <c r="H9361" s="1" t="s">
        <v>35899</v>
      </c>
      <c r="I9361" s="1" t="s">
        <v>35524</v>
      </c>
      <c r="J9361" s="1" t="s">
        <v>35974</v>
      </c>
    </row>
    <row r="9362" spans="1:10" x14ac:dyDescent="0.35">
      <c r="A9362" s="1" t="s">
        <v>35895</v>
      </c>
      <c r="B9362" s="1" t="s">
        <v>35518</v>
      </c>
      <c r="C9362" s="1" t="s">
        <v>115</v>
      </c>
      <c r="D9362" s="1" t="s">
        <v>33021</v>
      </c>
      <c r="E9362" s="1" t="s">
        <v>35975</v>
      </c>
      <c r="F9362" s="1" t="s">
        <v>35976</v>
      </c>
      <c r="G9362" s="1" t="s">
        <v>35898</v>
      </c>
      <c r="H9362" s="1" t="s">
        <v>35899</v>
      </c>
      <c r="I9362" s="1" t="s">
        <v>35524</v>
      </c>
      <c r="J9362" s="1" t="s">
        <v>35977</v>
      </c>
    </row>
    <row r="9363" spans="1:10" x14ac:dyDescent="0.35">
      <c r="A9363" s="1" t="s">
        <v>35895</v>
      </c>
      <c r="B9363" s="1" t="s">
        <v>35518</v>
      </c>
      <c r="C9363" s="1" t="s">
        <v>120</v>
      </c>
      <c r="D9363" s="1" t="s">
        <v>35978</v>
      </c>
      <c r="E9363" s="1" t="s">
        <v>35979</v>
      </c>
      <c r="F9363" s="1" t="s">
        <v>35980</v>
      </c>
      <c r="G9363" s="1" t="s">
        <v>35898</v>
      </c>
      <c r="H9363" s="1" t="s">
        <v>35899</v>
      </c>
      <c r="I9363" s="1" t="s">
        <v>35524</v>
      </c>
      <c r="J9363" s="1" t="s">
        <v>35981</v>
      </c>
    </row>
    <row r="9364" spans="1:10" x14ac:dyDescent="0.35">
      <c r="A9364" s="1" t="s">
        <v>35895</v>
      </c>
      <c r="B9364" s="1" t="s">
        <v>35518</v>
      </c>
      <c r="C9364" s="1" t="s">
        <v>125</v>
      </c>
      <c r="D9364" s="1" t="s">
        <v>35982</v>
      </c>
      <c r="E9364" s="1" t="s">
        <v>35983</v>
      </c>
      <c r="F9364" s="1" t="s">
        <v>35984</v>
      </c>
      <c r="G9364" s="1" t="s">
        <v>35898</v>
      </c>
      <c r="H9364" s="1" t="s">
        <v>35899</v>
      </c>
      <c r="I9364" s="1" t="s">
        <v>35524</v>
      </c>
      <c r="J9364" s="1" t="s">
        <v>35985</v>
      </c>
    </row>
    <row r="9365" spans="1:10" x14ac:dyDescent="0.35">
      <c r="A9365" s="1" t="s">
        <v>35895</v>
      </c>
      <c r="B9365" s="1" t="s">
        <v>35518</v>
      </c>
      <c r="C9365" s="1" t="s">
        <v>130</v>
      </c>
      <c r="D9365" s="1" t="s">
        <v>35986</v>
      </c>
      <c r="E9365" s="1" t="s">
        <v>35987</v>
      </c>
      <c r="F9365" s="1" t="s">
        <v>35988</v>
      </c>
      <c r="G9365" s="1" t="s">
        <v>35898</v>
      </c>
      <c r="H9365" s="1" t="s">
        <v>35899</v>
      </c>
      <c r="I9365" s="1" t="s">
        <v>35524</v>
      </c>
      <c r="J9365" s="1" t="s">
        <v>35989</v>
      </c>
    </row>
    <row r="9366" spans="1:10" x14ac:dyDescent="0.35">
      <c r="A9366" s="1" t="s">
        <v>35895</v>
      </c>
      <c r="B9366" s="1" t="s">
        <v>35518</v>
      </c>
      <c r="C9366" s="1" t="s">
        <v>135</v>
      </c>
      <c r="D9366" s="1" t="s">
        <v>35990</v>
      </c>
      <c r="E9366" s="1" t="s">
        <v>35991</v>
      </c>
      <c r="F9366" s="1" t="s">
        <v>35992</v>
      </c>
      <c r="G9366" s="1" t="s">
        <v>35898</v>
      </c>
      <c r="H9366" s="1" t="s">
        <v>35899</v>
      </c>
      <c r="I9366" s="1" t="s">
        <v>35524</v>
      </c>
      <c r="J9366" s="1" t="s">
        <v>35993</v>
      </c>
    </row>
    <row r="9367" spans="1:10" x14ac:dyDescent="0.35">
      <c r="A9367" s="1" t="s">
        <v>35895</v>
      </c>
      <c r="B9367" s="1" t="s">
        <v>35518</v>
      </c>
      <c r="C9367" s="1" t="s">
        <v>140</v>
      </c>
      <c r="D9367" s="1" t="s">
        <v>35994</v>
      </c>
      <c r="E9367" s="1" t="s">
        <v>35995</v>
      </c>
      <c r="F9367" s="1" t="s">
        <v>35996</v>
      </c>
      <c r="G9367" s="1" t="s">
        <v>35898</v>
      </c>
      <c r="H9367" s="1" t="s">
        <v>35899</v>
      </c>
      <c r="I9367" s="1" t="s">
        <v>35524</v>
      </c>
      <c r="J9367" s="1" t="s">
        <v>35997</v>
      </c>
    </row>
    <row r="9368" spans="1:10" x14ac:dyDescent="0.35">
      <c r="A9368" s="1" t="s">
        <v>35895</v>
      </c>
      <c r="B9368" s="1" t="s">
        <v>35518</v>
      </c>
      <c r="C9368" s="1" t="s">
        <v>145</v>
      </c>
      <c r="D9368" s="1" t="s">
        <v>35998</v>
      </c>
      <c r="E9368" s="1" t="s">
        <v>35999</v>
      </c>
      <c r="F9368" s="1" t="s">
        <v>36000</v>
      </c>
      <c r="G9368" s="1" t="s">
        <v>35898</v>
      </c>
      <c r="H9368" s="1" t="s">
        <v>35899</v>
      </c>
      <c r="I9368" s="1" t="s">
        <v>35524</v>
      </c>
      <c r="J9368" s="1" t="s">
        <v>36001</v>
      </c>
    </row>
    <row r="9369" spans="1:10" x14ac:dyDescent="0.35">
      <c r="A9369" s="1" t="s">
        <v>35895</v>
      </c>
      <c r="B9369" s="1" t="s">
        <v>35518</v>
      </c>
      <c r="C9369" s="1" t="s">
        <v>150</v>
      </c>
      <c r="D9369" s="1" t="s">
        <v>16188</v>
      </c>
      <c r="E9369" s="1" t="s">
        <v>36002</v>
      </c>
      <c r="F9369" s="1" t="s">
        <v>36003</v>
      </c>
      <c r="G9369" s="1" t="s">
        <v>35898</v>
      </c>
      <c r="H9369" s="1" t="s">
        <v>35899</v>
      </c>
      <c r="I9369" s="1" t="s">
        <v>35524</v>
      </c>
      <c r="J9369" s="1" t="s">
        <v>36004</v>
      </c>
    </row>
    <row r="9370" spans="1:10" x14ac:dyDescent="0.35">
      <c r="A9370" s="1" t="s">
        <v>35895</v>
      </c>
      <c r="B9370" s="1" t="s">
        <v>35518</v>
      </c>
      <c r="C9370" s="1" t="s">
        <v>155</v>
      </c>
      <c r="D9370" s="1" t="s">
        <v>18286</v>
      </c>
      <c r="E9370" s="1" t="s">
        <v>36005</v>
      </c>
      <c r="F9370" s="1" t="s">
        <v>36006</v>
      </c>
      <c r="G9370" s="1" t="s">
        <v>35898</v>
      </c>
      <c r="H9370" s="1" t="s">
        <v>35899</v>
      </c>
      <c r="I9370" s="1" t="s">
        <v>35524</v>
      </c>
      <c r="J9370" s="1" t="s">
        <v>36007</v>
      </c>
    </row>
    <row r="9371" spans="1:10" x14ac:dyDescent="0.35">
      <c r="A9371" s="1" t="s">
        <v>35895</v>
      </c>
      <c r="B9371" s="1" t="s">
        <v>35518</v>
      </c>
      <c r="C9371" s="1" t="s">
        <v>160</v>
      </c>
      <c r="D9371" s="1" t="s">
        <v>36008</v>
      </c>
      <c r="E9371" s="1" t="s">
        <v>36009</v>
      </c>
      <c r="F9371" s="1" t="s">
        <v>36010</v>
      </c>
      <c r="G9371" s="1" t="s">
        <v>35898</v>
      </c>
      <c r="H9371" s="1" t="s">
        <v>35899</v>
      </c>
      <c r="I9371" s="1" t="s">
        <v>35524</v>
      </c>
      <c r="J9371" s="1" t="s">
        <v>36011</v>
      </c>
    </row>
    <row r="9372" spans="1:10" x14ac:dyDescent="0.35">
      <c r="A9372" s="1" t="s">
        <v>35895</v>
      </c>
      <c r="B9372" s="1" t="s">
        <v>35518</v>
      </c>
      <c r="C9372" s="1" t="s">
        <v>165</v>
      </c>
      <c r="D9372" s="1" t="s">
        <v>18887</v>
      </c>
      <c r="E9372" s="1" t="s">
        <v>36012</v>
      </c>
      <c r="F9372" s="1" t="s">
        <v>36013</v>
      </c>
      <c r="G9372" s="1" t="s">
        <v>35898</v>
      </c>
      <c r="H9372" s="1" t="s">
        <v>35899</v>
      </c>
      <c r="I9372" s="1" t="s">
        <v>35524</v>
      </c>
      <c r="J9372" s="1" t="s">
        <v>36014</v>
      </c>
    </row>
    <row r="9373" spans="1:10" x14ac:dyDescent="0.35">
      <c r="A9373" s="1" t="s">
        <v>35895</v>
      </c>
      <c r="B9373" s="1" t="s">
        <v>35518</v>
      </c>
      <c r="C9373" s="1" t="s">
        <v>170</v>
      </c>
      <c r="D9373" s="1" t="s">
        <v>36015</v>
      </c>
      <c r="E9373" s="1" t="s">
        <v>36016</v>
      </c>
      <c r="F9373" s="1" t="s">
        <v>36017</v>
      </c>
      <c r="G9373" s="1" t="s">
        <v>35898</v>
      </c>
      <c r="H9373" s="1" t="s">
        <v>35899</v>
      </c>
      <c r="I9373" s="1" t="s">
        <v>35524</v>
      </c>
      <c r="J9373" s="1" t="s">
        <v>36018</v>
      </c>
    </row>
    <row r="9374" spans="1:10" x14ac:dyDescent="0.35">
      <c r="A9374" s="1" t="s">
        <v>36019</v>
      </c>
      <c r="B9374" s="1" t="s">
        <v>35518</v>
      </c>
      <c r="C9374" s="1" t="s">
        <v>8</v>
      </c>
      <c r="D9374" s="1" t="s">
        <v>36020</v>
      </c>
      <c r="E9374" s="1" t="s">
        <v>36021</v>
      </c>
      <c r="F9374" s="1" t="s">
        <v>36022</v>
      </c>
      <c r="G9374" s="1" t="s">
        <v>36023</v>
      </c>
      <c r="H9374" s="1" t="s">
        <v>36024</v>
      </c>
      <c r="I9374" s="1" t="s">
        <v>35524</v>
      </c>
      <c r="J9374" s="1" t="s">
        <v>13</v>
      </c>
    </row>
    <row r="9375" spans="1:10" x14ac:dyDescent="0.35">
      <c r="A9375" s="1" t="s">
        <v>36019</v>
      </c>
      <c r="B9375" s="1" t="s">
        <v>35518</v>
      </c>
      <c r="C9375" s="1" t="s">
        <v>15</v>
      </c>
      <c r="D9375" s="1" t="s">
        <v>13000</v>
      </c>
      <c r="E9375" s="1" t="s">
        <v>36025</v>
      </c>
      <c r="F9375" s="1" t="s">
        <v>36026</v>
      </c>
      <c r="G9375" s="1" t="s">
        <v>36023</v>
      </c>
      <c r="H9375" s="1" t="s">
        <v>36024</v>
      </c>
      <c r="I9375" s="1" t="s">
        <v>35524</v>
      </c>
      <c r="J9375" s="1" t="s">
        <v>36027</v>
      </c>
    </row>
    <row r="9376" spans="1:10" x14ac:dyDescent="0.35">
      <c r="A9376" s="1" t="s">
        <v>36019</v>
      </c>
      <c r="B9376" s="1" t="s">
        <v>35518</v>
      </c>
      <c r="C9376" s="1" t="s">
        <v>20</v>
      </c>
      <c r="D9376" s="1" t="s">
        <v>225</v>
      </c>
      <c r="E9376" s="1" t="s">
        <v>36028</v>
      </c>
      <c r="F9376" s="1" t="s">
        <v>36029</v>
      </c>
      <c r="G9376" s="1" t="s">
        <v>36023</v>
      </c>
      <c r="H9376" s="1" t="s">
        <v>36024</v>
      </c>
      <c r="I9376" s="1" t="s">
        <v>35524</v>
      </c>
      <c r="J9376" s="1" t="s">
        <v>36030</v>
      </c>
    </row>
    <row r="9377" spans="1:10" x14ac:dyDescent="0.35">
      <c r="A9377" s="1" t="s">
        <v>36019</v>
      </c>
      <c r="B9377" s="1" t="s">
        <v>35518</v>
      </c>
      <c r="C9377" s="1" t="s">
        <v>25</v>
      </c>
      <c r="D9377" s="1" t="s">
        <v>36031</v>
      </c>
      <c r="E9377" s="1" t="s">
        <v>36032</v>
      </c>
      <c r="F9377" s="1" t="s">
        <v>36033</v>
      </c>
      <c r="G9377" s="1" t="s">
        <v>36023</v>
      </c>
      <c r="H9377" s="1" t="s">
        <v>36024</v>
      </c>
      <c r="I9377" s="1" t="s">
        <v>35524</v>
      </c>
      <c r="J9377" s="1" t="s">
        <v>36034</v>
      </c>
    </row>
    <row r="9378" spans="1:10" x14ac:dyDescent="0.35">
      <c r="A9378" s="1" t="s">
        <v>36019</v>
      </c>
      <c r="B9378" s="1" t="s">
        <v>35518</v>
      </c>
      <c r="C9378" s="1" t="s">
        <v>30</v>
      </c>
      <c r="D9378" s="1" t="s">
        <v>34647</v>
      </c>
      <c r="E9378" s="1" t="s">
        <v>36035</v>
      </c>
      <c r="F9378" s="1" t="s">
        <v>36036</v>
      </c>
      <c r="G9378" s="1" t="s">
        <v>36023</v>
      </c>
      <c r="H9378" s="1" t="s">
        <v>36024</v>
      </c>
      <c r="I9378" s="1" t="s">
        <v>35524</v>
      </c>
      <c r="J9378" s="1" t="s">
        <v>36037</v>
      </c>
    </row>
    <row r="9379" spans="1:10" x14ac:dyDescent="0.35">
      <c r="A9379" s="1" t="s">
        <v>36019</v>
      </c>
      <c r="B9379" s="1" t="s">
        <v>35518</v>
      </c>
      <c r="C9379" s="1" t="s">
        <v>35</v>
      </c>
      <c r="D9379" s="1" t="s">
        <v>36038</v>
      </c>
      <c r="E9379" s="1" t="s">
        <v>36039</v>
      </c>
      <c r="F9379" s="1" t="s">
        <v>36040</v>
      </c>
      <c r="G9379" s="1" t="s">
        <v>36023</v>
      </c>
      <c r="H9379" s="1" t="s">
        <v>36024</v>
      </c>
      <c r="I9379" s="1" t="s">
        <v>35524</v>
      </c>
      <c r="J9379" s="1" t="s">
        <v>36041</v>
      </c>
    </row>
    <row r="9380" spans="1:10" x14ac:dyDescent="0.35">
      <c r="A9380" s="1" t="s">
        <v>36019</v>
      </c>
      <c r="B9380" s="1" t="s">
        <v>35518</v>
      </c>
      <c r="C9380" s="1" t="s">
        <v>40</v>
      </c>
      <c r="D9380" s="1" t="s">
        <v>36042</v>
      </c>
      <c r="E9380" s="1" t="s">
        <v>36043</v>
      </c>
      <c r="F9380" s="1" t="s">
        <v>36044</v>
      </c>
      <c r="G9380" s="1" t="s">
        <v>36023</v>
      </c>
      <c r="H9380" s="1" t="s">
        <v>36024</v>
      </c>
      <c r="I9380" s="1" t="s">
        <v>35524</v>
      </c>
      <c r="J9380" s="1" t="s">
        <v>36045</v>
      </c>
    </row>
    <row r="9381" spans="1:10" x14ac:dyDescent="0.35">
      <c r="A9381" s="1" t="s">
        <v>36019</v>
      </c>
      <c r="B9381" s="1" t="s">
        <v>35518</v>
      </c>
      <c r="C9381" s="1" t="s">
        <v>45</v>
      </c>
      <c r="D9381" s="1" t="s">
        <v>36046</v>
      </c>
      <c r="E9381" s="1" t="s">
        <v>36047</v>
      </c>
      <c r="F9381" s="1" t="s">
        <v>36048</v>
      </c>
      <c r="G9381" s="1" t="s">
        <v>36023</v>
      </c>
      <c r="H9381" s="1" t="s">
        <v>36024</v>
      </c>
      <c r="I9381" s="1" t="s">
        <v>35524</v>
      </c>
      <c r="J9381" s="1" t="s">
        <v>36049</v>
      </c>
    </row>
    <row r="9382" spans="1:10" x14ac:dyDescent="0.35">
      <c r="A9382" s="1" t="s">
        <v>36019</v>
      </c>
      <c r="B9382" s="1" t="s">
        <v>35518</v>
      </c>
      <c r="C9382" s="1" t="s">
        <v>50</v>
      </c>
      <c r="D9382" s="1" t="s">
        <v>36050</v>
      </c>
      <c r="E9382" s="1" t="s">
        <v>36051</v>
      </c>
      <c r="F9382" s="1" t="s">
        <v>36052</v>
      </c>
      <c r="G9382" s="1" t="s">
        <v>36023</v>
      </c>
      <c r="H9382" s="1" t="s">
        <v>36024</v>
      </c>
      <c r="I9382" s="1" t="s">
        <v>35524</v>
      </c>
      <c r="J9382" s="1" t="s">
        <v>36053</v>
      </c>
    </row>
    <row r="9383" spans="1:10" x14ac:dyDescent="0.35">
      <c r="A9383" s="1" t="s">
        <v>36019</v>
      </c>
      <c r="B9383" s="1" t="s">
        <v>35518</v>
      </c>
      <c r="C9383" s="1" t="s">
        <v>55</v>
      </c>
      <c r="D9383" s="1" t="s">
        <v>25032</v>
      </c>
      <c r="E9383" s="1" t="s">
        <v>36054</v>
      </c>
      <c r="F9383" s="1" t="s">
        <v>36055</v>
      </c>
      <c r="G9383" s="1" t="s">
        <v>36023</v>
      </c>
      <c r="H9383" s="1" t="s">
        <v>36024</v>
      </c>
      <c r="I9383" s="1" t="s">
        <v>35524</v>
      </c>
      <c r="J9383" s="1" t="s">
        <v>36056</v>
      </c>
    </row>
    <row r="9384" spans="1:10" x14ac:dyDescent="0.35">
      <c r="A9384" s="1" t="s">
        <v>36019</v>
      </c>
      <c r="B9384" s="1" t="s">
        <v>35518</v>
      </c>
      <c r="C9384" s="1" t="s">
        <v>60</v>
      </c>
      <c r="D9384" s="1" t="s">
        <v>36057</v>
      </c>
      <c r="E9384" s="1" t="s">
        <v>36058</v>
      </c>
      <c r="F9384" s="1" t="s">
        <v>36059</v>
      </c>
      <c r="G9384" s="1" t="s">
        <v>36023</v>
      </c>
      <c r="H9384" s="1" t="s">
        <v>36024</v>
      </c>
      <c r="I9384" s="1" t="s">
        <v>35524</v>
      </c>
      <c r="J9384" s="1" t="s">
        <v>36060</v>
      </c>
    </row>
    <row r="9385" spans="1:10" x14ac:dyDescent="0.35">
      <c r="A9385" s="1" t="s">
        <v>36019</v>
      </c>
      <c r="B9385" s="1" t="s">
        <v>35518</v>
      </c>
      <c r="C9385" s="1" t="s">
        <v>65</v>
      </c>
      <c r="D9385" s="1" t="s">
        <v>36061</v>
      </c>
      <c r="E9385" s="1" t="s">
        <v>36062</v>
      </c>
      <c r="F9385" s="1" t="s">
        <v>36063</v>
      </c>
      <c r="G9385" s="1" t="s">
        <v>36023</v>
      </c>
      <c r="H9385" s="1" t="s">
        <v>36024</v>
      </c>
      <c r="I9385" s="1" t="s">
        <v>35524</v>
      </c>
      <c r="J9385" s="1" t="s">
        <v>36064</v>
      </c>
    </row>
    <row r="9386" spans="1:10" x14ac:dyDescent="0.35">
      <c r="A9386" s="1" t="s">
        <v>36019</v>
      </c>
      <c r="B9386" s="1" t="s">
        <v>35518</v>
      </c>
      <c r="C9386" s="1" t="s">
        <v>70</v>
      </c>
      <c r="D9386" s="1" t="s">
        <v>36065</v>
      </c>
      <c r="E9386" s="1" t="s">
        <v>36066</v>
      </c>
      <c r="F9386" s="1" t="s">
        <v>36067</v>
      </c>
      <c r="G9386" s="1" t="s">
        <v>36023</v>
      </c>
      <c r="H9386" s="1" t="s">
        <v>36024</v>
      </c>
      <c r="I9386" s="1" t="s">
        <v>35524</v>
      </c>
      <c r="J9386" s="1" t="s">
        <v>36068</v>
      </c>
    </row>
    <row r="9387" spans="1:10" x14ac:dyDescent="0.35">
      <c r="A9387" s="1" t="s">
        <v>36019</v>
      </c>
      <c r="B9387" s="1" t="s">
        <v>35518</v>
      </c>
      <c r="C9387" s="1" t="s">
        <v>75</v>
      </c>
      <c r="D9387" s="1" t="s">
        <v>36069</v>
      </c>
      <c r="E9387" s="1" t="s">
        <v>36070</v>
      </c>
      <c r="F9387" s="1" t="s">
        <v>36071</v>
      </c>
      <c r="G9387" s="1" t="s">
        <v>36023</v>
      </c>
      <c r="H9387" s="1" t="s">
        <v>36024</v>
      </c>
      <c r="I9387" s="1" t="s">
        <v>35524</v>
      </c>
      <c r="J9387" s="1" t="s">
        <v>36072</v>
      </c>
    </row>
    <row r="9388" spans="1:10" x14ac:dyDescent="0.35">
      <c r="A9388" s="1" t="s">
        <v>36019</v>
      </c>
      <c r="B9388" s="1" t="s">
        <v>35518</v>
      </c>
      <c r="C9388" s="1" t="s">
        <v>80</v>
      </c>
      <c r="D9388" s="1" t="s">
        <v>36073</v>
      </c>
      <c r="E9388" s="1" t="s">
        <v>36074</v>
      </c>
      <c r="F9388" s="1" t="s">
        <v>36075</v>
      </c>
      <c r="G9388" s="1" t="s">
        <v>36023</v>
      </c>
      <c r="H9388" s="1" t="s">
        <v>36024</v>
      </c>
      <c r="I9388" s="1" t="s">
        <v>35524</v>
      </c>
      <c r="J9388" s="1" t="s">
        <v>36076</v>
      </c>
    </row>
    <row r="9389" spans="1:10" x14ac:dyDescent="0.35">
      <c r="A9389" s="1" t="s">
        <v>36019</v>
      </c>
      <c r="B9389" s="1" t="s">
        <v>35518</v>
      </c>
      <c r="C9389" s="1" t="s">
        <v>85</v>
      </c>
      <c r="D9389" s="1" t="s">
        <v>36077</v>
      </c>
      <c r="E9389" s="1" t="s">
        <v>36078</v>
      </c>
      <c r="F9389" s="1" t="s">
        <v>36079</v>
      </c>
      <c r="G9389" s="1" t="s">
        <v>36023</v>
      </c>
      <c r="H9389" s="1" t="s">
        <v>36024</v>
      </c>
      <c r="I9389" s="1" t="s">
        <v>35524</v>
      </c>
      <c r="J9389" s="1" t="s">
        <v>36080</v>
      </c>
    </row>
    <row r="9390" spans="1:10" x14ac:dyDescent="0.35">
      <c r="A9390" s="1" t="s">
        <v>36019</v>
      </c>
      <c r="B9390" s="1" t="s">
        <v>35518</v>
      </c>
      <c r="C9390" s="1" t="s">
        <v>90</v>
      </c>
      <c r="D9390" s="1" t="s">
        <v>36081</v>
      </c>
      <c r="E9390" s="1" t="s">
        <v>36082</v>
      </c>
      <c r="F9390" s="1" t="s">
        <v>36083</v>
      </c>
      <c r="G9390" s="1" t="s">
        <v>36023</v>
      </c>
      <c r="H9390" s="1" t="s">
        <v>36024</v>
      </c>
      <c r="I9390" s="1" t="s">
        <v>35524</v>
      </c>
      <c r="J9390" s="1" t="s">
        <v>36084</v>
      </c>
    </row>
    <row r="9391" spans="1:10" x14ac:dyDescent="0.35">
      <c r="A9391" s="1" t="s">
        <v>36019</v>
      </c>
      <c r="B9391" s="1" t="s">
        <v>35518</v>
      </c>
      <c r="C9391" s="1" t="s">
        <v>95</v>
      </c>
      <c r="D9391" s="1" t="s">
        <v>36085</v>
      </c>
      <c r="E9391" s="1" t="s">
        <v>36086</v>
      </c>
      <c r="F9391" s="1" t="s">
        <v>36087</v>
      </c>
      <c r="G9391" s="1" t="s">
        <v>36023</v>
      </c>
      <c r="H9391" s="1" t="s">
        <v>36024</v>
      </c>
      <c r="I9391" s="1" t="s">
        <v>35524</v>
      </c>
      <c r="J9391" s="1" t="s">
        <v>36088</v>
      </c>
    </row>
    <row r="9392" spans="1:10" x14ac:dyDescent="0.35">
      <c r="A9392" s="1" t="s">
        <v>36019</v>
      </c>
      <c r="B9392" s="1" t="s">
        <v>35518</v>
      </c>
      <c r="C9392" s="1" t="s">
        <v>100</v>
      </c>
      <c r="D9392" s="1" t="s">
        <v>36089</v>
      </c>
      <c r="E9392" s="1" t="s">
        <v>36090</v>
      </c>
      <c r="F9392" s="1" t="s">
        <v>36091</v>
      </c>
      <c r="G9392" s="1" t="s">
        <v>36023</v>
      </c>
      <c r="H9392" s="1" t="s">
        <v>36024</v>
      </c>
      <c r="I9392" s="1" t="s">
        <v>35524</v>
      </c>
      <c r="J9392" s="1" t="s">
        <v>36092</v>
      </c>
    </row>
    <row r="9393" spans="1:10" x14ac:dyDescent="0.35">
      <c r="A9393" s="1" t="s">
        <v>36019</v>
      </c>
      <c r="B9393" s="1" t="s">
        <v>35518</v>
      </c>
      <c r="C9393" s="1" t="s">
        <v>105</v>
      </c>
      <c r="D9393" s="1" t="s">
        <v>35069</v>
      </c>
      <c r="E9393" s="1" t="s">
        <v>36093</v>
      </c>
      <c r="F9393" s="1" t="s">
        <v>36094</v>
      </c>
      <c r="G9393" s="1" t="s">
        <v>36023</v>
      </c>
      <c r="H9393" s="1" t="s">
        <v>36024</v>
      </c>
      <c r="I9393" s="1" t="s">
        <v>35524</v>
      </c>
      <c r="J9393" s="1" t="s">
        <v>36095</v>
      </c>
    </row>
    <row r="9394" spans="1:10" x14ac:dyDescent="0.35">
      <c r="A9394" s="1" t="s">
        <v>36019</v>
      </c>
      <c r="B9394" s="1" t="s">
        <v>35518</v>
      </c>
      <c r="C9394" s="1" t="s">
        <v>110</v>
      </c>
      <c r="D9394" s="1" t="s">
        <v>36096</v>
      </c>
      <c r="E9394" s="1" t="s">
        <v>36097</v>
      </c>
      <c r="F9394" s="1" t="s">
        <v>36098</v>
      </c>
      <c r="G9394" s="1" t="s">
        <v>36023</v>
      </c>
      <c r="H9394" s="1" t="s">
        <v>36024</v>
      </c>
      <c r="I9394" s="1" t="s">
        <v>35524</v>
      </c>
      <c r="J9394" s="1" t="s">
        <v>36099</v>
      </c>
    </row>
    <row r="9395" spans="1:10" x14ac:dyDescent="0.35">
      <c r="A9395" s="1" t="s">
        <v>36019</v>
      </c>
      <c r="B9395" s="1" t="s">
        <v>35518</v>
      </c>
      <c r="C9395" s="1" t="s">
        <v>115</v>
      </c>
      <c r="D9395" s="1" t="s">
        <v>36100</v>
      </c>
      <c r="E9395" s="1" t="s">
        <v>36101</v>
      </c>
      <c r="F9395" s="1" t="s">
        <v>36102</v>
      </c>
      <c r="G9395" s="1" t="s">
        <v>36023</v>
      </c>
      <c r="H9395" s="1" t="s">
        <v>36024</v>
      </c>
      <c r="I9395" s="1" t="s">
        <v>35524</v>
      </c>
      <c r="J9395" s="1" t="s">
        <v>36103</v>
      </c>
    </row>
    <row r="9396" spans="1:10" x14ac:dyDescent="0.35">
      <c r="A9396" s="1" t="s">
        <v>36019</v>
      </c>
      <c r="B9396" s="1" t="s">
        <v>35518</v>
      </c>
      <c r="C9396" s="1" t="s">
        <v>120</v>
      </c>
      <c r="D9396" s="1" t="s">
        <v>36104</v>
      </c>
      <c r="E9396" s="1" t="s">
        <v>36105</v>
      </c>
      <c r="F9396" s="1" t="s">
        <v>36106</v>
      </c>
      <c r="G9396" s="1" t="s">
        <v>36023</v>
      </c>
      <c r="H9396" s="1" t="s">
        <v>36024</v>
      </c>
      <c r="I9396" s="1" t="s">
        <v>35524</v>
      </c>
      <c r="J9396" s="1" t="s">
        <v>36107</v>
      </c>
    </row>
    <row r="9397" spans="1:10" x14ac:dyDescent="0.35">
      <c r="A9397" s="1" t="s">
        <v>36019</v>
      </c>
      <c r="B9397" s="1" t="s">
        <v>35518</v>
      </c>
      <c r="C9397" s="1" t="s">
        <v>125</v>
      </c>
      <c r="D9397" s="1" t="s">
        <v>36108</v>
      </c>
      <c r="E9397" s="1" t="s">
        <v>36109</v>
      </c>
      <c r="F9397" s="1" t="s">
        <v>36110</v>
      </c>
      <c r="G9397" s="1" t="s">
        <v>36023</v>
      </c>
      <c r="H9397" s="1" t="s">
        <v>36024</v>
      </c>
      <c r="I9397" s="1" t="s">
        <v>35524</v>
      </c>
      <c r="J9397" s="1" t="s">
        <v>36111</v>
      </c>
    </row>
    <row r="9398" spans="1:10" x14ac:dyDescent="0.35">
      <c r="A9398" s="1" t="s">
        <v>36019</v>
      </c>
      <c r="B9398" s="1" t="s">
        <v>35518</v>
      </c>
      <c r="C9398" s="1" t="s">
        <v>130</v>
      </c>
      <c r="D9398" s="1" t="s">
        <v>36112</v>
      </c>
      <c r="E9398" s="1" t="s">
        <v>36113</v>
      </c>
      <c r="F9398" s="1" t="s">
        <v>36114</v>
      </c>
      <c r="G9398" s="1" t="s">
        <v>36023</v>
      </c>
      <c r="H9398" s="1" t="s">
        <v>36024</v>
      </c>
      <c r="I9398" s="1" t="s">
        <v>35524</v>
      </c>
      <c r="J9398" s="1" t="s">
        <v>36115</v>
      </c>
    </row>
    <row r="9399" spans="1:10" x14ac:dyDescent="0.35">
      <c r="A9399" s="1" t="s">
        <v>36019</v>
      </c>
      <c r="B9399" s="1" t="s">
        <v>35518</v>
      </c>
      <c r="C9399" s="1" t="s">
        <v>135</v>
      </c>
      <c r="D9399" s="1" t="s">
        <v>36116</v>
      </c>
      <c r="E9399" s="1" t="s">
        <v>36117</v>
      </c>
      <c r="F9399" s="1" t="s">
        <v>36118</v>
      </c>
      <c r="G9399" s="1" t="s">
        <v>36023</v>
      </c>
      <c r="H9399" s="1" t="s">
        <v>36024</v>
      </c>
      <c r="I9399" s="1" t="s">
        <v>35524</v>
      </c>
      <c r="J9399" s="1" t="s">
        <v>36119</v>
      </c>
    </row>
    <row r="9400" spans="1:10" x14ac:dyDescent="0.35">
      <c r="A9400" s="1" t="s">
        <v>36019</v>
      </c>
      <c r="B9400" s="1" t="s">
        <v>35518</v>
      </c>
      <c r="C9400" s="1" t="s">
        <v>140</v>
      </c>
      <c r="D9400" s="1" t="s">
        <v>16231</v>
      </c>
      <c r="E9400" s="1" t="s">
        <v>36120</v>
      </c>
      <c r="F9400" s="1" t="s">
        <v>36121</v>
      </c>
      <c r="G9400" s="1" t="s">
        <v>36023</v>
      </c>
      <c r="H9400" s="1" t="s">
        <v>36024</v>
      </c>
      <c r="I9400" s="1" t="s">
        <v>35524</v>
      </c>
      <c r="J9400" s="1" t="s">
        <v>36122</v>
      </c>
    </row>
    <row r="9401" spans="1:10" x14ac:dyDescent="0.35">
      <c r="A9401" s="1" t="s">
        <v>36019</v>
      </c>
      <c r="B9401" s="1" t="s">
        <v>35518</v>
      </c>
      <c r="C9401" s="1" t="s">
        <v>145</v>
      </c>
      <c r="D9401" s="1" t="s">
        <v>36123</v>
      </c>
      <c r="E9401" s="1" t="s">
        <v>36124</v>
      </c>
      <c r="F9401" s="1" t="s">
        <v>36125</v>
      </c>
      <c r="G9401" s="1" t="s">
        <v>36023</v>
      </c>
      <c r="H9401" s="1" t="s">
        <v>36024</v>
      </c>
      <c r="I9401" s="1" t="s">
        <v>35524</v>
      </c>
      <c r="J9401" s="1" t="s">
        <v>36126</v>
      </c>
    </row>
    <row r="9402" spans="1:10" x14ac:dyDescent="0.35">
      <c r="A9402" s="1" t="s">
        <v>36019</v>
      </c>
      <c r="B9402" s="1" t="s">
        <v>35518</v>
      </c>
      <c r="C9402" s="1" t="s">
        <v>150</v>
      </c>
      <c r="D9402" s="1" t="s">
        <v>30607</v>
      </c>
      <c r="E9402" s="1" t="s">
        <v>36127</v>
      </c>
      <c r="F9402" s="1" t="s">
        <v>36128</v>
      </c>
      <c r="G9402" s="1" t="s">
        <v>36023</v>
      </c>
      <c r="H9402" s="1" t="s">
        <v>36024</v>
      </c>
      <c r="I9402" s="1" t="s">
        <v>35524</v>
      </c>
      <c r="J9402" s="1" t="s">
        <v>36129</v>
      </c>
    </row>
    <row r="9403" spans="1:10" x14ac:dyDescent="0.35">
      <c r="A9403" s="1" t="s">
        <v>36019</v>
      </c>
      <c r="B9403" s="1" t="s">
        <v>35518</v>
      </c>
      <c r="C9403" s="1" t="s">
        <v>155</v>
      </c>
      <c r="D9403" s="1" t="s">
        <v>31489</v>
      </c>
      <c r="E9403" s="1" t="s">
        <v>36130</v>
      </c>
      <c r="F9403" s="1" t="s">
        <v>36131</v>
      </c>
      <c r="G9403" s="1" t="s">
        <v>36023</v>
      </c>
      <c r="H9403" s="1" t="s">
        <v>36024</v>
      </c>
      <c r="I9403" s="1" t="s">
        <v>35524</v>
      </c>
      <c r="J9403" s="1" t="s">
        <v>36132</v>
      </c>
    </row>
    <row r="9404" spans="1:10" x14ac:dyDescent="0.35">
      <c r="A9404" s="1" t="s">
        <v>36019</v>
      </c>
      <c r="B9404" s="1" t="s">
        <v>35518</v>
      </c>
      <c r="C9404" s="1" t="s">
        <v>160</v>
      </c>
      <c r="D9404" s="1" t="s">
        <v>36133</v>
      </c>
      <c r="E9404" s="1" t="s">
        <v>36134</v>
      </c>
      <c r="F9404" s="1" t="s">
        <v>36135</v>
      </c>
      <c r="G9404" s="1" t="s">
        <v>36023</v>
      </c>
      <c r="H9404" s="1" t="s">
        <v>36024</v>
      </c>
      <c r="I9404" s="1" t="s">
        <v>35524</v>
      </c>
      <c r="J9404" s="1" t="s">
        <v>36136</v>
      </c>
    </row>
    <row r="9405" spans="1:10" x14ac:dyDescent="0.35">
      <c r="A9405" s="1" t="s">
        <v>36019</v>
      </c>
      <c r="B9405" s="1" t="s">
        <v>35518</v>
      </c>
      <c r="C9405" s="1" t="s">
        <v>165</v>
      </c>
      <c r="D9405" s="1" t="s">
        <v>36137</v>
      </c>
      <c r="E9405" s="1" t="s">
        <v>36138</v>
      </c>
      <c r="F9405" s="1" t="s">
        <v>36139</v>
      </c>
      <c r="G9405" s="1" t="s">
        <v>36023</v>
      </c>
      <c r="H9405" s="1" t="s">
        <v>36024</v>
      </c>
      <c r="I9405" s="1" t="s">
        <v>35524</v>
      </c>
      <c r="J9405" s="1" t="s">
        <v>36140</v>
      </c>
    </row>
    <row r="9406" spans="1:10" x14ac:dyDescent="0.35">
      <c r="A9406" s="1" t="s">
        <v>36019</v>
      </c>
      <c r="B9406" s="1" t="s">
        <v>35518</v>
      </c>
      <c r="C9406" s="1" t="s">
        <v>170</v>
      </c>
      <c r="D9406" s="1" t="s">
        <v>15791</v>
      </c>
      <c r="E9406" s="1" t="s">
        <v>36141</v>
      </c>
      <c r="F9406" s="1" t="s">
        <v>36142</v>
      </c>
      <c r="G9406" s="1" t="s">
        <v>36023</v>
      </c>
      <c r="H9406" s="1" t="s">
        <v>36024</v>
      </c>
      <c r="I9406" s="1" t="s">
        <v>35524</v>
      </c>
      <c r="J9406" s="1" t="s">
        <v>35250</v>
      </c>
    </row>
    <row r="9407" spans="1:10" x14ac:dyDescent="0.35">
      <c r="A9407" s="1" t="s">
        <v>36143</v>
      </c>
      <c r="B9407" s="1" t="s">
        <v>35518</v>
      </c>
      <c r="C9407" s="1" t="s">
        <v>8</v>
      </c>
      <c r="D9407" s="1" t="s">
        <v>36144</v>
      </c>
      <c r="E9407" s="1" t="s">
        <v>36145</v>
      </c>
      <c r="F9407" s="1" t="s">
        <v>36146</v>
      </c>
      <c r="G9407" s="1" t="s">
        <v>36147</v>
      </c>
      <c r="H9407" s="1" t="s">
        <v>36148</v>
      </c>
      <c r="I9407" s="1" t="s">
        <v>35524</v>
      </c>
      <c r="J9407" s="1" t="s">
        <v>13</v>
      </c>
    </row>
    <row r="9408" spans="1:10" x14ac:dyDescent="0.35">
      <c r="A9408" s="1" t="s">
        <v>36143</v>
      </c>
      <c r="B9408" s="1" t="s">
        <v>35518</v>
      </c>
      <c r="C9408" s="1" t="s">
        <v>15</v>
      </c>
      <c r="D9408" s="1" t="s">
        <v>36149</v>
      </c>
      <c r="E9408" s="1" t="s">
        <v>36150</v>
      </c>
      <c r="F9408" s="1" t="s">
        <v>36151</v>
      </c>
      <c r="G9408" s="1" t="s">
        <v>36147</v>
      </c>
      <c r="H9408" s="1" t="s">
        <v>36148</v>
      </c>
      <c r="I9408" s="1" t="s">
        <v>35524</v>
      </c>
      <c r="J9408" s="1" t="s">
        <v>36152</v>
      </c>
    </row>
    <row r="9409" spans="1:10" x14ac:dyDescent="0.35">
      <c r="A9409" s="1" t="s">
        <v>36143</v>
      </c>
      <c r="B9409" s="1" t="s">
        <v>35518</v>
      </c>
      <c r="C9409" s="1" t="s">
        <v>20</v>
      </c>
      <c r="D9409" s="1" t="s">
        <v>2327</v>
      </c>
      <c r="E9409" s="1" t="s">
        <v>36153</v>
      </c>
      <c r="F9409" s="1" t="s">
        <v>36154</v>
      </c>
      <c r="G9409" s="1" t="s">
        <v>36147</v>
      </c>
      <c r="H9409" s="1" t="s">
        <v>36148</v>
      </c>
      <c r="I9409" s="1" t="s">
        <v>35524</v>
      </c>
      <c r="J9409" s="1" t="s">
        <v>36155</v>
      </c>
    </row>
    <row r="9410" spans="1:10" x14ac:dyDescent="0.35">
      <c r="A9410" s="1" t="s">
        <v>36143</v>
      </c>
      <c r="B9410" s="1" t="s">
        <v>35518</v>
      </c>
      <c r="C9410" s="1" t="s">
        <v>25</v>
      </c>
      <c r="D9410" s="1" t="s">
        <v>36156</v>
      </c>
      <c r="E9410" s="1" t="s">
        <v>36157</v>
      </c>
      <c r="F9410" s="1" t="s">
        <v>36158</v>
      </c>
      <c r="G9410" s="1" t="s">
        <v>36147</v>
      </c>
      <c r="H9410" s="1" t="s">
        <v>36148</v>
      </c>
      <c r="I9410" s="1" t="s">
        <v>35524</v>
      </c>
      <c r="J9410" s="1" t="s">
        <v>36159</v>
      </c>
    </row>
    <row r="9411" spans="1:10" x14ac:dyDescent="0.35">
      <c r="A9411" s="1" t="s">
        <v>36143</v>
      </c>
      <c r="B9411" s="1" t="s">
        <v>35518</v>
      </c>
      <c r="C9411" s="1" t="s">
        <v>30</v>
      </c>
      <c r="D9411" s="1" t="s">
        <v>210</v>
      </c>
      <c r="E9411" s="1" t="s">
        <v>36160</v>
      </c>
      <c r="F9411" s="1" t="s">
        <v>36161</v>
      </c>
      <c r="G9411" s="1" t="s">
        <v>36147</v>
      </c>
      <c r="H9411" s="1" t="s">
        <v>36148</v>
      </c>
      <c r="I9411" s="1" t="s">
        <v>35524</v>
      </c>
      <c r="J9411" s="1" t="s">
        <v>36162</v>
      </c>
    </row>
    <row r="9412" spans="1:10" x14ac:dyDescent="0.35">
      <c r="A9412" s="1" t="s">
        <v>36143</v>
      </c>
      <c r="B9412" s="1" t="s">
        <v>35518</v>
      </c>
      <c r="C9412" s="1" t="s">
        <v>35</v>
      </c>
      <c r="D9412" s="1" t="s">
        <v>6661</v>
      </c>
      <c r="E9412" s="1" t="s">
        <v>36163</v>
      </c>
      <c r="F9412" s="1" t="s">
        <v>36164</v>
      </c>
      <c r="G9412" s="1" t="s">
        <v>36147</v>
      </c>
      <c r="H9412" s="1" t="s">
        <v>36148</v>
      </c>
      <c r="I9412" s="1" t="s">
        <v>35524</v>
      </c>
      <c r="J9412" s="1" t="s">
        <v>36165</v>
      </c>
    </row>
    <row r="9413" spans="1:10" x14ac:dyDescent="0.35">
      <c r="A9413" s="1" t="s">
        <v>36143</v>
      </c>
      <c r="B9413" s="1" t="s">
        <v>35518</v>
      </c>
      <c r="C9413" s="1" t="s">
        <v>40</v>
      </c>
      <c r="D9413" s="1" t="s">
        <v>36166</v>
      </c>
      <c r="E9413" s="1" t="s">
        <v>36167</v>
      </c>
      <c r="F9413" s="1" t="s">
        <v>36168</v>
      </c>
      <c r="G9413" s="1" t="s">
        <v>36147</v>
      </c>
      <c r="H9413" s="1" t="s">
        <v>36148</v>
      </c>
      <c r="I9413" s="1" t="s">
        <v>35524</v>
      </c>
      <c r="J9413" s="1" t="s">
        <v>36169</v>
      </c>
    </row>
    <row r="9414" spans="1:10" x14ac:dyDescent="0.35">
      <c r="A9414" s="1" t="s">
        <v>36143</v>
      </c>
      <c r="B9414" s="1" t="s">
        <v>35518</v>
      </c>
      <c r="C9414" s="1" t="s">
        <v>45</v>
      </c>
      <c r="D9414" s="1" t="s">
        <v>36170</v>
      </c>
      <c r="E9414" s="1" t="s">
        <v>36171</v>
      </c>
      <c r="F9414" s="1" t="s">
        <v>36172</v>
      </c>
      <c r="G9414" s="1" t="s">
        <v>36147</v>
      </c>
      <c r="H9414" s="1" t="s">
        <v>36148</v>
      </c>
      <c r="I9414" s="1" t="s">
        <v>35524</v>
      </c>
      <c r="J9414" s="1" t="s">
        <v>36173</v>
      </c>
    </row>
    <row r="9415" spans="1:10" x14ac:dyDescent="0.35">
      <c r="A9415" s="1" t="s">
        <v>36143</v>
      </c>
      <c r="B9415" s="1" t="s">
        <v>35518</v>
      </c>
      <c r="C9415" s="1" t="s">
        <v>50</v>
      </c>
      <c r="D9415" s="1" t="s">
        <v>36174</v>
      </c>
      <c r="E9415" s="1" t="s">
        <v>36175</v>
      </c>
      <c r="F9415" s="1" t="s">
        <v>36176</v>
      </c>
      <c r="G9415" s="1" t="s">
        <v>36147</v>
      </c>
      <c r="H9415" s="1" t="s">
        <v>36148</v>
      </c>
      <c r="I9415" s="1" t="s">
        <v>35524</v>
      </c>
      <c r="J9415" s="1" t="s">
        <v>36177</v>
      </c>
    </row>
    <row r="9416" spans="1:10" x14ac:dyDescent="0.35">
      <c r="A9416" s="1" t="s">
        <v>36143</v>
      </c>
      <c r="B9416" s="1" t="s">
        <v>35518</v>
      </c>
      <c r="C9416" s="1" t="s">
        <v>55</v>
      </c>
      <c r="D9416" s="1" t="s">
        <v>15980</v>
      </c>
      <c r="E9416" s="1" t="s">
        <v>36178</v>
      </c>
      <c r="F9416" s="1" t="s">
        <v>36179</v>
      </c>
      <c r="G9416" s="1" t="s">
        <v>36147</v>
      </c>
      <c r="H9416" s="1" t="s">
        <v>36148</v>
      </c>
      <c r="I9416" s="1" t="s">
        <v>35524</v>
      </c>
      <c r="J9416" s="1" t="s">
        <v>36180</v>
      </c>
    </row>
    <row r="9417" spans="1:10" x14ac:dyDescent="0.35">
      <c r="A9417" s="1" t="s">
        <v>36143</v>
      </c>
      <c r="B9417" s="1" t="s">
        <v>35518</v>
      </c>
      <c r="C9417" s="1" t="s">
        <v>60</v>
      </c>
      <c r="D9417" s="1" t="s">
        <v>36181</v>
      </c>
      <c r="E9417" s="1" t="s">
        <v>36182</v>
      </c>
      <c r="F9417" s="1" t="s">
        <v>36183</v>
      </c>
      <c r="G9417" s="1" t="s">
        <v>36147</v>
      </c>
      <c r="H9417" s="1" t="s">
        <v>36148</v>
      </c>
      <c r="I9417" s="1" t="s">
        <v>35524</v>
      </c>
      <c r="J9417" s="1" t="s">
        <v>36184</v>
      </c>
    </row>
    <row r="9418" spans="1:10" x14ac:dyDescent="0.35">
      <c r="A9418" s="1" t="s">
        <v>36143</v>
      </c>
      <c r="B9418" s="1" t="s">
        <v>35518</v>
      </c>
      <c r="C9418" s="1" t="s">
        <v>65</v>
      </c>
      <c r="D9418" s="1" t="s">
        <v>36185</v>
      </c>
      <c r="E9418" s="1" t="s">
        <v>36186</v>
      </c>
      <c r="F9418" s="1" t="s">
        <v>36187</v>
      </c>
      <c r="G9418" s="1" t="s">
        <v>36147</v>
      </c>
      <c r="H9418" s="1" t="s">
        <v>36148</v>
      </c>
      <c r="I9418" s="1" t="s">
        <v>35524</v>
      </c>
      <c r="J9418" s="1" t="s">
        <v>36188</v>
      </c>
    </row>
    <row r="9419" spans="1:10" x14ac:dyDescent="0.35">
      <c r="A9419" s="1" t="s">
        <v>36143</v>
      </c>
      <c r="B9419" s="1" t="s">
        <v>35518</v>
      </c>
      <c r="C9419" s="1" t="s">
        <v>70</v>
      </c>
      <c r="D9419" s="1" t="s">
        <v>10861</v>
      </c>
      <c r="E9419" s="1" t="s">
        <v>36189</v>
      </c>
      <c r="F9419" s="1" t="s">
        <v>36190</v>
      </c>
      <c r="G9419" s="1" t="s">
        <v>36147</v>
      </c>
      <c r="H9419" s="1" t="s">
        <v>36148</v>
      </c>
      <c r="I9419" s="1" t="s">
        <v>35524</v>
      </c>
      <c r="J9419" s="1" t="s">
        <v>36191</v>
      </c>
    </row>
    <row r="9420" spans="1:10" x14ac:dyDescent="0.35">
      <c r="A9420" s="1" t="s">
        <v>36143</v>
      </c>
      <c r="B9420" s="1" t="s">
        <v>35518</v>
      </c>
      <c r="C9420" s="1" t="s">
        <v>75</v>
      </c>
      <c r="D9420" s="1" t="s">
        <v>36192</v>
      </c>
      <c r="E9420" s="1" t="s">
        <v>36193</v>
      </c>
      <c r="F9420" s="1" t="s">
        <v>36194</v>
      </c>
      <c r="G9420" s="1" t="s">
        <v>36147</v>
      </c>
      <c r="H9420" s="1" t="s">
        <v>36148</v>
      </c>
      <c r="I9420" s="1" t="s">
        <v>35524</v>
      </c>
      <c r="J9420" s="1" t="s">
        <v>36195</v>
      </c>
    </row>
    <row r="9421" spans="1:10" x14ac:dyDescent="0.35">
      <c r="A9421" s="1" t="s">
        <v>36143</v>
      </c>
      <c r="B9421" s="1" t="s">
        <v>35518</v>
      </c>
      <c r="C9421" s="1" t="s">
        <v>80</v>
      </c>
      <c r="D9421" s="1" t="s">
        <v>15467</v>
      </c>
      <c r="E9421" s="1" t="s">
        <v>36196</v>
      </c>
      <c r="F9421" s="1" t="s">
        <v>36197</v>
      </c>
      <c r="G9421" s="1" t="s">
        <v>36147</v>
      </c>
      <c r="H9421" s="1" t="s">
        <v>36148</v>
      </c>
      <c r="I9421" s="1" t="s">
        <v>35524</v>
      </c>
      <c r="J9421" s="1" t="s">
        <v>36198</v>
      </c>
    </row>
    <row r="9422" spans="1:10" x14ac:dyDescent="0.35">
      <c r="A9422" s="1" t="s">
        <v>36143</v>
      </c>
      <c r="B9422" s="1" t="s">
        <v>35518</v>
      </c>
      <c r="C9422" s="1" t="s">
        <v>85</v>
      </c>
      <c r="D9422" s="1" t="s">
        <v>35686</v>
      </c>
      <c r="E9422" s="1" t="s">
        <v>36199</v>
      </c>
      <c r="F9422" s="1" t="s">
        <v>36200</v>
      </c>
      <c r="G9422" s="1" t="s">
        <v>36147</v>
      </c>
      <c r="H9422" s="1" t="s">
        <v>36148</v>
      </c>
      <c r="I9422" s="1" t="s">
        <v>35524</v>
      </c>
      <c r="J9422" s="1" t="s">
        <v>23667</v>
      </c>
    </row>
    <row r="9423" spans="1:10" x14ac:dyDescent="0.35">
      <c r="A9423" s="1" t="s">
        <v>36143</v>
      </c>
      <c r="B9423" s="1" t="s">
        <v>35518</v>
      </c>
      <c r="C9423" s="1" t="s">
        <v>90</v>
      </c>
      <c r="D9423" s="1" t="s">
        <v>36201</v>
      </c>
      <c r="E9423" s="1" t="s">
        <v>36202</v>
      </c>
      <c r="F9423" s="1" t="s">
        <v>36203</v>
      </c>
      <c r="G9423" s="1" t="s">
        <v>36147</v>
      </c>
      <c r="H9423" s="1" t="s">
        <v>36148</v>
      </c>
      <c r="I9423" s="1" t="s">
        <v>35524</v>
      </c>
      <c r="J9423" s="1" t="s">
        <v>36204</v>
      </c>
    </row>
    <row r="9424" spans="1:10" x14ac:dyDescent="0.35">
      <c r="A9424" s="1" t="s">
        <v>36143</v>
      </c>
      <c r="B9424" s="1" t="s">
        <v>35518</v>
      </c>
      <c r="C9424" s="1" t="s">
        <v>95</v>
      </c>
      <c r="D9424" s="1" t="s">
        <v>34500</v>
      </c>
      <c r="E9424" s="1" t="s">
        <v>36205</v>
      </c>
      <c r="F9424" s="1" t="s">
        <v>36206</v>
      </c>
      <c r="G9424" s="1" t="s">
        <v>36147</v>
      </c>
      <c r="H9424" s="1" t="s">
        <v>36148</v>
      </c>
      <c r="I9424" s="1" t="s">
        <v>35524</v>
      </c>
      <c r="J9424" s="1" t="s">
        <v>36207</v>
      </c>
    </row>
    <row r="9425" spans="1:10" x14ac:dyDescent="0.35">
      <c r="A9425" s="1" t="s">
        <v>36143</v>
      </c>
      <c r="B9425" s="1" t="s">
        <v>35518</v>
      </c>
      <c r="C9425" s="1" t="s">
        <v>100</v>
      </c>
      <c r="D9425" s="1" t="s">
        <v>36208</v>
      </c>
      <c r="E9425" s="1" t="s">
        <v>36209</v>
      </c>
      <c r="F9425" s="1" t="s">
        <v>36210</v>
      </c>
      <c r="G9425" s="1" t="s">
        <v>36147</v>
      </c>
      <c r="H9425" s="1" t="s">
        <v>36148</v>
      </c>
      <c r="I9425" s="1" t="s">
        <v>35524</v>
      </c>
      <c r="J9425" s="1" t="s">
        <v>36211</v>
      </c>
    </row>
    <row r="9426" spans="1:10" x14ac:dyDescent="0.35">
      <c r="A9426" s="1" t="s">
        <v>36143</v>
      </c>
      <c r="B9426" s="1" t="s">
        <v>35518</v>
      </c>
      <c r="C9426" s="1" t="s">
        <v>105</v>
      </c>
      <c r="D9426" s="1" t="s">
        <v>36212</v>
      </c>
      <c r="E9426" s="1" t="s">
        <v>36213</v>
      </c>
      <c r="F9426" s="1" t="s">
        <v>36214</v>
      </c>
      <c r="G9426" s="1" t="s">
        <v>36147</v>
      </c>
      <c r="H9426" s="1" t="s">
        <v>36148</v>
      </c>
      <c r="I9426" s="1" t="s">
        <v>35524</v>
      </c>
      <c r="J9426" s="1" t="s">
        <v>36215</v>
      </c>
    </row>
    <row r="9427" spans="1:10" x14ac:dyDescent="0.35">
      <c r="A9427" s="1" t="s">
        <v>36143</v>
      </c>
      <c r="B9427" s="1" t="s">
        <v>35518</v>
      </c>
      <c r="C9427" s="1" t="s">
        <v>110</v>
      </c>
      <c r="D9427" s="1" t="s">
        <v>36216</v>
      </c>
      <c r="E9427" s="1" t="s">
        <v>36217</v>
      </c>
      <c r="F9427" s="1" t="s">
        <v>36218</v>
      </c>
      <c r="G9427" s="1" t="s">
        <v>36147</v>
      </c>
      <c r="H9427" s="1" t="s">
        <v>36148</v>
      </c>
      <c r="I9427" s="1" t="s">
        <v>35524</v>
      </c>
      <c r="J9427" s="1" t="s">
        <v>36219</v>
      </c>
    </row>
    <row r="9428" spans="1:10" x14ac:dyDescent="0.35">
      <c r="A9428" s="1" t="s">
        <v>36143</v>
      </c>
      <c r="B9428" s="1" t="s">
        <v>35518</v>
      </c>
      <c r="C9428" s="1" t="s">
        <v>115</v>
      </c>
      <c r="D9428" s="1" t="s">
        <v>36220</v>
      </c>
      <c r="E9428" s="1" t="s">
        <v>36221</v>
      </c>
      <c r="F9428" s="1" t="s">
        <v>36222</v>
      </c>
      <c r="G9428" s="1" t="s">
        <v>36147</v>
      </c>
      <c r="H9428" s="1" t="s">
        <v>36148</v>
      </c>
      <c r="I9428" s="1" t="s">
        <v>35524</v>
      </c>
      <c r="J9428" s="1" t="s">
        <v>36223</v>
      </c>
    </row>
    <row r="9429" spans="1:10" x14ac:dyDescent="0.35">
      <c r="A9429" s="1" t="s">
        <v>36143</v>
      </c>
      <c r="B9429" s="1" t="s">
        <v>35518</v>
      </c>
      <c r="C9429" s="1" t="s">
        <v>120</v>
      </c>
      <c r="D9429" s="1" t="s">
        <v>36224</v>
      </c>
      <c r="E9429" s="1" t="s">
        <v>36225</v>
      </c>
      <c r="F9429" s="1" t="s">
        <v>36226</v>
      </c>
      <c r="G9429" s="1" t="s">
        <v>36147</v>
      </c>
      <c r="H9429" s="1" t="s">
        <v>36148</v>
      </c>
      <c r="I9429" s="1" t="s">
        <v>35524</v>
      </c>
      <c r="J9429" s="1" t="s">
        <v>36227</v>
      </c>
    </row>
    <row r="9430" spans="1:10" x14ac:dyDescent="0.35">
      <c r="A9430" s="1" t="s">
        <v>36143</v>
      </c>
      <c r="B9430" s="1" t="s">
        <v>35518</v>
      </c>
      <c r="C9430" s="1" t="s">
        <v>125</v>
      </c>
      <c r="D9430" s="1" t="s">
        <v>36228</v>
      </c>
      <c r="E9430" s="1" t="s">
        <v>36229</v>
      </c>
      <c r="F9430" s="1" t="s">
        <v>36230</v>
      </c>
      <c r="G9430" s="1" t="s">
        <v>36147</v>
      </c>
      <c r="H9430" s="1" t="s">
        <v>36148</v>
      </c>
      <c r="I9430" s="1" t="s">
        <v>35524</v>
      </c>
      <c r="J9430" s="1" t="s">
        <v>36231</v>
      </c>
    </row>
    <row r="9431" spans="1:10" x14ac:dyDescent="0.35">
      <c r="A9431" s="1" t="s">
        <v>36143</v>
      </c>
      <c r="B9431" s="1" t="s">
        <v>35518</v>
      </c>
      <c r="C9431" s="1" t="s">
        <v>130</v>
      </c>
      <c r="D9431" s="1" t="s">
        <v>36232</v>
      </c>
      <c r="E9431" s="1" t="s">
        <v>36233</v>
      </c>
      <c r="F9431" s="1" t="s">
        <v>36234</v>
      </c>
      <c r="G9431" s="1" t="s">
        <v>36147</v>
      </c>
      <c r="H9431" s="1" t="s">
        <v>36148</v>
      </c>
      <c r="I9431" s="1" t="s">
        <v>35524</v>
      </c>
      <c r="J9431" s="1" t="s">
        <v>36235</v>
      </c>
    </row>
    <row r="9432" spans="1:10" x14ac:dyDescent="0.35">
      <c r="A9432" s="1" t="s">
        <v>36143</v>
      </c>
      <c r="B9432" s="1" t="s">
        <v>35518</v>
      </c>
      <c r="C9432" s="1" t="s">
        <v>135</v>
      </c>
      <c r="D9432" s="1" t="s">
        <v>36236</v>
      </c>
      <c r="E9432" s="1" t="s">
        <v>36237</v>
      </c>
      <c r="F9432" s="1" t="s">
        <v>36238</v>
      </c>
      <c r="G9432" s="1" t="s">
        <v>36147</v>
      </c>
      <c r="H9432" s="1" t="s">
        <v>36148</v>
      </c>
      <c r="I9432" s="1" t="s">
        <v>35524</v>
      </c>
      <c r="J9432" s="1" t="s">
        <v>36239</v>
      </c>
    </row>
    <row r="9433" spans="1:10" x14ac:dyDescent="0.35">
      <c r="A9433" s="1" t="s">
        <v>36143</v>
      </c>
      <c r="B9433" s="1" t="s">
        <v>35518</v>
      </c>
      <c r="C9433" s="1" t="s">
        <v>140</v>
      </c>
      <c r="D9433" s="1" t="s">
        <v>16364</v>
      </c>
      <c r="E9433" s="1" t="s">
        <v>36240</v>
      </c>
      <c r="F9433" s="1" t="s">
        <v>36241</v>
      </c>
      <c r="G9433" s="1" t="s">
        <v>36147</v>
      </c>
      <c r="H9433" s="1" t="s">
        <v>36148</v>
      </c>
      <c r="I9433" s="1" t="s">
        <v>35524</v>
      </c>
      <c r="J9433" s="1" t="s">
        <v>36242</v>
      </c>
    </row>
    <row r="9434" spans="1:10" x14ac:dyDescent="0.35">
      <c r="A9434" s="1" t="s">
        <v>36143</v>
      </c>
      <c r="B9434" s="1" t="s">
        <v>35518</v>
      </c>
      <c r="C9434" s="1" t="s">
        <v>145</v>
      </c>
      <c r="D9434" s="1" t="s">
        <v>16034</v>
      </c>
      <c r="E9434" s="1" t="s">
        <v>36243</v>
      </c>
      <c r="F9434" s="1" t="s">
        <v>36244</v>
      </c>
      <c r="G9434" s="1" t="s">
        <v>36147</v>
      </c>
      <c r="H9434" s="1" t="s">
        <v>36148</v>
      </c>
      <c r="I9434" s="1" t="s">
        <v>35524</v>
      </c>
      <c r="J9434" s="1" t="s">
        <v>36245</v>
      </c>
    </row>
    <row r="9435" spans="1:10" x14ac:dyDescent="0.35">
      <c r="A9435" s="1" t="s">
        <v>36143</v>
      </c>
      <c r="B9435" s="1" t="s">
        <v>35518</v>
      </c>
      <c r="C9435" s="1" t="s">
        <v>150</v>
      </c>
      <c r="D9435" s="1" t="s">
        <v>5143</v>
      </c>
      <c r="E9435" s="1" t="s">
        <v>36246</v>
      </c>
      <c r="F9435" s="1" t="s">
        <v>36247</v>
      </c>
      <c r="G9435" s="1" t="s">
        <v>36147</v>
      </c>
      <c r="H9435" s="1" t="s">
        <v>36148</v>
      </c>
      <c r="I9435" s="1" t="s">
        <v>35524</v>
      </c>
      <c r="J9435" s="1" t="s">
        <v>36248</v>
      </c>
    </row>
    <row r="9436" spans="1:10" x14ac:dyDescent="0.35">
      <c r="A9436" s="1" t="s">
        <v>36143</v>
      </c>
      <c r="B9436" s="1" t="s">
        <v>35518</v>
      </c>
      <c r="C9436" s="1" t="s">
        <v>155</v>
      </c>
      <c r="D9436" s="1" t="s">
        <v>36249</v>
      </c>
      <c r="E9436" s="1" t="s">
        <v>36250</v>
      </c>
      <c r="F9436" s="1" t="s">
        <v>36251</v>
      </c>
      <c r="G9436" s="1" t="s">
        <v>36147</v>
      </c>
      <c r="H9436" s="1" t="s">
        <v>36148</v>
      </c>
      <c r="I9436" s="1" t="s">
        <v>35524</v>
      </c>
      <c r="J9436" s="1" t="s">
        <v>36252</v>
      </c>
    </row>
    <row r="9437" spans="1:10" x14ac:dyDescent="0.35">
      <c r="A9437" s="1" t="s">
        <v>36143</v>
      </c>
      <c r="B9437" s="1" t="s">
        <v>35518</v>
      </c>
      <c r="C9437" s="1" t="s">
        <v>160</v>
      </c>
      <c r="D9437" s="1" t="s">
        <v>36253</v>
      </c>
      <c r="E9437" s="1" t="s">
        <v>36254</v>
      </c>
      <c r="F9437" s="1" t="s">
        <v>36255</v>
      </c>
      <c r="G9437" s="1" t="s">
        <v>36147</v>
      </c>
      <c r="H9437" s="1" t="s">
        <v>36148</v>
      </c>
      <c r="I9437" s="1" t="s">
        <v>35524</v>
      </c>
      <c r="J9437" s="1" t="s">
        <v>36256</v>
      </c>
    </row>
    <row r="9438" spans="1:10" x14ac:dyDescent="0.35">
      <c r="A9438" s="1" t="s">
        <v>36143</v>
      </c>
      <c r="B9438" s="1" t="s">
        <v>35518</v>
      </c>
      <c r="C9438" s="1" t="s">
        <v>165</v>
      </c>
      <c r="D9438" s="1" t="s">
        <v>36257</v>
      </c>
      <c r="E9438" s="1" t="s">
        <v>36258</v>
      </c>
      <c r="F9438" s="1" t="s">
        <v>36259</v>
      </c>
      <c r="G9438" s="1" t="s">
        <v>36147</v>
      </c>
      <c r="H9438" s="1" t="s">
        <v>36148</v>
      </c>
      <c r="I9438" s="1" t="s">
        <v>35524</v>
      </c>
      <c r="J9438" s="1" t="s">
        <v>36260</v>
      </c>
    </row>
    <row r="9439" spans="1:10" x14ac:dyDescent="0.35">
      <c r="A9439" s="1" t="s">
        <v>36143</v>
      </c>
      <c r="B9439" s="1" t="s">
        <v>35518</v>
      </c>
      <c r="C9439" s="1" t="s">
        <v>170</v>
      </c>
      <c r="D9439" s="1" t="s">
        <v>36261</v>
      </c>
      <c r="E9439" s="1" t="s">
        <v>36262</v>
      </c>
      <c r="F9439" s="1" t="s">
        <v>36263</v>
      </c>
      <c r="G9439" s="1" t="s">
        <v>36147</v>
      </c>
      <c r="H9439" s="1" t="s">
        <v>36148</v>
      </c>
      <c r="I9439" s="1" t="s">
        <v>35524</v>
      </c>
      <c r="J9439" s="1" t="s">
        <v>36264</v>
      </c>
    </row>
    <row r="9440" spans="1:10" x14ac:dyDescent="0.35">
      <c r="A9440" s="1" t="s">
        <v>36265</v>
      </c>
      <c r="B9440" s="1" t="s">
        <v>35518</v>
      </c>
      <c r="C9440" s="1" t="s">
        <v>8</v>
      </c>
      <c r="D9440" s="1" t="s">
        <v>36266</v>
      </c>
      <c r="E9440" s="1" t="s">
        <v>36267</v>
      </c>
      <c r="F9440" s="1" t="s">
        <v>36268</v>
      </c>
      <c r="G9440" s="1" t="s">
        <v>36269</v>
      </c>
      <c r="H9440" s="1" t="s">
        <v>36270</v>
      </c>
      <c r="I9440" s="1" t="s">
        <v>35524</v>
      </c>
      <c r="J9440" s="1" t="s">
        <v>13</v>
      </c>
    </row>
    <row r="9441" spans="1:10" x14ac:dyDescent="0.35">
      <c r="A9441" s="1" t="s">
        <v>36265</v>
      </c>
      <c r="B9441" s="1" t="s">
        <v>35518</v>
      </c>
      <c r="C9441" s="1" t="s">
        <v>15</v>
      </c>
      <c r="D9441" s="1" t="s">
        <v>36271</v>
      </c>
      <c r="E9441" s="1" t="s">
        <v>36272</v>
      </c>
      <c r="F9441" s="1" t="s">
        <v>36273</v>
      </c>
      <c r="G9441" s="1" t="s">
        <v>36269</v>
      </c>
      <c r="H9441" s="1" t="s">
        <v>36270</v>
      </c>
      <c r="I9441" s="1" t="s">
        <v>35524</v>
      </c>
      <c r="J9441" s="1" t="s">
        <v>36274</v>
      </c>
    </row>
    <row r="9442" spans="1:10" x14ac:dyDescent="0.35">
      <c r="A9442" s="1" t="s">
        <v>36265</v>
      </c>
      <c r="B9442" s="1" t="s">
        <v>35518</v>
      </c>
      <c r="C9442" s="1" t="s">
        <v>20</v>
      </c>
      <c r="D9442" s="1" t="s">
        <v>36275</v>
      </c>
      <c r="E9442" s="1" t="s">
        <v>36276</v>
      </c>
      <c r="F9442" s="1" t="s">
        <v>36277</v>
      </c>
      <c r="G9442" s="1" t="s">
        <v>36269</v>
      </c>
      <c r="H9442" s="1" t="s">
        <v>36270</v>
      </c>
      <c r="I9442" s="1" t="s">
        <v>35524</v>
      </c>
      <c r="J9442" s="1" t="s">
        <v>36278</v>
      </c>
    </row>
    <row r="9443" spans="1:10" x14ac:dyDescent="0.35">
      <c r="A9443" s="1" t="s">
        <v>36265</v>
      </c>
      <c r="B9443" s="1" t="s">
        <v>35518</v>
      </c>
      <c r="C9443" s="1" t="s">
        <v>25</v>
      </c>
      <c r="D9443" s="1" t="s">
        <v>36279</v>
      </c>
      <c r="E9443" s="1" t="s">
        <v>36280</v>
      </c>
      <c r="F9443" s="1" t="s">
        <v>36281</v>
      </c>
      <c r="G9443" s="1" t="s">
        <v>36269</v>
      </c>
      <c r="H9443" s="1" t="s">
        <v>36270</v>
      </c>
      <c r="I9443" s="1" t="s">
        <v>35524</v>
      </c>
      <c r="J9443" s="1" t="s">
        <v>36282</v>
      </c>
    </row>
    <row r="9444" spans="1:10" x14ac:dyDescent="0.35">
      <c r="A9444" s="1" t="s">
        <v>36265</v>
      </c>
      <c r="B9444" s="1" t="s">
        <v>35518</v>
      </c>
      <c r="C9444" s="1" t="s">
        <v>30</v>
      </c>
      <c r="D9444" s="1" t="s">
        <v>36283</v>
      </c>
      <c r="E9444" s="1" t="s">
        <v>36284</v>
      </c>
      <c r="F9444" s="1" t="s">
        <v>36285</v>
      </c>
      <c r="G9444" s="1" t="s">
        <v>36269</v>
      </c>
      <c r="H9444" s="1" t="s">
        <v>36270</v>
      </c>
      <c r="I9444" s="1" t="s">
        <v>35524</v>
      </c>
      <c r="J9444" s="1" t="s">
        <v>36286</v>
      </c>
    </row>
    <row r="9445" spans="1:10" x14ac:dyDescent="0.35">
      <c r="A9445" s="1" t="s">
        <v>36265</v>
      </c>
      <c r="B9445" s="1" t="s">
        <v>35518</v>
      </c>
      <c r="C9445" s="1" t="s">
        <v>35</v>
      </c>
      <c r="D9445" s="1" t="s">
        <v>36287</v>
      </c>
      <c r="E9445" s="1" t="s">
        <v>36288</v>
      </c>
      <c r="F9445" s="1" t="s">
        <v>36289</v>
      </c>
      <c r="G9445" s="1" t="s">
        <v>36269</v>
      </c>
      <c r="H9445" s="1" t="s">
        <v>36270</v>
      </c>
      <c r="I9445" s="1" t="s">
        <v>35524</v>
      </c>
      <c r="J9445" s="1" t="s">
        <v>36290</v>
      </c>
    </row>
    <row r="9446" spans="1:10" x14ac:dyDescent="0.35">
      <c r="A9446" s="1" t="s">
        <v>36265</v>
      </c>
      <c r="B9446" s="1" t="s">
        <v>35518</v>
      </c>
      <c r="C9446" s="1" t="s">
        <v>40</v>
      </c>
      <c r="D9446" s="1" t="s">
        <v>36291</v>
      </c>
      <c r="E9446" s="1" t="s">
        <v>36292</v>
      </c>
      <c r="F9446" s="1" t="s">
        <v>36293</v>
      </c>
      <c r="G9446" s="1" t="s">
        <v>36269</v>
      </c>
      <c r="H9446" s="1" t="s">
        <v>36270</v>
      </c>
      <c r="I9446" s="1" t="s">
        <v>35524</v>
      </c>
      <c r="J9446" s="1" t="s">
        <v>36294</v>
      </c>
    </row>
    <row r="9447" spans="1:10" x14ac:dyDescent="0.35">
      <c r="A9447" s="1" t="s">
        <v>36265</v>
      </c>
      <c r="B9447" s="1" t="s">
        <v>35518</v>
      </c>
      <c r="C9447" s="1" t="s">
        <v>45</v>
      </c>
      <c r="D9447" s="1" t="s">
        <v>36295</v>
      </c>
      <c r="E9447" s="1" t="s">
        <v>36296</v>
      </c>
      <c r="F9447" s="1" t="s">
        <v>36297</v>
      </c>
      <c r="G9447" s="1" t="s">
        <v>36269</v>
      </c>
      <c r="H9447" s="1" t="s">
        <v>36270</v>
      </c>
      <c r="I9447" s="1" t="s">
        <v>35524</v>
      </c>
      <c r="J9447" s="1" t="s">
        <v>36298</v>
      </c>
    </row>
    <row r="9448" spans="1:10" x14ac:dyDescent="0.35">
      <c r="A9448" s="1" t="s">
        <v>36265</v>
      </c>
      <c r="B9448" s="1" t="s">
        <v>35518</v>
      </c>
      <c r="C9448" s="1" t="s">
        <v>50</v>
      </c>
      <c r="D9448" s="1" t="s">
        <v>36299</v>
      </c>
      <c r="E9448" s="1" t="s">
        <v>36300</v>
      </c>
      <c r="F9448" s="1" t="s">
        <v>36301</v>
      </c>
      <c r="G9448" s="1" t="s">
        <v>36269</v>
      </c>
      <c r="H9448" s="1" t="s">
        <v>36270</v>
      </c>
      <c r="I9448" s="1" t="s">
        <v>35524</v>
      </c>
      <c r="J9448" s="1" t="s">
        <v>36302</v>
      </c>
    </row>
    <row r="9449" spans="1:10" x14ac:dyDescent="0.35">
      <c r="A9449" s="1" t="s">
        <v>36265</v>
      </c>
      <c r="B9449" s="1" t="s">
        <v>35518</v>
      </c>
      <c r="C9449" s="1" t="s">
        <v>55</v>
      </c>
      <c r="D9449" s="1" t="s">
        <v>36303</v>
      </c>
      <c r="E9449" s="1" t="s">
        <v>36304</v>
      </c>
      <c r="F9449" s="1" t="s">
        <v>36305</v>
      </c>
      <c r="G9449" s="1" t="s">
        <v>36269</v>
      </c>
      <c r="H9449" s="1" t="s">
        <v>36270</v>
      </c>
      <c r="I9449" s="1" t="s">
        <v>35524</v>
      </c>
      <c r="J9449" s="1" t="s">
        <v>36306</v>
      </c>
    </row>
    <row r="9450" spans="1:10" x14ac:dyDescent="0.35">
      <c r="A9450" s="1" t="s">
        <v>36265</v>
      </c>
      <c r="B9450" s="1" t="s">
        <v>35518</v>
      </c>
      <c r="C9450" s="1" t="s">
        <v>60</v>
      </c>
      <c r="D9450" s="1" t="s">
        <v>36307</v>
      </c>
      <c r="E9450" s="1" t="s">
        <v>36308</v>
      </c>
      <c r="F9450" s="1" t="s">
        <v>36309</v>
      </c>
      <c r="G9450" s="1" t="s">
        <v>36269</v>
      </c>
      <c r="H9450" s="1" t="s">
        <v>36270</v>
      </c>
      <c r="I9450" s="1" t="s">
        <v>35524</v>
      </c>
      <c r="J9450" s="1" t="s">
        <v>36310</v>
      </c>
    </row>
    <row r="9451" spans="1:10" x14ac:dyDescent="0.35">
      <c r="A9451" s="1" t="s">
        <v>36265</v>
      </c>
      <c r="B9451" s="1" t="s">
        <v>35518</v>
      </c>
      <c r="C9451" s="1" t="s">
        <v>65</v>
      </c>
      <c r="D9451" s="1" t="s">
        <v>36311</v>
      </c>
      <c r="E9451" s="1" t="s">
        <v>36312</v>
      </c>
      <c r="F9451" s="1" t="s">
        <v>36313</v>
      </c>
      <c r="G9451" s="1" t="s">
        <v>36269</v>
      </c>
      <c r="H9451" s="1" t="s">
        <v>36270</v>
      </c>
      <c r="I9451" s="1" t="s">
        <v>35524</v>
      </c>
      <c r="J9451" s="1" t="s">
        <v>36314</v>
      </c>
    </row>
    <row r="9452" spans="1:10" x14ac:dyDescent="0.35">
      <c r="A9452" s="1" t="s">
        <v>36265</v>
      </c>
      <c r="B9452" s="1" t="s">
        <v>35518</v>
      </c>
      <c r="C9452" s="1" t="s">
        <v>70</v>
      </c>
      <c r="D9452" s="1" t="s">
        <v>36315</v>
      </c>
      <c r="E9452" s="1" t="s">
        <v>36316</v>
      </c>
      <c r="F9452" s="1" t="s">
        <v>36317</v>
      </c>
      <c r="G9452" s="1" t="s">
        <v>36269</v>
      </c>
      <c r="H9452" s="1" t="s">
        <v>36270</v>
      </c>
      <c r="I9452" s="1" t="s">
        <v>35524</v>
      </c>
      <c r="J9452" s="1" t="s">
        <v>36318</v>
      </c>
    </row>
    <row r="9453" spans="1:10" x14ac:dyDescent="0.35">
      <c r="A9453" s="1" t="s">
        <v>36265</v>
      </c>
      <c r="B9453" s="1" t="s">
        <v>35518</v>
      </c>
      <c r="C9453" s="1" t="s">
        <v>75</v>
      </c>
      <c r="D9453" s="1" t="s">
        <v>22281</v>
      </c>
      <c r="E9453" s="1" t="s">
        <v>36319</v>
      </c>
      <c r="F9453" s="1" t="s">
        <v>36320</v>
      </c>
      <c r="G9453" s="1" t="s">
        <v>36269</v>
      </c>
      <c r="H9453" s="1" t="s">
        <v>36270</v>
      </c>
      <c r="I9453" s="1" t="s">
        <v>35524</v>
      </c>
      <c r="J9453" s="1" t="s">
        <v>36321</v>
      </c>
    </row>
    <row r="9454" spans="1:10" x14ac:dyDescent="0.35">
      <c r="A9454" s="1" t="s">
        <v>36265</v>
      </c>
      <c r="B9454" s="1" t="s">
        <v>35518</v>
      </c>
      <c r="C9454" s="1" t="s">
        <v>80</v>
      </c>
      <c r="D9454" s="1" t="s">
        <v>36322</v>
      </c>
      <c r="E9454" s="1" t="s">
        <v>36323</v>
      </c>
      <c r="F9454" s="1" t="s">
        <v>36324</v>
      </c>
      <c r="G9454" s="1" t="s">
        <v>36269</v>
      </c>
      <c r="H9454" s="1" t="s">
        <v>36270</v>
      </c>
      <c r="I9454" s="1" t="s">
        <v>35524</v>
      </c>
      <c r="J9454" s="1" t="s">
        <v>36325</v>
      </c>
    </row>
    <row r="9455" spans="1:10" x14ac:dyDescent="0.35">
      <c r="A9455" s="1" t="s">
        <v>36265</v>
      </c>
      <c r="B9455" s="1" t="s">
        <v>35518</v>
      </c>
      <c r="C9455" s="1" t="s">
        <v>85</v>
      </c>
      <c r="D9455" s="1" t="s">
        <v>36326</v>
      </c>
      <c r="E9455" s="1" t="s">
        <v>36327</v>
      </c>
      <c r="F9455" s="1" t="s">
        <v>36328</v>
      </c>
      <c r="G9455" s="1" t="s">
        <v>36269</v>
      </c>
      <c r="H9455" s="1" t="s">
        <v>36270</v>
      </c>
      <c r="I9455" s="1" t="s">
        <v>35524</v>
      </c>
      <c r="J9455" s="1" t="s">
        <v>36329</v>
      </c>
    </row>
    <row r="9456" spans="1:10" x14ac:dyDescent="0.35">
      <c r="A9456" s="1" t="s">
        <v>36265</v>
      </c>
      <c r="B9456" s="1" t="s">
        <v>35518</v>
      </c>
      <c r="C9456" s="1" t="s">
        <v>90</v>
      </c>
      <c r="D9456" s="1" t="s">
        <v>36330</v>
      </c>
      <c r="E9456" s="1" t="s">
        <v>36331</v>
      </c>
      <c r="F9456" s="1" t="s">
        <v>36332</v>
      </c>
      <c r="G9456" s="1" t="s">
        <v>36269</v>
      </c>
      <c r="H9456" s="1" t="s">
        <v>36270</v>
      </c>
      <c r="I9456" s="1" t="s">
        <v>35524</v>
      </c>
      <c r="J9456" s="1" t="s">
        <v>36333</v>
      </c>
    </row>
    <row r="9457" spans="1:10" x14ac:dyDescent="0.35">
      <c r="A9457" s="1" t="s">
        <v>36265</v>
      </c>
      <c r="B9457" s="1" t="s">
        <v>35518</v>
      </c>
      <c r="C9457" s="1" t="s">
        <v>95</v>
      </c>
      <c r="D9457" s="1" t="s">
        <v>36334</v>
      </c>
      <c r="E9457" s="1" t="s">
        <v>36335</v>
      </c>
      <c r="F9457" s="1" t="s">
        <v>36336</v>
      </c>
      <c r="G9457" s="1" t="s">
        <v>36269</v>
      </c>
      <c r="H9457" s="1" t="s">
        <v>36270</v>
      </c>
      <c r="I9457" s="1" t="s">
        <v>35524</v>
      </c>
      <c r="J9457" s="1" t="s">
        <v>36337</v>
      </c>
    </row>
    <row r="9458" spans="1:10" x14ac:dyDescent="0.35">
      <c r="A9458" s="1" t="s">
        <v>36265</v>
      </c>
      <c r="B9458" s="1" t="s">
        <v>35518</v>
      </c>
      <c r="C9458" s="1" t="s">
        <v>100</v>
      </c>
      <c r="D9458" s="1" t="s">
        <v>36338</v>
      </c>
      <c r="E9458" s="1" t="s">
        <v>36339</v>
      </c>
      <c r="F9458" s="1" t="s">
        <v>36340</v>
      </c>
      <c r="G9458" s="1" t="s">
        <v>36269</v>
      </c>
      <c r="H9458" s="1" t="s">
        <v>36270</v>
      </c>
      <c r="I9458" s="1" t="s">
        <v>35524</v>
      </c>
      <c r="J9458" s="1" t="s">
        <v>36341</v>
      </c>
    </row>
    <row r="9459" spans="1:10" x14ac:dyDescent="0.35">
      <c r="A9459" s="1" t="s">
        <v>36265</v>
      </c>
      <c r="B9459" s="1" t="s">
        <v>35518</v>
      </c>
      <c r="C9459" s="1" t="s">
        <v>105</v>
      </c>
      <c r="D9459" s="1" t="s">
        <v>36342</v>
      </c>
      <c r="E9459" s="1" t="s">
        <v>36343</v>
      </c>
      <c r="F9459" s="1" t="s">
        <v>36344</v>
      </c>
      <c r="G9459" s="1" t="s">
        <v>36269</v>
      </c>
      <c r="H9459" s="1" t="s">
        <v>36270</v>
      </c>
      <c r="I9459" s="1" t="s">
        <v>35524</v>
      </c>
      <c r="J9459" s="1" t="s">
        <v>36345</v>
      </c>
    </row>
    <row r="9460" spans="1:10" x14ac:dyDescent="0.35">
      <c r="A9460" s="1" t="s">
        <v>36265</v>
      </c>
      <c r="B9460" s="1" t="s">
        <v>35518</v>
      </c>
      <c r="C9460" s="1" t="s">
        <v>110</v>
      </c>
      <c r="D9460" s="1" t="s">
        <v>36346</v>
      </c>
      <c r="E9460" s="1" t="s">
        <v>36347</v>
      </c>
      <c r="F9460" s="1" t="s">
        <v>36348</v>
      </c>
      <c r="G9460" s="1" t="s">
        <v>36269</v>
      </c>
      <c r="H9460" s="1" t="s">
        <v>36270</v>
      </c>
      <c r="I9460" s="1" t="s">
        <v>35524</v>
      </c>
      <c r="J9460" s="1" t="s">
        <v>36349</v>
      </c>
    </row>
    <row r="9461" spans="1:10" x14ac:dyDescent="0.35">
      <c r="A9461" s="1" t="s">
        <v>36265</v>
      </c>
      <c r="B9461" s="1" t="s">
        <v>35518</v>
      </c>
      <c r="C9461" s="1" t="s">
        <v>115</v>
      </c>
      <c r="D9461" s="1" t="s">
        <v>36350</v>
      </c>
      <c r="E9461" s="1" t="s">
        <v>36351</v>
      </c>
      <c r="F9461" s="1" t="s">
        <v>36352</v>
      </c>
      <c r="G9461" s="1" t="s">
        <v>36269</v>
      </c>
      <c r="H9461" s="1" t="s">
        <v>36270</v>
      </c>
      <c r="I9461" s="1" t="s">
        <v>35524</v>
      </c>
      <c r="J9461" s="1" t="s">
        <v>36353</v>
      </c>
    </row>
    <row r="9462" spans="1:10" x14ac:dyDescent="0.35">
      <c r="A9462" s="1" t="s">
        <v>36265</v>
      </c>
      <c r="B9462" s="1" t="s">
        <v>35518</v>
      </c>
      <c r="C9462" s="1" t="s">
        <v>120</v>
      </c>
      <c r="D9462" s="1" t="s">
        <v>12577</v>
      </c>
      <c r="E9462" s="1" t="s">
        <v>36354</v>
      </c>
      <c r="F9462" s="1" t="s">
        <v>36355</v>
      </c>
      <c r="G9462" s="1" t="s">
        <v>36269</v>
      </c>
      <c r="H9462" s="1" t="s">
        <v>36270</v>
      </c>
      <c r="I9462" s="1" t="s">
        <v>35524</v>
      </c>
      <c r="J9462" s="1" t="s">
        <v>36356</v>
      </c>
    </row>
    <row r="9463" spans="1:10" x14ac:dyDescent="0.35">
      <c r="A9463" s="1" t="s">
        <v>36265</v>
      </c>
      <c r="B9463" s="1" t="s">
        <v>35518</v>
      </c>
      <c r="C9463" s="1" t="s">
        <v>125</v>
      </c>
      <c r="D9463" s="1" t="s">
        <v>36357</v>
      </c>
      <c r="E9463" s="1" t="s">
        <v>36358</v>
      </c>
      <c r="F9463" s="1" t="s">
        <v>36359</v>
      </c>
      <c r="G9463" s="1" t="s">
        <v>36269</v>
      </c>
      <c r="H9463" s="1" t="s">
        <v>36270</v>
      </c>
      <c r="I9463" s="1" t="s">
        <v>35524</v>
      </c>
      <c r="J9463" s="1" t="s">
        <v>36360</v>
      </c>
    </row>
    <row r="9464" spans="1:10" x14ac:dyDescent="0.35">
      <c r="A9464" s="1" t="s">
        <v>36265</v>
      </c>
      <c r="B9464" s="1" t="s">
        <v>35518</v>
      </c>
      <c r="C9464" s="1" t="s">
        <v>130</v>
      </c>
      <c r="D9464" s="1" t="s">
        <v>36361</v>
      </c>
      <c r="E9464" s="1" t="s">
        <v>36362</v>
      </c>
      <c r="F9464" s="1" t="s">
        <v>36363</v>
      </c>
      <c r="G9464" s="1" t="s">
        <v>36269</v>
      </c>
      <c r="H9464" s="1" t="s">
        <v>36270</v>
      </c>
      <c r="I9464" s="1" t="s">
        <v>35524</v>
      </c>
      <c r="J9464" s="1" t="s">
        <v>36364</v>
      </c>
    </row>
    <row r="9465" spans="1:10" x14ac:dyDescent="0.35">
      <c r="A9465" s="1" t="s">
        <v>36265</v>
      </c>
      <c r="B9465" s="1" t="s">
        <v>35518</v>
      </c>
      <c r="C9465" s="1" t="s">
        <v>135</v>
      </c>
      <c r="D9465" s="1" t="s">
        <v>36365</v>
      </c>
      <c r="E9465" s="1" t="s">
        <v>36366</v>
      </c>
      <c r="F9465" s="1" t="s">
        <v>36367</v>
      </c>
      <c r="G9465" s="1" t="s">
        <v>36269</v>
      </c>
      <c r="H9465" s="1" t="s">
        <v>36270</v>
      </c>
      <c r="I9465" s="1" t="s">
        <v>35524</v>
      </c>
      <c r="J9465" s="1" t="s">
        <v>36368</v>
      </c>
    </row>
    <row r="9466" spans="1:10" x14ac:dyDescent="0.35">
      <c r="A9466" s="1" t="s">
        <v>36265</v>
      </c>
      <c r="B9466" s="1" t="s">
        <v>35518</v>
      </c>
      <c r="C9466" s="1" t="s">
        <v>140</v>
      </c>
      <c r="D9466" s="1" t="s">
        <v>36369</v>
      </c>
      <c r="E9466" s="1" t="s">
        <v>36370</v>
      </c>
      <c r="F9466" s="1" t="s">
        <v>36371</v>
      </c>
      <c r="G9466" s="1" t="s">
        <v>36269</v>
      </c>
      <c r="H9466" s="1" t="s">
        <v>36270</v>
      </c>
      <c r="I9466" s="1" t="s">
        <v>35524</v>
      </c>
      <c r="J9466" s="1" t="s">
        <v>36372</v>
      </c>
    </row>
    <row r="9467" spans="1:10" x14ac:dyDescent="0.35">
      <c r="A9467" s="1" t="s">
        <v>36265</v>
      </c>
      <c r="B9467" s="1" t="s">
        <v>35518</v>
      </c>
      <c r="C9467" s="1" t="s">
        <v>145</v>
      </c>
      <c r="D9467" s="1" t="s">
        <v>36373</v>
      </c>
      <c r="E9467" s="1" t="s">
        <v>36374</v>
      </c>
      <c r="F9467" s="1" t="s">
        <v>36375</v>
      </c>
      <c r="G9467" s="1" t="s">
        <v>36269</v>
      </c>
      <c r="H9467" s="1" t="s">
        <v>36270</v>
      </c>
      <c r="I9467" s="1" t="s">
        <v>35524</v>
      </c>
      <c r="J9467" s="1" t="s">
        <v>36376</v>
      </c>
    </row>
    <row r="9468" spans="1:10" x14ac:dyDescent="0.35">
      <c r="A9468" s="1" t="s">
        <v>36265</v>
      </c>
      <c r="B9468" s="1" t="s">
        <v>35518</v>
      </c>
      <c r="C9468" s="1" t="s">
        <v>150</v>
      </c>
      <c r="D9468" s="1" t="s">
        <v>36377</v>
      </c>
      <c r="E9468" s="1" t="s">
        <v>36378</v>
      </c>
      <c r="F9468" s="1" t="s">
        <v>36379</v>
      </c>
      <c r="G9468" s="1" t="s">
        <v>36269</v>
      </c>
      <c r="H9468" s="1" t="s">
        <v>36270</v>
      </c>
      <c r="I9468" s="1" t="s">
        <v>35524</v>
      </c>
      <c r="J9468" s="1" t="s">
        <v>36380</v>
      </c>
    </row>
    <row r="9469" spans="1:10" x14ac:dyDescent="0.35">
      <c r="A9469" s="1" t="s">
        <v>36265</v>
      </c>
      <c r="B9469" s="1" t="s">
        <v>35518</v>
      </c>
      <c r="C9469" s="1" t="s">
        <v>155</v>
      </c>
      <c r="D9469" s="1" t="s">
        <v>36381</v>
      </c>
      <c r="E9469" s="1" t="s">
        <v>36382</v>
      </c>
      <c r="F9469" s="1" t="s">
        <v>36383</v>
      </c>
      <c r="G9469" s="1" t="s">
        <v>36269</v>
      </c>
      <c r="H9469" s="1" t="s">
        <v>36270</v>
      </c>
      <c r="I9469" s="1" t="s">
        <v>35524</v>
      </c>
      <c r="J9469" s="1" t="s">
        <v>36384</v>
      </c>
    </row>
    <row r="9470" spans="1:10" x14ac:dyDescent="0.35">
      <c r="A9470" s="1" t="s">
        <v>36265</v>
      </c>
      <c r="B9470" s="1" t="s">
        <v>35518</v>
      </c>
      <c r="C9470" s="1" t="s">
        <v>160</v>
      </c>
      <c r="D9470" s="1" t="s">
        <v>36385</v>
      </c>
      <c r="E9470" s="1" t="s">
        <v>36386</v>
      </c>
      <c r="F9470" s="1" t="s">
        <v>36387</v>
      </c>
      <c r="G9470" s="1" t="s">
        <v>36269</v>
      </c>
      <c r="H9470" s="1" t="s">
        <v>36270</v>
      </c>
      <c r="I9470" s="1" t="s">
        <v>35524</v>
      </c>
      <c r="J9470" s="1" t="s">
        <v>36388</v>
      </c>
    </row>
    <row r="9471" spans="1:10" x14ac:dyDescent="0.35">
      <c r="A9471" s="1" t="s">
        <v>36265</v>
      </c>
      <c r="B9471" s="1" t="s">
        <v>35518</v>
      </c>
      <c r="C9471" s="1" t="s">
        <v>165</v>
      </c>
      <c r="D9471" s="1" t="s">
        <v>36389</v>
      </c>
      <c r="E9471" s="1" t="s">
        <v>36390</v>
      </c>
      <c r="F9471" s="1" t="s">
        <v>36391</v>
      </c>
      <c r="G9471" s="1" t="s">
        <v>36269</v>
      </c>
      <c r="H9471" s="1" t="s">
        <v>36270</v>
      </c>
      <c r="I9471" s="1" t="s">
        <v>35524</v>
      </c>
      <c r="J9471" s="1" t="s">
        <v>36392</v>
      </c>
    </row>
    <row r="9472" spans="1:10" x14ac:dyDescent="0.35">
      <c r="A9472" s="1" t="s">
        <v>36265</v>
      </c>
      <c r="B9472" s="1" t="s">
        <v>35518</v>
      </c>
      <c r="C9472" s="1" t="s">
        <v>170</v>
      </c>
      <c r="D9472" s="1" t="s">
        <v>36393</v>
      </c>
      <c r="E9472" s="1" t="s">
        <v>36394</v>
      </c>
      <c r="F9472" s="1" t="s">
        <v>36395</v>
      </c>
      <c r="G9472" s="1" t="s">
        <v>36269</v>
      </c>
      <c r="H9472" s="1" t="s">
        <v>36270</v>
      </c>
      <c r="I9472" s="1" t="s">
        <v>35524</v>
      </c>
      <c r="J9472" s="1" t="s">
        <v>36396</v>
      </c>
    </row>
    <row r="9473" spans="1:10" x14ac:dyDescent="0.35">
      <c r="A9473" s="1" t="s">
        <v>36397</v>
      </c>
      <c r="B9473" s="1" t="s">
        <v>35518</v>
      </c>
      <c r="C9473" s="1" t="s">
        <v>8</v>
      </c>
      <c r="D9473" s="1" t="s">
        <v>36398</v>
      </c>
      <c r="E9473" s="1" t="s">
        <v>36399</v>
      </c>
      <c r="F9473" s="1" t="s">
        <v>36400</v>
      </c>
      <c r="G9473" s="1" t="s">
        <v>36401</v>
      </c>
      <c r="H9473" s="1" t="s">
        <v>36402</v>
      </c>
      <c r="I9473" s="1" t="s">
        <v>35524</v>
      </c>
      <c r="J9473" s="1" t="s">
        <v>13</v>
      </c>
    </row>
    <row r="9474" spans="1:10" x14ac:dyDescent="0.35">
      <c r="A9474" s="1" t="s">
        <v>36397</v>
      </c>
      <c r="B9474" s="1" t="s">
        <v>35518</v>
      </c>
      <c r="C9474" s="1" t="s">
        <v>15</v>
      </c>
      <c r="D9474" s="1" t="s">
        <v>36403</v>
      </c>
      <c r="E9474" s="1" t="s">
        <v>36404</v>
      </c>
      <c r="F9474" s="1" t="s">
        <v>36405</v>
      </c>
      <c r="G9474" s="1" t="s">
        <v>36401</v>
      </c>
      <c r="H9474" s="1" t="s">
        <v>36402</v>
      </c>
      <c r="I9474" s="1" t="s">
        <v>35524</v>
      </c>
      <c r="J9474" s="1" t="s">
        <v>36406</v>
      </c>
    </row>
    <row r="9475" spans="1:10" x14ac:dyDescent="0.35">
      <c r="A9475" s="1" t="s">
        <v>36397</v>
      </c>
      <c r="B9475" s="1" t="s">
        <v>35518</v>
      </c>
      <c r="C9475" s="1" t="s">
        <v>20</v>
      </c>
      <c r="D9475" s="1" t="s">
        <v>36407</v>
      </c>
      <c r="E9475" s="1" t="s">
        <v>36408</v>
      </c>
      <c r="F9475" s="1" t="s">
        <v>36409</v>
      </c>
      <c r="G9475" s="1" t="s">
        <v>36401</v>
      </c>
      <c r="H9475" s="1" t="s">
        <v>36402</v>
      </c>
      <c r="I9475" s="1" t="s">
        <v>35524</v>
      </c>
      <c r="J9475" s="1" t="s">
        <v>36410</v>
      </c>
    </row>
    <row r="9476" spans="1:10" x14ac:dyDescent="0.35">
      <c r="A9476" s="1" t="s">
        <v>36397</v>
      </c>
      <c r="B9476" s="1" t="s">
        <v>35518</v>
      </c>
      <c r="C9476" s="1" t="s">
        <v>25</v>
      </c>
      <c r="D9476" s="1" t="s">
        <v>36411</v>
      </c>
      <c r="E9476" s="1" t="s">
        <v>36412</v>
      </c>
      <c r="F9476" s="1" t="s">
        <v>36413</v>
      </c>
      <c r="G9476" s="1" t="s">
        <v>36401</v>
      </c>
      <c r="H9476" s="1" t="s">
        <v>36402</v>
      </c>
      <c r="I9476" s="1" t="s">
        <v>35524</v>
      </c>
      <c r="J9476" s="1" t="s">
        <v>36414</v>
      </c>
    </row>
    <row r="9477" spans="1:10" x14ac:dyDescent="0.35">
      <c r="A9477" s="1" t="s">
        <v>36397</v>
      </c>
      <c r="B9477" s="1" t="s">
        <v>35518</v>
      </c>
      <c r="C9477" s="1" t="s">
        <v>30</v>
      </c>
      <c r="D9477" s="1" t="s">
        <v>36415</v>
      </c>
      <c r="E9477" s="1" t="s">
        <v>36416</v>
      </c>
      <c r="F9477" s="1" t="s">
        <v>36417</v>
      </c>
      <c r="G9477" s="1" t="s">
        <v>36401</v>
      </c>
      <c r="H9477" s="1" t="s">
        <v>36402</v>
      </c>
      <c r="I9477" s="1" t="s">
        <v>35524</v>
      </c>
      <c r="J9477" s="1" t="s">
        <v>36418</v>
      </c>
    </row>
    <row r="9478" spans="1:10" x14ac:dyDescent="0.35">
      <c r="A9478" s="1" t="s">
        <v>36397</v>
      </c>
      <c r="B9478" s="1" t="s">
        <v>35518</v>
      </c>
      <c r="C9478" s="1" t="s">
        <v>35</v>
      </c>
      <c r="D9478" s="1" t="s">
        <v>36419</v>
      </c>
      <c r="E9478" s="1" t="s">
        <v>36420</v>
      </c>
      <c r="F9478" s="1" t="s">
        <v>36421</v>
      </c>
      <c r="G9478" s="1" t="s">
        <v>36401</v>
      </c>
      <c r="H9478" s="1" t="s">
        <v>36402</v>
      </c>
      <c r="I9478" s="1" t="s">
        <v>35524</v>
      </c>
      <c r="J9478" s="1" t="s">
        <v>36422</v>
      </c>
    </row>
    <row r="9479" spans="1:10" x14ac:dyDescent="0.35">
      <c r="A9479" s="1" t="s">
        <v>36397</v>
      </c>
      <c r="B9479" s="1" t="s">
        <v>35518</v>
      </c>
      <c r="C9479" s="1" t="s">
        <v>40</v>
      </c>
      <c r="D9479" s="1" t="s">
        <v>18278</v>
      </c>
      <c r="E9479" s="1" t="s">
        <v>36423</v>
      </c>
      <c r="F9479" s="1" t="s">
        <v>36424</v>
      </c>
      <c r="G9479" s="1" t="s">
        <v>36401</v>
      </c>
      <c r="H9479" s="1" t="s">
        <v>36402</v>
      </c>
      <c r="I9479" s="1" t="s">
        <v>35524</v>
      </c>
      <c r="J9479" s="1" t="s">
        <v>36425</v>
      </c>
    </row>
    <row r="9480" spans="1:10" x14ac:dyDescent="0.35">
      <c r="A9480" s="1" t="s">
        <v>36397</v>
      </c>
      <c r="B9480" s="1" t="s">
        <v>35518</v>
      </c>
      <c r="C9480" s="1" t="s">
        <v>45</v>
      </c>
      <c r="D9480" s="1" t="s">
        <v>36426</v>
      </c>
      <c r="E9480" s="1" t="s">
        <v>36427</v>
      </c>
      <c r="F9480" s="1" t="s">
        <v>36428</v>
      </c>
      <c r="G9480" s="1" t="s">
        <v>36401</v>
      </c>
      <c r="H9480" s="1" t="s">
        <v>36402</v>
      </c>
      <c r="I9480" s="1" t="s">
        <v>35524</v>
      </c>
      <c r="J9480" s="1" t="s">
        <v>36429</v>
      </c>
    </row>
    <row r="9481" spans="1:10" x14ac:dyDescent="0.35">
      <c r="A9481" s="1" t="s">
        <v>36397</v>
      </c>
      <c r="B9481" s="1" t="s">
        <v>35518</v>
      </c>
      <c r="C9481" s="1" t="s">
        <v>50</v>
      </c>
      <c r="D9481" s="1" t="s">
        <v>36430</v>
      </c>
      <c r="E9481" s="1" t="s">
        <v>36431</v>
      </c>
      <c r="F9481" s="1" t="s">
        <v>36432</v>
      </c>
      <c r="G9481" s="1" t="s">
        <v>36401</v>
      </c>
      <c r="H9481" s="1" t="s">
        <v>36402</v>
      </c>
      <c r="I9481" s="1" t="s">
        <v>35524</v>
      </c>
      <c r="J9481" s="1" t="s">
        <v>36433</v>
      </c>
    </row>
    <row r="9482" spans="1:10" x14ac:dyDescent="0.35">
      <c r="A9482" s="1" t="s">
        <v>36397</v>
      </c>
      <c r="B9482" s="1" t="s">
        <v>35518</v>
      </c>
      <c r="C9482" s="1" t="s">
        <v>55</v>
      </c>
      <c r="D9482" s="1" t="s">
        <v>36434</v>
      </c>
      <c r="E9482" s="1" t="s">
        <v>36435</v>
      </c>
      <c r="F9482" s="1" t="s">
        <v>36436</v>
      </c>
      <c r="G9482" s="1" t="s">
        <v>36401</v>
      </c>
      <c r="H9482" s="1" t="s">
        <v>36402</v>
      </c>
      <c r="I9482" s="1" t="s">
        <v>35524</v>
      </c>
      <c r="J9482" s="1" t="s">
        <v>36437</v>
      </c>
    </row>
    <row r="9483" spans="1:10" x14ac:dyDescent="0.35">
      <c r="A9483" s="1" t="s">
        <v>36397</v>
      </c>
      <c r="B9483" s="1" t="s">
        <v>35518</v>
      </c>
      <c r="C9483" s="1" t="s">
        <v>60</v>
      </c>
      <c r="D9483" s="1" t="s">
        <v>36438</v>
      </c>
      <c r="E9483" s="1" t="s">
        <v>36439</v>
      </c>
      <c r="F9483" s="1" t="s">
        <v>36440</v>
      </c>
      <c r="G9483" s="1" t="s">
        <v>36401</v>
      </c>
      <c r="H9483" s="1" t="s">
        <v>36402</v>
      </c>
      <c r="I9483" s="1" t="s">
        <v>35524</v>
      </c>
      <c r="J9483" s="1" t="s">
        <v>36441</v>
      </c>
    </row>
    <row r="9484" spans="1:10" x14ac:dyDescent="0.35">
      <c r="A9484" s="1" t="s">
        <v>36397</v>
      </c>
      <c r="B9484" s="1" t="s">
        <v>35518</v>
      </c>
      <c r="C9484" s="1" t="s">
        <v>65</v>
      </c>
      <c r="D9484" s="1" t="s">
        <v>31404</v>
      </c>
      <c r="E9484" s="1" t="s">
        <v>36442</v>
      </c>
      <c r="F9484" s="1" t="s">
        <v>36443</v>
      </c>
      <c r="G9484" s="1" t="s">
        <v>36401</v>
      </c>
      <c r="H9484" s="1" t="s">
        <v>36402</v>
      </c>
      <c r="I9484" s="1" t="s">
        <v>35524</v>
      </c>
      <c r="J9484" s="1" t="s">
        <v>36444</v>
      </c>
    </row>
    <row r="9485" spans="1:10" x14ac:dyDescent="0.35">
      <c r="A9485" s="1" t="s">
        <v>36397</v>
      </c>
      <c r="B9485" s="1" t="s">
        <v>35518</v>
      </c>
      <c r="C9485" s="1" t="s">
        <v>70</v>
      </c>
      <c r="D9485" s="1" t="s">
        <v>36445</v>
      </c>
      <c r="E9485" s="1" t="s">
        <v>36446</v>
      </c>
      <c r="F9485" s="1" t="s">
        <v>36447</v>
      </c>
      <c r="G9485" s="1" t="s">
        <v>36401</v>
      </c>
      <c r="H9485" s="1" t="s">
        <v>36402</v>
      </c>
      <c r="I9485" s="1" t="s">
        <v>35524</v>
      </c>
      <c r="J9485" s="1" t="s">
        <v>36448</v>
      </c>
    </row>
    <row r="9486" spans="1:10" x14ac:dyDescent="0.35">
      <c r="A9486" s="1" t="s">
        <v>36397</v>
      </c>
      <c r="B9486" s="1" t="s">
        <v>35518</v>
      </c>
      <c r="C9486" s="1" t="s">
        <v>75</v>
      </c>
      <c r="D9486" s="1" t="s">
        <v>36449</v>
      </c>
      <c r="E9486" s="1" t="s">
        <v>36450</v>
      </c>
      <c r="F9486" s="1" t="s">
        <v>36451</v>
      </c>
      <c r="G9486" s="1" t="s">
        <v>36401</v>
      </c>
      <c r="H9486" s="1" t="s">
        <v>36402</v>
      </c>
      <c r="I9486" s="1" t="s">
        <v>35524</v>
      </c>
      <c r="J9486" s="1" t="s">
        <v>36452</v>
      </c>
    </row>
    <row r="9487" spans="1:10" x14ac:dyDescent="0.35">
      <c r="A9487" s="1" t="s">
        <v>36397</v>
      </c>
      <c r="B9487" s="1" t="s">
        <v>35518</v>
      </c>
      <c r="C9487" s="1" t="s">
        <v>80</v>
      </c>
      <c r="D9487" s="1" t="s">
        <v>36453</v>
      </c>
      <c r="E9487" s="1" t="s">
        <v>36454</v>
      </c>
      <c r="F9487" s="1" t="s">
        <v>36455</v>
      </c>
      <c r="G9487" s="1" t="s">
        <v>36401</v>
      </c>
      <c r="H9487" s="1" t="s">
        <v>36402</v>
      </c>
      <c r="I9487" s="1" t="s">
        <v>35524</v>
      </c>
      <c r="J9487" s="1" t="s">
        <v>36456</v>
      </c>
    </row>
    <row r="9488" spans="1:10" x14ac:dyDescent="0.35">
      <c r="A9488" s="1" t="s">
        <v>36397</v>
      </c>
      <c r="B9488" s="1" t="s">
        <v>35518</v>
      </c>
      <c r="C9488" s="1" t="s">
        <v>85</v>
      </c>
      <c r="D9488" s="1" t="s">
        <v>9798</v>
      </c>
      <c r="E9488" s="1" t="s">
        <v>36457</v>
      </c>
      <c r="F9488" s="1" t="s">
        <v>36458</v>
      </c>
      <c r="G9488" s="1" t="s">
        <v>36401</v>
      </c>
      <c r="H9488" s="1" t="s">
        <v>36402</v>
      </c>
      <c r="I9488" s="1" t="s">
        <v>35524</v>
      </c>
      <c r="J9488" s="1" t="s">
        <v>36459</v>
      </c>
    </row>
    <row r="9489" spans="1:10" x14ac:dyDescent="0.35">
      <c r="A9489" s="1" t="s">
        <v>36397</v>
      </c>
      <c r="B9489" s="1" t="s">
        <v>35518</v>
      </c>
      <c r="C9489" s="1" t="s">
        <v>90</v>
      </c>
      <c r="D9489" s="1" t="s">
        <v>36460</v>
      </c>
      <c r="E9489" s="1" t="s">
        <v>36461</v>
      </c>
      <c r="F9489" s="1" t="s">
        <v>36462</v>
      </c>
      <c r="G9489" s="1" t="s">
        <v>36401</v>
      </c>
      <c r="H9489" s="1" t="s">
        <v>36402</v>
      </c>
      <c r="I9489" s="1" t="s">
        <v>35524</v>
      </c>
      <c r="J9489" s="1" t="s">
        <v>36463</v>
      </c>
    </row>
    <row r="9490" spans="1:10" x14ac:dyDescent="0.35">
      <c r="A9490" s="1" t="s">
        <v>36397</v>
      </c>
      <c r="B9490" s="1" t="s">
        <v>35518</v>
      </c>
      <c r="C9490" s="1" t="s">
        <v>95</v>
      </c>
      <c r="D9490" s="1" t="s">
        <v>36464</v>
      </c>
      <c r="E9490" s="1" t="s">
        <v>36465</v>
      </c>
      <c r="F9490" s="1" t="s">
        <v>36466</v>
      </c>
      <c r="G9490" s="1" t="s">
        <v>36401</v>
      </c>
      <c r="H9490" s="1" t="s">
        <v>36402</v>
      </c>
      <c r="I9490" s="1" t="s">
        <v>35524</v>
      </c>
      <c r="J9490" s="1" t="s">
        <v>36467</v>
      </c>
    </row>
    <row r="9491" spans="1:10" x14ac:dyDescent="0.35">
      <c r="A9491" s="1" t="s">
        <v>36397</v>
      </c>
      <c r="B9491" s="1" t="s">
        <v>35518</v>
      </c>
      <c r="C9491" s="1" t="s">
        <v>100</v>
      </c>
      <c r="D9491" s="1" t="s">
        <v>36468</v>
      </c>
      <c r="E9491" s="1" t="s">
        <v>36469</v>
      </c>
      <c r="F9491" s="1" t="s">
        <v>36470</v>
      </c>
      <c r="G9491" s="1" t="s">
        <v>36401</v>
      </c>
      <c r="H9491" s="1" t="s">
        <v>36402</v>
      </c>
      <c r="I9491" s="1" t="s">
        <v>35524</v>
      </c>
      <c r="J9491" s="1" t="s">
        <v>36471</v>
      </c>
    </row>
    <row r="9492" spans="1:10" x14ac:dyDescent="0.35">
      <c r="A9492" s="1" t="s">
        <v>36397</v>
      </c>
      <c r="B9492" s="1" t="s">
        <v>35518</v>
      </c>
      <c r="C9492" s="1" t="s">
        <v>105</v>
      </c>
      <c r="D9492" s="1" t="s">
        <v>36472</v>
      </c>
      <c r="E9492" s="1" t="s">
        <v>36473</v>
      </c>
      <c r="F9492" s="1" t="s">
        <v>36474</v>
      </c>
      <c r="G9492" s="1" t="s">
        <v>36401</v>
      </c>
      <c r="H9492" s="1" t="s">
        <v>36402</v>
      </c>
      <c r="I9492" s="1" t="s">
        <v>35524</v>
      </c>
      <c r="J9492" s="1" t="s">
        <v>36475</v>
      </c>
    </row>
    <row r="9493" spans="1:10" x14ac:dyDescent="0.35">
      <c r="A9493" s="1" t="s">
        <v>36397</v>
      </c>
      <c r="B9493" s="1" t="s">
        <v>35518</v>
      </c>
      <c r="C9493" s="1" t="s">
        <v>110</v>
      </c>
      <c r="D9493" s="1" t="s">
        <v>36476</v>
      </c>
      <c r="E9493" s="1" t="s">
        <v>36477</v>
      </c>
      <c r="F9493" s="1" t="s">
        <v>36478</v>
      </c>
      <c r="G9493" s="1" t="s">
        <v>36401</v>
      </c>
      <c r="H9493" s="1" t="s">
        <v>36402</v>
      </c>
      <c r="I9493" s="1" t="s">
        <v>35524</v>
      </c>
      <c r="J9493" s="1" t="s">
        <v>36479</v>
      </c>
    </row>
    <row r="9494" spans="1:10" x14ac:dyDescent="0.35">
      <c r="A9494" s="1" t="s">
        <v>36397</v>
      </c>
      <c r="B9494" s="1" t="s">
        <v>35518</v>
      </c>
      <c r="C9494" s="1" t="s">
        <v>115</v>
      </c>
      <c r="D9494" s="1" t="s">
        <v>36480</v>
      </c>
      <c r="E9494" s="1" t="s">
        <v>36481</v>
      </c>
      <c r="F9494" s="1" t="s">
        <v>36482</v>
      </c>
      <c r="G9494" s="1" t="s">
        <v>36401</v>
      </c>
      <c r="H9494" s="1" t="s">
        <v>36402</v>
      </c>
      <c r="I9494" s="1" t="s">
        <v>35524</v>
      </c>
      <c r="J9494" s="1" t="s">
        <v>36483</v>
      </c>
    </row>
    <row r="9495" spans="1:10" x14ac:dyDescent="0.35">
      <c r="A9495" s="1" t="s">
        <v>36397</v>
      </c>
      <c r="B9495" s="1" t="s">
        <v>35518</v>
      </c>
      <c r="C9495" s="1" t="s">
        <v>120</v>
      </c>
      <c r="D9495" s="1" t="s">
        <v>36484</v>
      </c>
      <c r="E9495" s="1" t="s">
        <v>36485</v>
      </c>
      <c r="F9495" s="1" t="s">
        <v>36486</v>
      </c>
      <c r="G9495" s="1" t="s">
        <v>36401</v>
      </c>
      <c r="H9495" s="1" t="s">
        <v>36402</v>
      </c>
      <c r="I9495" s="1" t="s">
        <v>35524</v>
      </c>
      <c r="J9495" s="1" t="s">
        <v>36487</v>
      </c>
    </row>
    <row r="9496" spans="1:10" x14ac:dyDescent="0.35">
      <c r="A9496" s="1" t="s">
        <v>36397</v>
      </c>
      <c r="B9496" s="1" t="s">
        <v>35518</v>
      </c>
      <c r="C9496" s="1" t="s">
        <v>125</v>
      </c>
      <c r="D9496" s="1" t="s">
        <v>36488</v>
      </c>
      <c r="E9496" s="1" t="s">
        <v>36489</v>
      </c>
      <c r="F9496" s="1" t="s">
        <v>36490</v>
      </c>
      <c r="G9496" s="1" t="s">
        <v>36401</v>
      </c>
      <c r="H9496" s="1" t="s">
        <v>36402</v>
      </c>
      <c r="I9496" s="1" t="s">
        <v>35524</v>
      </c>
      <c r="J9496" s="1" t="s">
        <v>36491</v>
      </c>
    </row>
    <row r="9497" spans="1:10" x14ac:dyDescent="0.35">
      <c r="A9497" s="1" t="s">
        <v>36397</v>
      </c>
      <c r="B9497" s="1" t="s">
        <v>35518</v>
      </c>
      <c r="C9497" s="1" t="s">
        <v>130</v>
      </c>
      <c r="D9497" s="1" t="s">
        <v>36492</v>
      </c>
      <c r="E9497" s="1" t="s">
        <v>36493</v>
      </c>
      <c r="F9497" s="1" t="s">
        <v>36494</v>
      </c>
      <c r="G9497" s="1" t="s">
        <v>36401</v>
      </c>
      <c r="H9497" s="1" t="s">
        <v>36402</v>
      </c>
      <c r="I9497" s="1" t="s">
        <v>35524</v>
      </c>
      <c r="J9497" s="1" t="s">
        <v>36495</v>
      </c>
    </row>
    <row r="9498" spans="1:10" x14ac:dyDescent="0.35">
      <c r="A9498" s="1" t="s">
        <v>36397</v>
      </c>
      <c r="B9498" s="1" t="s">
        <v>35518</v>
      </c>
      <c r="C9498" s="1" t="s">
        <v>135</v>
      </c>
      <c r="D9498" s="1" t="s">
        <v>36496</v>
      </c>
      <c r="E9498" s="1" t="s">
        <v>36497</v>
      </c>
      <c r="F9498" s="1" t="s">
        <v>36498</v>
      </c>
      <c r="G9498" s="1" t="s">
        <v>36401</v>
      </c>
      <c r="H9498" s="1" t="s">
        <v>36402</v>
      </c>
      <c r="I9498" s="1" t="s">
        <v>35524</v>
      </c>
      <c r="J9498" s="1" t="s">
        <v>36499</v>
      </c>
    </row>
    <row r="9499" spans="1:10" x14ac:dyDescent="0.35">
      <c r="A9499" s="1" t="s">
        <v>36397</v>
      </c>
      <c r="B9499" s="1" t="s">
        <v>35518</v>
      </c>
      <c r="C9499" s="1" t="s">
        <v>140</v>
      </c>
      <c r="D9499" s="1" t="s">
        <v>36500</v>
      </c>
      <c r="E9499" s="1" t="s">
        <v>36501</v>
      </c>
      <c r="F9499" s="1" t="s">
        <v>36502</v>
      </c>
      <c r="G9499" s="1" t="s">
        <v>36401</v>
      </c>
      <c r="H9499" s="1" t="s">
        <v>36402</v>
      </c>
      <c r="I9499" s="1" t="s">
        <v>35524</v>
      </c>
      <c r="J9499" s="1" t="s">
        <v>36503</v>
      </c>
    </row>
    <row r="9500" spans="1:10" x14ac:dyDescent="0.35">
      <c r="A9500" s="1" t="s">
        <v>36397</v>
      </c>
      <c r="B9500" s="1" t="s">
        <v>35518</v>
      </c>
      <c r="C9500" s="1" t="s">
        <v>145</v>
      </c>
      <c r="D9500" s="1" t="s">
        <v>36504</v>
      </c>
      <c r="E9500" s="1" t="s">
        <v>36505</v>
      </c>
      <c r="F9500" s="1" t="s">
        <v>36506</v>
      </c>
      <c r="G9500" s="1" t="s">
        <v>36401</v>
      </c>
      <c r="H9500" s="1" t="s">
        <v>36402</v>
      </c>
      <c r="I9500" s="1" t="s">
        <v>35524</v>
      </c>
      <c r="J9500" s="1" t="s">
        <v>36507</v>
      </c>
    </row>
    <row r="9501" spans="1:10" x14ac:dyDescent="0.35">
      <c r="A9501" s="1" t="s">
        <v>36397</v>
      </c>
      <c r="B9501" s="1" t="s">
        <v>35518</v>
      </c>
      <c r="C9501" s="1" t="s">
        <v>150</v>
      </c>
      <c r="D9501" s="1" t="s">
        <v>36508</v>
      </c>
      <c r="E9501" s="1" t="s">
        <v>36509</v>
      </c>
      <c r="F9501" s="1" t="s">
        <v>36510</v>
      </c>
      <c r="G9501" s="1" t="s">
        <v>36401</v>
      </c>
      <c r="H9501" s="1" t="s">
        <v>36402</v>
      </c>
      <c r="I9501" s="1" t="s">
        <v>35524</v>
      </c>
      <c r="J9501" s="1" t="s">
        <v>36511</v>
      </c>
    </row>
    <row r="9502" spans="1:10" x14ac:dyDescent="0.35">
      <c r="A9502" s="1" t="s">
        <v>36397</v>
      </c>
      <c r="B9502" s="1" t="s">
        <v>35518</v>
      </c>
      <c r="C9502" s="1" t="s">
        <v>155</v>
      </c>
      <c r="D9502" s="1" t="s">
        <v>36512</v>
      </c>
      <c r="E9502" s="1" t="s">
        <v>36513</v>
      </c>
      <c r="F9502" s="1" t="s">
        <v>36514</v>
      </c>
      <c r="G9502" s="1" t="s">
        <v>36401</v>
      </c>
      <c r="H9502" s="1" t="s">
        <v>36402</v>
      </c>
      <c r="I9502" s="1" t="s">
        <v>35524</v>
      </c>
      <c r="J9502" s="1" t="s">
        <v>36515</v>
      </c>
    </row>
    <row r="9503" spans="1:10" x14ac:dyDescent="0.35">
      <c r="A9503" s="1" t="s">
        <v>36397</v>
      </c>
      <c r="B9503" s="1" t="s">
        <v>35518</v>
      </c>
      <c r="C9503" s="1" t="s">
        <v>160</v>
      </c>
      <c r="D9503" s="1" t="s">
        <v>36516</v>
      </c>
      <c r="E9503" s="1" t="s">
        <v>36517</v>
      </c>
      <c r="F9503" s="1" t="s">
        <v>36518</v>
      </c>
      <c r="G9503" s="1" t="s">
        <v>36401</v>
      </c>
      <c r="H9503" s="1" t="s">
        <v>36402</v>
      </c>
      <c r="I9503" s="1" t="s">
        <v>35524</v>
      </c>
      <c r="J9503" s="1" t="s">
        <v>36519</v>
      </c>
    </row>
    <row r="9504" spans="1:10" x14ac:dyDescent="0.35">
      <c r="A9504" s="1" t="s">
        <v>36397</v>
      </c>
      <c r="B9504" s="1" t="s">
        <v>35518</v>
      </c>
      <c r="C9504" s="1" t="s">
        <v>165</v>
      </c>
      <c r="D9504" s="1" t="s">
        <v>36520</v>
      </c>
      <c r="E9504" s="1" t="s">
        <v>36521</v>
      </c>
      <c r="F9504" s="1" t="s">
        <v>36522</v>
      </c>
      <c r="G9504" s="1" t="s">
        <v>36401</v>
      </c>
      <c r="H9504" s="1" t="s">
        <v>36402</v>
      </c>
      <c r="I9504" s="1" t="s">
        <v>35524</v>
      </c>
      <c r="J9504" s="1" t="s">
        <v>36523</v>
      </c>
    </row>
    <row r="9505" spans="1:10" x14ac:dyDescent="0.35">
      <c r="A9505" s="1" t="s">
        <v>36397</v>
      </c>
      <c r="B9505" s="1" t="s">
        <v>35518</v>
      </c>
      <c r="C9505" s="1" t="s">
        <v>170</v>
      </c>
      <c r="D9505" s="1" t="s">
        <v>36524</v>
      </c>
      <c r="E9505" s="1" t="s">
        <v>36525</v>
      </c>
      <c r="F9505" s="1" t="s">
        <v>36526</v>
      </c>
      <c r="G9505" s="1" t="s">
        <v>36401</v>
      </c>
      <c r="H9505" s="1" t="s">
        <v>36402</v>
      </c>
      <c r="I9505" s="1" t="s">
        <v>35524</v>
      </c>
      <c r="J9505" s="1" t="s">
        <v>36527</v>
      </c>
    </row>
    <row r="9506" spans="1:10" x14ac:dyDescent="0.35">
      <c r="A9506" s="1" t="s">
        <v>36528</v>
      </c>
      <c r="B9506" s="1" t="s">
        <v>35518</v>
      </c>
      <c r="C9506" s="1" t="s">
        <v>8</v>
      </c>
      <c r="D9506" s="1" t="s">
        <v>36529</v>
      </c>
      <c r="E9506" s="1" t="s">
        <v>36530</v>
      </c>
      <c r="F9506" s="1" t="s">
        <v>36531</v>
      </c>
      <c r="G9506" s="1" t="s">
        <v>36532</v>
      </c>
      <c r="H9506" s="1" t="s">
        <v>36533</v>
      </c>
      <c r="I9506" s="1" t="s">
        <v>35524</v>
      </c>
      <c r="J9506" s="1" t="s">
        <v>13</v>
      </c>
    </row>
    <row r="9507" spans="1:10" x14ac:dyDescent="0.35">
      <c r="A9507" s="1" t="s">
        <v>36528</v>
      </c>
      <c r="B9507" s="1" t="s">
        <v>35518</v>
      </c>
      <c r="C9507" s="1" t="s">
        <v>15</v>
      </c>
      <c r="D9507" s="1" t="s">
        <v>36534</v>
      </c>
      <c r="E9507" s="1" t="s">
        <v>36535</v>
      </c>
      <c r="F9507" s="1" t="s">
        <v>36536</v>
      </c>
      <c r="G9507" s="1" t="s">
        <v>36532</v>
      </c>
      <c r="H9507" s="1" t="s">
        <v>36533</v>
      </c>
      <c r="I9507" s="1" t="s">
        <v>35524</v>
      </c>
      <c r="J9507" s="1" t="s">
        <v>36537</v>
      </c>
    </row>
    <row r="9508" spans="1:10" x14ac:dyDescent="0.35">
      <c r="A9508" s="1" t="s">
        <v>36528</v>
      </c>
      <c r="B9508" s="1" t="s">
        <v>35518</v>
      </c>
      <c r="C9508" s="1" t="s">
        <v>20</v>
      </c>
      <c r="D9508" s="1" t="s">
        <v>687</v>
      </c>
      <c r="E9508" s="1" t="s">
        <v>36538</v>
      </c>
      <c r="F9508" s="1" t="s">
        <v>36539</v>
      </c>
      <c r="G9508" s="1" t="s">
        <v>36532</v>
      </c>
      <c r="H9508" s="1" t="s">
        <v>36533</v>
      </c>
      <c r="I9508" s="1" t="s">
        <v>35524</v>
      </c>
      <c r="J9508" s="1" t="s">
        <v>36540</v>
      </c>
    </row>
    <row r="9509" spans="1:10" x14ac:dyDescent="0.35">
      <c r="A9509" s="1" t="s">
        <v>36528</v>
      </c>
      <c r="B9509" s="1" t="s">
        <v>35518</v>
      </c>
      <c r="C9509" s="1" t="s">
        <v>25</v>
      </c>
      <c r="D9509" s="1" t="s">
        <v>36541</v>
      </c>
      <c r="E9509" s="1" t="s">
        <v>36542</v>
      </c>
      <c r="F9509" s="1" t="s">
        <v>36543</v>
      </c>
      <c r="G9509" s="1" t="s">
        <v>36532</v>
      </c>
      <c r="H9509" s="1" t="s">
        <v>36533</v>
      </c>
      <c r="I9509" s="1" t="s">
        <v>35524</v>
      </c>
      <c r="J9509" s="1" t="s">
        <v>36544</v>
      </c>
    </row>
    <row r="9510" spans="1:10" x14ac:dyDescent="0.35">
      <c r="A9510" s="1" t="s">
        <v>36528</v>
      </c>
      <c r="B9510" s="1" t="s">
        <v>35518</v>
      </c>
      <c r="C9510" s="1" t="s">
        <v>30</v>
      </c>
      <c r="D9510" s="1" t="s">
        <v>36545</v>
      </c>
      <c r="E9510" s="1" t="s">
        <v>36546</v>
      </c>
      <c r="F9510" s="1" t="s">
        <v>36547</v>
      </c>
      <c r="G9510" s="1" t="s">
        <v>36532</v>
      </c>
      <c r="H9510" s="1" t="s">
        <v>36533</v>
      </c>
      <c r="I9510" s="1" t="s">
        <v>35524</v>
      </c>
      <c r="J9510" s="1" t="s">
        <v>36548</v>
      </c>
    </row>
    <row r="9511" spans="1:10" x14ac:dyDescent="0.35">
      <c r="A9511" s="1" t="s">
        <v>36528</v>
      </c>
      <c r="B9511" s="1" t="s">
        <v>35518</v>
      </c>
      <c r="C9511" s="1" t="s">
        <v>35</v>
      </c>
      <c r="D9511" s="1" t="s">
        <v>36549</v>
      </c>
      <c r="E9511" s="1" t="s">
        <v>36550</v>
      </c>
      <c r="F9511" s="1" t="s">
        <v>36551</v>
      </c>
      <c r="G9511" s="1" t="s">
        <v>36532</v>
      </c>
      <c r="H9511" s="1" t="s">
        <v>36533</v>
      </c>
      <c r="I9511" s="1" t="s">
        <v>35524</v>
      </c>
      <c r="J9511" s="1" t="s">
        <v>36552</v>
      </c>
    </row>
    <row r="9512" spans="1:10" x14ac:dyDescent="0.35">
      <c r="A9512" s="1" t="s">
        <v>36528</v>
      </c>
      <c r="B9512" s="1" t="s">
        <v>35518</v>
      </c>
      <c r="C9512" s="1" t="s">
        <v>40</v>
      </c>
      <c r="D9512" s="1" t="s">
        <v>3691</v>
      </c>
      <c r="E9512" s="1" t="s">
        <v>36553</v>
      </c>
      <c r="F9512" s="1" t="s">
        <v>36554</v>
      </c>
      <c r="G9512" s="1" t="s">
        <v>36532</v>
      </c>
      <c r="H9512" s="1" t="s">
        <v>36533</v>
      </c>
      <c r="I9512" s="1" t="s">
        <v>35524</v>
      </c>
      <c r="J9512" s="1" t="s">
        <v>36555</v>
      </c>
    </row>
    <row r="9513" spans="1:10" x14ac:dyDescent="0.35">
      <c r="A9513" s="1" t="s">
        <v>36528</v>
      </c>
      <c r="B9513" s="1" t="s">
        <v>35518</v>
      </c>
      <c r="C9513" s="1" t="s">
        <v>45</v>
      </c>
      <c r="D9513" s="1" t="s">
        <v>5369</v>
      </c>
      <c r="E9513" s="1" t="s">
        <v>36556</v>
      </c>
      <c r="F9513" s="1" t="s">
        <v>36557</v>
      </c>
      <c r="G9513" s="1" t="s">
        <v>36532</v>
      </c>
      <c r="H9513" s="1" t="s">
        <v>36533</v>
      </c>
      <c r="I9513" s="1" t="s">
        <v>35524</v>
      </c>
      <c r="J9513" s="1" t="s">
        <v>36558</v>
      </c>
    </row>
    <row r="9514" spans="1:10" x14ac:dyDescent="0.35">
      <c r="A9514" s="1" t="s">
        <v>36528</v>
      </c>
      <c r="B9514" s="1" t="s">
        <v>35518</v>
      </c>
      <c r="C9514" s="1" t="s">
        <v>50</v>
      </c>
      <c r="D9514" s="1" t="s">
        <v>76</v>
      </c>
      <c r="E9514" s="1" t="s">
        <v>36559</v>
      </c>
      <c r="F9514" s="1" t="s">
        <v>36560</v>
      </c>
      <c r="G9514" s="1" t="s">
        <v>36532</v>
      </c>
      <c r="H9514" s="1" t="s">
        <v>36533</v>
      </c>
      <c r="I9514" s="1" t="s">
        <v>35524</v>
      </c>
      <c r="J9514" s="1" t="s">
        <v>36561</v>
      </c>
    </row>
    <row r="9515" spans="1:10" x14ac:dyDescent="0.35">
      <c r="A9515" s="1" t="s">
        <v>36528</v>
      </c>
      <c r="B9515" s="1" t="s">
        <v>35518</v>
      </c>
      <c r="C9515" s="1" t="s">
        <v>55</v>
      </c>
      <c r="D9515" s="1" t="s">
        <v>36562</v>
      </c>
      <c r="E9515" s="1" t="s">
        <v>36563</v>
      </c>
      <c r="F9515" s="1" t="s">
        <v>36564</v>
      </c>
      <c r="G9515" s="1" t="s">
        <v>36532</v>
      </c>
      <c r="H9515" s="1" t="s">
        <v>36533</v>
      </c>
      <c r="I9515" s="1" t="s">
        <v>35524</v>
      </c>
      <c r="J9515" s="1" t="s">
        <v>36565</v>
      </c>
    </row>
    <row r="9516" spans="1:10" x14ac:dyDescent="0.35">
      <c r="A9516" s="1" t="s">
        <v>36528</v>
      </c>
      <c r="B9516" s="1" t="s">
        <v>35518</v>
      </c>
      <c r="C9516" s="1" t="s">
        <v>60</v>
      </c>
      <c r="D9516" s="1" t="s">
        <v>36566</v>
      </c>
      <c r="E9516" s="1" t="s">
        <v>36567</v>
      </c>
      <c r="F9516" s="1" t="s">
        <v>36568</v>
      </c>
      <c r="G9516" s="1" t="s">
        <v>36532</v>
      </c>
      <c r="H9516" s="1" t="s">
        <v>36533</v>
      </c>
      <c r="I9516" s="1" t="s">
        <v>35524</v>
      </c>
      <c r="J9516" s="1" t="s">
        <v>36569</v>
      </c>
    </row>
    <row r="9517" spans="1:10" x14ac:dyDescent="0.35">
      <c r="A9517" s="1" t="s">
        <v>36528</v>
      </c>
      <c r="B9517" s="1" t="s">
        <v>35518</v>
      </c>
      <c r="C9517" s="1" t="s">
        <v>65</v>
      </c>
      <c r="D9517" s="1" t="s">
        <v>18879</v>
      </c>
      <c r="E9517" s="1" t="s">
        <v>36570</v>
      </c>
      <c r="F9517" s="1" t="s">
        <v>36571</v>
      </c>
      <c r="G9517" s="1" t="s">
        <v>36532</v>
      </c>
      <c r="H9517" s="1" t="s">
        <v>36533</v>
      </c>
      <c r="I9517" s="1" t="s">
        <v>35524</v>
      </c>
      <c r="J9517" s="1" t="s">
        <v>36572</v>
      </c>
    </row>
    <row r="9518" spans="1:10" x14ac:dyDescent="0.35">
      <c r="A9518" s="1" t="s">
        <v>36528</v>
      </c>
      <c r="B9518" s="1" t="s">
        <v>35518</v>
      </c>
      <c r="C9518" s="1" t="s">
        <v>70</v>
      </c>
      <c r="D9518" s="1" t="s">
        <v>36573</v>
      </c>
      <c r="E9518" s="1" t="s">
        <v>36574</v>
      </c>
      <c r="F9518" s="1" t="s">
        <v>36575</v>
      </c>
      <c r="G9518" s="1" t="s">
        <v>36532</v>
      </c>
      <c r="H9518" s="1" t="s">
        <v>36533</v>
      </c>
      <c r="I9518" s="1" t="s">
        <v>35524</v>
      </c>
      <c r="J9518" s="1" t="s">
        <v>36576</v>
      </c>
    </row>
    <row r="9519" spans="1:10" x14ac:dyDescent="0.35">
      <c r="A9519" s="1" t="s">
        <v>36528</v>
      </c>
      <c r="B9519" s="1" t="s">
        <v>35518</v>
      </c>
      <c r="C9519" s="1" t="s">
        <v>75</v>
      </c>
      <c r="D9519" s="1" t="s">
        <v>36577</v>
      </c>
      <c r="E9519" s="1" t="s">
        <v>36578</v>
      </c>
      <c r="F9519" s="1" t="s">
        <v>36579</v>
      </c>
      <c r="G9519" s="1" t="s">
        <v>36532</v>
      </c>
      <c r="H9519" s="1" t="s">
        <v>36533</v>
      </c>
      <c r="I9519" s="1" t="s">
        <v>35524</v>
      </c>
      <c r="J9519" s="1" t="s">
        <v>36580</v>
      </c>
    </row>
    <row r="9520" spans="1:10" x14ac:dyDescent="0.35">
      <c r="A9520" s="1" t="s">
        <v>36528</v>
      </c>
      <c r="B9520" s="1" t="s">
        <v>35518</v>
      </c>
      <c r="C9520" s="1" t="s">
        <v>80</v>
      </c>
      <c r="D9520" s="1" t="s">
        <v>36581</v>
      </c>
      <c r="E9520" s="1" t="s">
        <v>36582</v>
      </c>
      <c r="F9520" s="1" t="s">
        <v>36583</v>
      </c>
      <c r="G9520" s="1" t="s">
        <v>36532</v>
      </c>
      <c r="H9520" s="1" t="s">
        <v>36533</v>
      </c>
      <c r="I9520" s="1" t="s">
        <v>35524</v>
      </c>
      <c r="J9520" s="1" t="s">
        <v>36584</v>
      </c>
    </row>
    <row r="9521" spans="1:10" x14ac:dyDescent="0.35">
      <c r="A9521" s="1" t="s">
        <v>36528</v>
      </c>
      <c r="B9521" s="1" t="s">
        <v>35518</v>
      </c>
      <c r="C9521" s="1" t="s">
        <v>85</v>
      </c>
      <c r="D9521" s="1" t="s">
        <v>36585</v>
      </c>
      <c r="E9521" s="1" t="s">
        <v>36586</v>
      </c>
      <c r="F9521" s="1" t="s">
        <v>36587</v>
      </c>
      <c r="G9521" s="1" t="s">
        <v>36532</v>
      </c>
      <c r="H9521" s="1" t="s">
        <v>36533</v>
      </c>
      <c r="I9521" s="1" t="s">
        <v>35524</v>
      </c>
      <c r="J9521" s="1" t="s">
        <v>36588</v>
      </c>
    </row>
    <row r="9522" spans="1:10" x14ac:dyDescent="0.35">
      <c r="A9522" s="1" t="s">
        <v>36528</v>
      </c>
      <c r="B9522" s="1" t="s">
        <v>35518</v>
      </c>
      <c r="C9522" s="1" t="s">
        <v>90</v>
      </c>
      <c r="D9522" s="1" t="s">
        <v>36589</v>
      </c>
      <c r="E9522" s="1" t="s">
        <v>36590</v>
      </c>
      <c r="F9522" s="1" t="s">
        <v>36591</v>
      </c>
      <c r="G9522" s="1" t="s">
        <v>36532</v>
      </c>
      <c r="H9522" s="1" t="s">
        <v>36533</v>
      </c>
      <c r="I9522" s="1" t="s">
        <v>35524</v>
      </c>
      <c r="J9522" s="1" t="s">
        <v>36592</v>
      </c>
    </row>
    <row r="9523" spans="1:10" x14ac:dyDescent="0.35">
      <c r="A9523" s="1" t="s">
        <v>36528</v>
      </c>
      <c r="B9523" s="1" t="s">
        <v>35518</v>
      </c>
      <c r="C9523" s="1" t="s">
        <v>95</v>
      </c>
      <c r="D9523" s="1" t="s">
        <v>36593</v>
      </c>
      <c r="E9523" s="1" t="s">
        <v>36594</v>
      </c>
      <c r="F9523" s="1" t="s">
        <v>36595</v>
      </c>
      <c r="G9523" s="1" t="s">
        <v>36532</v>
      </c>
      <c r="H9523" s="1" t="s">
        <v>36533</v>
      </c>
      <c r="I9523" s="1" t="s">
        <v>35524</v>
      </c>
      <c r="J9523" s="1" t="s">
        <v>36596</v>
      </c>
    </row>
    <row r="9524" spans="1:10" x14ac:dyDescent="0.35">
      <c r="A9524" s="1" t="s">
        <v>36528</v>
      </c>
      <c r="B9524" s="1" t="s">
        <v>35518</v>
      </c>
      <c r="C9524" s="1" t="s">
        <v>100</v>
      </c>
      <c r="D9524" s="1" t="s">
        <v>3044</v>
      </c>
      <c r="E9524" s="1" t="s">
        <v>36597</v>
      </c>
      <c r="F9524" s="1" t="s">
        <v>36598</v>
      </c>
      <c r="G9524" s="1" t="s">
        <v>36532</v>
      </c>
      <c r="H9524" s="1" t="s">
        <v>36533</v>
      </c>
      <c r="I9524" s="1" t="s">
        <v>35524</v>
      </c>
      <c r="J9524" s="1" t="s">
        <v>36599</v>
      </c>
    </row>
    <row r="9525" spans="1:10" x14ac:dyDescent="0.35">
      <c r="A9525" s="1" t="s">
        <v>36528</v>
      </c>
      <c r="B9525" s="1" t="s">
        <v>35518</v>
      </c>
      <c r="C9525" s="1" t="s">
        <v>105</v>
      </c>
      <c r="D9525" s="1" t="s">
        <v>30940</v>
      </c>
      <c r="E9525" s="1" t="s">
        <v>36600</v>
      </c>
      <c r="F9525" s="1" t="s">
        <v>36601</v>
      </c>
      <c r="G9525" s="1" t="s">
        <v>36532</v>
      </c>
      <c r="H9525" s="1" t="s">
        <v>36533</v>
      </c>
      <c r="I9525" s="1" t="s">
        <v>35524</v>
      </c>
      <c r="J9525" s="1" t="s">
        <v>36602</v>
      </c>
    </row>
    <row r="9526" spans="1:10" x14ac:dyDescent="0.35">
      <c r="A9526" s="1" t="s">
        <v>36528</v>
      </c>
      <c r="B9526" s="1" t="s">
        <v>35518</v>
      </c>
      <c r="C9526" s="1" t="s">
        <v>110</v>
      </c>
      <c r="D9526" s="1" t="s">
        <v>36603</v>
      </c>
      <c r="E9526" s="1" t="s">
        <v>36604</v>
      </c>
      <c r="F9526" s="1" t="s">
        <v>36605</v>
      </c>
      <c r="G9526" s="1" t="s">
        <v>36532</v>
      </c>
      <c r="H9526" s="1" t="s">
        <v>36533</v>
      </c>
      <c r="I9526" s="1" t="s">
        <v>35524</v>
      </c>
      <c r="J9526" s="1" t="s">
        <v>36606</v>
      </c>
    </row>
    <row r="9527" spans="1:10" x14ac:dyDescent="0.35">
      <c r="A9527" s="1" t="s">
        <v>36528</v>
      </c>
      <c r="B9527" s="1" t="s">
        <v>35518</v>
      </c>
      <c r="C9527" s="1" t="s">
        <v>115</v>
      </c>
      <c r="D9527" s="1" t="s">
        <v>36607</v>
      </c>
      <c r="E9527" s="1" t="s">
        <v>36608</v>
      </c>
      <c r="F9527" s="1" t="s">
        <v>36609</v>
      </c>
      <c r="G9527" s="1" t="s">
        <v>36532</v>
      </c>
      <c r="H9527" s="1" t="s">
        <v>36533</v>
      </c>
      <c r="I9527" s="1" t="s">
        <v>35524</v>
      </c>
      <c r="J9527" s="1" t="s">
        <v>36610</v>
      </c>
    </row>
    <row r="9528" spans="1:10" x14ac:dyDescent="0.35">
      <c r="A9528" s="1" t="s">
        <v>36528</v>
      </c>
      <c r="B9528" s="1" t="s">
        <v>35518</v>
      </c>
      <c r="C9528" s="1" t="s">
        <v>120</v>
      </c>
      <c r="D9528" s="1" t="s">
        <v>36611</v>
      </c>
      <c r="E9528" s="1" t="s">
        <v>36612</v>
      </c>
      <c r="F9528" s="1" t="s">
        <v>36613</v>
      </c>
      <c r="G9528" s="1" t="s">
        <v>36532</v>
      </c>
      <c r="H9528" s="1" t="s">
        <v>36533</v>
      </c>
      <c r="I9528" s="1" t="s">
        <v>35524</v>
      </c>
      <c r="J9528" s="1" t="s">
        <v>36614</v>
      </c>
    </row>
    <row r="9529" spans="1:10" x14ac:dyDescent="0.35">
      <c r="A9529" s="1" t="s">
        <v>36528</v>
      </c>
      <c r="B9529" s="1" t="s">
        <v>35518</v>
      </c>
      <c r="C9529" s="1" t="s">
        <v>125</v>
      </c>
      <c r="D9529" s="1" t="s">
        <v>36615</v>
      </c>
      <c r="E9529" s="1" t="s">
        <v>36616</v>
      </c>
      <c r="F9529" s="1" t="s">
        <v>36617</v>
      </c>
      <c r="G9529" s="1" t="s">
        <v>36532</v>
      </c>
      <c r="H9529" s="1" t="s">
        <v>36533</v>
      </c>
      <c r="I9529" s="1" t="s">
        <v>35524</v>
      </c>
      <c r="J9529" s="1" t="s">
        <v>36618</v>
      </c>
    </row>
    <row r="9530" spans="1:10" x14ac:dyDescent="0.35">
      <c r="A9530" s="1" t="s">
        <v>36528</v>
      </c>
      <c r="B9530" s="1" t="s">
        <v>35518</v>
      </c>
      <c r="C9530" s="1" t="s">
        <v>130</v>
      </c>
      <c r="D9530" s="1" t="s">
        <v>36619</v>
      </c>
      <c r="E9530" s="1" t="s">
        <v>36620</v>
      </c>
      <c r="F9530" s="1" t="s">
        <v>36621</v>
      </c>
      <c r="G9530" s="1" t="s">
        <v>36532</v>
      </c>
      <c r="H9530" s="1" t="s">
        <v>36533</v>
      </c>
      <c r="I9530" s="1" t="s">
        <v>35524</v>
      </c>
      <c r="J9530" s="1" t="s">
        <v>36622</v>
      </c>
    </row>
    <row r="9531" spans="1:10" x14ac:dyDescent="0.35">
      <c r="A9531" s="1" t="s">
        <v>36528</v>
      </c>
      <c r="B9531" s="1" t="s">
        <v>35518</v>
      </c>
      <c r="C9531" s="1" t="s">
        <v>135</v>
      </c>
      <c r="D9531" s="1" t="s">
        <v>36623</v>
      </c>
      <c r="E9531" s="1" t="s">
        <v>36624</v>
      </c>
      <c r="F9531" s="1" t="s">
        <v>36625</v>
      </c>
      <c r="G9531" s="1" t="s">
        <v>36532</v>
      </c>
      <c r="H9531" s="1" t="s">
        <v>36533</v>
      </c>
      <c r="I9531" s="1" t="s">
        <v>35524</v>
      </c>
      <c r="J9531" s="1" t="s">
        <v>36626</v>
      </c>
    </row>
    <row r="9532" spans="1:10" x14ac:dyDescent="0.35">
      <c r="A9532" s="1" t="s">
        <v>36528</v>
      </c>
      <c r="B9532" s="1" t="s">
        <v>35518</v>
      </c>
      <c r="C9532" s="1" t="s">
        <v>140</v>
      </c>
      <c r="D9532" s="1" t="s">
        <v>36627</v>
      </c>
      <c r="E9532" s="1" t="s">
        <v>36628</v>
      </c>
      <c r="F9532" s="1" t="s">
        <v>36629</v>
      </c>
      <c r="G9532" s="1" t="s">
        <v>36532</v>
      </c>
      <c r="H9532" s="1" t="s">
        <v>36533</v>
      </c>
      <c r="I9532" s="1" t="s">
        <v>35524</v>
      </c>
      <c r="J9532" s="1" t="s">
        <v>36630</v>
      </c>
    </row>
    <row r="9533" spans="1:10" x14ac:dyDescent="0.35">
      <c r="A9533" s="1" t="s">
        <v>36528</v>
      </c>
      <c r="B9533" s="1" t="s">
        <v>35518</v>
      </c>
      <c r="C9533" s="1" t="s">
        <v>145</v>
      </c>
      <c r="D9533" s="1" t="s">
        <v>36631</v>
      </c>
      <c r="E9533" s="1" t="s">
        <v>36632</v>
      </c>
      <c r="F9533" s="1" t="s">
        <v>36633</v>
      </c>
      <c r="G9533" s="1" t="s">
        <v>36532</v>
      </c>
      <c r="H9533" s="1" t="s">
        <v>36533</v>
      </c>
      <c r="I9533" s="1" t="s">
        <v>35524</v>
      </c>
      <c r="J9533" s="1" t="s">
        <v>36634</v>
      </c>
    </row>
    <row r="9534" spans="1:10" x14ac:dyDescent="0.35">
      <c r="A9534" s="1" t="s">
        <v>36528</v>
      </c>
      <c r="B9534" s="1" t="s">
        <v>35518</v>
      </c>
      <c r="C9534" s="1" t="s">
        <v>150</v>
      </c>
      <c r="D9534" s="1" t="s">
        <v>36635</v>
      </c>
      <c r="E9534" s="1" t="s">
        <v>36636</v>
      </c>
      <c r="F9534" s="1" t="s">
        <v>36637</v>
      </c>
      <c r="G9534" s="1" t="s">
        <v>36532</v>
      </c>
      <c r="H9534" s="1" t="s">
        <v>36533</v>
      </c>
      <c r="I9534" s="1" t="s">
        <v>35524</v>
      </c>
      <c r="J9534" s="1" t="s">
        <v>36638</v>
      </c>
    </row>
    <row r="9535" spans="1:10" x14ac:dyDescent="0.35">
      <c r="A9535" s="1" t="s">
        <v>36528</v>
      </c>
      <c r="B9535" s="1" t="s">
        <v>35518</v>
      </c>
      <c r="C9535" s="1" t="s">
        <v>155</v>
      </c>
      <c r="D9535" s="1" t="s">
        <v>36639</v>
      </c>
      <c r="E9535" s="1" t="s">
        <v>36640</v>
      </c>
      <c r="F9535" s="1" t="s">
        <v>36641</v>
      </c>
      <c r="G9535" s="1" t="s">
        <v>36532</v>
      </c>
      <c r="H9535" s="1" t="s">
        <v>36533</v>
      </c>
      <c r="I9535" s="1" t="s">
        <v>35524</v>
      </c>
      <c r="J9535" s="1" t="s">
        <v>36642</v>
      </c>
    </row>
    <row r="9536" spans="1:10" x14ac:dyDescent="0.35">
      <c r="A9536" s="1" t="s">
        <v>36528</v>
      </c>
      <c r="B9536" s="1" t="s">
        <v>35518</v>
      </c>
      <c r="C9536" s="1" t="s">
        <v>160</v>
      </c>
      <c r="D9536" s="1" t="s">
        <v>18243</v>
      </c>
      <c r="E9536" s="1" t="s">
        <v>36643</v>
      </c>
      <c r="F9536" s="1" t="s">
        <v>36644</v>
      </c>
      <c r="G9536" s="1" t="s">
        <v>36532</v>
      </c>
      <c r="H9536" s="1" t="s">
        <v>36533</v>
      </c>
      <c r="I9536" s="1" t="s">
        <v>35524</v>
      </c>
      <c r="J9536" s="1" t="s">
        <v>36645</v>
      </c>
    </row>
    <row r="9537" spans="1:10" x14ac:dyDescent="0.35">
      <c r="A9537" s="1" t="s">
        <v>36528</v>
      </c>
      <c r="B9537" s="1" t="s">
        <v>35518</v>
      </c>
      <c r="C9537" s="1" t="s">
        <v>165</v>
      </c>
      <c r="D9537" s="1" t="s">
        <v>36646</v>
      </c>
      <c r="E9537" s="1" t="s">
        <v>36647</v>
      </c>
      <c r="F9537" s="1" t="s">
        <v>36648</v>
      </c>
      <c r="G9537" s="1" t="s">
        <v>36532</v>
      </c>
      <c r="H9537" s="1" t="s">
        <v>36533</v>
      </c>
      <c r="I9537" s="1" t="s">
        <v>35524</v>
      </c>
      <c r="J9537" s="1" t="s">
        <v>36649</v>
      </c>
    </row>
    <row r="9538" spans="1:10" x14ac:dyDescent="0.35">
      <c r="A9538" s="1" t="s">
        <v>36528</v>
      </c>
      <c r="B9538" s="1" t="s">
        <v>35518</v>
      </c>
      <c r="C9538" s="1" t="s">
        <v>170</v>
      </c>
      <c r="D9538" s="1" t="s">
        <v>13401</v>
      </c>
      <c r="E9538" s="1" t="s">
        <v>36650</v>
      </c>
      <c r="F9538" s="1" t="s">
        <v>36651</v>
      </c>
      <c r="G9538" s="1" t="s">
        <v>36532</v>
      </c>
      <c r="H9538" s="1" t="s">
        <v>36533</v>
      </c>
      <c r="I9538" s="1" t="s">
        <v>35524</v>
      </c>
      <c r="J9538" s="1" t="s">
        <v>36652</v>
      </c>
    </row>
    <row r="9539" spans="1:10" x14ac:dyDescent="0.35">
      <c r="A9539" s="1" t="s">
        <v>36653</v>
      </c>
      <c r="B9539" s="1" t="s">
        <v>35518</v>
      </c>
      <c r="C9539" s="1" t="s">
        <v>8</v>
      </c>
      <c r="D9539" s="1" t="s">
        <v>6504</v>
      </c>
      <c r="E9539" s="1" t="s">
        <v>36654</v>
      </c>
      <c r="F9539" s="1" t="s">
        <v>36655</v>
      </c>
      <c r="G9539" s="1" t="s">
        <v>36656</v>
      </c>
      <c r="H9539" s="1" t="s">
        <v>36657</v>
      </c>
      <c r="I9539" s="1" t="s">
        <v>35524</v>
      </c>
      <c r="J9539" s="1" t="s">
        <v>13</v>
      </c>
    </row>
    <row r="9540" spans="1:10" x14ac:dyDescent="0.35">
      <c r="A9540" s="1" t="s">
        <v>36653</v>
      </c>
      <c r="B9540" s="1" t="s">
        <v>35518</v>
      </c>
      <c r="C9540" s="1" t="s">
        <v>15</v>
      </c>
      <c r="D9540" s="1" t="s">
        <v>36658</v>
      </c>
      <c r="E9540" s="1" t="s">
        <v>36659</v>
      </c>
      <c r="F9540" s="1" t="s">
        <v>36660</v>
      </c>
      <c r="G9540" s="1" t="s">
        <v>36656</v>
      </c>
      <c r="H9540" s="1" t="s">
        <v>36657</v>
      </c>
      <c r="I9540" s="1" t="s">
        <v>35524</v>
      </c>
      <c r="J9540" s="1" t="s">
        <v>36661</v>
      </c>
    </row>
    <row r="9541" spans="1:10" x14ac:dyDescent="0.35">
      <c r="A9541" s="1" t="s">
        <v>36653</v>
      </c>
      <c r="B9541" s="1" t="s">
        <v>35518</v>
      </c>
      <c r="C9541" s="1" t="s">
        <v>20</v>
      </c>
      <c r="D9541" s="1" t="s">
        <v>36662</v>
      </c>
      <c r="E9541" s="1" t="s">
        <v>36663</v>
      </c>
      <c r="F9541" s="1" t="s">
        <v>36664</v>
      </c>
      <c r="G9541" s="1" t="s">
        <v>36656</v>
      </c>
      <c r="H9541" s="1" t="s">
        <v>36657</v>
      </c>
      <c r="I9541" s="1" t="s">
        <v>35524</v>
      </c>
      <c r="J9541" s="1" t="s">
        <v>36665</v>
      </c>
    </row>
    <row r="9542" spans="1:10" x14ac:dyDescent="0.35">
      <c r="A9542" s="1" t="s">
        <v>36653</v>
      </c>
      <c r="B9542" s="1" t="s">
        <v>35518</v>
      </c>
      <c r="C9542" s="1" t="s">
        <v>25</v>
      </c>
      <c r="D9542" s="1" t="s">
        <v>36666</v>
      </c>
      <c r="E9542" s="1" t="s">
        <v>36667</v>
      </c>
      <c r="F9542" s="1" t="s">
        <v>36668</v>
      </c>
      <c r="G9542" s="1" t="s">
        <v>36656</v>
      </c>
      <c r="H9542" s="1" t="s">
        <v>36657</v>
      </c>
      <c r="I9542" s="1" t="s">
        <v>35524</v>
      </c>
      <c r="J9542" s="1" t="s">
        <v>36669</v>
      </c>
    </row>
    <row r="9543" spans="1:10" x14ac:dyDescent="0.35">
      <c r="A9543" s="1" t="s">
        <v>36653</v>
      </c>
      <c r="B9543" s="1" t="s">
        <v>35518</v>
      </c>
      <c r="C9543" s="1" t="s">
        <v>30</v>
      </c>
      <c r="D9543" s="1" t="s">
        <v>36670</v>
      </c>
      <c r="E9543" s="1" t="s">
        <v>36671</v>
      </c>
      <c r="F9543" s="1" t="s">
        <v>36672</v>
      </c>
      <c r="G9543" s="1" t="s">
        <v>36656</v>
      </c>
      <c r="H9543" s="1" t="s">
        <v>36657</v>
      </c>
      <c r="I9543" s="1" t="s">
        <v>35524</v>
      </c>
      <c r="J9543" s="1" t="s">
        <v>36673</v>
      </c>
    </row>
    <row r="9544" spans="1:10" x14ac:dyDescent="0.35">
      <c r="A9544" s="1" t="s">
        <v>36653</v>
      </c>
      <c r="B9544" s="1" t="s">
        <v>35518</v>
      </c>
      <c r="C9544" s="1" t="s">
        <v>35</v>
      </c>
      <c r="D9544" s="1" t="s">
        <v>36674</v>
      </c>
      <c r="E9544" s="1" t="s">
        <v>36675</v>
      </c>
      <c r="F9544" s="1" t="s">
        <v>36676</v>
      </c>
      <c r="G9544" s="1" t="s">
        <v>36656</v>
      </c>
      <c r="H9544" s="1" t="s">
        <v>36657</v>
      </c>
      <c r="I9544" s="1" t="s">
        <v>35524</v>
      </c>
      <c r="J9544" s="1" t="s">
        <v>36677</v>
      </c>
    </row>
    <row r="9545" spans="1:10" x14ac:dyDescent="0.35">
      <c r="A9545" s="1" t="s">
        <v>36653</v>
      </c>
      <c r="B9545" s="1" t="s">
        <v>35518</v>
      </c>
      <c r="C9545" s="1" t="s">
        <v>40</v>
      </c>
      <c r="D9545" s="1" t="s">
        <v>36678</v>
      </c>
      <c r="E9545" s="1" t="s">
        <v>36679</v>
      </c>
      <c r="F9545" s="1" t="s">
        <v>36680</v>
      </c>
      <c r="G9545" s="1" t="s">
        <v>36656</v>
      </c>
      <c r="H9545" s="1" t="s">
        <v>36657</v>
      </c>
      <c r="I9545" s="1" t="s">
        <v>35524</v>
      </c>
      <c r="J9545" s="1" t="s">
        <v>36681</v>
      </c>
    </row>
    <row r="9546" spans="1:10" x14ac:dyDescent="0.35">
      <c r="A9546" s="1" t="s">
        <v>36653</v>
      </c>
      <c r="B9546" s="1" t="s">
        <v>35518</v>
      </c>
      <c r="C9546" s="1" t="s">
        <v>45</v>
      </c>
      <c r="D9546" s="1" t="s">
        <v>36682</v>
      </c>
      <c r="E9546" s="1" t="s">
        <v>36683</v>
      </c>
      <c r="F9546" s="1" t="s">
        <v>36684</v>
      </c>
      <c r="G9546" s="1" t="s">
        <v>36656</v>
      </c>
      <c r="H9546" s="1" t="s">
        <v>36657</v>
      </c>
      <c r="I9546" s="1" t="s">
        <v>35524</v>
      </c>
      <c r="J9546" s="1" t="s">
        <v>36685</v>
      </c>
    </row>
    <row r="9547" spans="1:10" x14ac:dyDescent="0.35">
      <c r="A9547" s="1" t="s">
        <v>36653</v>
      </c>
      <c r="B9547" s="1" t="s">
        <v>35518</v>
      </c>
      <c r="C9547" s="1" t="s">
        <v>50</v>
      </c>
      <c r="D9547" s="1" t="s">
        <v>10977</v>
      </c>
      <c r="E9547" s="1" t="s">
        <v>36686</v>
      </c>
      <c r="F9547" s="1" t="s">
        <v>36687</v>
      </c>
      <c r="G9547" s="1" t="s">
        <v>36656</v>
      </c>
      <c r="H9547" s="1" t="s">
        <v>36657</v>
      </c>
      <c r="I9547" s="1" t="s">
        <v>35524</v>
      </c>
      <c r="J9547" s="1" t="s">
        <v>36688</v>
      </c>
    </row>
    <row r="9548" spans="1:10" x14ac:dyDescent="0.35">
      <c r="A9548" s="1" t="s">
        <v>36653</v>
      </c>
      <c r="B9548" s="1" t="s">
        <v>35518</v>
      </c>
      <c r="C9548" s="1" t="s">
        <v>55</v>
      </c>
      <c r="D9548" s="1" t="s">
        <v>36689</v>
      </c>
      <c r="E9548" s="1" t="s">
        <v>36690</v>
      </c>
      <c r="F9548" s="1" t="s">
        <v>36691</v>
      </c>
      <c r="G9548" s="1" t="s">
        <v>36656</v>
      </c>
      <c r="H9548" s="1" t="s">
        <v>36657</v>
      </c>
      <c r="I9548" s="1" t="s">
        <v>35524</v>
      </c>
      <c r="J9548" s="1" t="s">
        <v>36692</v>
      </c>
    </row>
    <row r="9549" spans="1:10" x14ac:dyDescent="0.35">
      <c r="A9549" s="1" t="s">
        <v>36653</v>
      </c>
      <c r="B9549" s="1" t="s">
        <v>35518</v>
      </c>
      <c r="C9549" s="1" t="s">
        <v>60</v>
      </c>
      <c r="D9549" s="1" t="s">
        <v>7912</v>
      </c>
      <c r="E9549" s="1" t="s">
        <v>36693</v>
      </c>
      <c r="F9549" s="1" t="s">
        <v>36694</v>
      </c>
      <c r="G9549" s="1" t="s">
        <v>36656</v>
      </c>
      <c r="H9549" s="1" t="s">
        <v>36657</v>
      </c>
      <c r="I9549" s="1" t="s">
        <v>35524</v>
      </c>
      <c r="J9549" s="1" t="s">
        <v>36695</v>
      </c>
    </row>
    <row r="9550" spans="1:10" x14ac:dyDescent="0.35">
      <c r="A9550" s="1" t="s">
        <v>36653</v>
      </c>
      <c r="B9550" s="1" t="s">
        <v>35518</v>
      </c>
      <c r="C9550" s="1" t="s">
        <v>65</v>
      </c>
      <c r="D9550" s="1" t="s">
        <v>36696</v>
      </c>
      <c r="E9550" s="1" t="s">
        <v>36697</v>
      </c>
      <c r="F9550" s="1" t="s">
        <v>36698</v>
      </c>
      <c r="G9550" s="1" t="s">
        <v>36656</v>
      </c>
      <c r="H9550" s="1" t="s">
        <v>36657</v>
      </c>
      <c r="I9550" s="1" t="s">
        <v>35524</v>
      </c>
      <c r="J9550" s="1" t="s">
        <v>36699</v>
      </c>
    </row>
    <row r="9551" spans="1:10" x14ac:dyDescent="0.35">
      <c r="A9551" s="1" t="s">
        <v>36653</v>
      </c>
      <c r="B9551" s="1" t="s">
        <v>35518</v>
      </c>
      <c r="C9551" s="1" t="s">
        <v>70</v>
      </c>
      <c r="D9551" s="1" t="s">
        <v>36700</v>
      </c>
      <c r="E9551" s="1" t="s">
        <v>36701</v>
      </c>
      <c r="F9551" s="1" t="s">
        <v>36702</v>
      </c>
      <c r="G9551" s="1" t="s">
        <v>36656</v>
      </c>
      <c r="H9551" s="1" t="s">
        <v>36657</v>
      </c>
      <c r="I9551" s="1" t="s">
        <v>35524</v>
      </c>
      <c r="J9551" s="1" t="s">
        <v>36703</v>
      </c>
    </row>
    <row r="9552" spans="1:10" x14ac:dyDescent="0.35">
      <c r="A9552" s="1" t="s">
        <v>36653</v>
      </c>
      <c r="B9552" s="1" t="s">
        <v>35518</v>
      </c>
      <c r="C9552" s="1" t="s">
        <v>75</v>
      </c>
      <c r="D9552" s="1" t="s">
        <v>28805</v>
      </c>
      <c r="E9552" s="1" t="s">
        <v>36704</v>
      </c>
      <c r="F9552" s="1" t="s">
        <v>36705</v>
      </c>
      <c r="G9552" s="1" t="s">
        <v>36656</v>
      </c>
      <c r="H9552" s="1" t="s">
        <v>36657</v>
      </c>
      <c r="I9552" s="1" t="s">
        <v>35524</v>
      </c>
      <c r="J9552" s="1" t="s">
        <v>36706</v>
      </c>
    </row>
    <row r="9553" spans="1:10" x14ac:dyDescent="0.35">
      <c r="A9553" s="1" t="s">
        <v>36653</v>
      </c>
      <c r="B9553" s="1" t="s">
        <v>35518</v>
      </c>
      <c r="C9553" s="1" t="s">
        <v>80</v>
      </c>
      <c r="D9553" s="1" t="s">
        <v>36707</v>
      </c>
      <c r="E9553" s="1" t="s">
        <v>36708</v>
      </c>
      <c r="F9553" s="1" t="s">
        <v>36709</v>
      </c>
      <c r="G9553" s="1" t="s">
        <v>36656</v>
      </c>
      <c r="H9553" s="1" t="s">
        <v>36657</v>
      </c>
      <c r="I9553" s="1" t="s">
        <v>35524</v>
      </c>
      <c r="J9553" s="1" t="s">
        <v>36710</v>
      </c>
    </row>
    <row r="9554" spans="1:10" x14ac:dyDescent="0.35">
      <c r="A9554" s="1" t="s">
        <v>36653</v>
      </c>
      <c r="B9554" s="1" t="s">
        <v>35518</v>
      </c>
      <c r="C9554" s="1" t="s">
        <v>85</v>
      </c>
      <c r="D9554" s="1" t="s">
        <v>36711</v>
      </c>
      <c r="E9554" s="1" t="s">
        <v>36712</v>
      </c>
      <c r="F9554" s="1" t="s">
        <v>36713</v>
      </c>
      <c r="G9554" s="1" t="s">
        <v>36656</v>
      </c>
      <c r="H9554" s="1" t="s">
        <v>36657</v>
      </c>
      <c r="I9554" s="1" t="s">
        <v>35524</v>
      </c>
      <c r="J9554" s="1" t="s">
        <v>36714</v>
      </c>
    </row>
    <row r="9555" spans="1:10" x14ac:dyDescent="0.35">
      <c r="A9555" s="1" t="s">
        <v>36653</v>
      </c>
      <c r="B9555" s="1" t="s">
        <v>35518</v>
      </c>
      <c r="C9555" s="1" t="s">
        <v>90</v>
      </c>
      <c r="D9555" s="1" t="s">
        <v>36715</v>
      </c>
      <c r="E9555" s="1" t="s">
        <v>36716</v>
      </c>
      <c r="F9555" s="1" t="s">
        <v>36717</v>
      </c>
      <c r="G9555" s="1" t="s">
        <v>36656</v>
      </c>
      <c r="H9555" s="1" t="s">
        <v>36657</v>
      </c>
      <c r="I9555" s="1" t="s">
        <v>35524</v>
      </c>
      <c r="J9555" s="1" t="s">
        <v>36718</v>
      </c>
    </row>
    <row r="9556" spans="1:10" x14ac:dyDescent="0.35">
      <c r="A9556" s="1" t="s">
        <v>36653</v>
      </c>
      <c r="B9556" s="1" t="s">
        <v>35518</v>
      </c>
      <c r="C9556" s="1" t="s">
        <v>95</v>
      </c>
      <c r="D9556" s="1" t="s">
        <v>36719</v>
      </c>
      <c r="E9556" s="1" t="s">
        <v>36720</v>
      </c>
      <c r="F9556" s="1" t="s">
        <v>36721</v>
      </c>
      <c r="G9556" s="1" t="s">
        <v>36656</v>
      </c>
      <c r="H9556" s="1" t="s">
        <v>36657</v>
      </c>
      <c r="I9556" s="1" t="s">
        <v>35524</v>
      </c>
      <c r="J9556" s="1" t="s">
        <v>36722</v>
      </c>
    </row>
    <row r="9557" spans="1:10" x14ac:dyDescent="0.35">
      <c r="A9557" s="1" t="s">
        <v>36653</v>
      </c>
      <c r="B9557" s="1" t="s">
        <v>35518</v>
      </c>
      <c r="C9557" s="1" t="s">
        <v>100</v>
      </c>
      <c r="D9557" s="1" t="s">
        <v>36723</v>
      </c>
      <c r="E9557" s="1" t="s">
        <v>36724</v>
      </c>
      <c r="F9557" s="1" t="s">
        <v>36725</v>
      </c>
      <c r="G9557" s="1" t="s">
        <v>36656</v>
      </c>
      <c r="H9557" s="1" t="s">
        <v>36657</v>
      </c>
      <c r="I9557" s="1" t="s">
        <v>35524</v>
      </c>
      <c r="J9557" s="1" t="s">
        <v>36726</v>
      </c>
    </row>
    <row r="9558" spans="1:10" x14ac:dyDescent="0.35">
      <c r="A9558" s="1" t="s">
        <v>36653</v>
      </c>
      <c r="B9558" s="1" t="s">
        <v>35518</v>
      </c>
      <c r="C9558" s="1" t="s">
        <v>105</v>
      </c>
      <c r="D9558" s="1" t="s">
        <v>36727</v>
      </c>
      <c r="E9558" s="1" t="s">
        <v>36728</v>
      </c>
      <c r="F9558" s="1" t="s">
        <v>36729</v>
      </c>
      <c r="G9558" s="1" t="s">
        <v>36656</v>
      </c>
      <c r="H9558" s="1" t="s">
        <v>36657</v>
      </c>
      <c r="I9558" s="1" t="s">
        <v>35524</v>
      </c>
      <c r="J9558" s="1" t="s">
        <v>36730</v>
      </c>
    </row>
    <row r="9559" spans="1:10" x14ac:dyDescent="0.35">
      <c r="A9559" s="1" t="s">
        <v>36653</v>
      </c>
      <c r="B9559" s="1" t="s">
        <v>35518</v>
      </c>
      <c r="C9559" s="1" t="s">
        <v>110</v>
      </c>
      <c r="D9559" s="1" t="s">
        <v>36731</v>
      </c>
      <c r="E9559" s="1" t="s">
        <v>36732</v>
      </c>
      <c r="F9559" s="1" t="s">
        <v>36733</v>
      </c>
      <c r="G9559" s="1" t="s">
        <v>36656</v>
      </c>
      <c r="H9559" s="1" t="s">
        <v>36657</v>
      </c>
      <c r="I9559" s="1" t="s">
        <v>35524</v>
      </c>
      <c r="J9559" s="1" t="s">
        <v>36734</v>
      </c>
    </row>
    <row r="9560" spans="1:10" x14ac:dyDescent="0.35">
      <c r="A9560" s="1" t="s">
        <v>36653</v>
      </c>
      <c r="B9560" s="1" t="s">
        <v>35518</v>
      </c>
      <c r="C9560" s="1" t="s">
        <v>115</v>
      </c>
      <c r="D9560" s="1" t="s">
        <v>36735</v>
      </c>
      <c r="E9560" s="1" t="s">
        <v>36736</v>
      </c>
      <c r="F9560" s="1" t="s">
        <v>36737</v>
      </c>
      <c r="G9560" s="1" t="s">
        <v>36656</v>
      </c>
      <c r="H9560" s="1" t="s">
        <v>36657</v>
      </c>
      <c r="I9560" s="1" t="s">
        <v>35524</v>
      </c>
      <c r="J9560" s="1" t="s">
        <v>36738</v>
      </c>
    </row>
    <row r="9561" spans="1:10" x14ac:dyDescent="0.35">
      <c r="A9561" s="1" t="s">
        <v>36653</v>
      </c>
      <c r="B9561" s="1" t="s">
        <v>35518</v>
      </c>
      <c r="C9561" s="1" t="s">
        <v>120</v>
      </c>
      <c r="D9561" s="1" t="s">
        <v>36739</v>
      </c>
      <c r="E9561" s="1" t="s">
        <v>36740</v>
      </c>
      <c r="F9561" s="1" t="s">
        <v>36741</v>
      </c>
      <c r="G9561" s="1" t="s">
        <v>36656</v>
      </c>
      <c r="H9561" s="1" t="s">
        <v>36657</v>
      </c>
      <c r="I9561" s="1" t="s">
        <v>35524</v>
      </c>
      <c r="J9561" s="1" t="s">
        <v>36742</v>
      </c>
    </row>
    <row r="9562" spans="1:10" x14ac:dyDescent="0.35">
      <c r="A9562" s="1" t="s">
        <v>36653</v>
      </c>
      <c r="B9562" s="1" t="s">
        <v>35518</v>
      </c>
      <c r="C9562" s="1" t="s">
        <v>125</v>
      </c>
      <c r="D9562" s="1" t="s">
        <v>25754</v>
      </c>
      <c r="E9562" s="1" t="s">
        <v>36743</v>
      </c>
      <c r="F9562" s="1" t="s">
        <v>36744</v>
      </c>
      <c r="G9562" s="1" t="s">
        <v>36656</v>
      </c>
      <c r="H9562" s="1" t="s">
        <v>36657</v>
      </c>
      <c r="I9562" s="1" t="s">
        <v>35524</v>
      </c>
      <c r="J9562" s="1" t="s">
        <v>36745</v>
      </c>
    </row>
    <row r="9563" spans="1:10" x14ac:dyDescent="0.35">
      <c r="A9563" s="1" t="s">
        <v>36653</v>
      </c>
      <c r="B9563" s="1" t="s">
        <v>35518</v>
      </c>
      <c r="C9563" s="1" t="s">
        <v>130</v>
      </c>
      <c r="D9563" s="1" t="s">
        <v>36746</v>
      </c>
      <c r="E9563" s="1" t="s">
        <v>36747</v>
      </c>
      <c r="F9563" s="1" t="s">
        <v>36748</v>
      </c>
      <c r="G9563" s="1" t="s">
        <v>36656</v>
      </c>
      <c r="H9563" s="1" t="s">
        <v>36657</v>
      </c>
      <c r="I9563" s="1" t="s">
        <v>35524</v>
      </c>
      <c r="J9563" s="1" t="s">
        <v>36749</v>
      </c>
    </row>
    <row r="9564" spans="1:10" x14ac:dyDescent="0.35">
      <c r="A9564" s="1" t="s">
        <v>36653</v>
      </c>
      <c r="B9564" s="1" t="s">
        <v>35518</v>
      </c>
      <c r="C9564" s="1" t="s">
        <v>135</v>
      </c>
      <c r="D9564" s="1" t="s">
        <v>36750</v>
      </c>
      <c r="E9564" s="1" t="s">
        <v>36751</v>
      </c>
      <c r="F9564" s="1" t="s">
        <v>36752</v>
      </c>
      <c r="G9564" s="1" t="s">
        <v>36656</v>
      </c>
      <c r="H9564" s="1" t="s">
        <v>36657</v>
      </c>
      <c r="I9564" s="1" t="s">
        <v>35524</v>
      </c>
      <c r="J9564" s="1" t="s">
        <v>36753</v>
      </c>
    </row>
    <row r="9565" spans="1:10" x14ac:dyDescent="0.35">
      <c r="A9565" s="1" t="s">
        <v>36653</v>
      </c>
      <c r="B9565" s="1" t="s">
        <v>35518</v>
      </c>
      <c r="C9565" s="1" t="s">
        <v>140</v>
      </c>
      <c r="D9565" s="1" t="s">
        <v>25032</v>
      </c>
      <c r="E9565" s="1" t="s">
        <v>36754</v>
      </c>
      <c r="F9565" s="1" t="s">
        <v>36755</v>
      </c>
      <c r="G9565" s="1" t="s">
        <v>36656</v>
      </c>
      <c r="H9565" s="1" t="s">
        <v>36657</v>
      </c>
      <c r="I9565" s="1" t="s">
        <v>35524</v>
      </c>
      <c r="J9565" s="1" t="s">
        <v>36756</v>
      </c>
    </row>
    <row r="9566" spans="1:10" x14ac:dyDescent="0.35">
      <c r="A9566" s="1" t="s">
        <v>36653</v>
      </c>
      <c r="B9566" s="1" t="s">
        <v>35518</v>
      </c>
      <c r="C9566" s="1" t="s">
        <v>145</v>
      </c>
      <c r="D9566" s="1" t="s">
        <v>36757</v>
      </c>
      <c r="E9566" s="1" t="s">
        <v>36758</v>
      </c>
      <c r="F9566" s="1" t="s">
        <v>36759</v>
      </c>
      <c r="G9566" s="1" t="s">
        <v>36656</v>
      </c>
      <c r="H9566" s="1" t="s">
        <v>36657</v>
      </c>
      <c r="I9566" s="1" t="s">
        <v>35524</v>
      </c>
      <c r="J9566" s="1" t="s">
        <v>36760</v>
      </c>
    </row>
    <row r="9567" spans="1:10" x14ac:dyDescent="0.35">
      <c r="A9567" s="1" t="s">
        <v>36653</v>
      </c>
      <c r="B9567" s="1" t="s">
        <v>35518</v>
      </c>
      <c r="C9567" s="1" t="s">
        <v>150</v>
      </c>
      <c r="D9567" s="1" t="s">
        <v>36761</v>
      </c>
      <c r="E9567" s="1" t="s">
        <v>36762</v>
      </c>
      <c r="F9567" s="1" t="s">
        <v>36763</v>
      </c>
      <c r="G9567" s="1" t="s">
        <v>36656</v>
      </c>
      <c r="H9567" s="1" t="s">
        <v>36657</v>
      </c>
      <c r="I9567" s="1" t="s">
        <v>35524</v>
      </c>
      <c r="J9567" s="1" t="s">
        <v>36764</v>
      </c>
    </row>
    <row r="9568" spans="1:10" x14ac:dyDescent="0.35">
      <c r="A9568" s="1" t="s">
        <v>36653</v>
      </c>
      <c r="B9568" s="1" t="s">
        <v>35518</v>
      </c>
      <c r="C9568" s="1" t="s">
        <v>155</v>
      </c>
      <c r="D9568" s="1" t="s">
        <v>29242</v>
      </c>
      <c r="E9568" s="1" t="s">
        <v>36765</v>
      </c>
      <c r="F9568" s="1" t="s">
        <v>36766</v>
      </c>
      <c r="G9568" s="1" t="s">
        <v>36656</v>
      </c>
      <c r="H9568" s="1" t="s">
        <v>36657</v>
      </c>
      <c r="I9568" s="1" t="s">
        <v>35524</v>
      </c>
      <c r="J9568" s="1" t="s">
        <v>36767</v>
      </c>
    </row>
    <row r="9569" spans="1:10" x14ac:dyDescent="0.35">
      <c r="A9569" s="1" t="s">
        <v>36653</v>
      </c>
      <c r="B9569" s="1" t="s">
        <v>35518</v>
      </c>
      <c r="C9569" s="1" t="s">
        <v>160</v>
      </c>
      <c r="D9569" s="1" t="s">
        <v>25754</v>
      </c>
      <c r="E9569" s="1" t="s">
        <v>36768</v>
      </c>
      <c r="F9569" s="1" t="s">
        <v>36769</v>
      </c>
      <c r="G9569" s="1" t="s">
        <v>36656</v>
      </c>
      <c r="H9569" s="1" t="s">
        <v>36657</v>
      </c>
      <c r="I9569" s="1" t="s">
        <v>35524</v>
      </c>
      <c r="J9569" s="1" t="s">
        <v>36770</v>
      </c>
    </row>
    <row r="9570" spans="1:10" x14ac:dyDescent="0.35">
      <c r="A9570" s="1" t="s">
        <v>36653</v>
      </c>
      <c r="B9570" s="1" t="s">
        <v>35518</v>
      </c>
      <c r="C9570" s="1" t="s">
        <v>165</v>
      </c>
      <c r="D9570" s="1" t="s">
        <v>36771</v>
      </c>
      <c r="E9570" s="1" t="s">
        <v>36772</v>
      </c>
      <c r="F9570" s="1" t="s">
        <v>36773</v>
      </c>
      <c r="G9570" s="1" t="s">
        <v>36656</v>
      </c>
      <c r="H9570" s="1" t="s">
        <v>36657</v>
      </c>
      <c r="I9570" s="1" t="s">
        <v>35524</v>
      </c>
      <c r="J9570" s="1" t="s">
        <v>36774</v>
      </c>
    </row>
    <row r="9571" spans="1:10" x14ac:dyDescent="0.35">
      <c r="A9571" s="1" t="s">
        <v>36653</v>
      </c>
      <c r="B9571" s="1" t="s">
        <v>35518</v>
      </c>
      <c r="C9571" s="1" t="s">
        <v>170</v>
      </c>
      <c r="D9571" s="1" t="s">
        <v>36775</v>
      </c>
      <c r="E9571" s="1" t="s">
        <v>36776</v>
      </c>
      <c r="F9571" s="1" t="s">
        <v>36777</v>
      </c>
      <c r="G9571" s="1" t="s">
        <v>36656</v>
      </c>
      <c r="H9571" s="1" t="s">
        <v>36657</v>
      </c>
      <c r="I9571" s="1" t="s">
        <v>35524</v>
      </c>
      <c r="J9571" s="1" t="s">
        <v>36778</v>
      </c>
    </row>
    <row r="9572" spans="1:10" x14ac:dyDescent="0.35">
      <c r="A9572" s="1" t="s">
        <v>36779</v>
      </c>
      <c r="B9572" s="1" t="s">
        <v>35518</v>
      </c>
      <c r="C9572" s="1" t="s">
        <v>8</v>
      </c>
      <c r="D9572" s="1" t="s">
        <v>36780</v>
      </c>
      <c r="E9572" s="1" t="s">
        <v>36781</v>
      </c>
      <c r="F9572" s="1" t="s">
        <v>36782</v>
      </c>
      <c r="G9572" s="1" t="s">
        <v>36783</v>
      </c>
      <c r="H9572" s="1" t="s">
        <v>36784</v>
      </c>
      <c r="I9572" s="1" t="s">
        <v>35524</v>
      </c>
      <c r="J9572" s="1" t="s">
        <v>13</v>
      </c>
    </row>
    <row r="9573" spans="1:10" x14ac:dyDescent="0.35">
      <c r="A9573" s="1" t="s">
        <v>36779</v>
      </c>
      <c r="B9573" s="1" t="s">
        <v>35518</v>
      </c>
      <c r="C9573" s="1" t="s">
        <v>15</v>
      </c>
      <c r="D9573" s="1" t="s">
        <v>36785</v>
      </c>
      <c r="E9573" s="1" t="s">
        <v>36786</v>
      </c>
      <c r="F9573" s="1" t="s">
        <v>36787</v>
      </c>
      <c r="G9573" s="1" t="s">
        <v>36783</v>
      </c>
      <c r="H9573" s="1" t="s">
        <v>36784</v>
      </c>
      <c r="I9573" s="1" t="s">
        <v>35524</v>
      </c>
      <c r="J9573" s="1" t="s">
        <v>36788</v>
      </c>
    </row>
    <row r="9574" spans="1:10" x14ac:dyDescent="0.35">
      <c r="A9574" s="1" t="s">
        <v>36779</v>
      </c>
      <c r="B9574" s="1" t="s">
        <v>35518</v>
      </c>
      <c r="C9574" s="1" t="s">
        <v>20</v>
      </c>
      <c r="D9574" s="1" t="s">
        <v>36789</v>
      </c>
      <c r="E9574" s="1" t="s">
        <v>36790</v>
      </c>
      <c r="F9574" s="1" t="s">
        <v>36791</v>
      </c>
      <c r="G9574" s="1" t="s">
        <v>36783</v>
      </c>
      <c r="H9574" s="1" t="s">
        <v>36784</v>
      </c>
      <c r="I9574" s="1" t="s">
        <v>35524</v>
      </c>
      <c r="J9574" s="1" t="s">
        <v>36792</v>
      </c>
    </row>
    <row r="9575" spans="1:10" x14ac:dyDescent="0.35">
      <c r="A9575" s="1" t="s">
        <v>36779</v>
      </c>
      <c r="B9575" s="1" t="s">
        <v>35518</v>
      </c>
      <c r="C9575" s="1" t="s">
        <v>25</v>
      </c>
      <c r="D9575" s="1" t="s">
        <v>36793</v>
      </c>
      <c r="E9575" s="1" t="s">
        <v>36794</v>
      </c>
      <c r="F9575" s="1" t="s">
        <v>36795</v>
      </c>
      <c r="G9575" s="1" t="s">
        <v>36783</v>
      </c>
      <c r="H9575" s="1" t="s">
        <v>36784</v>
      </c>
      <c r="I9575" s="1" t="s">
        <v>35524</v>
      </c>
      <c r="J9575" s="1" t="s">
        <v>36796</v>
      </c>
    </row>
    <row r="9576" spans="1:10" x14ac:dyDescent="0.35">
      <c r="A9576" s="1" t="s">
        <v>36779</v>
      </c>
      <c r="B9576" s="1" t="s">
        <v>35518</v>
      </c>
      <c r="C9576" s="1" t="s">
        <v>30</v>
      </c>
      <c r="D9576" s="1" t="s">
        <v>36797</v>
      </c>
      <c r="E9576" s="1" t="s">
        <v>36798</v>
      </c>
      <c r="F9576" s="1" t="s">
        <v>36799</v>
      </c>
      <c r="G9576" s="1" t="s">
        <v>36783</v>
      </c>
      <c r="H9576" s="1" t="s">
        <v>36784</v>
      </c>
      <c r="I9576" s="1" t="s">
        <v>35524</v>
      </c>
      <c r="J9576" s="1" t="s">
        <v>36800</v>
      </c>
    </row>
    <row r="9577" spans="1:10" x14ac:dyDescent="0.35">
      <c r="A9577" s="1" t="s">
        <v>36779</v>
      </c>
      <c r="B9577" s="1" t="s">
        <v>35518</v>
      </c>
      <c r="C9577" s="1" t="s">
        <v>35</v>
      </c>
      <c r="D9577" s="1" t="s">
        <v>36801</v>
      </c>
      <c r="E9577" s="1" t="s">
        <v>36802</v>
      </c>
      <c r="F9577" s="1" t="s">
        <v>36803</v>
      </c>
      <c r="G9577" s="1" t="s">
        <v>36783</v>
      </c>
      <c r="H9577" s="1" t="s">
        <v>36784</v>
      </c>
      <c r="I9577" s="1" t="s">
        <v>35524</v>
      </c>
      <c r="J9577" s="1" t="s">
        <v>36804</v>
      </c>
    </row>
    <row r="9578" spans="1:10" x14ac:dyDescent="0.35">
      <c r="A9578" s="1" t="s">
        <v>36779</v>
      </c>
      <c r="B9578" s="1" t="s">
        <v>35518</v>
      </c>
      <c r="C9578" s="1" t="s">
        <v>40</v>
      </c>
      <c r="D9578" s="1" t="s">
        <v>33462</v>
      </c>
      <c r="E9578" s="1" t="s">
        <v>36805</v>
      </c>
      <c r="F9578" s="1" t="s">
        <v>36806</v>
      </c>
      <c r="G9578" s="1" t="s">
        <v>36783</v>
      </c>
      <c r="H9578" s="1" t="s">
        <v>36784</v>
      </c>
      <c r="I9578" s="1" t="s">
        <v>35524</v>
      </c>
      <c r="J9578" s="1" t="s">
        <v>36807</v>
      </c>
    </row>
    <row r="9579" spans="1:10" x14ac:dyDescent="0.35">
      <c r="A9579" s="1" t="s">
        <v>36779</v>
      </c>
      <c r="B9579" s="1" t="s">
        <v>35518</v>
      </c>
      <c r="C9579" s="1" t="s">
        <v>45</v>
      </c>
      <c r="D9579" s="1" t="s">
        <v>36808</v>
      </c>
      <c r="E9579" s="1" t="s">
        <v>36809</v>
      </c>
      <c r="F9579" s="1" t="s">
        <v>36810</v>
      </c>
      <c r="G9579" s="1" t="s">
        <v>36783</v>
      </c>
      <c r="H9579" s="1" t="s">
        <v>36784</v>
      </c>
      <c r="I9579" s="1" t="s">
        <v>35524</v>
      </c>
      <c r="J9579" s="1" t="s">
        <v>36811</v>
      </c>
    </row>
    <row r="9580" spans="1:10" x14ac:dyDescent="0.35">
      <c r="A9580" s="1" t="s">
        <v>36779</v>
      </c>
      <c r="B9580" s="1" t="s">
        <v>35518</v>
      </c>
      <c r="C9580" s="1" t="s">
        <v>50</v>
      </c>
      <c r="D9580" s="1" t="s">
        <v>3691</v>
      </c>
      <c r="E9580" s="1" t="s">
        <v>36812</v>
      </c>
      <c r="F9580" s="1" t="s">
        <v>36813</v>
      </c>
      <c r="G9580" s="1" t="s">
        <v>36783</v>
      </c>
      <c r="H9580" s="1" t="s">
        <v>36784</v>
      </c>
      <c r="I9580" s="1" t="s">
        <v>35524</v>
      </c>
      <c r="J9580" s="1" t="s">
        <v>36814</v>
      </c>
    </row>
    <row r="9581" spans="1:10" x14ac:dyDescent="0.35">
      <c r="A9581" s="1" t="s">
        <v>36779</v>
      </c>
      <c r="B9581" s="1" t="s">
        <v>35518</v>
      </c>
      <c r="C9581" s="1" t="s">
        <v>55</v>
      </c>
      <c r="D9581" s="1" t="s">
        <v>35499</v>
      </c>
      <c r="E9581" s="1" t="s">
        <v>36815</v>
      </c>
      <c r="F9581" s="1" t="s">
        <v>36816</v>
      </c>
      <c r="G9581" s="1" t="s">
        <v>36783</v>
      </c>
      <c r="H9581" s="1" t="s">
        <v>36784</v>
      </c>
      <c r="I9581" s="1" t="s">
        <v>35524</v>
      </c>
      <c r="J9581" s="1" t="s">
        <v>36817</v>
      </c>
    </row>
    <row r="9582" spans="1:10" x14ac:dyDescent="0.35">
      <c r="A9582" s="1" t="s">
        <v>36779</v>
      </c>
      <c r="B9582" s="1" t="s">
        <v>35518</v>
      </c>
      <c r="C9582" s="1" t="s">
        <v>60</v>
      </c>
      <c r="D9582" s="1" t="s">
        <v>3687</v>
      </c>
      <c r="E9582" s="1" t="s">
        <v>36818</v>
      </c>
      <c r="F9582" s="1" t="s">
        <v>36819</v>
      </c>
      <c r="G9582" s="1" t="s">
        <v>36783</v>
      </c>
      <c r="H9582" s="1" t="s">
        <v>36784</v>
      </c>
      <c r="I9582" s="1" t="s">
        <v>35524</v>
      </c>
      <c r="J9582" s="1" t="s">
        <v>36820</v>
      </c>
    </row>
    <row r="9583" spans="1:10" x14ac:dyDescent="0.35">
      <c r="A9583" s="1" t="s">
        <v>36779</v>
      </c>
      <c r="B9583" s="1" t="s">
        <v>35518</v>
      </c>
      <c r="C9583" s="1" t="s">
        <v>65</v>
      </c>
      <c r="D9583" s="1" t="s">
        <v>30249</v>
      </c>
      <c r="E9583" s="1" t="s">
        <v>36821</v>
      </c>
      <c r="F9583" s="1" t="s">
        <v>36822</v>
      </c>
      <c r="G9583" s="1" t="s">
        <v>36783</v>
      </c>
      <c r="H9583" s="1" t="s">
        <v>36784</v>
      </c>
      <c r="I9583" s="1" t="s">
        <v>35524</v>
      </c>
      <c r="J9583" s="1" t="s">
        <v>36823</v>
      </c>
    </row>
    <row r="9584" spans="1:10" x14ac:dyDescent="0.35">
      <c r="A9584" s="1" t="s">
        <v>36779</v>
      </c>
      <c r="B9584" s="1" t="s">
        <v>35518</v>
      </c>
      <c r="C9584" s="1" t="s">
        <v>70</v>
      </c>
      <c r="D9584" s="1" t="s">
        <v>36824</v>
      </c>
      <c r="E9584" s="1" t="s">
        <v>36825</v>
      </c>
      <c r="F9584" s="1" t="s">
        <v>36826</v>
      </c>
      <c r="G9584" s="1" t="s">
        <v>36783</v>
      </c>
      <c r="H9584" s="1" t="s">
        <v>36784</v>
      </c>
      <c r="I9584" s="1" t="s">
        <v>35524</v>
      </c>
      <c r="J9584" s="1" t="s">
        <v>36827</v>
      </c>
    </row>
    <row r="9585" spans="1:10" x14ac:dyDescent="0.35">
      <c r="A9585" s="1" t="s">
        <v>36779</v>
      </c>
      <c r="B9585" s="1" t="s">
        <v>35518</v>
      </c>
      <c r="C9585" s="1" t="s">
        <v>75</v>
      </c>
      <c r="D9585" s="1" t="s">
        <v>36828</v>
      </c>
      <c r="E9585" s="1" t="s">
        <v>36829</v>
      </c>
      <c r="F9585" s="1" t="s">
        <v>36830</v>
      </c>
      <c r="G9585" s="1" t="s">
        <v>36783</v>
      </c>
      <c r="H9585" s="1" t="s">
        <v>36784</v>
      </c>
      <c r="I9585" s="1" t="s">
        <v>35524</v>
      </c>
      <c r="J9585" s="1" t="s">
        <v>36831</v>
      </c>
    </row>
    <row r="9586" spans="1:10" x14ac:dyDescent="0.35">
      <c r="A9586" s="1" t="s">
        <v>36779</v>
      </c>
      <c r="B9586" s="1" t="s">
        <v>35518</v>
      </c>
      <c r="C9586" s="1" t="s">
        <v>80</v>
      </c>
      <c r="D9586" s="1" t="s">
        <v>36832</v>
      </c>
      <c r="E9586" s="1" t="s">
        <v>36833</v>
      </c>
      <c r="F9586" s="1" t="s">
        <v>36834</v>
      </c>
      <c r="G9586" s="1" t="s">
        <v>36783</v>
      </c>
      <c r="H9586" s="1" t="s">
        <v>36784</v>
      </c>
      <c r="I9586" s="1" t="s">
        <v>35524</v>
      </c>
      <c r="J9586" s="1" t="s">
        <v>36835</v>
      </c>
    </row>
    <row r="9587" spans="1:10" x14ac:dyDescent="0.35">
      <c r="A9587" s="1" t="s">
        <v>36779</v>
      </c>
      <c r="B9587" s="1" t="s">
        <v>35518</v>
      </c>
      <c r="C9587" s="1" t="s">
        <v>85</v>
      </c>
      <c r="D9587" s="1" t="s">
        <v>36836</v>
      </c>
      <c r="E9587" s="1" t="s">
        <v>36837</v>
      </c>
      <c r="F9587" s="1" t="s">
        <v>36838</v>
      </c>
      <c r="G9587" s="1" t="s">
        <v>36783</v>
      </c>
      <c r="H9587" s="1" t="s">
        <v>36784</v>
      </c>
      <c r="I9587" s="1" t="s">
        <v>35524</v>
      </c>
      <c r="J9587" s="1" t="s">
        <v>36839</v>
      </c>
    </row>
    <row r="9588" spans="1:10" x14ac:dyDescent="0.35">
      <c r="A9588" s="1" t="s">
        <v>36779</v>
      </c>
      <c r="B9588" s="1" t="s">
        <v>35518</v>
      </c>
      <c r="C9588" s="1" t="s">
        <v>90</v>
      </c>
      <c r="D9588" s="1" t="s">
        <v>36840</v>
      </c>
      <c r="E9588" s="1" t="s">
        <v>36841</v>
      </c>
      <c r="F9588" s="1" t="s">
        <v>36842</v>
      </c>
      <c r="G9588" s="1" t="s">
        <v>36783</v>
      </c>
      <c r="H9588" s="1" t="s">
        <v>36784</v>
      </c>
      <c r="I9588" s="1" t="s">
        <v>35524</v>
      </c>
      <c r="J9588" s="1" t="s">
        <v>36843</v>
      </c>
    </row>
    <row r="9589" spans="1:10" x14ac:dyDescent="0.35">
      <c r="A9589" s="1" t="s">
        <v>36779</v>
      </c>
      <c r="B9589" s="1" t="s">
        <v>35518</v>
      </c>
      <c r="C9589" s="1" t="s">
        <v>95</v>
      </c>
      <c r="D9589" s="1" t="s">
        <v>36844</v>
      </c>
      <c r="E9589" s="1" t="s">
        <v>36845</v>
      </c>
      <c r="F9589" s="1" t="s">
        <v>36846</v>
      </c>
      <c r="G9589" s="1" t="s">
        <v>36783</v>
      </c>
      <c r="H9589" s="1" t="s">
        <v>36784</v>
      </c>
      <c r="I9589" s="1" t="s">
        <v>35524</v>
      </c>
      <c r="J9589" s="1" t="s">
        <v>36847</v>
      </c>
    </row>
    <row r="9590" spans="1:10" x14ac:dyDescent="0.35">
      <c r="A9590" s="1" t="s">
        <v>36779</v>
      </c>
      <c r="B9590" s="1" t="s">
        <v>35518</v>
      </c>
      <c r="C9590" s="1" t="s">
        <v>100</v>
      </c>
      <c r="D9590" s="1" t="s">
        <v>36848</v>
      </c>
      <c r="E9590" s="1" t="s">
        <v>36849</v>
      </c>
      <c r="F9590" s="1" t="s">
        <v>36850</v>
      </c>
      <c r="G9590" s="1" t="s">
        <v>36783</v>
      </c>
      <c r="H9590" s="1" t="s">
        <v>36784</v>
      </c>
      <c r="I9590" s="1" t="s">
        <v>35524</v>
      </c>
      <c r="J9590" s="1" t="s">
        <v>36851</v>
      </c>
    </row>
    <row r="9591" spans="1:10" x14ac:dyDescent="0.35">
      <c r="A9591" s="1" t="s">
        <v>36779</v>
      </c>
      <c r="B9591" s="1" t="s">
        <v>35518</v>
      </c>
      <c r="C9591" s="1" t="s">
        <v>105</v>
      </c>
      <c r="D9591" s="1" t="s">
        <v>36852</v>
      </c>
      <c r="E9591" s="1" t="s">
        <v>36853</v>
      </c>
      <c r="F9591" s="1" t="s">
        <v>36854</v>
      </c>
      <c r="G9591" s="1" t="s">
        <v>36783</v>
      </c>
      <c r="H9591" s="1" t="s">
        <v>36784</v>
      </c>
      <c r="I9591" s="1" t="s">
        <v>35524</v>
      </c>
      <c r="J9591" s="1" t="s">
        <v>36855</v>
      </c>
    </row>
    <row r="9592" spans="1:10" x14ac:dyDescent="0.35">
      <c r="A9592" s="1" t="s">
        <v>36779</v>
      </c>
      <c r="B9592" s="1" t="s">
        <v>35518</v>
      </c>
      <c r="C9592" s="1" t="s">
        <v>110</v>
      </c>
      <c r="D9592" s="1" t="s">
        <v>36856</v>
      </c>
      <c r="E9592" s="1" t="s">
        <v>36857</v>
      </c>
      <c r="F9592" s="1" t="s">
        <v>36858</v>
      </c>
      <c r="G9592" s="1" t="s">
        <v>36783</v>
      </c>
      <c r="H9592" s="1" t="s">
        <v>36784</v>
      </c>
      <c r="I9592" s="1" t="s">
        <v>35524</v>
      </c>
      <c r="J9592" s="1" t="s">
        <v>36859</v>
      </c>
    </row>
    <row r="9593" spans="1:10" x14ac:dyDescent="0.35">
      <c r="A9593" s="1" t="s">
        <v>36779</v>
      </c>
      <c r="B9593" s="1" t="s">
        <v>35518</v>
      </c>
      <c r="C9593" s="1" t="s">
        <v>115</v>
      </c>
      <c r="D9593" s="1" t="s">
        <v>36860</v>
      </c>
      <c r="E9593" s="1" t="s">
        <v>36861</v>
      </c>
      <c r="F9593" s="1" t="s">
        <v>36862</v>
      </c>
      <c r="G9593" s="1" t="s">
        <v>36783</v>
      </c>
      <c r="H9593" s="1" t="s">
        <v>36784</v>
      </c>
      <c r="I9593" s="1" t="s">
        <v>35524</v>
      </c>
      <c r="J9593" s="1" t="s">
        <v>36863</v>
      </c>
    </row>
    <row r="9594" spans="1:10" x14ac:dyDescent="0.35">
      <c r="A9594" s="1" t="s">
        <v>36779</v>
      </c>
      <c r="B9594" s="1" t="s">
        <v>35518</v>
      </c>
      <c r="C9594" s="1" t="s">
        <v>120</v>
      </c>
      <c r="D9594" s="1" t="s">
        <v>36864</v>
      </c>
      <c r="E9594" s="1" t="s">
        <v>36865</v>
      </c>
      <c r="F9594" s="1" t="s">
        <v>36866</v>
      </c>
      <c r="G9594" s="1" t="s">
        <v>36783</v>
      </c>
      <c r="H9594" s="1" t="s">
        <v>36784</v>
      </c>
      <c r="I9594" s="1" t="s">
        <v>35524</v>
      </c>
      <c r="J9594" s="1" t="s">
        <v>36867</v>
      </c>
    </row>
    <row r="9595" spans="1:10" x14ac:dyDescent="0.35">
      <c r="A9595" s="1" t="s">
        <v>36779</v>
      </c>
      <c r="B9595" s="1" t="s">
        <v>35518</v>
      </c>
      <c r="C9595" s="1" t="s">
        <v>125</v>
      </c>
      <c r="D9595" s="1" t="s">
        <v>36868</v>
      </c>
      <c r="E9595" s="1" t="s">
        <v>36869</v>
      </c>
      <c r="F9595" s="1" t="s">
        <v>36870</v>
      </c>
      <c r="G9595" s="1" t="s">
        <v>36783</v>
      </c>
      <c r="H9595" s="1" t="s">
        <v>36784</v>
      </c>
      <c r="I9595" s="1" t="s">
        <v>35524</v>
      </c>
      <c r="J9595" s="1" t="s">
        <v>36871</v>
      </c>
    </row>
    <row r="9596" spans="1:10" x14ac:dyDescent="0.35">
      <c r="A9596" s="1" t="s">
        <v>36779</v>
      </c>
      <c r="B9596" s="1" t="s">
        <v>35518</v>
      </c>
      <c r="C9596" s="1" t="s">
        <v>130</v>
      </c>
      <c r="D9596" s="1" t="s">
        <v>36872</v>
      </c>
      <c r="E9596" s="1" t="s">
        <v>36873</v>
      </c>
      <c r="F9596" s="1" t="s">
        <v>36874</v>
      </c>
      <c r="G9596" s="1" t="s">
        <v>36783</v>
      </c>
      <c r="H9596" s="1" t="s">
        <v>36784</v>
      </c>
      <c r="I9596" s="1" t="s">
        <v>35524</v>
      </c>
      <c r="J9596" s="1" t="s">
        <v>36875</v>
      </c>
    </row>
    <row r="9597" spans="1:10" x14ac:dyDescent="0.35">
      <c r="A9597" s="1" t="s">
        <v>36779</v>
      </c>
      <c r="B9597" s="1" t="s">
        <v>35518</v>
      </c>
      <c r="C9597" s="1" t="s">
        <v>135</v>
      </c>
      <c r="D9597" s="1" t="s">
        <v>36876</v>
      </c>
      <c r="E9597" s="1" t="s">
        <v>36877</v>
      </c>
      <c r="F9597" s="1" t="s">
        <v>36878</v>
      </c>
      <c r="G9597" s="1" t="s">
        <v>36783</v>
      </c>
      <c r="H9597" s="1" t="s">
        <v>36784</v>
      </c>
      <c r="I9597" s="1" t="s">
        <v>35524</v>
      </c>
      <c r="J9597" s="1" t="s">
        <v>36879</v>
      </c>
    </row>
    <row r="9598" spans="1:10" x14ac:dyDescent="0.35">
      <c r="A9598" s="1" t="s">
        <v>36779</v>
      </c>
      <c r="B9598" s="1" t="s">
        <v>35518</v>
      </c>
      <c r="C9598" s="1" t="s">
        <v>140</v>
      </c>
      <c r="D9598" s="1" t="s">
        <v>36880</v>
      </c>
      <c r="E9598" s="1" t="s">
        <v>36881</v>
      </c>
      <c r="F9598" s="1" t="s">
        <v>36882</v>
      </c>
      <c r="G9598" s="1" t="s">
        <v>36783</v>
      </c>
      <c r="H9598" s="1" t="s">
        <v>36784</v>
      </c>
      <c r="I9598" s="1" t="s">
        <v>35524</v>
      </c>
      <c r="J9598" s="1" t="s">
        <v>36883</v>
      </c>
    </row>
    <row r="9599" spans="1:10" x14ac:dyDescent="0.35">
      <c r="A9599" s="1" t="s">
        <v>36779</v>
      </c>
      <c r="B9599" s="1" t="s">
        <v>35518</v>
      </c>
      <c r="C9599" s="1" t="s">
        <v>145</v>
      </c>
      <c r="D9599" s="1" t="s">
        <v>36884</v>
      </c>
      <c r="E9599" s="1" t="s">
        <v>36885</v>
      </c>
      <c r="F9599" s="1" t="s">
        <v>36886</v>
      </c>
      <c r="G9599" s="1" t="s">
        <v>36783</v>
      </c>
      <c r="H9599" s="1" t="s">
        <v>36784</v>
      </c>
      <c r="I9599" s="1" t="s">
        <v>35524</v>
      </c>
      <c r="J9599" s="1" t="s">
        <v>36887</v>
      </c>
    </row>
    <row r="9600" spans="1:10" x14ac:dyDescent="0.35">
      <c r="A9600" s="1" t="s">
        <v>36779</v>
      </c>
      <c r="B9600" s="1" t="s">
        <v>35518</v>
      </c>
      <c r="C9600" s="1" t="s">
        <v>150</v>
      </c>
      <c r="D9600" s="1" t="s">
        <v>36888</v>
      </c>
      <c r="E9600" s="1" t="s">
        <v>36889</v>
      </c>
      <c r="F9600" s="1" t="s">
        <v>36890</v>
      </c>
      <c r="G9600" s="1" t="s">
        <v>36783</v>
      </c>
      <c r="H9600" s="1" t="s">
        <v>36784</v>
      </c>
      <c r="I9600" s="1" t="s">
        <v>35524</v>
      </c>
      <c r="J9600" s="1" t="s">
        <v>36891</v>
      </c>
    </row>
    <row r="9601" spans="1:10" x14ac:dyDescent="0.35">
      <c r="A9601" s="1" t="s">
        <v>36779</v>
      </c>
      <c r="B9601" s="1" t="s">
        <v>35518</v>
      </c>
      <c r="C9601" s="1" t="s">
        <v>155</v>
      </c>
      <c r="D9601" s="1" t="s">
        <v>36892</v>
      </c>
      <c r="E9601" s="1" t="s">
        <v>36893</v>
      </c>
      <c r="F9601" s="1" t="s">
        <v>36894</v>
      </c>
      <c r="G9601" s="1" t="s">
        <v>36783</v>
      </c>
      <c r="H9601" s="1" t="s">
        <v>36784</v>
      </c>
      <c r="I9601" s="1" t="s">
        <v>35524</v>
      </c>
      <c r="J9601" s="1" t="s">
        <v>36895</v>
      </c>
    </row>
    <row r="9602" spans="1:10" x14ac:dyDescent="0.35">
      <c r="A9602" s="1" t="s">
        <v>36779</v>
      </c>
      <c r="B9602" s="1" t="s">
        <v>35518</v>
      </c>
      <c r="C9602" s="1" t="s">
        <v>160</v>
      </c>
      <c r="D9602" s="1" t="s">
        <v>36896</v>
      </c>
      <c r="E9602" s="1" t="s">
        <v>36897</v>
      </c>
      <c r="F9602" s="1" t="s">
        <v>36898</v>
      </c>
      <c r="G9602" s="1" t="s">
        <v>36783</v>
      </c>
      <c r="H9602" s="1" t="s">
        <v>36784</v>
      </c>
      <c r="I9602" s="1" t="s">
        <v>35524</v>
      </c>
      <c r="J9602" s="1" t="s">
        <v>36899</v>
      </c>
    </row>
    <row r="9603" spans="1:10" x14ac:dyDescent="0.35">
      <c r="A9603" s="1" t="s">
        <v>36779</v>
      </c>
      <c r="B9603" s="1" t="s">
        <v>35518</v>
      </c>
      <c r="C9603" s="1" t="s">
        <v>165</v>
      </c>
      <c r="D9603" s="1" t="s">
        <v>36900</v>
      </c>
      <c r="E9603" s="1" t="s">
        <v>36901</v>
      </c>
      <c r="F9603" s="1" t="s">
        <v>36902</v>
      </c>
      <c r="G9603" s="1" t="s">
        <v>36783</v>
      </c>
      <c r="H9603" s="1" t="s">
        <v>36784</v>
      </c>
      <c r="I9603" s="1" t="s">
        <v>35524</v>
      </c>
      <c r="J9603" s="1" t="s">
        <v>36903</v>
      </c>
    </row>
    <row r="9604" spans="1:10" x14ac:dyDescent="0.35">
      <c r="A9604" s="1" t="s">
        <v>36779</v>
      </c>
      <c r="B9604" s="1" t="s">
        <v>35518</v>
      </c>
      <c r="C9604" s="1" t="s">
        <v>170</v>
      </c>
      <c r="D9604" s="1" t="s">
        <v>36904</v>
      </c>
      <c r="E9604" s="1" t="s">
        <v>36905</v>
      </c>
      <c r="F9604" s="1" t="s">
        <v>36906</v>
      </c>
      <c r="G9604" s="1" t="s">
        <v>36783</v>
      </c>
      <c r="H9604" s="1" t="s">
        <v>36784</v>
      </c>
      <c r="I9604" s="1" t="s">
        <v>35524</v>
      </c>
      <c r="J9604" s="1" t="s">
        <v>36907</v>
      </c>
    </row>
    <row r="9605" spans="1:10" x14ac:dyDescent="0.35">
      <c r="A9605" s="1" t="s">
        <v>36908</v>
      </c>
      <c r="B9605" s="1" t="s">
        <v>35518</v>
      </c>
      <c r="C9605" s="1" t="s">
        <v>8</v>
      </c>
      <c r="D9605" s="1" t="s">
        <v>11819</v>
      </c>
      <c r="E9605" s="1" t="s">
        <v>36909</v>
      </c>
      <c r="F9605" s="1" t="s">
        <v>36910</v>
      </c>
      <c r="G9605" s="1" t="s">
        <v>36911</v>
      </c>
      <c r="H9605" s="1" t="s">
        <v>36912</v>
      </c>
      <c r="I9605" s="1" t="s">
        <v>35524</v>
      </c>
      <c r="J9605" s="1" t="s">
        <v>13</v>
      </c>
    </row>
    <row r="9606" spans="1:10" x14ac:dyDescent="0.35">
      <c r="A9606" s="1" t="s">
        <v>36908</v>
      </c>
      <c r="B9606" s="1" t="s">
        <v>35518</v>
      </c>
      <c r="C9606" s="1" t="s">
        <v>15</v>
      </c>
      <c r="D9606" s="1" t="s">
        <v>36913</v>
      </c>
      <c r="E9606" s="1" t="s">
        <v>36914</v>
      </c>
      <c r="F9606" s="1" t="s">
        <v>36915</v>
      </c>
      <c r="G9606" s="1" t="s">
        <v>36911</v>
      </c>
      <c r="H9606" s="1" t="s">
        <v>36912</v>
      </c>
      <c r="I9606" s="1" t="s">
        <v>35524</v>
      </c>
      <c r="J9606" s="1" t="s">
        <v>36916</v>
      </c>
    </row>
    <row r="9607" spans="1:10" x14ac:dyDescent="0.35">
      <c r="A9607" s="1" t="s">
        <v>36908</v>
      </c>
      <c r="B9607" s="1" t="s">
        <v>35518</v>
      </c>
      <c r="C9607" s="1" t="s">
        <v>20</v>
      </c>
      <c r="D9607" s="1" t="s">
        <v>36917</v>
      </c>
      <c r="E9607" s="1" t="s">
        <v>36918</v>
      </c>
      <c r="F9607" s="1" t="s">
        <v>36919</v>
      </c>
      <c r="G9607" s="1" t="s">
        <v>36911</v>
      </c>
      <c r="H9607" s="1" t="s">
        <v>36912</v>
      </c>
      <c r="I9607" s="1" t="s">
        <v>35524</v>
      </c>
      <c r="J9607" s="1" t="s">
        <v>36920</v>
      </c>
    </row>
    <row r="9608" spans="1:10" x14ac:dyDescent="0.35">
      <c r="A9608" s="1" t="s">
        <v>36908</v>
      </c>
      <c r="B9608" s="1" t="s">
        <v>35518</v>
      </c>
      <c r="C9608" s="1" t="s">
        <v>25</v>
      </c>
      <c r="D9608" s="1" t="s">
        <v>36921</v>
      </c>
      <c r="E9608" s="1" t="s">
        <v>36922</v>
      </c>
      <c r="F9608" s="1" t="s">
        <v>36923</v>
      </c>
      <c r="G9608" s="1" t="s">
        <v>36911</v>
      </c>
      <c r="H9608" s="1" t="s">
        <v>36912</v>
      </c>
      <c r="I9608" s="1" t="s">
        <v>35524</v>
      </c>
      <c r="J9608" s="1" t="s">
        <v>36924</v>
      </c>
    </row>
    <row r="9609" spans="1:10" x14ac:dyDescent="0.35">
      <c r="A9609" s="1" t="s">
        <v>36908</v>
      </c>
      <c r="B9609" s="1" t="s">
        <v>35518</v>
      </c>
      <c r="C9609" s="1" t="s">
        <v>30</v>
      </c>
      <c r="D9609" s="1" t="s">
        <v>15811</v>
      </c>
      <c r="E9609" s="1" t="s">
        <v>36925</v>
      </c>
      <c r="F9609" s="1" t="s">
        <v>36926</v>
      </c>
      <c r="G9609" s="1" t="s">
        <v>36911</v>
      </c>
      <c r="H9609" s="1" t="s">
        <v>36912</v>
      </c>
      <c r="I9609" s="1" t="s">
        <v>35524</v>
      </c>
      <c r="J9609" s="1" t="s">
        <v>36927</v>
      </c>
    </row>
    <row r="9610" spans="1:10" x14ac:dyDescent="0.35">
      <c r="A9610" s="1" t="s">
        <v>36908</v>
      </c>
      <c r="B9610" s="1" t="s">
        <v>35518</v>
      </c>
      <c r="C9610" s="1" t="s">
        <v>35</v>
      </c>
      <c r="D9610" s="1" t="s">
        <v>32983</v>
      </c>
      <c r="E9610" s="1" t="s">
        <v>36928</v>
      </c>
      <c r="F9610" s="1" t="s">
        <v>36929</v>
      </c>
      <c r="G9610" s="1" t="s">
        <v>36911</v>
      </c>
      <c r="H9610" s="1" t="s">
        <v>36912</v>
      </c>
      <c r="I9610" s="1" t="s">
        <v>35524</v>
      </c>
      <c r="J9610" s="1" t="s">
        <v>36930</v>
      </c>
    </row>
    <row r="9611" spans="1:10" x14ac:dyDescent="0.35">
      <c r="A9611" s="1" t="s">
        <v>36908</v>
      </c>
      <c r="B9611" s="1" t="s">
        <v>35518</v>
      </c>
      <c r="C9611" s="1" t="s">
        <v>40</v>
      </c>
      <c r="D9611" s="1" t="s">
        <v>36931</v>
      </c>
      <c r="E9611" s="1" t="s">
        <v>36932</v>
      </c>
      <c r="F9611" s="1" t="s">
        <v>36933</v>
      </c>
      <c r="G9611" s="1" t="s">
        <v>36911</v>
      </c>
      <c r="H9611" s="1" t="s">
        <v>36912</v>
      </c>
      <c r="I9611" s="1" t="s">
        <v>35524</v>
      </c>
      <c r="J9611" s="1" t="s">
        <v>36934</v>
      </c>
    </row>
    <row r="9612" spans="1:10" x14ac:dyDescent="0.35">
      <c r="A9612" s="1" t="s">
        <v>36908</v>
      </c>
      <c r="B9612" s="1" t="s">
        <v>35518</v>
      </c>
      <c r="C9612" s="1" t="s">
        <v>45</v>
      </c>
      <c r="D9612" s="1" t="s">
        <v>35946</v>
      </c>
      <c r="E9612" s="1" t="s">
        <v>36935</v>
      </c>
      <c r="F9612" s="1" t="s">
        <v>36936</v>
      </c>
      <c r="G9612" s="1" t="s">
        <v>36911</v>
      </c>
      <c r="H9612" s="1" t="s">
        <v>36912</v>
      </c>
      <c r="I9612" s="1" t="s">
        <v>35524</v>
      </c>
      <c r="J9612" s="1" t="s">
        <v>36937</v>
      </c>
    </row>
    <row r="9613" spans="1:10" x14ac:dyDescent="0.35">
      <c r="A9613" s="1" t="s">
        <v>36908</v>
      </c>
      <c r="B9613" s="1" t="s">
        <v>35518</v>
      </c>
      <c r="C9613" s="1" t="s">
        <v>50</v>
      </c>
      <c r="D9613" s="1" t="s">
        <v>36938</v>
      </c>
      <c r="E9613" s="1" t="s">
        <v>36939</v>
      </c>
      <c r="F9613" s="1" t="s">
        <v>36940</v>
      </c>
      <c r="G9613" s="1" t="s">
        <v>36911</v>
      </c>
      <c r="H9613" s="1" t="s">
        <v>36912</v>
      </c>
      <c r="I9613" s="1" t="s">
        <v>35524</v>
      </c>
      <c r="J9613" s="1" t="s">
        <v>36941</v>
      </c>
    </row>
    <row r="9614" spans="1:10" x14ac:dyDescent="0.35">
      <c r="A9614" s="1" t="s">
        <v>36908</v>
      </c>
      <c r="B9614" s="1" t="s">
        <v>35518</v>
      </c>
      <c r="C9614" s="1" t="s">
        <v>55</v>
      </c>
      <c r="D9614" s="1" t="s">
        <v>36942</v>
      </c>
      <c r="E9614" s="1" t="s">
        <v>36943</v>
      </c>
      <c r="F9614" s="1" t="s">
        <v>36944</v>
      </c>
      <c r="G9614" s="1" t="s">
        <v>36911</v>
      </c>
      <c r="H9614" s="1" t="s">
        <v>36912</v>
      </c>
      <c r="I9614" s="1" t="s">
        <v>35524</v>
      </c>
      <c r="J9614" s="1" t="s">
        <v>36945</v>
      </c>
    </row>
    <row r="9615" spans="1:10" x14ac:dyDescent="0.35">
      <c r="A9615" s="1" t="s">
        <v>36908</v>
      </c>
      <c r="B9615" s="1" t="s">
        <v>35518</v>
      </c>
      <c r="C9615" s="1" t="s">
        <v>60</v>
      </c>
      <c r="D9615" s="1" t="s">
        <v>31865</v>
      </c>
      <c r="E9615" s="1" t="s">
        <v>36946</v>
      </c>
      <c r="F9615" s="1" t="s">
        <v>36947</v>
      </c>
      <c r="G9615" s="1" t="s">
        <v>36911</v>
      </c>
      <c r="H9615" s="1" t="s">
        <v>36912</v>
      </c>
      <c r="I9615" s="1" t="s">
        <v>35524</v>
      </c>
      <c r="J9615" s="1" t="s">
        <v>36948</v>
      </c>
    </row>
    <row r="9616" spans="1:10" x14ac:dyDescent="0.35">
      <c r="A9616" s="1" t="s">
        <v>36908</v>
      </c>
      <c r="B9616" s="1" t="s">
        <v>35518</v>
      </c>
      <c r="C9616" s="1" t="s">
        <v>65</v>
      </c>
      <c r="D9616" s="1" t="s">
        <v>4622</v>
      </c>
      <c r="E9616" s="1" t="s">
        <v>36949</v>
      </c>
      <c r="F9616" s="1" t="s">
        <v>36950</v>
      </c>
      <c r="G9616" s="1" t="s">
        <v>36911</v>
      </c>
      <c r="H9616" s="1" t="s">
        <v>36912</v>
      </c>
      <c r="I9616" s="1" t="s">
        <v>35524</v>
      </c>
      <c r="J9616" s="1" t="s">
        <v>36951</v>
      </c>
    </row>
    <row r="9617" spans="1:10" x14ac:dyDescent="0.35">
      <c r="A9617" s="1" t="s">
        <v>36908</v>
      </c>
      <c r="B9617" s="1" t="s">
        <v>35518</v>
      </c>
      <c r="C9617" s="1" t="s">
        <v>70</v>
      </c>
      <c r="D9617" s="1" t="s">
        <v>36952</v>
      </c>
      <c r="E9617" s="1" t="s">
        <v>36953</v>
      </c>
      <c r="F9617" s="1" t="s">
        <v>36954</v>
      </c>
      <c r="G9617" s="1" t="s">
        <v>36911</v>
      </c>
      <c r="H9617" s="1" t="s">
        <v>36912</v>
      </c>
      <c r="I9617" s="1" t="s">
        <v>35524</v>
      </c>
      <c r="J9617" s="1" t="s">
        <v>36955</v>
      </c>
    </row>
    <row r="9618" spans="1:10" x14ac:dyDescent="0.35">
      <c r="A9618" s="1" t="s">
        <v>36908</v>
      </c>
      <c r="B9618" s="1" t="s">
        <v>35518</v>
      </c>
      <c r="C9618" s="1" t="s">
        <v>75</v>
      </c>
      <c r="D9618" s="1" t="s">
        <v>36828</v>
      </c>
      <c r="E9618" s="1" t="s">
        <v>36956</v>
      </c>
      <c r="F9618" s="1" t="s">
        <v>36957</v>
      </c>
      <c r="G9618" s="1" t="s">
        <v>36911</v>
      </c>
      <c r="H9618" s="1" t="s">
        <v>36912</v>
      </c>
      <c r="I9618" s="1" t="s">
        <v>35524</v>
      </c>
      <c r="J9618" s="1" t="s">
        <v>36958</v>
      </c>
    </row>
    <row r="9619" spans="1:10" x14ac:dyDescent="0.35">
      <c r="A9619" s="1" t="s">
        <v>36908</v>
      </c>
      <c r="B9619" s="1" t="s">
        <v>35518</v>
      </c>
      <c r="C9619" s="1" t="s">
        <v>80</v>
      </c>
      <c r="D9619" s="1" t="s">
        <v>36959</v>
      </c>
      <c r="E9619" s="1" t="s">
        <v>36960</v>
      </c>
      <c r="F9619" s="1" t="s">
        <v>36961</v>
      </c>
      <c r="G9619" s="1" t="s">
        <v>36911</v>
      </c>
      <c r="H9619" s="1" t="s">
        <v>36912</v>
      </c>
      <c r="I9619" s="1" t="s">
        <v>35524</v>
      </c>
      <c r="J9619" s="1" t="s">
        <v>36962</v>
      </c>
    </row>
    <row r="9620" spans="1:10" x14ac:dyDescent="0.35">
      <c r="A9620" s="1" t="s">
        <v>36908</v>
      </c>
      <c r="B9620" s="1" t="s">
        <v>35518</v>
      </c>
      <c r="C9620" s="1" t="s">
        <v>85</v>
      </c>
      <c r="D9620" s="1" t="s">
        <v>31768</v>
      </c>
      <c r="E9620" s="1" t="s">
        <v>36963</v>
      </c>
      <c r="F9620" s="1" t="s">
        <v>36964</v>
      </c>
      <c r="G9620" s="1" t="s">
        <v>36911</v>
      </c>
      <c r="H9620" s="1" t="s">
        <v>36912</v>
      </c>
      <c r="I9620" s="1" t="s">
        <v>35524</v>
      </c>
      <c r="J9620" s="1" t="s">
        <v>36965</v>
      </c>
    </row>
    <row r="9621" spans="1:10" x14ac:dyDescent="0.35">
      <c r="A9621" s="1" t="s">
        <v>36908</v>
      </c>
      <c r="B9621" s="1" t="s">
        <v>35518</v>
      </c>
      <c r="C9621" s="1" t="s">
        <v>90</v>
      </c>
      <c r="D9621" s="1" t="s">
        <v>10401</v>
      </c>
      <c r="E9621" s="1" t="s">
        <v>36966</v>
      </c>
      <c r="F9621" s="1" t="s">
        <v>36967</v>
      </c>
      <c r="G9621" s="1" t="s">
        <v>36911</v>
      </c>
      <c r="H9621" s="1" t="s">
        <v>36912</v>
      </c>
      <c r="I9621" s="1" t="s">
        <v>35524</v>
      </c>
      <c r="J9621" s="1" t="s">
        <v>36968</v>
      </c>
    </row>
    <row r="9622" spans="1:10" x14ac:dyDescent="0.35">
      <c r="A9622" s="1" t="s">
        <v>36908</v>
      </c>
      <c r="B9622" s="1" t="s">
        <v>35518</v>
      </c>
      <c r="C9622" s="1" t="s">
        <v>95</v>
      </c>
      <c r="D9622" s="1" t="s">
        <v>36969</v>
      </c>
      <c r="E9622" s="1" t="s">
        <v>36970</v>
      </c>
      <c r="F9622" s="1" t="s">
        <v>36971</v>
      </c>
      <c r="G9622" s="1" t="s">
        <v>36911</v>
      </c>
      <c r="H9622" s="1" t="s">
        <v>36912</v>
      </c>
      <c r="I9622" s="1" t="s">
        <v>35524</v>
      </c>
      <c r="J9622" s="1" t="s">
        <v>36972</v>
      </c>
    </row>
    <row r="9623" spans="1:10" x14ac:dyDescent="0.35">
      <c r="A9623" s="1" t="s">
        <v>36908</v>
      </c>
      <c r="B9623" s="1" t="s">
        <v>35518</v>
      </c>
      <c r="C9623" s="1" t="s">
        <v>100</v>
      </c>
      <c r="D9623" s="1" t="s">
        <v>36973</v>
      </c>
      <c r="E9623" s="1" t="s">
        <v>36974</v>
      </c>
      <c r="F9623" s="1" t="s">
        <v>36975</v>
      </c>
      <c r="G9623" s="1" t="s">
        <v>36911</v>
      </c>
      <c r="H9623" s="1" t="s">
        <v>36912</v>
      </c>
      <c r="I9623" s="1" t="s">
        <v>35524</v>
      </c>
      <c r="J9623" s="1" t="s">
        <v>36976</v>
      </c>
    </row>
    <row r="9624" spans="1:10" x14ac:dyDescent="0.35">
      <c r="A9624" s="1" t="s">
        <v>36908</v>
      </c>
      <c r="B9624" s="1" t="s">
        <v>35518</v>
      </c>
      <c r="C9624" s="1" t="s">
        <v>105</v>
      </c>
      <c r="D9624" s="1" t="s">
        <v>36977</v>
      </c>
      <c r="E9624" s="1" t="s">
        <v>36978</v>
      </c>
      <c r="F9624" s="1" t="s">
        <v>36979</v>
      </c>
      <c r="G9624" s="1" t="s">
        <v>36911</v>
      </c>
      <c r="H9624" s="1" t="s">
        <v>36912</v>
      </c>
      <c r="I9624" s="1" t="s">
        <v>35524</v>
      </c>
      <c r="J9624" s="1" t="s">
        <v>36980</v>
      </c>
    </row>
    <row r="9625" spans="1:10" x14ac:dyDescent="0.35">
      <c r="A9625" s="1" t="s">
        <v>36908</v>
      </c>
      <c r="B9625" s="1" t="s">
        <v>35518</v>
      </c>
      <c r="C9625" s="1" t="s">
        <v>110</v>
      </c>
      <c r="D9625" s="1" t="s">
        <v>36981</v>
      </c>
      <c r="E9625" s="1" t="s">
        <v>36982</v>
      </c>
      <c r="F9625" s="1" t="s">
        <v>36983</v>
      </c>
      <c r="G9625" s="1" t="s">
        <v>36911</v>
      </c>
      <c r="H9625" s="1" t="s">
        <v>36912</v>
      </c>
      <c r="I9625" s="1" t="s">
        <v>35524</v>
      </c>
      <c r="J9625" s="1" t="s">
        <v>36984</v>
      </c>
    </row>
    <row r="9626" spans="1:10" x14ac:dyDescent="0.35">
      <c r="A9626" s="1" t="s">
        <v>36908</v>
      </c>
      <c r="B9626" s="1" t="s">
        <v>35518</v>
      </c>
      <c r="C9626" s="1" t="s">
        <v>115</v>
      </c>
      <c r="D9626" s="1" t="s">
        <v>36985</v>
      </c>
      <c r="E9626" s="1" t="s">
        <v>36986</v>
      </c>
      <c r="F9626" s="1" t="s">
        <v>36987</v>
      </c>
      <c r="G9626" s="1" t="s">
        <v>36911</v>
      </c>
      <c r="H9626" s="1" t="s">
        <v>36912</v>
      </c>
      <c r="I9626" s="1" t="s">
        <v>35524</v>
      </c>
      <c r="J9626" s="1" t="s">
        <v>36988</v>
      </c>
    </row>
    <row r="9627" spans="1:10" x14ac:dyDescent="0.35">
      <c r="A9627" s="1" t="s">
        <v>36908</v>
      </c>
      <c r="B9627" s="1" t="s">
        <v>35518</v>
      </c>
      <c r="C9627" s="1" t="s">
        <v>120</v>
      </c>
      <c r="D9627" s="1" t="s">
        <v>4260</v>
      </c>
      <c r="E9627" s="1" t="s">
        <v>36989</v>
      </c>
      <c r="F9627" s="1" t="s">
        <v>36990</v>
      </c>
      <c r="G9627" s="1" t="s">
        <v>36911</v>
      </c>
      <c r="H9627" s="1" t="s">
        <v>36912</v>
      </c>
      <c r="I9627" s="1" t="s">
        <v>35524</v>
      </c>
      <c r="J9627" s="1" t="s">
        <v>36991</v>
      </c>
    </row>
    <row r="9628" spans="1:10" x14ac:dyDescent="0.35">
      <c r="A9628" s="1" t="s">
        <v>36908</v>
      </c>
      <c r="B9628" s="1" t="s">
        <v>35518</v>
      </c>
      <c r="C9628" s="1" t="s">
        <v>125</v>
      </c>
      <c r="D9628" s="1" t="s">
        <v>36992</v>
      </c>
      <c r="E9628" s="1" t="s">
        <v>36993</v>
      </c>
      <c r="F9628" s="1" t="s">
        <v>36994</v>
      </c>
      <c r="G9628" s="1" t="s">
        <v>36911</v>
      </c>
      <c r="H9628" s="1" t="s">
        <v>36912</v>
      </c>
      <c r="I9628" s="1" t="s">
        <v>35524</v>
      </c>
      <c r="J9628" s="1" t="s">
        <v>36995</v>
      </c>
    </row>
    <row r="9629" spans="1:10" x14ac:dyDescent="0.35">
      <c r="A9629" s="1" t="s">
        <v>36908</v>
      </c>
      <c r="B9629" s="1" t="s">
        <v>35518</v>
      </c>
      <c r="C9629" s="1" t="s">
        <v>130</v>
      </c>
      <c r="D9629" s="1" t="s">
        <v>36996</v>
      </c>
      <c r="E9629" s="1" t="s">
        <v>36997</v>
      </c>
      <c r="F9629" s="1" t="s">
        <v>36998</v>
      </c>
      <c r="G9629" s="1" t="s">
        <v>36911</v>
      </c>
      <c r="H9629" s="1" t="s">
        <v>36912</v>
      </c>
      <c r="I9629" s="1" t="s">
        <v>35524</v>
      </c>
      <c r="J9629" s="1" t="s">
        <v>36999</v>
      </c>
    </row>
    <row r="9630" spans="1:10" x14ac:dyDescent="0.35">
      <c r="A9630" s="1" t="s">
        <v>36908</v>
      </c>
      <c r="B9630" s="1" t="s">
        <v>35518</v>
      </c>
      <c r="C9630" s="1" t="s">
        <v>135</v>
      </c>
      <c r="D9630" s="1" t="s">
        <v>37000</v>
      </c>
      <c r="E9630" s="1" t="s">
        <v>37001</v>
      </c>
      <c r="F9630" s="1" t="s">
        <v>37002</v>
      </c>
      <c r="G9630" s="1" t="s">
        <v>36911</v>
      </c>
      <c r="H9630" s="1" t="s">
        <v>36912</v>
      </c>
      <c r="I9630" s="1" t="s">
        <v>35524</v>
      </c>
      <c r="J9630" s="1" t="s">
        <v>37003</v>
      </c>
    </row>
    <row r="9631" spans="1:10" x14ac:dyDescent="0.35">
      <c r="A9631" s="1" t="s">
        <v>36908</v>
      </c>
      <c r="B9631" s="1" t="s">
        <v>35518</v>
      </c>
      <c r="C9631" s="1" t="s">
        <v>140</v>
      </c>
      <c r="D9631" s="1" t="s">
        <v>16287</v>
      </c>
      <c r="E9631" s="1" t="s">
        <v>37004</v>
      </c>
      <c r="F9631" s="1" t="s">
        <v>37005</v>
      </c>
      <c r="G9631" s="1" t="s">
        <v>36911</v>
      </c>
      <c r="H9631" s="1" t="s">
        <v>36912</v>
      </c>
      <c r="I9631" s="1" t="s">
        <v>35524</v>
      </c>
      <c r="J9631" s="1" t="s">
        <v>37006</v>
      </c>
    </row>
    <row r="9632" spans="1:10" x14ac:dyDescent="0.35">
      <c r="A9632" s="1" t="s">
        <v>36908</v>
      </c>
      <c r="B9632" s="1" t="s">
        <v>35518</v>
      </c>
      <c r="C9632" s="1" t="s">
        <v>145</v>
      </c>
      <c r="D9632" s="1" t="s">
        <v>37007</v>
      </c>
      <c r="E9632" s="1" t="s">
        <v>37008</v>
      </c>
      <c r="F9632" s="1" t="s">
        <v>37009</v>
      </c>
      <c r="G9632" s="1" t="s">
        <v>36911</v>
      </c>
      <c r="H9632" s="1" t="s">
        <v>36912</v>
      </c>
      <c r="I9632" s="1" t="s">
        <v>35524</v>
      </c>
      <c r="J9632" s="1" t="s">
        <v>37010</v>
      </c>
    </row>
    <row r="9633" spans="1:10" x14ac:dyDescent="0.35">
      <c r="A9633" s="1" t="s">
        <v>36908</v>
      </c>
      <c r="B9633" s="1" t="s">
        <v>35518</v>
      </c>
      <c r="C9633" s="1" t="s">
        <v>150</v>
      </c>
      <c r="D9633" s="1" t="s">
        <v>37011</v>
      </c>
      <c r="E9633" s="1" t="s">
        <v>37012</v>
      </c>
      <c r="F9633" s="1" t="s">
        <v>37013</v>
      </c>
      <c r="G9633" s="1" t="s">
        <v>36911</v>
      </c>
      <c r="H9633" s="1" t="s">
        <v>36912</v>
      </c>
      <c r="I9633" s="1" t="s">
        <v>35524</v>
      </c>
      <c r="J9633" s="1" t="s">
        <v>37014</v>
      </c>
    </row>
    <row r="9634" spans="1:10" x14ac:dyDescent="0.35">
      <c r="A9634" s="1" t="s">
        <v>36908</v>
      </c>
      <c r="B9634" s="1" t="s">
        <v>35518</v>
      </c>
      <c r="C9634" s="1" t="s">
        <v>155</v>
      </c>
      <c r="D9634" s="1" t="s">
        <v>37015</v>
      </c>
      <c r="E9634" s="1" t="s">
        <v>37016</v>
      </c>
      <c r="F9634" s="1" t="s">
        <v>37017</v>
      </c>
      <c r="G9634" s="1" t="s">
        <v>36911</v>
      </c>
      <c r="H9634" s="1" t="s">
        <v>36912</v>
      </c>
      <c r="I9634" s="1" t="s">
        <v>35524</v>
      </c>
      <c r="J9634" s="1" t="s">
        <v>37018</v>
      </c>
    </row>
    <row r="9635" spans="1:10" x14ac:dyDescent="0.35">
      <c r="A9635" s="1" t="s">
        <v>36908</v>
      </c>
      <c r="B9635" s="1" t="s">
        <v>35518</v>
      </c>
      <c r="C9635" s="1" t="s">
        <v>160</v>
      </c>
      <c r="D9635" s="1" t="s">
        <v>37019</v>
      </c>
      <c r="E9635" s="1" t="s">
        <v>37020</v>
      </c>
      <c r="F9635" s="1" t="s">
        <v>37021</v>
      </c>
      <c r="G9635" s="1" t="s">
        <v>36911</v>
      </c>
      <c r="H9635" s="1" t="s">
        <v>36912</v>
      </c>
      <c r="I9635" s="1" t="s">
        <v>35524</v>
      </c>
      <c r="J9635" s="1" t="s">
        <v>37022</v>
      </c>
    </row>
    <row r="9636" spans="1:10" x14ac:dyDescent="0.35">
      <c r="A9636" s="1" t="s">
        <v>36908</v>
      </c>
      <c r="B9636" s="1" t="s">
        <v>35518</v>
      </c>
      <c r="C9636" s="1" t="s">
        <v>165</v>
      </c>
      <c r="D9636" s="1" t="s">
        <v>37023</v>
      </c>
      <c r="E9636" s="1" t="s">
        <v>37024</v>
      </c>
      <c r="F9636" s="1" t="s">
        <v>37025</v>
      </c>
      <c r="G9636" s="1" t="s">
        <v>36911</v>
      </c>
      <c r="H9636" s="1" t="s">
        <v>36912</v>
      </c>
      <c r="I9636" s="1" t="s">
        <v>35524</v>
      </c>
      <c r="J9636" s="1" t="s">
        <v>37026</v>
      </c>
    </row>
    <row r="9637" spans="1:10" x14ac:dyDescent="0.35">
      <c r="A9637" s="1" t="s">
        <v>36908</v>
      </c>
      <c r="B9637" s="1" t="s">
        <v>35518</v>
      </c>
      <c r="C9637" s="1" t="s">
        <v>170</v>
      </c>
      <c r="D9637" s="1" t="s">
        <v>37027</v>
      </c>
      <c r="E9637" s="1" t="s">
        <v>37028</v>
      </c>
      <c r="F9637" s="1" t="s">
        <v>37029</v>
      </c>
      <c r="G9637" s="1" t="s">
        <v>36911</v>
      </c>
      <c r="H9637" s="1" t="s">
        <v>36912</v>
      </c>
      <c r="I9637" s="1" t="s">
        <v>35524</v>
      </c>
      <c r="J9637" s="1" t="s">
        <v>37030</v>
      </c>
    </row>
    <row r="9638" spans="1:10" x14ac:dyDescent="0.35">
      <c r="A9638" s="1" t="s">
        <v>37031</v>
      </c>
      <c r="B9638" s="1" t="s">
        <v>35518</v>
      </c>
      <c r="C9638" s="1" t="s">
        <v>8</v>
      </c>
      <c r="D9638" s="1" t="s">
        <v>35091</v>
      </c>
      <c r="E9638" s="1" t="s">
        <v>37032</v>
      </c>
      <c r="F9638" s="1" t="s">
        <v>37033</v>
      </c>
      <c r="G9638" s="1" t="s">
        <v>37034</v>
      </c>
      <c r="H9638" s="1" t="s">
        <v>37035</v>
      </c>
      <c r="I9638" s="1" t="s">
        <v>35524</v>
      </c>
      <c r="J9638" s="1" t="s">
        <v>13</v>
      </c>
    </row>
    <row r="9639" spans="1:10" x14ac:dyDescent="0.35">
      <c r="A9639" s="1" t="s">
        <v>37031</v>
      </c>
      <c r="B9639" s="1" t="s">
        <v>35518</v>
      </c>
      <c r="C9639" s="1" t="s">
        <v>15</v>
      </c>
      <c r="D9639" s="1" t="s">
        <v>37036</v>
      </c>
      <c r="E9639" s="1" t="s">
        <v>37037</v>
      </c>
      <c r="F9639" s="1" t="s">
        <v>37038</v>
      </c>
      <c r="G9639" s="1" t="s">
        <v>37034</v>
      </c>
      <c r="H9639" s="1" t="s">
        <v>37035</v>
      </c>
      <c r="I9639" s="1" t="s">
        <v>35524</v>
      </c>
      <c r="J9639" s="1" t="s">
        <v>37039</v>
      </c>
    </row>
    <row r="9640" spans="1:10" x14ac:dyDescent="0.35">
      <c r="A9640" s="1" t="s">
        <v>37031</v>
      </c>
      <c r="B9640" s="1" t="s">
        <v>35518</v>
      </c>
      <c r="C9640" s="1" t="s">
        <v>20</v>
      </c>
      <c r="D9640" s="1" t="s">
        <v>37040</v>
      </c>
      <c r="E9640" s="1" t="s">
        <v>37041</v>
      </c>
      <c r="F9640" s="1" t="s">
        <v>37042</v>
      </c>
      <c r="G9640" s="1" t="s">
        <v>37034</v>
      </c>
      <c r="H9640" s="1" t="s">
        <v>37035</v>
      </c>
      <c r="I9640" s="1" t="s">
        <v>35524</v>
      </c>
      <c r="J9640" s="1" t="s">
        <v>37043</v>
      </c>
    </row>
    <row r="9641" spans="1:10" x14ac:dyDescent="0.35">
      <c r="A9641" s="1" t="s">
        <v>37031</v>
      </c>
      <c r="B9641" s="1" t="s">
        <v>35518</v>
      </c>
      <c r="C9641" s="1" t="s">
        <v>25</v>
      </c>
      <c r="D9641" s="1" t="s">
        <v>32817</v>
      </c>
      <c r="E9641" s="1" t="s">
        <v>37044</v>
      </c>
      <c r="F9641" s="1" t="s">
        <v>37045</v>
      </c>
      <c r="G9641" s="1" t="s">
        <v>37034</v>
      </c>
      <c r="H9641" s="1" t="s">
        <v>37035</v>
      </c>
      <c r="I9641" s="1" t="s">
        <v>35524</v>
      </c>
      <c r="J9641" s="1" t="s">
        <v>37046</v>
      </c>
    </row>
    <row r="9642" spans="1:10" x14ac:dyDescent="0.35">
      <c r="A9642" s="1" t="s">
        <v>37031</v>
      </c>
      <c r="B9642" s="1" t="s">
        <v>35518</v>
      </c>
      <c r="C9642" s="1" t="s">
        <v>30</v>
      </c>
      <c r="D9642" s="1" t="s">
        <v>37047</v>
      </c>
      <c r="E9642" s="1" t="s">
        <v>37048</v>
      </c>
      <c r="F9642" s="1" t="s">
        <v>37049</v>
      </c>
      <c r="G9642" s="1" t="s">
        <v>37034</v>
      </c>
      <c r="H9642" s="1" t="s">
        <v>37035</v>
      </c>
      <c r="I9642" s="1" t="s">
        <v>35524</v>
      </c>
      <c r="J9642" s="1" t="s">
        <v>37050</v>
      </c>
    </row>
    <row r="9643" spans="1:10" x14ac:dyDescent="0.35">
      <c r="A9643" s="1" t="s">
        <v>37031</v>
      </c>
      <c r="B9643" s="1" t="s">
        <v>35518</v>
      </c>
      <c r="C9643" s="1" t="s">
        <v>35</v>
      </c>
      <c r="D9643" s="1" t="s">
        <v>33189</v>
      </c>
      <c r="E9643" s="1" t="s">
        <v>37051</v>
      </c>
      <c r="F9643" s="1" t="s">
        <v>37052</v>
      </c>
      <c r="G9643" s="1" t="s">
        <v>37034</v>
      </c>
      <c r="H9643" s="1" t="s">
        <v>37035</v>
      </c>
      <c r="I9643" s="1" t="s">
        <v>35524</v>
      </c>
      <c r="J9643" s="1" t="s">
        <v>37053</v>
      </c>
    </row>
    <row r="9644" spans="1:10" x14ac:dyDescent="0.35">
      <c r="A9644" s="1" t="s">
        <v>37031</v>
      </c>
      <c r="B9644" s="1" t="s">
        <v>35518</v>
      </c>
      <c r="C9644" s="1" t="s">
        <v>40</v>
      </c>
      <c r="D9644" s="1" t="s">
        <v>37054</v>
      </c>
      <c r="E9644" s="1" t="s">
        <v>37055</v>
      </c>
      <c r="F9644" s="1" t="s">
        <v>37056</v>
      </c>
      <c r="G9644" s="1" t="s">
        <v>37034</v>
      </c>
      <c r="H9644" s="1" t="s">
        <v>37035</v>
      </c>
      <c r="I9644" s="1" t="s">
        <v>35524</v>
      </c>
      <c r="J9644" s="1" t="s">
        <v>37057</v>
      </c>
    </row>
    <row r="9645" spans="1:10" x14ac:dyDescent="0.35">
      <c r="A9645" s="1" t="s">
        <v>37031</v>
      </c>
      <c r="B9645" s="1" t="s">
        <v>35518</v>
      </c>
      <c r="C9645" s="1" t="s">
        <v>45</v>
      </c>
      <c r="D9645" s="1" t="s">
        <v>37058</v>
      </c>
      <c r="E9645" s="1" t="s">
        <v>37059</v>
      </c>
      <c r="F9645" s="1" t="s">
        <v>37060</v>
      </c>
      <c r="G9645" s="1" t="s">
        <v>37034</v>
      </c>
      <c r="H9645" s="1" t="s">
        <v>37035</v>
      </c>
      <c r="I9645" s="1" t="s">
        <v>35524</v>
      </c>
      <c r="J9645" s="1" t="s">
        <v>37061</v>
      </c>
    </row>
    <row r="9646" spans="1:10" x14ac:dyDescent="0.35">
      <c r="A9646" s="1" t="s">
        <v>37031</v>
      </c>
      <c r="B9646" s="1" t="s">
        <v>35518</v>
      </c>
      <c r="C9646" s="1" t="s">
        <v>50</v>
      </c>
      <c r="D9646" s="1" t="s">
        <v>37062</v>
      </c>
      <c r="E9646" s="1" t="s">
        <v>37063</v>
      </c>
      <c r="F9646" s="1" t="s">
        <v>37064</v>
      </c>
      <c r="G9646" s="1" t="s">
        <v>37034</v>
      </c>
      <c r="H9646" s="1" t="s">
        <v>37035</v>
      </c>
      <c r="I9646" s="1" t="s">
        <v>35524</v>
      </c>
      <c r="J9646" s="1" t="s">
        <v>37065</v>
      </c>
    </row>
    <row r="9647" spans="1:10" x14ac:dyDescent="0.35">
      <c r="A9647" s="1" t="s">
        <v>37031</v>
      </c>
      <c r="B9647" s="1" t="s">
        <v>35518</v>
      </c>
      <c r="C9647" s="1" t="s">
        <v>55</v>
      </c>
      <c r="D9647" s="1" t="s">
        <v>37066</v>
      </c>
      <c r="E9647" s="1" t="s">
        <v>37067</v>
      </c>
      <c r="F9647" s="1" t="s">
        <v>37068</v>
      </c>
      <c r="G9647" s="1" t="s">
        <v>37034</v>
      </c>
      <c r="H9647" s="1" t="s">
        <v>37035</v>
      </c>
      <c r="I9647" s="1" t="s">
        <v>35524</v>
      </c>
      <c r="J9647" s="1" t="s">
        <v>37069</v>
      </c>
    </row>
    <row r="9648" spans="1:10" x14ac:dyDescent="0.35">
      <c r="A9648" s="1" t="s">
        <v>37031</v>
      </c>
      <c r="B9648" s="1" t="s">
        <v>35518</v>
      </c>
      <c r="C9648" s="1" t="s">
        <v>60</v>
      </c>
      <c r="D9648" s="1" t="s">
        <v>37070</v>
      </c>
      <c r="E9648" s="1" t="s">
        <v>37071</v>
      </c>
      <c r="F9648" s="1" t="s">
        <v>37072</v>
      </c>
      <c r="G9648" s="1" t="s">
        <v>37034</v>
      </c>
      <c r="H9648" s="1" t="s">
        <v>37035</v>
      </c>
      <c r="I9648" s="1" t="s">
        <v>35524</v>
      </c>
      <c r="J9648" s="1" t="s">
        <v>37073</v>
      </c>
    </row>
    <row r="9649" spans="1:10" x14ac:dyDescent="0.35">
      <c r="A9649" s="1" t="s">
        <v>37031</v>
      </c>
      <c r="B9649" s="1" t="s">
        <v>35518</v>
      </c>
      <c r="C9649" s="1" t="s">
        <v>65</v>
      </c>
      <c r="D9649" s="1" t="s">
        <v>37074</v>
      </c>
      <c r="E9649" s="1" t="s">
        <v>37075</v>
      </c>
      <c r="F9649" s="1" t="s">
        <v>37076</v>
      </c>
      <c r="G9649" s="1" t="s">
        <v>37034</v>
      </c>
      <c r="H9649" s="1" t="s">
        <v>37035</v>
      </c>
      <c r="I9649" s="1" t="s">
        <v>35524</v>
      </c>
      <c r="J9649" s="1" t="s">
        <v>37077</v>
      </c>
    </row>
    <row r="9650" spans="1:10" x14ac:dyDescent="0.35">
      <c r="A9650" s="1" t="s">
        <v>37031</v>
      </c>
      <c r="B9650" s="1" t="s">
        <v>35518</v>
      </c>
      <c r="C9650" s="1" t="s">
        <v>70</v>
      </c>
      <c r="D9650" s="1" t="s">
        <v>36913</v>
      </c>
      <c r="E9650" s="1" t="s">
        <v>37078</v>
      </c>
      <c r="F9650" s="1" t="s">
        <v>37079</v>
      </c>
      <c r="G9650" s="1" t="s">
        <v>37034</v>
      </c>
      <c r="H9650" s="1" t="s">
        <v>37035</v>
      </c>
      <c r="I9650" s="1" t="s">
        <v>35524</v>
      </c>
      <c r="J9650" s="1" t="s">
        <v>37080</v>
      </c>
    </row>
    <row r="9651" spans="1:10" x14ac:dyDescent="0.35">
      <c r="A9651" s="1" t="s">
        <v>37031</v>
      </c>
      <c r="B9651" s="1" t="s">
        <v>35518</v>
      </c>
      <c r="C9651" s="1" t="s">
        <v>75</v>
      </c>
      <c r="D9651" s="1" t="s">
        <v>33199</v>
      </c>
      <c r="E9651" s="1" t="s">
        <v>37081</v>
      </c>
      <c r="F9651" s="1" t="s">
        <v>37082</v>
      </c>
      <c r="G9651" s="1" t="s">
        <v>37034</v>
      </c>
      <c r="H9651" s="1" t="s">
        <v>37035</v>
      </c>
      <c r="I9651" s="1" t="s">
        <v>35524</v>
      </c>
      <c r="J9651" s="1" t="s">
        <v>37083</v>
      </c>
    </row>
    <row r="9652" spans="1:10" x14ac:dyDescent="0.35">
      <c r="A9652" s="1" t="s">
        <v>37031</v>
      </c>
      <c r="B9652" s="1" t="s">
        <v>35518</v>
      </c>
      <c r="C9652" s="1" t="s">
        <v>80</v>
      </c>
      <c r="D9652" s="1" t="s">
        <v>37084</v>
      </c>
      <c r="E9652" s="1" t="s">
        <v>37085</v>
      </c>
      <c r="F9652" s="1" t="s">
        <v>37086</v>
      </c>
      <c r="G9652" s="1" t="s">
        <v>37034</v>
      </c>
      <c r="H9652" s="1" t="s">
        <v>37035</v>
      </c>
      <c r="I9652" s="1" t="s">
        <v>35524</v>
      </c>
      <c r="J9652" s="1" t="s">
        <v>37087</v>
      </c>
    </row>
    <row r="9653" spans="1:10" x14ac:dyDescent="0.35">
      <c r="A9653" s="1" t="s">
        <v>37031</v>
      </c>
      <c r="B9653" s="1" t="s">
        <v>35518</v>
      </c>
      <c r="C9653" s="1" t="s">
        <v>85</v>
      </c>
      <c r="D9653" s="1" t="s">
        <v>37088</v>
      </c>
      <c r="E9653" s="1" t="s">
        <v>37089</v>
      </c>
      <c r="F9653" s="1" t="s">
        <v>37090</v>
      </c>
      <c r="G9653" s="1" t="s">
        <v>37034</v>
      </c>
      <c r="H9653" s="1" t="s">
        <v>37035</v>
      </c>
      <c r="I9653" s="1" t="s">
        <v>35524</v>
      </c>
      <c r="J9653" s="1" t="s">
        <v>37091</v>
      </c>
    </row>
    <row r="9654" spans="1:10" x14ac:dyDescent="0.35">
      <c r="A9654" s="1" t="s">
        <v>37031</v>
      </c>
      <c r="B9654" s="1" t="s">
        <v>35518</v>
      </c>
      <c r="C9654" s="1" t="s">
        <v>90</v>
      </c>
      <c r="D9654" s="1" t="s">
        <v>18286</v>
      </c>
      <c r="E9654" s="1" t="s">
        <v>37092</v>
      </c>
      <c r="F9654" s="1" t="s">
        <v>37093</v>
      </c>
      <c r="G9654" s="1" t="s">
        <v>37034</v>
      </c>
      <c r="H9654" s="1" t="s">
        <v>37035</v>
      </c>
      <c r="I9654" s="1" t="s">
        <v>35524</v>
      </c>
      <c r="J9654" s="1" t="s">
        <v>37094</v>
      </c>
    </row>
    <row r="9655" spans="1:10" x14ac:dyDescent="0.35">
      <c r="A9655" s="1" t="s">
        <v>37031</v>
      </c>
      <c r="B9655" s="1" t="s">
        <v>35518</v>
      </c>
      <c r="C9655" s="1" t="s">
        <v>95</v>
      </c>
      <c r="D9655" s="1" t="s">
        <v>37095</v>
      </c>
      <c r="E9655" s="1" t="s">
        <v>37096</v>
      </c>
      <c r="F9655" s="1" t="s">
        <v>37097</v>
      </c>
      <c r="G9655" s="1" t="s">
        <v>37034</v>
      </c>
      <c r="H9655" s="1" t="s">
        <v>37035</v>
      </c>
      <c r="I9655" s="1" t="s">
        <v>35524</v>
      </c>
      <c r="J9655" s="1" t="s">
        <v>37098</v>
      </c>
    </row>
    <row r="9656" spans="1:10" x14ac:dyDescent="0.35">
      <c r="A9656" s="1" t="s">
        <v>37031</v>
      </c>
      <c r="B9656" s="1" t="s">
        <v>35518</v>
      </c>
      <c r="C9656" s="1" t="s">
        <v>100</v>
      </c>
      <c r="D9656" s="1" t="s">
        <v>3044</v>
      </c>
      <c r="E9656" s="1" t="s">
        <v>37099</v>
      </c>
      <c r="F9656" s="1" t="s">
        <v>37100</v>
      </c>
      <c r="G9656" s="1" t="s">
        <v>37034</v>
      </c>
      <c r="H9656" s="1" t="s">
        <v>37035</v>
      </c>
      <c r="I9656" s="1" t="s">
        <v>35524</v>
      </c>
      <c r="J9656" s="1" t="s">
        <v>37101</v>
      </c>
    </row>
    <row r="9657" spans="1:10" x14ac:dyDescent="0.35">
      <c r="A9657" s="1" t="s">
        <v>37031</v>
      </c>
      <c r="B9657" s="1" t="s">
        <v>35518</v>
      </c>
      <c r="C9657" s="1" t="s">
        <v>105</v>
      </c>
      <c r="D9657" s="1" t="s">
        <v>37102</v>
      </c>
      <c r="E9657" s="1" t="s">
        <v>37103</v>
      </c>
      <c r="F9657" s="1" t="s">
        <v>37104</v>
      </c>
      <c r="G9657" s="1" t="s">
        <v>37034</v>
      </c>
      <c r="H9657" s="1" t="s">
        <v>37035</v>
      </c>
      <c r="I9657" s="1" t="s">
        <v>35524</v>
      </c>
      <c r="J9657" s="1" t="s">
        <v>37105</v>
      </c>
    </row>
    <row r="9658" spans="1:10" x14ac:dyDescent="0.35">
      <c r="A9658" s="1" t="s">
        <v>37031</v>
      </c>
      <c r="B9658" s="1" t="s">
        <v>35518</v>
      </c>
      <c r="C9658" s="1" t="s">
        <v>110</v>
      </c>
      <c r="D9658" s="1" t="s">
        <v>37106</v>
      </c>
      <c r="E9658" s="1" t="s">
        <v>37107</v>
      </c>
      <c r="F9658" s="1" t="s">
        <v>37108</v>
      </c>
      <c r="G9658" s="1" t="s">
        <v>37034</v>
      </c>
      <c r="H9658" s="1" t="s">
        <v>37035</v>
      </c>
      <c r="I9658" s="1" t="s">
        <v>35524</v>
      </c>
      <c r="J9658" s="1" t="s">
        <v>37109</v>
      </c>
    </row>
    <row r="9659" spans="1:10" x14ac:dyDescent="0.35">
      <c r="A9659" s="1" t="s">
        <v>37031</v>
      </c>
      <c r="B9659" s="1" t="s">
        <v>35518</v>
      </c>
      <c r="C9659" s="1" t="s">
        <v>115</v>
      </c>
      <c r="D9659" s="1" t="s">
        <v>37110</v>
      </c>
      <c r="E9659" s="1" t="s">
        <v>37111</v>
      </c>
      <c r="F9659" s="1" t="s">
        <v>37112</v>
      </c>
      <c r="G9659" s="1" t="s">
        <v>37034</v>
      </c>
      <c r="H9659" s="1" t="s">
        <v>37035</v>
      </c>
      <c r="I9659" s="1" t="s">
        <v>35524</v>
      </c>
      <c r="J9659" s="1" t="s">
        <v>37113</v>
      </c>
    </row>
    <row r="9660" spans="1:10" x14ac:dyDescent="0.35">
      <c r="A9660" s="1" t="s">
        <v>37031</v>
      </c>
      <c r="B9660" s="1" t="s">
        <v>35518</v>
      </c>
      <c r="C9660" s="1" t="s">
        <v>120</v>
      </c>
      <c r="D9660" s="1" t="s">
        <v>37114</v>
      </c>
      <c r="E9660" s="1" t="s">
        <v>37115</v>
      </c>
      <c r="F9660" s="1" t="s">
        <v>37116</v>
      </c>
      <c r="G9660" s="1" t="s">
        <v>37034</v>
      </c>
      <c r="H9660" s="1" t="s">
        <v>37035</v>
      </c>
      <c r="I9660" s="1" t="s">
        <v>35524</v>
      </c>
      <c r="J9660" s="1" t="s">
        <v>37117</v>
      </c>
    </row>
    <row r="9661" spans="1:10" x14ac:dyDescent="0.35">
      <c r="A9661" s="1" t="s">
        <v>37031</v>
      </c>
      <c r="B9661" s="1" t="s">
        <v>35518</v>
      </c>
      <c r="C9661" s="1" t="s">
        <v>125</v>
      </c>
      <c r="D9661" s="1" t="s">
        <v>37118</v>
      </c>
      <c r="E9661" s="1" t="s">
        <v>37119</v>
      </c>
      <c r="F9661" s="1" t="s">
        <v>37120</v>
      </c>
      <c r="G9661" s="1" t="s">
        <v>37034</v>
      </c>
      <c r="H9661" s="1" t="s">
        <v>37035</v>
      </c>
      <c r="I9661" s="1" t="s">
        <v>35524</v>
      </c>
      <c r="J9661" s="1" t="s">
        <v>37121</v>
      </c>
    </row>
    <row r="9662" spans="1:10" x14ac:dyDescent="0.35">
      <c r="A9662" s="1" t="s">
        <v>37031</v>
      </c>
      <c r="B9662" s="1" t="s">
        <v>35518</v>
      </c>
      <c r="C9662" s="1" t="s">
        <v>130</v>
      </c>
      <c r="D9662" s="1" t="s">
        <v>37122</v>
      </c>
      <c r="E9662" s="1" t="s">
        <v>37123</v>
      </c>
      <c r="F9662" s="1" t="s">
        <v>37124</v>
      </c>
      <c r="G9662" s="1" t="s">
        <v>37034</v>
      </c>
      <c r="H9662" s="1" t="s">
        <v>37035</v>
      </c>
      <c r="I9662" s="1" t="s">
        <v>35524</v>
      </c>
      <c r="J9662" s="1" t="s">
        <v>37125</v>
      </c>
    </row>
    <row r="9663" spans="1:10" x14ac:dyDescent="0.35">
      <c r="A9663" s="1" t="s">
        <v>37031</v>
      </c>
      <c r="B9663" s="1" t="s">
        <v>35518</v>
      </c>
      <c r="C9663" s="1" t="s">
        <v>135</v>
      </c>
      <c r="D9663" s="1" t="s">
        <v>37126</v>
      </c>
      <c r="E9663" s="1" t="s">
        <v>37127</v>
      </c>
      <c r="F9663" s="1" t="s">
        <v>37128</v>
      </c>
      <c r="G9663" s="1" t="s">
        <v>37034</v>
      </c>
      <c r="H9663" s="1" t="s">
        <v>37035</v>
      </c>
      <c r="I9663" s="1" t="s">
        <v>35524</v>
      </c>
      <c r="J9663" s="1" t="s">
        <v>37129</v>
      </c>
    </row>
    <row r="9664" spans="1:10" x14ac:dyDescent="0.35">
      <c r="A9664" s="1" t="s">
        <v>37031</v>
      </c>
      <c r="B9664" s="1" t="s">
        <v>35518</v>
      </c>
      <c r="C9664" s="1" t="s">
        <v>140</v>
      </c>
      <c r="D9664" s="1" t="s">
        <v>37130</v>
      </c>
      <c r="E9664" s="1" t="s">
        <v>37131</v>
      </c>
      <c r="F9664" s="1" t="s">
        <v>37132</v>
      </c>
      <c r="G9664" s="1" t="s">
        <v>37034</v>
      </c>
      <c r="H9664" s="1" t="s">
        <v>37035</v>
      </c>
      <c r="I9664" s="1" t="s">
        <v>35524</v>
      </c>
      <c r="J9664" s="1" t="s">
        <v>37133</v>
      </c>
    </row>
    <row r="9665" spans="1:10" x14ac:dyDescent="0.35">
      <c r="A9665" s="1" t="s">
        <v>37031</v>
      </c>
      <c r="B9665" s="1" t="s">
        <v>35518</v>
      </c>
      <c r="C9665" s="1" t="s">
        <v>145</v>
      </c>
      <c r="D9665" s="1" t="s">
        <v>37134</v>
      </c>
      <c r="E9665" s="1" t="s">
        <v>37135</v>
      </c>
      <c r="F9665" s="1" t="s">
        <v>37136</v>
      </c>
      <c r="G9665" s="1" t="s">
        <v>37034</v>
      </c>
      <c r="H9665" s="1" t="s">
        <v>37035</v>
      </c>
      <c r="I9665" s="1" t="s">
        <v>35524</v>
      </c>
      <c r="J9665" s="1" t="s">
        <v>37137</v>
      </c>
    </row>
    <row r="9666" spans="1:10" x14ac:dyDescent="0.35">
      <c r="A9666" s="1" t="s">
        <v>37031</v>
      </c>
      <c r="B9666" s="1" t="s">
        <v>35518</v>
      </c>
      <c r="C9666" s="1" t="s">
        <v>150</v>
      </c>
      <c r="D9666" s="1" t="s">
        <v>37138</v>
      </c>
      <c r="E9666" s="1" t="s">
        <v>37139</v>
      </c>
      <c r="F9666" s="1" t="s">
        <v>37140</v>
      </c>
      <c r="G9666" s="1" t="s">
        <v>37034</v>
      </c>
      <c r="H9666" s="1" t="s">
        <v>37035</v>
      </c>
      <c r="I9666" s="1" t="s">
        <v>35524</v>
      </c>
      <c r="J9666" s="1" t="s">
        <v>37141</v>
      </c>
    </row>
    <row r="9667" spans="1:10" x14ac:dyDescent="0.35">
      <c r="A9667" s="1" t="s">
        <v>37031</v>
      </c>
      <c r="B9667" s="1" t="s">
        <v>35518</v>
      </c>
      <c r="C9667" s="1" t="s">
        <v>155</v>
      </c>
      <c r="D9667" s="1" t="s">
        <v>37142</v>
      </c>
      <c r="E9667" s="1" t="s">
        <v>37143</v>
      </c>
      <c r="F9667" s="1" t="s">
        <v>37144</v>
      </c>
      <c r="G9667" s="1" t="s">
        <v>37034</v>
      </c>
      <c r="H9667" s="1" t="s">
        <v>37035</v>
      </c>
      <c r="I9667" s="1" t="s">
        <v>35524</v>
      </c>
      <c r="J9667" s="1" t="s">
        <v>37145</v>
      </c>
    </row>
    <row r="9668" spans="1:10" x14ac:dyDescent="0.35">
      <c r="A9668" s="1" t="s">
        <v>37031</v>
      </c>
      <c r="B9668" s="1" t="s">
        <v>35518</v>
      </c>
      <c r="C9668" s="1" t="s">
        <v>160</v>
      </c>
      <c r="D9668" s="1" t="s">
        <v>37146</v>
      </c>
      <c r="E9668" s="1" t="s">
        <v>37147</v>
      </c>
      <c r="F9668" s="1" t="s">
        <v>37148</v>
      </c>
      <c r="G9668" s="1" t="s">
        <v>37034</v>
      </c>
      <c r="H9668" s="1" t="s">
        <v>37035</v>
      </c>
      <c r="I9668" s="1" t="s">
        <v>35524</v>
      </c>
      <c r="J9668" s="1" t="s">
        <v>37149</v>
      </c>
    </row>
    <row r="9669" spans="1:10" x14ac:dyDescent="0.35">
      <c r="A9669" s="1" t="s">
        <v>37031</v>
      </c>
      <c r="B9669" s="1" t="s">
        <v>35518</v>
      </c>
      <c r="C9669" s="1" t="s">
        <v>165</v>
      </c>
      <c r="D9669" s="1" t="s">
        <v>17659</v>
      </c>
      <c r="E9669" s="1" t="s">
        <v>37150</v>
      </c>
      <c r="F9669" s="1" t="s">
        <v>37151</v>
      </c>
      <c r="G9669" s="1" t="s">
        <v>37034</v>
      </c>
      <c r="H9669" s="1" t="s">
        <v>37035</v>
      </c>
      <c r="I9669" s="1" t="s">
        <v>35524</v>
      </c>
      <c r="J9669" s="1" t="s">
        <v>37152</v>
      </c>
    </row>
    <row r="9670" spans="1:10" x14ac:dyDescent="0.35">
      <c r="A9670" s="1" t="s">
        <v>37031</v>
      </c>
      <c r="B9670" s="1" t="s">
        <v>35518</v>
      </c>
      <c r="C9670" s="1" t="s">
        <v>170</v>
      </c>
      <c r="D9670" s="1" t="s">
        <v>31811</v>
      </c>
      <c r="E9670" s="1" t="s">
        <v>37153</v>
      </c>
      <c r="F9670" s="1" t="s">
        <v>37154</v>
      </c>
      <c r="G9670" s="1" t="s">
        <v>37034</v>
      </c>
      <c r="H9670" s="1" t="s">
        <v>37035</v>
      </c>
      <c r="I9670" s="1" t="s">
        <v>35524</v>
      </c>
      <c r="J9670" s="1" t="s">
        <v>37155</v>
      </c>
    </row>
    <row r="9671" spans="1:10" x14ac:dyDescent="0.35">
      <c r="A9671" s="1" t="s">
        <v>37156</v>
      </c>
      <c r="B9671" s="1" t="s">
        <v>35518</v>
      </c>
      <c r="C9671" s="1" t="s">
        <v>8</v>
      </c>
      <c r="D9671" s="1" t="s">
        <v>37157</v>
      </c>
      <c r="E9671" s="1" t="s">
        <v>37158</v>
      </c>
      <c r="F9671" s="1" t="s">
        <v>37159</v>
      </c>
      <c r="G9671" s="1" t="s">
        <v>37160</v>
      </c>
      <c r="H9671" s="1" t="s">
        <v>37161</v>
      </c>
      <c r="I9671" s="1" t="s">
        <v>35524</v>
      </c>
      <c r="J9671" s="1" t="s">
        <v>13</v>
      </c>
    </row>
    <row r="9672" spans="1:10" x14ac:dyDescent="0.35">
      <c r="A9672" s="1" t="s">
        <v>37156</v>
      </c>
      <c r="B9672" s="1" t="s">
        <v>35518</v>
      </c>
      <c r="C9672" s="1" t="s">
        <v>15</v>
      </c>
      <c r="D9672" s="1" t="s">
        <v>37162</v>
      </c>
      <c r="E9672" s="1" t="s">
        <v>37163</v>
      </c>
      <c r="F9672" s="1" t="s">
        <v>37164</v>
      </c>
      <c r="G9672" s="1" t="s">
        <v>37160</v>
      </c>
      <c r="H9672" s="1" t="s">
        <v>37161</v>
      </c>
      <c r="I9672" s="1" t="s">
        <v>35524</v>
      </c>
      <c r="J9672" s="1" t="s">
        <v>37165</v>
      </c>
    </row>
    <row r="9673" spans="1:10" x14ac:dyDescent="0.35">
      <c r="A9673" s="1" t="s">
        <v>37156</v>
      </c>
      <c r="B9673" s="1" t="s">
        <v>35518</v>
      </c>
      <c r="C9673" s="1" t="s">
        <v>20</v>
      </c>
      <c r="D9673" s="1" t="s">
        <v>30921</v>
      </c>
      <c r="E9673" s="1" t="s">
        <v>37166</v>
      </c>
      <c r="F9673" s="1" t="s">
        <v>37167</v>
      </c>
      <c r="G9673" s="1" t="s">
        <v>37160</v>
      </c>
      <c r="H9673" s="1" t="s">
        <v>37161</v>
      </c>
      <c r="I9673" s="1" t="s">
        <v>35524</v>
      </c>
      <c r="J9673" s="1" t="s">
        <v>37168</v>
      </c>
    </row>
    <row r="9674" spans="1:10" x14ac:dyDescent="0.35">
      <c r="A9674" s="1" t="s">
        <v>37156</v>
      </c>
      <c r="B9674" s="1" t="s">
        <v>35518</v>
      </c>
      <c r="C9674" s="1" t="s">
        <v>25</v>
      </c>
      <c r="D9674" s="1" t="s">
        <v>37169</v>
      </c>
      <c r="E9674" s="1" t="s">
        <v>37170</v>
      </c>
      <c r="F9674" s="1" t="s">
        <v>37171</v>
      </c>
      <c r="G9674" s="1" t="s">
        <v>37160</v>
      </c>
      <c r="H9674" s="1" t="s">
        <v>37161</v>
      </c>
      <c r="I9674" s="1" t="s">
        <v>35524</v>
      </c>
      <c r="J9674" s="1" t="s">
        <v>37172</v>
      </c>
    </row>
    <row r="9675" spans="1:10" x14ac:dyDescent="0.35">
      <c r="A9675" s="1" t="s">
        <v>37156</v>
      </c>
      <c r="B9675" s="1" t="s">
        <v>35518</v>
      </c>
      <c r="C9675" s="1" t="s">
        <v>30</v>
      </c>
      <c r="D9675" s="1" t="s">
        <v>37173</v>
      </c>
      <c r="E9675" s="1" t="s">
        <v>37174</v>
      </c>
      <c r="F9675" s="1" t="s">
        <v>37175</v>
      </c>
      <c r="G9675" s="1" t="s">
        <v>37160</v>
      </c>
      <c r="H9675" s="1" t="s">
        <v>37161</v>
      </c>
      <c r="I9675" s="1" t="s">
        <v>35524</v>
      </c>
      <c r="J9675" s="1" t="s">
        <v>37176</v>
      </c>
    </row>
    <row r="9676" spans="1:10" x14ac:dyDescent="0.35">
      <c r="A9676" s="1" t="s">
        <v>37156</v>
      </c>
      <c r="B9676" s="1" t="s">
        <v>35518</v>
      </c>
      <c r="C9676" s="1" t="s">
        <v>35</v>
      </c>
      <c r="D9676" s="1" t="s">
        <v>37177</v>
      </c>
      <c r="E9676" s="1" t="s">
        <v>37178</v>
      </c>
      <c r="F9676" s="1" t="s">
        <v>37179</v>
      </c>
      <c r="G9676" s="1" t="s">
        <v>37160</v>
      </c>
      <c r="H9676" s="1" t="s">
        <v>37161</v>
      </c>
      <c r="I9676" s="1" t="s">
        <v>35524</v>
      </c>
      <c r="J9676" s="1" t="s">
        <v>36165</v>
      </c>
    </row>
    <row r="9677" spans="1:10" x14ac:dyDescent="0.35">
      <c r="A9677" s="1" t="s">
        <v>37156</v>
      </c>
      <c r="B9677" s="1" t="s">
        <v>35518</v>
      </c>
      <c r="C9677" s="1" t="s">
        <v>40</v>
      </c>
      <c r="D9677" s="1" t="s">
        <v>37180</v>
      </c>
      <c r="E9677" s="1" t="s">
        <v>37181</v>
      </c>
      <c r="F9677" s="1" t="s">
        <v>37182</v>
      </c>
      <c r="G9677" s="1" t="s">
        <v>37160</v>
      </c>
      <c r="H9677" s="1" t="s">
        <v>37161</v>
      </c>
      <c r="I9677" s="1" t="s">
        <v>35524</v>
      </c>
      <c r="J9677" s="1" t="s">
        <v>37183</v>
      </c>
    </row>
    <row r="9678" spans="1:10" x14ac:dyDescent="0.35">
      <c r="A9678" s="1" t="s">
        <v>37156</v>
      </c>
      <c r="B9678" s="1" t="s">
        <v>35518</v>
      </c>
      <c r="C9678" s="1" t="s">
        <v>45</v>
      </c>
      <c r="D9678" s="1" t="s">
        <v>37184</v>
      </c>
      <c r="E9678" s="1" t="s">
        <v>37185</v>
      </c>
      <c r="F9678" s="1" t="s">
        <v>37186</v>
      </c>
      <c r="G9678" s="1" t="s">
        <v>37160</v>
      </c>
      <c r="H9678" s="1" t="s">
        <v>37161</v>
      </c>
      <c r="I9678" s="1" t="s">
        <v>35524</v>
      </c>
      <c r="J9678" s="1" t="s">
        <v>37187</v>
      </c>
    </row>
    <row r="9679" spans="1:10" x14ac:dyDescent="0.35">
      <c r="A9679" s="1" t="s">
        <v>37156</v>
      </c>
      <c r="B9679" s="1" t="s">
        <v>35518</v>
      </c>
      <c r="C9679" s="1" t="s">
        <v>50</v>
      </c>
      <c r="D9679" s="1" t="s">
        <v>37188</v>
      </c>
      <c r="E9679" s="1" t="s">
        <v>37189</v>
      </c>
      <c r="F9679" s="1" t="s">
        <v>37190</v>
      </c>
      <c r="G9679" s="1" t="s">
        <v>37160</v>
      </c>
      <c r="H9679" s="1" t="s">
        <v>37161</v>
      </c>
      <c r="I9679" s="1" t="s">
        <v>35524</v>
      </c>
      <c r="J9679" s="1" t="s">
        <v>37191</v>
      </c>
    </row>
    <row r="9680" spans="1:10" x14ac:dyDescent="0.35">
      <c r="A9680" s="1" t="s">
        <v>37156</v>
      </c>
      <c r="B9680" s="1" t="s">
        <v>35518</v>
      </c>
      <c r="C9680" s="1" t="s">
        <v>55</v>
      </c>
      <c r="D9680" s="1" t="s">
        <v>37192</v>
      </c>
      <c r="E9680" s="1" t="s">
        <v>37193</v>
      </c>
      <c r="F9680" s="1" t="s">
        <v>37194</v>
      </c>
      <c r="G9680" s="1" t="s">
        <v>37160</v>
      </c>
      <c r="H9680" s="1" t="s">
        <v>37161</v>
      </c>
      <c r="I9680" s="1" t="s">
        <v>35524</v>
      </c>
      <c r="J9680" s="1" t="s">
        <v>37195</v>
      </c>
    </row>
    <row r="9681" spans="1:10" x14ac:dyDescent="0.35">
      <c r="A9681" s="1" t="s">
        <v>37156</v>
      </c>
      <c r="B9681" s="1" t="s">
        <v>35518</v>
      </c>
      <c r="C9681" s="1" t="s">
        <v>60</v>
      </c>
      <c r="D9681" s="1" t="s">
        <v>13242</v>
      </c>
      <c r="E9681" s="1" t="s">
        <v>37196</v>
      </c>
      <c r="F9681" s="1" t="s">
        <v>37197</v>
      </c>
      <c r="G9681" s="1" t="s">
        <v>37160</v>
      </c>
      <c r="H9681" s="1" t="s">
        <v>37161</v>
      </c>
      <c r="I9681" s="1" t="s">
        <v>35524</v>
      </c>
      <c r="J9681" s="1" t="s">
        <v>37198</v>
      </c>
    </row>
    <row r="9682" spans="1:10" x14ac:dyDescent="0.35">
      <c r="A9682" s="1" t="s">
        <v>37156</v>
      </c>
      <c r="B9682" s="1" t="s">
        <v>35518</v>
      </c>
      <c r="C9682" s="1" t="s">
        <v>65</v>
      </c>
      <c r="D9682" s="1" t="s">
        <v>37199</v>
      </c>
      <c r="E9682" s="1" t="s">
        <v>37200</v>
      </c>
      <c r="F9682" s="1" t="s">
        <v>37201</v>
      </c>
      <c r="G9682" s="1" t="s">
        <v>37160</v>
      </c>
      <c r="H9682" s="1" t="s">
        <v>37161</v>
      </c>
      <c r="I9682" s="1" t="s">
        <v>35524</v>
      </c>
      <c r="J9682" s="1" t="s">
        <v>37202</v>
      </c>
    </row>
    <row r="9683" spans="1:10" x14ac:dyDescent="0.35">
      <c r="A9683" s="1" t="s">
        <v>37156</v>
      </c>
      <c r="B9683" s="1" t="s">
        <v>35518</v>
      </c>
      <c r="C9683" s="1" t="s">
        <v>70</v>
      </c>
      <c r="D9683" s="1" t="s">
        <v>37203</v>
      </c>
      <c r="E9683" s="1" t="s">
        <v>37204</v>
      </c>
      <c r="F9683" s="1" t="s">
        <v>37205</v>
      </c>
      <c r="G9683" s="1" t="s">
        <v>37160</v>
      </c>
      <c r="H9683" s="1" t="s">
        <v>37161</v>
      </c>
      <c r="I9683" s="1" t="s">
        <v>35524</v>
      </c>
      <c r="J9683" s="1" t="s">
        <v>37206</v>
      </c>
    </row>
    <row r="9684" spans="1:10" x14ac:dyDescent="0.35">
      <c r="A9684" s="1" t="s">
        <v>37156</v>
      </c>
      <c r="B9684" s="1" t="s">
        <v>35518</v>
      </c>
      <c r="C9684" s="1" t="s">
        <v>75</v>
      </c>
      <c r="D9684" s="1" t="s">
        <v>37207</v>
      </c>
      <c r="E9684" s="1" t="s">
        <v>37208</v>
      </c>
      <c r="F9684" s="1" t="s">
        <v>37209</v>
      </c>
      <c r="G9684" s="1" t="s">
        <v>37160</v>
      </c>
      <c r="H9684" s="1" t="s">
        <v>37161</v>
      </c>
      <c r="I9684" s="1" t="s">
        <v>35524</v>
      </c>
      <c r="J9684" s="1" t="s">
        <v>37210</v>
      </c>
    </row>
    <row r="9685" spans="1:10" x14ac:dyDescent="0.35">
      <c r="A9685" s="1" t="s">
        <v>37156</v>
      </c>
      <c r="B9685" s="1" t="s">
        <v>35518</v>
      </c>
      <c r="C9685" s="1" t="s">
        <v>80</v>
      </c>
      <c r="D9685" s="1" t="s">
        <v>37211</v>
      </c>
      <c r="E9685" s="1" t="s">
        <v>37212</v>
      </c>
      <c r="F9685" s="1" t="s">
        <v>37213</v>
      </c>
      <c r="G9685" s="1" t="s">
        <v>37160</v>
      </c>
      <c r="H9685" s="1" t="s">
        <v>37161</v>
      </c>
      <c r="I9685" s="1" t="s">
        <v>35524</v>
      </c>
      <c r="J9685" s="1" t="s">
        <v>37214</v>
      </c>
    </row>
    <row r="9686" spans="1:10" x14ac:dyDescent="0.35">
      <c r="A9686" s="1" t="s">
        <v>37156</v>
      </c>
      <c r="B9686" s="1" t="s">
        <v>35518</v>
      </c>
      <c r="C9686" s="1" t="s">
        <v>85</v>
      </c>
      <c r="D9686" s="1" t="s">
        <v>37215</v>
      </c>
      <c r="E9686" s="1" t="s">
        <v>37216</v>
      </c>
      <c r="F9686" s="1" t="s">
        <v>37217</v>
      </c>
      <c r="G9686" s="1" t="s">
        <v>37160</v>
      </c>
      <c r="H9686" s="1" t="s">
        <v>37161</v>
      </c>
      <c r="I9686" s="1" t="s">
        <v>35524</v>
      </c>
      <c r="J9686" s="1" t="s">
        <v>37218</v>
      </c>
    </row>
    <row r="9687" spans="1:10" x14ac:dyDescent="0.35">
      <c r="A9687" s="1" t="s">
        <v>37156</v>
      </c>
      <c r="B9687" s="1" t="s">
        <v>35518</v>
      </c>
      <c r="C9687" s="1" t="s">
        <v>90</v>
      </c>
      <c r="D9687" s="1" t="s">
        <v>37219</v>
      </c>
      <c r="E9687" s="1" t="s">
        <v>37220</v>
      </c>
      <c r="F9687" s="1" t="s">
        <v>37221</v>
      </c>
      <c r="G9687" s="1" t="s">
        <v>37160</v>
      </c>
      <c r="H9687" s="1" t="s">
        <v>37161</v>
      </c>
      <c r="I9687" s="1" t="s">
        <v>35524</v>
      </c>
      <c r="J9687" s="1" t="s">
        <v>37222</v>
      </c>
    </row>
    <row r="9688" spans="1:10" x14ac:dyDescent="0.35">
      <c r="A9688" s="1" t="s">
        <v>37156</v>
      </c>
      <c r="B9688" s="1" t="s">
        <v>35518</v>
      </c>
      <c r="C9688" s="1" t="s">
        <v>95</v>
      </c>
      <c r="D9688" s="1" t="s">
        <v>37223</v>
      </c>
      <c r="E9688" s="1" t="s">
        <v>37224</v>
      </c>
      <c r="F9688" s="1" t="s">
        <v>37225</v>
      </c>
      <c r="G9688" s="1" t="s">
        <v>37160</v>
      </c>
      <c r="H9688" s="1" t="s">
        <v>37161</v>
      </c>
      <c r="I9688" s="1" t="s">
        <v>35524</v>
      </c>
      <c r="J9688" s="1" t="s">
        <v>37226</v>
      </c>
    </row>
    <row r="9689" spans="1:10" x14ac:dyDescent="0.35">
      <c r="A9689" s="1" t="s">
        <v>37156</v>
      </c>
      <c r="B9689" s="1" t="s">
        <v>35518</v>
      </c>
      <c r="C9689" s="1" t="s">
        <v>100</v>
      </c>
      <c r="D9689" s="1" t="s">
        <v>9157</v>
      </c>
      <c r="E9689" s="1" t="s">
        <v>37227</v>
      </c>
      <c r="F9689" s="1" t="s">
        <v>37228</v>
      </c>
      <c r="G9689" s="1" t="s">
        <v>37160</v>
      </c>
      <c r="H9689" s="1" t="s">
        <v>37161</v>
      </c>
      <c r="I9689" s="1" t="s">
        <v>35524</v>
      </c>
      <c r="J9689" s="1" t="s">
        <v>37229</v>
      </c>
    </row>
    <row r="9690" spans="1:10" x14ac:dyDescent="0.35">
      <c r="A9690" s="1" t="s">
        <v>37156</v>
      </c>
      <c r="B9690" s="1" t="s">
        <v>35518</v>
      </c>
      <c r="C9690" s="1" t="s">
        <v>105</v>
      </c>
      <c r="D9690" s="1" t="s">
        <v>37230</v>
      </c>
      <c r="E9690" s="1" t="s">
        <v>37231</v>
      </c>
      <c r="F9690" s="1" t="s">
        <v>37232</v>
      </c>
      <c r="G9690" s="1" t="s">
        <v>37160</v>
      </c>
      <c r="H9690" s="1" t="s">
        <v>37161</v>
      </c>
      <c r="I9690" s="1" t="s">
        <v>35524</v>
      </c>
      <c r="J9690" s="1" t="s">
        <v>37233</v>
      </c>
    </row>
    <row r="9691" spans="1:10" x14ac:dyDescent="0.35">
      <c r="A9691" s="1" t="s">
        <v>37156</v>
      </c>
      <c r="B9691" s="1" t="s">
        <v>35518</v>
      </c>
      <c r="C9691" s="1" t="s">
        <v>110</v>
      </c>
      <c r="D9691" s="1" t="s">
        <v>37234</v>
      </c>
      <c r="E9691" s="1" t="s">
        <v>37235</v>
      </c>
      <c r="F9691" s="1" t="s">
        <v>37236</v>
      </c>
      <c r="G9691" s="1" t="s">
        <v>37160</v>
      </c>
      <c r="H9691" s="1" t="s">
        <v>37161</v>
      </c>
      <c r="I9691" s="1" t="s">
        <v>35524</v>
      </c>
      <c r="J9691" s="1" t="s">
        <v>37237</v>
      </c>
    </row>
    <row r="9692" spans="1:10" x14ac:dyDescent="0.35">
      <c r="A9692" s="1" t="s">
        <v>37156</v>
      </c>
      <c r="B9692" s="1" t="s">
        <v>35518</v>
      </c>
      <c r="C9692" s="1" t="s">
        <v>115</v>
      </c>
      <c r="D9692" s="1" t="s">
        <v>37238</v>
      </c>
      <c r="E9692" s="1" t="s">
        <v>37239</v>
      </c>
      <c r="F9692" s="1" t="s">
        <v>37240</v>
      </c>
      <c r="G9692" s="1" t="s">
        <v>37160</v>
      </c>
      <c r="H9692" s="1" t="s">
        <v>37161</v>
      </c>
      <c r="I9692" s="1" t="s">
        <v>35524</v>
      </c>
      <c r="J9692" s="1" t="s">
        <v>37241</v>
      </c>
    </row>
    <row r="9693" spans="1:10" x14ac:dyDescent="0.35">
      <c r="A9693" s="1" t="s">
        <v>37156</v>
      </c>
      <c r="B9693" s="1" t="s">
        <v>35518</v>
      </c>
      <c r="C9693" s="1" t="s">
        <v>120</v>
      </c>
      <c r="D9693" s="1" t="s">
        <v>37242</v>
      </c>
      <c r="E9693" s="1" t="s">
        <v>37243</v>
      </c>
      <c r="F9693" s="1" t="s">
        <v>37244</v>
      </c>
      <c r="G9693" s="1" t="s">
        <v>37160</v>
      </c>
      <c r="H9693" s="1" t="s">
        <v>37161</v>
      </c>
      <c r="I9693" s="1" t="s">
        <v>35524</v>
      </c>
      <c r="J9693" s="1" t="s">
        <v>37245</v>
      </c>
    </row>
    <row r="9694" spans="1:10" x14ac:dyDescent="0.35">
      <c r="A9694" s="1" t="s">
        <v>37156</v>
      </c>
      <c r="B9694" s="1" t="s">
        <v>35518</v>
      </c>
      <c r="C9694" s="1" t="s">
        <v>125</v>
      </c>
      <c r="D9694" s="1" t="s">
        <v>37246</v>
      </c>
      <c r="E9694" s="1" t="s">
        <v>37247</v>
      </c>
      <c r="F9694" s="1" t="s">
        <v>37248</v>
      </c>
      <c r="G9694" s="1" t="s">
        <v>37160</v>
      </c>
      <c r="H9694" s="1" t="s">
        <v>37161</v>
      </c>
      <c r="I9694" s="1" t="s">
        <v>35524</v>
      </c>
      <c r="J9694" s="1" t="s">
        <v>37249</v>
      </c>
    </row>
    <row r="9695" spans="1:10" x14ac:dyDescent="0.35">
      <c r="A9695" s="1" t="s">
        <v>37156</v>
      </c>
      <c r="B9695" s="1" t="s">
        <v>35518</v>
      </c>
      <c r="C9695" s="1" t="s">
        <v>130</v>
      </c>
      <c r="D9695" s="1" t="s">
        <v>37250</v>
      </c>
      <c r="E9695" s="1" t="s">
        <v>37251</v>
      </c>
      <c r="F9695" s="1" t="s">
        <v>37252</v>
      </c>
      <c r="G9695" s="1" t="s">
        <v>37160</v>
      </c>
      <c r="H9695" s="1" t="s">
        <v>37161</v>
      </c>
      <c r="I9695" s="1" t="s">
        <v>35524</v>
      </c>
      <c r="J9695" s="1" t="s">
        <v>37253</v>
      </c>
    </row>
    <row r="9696" spans="1:10" x14ac:dyDescent="0.35">
      <c r="A9696" s="1" t="s">
        <v>37156</v>
      </c>
      <c r="B9696" s="1" t="s">
        <v>35518</v>
      </c>
      <c r="C9696" s="1" t="s">
        <v>135</v>
      </c>
      <c r="D9696" s="1" t="s">
        <v>34223</v>
      </c>
      <c r="E9696" s="1" t="s">
        <v>37254</v>
      </c>
      <c r="F9696" s="1" t="s">
        <v>37255</v>
      </c>
      <c r="G9696" s="1" t="s">
        <v>37160</v>
      </c>
      <c r="H9696" s="1" t="s">
        <v>37161</v>
      </c>
      <c r="I9696" s="1" t="s">
        <v>35524</v>
      </c>
      <c r="J9696" s="1" t="s">
        <v>37256</v>
      </c>
    </row>
    <row r="9697" spans="1:10" x14ac:dyDescent="0.35">
      <c r="A9697" s="1" t="s">
        <v>37156</v>
      </c>
      <c r="B9697" s="1" t="s">
        <v>35518</v>
      </c>
      <c r="C9697" s="1" t="s">
        <v>140</v>
      </c>
      <c r="D9697" s="1" t="s">
        <v>37257</v>
      </c>
      <c r="E9697" s="1" t="s">
        <v>37258</v>
      </c>
      <c r="F9697" s="1" t="s">
        <v>37259</v>
      </c>
      <c r="G9697" s="1" t="s">
        <v>37160</v>
      </c>
      <c r="H9697" s="1" t="s">
        <v>37161</v>
      </c>
      <c r="I9697" s="1" t="s">
        <v>35524</v>
      </c>
      <c r="J9697" s="1" t="s">
        <v>37260</v>
      </c>
    </row>
    <row r="9698" spans="1:10" x14ac:dyDescent="0.35">
      <c r="A9698" s="1" t="s">
        <v>37156</v>
      </c>
      <c r="B9698" s="1" t="s">
        <v>35518</v>
      </c>
      <c r="C9698" s="1" t="s">
        <v>145</v>
      </c>
      <c r="D9698" s="1" t="s">
        <v>16806</v>
      </c>
      <c r="E9698" s="1" t="s">
        <v>37261</v>
      </c>
      <c r="F9698" s="1" t="s">
        <v>37262</v>
      </c>
      <c r="G9698" s="1" t="s">
        <v>37160</v>
      </c>
      <c r="H9698" s="1" t="s">
        <v>37161</v>
      </c>
      <c r="I9698" s="1" t="s">
        <v>35524</v>
      </c>
      <c r="J9698" s="1" t="s">
        <v>37263</v>
      </c>
    </row>
    <row r="9699" spans="1:10" x14ac:dyDescent="0.35">
      <c r="A9699" s="1" t="s">
        <v>37156</v>
      </c>
      <c r="B9699" s="1" t="s">
        <v>35518</v>
      </c>
      <c r="C9699" s="1" t="s">
        <v>150</v>
      </c>
      <c r="D9699" s="1" t="s">
        <v>37264</v>
      </c>
      <c r="E9699" s="1" t="s">
        <v>37265</v>
      </c>
      <c r="F9699" s="1" t="s">
        <v>37266</v>
      </c>
      <c r="G9699" s="1" t="s">
        <v>37160</v>
      </c>
      <c r="H9699" s="1" t="s">
        <v>37161</v>
      </c>
      <c r="I9699" s="1" t="s">
        <v>35524</v>
      </c>
      <c r="J9699" s="1" t="s">
        <v>37267</v>
      </c>
    </row>
    <row r="9700" spans="1:10" x14ac:dyDescent="0.35">
      <c r="A9700" s="1" t="s">
        <v>37156</v>
      </c>
      <c r="B9700" s="1" t="s">
        <v>35518</v>
      </c>
      <c r="C9700" s="1" t="s">
        <v>155</v>
      </c>
      <c r="D9700" s="1" t="s">
        <v>36892</v>
      </c>
      <c r="E9700" s="1" t="s">
        <v>37268</v>
      </c>
      <c r="F9700" s="1" t="s">
        <v>37269</v>
      </c>
      <c r="G9700" s="1" t="s">
        <v>37160</v>
      </c>
      <c r="H9700" s="1" t="s">
        <v>37161</v>
      </c>
      <c r="I9700" s="1" t="s">
        <v>35524</v>
      </c>
      <c r="J9700" s="1" t="s">
        <v>37270</v>
      </c>
    </row>
    <row r="9701" spans="1:10" x14ac:dyDescent="0.35">
      <c r="A9701" s="1" t="s">
        <v>37156</v>
      </c>
      <c r="B9701" s="1" t="s">
        <v>35518</v>
      </c>
      <c r="C9701" s="1" t="s">
        <v>160</v>
      </c>
      <c r="D9701" s="1" t="s">
        <v>37271</v>
      </c>
      <c r="E9701" s="1" t="s">
        <v>37272</v>
      </c>
      <c r="F9701" s="1" t="s">
        <v>37273</v>
      </c>
      <c r="G9701" s="1" t="s">
        <v>37160</v>
      </c>
      <c r="H9701" s="1" t="s">
        <v>37161</v>
      </c>
      <c r="I9701" s="1" t="s">
        <v>35524</v>
      </c>
      <c r="J9701" s="1" t="s">
        <v>37274</v>
      </c>
    </row>
    <row r="9702" spans="1:10" x14ac:dyDescent="0.35">
      <c r="A9702" s="1" t="s">
        <v>37156</v>
      </c>
      <c r="B9702" s="1" t="s">
        <v>35518</v>
      </c>
      <c r="C9702" s="1" t="s">
        <v>165</v>
      </c>
      <c r="D9702" s="1" t="s">
        <v>37275</v>
      </c>
      <c r="E9702" s="1" t="s">
        <v>37276</v>
      </c>
      <c r="F9702" s="1" t="s">
        <v>37277</v>
      </c>
      <c r="G9702" s="1" t="s">
        <v>37160</v>
      </c>
      <c r="H9702" s="1" t="s">
        <v>37161</v>
      </c>
      <c r="I9702" s="1" t="s">
        <v>35524</v>
      </c>
      <c r="J9702" s="1" t="s">
        <v>37278</v>
      </c>
    </row>
    <row r="9703" spans="1:10" x14ac:dyDescent="0.35">
      <c r="A9703" s="1" t="s">
        <v>37156</v>
      </c>
      <c r="B9703" s="1" t="s">
        <v>35518</v>
      </c>
      <c r="C9703" s="1" t="s">
        <v>170</v>
      </c>
      <c r="D9703" s="1" t="s">
        <v>37279</v>
      </c>
      <c r="E9703" s="1" t="s">
        <v>37280</v>
      </c>
      <c r="F9703" s="1" t="s">
        <v>37281</v>
      </c>
      <c r="G9703" s="1" t="s">
        <v>37160</v>
      </c>
      <c r="H9703" s="1" t="s">
        <v>37161</v>
      </c>
      <c r="I9703" s="1" t="s">
        <v>35524</v>
      </c>
      <c r="J9703" s="1" t="s">
        <v>37282</v>
      </c>
    </row>
    <row r="9704" spans="1:10" x14ac:dyDescent="0.35">
      <c r="A9704" s="1" t="s">
        <v>37283</v>
      </c>
      <c r="B9704" s="1" t="s">
        <v>35518</v>
      </c>
      <c r="C9704" s="1" t="s">
        <v>8</v>
      </c>
      <c r="D9704" s="1" t="s">
        <v>37284</v>
      </c>
      <c r="E9704" s="1" t="s">
        <v>37285</v>
      </c>
      <c r="F9704" s="1" t="s">
        <v>37286</v>
      </c>
      <c r="G9704" s="1" t="s">
        <v>37287</v>
      </c>
      <c r="H9704" s="1" t="s">
        <v>37288</v>
      </c>
      <c r="I9704" s="1" t="s">
        <v>35524</v>
      </c>
      <c r="J9704" s="1" t="s">
        <v>13</v>
      </c>
    </row>
    <row r="9705" spans="1:10" x14ac:dyDescent="0.35">
      <c r="A9705" s="1" t="s">
        <v>37283</v>
      </c>
      <c r="B9705" s="1" t="s">
        <v>35518</v>
      </c>
      <c r="C9705" s="1" t="s">
        <v>15</v>
      </c>
      <c r="D9705" s="1" t="s">
        <v>2651</v>
      </c>
      <c r="E9705" s="1" t="s">
        <v>37289</v>
      </c>
      <c r="F9705" s="1" t="s">
        <v>37290</v>
      </c>
      <c r="G9705" s="1" t="s">
        <v>37287</v>
      </c>
      <c r="H9705" s="1" t="s">
        <v>37288</v>
      </c>
      <c r="I9705" s="1" t="s">
        <v>35524</v>
      </c>
      <c r="J9705" s="1" t="s">
        <v>37291</v>
      </c>
    </row>
    <row r="9706" spans="1:10" x14ac:dyDescent="0.35">
      <c r="A9706" s="1" t="s">
        <v>37283</v>
      </c>
      <c r="B9706" s="1" t="s">
        <v>35518</v>
      </c>
      <c r="C9706" s="1" t="s">
        <v>20</v>
      </c>
      <c r="D9706" s="1" t="s">
        <v>37292</v>
      </c>
      <c r="E9706" s="1" t="s">
        <v>37293</v>
      </c>
      <c r="F9706" s="1" t="s">
        <v>37294</v>
      </c>
      <c r="G9706" s="1" t="s">
        <v>37287</v>
      </c>
      <c r="H9706" s="1" t="s">
        <v>37288</v>
      </c>
      <c r="I9706" s="1" t="s">
        <v>35524</v>
      </c>
      <c r="J9706" s="1" t="s">
        <v>37295</v>
      </c>
    </row>
    <row r="9707" spans="1:10" x14ac:dyDescent="0.35">
      <c r="A9707" s="1" t="s">
        <v>37283</v>
      </c>
      <c r="B9707" s="1" t="s">
        <v>35518</v>
      </c>
      <c r="C9707" s="1" t="s">
        <v>25</v>
      </c>
      <c r="D9707" s="1" t="s">
        <v>27523</v>
      </c>
      <c r="E9707" s="1" t="s">
        <v>37296</v>
      </c>
      <c r="F9707" s="1" t="s">
        <v>37297</v>
      </c>
      <c r="G9707" s="1" t="s">
        <v>37287</v>
      </c>
      <c r="H9707" s="1" t="s">
        <v>37288</v>
      </c>
      <c r="I9707" s="1" t="s">
        <v>35524</v>
      </c>
      <c r="J9707" s="1" t="s">
        <v>37298</v>
      </c>
    </row>
    <row r="9708" spans="1:10" x14ac:dyDescent="0.35">
      <c r="A9708" s="1" t="s">
        <v>37283</v>
      </c>
      <c r="B9708" s="1" t="s">
        <v>35518</v>
      </c>
      <c r="C9708" s="1" t="s">
        <v>30</v>
      </c>
      <c r="D9708" s="1" t="s">
        <v>37299</v>
      </c>
      <c r="E9708" s="1" t="s">
        <v>37300</v>
      </c>
      <c r="F9708" s="1" t="s">
        <v>37301</v>
      </c>
      <c r="G9708" s="1" t="s">
        <v>37287</v>
      </c>
      <c r="H9708" s="1" t="s">
        <v>37288</v>
      </c>
      <c r="I9708" s="1" t="s">
        <v>35524</v>
      </c>
      <c r="J9708" s="1" t="s">
        <v>37302</v>
      </c>
    </row>
    <row r="9709" spans="1:10" x14ac:dyDescent="0.35">
      <c r="A9709" s="1" t="s">
        <v>37283</v>
      </c>
      <c r="B9709" s="1" t="s">
        <v>35518</v>
      </c>
      <c r="C9709" s="1" t="s">
        <v>35</v>
      </c>
      <c r="D9709" s="1" t="s">
        <v>37303</v>
      </c>
      <c r="E9709" s="1" t="s">
        <v>37304</v>
      </c>
      <c r="F9709" s="1" t="s">
        <v>37305</v>
      </c>
      <c r="G9709" s="1" t="s">
        <v>37287</v>
      </c>
      <c r="H9709" s="1" t="s">
        <v>37288</v>
      </c>
      <c r="I9709" s="1" t="s">
        <v>35524</v>
      </c>
      <c r="J9709" s="1" t="s">
        <v>37306</v>
      </c>
    </row>
    <row r="9710" spans="1:10" x14ac:dyDescent="0.35">
      <c r="A9710" s="1" t="s">
        <v>37283</v>
      </c>
      <c r="B9710" s="1" t="s">
        <v>35518</v>
      </c>
      <c r="C9710" s="1" t="s">
        <v>40</v>
      </c>
      <c r="D9710" s="1" t="s">
        <v>37307</v>
      </c>
      <c r="E9710" s="1" t="s">
        <v>37308</v>
      </c>
      <c r="F9710" s="1" t="s">
        <v>37309</v>
      </c>
      <c r="G9710" s="1" t="s">
        <v>37287</v>
      </c>
      <c r="H9710" s="1" t="s">
        <v>37288</v>
      </c>
      <c r="I9710" s="1" t="s">
        <v>35524</v>
      </c>
      <c r="J9710" s="1" t="s">
        <v>37310</v>
      </c>
    </row>
    <row r="9711" spans="1:10" x14ac:dyDescent="0.35">
      <c r="A9711" s="1" t="s">
        <v>37283</v>
      </c>
      <c r="B9711" s="1" t="s">
        <v>35518</v>
      </c>
      <c r="C9711" s="1" t="s">
        <v>45</v>
      </c>
      <c r="D9711" s="1" t="s">
        <v>16108</v>
      </c>
      <c r="E9711" s="1" t="s">
        <v>37311</v>
      </c>
      <c r="F9711" s="1" t="s">
        <v>37312</v>
      </c>
      <c r="G9711" s="1" t="s">
        <v>37287</v>
      </c>
      <c r="H9711" s="1" t="s">
        <v>37288</v>
      </c>
      <c r="I9711" s="1" t="s">
        <v>35524</v>
      </c>
      <c r="J9711" s="1" t="s">
        <v>37313</v>
      </c>
    </row>
    <row r="9712" spans="1:10" x14ac:dyDescent="0.35">
      <c r="A9712" s="1" t="s">
        <v>37283</v>
      </c>
      <c r="B9712" s="1" t="s">
        <v>35518</v>
      </c>
      <c r="C9712" s="1" t="s">
        <v>50</v>
      </c>
      <c r="D9712" s="1" t="s">
        <v>37314</v>
      </c>
      <c r="E9712" s="1" t="s">
        <v>37315</v>
      </c>
      <c r="F9712" s="1" t="s">
        <v>37316</v>
      </c>
      <c r="G9712" s="1" t="s">
        <v>37287</v>
      </c>
      <c r="H9712" s="1" t="s">
        <v>37288</v>
      </c>
      <c r="I9712" s="1" t="s">
        <v>35524</v>
      </c>
      <c r="J9712" s="1" t="s">
        <v>37317</v>
      </c>
    </row>
    <row r="9713" spans="1:10" x14ac:dyDescent="0.35">
      <c r="A9713" s="1" t="s">
        <v>37283</v>
      </c>
      <c r="B9713" s="1" t="s">
        <v>35518</v>
      </c>
      <c r="C9713" s="1" t="s">
        <v>55</v>
      </c>
      <c r="D9713" s="1" t="s">
        <v>37318</v>
      </c>
      <c r="E9713" s="1" t="s">
        <v>37319</v>
      </c>
      <c r="F9713" s="1" t="s">
        <v>37320</v>
      </c>
      <c r="G9713" s="1" t="s">
        <v>37287</v>
      </c>
      <c r="H9713" s="1" t="s">
        <v>37288</v>
      </c>
      <c r="I9713" s="1" t="s">
        <v>35524</v>
      </c>
      <c r="J9713" s="1" t="s">
        <v>37321</v>
      </c>
    </row>
    <row r="9714" spans="1:10" x14ac:dyDescent="0.35">
      <c r="A9714" s="1" t="s">
        <v>37283</v>
      </c>
      <c r="B9714" s="1" t="s">
        <v>35518</v>
      </c>
      <c r="C9714" s="1" t="s">
        <v>60</v>
      </c>
      <c r="D9714" s="1" t="s">
        <v>10342</v>
      </c>
      <c r="E9714" s="1" t="s">
        <v>37322</v>
      </c>
      <c r="F9714" s="1" t="s">
        <v>37323</v>
      </c>
      <c r="G9714" s="1" t="s">
        <v>37287</v>
      </c>
      <c r="H9714" s="1" t="s">
        <v>37288</v>
      </c>
      <c r="I9714" s="1" t="s">
        <v>35524</v>
      </c>
      <c r="J9714" s="1" t="s">
        <v>37324</v>
      </c>
    </row>
    <row r="9715" spans="1:10" x14ac:dyDescent="0.35">
      <c r="A9715" s="1" t="s">
        <v>37283</v>
      </c>
      <c r="B9715" s="1" t="s">
        <v>35518</v>
      </c>
      <c r="C9715" s="1" t="s">
        <v>65</v>
      </c>
      <c r="D9715" s="1" t="s">
        <v>37325</v>
      </c>
      <c r="E9715" s="1" t="s">
        <v>37326</v>
      </c>
      <c r="F9715" s="1" t="s">
        <v>37327</v>
      </c>
      <c r="G9715" s="1" t="s">
        <v>37287</v>
      </c>
      <c r="H9715" s="1" t="s">
        <v>37288</v>
      </c>
      <c r="I9715" s="1" t="s">
        <v>35524</v>
      </c>
      <c r="J9715" s="1" t="s">
        <v>37328</v>
      </c>
    </row>
    <row r="9716" spans="1:10" x14ac:dyDescent="0.35">
      <c r="A9716" s="1" t="s">
        <v>37283</v>
      </c>
      <c r="B9716" s="1" t="s">
        <v>35518</v>
      </c>
      <c r="C9716" s="1" t="s">
        <v>70</v>
      </c>
      <c r="D9716" s="1" t="s">
        <v>37329</v>
      </c>
      <c r="E9716" s="1" t="s">
        <v>37330</v>
      </c>
      <c r="F9716" s="1" t="s">
        <v>37331</v>
      </c>
      <c r="G9716" s="1" t="s">
        <v>37287</v>
      </c>
      <c r="H9716" s="1" t="s">
        <v>37288</v>
      </c>
      <c r="I9716" s="1" t="s">
        <v>35524</v>
      </c>
      <c r="J9716" s="1" t="s">
        <v>37332</v>
      </c>
    </row>
    <row r="9717" spans="1:10" x14ac:dyDescent="0.35">
      <c r="A9717" s="1" t="s">
        <v>37283</v>
      </c>
      <c r="B9717" s="1" t="s">
        <v>35518</v>
      </c>
      <c r="C9717" s="1" t="s">
        <v>75</v>
      </c>
      <c r="D9717" s="1" t="s">
        <v>37333</v>
      </c>
      <c r="E9717" s="1" t="s">
        <v>37334</v>
      </c>
      <c r="F9717" s="1" t="s">
        <v>37335</v>
      </c>
      <c r="G9717" s="1" t="s">
        <v>37287</v>
      </c>
      <c r="H9717" s="1" t="s">
        <v>37288</v>
      </c>
      <c r="I9717" s="1" t="s">
        <v>35524</v>
      </c>
      <c r="J9717" s="1" t="s">
        <v>37336</v>
      </c>
    </row>
    <row r="9718" spans="1:10" x14ac:dyDescent="0.35">
      <c r="A9718" s="1" t="s">
        <v>37283</v>
      </c>
      <c r="B9718" s="1" t="s">
        <v>35518</v>
      </c>
      <c r="C9718" s="1" t="s">
        <v>80</v>
      </c>
      <c r="D9718" s="1" t="s">
        <v>29124</v>
      </c>
      <c r="E9718" s="1" t="s">
        <v>37337</v>
      </c>
      <c r="F9718" s="1" t="s">
        <v>37338</v>
      </c>
      <c r="G9718" s="1" t="s">
        <v>37287</v>
      </c>
      <c r="H9718" s="1" t="s">
        <v>37288</v>
      </c>
      <c r="I9718" s="1" t="s">
        <v>35524</v>
      </c>
      <c r="J9718" s="1" t="s">
        <v>37339</v>
      </c>
    </row>
    <row r="9719" spans="1:10" x14ac:dyDescent="0.35">
      <c r="A9719" s="1" t="s">
        <v>37283</v>
      </c>
      <c r="B9719" s="1" t="s">
        <v>35518</v>
      </c>
      <c r="C9719" s="1" t="s">
        <v>85</v>
      </c>
      <c r="D9719" s="1" t="s">
        <v>37340</v>
      </c>
      <c r="E9719" s="1" t="s">
        <v>37341</v>
      </c>
      <c r="F9719" s="1" t="s">
        <v>37342</v>
      </c>
      <c r="G9719" s="1" t="s">
        <v>37287</v>
      </c>
      <c r="H9719" s="1" t="s">
        <v>37288</v>
      </c>
      <c r="I9719" s="1" t="s">
        <v>35524</v>
      </c>
      <c r="J9719" s="1" t="s">
        <v>37343</v>
      </c>
    </row>
    <row r="9720" spans="1:10" x14ac:dyDescent="0.35">
      <c r="A9720" s="1" t="s">
        <v>37283</v>
      </c>
      <c r="B9720" s="1" t="s">
        <v>35518</v>
      </c>
      <c r="C9720" s="1" t="s">
        <v>90</v>
      </c>
      <c r="D9720" s="1" t="s">
        <v>37344</v>
      </c>
      <c r="E9720" s="1" t="s">
        <v>37345</v>
      </c>
      <c r="F9720" s="1" t="s">
        <v>37346</v>
      </c>
      <c r="G9720" s="1" t="s">
        <v>37287</v>
      </c>
      <c r="H9720" s="1" t="s">
        <v>37288</v>
      </c>
      <c r="I9720" s="1" t="s">
        <v>35524</v>
      </c>
      <c r="J9720" s="1" t="s">
        <v>37347</v>
      </c>
    </row>
    <row r="9721" spans="1:10" x14ac:dyDescent="0.35">
      <c r="A9721" s="1" t="s">
        <v>37283</v>
      </c>
      <c r="B9721" s="1" t="s">
        <v>35518</v>
      </c>
      <c r="C9721" s="1" t="s">
        <v>95</v>
      </c>
      <c r="D9721" s="1" t="s">
        <v>37348</v>
      </c>
      <c r="E9721" s="1" t="s">
        <v>37349</v>
      </c>
      <c r="F9721" s="1" t="s">
        <v>37350</v>
      </c>
      <c r="G9721" s="1" t="s">
        <v>37287</v>
      </c>
      <c r="H9721" s="1" t="s">
        <v>37288</v>
      </c>
      <c r="I9721" s="1" t="s">
        <v>35524</v>
      </c>
      <c r="J9721" s="1" t="s">
        <v>37351</v>
      </c>
    </row>
    <row r="9722" spans="1:10" x14ac:dyDescent="0.35">
      <c r="A9722" s="1" t="s">
        <v>37283</v>
      </c>
      <c r="B9722" s="1" t="s">
        <v>35518</v>
      </c>
      <c r="C9722" s="1" t="s">
        <v>100</v>
      </c>
      <c r="D9722" s="1" t="s">
        <v>25047</v>
      </c>
      <c r="E9722" s="1" t="s">
        <v>37352</v>
      </c>
      <c r="F9722" s="1" t="s">
        <v>37353</v>
      </c>
      <c r="G9722" s="1" t="s">
        <v>37287</v>
      </c>
      <c r="H9722" s="1" t="s">
        <v>37288</v>
      </c>
      <c r="I9722" s="1" t="s">
        <v>35524</v>
      </c>
      <c r="J9722" s="1" t="s">
        <v>37354</v>
      </c>
    </row>
    <row r="9723" spans="1:10" x14ac:dyDescent="0.35">
      <c r="A9723" s="1" t="s">
        <v>37283</v>
      </c>
      <c r="B9723" s="1" t="s">
        <v>35518</v>
      </c>
      <c r="C9723" s="1" t="s">
        <v>105</v>
      </c>
      <c r="D9723" s="1" t="s">
        <v>37355</v>
      </c>
      <c r="E9723" s="1" t="s">
        <v>37356</v>
      </c>
      <c r="F9723" s="1" t="s">
        <v>37357</v>
      </c>
      <c r="G9723" s="1" t="s">
        <v>37287</v>
      </c>
      <c r="H9723" s="1" t="s">
        <v>37288</v>
      </c>
      <c r="I9723" s="1" t="s">
        <v>35524</v>
      </c>
      <c r="J9723" s="1" t="s">
        <v>37358</v>
      </c>
    </row>
    <row r="9724" spans="1:10" x14ac:dyDescent="0.35">
      <c r="A9724" s="1" t="s">
        <v>37283</v>
      </c>
      <c r="B9724" s="1" t="s">
        <v>35518</v>
      </c>
      <c r="C9724" s="1" t="s">
        <v>110</v>
      </c>
      <c r="D9724" s="1" t="s">
        <v>37359</v>
      </c>
      <c r="E9724" s="1" t="s">
        <v>37360</v>
      </c>
      <c r="F9724" s="1" t="s">
        <v>37361</v>
      </c>
      <c r="G9724" s="1" t="s">
        <v>37287</v>
      </c>
      <c r="H9724" s="1" t="s">
        <v>37288</v>
      </c>
      <c r="I9724" s="1" t="s">
        <v>35524</v>
      </c>
      <c r="J9724" s="1" t="s">
        <v>37362</v>
      </c>
    </row>
    <row r="9725" spans="1:10" x14ac:dyDescent="0.35">
      <c r="A9725" s="1" t="s">
        <v>37283</v>
      </c>
      <c r="B9725" s="1" t="s">
        <v>35518</v>
      </c>
      <c r="C9725" s="1" t="s">
        <v>115</v>
      </c>
      <c r="D9725" s="1" t="s">
        <v>37363</v>
      </c>
      <c r="E9725" s="1" t="s">
        <v>37364</v>
      </c>
      <c r="F9725" s="1" t="s">
        <v>37365</v>
      </c>
      <c r="G9725" s="1" t="s">
        <v>37287</v>
      </c>
      <c r="H9725" s="1" t="s">
        <v>37288</v>
      </c>
      <c r="I9725" s="1" t="s">
        <v>35524</v>
      </c>
      <c r="J9725" s="1" t="s">
        <v>37366</v>
      </c>
    </row>
    <row r="9726" spans="1:10" x14ac:dyDescent="0.35">
      <c r="A9726" s="1" t="s">
        <v>37283</v>
      </c>
      <c r="B9726" s="1" t="s">
        <v>35518</v>
      </c>
      <c r="C9726" s="1" t="s">
        <v>120</v>
      </c>
      <c r="D9726" s="1" t="s">
        <v>3421</v>
      </c>
      <c r="E9726" s="1" t="s">
        <v>37367</v>
      </c>
      <c r="F9726" s="1" t="s">
        <v>37368</v>
      </c>
      <c r="G9726" s="1" t="s">
        <v>37287</v>
      </c>
      <c r="H9726" s="1" t="s">
        <v>37288</v>
      </c>
      <c r="I9726" s="1" t="s">
        <v>35524</v>
      </c>
      <c r="J9726" s="1" t="s">
        <v>37369</v>
      </c>
    </row>
    <row r="9727" spans="1:10" x14ac:dyDescent="0.35">
      <c r="A9727" s="1" t="s">
        <v>37283</v>
      </c>
      <c r="B9727" s="1" t="s">
        <v>35518</v>
      </c>
      <c r="C9727" s="1" t="s">
        <v>125</v>
      </c>
      <c r="D9727" s="1" t="s">
        <v>13059</v>
      </c>
      <c r="E9727" s="1" t="s">
        <v>37370</v>
      </c>
      <c r="F9727" s="1" t="s">
        <v>37371</v>
      </c>
      <c r="G9727" s="1" t="s">
        <v>37287</v>
      </c>
      <c r="H9727" s="1" t="s">
        <v>37288</v>
      </c>
      <c r="I9727" s="1" t="s">
        <v>35524</v>
      </c>
      <c r="J9727" s="1" t="s">
        <v>37372</v>
      </c>
    </row>
    <row r="9728" spans="1:10" x14ac:dyDescent="0.35">
      <c r="A9728" s="1" t="s">
        <v>37283</v>
      </c>
      <c r="B9728" s="1" t="s">
        <v>35518</v>
      </c>
      <c r="C9728" s="1" t="s">
        <v>130</v>
      </c>
      <c r="D9728" s="1" t="s">
        <v>37373</v>
      </c>
      <c r="E9728" s="1" t="s">
        <v>37374</v>
      </c>
      <c r="F9728" s="1" t="s">
        <v>37375</v>
      </c>
      <c r="G9728" s="1" t="s">
        <v>37287</v>
      </c>
      <c r="H9728" s="1" t="s">
        <v>37288</v>
      </c>
      <c r="I9728" s="1" t="s">
        <v>35524</v>
      </c>
      <c r="J9728" s="1" t="s">
        <v>37376</v>
      </c>
    </row>
    <row r="9729" spans="1:10" x14ac:dyDescent="0.35">
      <c r="A9729" s="1" t="s">
        <v>37283</v>
      </c>
      <c r="B9729" s="1" t="s">
        <v>35518</v>
      </c>
      <c r="C9729" s="1" t="s">
        <v>135</v>
      </c>
      <c r="D9729" s="1" t="s">
        <v>37377</v>
      </c>
      <c r="E9729" s="1" t="s">
        <v>37378</v>
      </c>
      <c r="F9729" s="1" t="s">
        <v>37379</v>
      </c>
      <c r="G9729" s="1" t="s">
        <v>37287</v>
      </c>
      <c r="H9729" s="1" t="s">
        <v>37288</v>
      </c>
      <c r="I9729" s="1" t="s">
        <v>35524</v>
      </c>
      <c r="J9729" s="1" t="s">
        <v>37380</v>
      </c>
    </row>
    <row r="9730" spans="1:10" x14ac:dyDescent="0.35">
      <c r="A9730" s="1" t="s">
        <v>37283</v>
      </c>
      <c r="B9730" s="1" t="s">
        <v>35518</v>
      </c>
      <c r="C9730" s="1" t="s">
        <v>140</v>
      </c>
      <c r="D9730" s="1" t="s">
        <v>3425</v>
      </c>
      <c r="E9730" s="1" t="s">
        <v>37381</v>
      </c>
      <c r="F9730" s="1" t="s">
        <v>37382</v>
      </c>
      <c r="G9730" s="1" t="s">
        <v>37287</v>
      </c>
      <c r="H9730" s="1" t="s">
        <v>37288</v>
      </c>
      <c r="I9730" s="1" t="s">
        <v>35524</v>
      </c>
      <c r="J9730" s="1" t="s">
        <v>37383</v>
      </c>
    </row>
    <row r="9731" spans="1:10" x14ac:dyDescent="0.35">
      <c r="A9731" s="1" t="s">
        <v>37283</v>
      </c>
      <c r="B9731" s="1" t="s">
        <v>35518</v>
      </c>
      <c r="C9731" s="1" t="s">
        <v>145</v>
      </c>
      <c r="D9731" s="1" t="s">
        <v>37384</v>
      </c>
      <c r="E9731" s="1" t="s">
        <v>37385</v>
      </c>
      <c r="F9731" s="1" t="s">
        <v>37386</v>
      </c>
      <c r="G9731" s="1" t="s">
        <v>37287</v>
      </c>
      <c r="H9731" s="1" t="s">
        <v>37288</v>
      </c>
      <c r="I9731" s="1" t="s">
        <v>35524</v>
      </c>
      <c r="J9731" s="1" t="s">
        <v>37387</v>
      </c>
    </row>
    <row r="9732" spans="1:10" x14ac:dyDescent="0.35">
      <c r="A9732" s="1" t="s">
        <v>37283</v>
      </c>
      <c r="B9732" s="1" t="s">
        <v>35518</v>
      </c>
      <c r="C9732" s="1" t="s">
        <v>150</v>
      </c>
      <c r="D9732" s="1" t="s">
        <v>37388</v>
      </c>
      <c r="E9732" s="1" t="s">
        <v>37389</v>
      </c>
      <c r="F9732" s="1" t="s">
        <v>37390</v>
      </c>
      <c r="G9732" s="1" t="s">
        <v>37287</v>
      </c>
      <c r="H9732" s="1" t="s">
        <v>37288</v>
      </c>
      <c r="I9732" s="1" t="s">
        <v>35524</v>
      </c>
      <c r="J9732" s="1" t="s">
        <v>37391</v>
      </c>
    </row>
    <row r="9733" spans="1:10" x14ac:dyDescent="0.35">
      <c r="A9733" s="1" t="s">
        <v>37283</v>
      </c>
      <c r="B9733" s="1" t="s">
        <v>35518</v>
      </c>
      <c r="C9733" s="1" t="s">
        <v>155</v>
      </c>
      <c r="D9733" s="1" t="s">
        <v>3100</v>
      </c>
      <c r="E9733" s="1" t="s">
        <v>37392</v>
      </c>
      <c r="F9733" s="1" t="s">
        <v>37393</v>
      </c>
      <c r="G9733" s="1" t="s">
        <v>37287</v>
      </c>
      <c r="H9733" s="1" t="s">
        <v>37288</v>
      </c>
      <c r="I9733" s="1" t="s">
        <v>35524</v>
      </c>
      <c r="J9733" s="1" t="s">
        <v>37394</v>
      </c>
    </row>
    <row r="9734" spans="1:10" x14ac:dyDescent="0.35">
      <c r="A9734" s="1" t="s">
        <v>37283</v>
      </c>
      <c r="B9734" s="1" t="s">
        <v>35518</v>
      </c>
      <c r="C9734" s="1" t="s">
        <v>160</v>
      </c>
      <c r="D9734" s="1" t="s">
        <v>37395</v>
      </c>
      <c r="E9734" s="1" t="s">
        <v>37396</v>
      </c>
      <c r="F9734" s="1" t="s">
        <v>37397</v>
      </c>
      <c r="G9734" s="1" t="s">
        <v>37287</v>
      </c>
      <c r="H9734" s="1" t="s">
        <v>37288</v>
      </c>
      <c r="I9734" s="1" t="s">
        <v>35524</v>
      </c>
      <c r="J9734" s="1" t="s">
        <v>37398</v>
      </c>
    </row>
    <row r="9735" spans="1:10" x14ac:dyDescent="0.35">
      <c r="A9735" s="1" t="s">
        <v>37283</v>
      </c>
      <c r="B9735" s="1" t="s">
        <v>35518</v>
      </c>
      <c r="C9735" s="1" t="s">
        <v>165</v>
      </c>
      <c r="D9735" s="1" t="s">
        <v>37399</v>
      </c>
      <c r="E9735" s="1" t="s">
        <v>37400</v>
      </c>
      <c r="F9735" s="1" t="s">
        <v>37401</v>
      </c>
      <c r="G9735" s="1" t="s">
        <v>37287</v>
      </c>
      <c r="H9735" s="1" t="s">
        <v>37288</v>
      </c>
      <c r="I9735" s="1" t="s">
        <v>35524</v>
      </c>
      <c r="J9735" s="1" t="s">
        <v>37402</v>
      </c>
    </row>
    <row r="9736" spans="1:10" x14ac:dyDescent="0.35">
      <c r="A9736" s="1" t="s">
        <v>37283</v>
      </c>
      <c r="B9736" s="1" t="s">
        <v>35518</v>
      </c>
      <c r="C9736" s="1" t="s">
        <v>170</v>
      </c>
      <c r="D9736" s="1" t="s">
        <v>13063</v>
      </c>
      <c r="E9736" s="1" t="s">
        <v>29818</v>
      </c>
      <c r="F9736" s="1" t="s">
        <v>37403</v>
      </c>
      <c r="G9736" s="1" t="s">
        <v>37287</v>
      </c>
      <c r="H9736" s="1" t="s">
        <v>37288</v>
      </c>
      <c r="I9736" s="1" t="s">
        <v>35524</v>
      </c>
      <c r="J9736" s="1" t="s">
        <v>37404</v>
      </c>
    </row>
    <row r="9737" spans="1:10" x14ac:dyDescent="0.35">
      <c r="A9737" s="1" t="s">
        <v>37405</v>
      </c>
      <c r="B9737" s="1" t="s">
        <v>35518</v>
      </c>
      <c r="C9737" s="1" t="s">
        <v>8</v>
      </c>
      <c r="D9737" s="1" t="s">
        <v>37406</v>
      </c>
      <c r="E9737" s="1" t="s">
        <v>37407</v>
      </c>
      <c r="F9737" s="1" t="s">
        <v>37408</v>
      </c>
      <c r="G9737" s="1" t="s">
        <v>37409</v>
      </c>
      <c r="H9737" s="1" t="s">
        <v>37410</v>
      </c>
      <c r="I9737" s="1" t="s">
        <v>35524</v>
      </c>
      <c r="J9737" s="1" t="s">
        <v>13</v>
      </c>
    </row>
    <row r="9738" spans="1:10" x14ac:dyDescent="0.35">
      <c r="A9738" s="1" t="s">
        <v>37405</v>
      </c>
      <c r="B9738" s="1" t="s">
        <v>35518</v>
      </c>
      <c r="C9738" s="1" t="s">
        <v>15</v>
      </c>
      <c r="D9738" s="1" t="s">
        <v>37411</v>
      </c>
      <c r="E9738" s="1" t="s">
        <v>37412</v>
      </c>
      <c r="F9738" s="1" t="s">
        <v>37413</v>
      </c>
      <c r="G9738" s="1" t="s">
        <v>37409</v>
      </c>
      <c r="H9738" s="1" t="s">
        <v>37410</v>
      </c>
      <c r="I9738" s="1" t="s">
        <v>35524</v>
      </c>
      <c r="J9738" s="1" t="s">
        <v>37414</v>
      </c>
    </row>
    <row r="9739" spans="1:10" x14ac:dyDescent="0.35">
      <c r="A9739" s="1" t="s">
        <v>37405</v>
      </c>
      <c r="B9739" s="1" t="s">
        <v>35518</v>
      </c>
      <c r="C9739" s="1" t="s">
        <v>20</v>
      </c>
      <c r="D9739" s="1" t="s">
        <v>37415</v>
      </c>
      <c r="E9739" s="1" t="s">
        <v>37416</v>
      </c>
      <c r="F9739" s="1" t="s">
        <v>37417</v>
      </c>
      <c r="G9739" s="1" t="s">
        <v>37409</v>
      </c>
      <c r="H9739" s="1" t="s">
        <v>37410</v>
      </c>
      <c r="I9739" s="1" t="s">
        <v>35524</v>
      </c>
      <c r="J9739" s="1" t="s">
        <v>37418</v>
      </c>
    </row>
    <row r="9740" spans="1:10" x14ac:dyDescent="0.35">
      <c r="A9740" s="1" t="s">
        <v>37405</v>
      </c>
      <c r="B9740" s="1" t="s">
        <v>35518</v>
      </c>
      <c r="C9740" s="1" t="s">
        <v>25</v>
      </c>
      <c r="D9740" s="1" t="s">
        <v>37419</v>
      </c>
      <c r="E9740" s="1" t="s">
        <v>37420</v>
      </c>
      <c r="F9740" s="1" t="s">
        <v>37421</v>
      </c>
      <c r="G9740" s="1" t="s">
        <v>37409</v>
      </c>
      <c r="H9740" s="1" t="s">
        <v>37410</v>
      </c>
      <c r="I9740" s="1" t="s">
        <v>35524</v>
      </c>
      <c r="J9740" s="1" t="s">
        <v>37422</v>
      </c>
    </row>
    <row r="9741" spans="1:10" x14ac:dyDescent="0.35">
      <c r="A9741" s="1" t="s">
        <v>37405</v>
      </c>
      <c r="B9741" s="1" t="s">
        <v>35518</v>
      </c>
      <c r="C9741" s="1" t="s">
        <v>30</v>
      </c>
      <c r="D9741" s="1" t="s">
        <v>37423</v>
      </c>
      <c r="E9741" s="1" t="s">
        <v>37424</v>
      </c>
      <c r="F9741" s="1" t="s">
        <v>37425</v>
      </c>
      <c r="G9741" s="1" t="s">
        <v>37409</v>
      </c>
      <c r="H9741" s="1" t="s">
        <v>37410</v>
      </c>
      <c r="I9741" s="1" t="s">
        <v>35524</v>
      </c>
      <c r="J9741" s="1" t="s">
        <v>37426</v>
      </c>
    </row>
    <row r="9742" spans="1:10" x14ac:dyDescent="0.35">
      <c r="A9742" s="1" t="s">
        <v>37405</v>
      </c>
      <c r="B9742" s="1" t="s">
        <v>35518</v>
      </c>
      <c r="C9742" s="1" t="s">
        <v>35</v>
      </c>
      <c r="D9742" s="1" t="s">
        <v>37427</v>
      </c>
      <c r="E9742" s="1" t="s">
        <v>37428</v>
      </c>
      <c r="F9742" s="1" t="s">
        <v>37429</v>
      </c>
      <c r="G9742" s="1" t="s">
        <v>37409</v>
      </c>
      <c r="H9742" s="1" t="s">
        <v>37410</v>
      </c>
      <c r="I9742" s="1" t="s">
        <v>35524</v>
      </c>
      <c r="J9742" s="1" t="s">
        <v>37430</v>
      </c>
    </row>
    <row r="9743" spans="1:10" x14ac:dyDescent="0.35">
      <c r="A9743" s="1" t="s">
        <v>37405</v>
      </c>
      <c r="B9743" s="1" t="s">
        <v>35518</v>
      </c>
      <c r="C9743" s="1" t="s">
        <v>40</v>
      </c>
      <c r="D9743" s="1" t="s">
        <v>37431</v>
      </c>
      <c r="E9743" s="1" t="s">
        <v>37432</v>
      </c>
      <c r="F9743" s="1" t="s">
        <v>37433</v>
      </c>
      <c r="G9743" s="1" t="s">
        <v>37409</v>
      </c>
      <c r="H9743" s="1" t="s">
        <v>37410</v>
      </c>
      <c r="I9743" s="1" t="s">
        <v>35524</v>
      </c>
      <c r="J9743" s="1" t="s">
        <v>37434</v>
      </c>
    </row>
    <row r="9744" spans="1:10" x14ac:dyDescent="0.35">
      <c r="A9744" s="1" t="s">
        <v>37405</v>
      </c>
      <c r="B9744" s="1" t="s">
        <v>35518</v>
      </c>
      <c r="C9744" s="1" t="s">
        <v>45</v>
      </c>
      <c r="D9744" s="1" t="s">
        <v>37435</v>
      </c>
      <c r="E9744" s="1" t="s">
        <v>37436</v>
      </c>
      <c r="F9744" s="1" t="s">
        <v>37437</v>
      </c>
      <c r="G9744" s="1" t="s">
        <v>37409</v>
      </c>
      <c r="H9744" s="1" t="s">
        <v>37410</v>
      </c>
      <c r="I9744" s="1" t="s">
        <v>35524</v>
      </c>
      <c r="J9744" s="1" t="s">
        <v>37438</v>
      </c>
    </row>
    <row r="9745" spans="1:10" x14ac:dyDescent="0.35">
      <c r="A9745" s="1" t="s">
        <v>37405</v>
      </c>
      <c r="B9745" s="1" t="s">
        <v>35518</v>
      </c>
      <c r="C9745" s="1" t="s">
        <v>50</v>
      </c>
      <c r="D9745" s="1" t="s">
        <v>37439</v>
      </c>
      <c r="E9745" s="1" t="s">
        <v>37440</v>
      </c>
      <c r="F9745" s="1" t="s">
        <v>37441</v>
      </c>
      <c r="G9745" s="1" t="s">
        <v>37409</v>
      </c>
      <c r="H9745" s="1" t="s">
        <v>37410</v>
      </c>
      <c r="I9745" s="1" t="s">
        <v>35524</v>
      </c>
      <c r="J9745" s="1" t="s">
        <v>37442</v>
      </c>
    </row>
    <row r="9746" spans="1:10" x14ac:dyDescent="0.35">
      <c r="A9746" s="1" t="s">
        <v>37405</v>
      </c>
      <c r="B9746" s="1" t="s">
        <v>35518</v>
      </c>
      <c r="C9746" s="1" t="s">
        <v>55</v>
      </c>
      <c r="D9746" s="1" t="s">
        <v>37443</v>
      </c>
      <c r="E9746" s="1" t="s">
        <v>37444</v>
      </c>
      <c r="F9746" s="1" t="s">
        <v>37445</v>
      </c>
      <c r="G9746" s="1" t="s">
        <v>37409</v>
      </c>
      <c r="H9746" s="1" t="s">
        <v>37410</v>
      </c>
      <c r="I9746" s="1" t="s">
        <v>35524</v>
      </c>
      <c r="J9746" s="1" t="s">
        <v>37446</v>
      </c>
    </row>
    <row r="9747" spans="1:10" x14ac:dyDescent="0.35">
      <c r="A9747" s="1" t="s">
        <v>37405</v>
      </c>
      <c r="B9747" s="1" t="s">
        <v>35518</v>
      </c>
      <c r="C9747" s="1" t="s">
        <v>60</v>
      </c>
      <c r="D9747" s="1" t="s">
        <v>37447</v>
      </c>
      <c r="E9747" s="1" t="s">
        <v>37448</v>
      </c>
      <c r="F9747" s="1" t="s">
        <v>37449</v>
      </c>
      <c r="G9747" s="1" t="s">
        <v>37409</v>
      </c>
      <c r="H9747" s="1" t="s">
        <v>37410</v>
      </c>
      <c r="I9747" s="1" t="s">
        <v>35524</v>
      </c>
      <c r="J9747" s="1" t="s">
        <v>37450</v>
      </c>
    </row>
    <row r="9748" spans="1:10" x14ac:dyDescent="0.35">
      <c r="A9748" s="1" t="s">
        <v>37405</v>
      </c>
      <c r="B9748" s="1" t="s">
        <v>35518</v>
      </c>
      <c r="C9748" s="1" t="s">
        <v>65</v>
      </c>
      <c r="D9748" s="1" t="s">
        <v>15601</v>
      </c>
      <c r="E9748" s="1" t="s">
        <v>37451</v>
      </c>
      <c r="F9748" s="1" t="s">
        <v>37452</v>
      </c>
      <c r="G9748" s="1" t="s">
        <v>37409</v>
      </c>
      <c r="H9748" s="1" t="s">
        <v>37410</v>
      </c>
      <c r="I9748" s="1" t="s">
        <v>35524</v>
      </c>
      <c r="J9748" s="1" t="s">
        <v>37453</v>
      </c>
    </row>
    <row r="9749" spans="1:10" x14ac:dyDescent="0.35">
      <c r="A9749" s="1" t="s">
        <v>37405</v>
      </c>
      <c r="B9749" s="1" t="s">
        <v>35518</v>
      </c>
      <c r="C9749" s="1" t="s">
        <v>70</v>
      </c>
      <c r="D9749" s="1" t="s">
        <v>37454</v>
      </c>
      <c r="E9749" s="1" t="s">
        <v>37455</v>
      </c>
      <c r="F9749" s="1" t="s">
        <v>37456</v>
      </c>
      <c r="G9749" s="1" t="s">
        <v>37409</v>
      </c>
      <c r="H9749" s="1" t="s">
        <v>37410</v>
      </c>
      <c r="I9749" s="1" t="s">
        <v>35524</v>
      </c>
      <c r="J9749" s="1" t="s">
        <v>37457</v>
      </c>
    </row>
    <row r="9750" spans="1:10" x14ac:dyDescent="0.35">
      <c r="A9750" s="1" t="s">
        <v>37405</v>
      </c>
      <c r="B9750" s="1" t="s">
        <v>35518</v>
      </c>
      <c r="C9750" s="1" t="s">
        <v>75</v>
      </c>
      <c r="D9750" s="1" t="s">
        <v>37458</v>
      </c>
      <c r="E9750" s="1" t="s">
        <v>37459</v>
      </c>
      <c r="F9750" s="1" t="s">
        <v>37460</v>
      </c>
      <c r="G9750" s="1" t="s">
        <v>37409</v>
      </c>
      <c r="H9750" s="1" t="s">
        <v>37410</v>
      </c>
      <c r="I9750" s="1" t="s">
        <v>35524</v>
      </c>
      <c r="J9750" s="1" t="s">
        <v>37461</v>
      </c>
    </row>
    <row r="9751" spans="1:10" x14ac:dyDescent="0.35">
      <c r="A9751" s="1" t="s">
        <v>37405</v>
      </c>
      <c r="B9751" s="1" t="s">
        <v>35518</v>
      </c>
      <c r="C9751" s="1" t="s">
        <v>80</v>
      </c>
      <c r="D9751" s="1" t="s">
        <v>37462</v>
      </c>
      <c r="E9751" s="1" t="s">
        <v>37463</v>
      </c>
      <c r="F9751" s="1" t="s">
        <v>37464</v>
      </c>
      <c r="G9751" s="1" t="s">
        <v>37409</v>
      </c>
      <c r="H9751" s="1" t="s">
        <v>37410</v>
      </c>
      <c r="I9751" s="1" t="s">
        <v>35524</v>
      </c>
      <c r="J9751" s="1" t="s">
        <v>37465</v>
      </c>
    </row>
    <row r="9752" spans="1:10" x14ac:dyDescent="0.35">
      <c r="A9752" s="1" t="s">
        <v>37405</v>
      </c>
      <c r="B9752" s="1" t="s">
        <v>35518</v>
      </c>
      <c r="C9752" s="1" t="s">
        <v>85</v>
      </c>
      <c r="D9752" s="1" t="s">
        <v>37466</v>
      </c>
      <c r="E9752" s="1" t="s">
        <v>37467</v>
      </c>
      <c r="F9752" s="1" t="s">
        <v>37468</v>
      </c>
      <c r="G9752" s="1" t="s">
        <v>37409</v>
      </c>
      <c r="H9752" s="1" t="s">
        <v>37410</v>
      </c>
      <c r="I9752" s="1" t="s">
        <v>35524</v>
      </c>
      <c r="J9752" s="1" t="s">
        <v>37469</v>
      </c>
    </row>
    <row r="9753" spans="1:10" x14ac:dyDescent="0.35">
      <c r="A9753" s="1" t="s">
        <v>37405</v>
      </c>
      <c r="B9753" s="1" t="s">
        <v>35518</v>
      </c>
      <c r="C9753" s="1" t="s">
        <v>90</v>
      </c>
      <c r="D9753" s="1" t="s">
        <v>37470</v>
      </c>
      <c r="E9753" s="1" t="s">
        <v>37471</v>
      </c>
      <c r="F9753" s="1" t="s">
        <v>37472</v>
      </c>
      <c r="G9753" s="1" t="s">
        <v>37409</v>
      </c>
      <c r="H9753" s="1" t="s">
        <v>37410</v>
      </c>
      <c r="I9753" s="1" t="s">
        <v>35524</v>
      </c>
      <c r="J9753" s="1" t="s">
        <v>37473</v>
      </c>
    </row>
    <row r="9754" spans="1:10" x14ac:dyDescent="0.35">
      <c r="A9754" s="1" t="s">
        <v>37405</v>
      </c>
      <c r="B9754" s="1" t="s">
        <v>35518</v>
      </c>
      <c r="C9754" s="1" t="s">
        <v>95</v>
      </c>
      <c r="D9754" s="1" t="s">
        <v>37474</v>
      </c>
      <c r="E9754" s="1" t="s">
        <v>37475</v>
      </c>
      <c r="F9754" s="1" t="s">
        <v>37476</v>
      </c>
      <c r="G9754" s="1" t="s">
        <v>37409</v>
      </c>
      <c r="H9754" s="1" t="s">
        <v>37410</v>
      </c>
      <c r="I9754" s="1" t="s">
        <v>35524</v>
      </c>
      <c r="J9754" s="1" t="s">
        <v>37477</v>
      </c>
    </row>
    <row r="9755" spans="1:10" x14ac:dyDescent="0.35">
      <c r="A9755" s="1" t="s">
        <v>37405</v>
      </c>
      <c r="B9755" s="1" t="s">
        <v>35518</v>
      </c>
      <c r="C9755" s="1" t="s">
        <v>100</v>
      </c>
      <c r="D9755" s="1" t="s">
        <v>16360</v>
      </c>
      <c r="E9755" s="1" t="s">
        <v>37478</v>
      </c>
      <c r="F9755" s="1" t="s">
        <v>37479</v>
      </c>
      <c r="G9755" s="1" t="s">
        <v>37409</v>
      </c>
      <c r="H9755" s="1" t="s">
        <v>37410</v>
      </c>
      <c r="I9755" s="1" t="s">
        <v>35524</v>
      </c>
      <c r="J9755" s="1" t="s">
        <v>37480</v>
      </c>
    </row>
    <row r="9756" spans="1:10" x14ac:dyDescent="0.35">
      <c r="A9756" s="1" t="s">
        <v>37405</v>
      </c>
      <c r="B9756" s="1" t="s">
        <v>35518</v>
      </c>
      <c r="C9756" s="1" t="s">
        <v>105</v>
      </c>
      <c r="D9756" s="1" t="s">
        <v>37481</v>
      </c>
      <c r="E9756" s="1" t="s">
        <v>37482</v>
      </c>
      <c r="F9756" s="1" t="s">
        <v>37483</v>
      </c>
      <c r="G9756" s="1" t="s">
        <v>37409</v>
      </c>
      <c r="H9756" s="1" t="s">
        <v>37410</v>
      </c>
      <c r="I9756" s="1" t="s">
        <v>35524</v>
      </c>
      <c r="J9756" s="1" t="s">
        <v>37484</v>
      </c>
    </row>
    <row r="9757" spans="1:10" x14ac:dyDescent="0.35">
      <c r="A9757" s="1" t="s">
        <v>37405</v>
      </c>
      <c r="B9757" s="1" t="s">
        <v>35518</v>
      </c>
      <c r="C9757" s="1" t="s">
        <v>110</v>
      </c>
      <c r="D9757" s="1" t="s">
        <v>37485</v>
      </c>
      <c r="E9757" s="1" t="s">
        <v>37486</v>
      </c>
      <c r="F9757" s="1" t="s">
        <v>37487</v>
      </c>
      <c r="G9757" s="1" t="s">
        <v>37409</v>
      </c>
      <c r="H9757" s="1" t="s">
        <v>37410</v>
      </c>
      <c r="I9757" s="1" t="s">
        <v>35524</v>
      </c>
      <c r="J9757" s="1" t="s">
        <v>37488</v>
      </c>
    </row>
    <row r="9758" spans="1:10" x14ac:dyDescent="0.35">
      <c r="A9758" s="1" t="s">
        <v>37405</v>
      </c>
      <c r="B9758" s="1" t="s">
        <v>35518</v>
      </c>
      <c r="C9758" s="1" t="s">
        <v>115</v>
      </c>
      <c r="D9758" s="1" t="s">
        <v>37489</v>
      </c>
      <c r="E9758" s="1" t="s">
        <v>37490</v>
      </c>
      <c r="F9758" s="1" t="s">
        <v>37491</v>
      </c>
      <c r="G9758" s="1" t="s">
        <v>37409</v>
      </c>
      <c r="H9758" s="1" t="s">
        <v>37410</v>
      </c>
      <c r="I9758" s="1" t="s">
        <v>35524</v>
      </c>
      <c r="J9758" s="1" t="s">
        <v>37492</v>
      </c>
    </row>
    <row r="9759" spans="1:10" x14ac:dyDescent="0.35">
      <c r="A9759" s="1" t="s">
        <v>37405</v>
      </c>
      <c r="B9759" s="1" t="s">
        <v>35518</v>
      </c>
      <c r="C9759" s="1" t="s">
        <v>120</v>
      </c>
      <c r="D9759" s="1" t="s">
        <v>37493</v>
      </c>
      <c r="E9759" s="1" t="s">
        <v>37494</v>
      </c>
      <c r="F9759" s="1" t="s">
        <v>37495</v>
      </c>
      <c r="G9759" s="1" t="s">
        <v>37409</v>
      </c>
      <c r="H9759" s="1" t="s">
        <v>37410</v>
      </c>
      <c r="I9759" s="1" t="s">
        <v>35524</v>
      </c>
      <c r="J9759" s="1" t="s">
        <v>37496</v>
      </c>
    </row>
    <row r="9760" spans="1:10" x14ac:dyDescent="0.35">
      <c r="A9760" s="1" t="s">
        <v>37405</v>
      </c>
      <c r="B9760" s="1" t="s">
        <v>35518</v>
      </c>
      <c r="C9760" s="1" t="s">
        <v>125</v>
      </c>
      <c r="D9760" s="1" t="s">
        <v>36793</v>
      </c>
      <c r="E9760" s="1" t="s">
        <v>37497</v>
      </c>
      <c r="F9760" s="1" t="s">
        <v>37498</v>
      </c>
      <c r="G9760" s="1" t="s">
        <v>37409</v>
      </c>
      <c r="H9760" s="1" t="s">
        <v>37410</v>
      </c>
      <c r="I9760" s="1" t="s">
        <v>35524</v>
      </c>
      <c r="J9760" s="1" t="s">
        <v>37499</v>
      </c>
    </row>
    <row r="9761" spans="1:10" x14ac:dyDescent="0.35">
      <c r="A9761" s="1" t="s">
        <v>37405</v>
      </c>
      <c r="B9761" s="1" t="s">
        <v>35518</v>
      </c>
      <c r="C9761" s="1" t="s">
        <v>130</v>
      </c>
      <c r="D9761" s="1" t="s">
        <v>17840</v>
      </c>
      <c r="E9761" s="1" t="s">
        <v>37500</v>
      </c>
      <c r="F9761" s="1" t="s">
        <v>37501</v>
      </c>
      <c r="G9761" s="1" t="s">
        <v>37409</v>
      </c>
      <c r="H9761" s="1" t="s">
        <v>37410</v>
      </c>
      <c r="I9761" s="1" t="s">
        <v>35524</v>
      </c>
      <c r="J9761" s="1" t="s">
        <v>37502</v>
      </c>
    </row>
    <row r="9762" spans="1:10" x14ac:dyDescent="0.35">
      <c r="A9762" s="1" t="s">
        <v>37405</v>
      </c>
      <c r="B9762" s="1" t="s">
        <v>35518</v>
      </c>
      <c r="C9762" s="1" t="s">
        <v>135</v>
      </c>
      <c r="D9762" s="1" t="s">
        <v>3112</v>
      </c>
      <c r="E9762" s="1" t="s">
        <v>37503</v>
      </c>
      <c r="F9762" s="1" t="s">
        <v>37504</v>
      </c>
      <c r="G9762" s="1" t="s">
        <v>37409</v>
      </c>
      <c r="H9762" s="1" t="s">
        <v>37410</v>
      </c>
      <c r="I9762" s="1" t="s">
        <v>35524</v>
      </c>
      <c r="J9762" s="1" t="s">
        <v>37505</v>
      </c>
    </row>
    <row r="9763" spans="1:10" x14ac:dyDescent="0.35">
      <c r="A9763" s="1" t="s">
        <v>37405</v>
      </c>
      <c r="B9763" s="1" t="s">
        <v>35518</v>
      </c>
      <c r="C9763" s="1" t="s">
        <v>140</v>
      </c>
      <c r="D9763" s="1" t="s">
        <v>37506</v>
      </c>
      <c r="E9763" s="1" t="s">
        <v>37507</v>
      </c>
      <c r="F9763" s="1" t="s">
        <v>37508</v>
      </c>
      <c r="G9763" s="1" t="s">
        <v>37409</v>
      </c>
      <c r="H9763" s="1" t="s">
        <v>37410</v>
      </c>
      <c r="I9763" s="1" t="s">
        <v>35524</v>
      </c>
      <c r="J9763" s="1" t="s">
        <v>37509</v>
      </c>
    </row>
    <row r="9764" spans="1:10" x14ac:dyDescent="0.35">
      <c r="A9764" s="1" t="s">
        <v>37405</v>
      </c>
      <c r="B9764" s="1" t="s">
        <v>35518</v>
      </c>
      <c r="C9764" s="1" t="s">
        <v>145</v>
      </c>
      <c r="D9764" s="1" t="s">
        <v>37510</v>
      </c>
      <c r="E9764" s="1" t="s">
        <v>37511</v>
      </c>
      <c r="F9764" s="1" t="s">
        <v>37512</v>
      </c>
      <c r="G9764" s="1" t="s">
        <v>37409</v>
      </c>
      <c r="H9764" s="1" t="s">
        <v>37410</v>
      </c>
      <c r="I9764" s="1" t="s">
        <v>35524</v>
      </c>
      <c r="J9764" s="1" t="s">
        <v>37513</v>
      </c>
    </row>
    <row r="9765" spans="1:10" x14ac:dyDescent="0.35">
      <c r="A9765" s="1" t="s">
        <v>37405</v>
      </c>
      <c r="B9765" s="1" t="s">
        <v>35518</v>
      </c>
      <c r="C9765" s="1" t="s">
        <v>150</v>
      </c>
      <c r="D9765" s="1" t="s">
        <v>37514</v>
      </c>
      <c r="E9765" s="1" t="s">
        <v>37515</v>
      </c>
      <c r="F9765" s="1" t="s">
        <v>37516</v>
      </c>
      <c r="G9765" s="1" t="s">
        <v>37409</v>
      </c>
      <c r="H9765" s="1" t="s">
        <v>37410</v>
      </c>
      <c r="I9765" s="1" t="s">
        <v>35524</v>
      </c>
      <c r="J9765" s="1" t="s">
        <v>37517</v>
      </c>
    </row>
    <row r="9766" spans="1:10" x14ac:dyDescent="0.35">
      <c r="A9766" s="1" t="s">
        <v>37405</v>
      </c>
      <c r="B9766" s="1" t="s">
        <v>35518</v>
      </c>
      <c r="C9766" s="1" t="s">
        <v>155</v>
      </c>
      <c r="D9766" s="1" t="s">
        <v>37518</v>
      </c>
      <c r="E9766" s="1" t="s">
        <v>37519</v>
      </c>
      <c r="F9766" s="1" t="s">
        <v>37520</v>
      </c>
      <c r="G9766" s="1" t="s">
        <v>37409</v>
      </c>
      <c r="H9766" s="1" t="s">
        <v>37410</v>
      </c>
      <c r="I9766" s="1" t="s">
        <v>35524</v>
      </c>
      <c r="J9766" s="1" t="s">
        <v>37521</v>
      </c>
    </row>
    <row r="9767" spans="1:10" x14ac:dyDescent="0.35">
      <c r="A9767" s="1" t="s">
        <v>37405</v>
      </c>
      <c r="B9767" s="1" t="s">
        <v>35518</v>
      </c>
      <c r="C9767" s="1" t="s">
        <v>160</v>
      </c>
      <c r="D9767" s="1" t="s">
        <v>10558</v>
      </c>
      <c r="E9767" s="1" t="s">
        <v>37522</v>
      </c>
      <c r="F9767" s="1" t="s">
        <v>37523</v>
      </c>
      <c r="G9767" s="1" t="s">
        <v>37409</v>
      </c>
      <c r="H9767" s="1" t="s">
        <v>37410</v>
      </c>
      <c r="I9767" s="1" t="s">
        <v>35524</v>
      </c>
      <c r="J9767" s="1" t="s">
        <v>37524</v>
      </c>
    </row>
    <row r="9768" spans="1:10" x14ac:dyDescent="0.35">
      <c r="A9768" s="1" t="s">
        <v>37405</v>
      </c>
      <c r="B9768" s="1" t="s">
        <v>35518</v>
      </c>
      <c r="C9768" s="1" t="s">
        <v>165</v>
      </c>
      <c r="D9768" s="1" t="s">
        <v>37525</v>
      </c>
      <c r="E9768" s="1" t="s">
        <v>37526</v>
      </c>
      <c r="F9768" s="1" t="s">
        <v>37527</v>
      </c>
      <c r="G9768" s="1" t="s">
        <v>37409</v>
      </c>
      <c r="H9768" s="1" t="s">
        <v>37410</v>
      </c>
      <c r="I9768" s="1" t="s">
        <v>35524</v>
      </c>
      <c r="J9768" s="1" t="s">
        <v>37528</v>
      </c>
    </row>
    <row r="9769" spans="1:10" x14ac:dyDescent="0.35">
      <c r="A9769" s="1" t="s">
        <v>37405</v>
      </c>
      <c r="B9769" s="1" t="s">
        <v>35518</v>
      </c>
      <c r="C9769" s="1" t="s">
        <v>170</v>
      </c>
      <c r="D9769" s="1" t="s">
        <v>37529</v>
      </c>
      <c r="E9769" s="1" t="s">
        <v>37530</v>
      </c>
      <c r="F9769" s="1" t="s">
        <v>37531</v>
      </c>
      <c r="G9769" s="1" t="s">
        <v>37409</v>
      </c>
      <c r="H9769" s="1" t="s">
        <v>37410</v>
      </c>
      <c r="I9769" s="1" t="s">
        <v>35524</v>
      </c>
      <c r="J9769" s="1" t="s">
        <v>37532</v>
      </c>
    </row>
    <row r="9770" spans="1:10" x14ac:dyDescent="0.35">
      <c r="A9770" s="1" t="s">
        <v>37533</v>
      </c>
      <c r="B9770" s="1" t="s">
        <v>35518</v>
      </c>
      <c r="C9770" s="1" t="s">
        <v>8</v>
      </c>
      <c r="D9770" s="1" t="s">
        <v>37534</v>
      </c>
      <c r="E9770" s="1" t="s">
        <v>37535</v>
      </c>
      <c r="F9770" s="1" t="s">
        <v>37536</v>
      </c>
      <c r="G9770" s="1" t="s">
        <v>37537</v>
      </c>
      <c r="H9770" s="1" t="s">
        <v>37538</v>
      </c>
      <c r="I9770" s="1" t="s">
        <v>35524</v>
      </c>
      <c r="J9770" s="1" t="s">
        <v>13</v>
      </c>
    </row>
    <row r="9771" spans="1:10" x14ac:dyDescent="0.35">
      <c r="A9771" s="1" t="s">
        <v>37533</v>
      </c>
      <c r="B9771" s="1" t="s">
        <v>35518</v>
      </c>
      <c r="C9771" s="1" t="s">
        <v>15</v>
      </c>
      <c r="D9771" s="1" t="s">
        <v>37539</v>
      </c>
      <c r="E9771" s="1" t="s">
        <v>37540</v>
      </c>
      <c r="F9771" s="1" t="s">
        <v>37541</v>
      </c>
      <c r="G9771" s="1" t="s">
        <v>37537</v>
      </c>
      <c r="H9771" s="1" t="s">
        <v>37538</v>
      </c>
      <c r="I9771" s="1" t="s">
        <v>35524</v>
      </c>
      <c r="J9771" s="1" t="s">
        <v>37542</v>
      </c>
    </row>
    <row r="9772" spans="1:10" x14ac:dyDescent="0.35">
      <c r="A9772" s="1" t="s">
        <v>37533</v>
      </c>
      <c r="B9772" s="1" t="s">
        <v>35518</v>
      </c>
      <c r="C9772" s="1" t="s">
        <v>20</v>
      </c>
      <c r="D9772" s="1" t="s">
        <v>36735</v>
      </c>
      <c r="E9772" s="1" t="s">
        <v>37543</v>
      </c>
      <c r="F9772" s="1" t="s">
        <v>37544</v>
      </c>
      <c r="G9772" s="1" t="s">
        <v>37537</v>
      </c>
      <c r="H9772" s="1" t="s">
        <v>37538</v>
      </c>
      <c r="I9772" s="1" t="s">
        <v>35524</v>
      </c>
      <c r="J9772" s="1" t="s">
        <v>37545</v>
      </c>
    </row>
    <row r="9773" spans="1:10" x14ac:dyDescent="0.35">
      <c r="A9773" s="1" t="s">
        <v>37533</v>
      </c>
      <c r="B9773" s="1" t="s">
        <v>35518</v>
      </c>
      <c r="C9773" s="1" t="s">
        <v>25</v>
      </c>
      <c r="D9773" s="1" t="s">
        <v>37546</v>
      </c>
      <c r="E9773" s="1" t="s">
        <v>37547</v>
      </c>
      <c r="F9773" s="1" t="s">
        <v>37548</v>
      </c>
      <c r="G9773" s="1" t="s">
        <v>37537</v>
      </c>
      <c r="H9773" s="1" t="s">
        <v>37538</v>
      </c>
      <c r="I9773" s="1" t="s">
        <v>35524</v>
      </c>
      <c r="J9773" s="1" t="s">
        <v>37549</v>
      </c>
    </row>
    <row r="9774" spans="1:10" x14ac:dyDescent="0.35">
      <c r="A9774" s="1" t="s">
        <v>37533</v>
      </c>
      <c r="B9774" s="1" t="s">
        <v>35518</v>
      </c>
      <c r="C9774" s="1" t="s">
        <v>30</v>
      </c>
      <c r="D9774" s="1" t="s">
        <v>37550</v>
      </c>
      <c r="E9774" s="1" t="s">
        <v>37551</v>
      </c>
      <c r="F9774" s="1" t="s">
        <v>37552</v>
      </c>
      <c r="G9774" s="1" t="s">
        <v>37537</v>
      </c>
      <c r="H9774" s="1" t="s">
        <v>37538</v>
      </c>
      <c r="I9774" s="1" t="s">
        <v>35524</v>
      </c>
      <c r="J9774" s="1" t="s">
        <v>37553</v>
      </c>
    </row>
    <row r="9775" spans="1:10" x14ac:dyDescent="0.35">
      <c r="A9775" s="1" t="s">
        <v>37533</v>
      </c>
      <c r="B9775" s="1" t="s">
        <v>35518</v>
      </c>
      <c r="C9775" s="1" t="s">
        <v>35</v>
      </c>
      <c r="D9775" s="1" t="s">
        <v>37554</v>
      </c>
      <c r="E9775" s="1" t="s">
        <v>37555</v>
      </c>
      <c r="F9775" s="1" t="s">
        <v>37556</v>
      </c>
      <c r="G9775" s="1" t="s">
        <v>37537</v>
      </c>
      <c r="H9775" s="1" t="s">
        <v>37538</v>
      </c>
      <c r="I9775" s="1" t="s">
        <v>35524</v>
      </c>
      <c r="J9775" s="1" t="s">
        <v>37557</v>
      </c>
    </row>
    <row r="9776" spans="1:10" x14ac:dyDescent="0.35">
      <c r="A9776" s="1" t="s">
        <v>37533</v>
      </c>
      <c r="B9776" s="1" t="s">
        <v>35518</v>
      </c>
      <c r="C9776" s="1" t="s">
        <v>40</v>
      </c>
      <c r="D9776" s="1" t="s">
        <v>37558</v>
      </c>
      <c r="E9776" s="1" t="s">
        <v>37559</v>
      </c>
      <c r="F9776" s="1" t="s">
        <v>37560</v>
      </c>
      <c r="G9776" s="1" t="s">
        <v>37537</v>
      </c>
      <c r="H9776" s="1" t="s">
        <v>37538</v>
      </c>
      <c r="I9776" s="1" t="s">
        <v>35524</v>
      </c>
      <c r="J9776" s="1" t="s">
        <v>37561</v>
      </c>
    </row>
    <row r="9777" spans="1:10" x14ac:dyDescent="0.35">
      <c r="A9777" s="1" t="s">
        <v>37533</v>
      </c>
      <c r="B9777" s="1" t="s">
        <v>35518</v>
      </c>
      <c r="C9777" s="1" t="s">
        <v>45</v>
      </c>
      <c r="D9777" s="1" t="s">
        <v>14576</v>
      </c>
      <c r="E9777" s="1" t="s">
        <v>37562</v>
      </c>
      <c r="F9777" s="1" t="s">
        <v>37563</v>
      </c>
      <c r="G9777" s="1" t="s">
        <v>37537</v>
      </c>
      <c r="H9777" s="1" t="s">
        <v>37538</v>
      </c>
      <c r="I9777" s="1" t="s">
        <v>35524</v>
      </c>
      <c r="J9777" s="1" t="s">
        <v>37564</v>
      </c>
    </row>
    <row r="9778" spans="1:10" x14ac:dyDescent="0.35">
      <c r="A9778" s="1" t="s">
        <v>37533</v>
      </c>
      <c r="B9778" s="1" t="s">
        <v>35518</v>
      </c>
      <c r="C9778" s="1" t="s">
        <v>50</v>
      </c>
      <c r="D9778" s="1" t="s">
        <v>37565</v>
      </c>
      <c r="E9778" s="1" t="s">
        <v>37566</v>
      </c>
      <c r="F9778" s="1" t="s">
        <v>37567</v>
      </c>
      <c r="G9778" s="1" t="s">
        <v>37537</v>
      </c>
      <c r="H9778" s="1" t="s">
        <v>37538</v>
      </c>
      <c r="I9778" s="1" t="s">
        <v>35524</v>
      </c>
      <c r="J9778" s="1" t="s">
        <v>37568</v>
      </c>
    </row>
    <row r="9779" spans="1:10" x14ac:dyDescent="0.35">
      <c r="A9779" s="1" t="s">
        <v>37533</v>
      </c>
      <c r="B9779" s="1" t="s">
        <v>35518</v>
      </c>
      <c r="C9779" s="1" t="s">
        <v>55</v>
      </c>
      <c r="D9779" s="1" t="s">
        <v>37569</v>
      </c>
      <c r="E9779" s="1" t="s">
        <v>37570</v>
      </c>
      <c r="F9779" s="1" t="s">
        <v>37571</v>
      </c>
      <c r="G9779" s="1" t="s">
        <v>37537</v>
      </c>
      <c r="H9779" s="1" t="s">
        <v>37538</v>
      </c>
      <c r="I9779" s="1" t="s">
        <v>35524</v>
      </c>
      <c r="J9779" s="1" t="s">
        <v>37572</v>
      </c>
    </row>
    <row r="9780" spans="1:10" x14ac:dyDescent="0.35">
      <c r="A9780" s="1" t="s">
        <v>37533</v>
      </c>
      <c r="B9780" s="1" t="s">
        <v>35518</v>
      </c>
      <c r="C9780" s="1" t="s">
        <v>60</v>
      </c>
      <c r="D9780" s="1" t="s">
        <v>297</v>
      </c>
      <c r="E9780" s="1" t="s">
        <v>37573</v>
      </c>
      <c r="F9780" s="1" t="s">
        <v>37574</v>
      </c>
      <c r="G9780" s="1" t="s">
        <v>37537</v>
      </c>
      <c r="H9780" s="1" t="s">
        <v>37538</v>
      </c>
      <c r="I9780" s="1" t="s">
        <v>35524</v>
      </c>
      <c r="J9780" s="1" t="s">
        <v>37575</v>
      </c>
    </row>
    <row r="9781" spans="1:10" x14ac:dyDescent="0.35">
      <c r="A9781" s="1" t="s">
        <v>37533</v>
      </c>
      <c r="B9781" s="1" t="s">
        <v>35518</v>
      </c>
      <c r="C9781" s="1" t="s">
        <v>65</v>
      </c>
      <c r="D9781" s="1" t="s">
        <v>37576</v>
      </c>
      <c r="E9781" s="1" t="s">
        <v>37577</v>
      </c>
      <c r="F9781" s="1" t="s">
        <v>37578</v>
      </c>
      <c r="G9781" s="1" t="s">
        <v>37537</v>
      </c>
      <c r="H9781" s="1" t="s">
        <v>37538</v>
      </c>
      <c r="I9781" s="1" t="s">
        <v>35524</v>
      </c>
      <c r="J9781" s="1" t="s">
        <v>37579</v>
      </c>
    </row>
    <row r="9782" spans="1:10" x14ac:dyDescent="0.35">
      <c r="A9782" s="1" t="s">
        <v>37533</v>
      </c>
      <c r="B9782" s="1" t="s">
        <v>35518</v>
      </c>
      <c r="C9782" s="1" t="s">
        <v>70</v>
      </c>
      <c r="D9782" s="1" t="s">
        <v>10933</v>
      </c>
      <c r="E9782" s="1" t="s">
        <v>37580</v>
      </c>
      <c r="F9782" s="1" t="s">
        <v>37581</v>
      </c>
      <c r="G9782" s="1" t="s">
        <v>37537</v>
      </c>
      <c r="H9782" s="1" t="s">
        <v>37538</v>
      </c>
      <c r="I9782" s="1" t="s">
        <v>35524</v>
      </c>
      <c r="J9782" s="1" t="s">
        <v>37582</v>
      </c>
    </row>
    <row r="9783" spans="1:10" x14ac:dyDescent="0.35">
      <c r="A9783" s="1" t="s">
        <v>37533</v>
      </c>
      <c r="B9783" s="1" t="s">
        <v>35518</v>
      </c>
      <c r="C9783" s="1" t="s">
        <v>75</v>
      </c>
      <c r="D9783" s="1" t="s">
        <v>25277</v>
      </c>
      <c r="E9783" s="1" t="s">
        <v>37583</v>
      </c>
      <c r="F9783" s="1" t="s">
        <v>37584</v>
      </c>
      <c r="G9783" s="1" t="s">
        <v>37537</v>
      </c>
      <c r="H9783" s="1" t="s">
        <v>37538</v>
      </c>
      <c r="I9783" s="1" t="s">
        <v>35524</v>
      </c>
      <c r="J9783" s="1" t="s">
        <v>37585</v>
      </c>
    </row>
    <row r="9784" spans="1:10" x14ac:dyDescent="0.35">
      <c r="A9784" s="1" t="s">
        <v>37533</v>
      </c>
      <c r="B9784" s="1" t="s">
        <v>35518</v>
      </c>
      <c r="C9784" s="1" t="s">
        <v>80</v>
      </c>
      <c r="D9784" s="1" t="s">
        <v>17821</v>
      </c>
      <c r="E9784" s="1" t="s">
        <v>37586</v>
      </c>
      <c r="F9784" s="1" t="s">
        <v>37587</v>
      </c>
      <c r="G9784" s="1" t="s">
        <v>37537</v>
      </c>
      <c r="H9784" s="1" t="s">
        <v>37538</v>
      </c>
      <c r="I9784" s="1" t="s">
        <v>35524</v>
      </c>
      <c r="J9784" s="1" t="s">
        <v>37588</v>
      </c>
    </row>
    <row r="9785" spans="1:10" x14ac:dyDescent="0.35">
      <c r="A9785" s="1" t="s">
        <v>37533</v>
      </c>
      <c r="B9785" s="1" t="s">
        <v>35518</v>
      </c>
      <c r="C9785" s="1" t="s">
        <v>85</v>
      </c>
      <c r="D9785" s="1" t="s">
        <v>37589</v>
      </c>
      <c r="E9785" s="1" t="s">
        <v>37590</v>
      </c>
      <c r="F9785" s="1" t="s">
        <v>37591</v>
      </c>
      <c r="G9785" s="1" t="s">
        <v>37537</v>
      </c>
      <c r="H9785" s="1" t="s">
        <v>37538</v>
      </c>
      <c r="I9785" s="1" t="s">
        <v>35524</v>
      </c>
      <c r="J9785" s="1" t="s">
        <v>37592</v>
      </c>
    </row>
    <row r="9786" spans="1:10" x14ac:dyDescent="0.35">
      <c r="A9786" s="1" t="s">
        <v>37533</v>
      </c>
      <c r="B9786" s="1" t="s">
        <v>35518</v>
      </c>
      <c r="C9786" s="1" t="s">
        <v>90</v>
      </c>
      <c r="D9786" s="1" t="s">
        <v>35438</v>
      </c>
      <c r="E9786" s="1" t="s">
        <v>37593</v>
      </c>
      <c r="F9786" s="1" t="s">
        <v>37594</v>
      </c>
      <c r="G9786" s="1" t="s">
        <v>37537</v>
      </c>
      <c r="H9786" s="1" t="s">
        <v>37538</v>
      </c>
      <c r="I9786" s="1" t="s">
        <v>35524</v>
      </c>
      <c r="J9786" s="1" t="s">
        <v>37595</v>
      </c>
    </row>
    <row r="9787" spans="1:10" x14ac:dyDescent="0.35">
      <c r="A9787" s="1" t="s">
        <v>37533</v>
      </c>
      <c r="B9787" s="1" t="s">
        <v>35518</v>
      </c>
      <c r="C9787" s="1" t="s">
        <v>95</v>
      </c>
      <c r="D9787" s="1" t="s">
        <v>37596</v>
      </c>
      <c r="E9787" s="1" t="s">
        <v>37597</v>
      </c>
      <c r="F9787" s="1" t="s">
        <v>37598</v>
      </c>
      <c r="G9787" s="1" t="s">
        <v>37537</v>
      </c>
      <c r="H9787" s="1" t="s">
        <v>37538</v>
      </c>
      <c r="I9787" s="1" t="s">
        <v>35524</v>
      </c>
      <c r="J9787" s="1" t="s">
        <v>37599</v>
      </c>
    </row>
    <row r="9788" spans="1:10" x14ac:dyDescent="0.35">
      <c r="A9788" s="1" t="s">
        <v>37533</v>
      </c>
      <c r="B9788" s="1" t="s">
        <v>35518</v>
      </c>
      <c r="C9788" s="1" t="s">
        <v>100</v>
      </c>
      <c r="D9788" s="1" t="s">
        <v>37600</v>
      </c>
      <c r="E9788" s="1" t="s">
        <v>37601</v>
      </c>
      <c r="F9788" s="1" t="s">
        <v>37602</v>
      </c>
      <c r="G9788" s="1" t="s">
        <v>37537</v>
      </c>
      <c r="H9788" s="1" t="s">
        <v>37538</v>
      </c>
      <c r="I9788" s="1" t="s">
        <v>35524</v>
      </c>
      <c r="J9788" s="1" t="s">
        <v>37603</v>
      </c>
    </row>
    <row r="9789" spans="1:10" x14ac:dyDescent="0.35">
      <c r="A9789" s="1" t="s">
        <v>37533</v>
      </c>
      <c r="B9789" s="1" t="s">
        <v>35518</v>
      </c>
      <c r="C9789" s="1" t="s">
        <v>105</v>
      </c>
      <c r="D9789" s="1" t="s">
        <v>32923</v>
      </c>
      <c r="E9789" s="1" t="s">
        <v>37604</v>
      </c>
      <c r="F9789" s="1" t="s">
        <v>37605</v>
      </c>
      <c r="G9789" s="1" t="s">
        <v>37537</v>
      </c>
      <c r="H9789" s="1" t="s">
        <v>37538</v>
      </c>
      <c r="I9789" s="1" t="s">
        <v>35524</v>
      </c>
      <c r="J9789" s="1" t="s">
        <v>37606</v>
      </c>
    </row>
    <row r="9790" spans="1:10" x14ac:dyDescent="0.35">
      <c r="A9790" s="1" t="s">
        <v>37533</v>
      </c>
      <c r="B9790" s="1" t="s">
        <v>35518</v>
      </c>
      <c r="C9790" s="1" t="s">
        <v>110</v>
      </c>
      <c r="D9790" s="1" t="s">
        <v>37607</v>
      </c>
      <c r="E9790" s="1" t="s">
        <v>37608</v>
      </c>
      <c r="F9790" s="1" t="s">
        <v>37609</v>
      </c>
      <c r="G9790" s="1" t="s">
        <v>37537</v>
      </c>
      <c r="H9790" s="1" t="s">
        <v>37538</v>
      </c>
      <c r="I9790" s="1" t="s">
        <v>35524</v>
      </c>
      <c r="J9790" s="1" t="s">
        <v>37610</v>
      </c>
    </row>
    <row r="9791" spans="1:10" x14ac:dyDescent="0.35">
      <c r="A9791" s="1" t="s">
        <v>37533</v>
      </c>
      <c r="B9791" s="1" t="s">
        <v>35518</v>
      </c>
      <c r="C9791" s="1" t="s">
        <v>115</v>
      </c>
      <c r="D9791" s="1" t="s">
        <v>15783</v>
      </c>
      <c r="E9791" s="1" t="s">
        <v>37611</v>
      </c>
      <c r="F9791" s="1" t="s">
        <v>37612</v>
      </c>
      <c r="G9791" s="1" t="s">
        <v>37537</v>
      </c>
      <c r="H9791" s="1" t="s">
        <v>37538</v>
      </c>
      <c r="I9791" s="1" t="s">
        <v>35524</v>
      </c>
      <c r="J9791" s="1" t="s">
        <v>37613</v>
      </c>
    </row>
    <row r="9792" spans="1:10" x14ac:dyDescent="0.35">
      <c r="A9792" s="1" t="s">
        <v>37533</v>
      </c>
      <c r="B9792" s="1" t="s">
        <v>35518</v>
      </c>
      <c r="C9792" s="1" t="s">
        <v>120</v>
      </c>
      <c r="D9792" s="1" t="s">
        <v>37614</v>
      </c>
      <c r="E9792" s="1" t="s">
        <v>37615</v>
      </c>
      <c r="F9792" s="1" t="s">
        <v>37616</v>
      </c>
      <c r="G9792" s="1" t="s">
        <v>37537</v>
      </c>
      <c r="H9792" s="1" t="s">
        <v>37538</v>
      </c>
      <c r="I9792" s="1" t="s">
        <v>35524</v>
      </c>
      <c r="J9792" s="1" t="s">
        <v>37617</v>
      </c>
    </row>
    <row r="9793" spans="1:10" x14ac:dyDescent="0.35">
      <c r="A9793" s="1" t="s">
        <v>37533</v>
      </c>
      <c r="B9793" s="1" t="s">
        <v>35518</v>
      </c>
      <c r="C9793" s="1" t="s">
        <v>125</v>
      </c>
      <c r="D9793" s="1" t="s">
        <v>30760</v>
      </c>
      <c r="E9793" s="1" t="s">
        <v>37618</v>
      </c>
      <c r="F9793" s="1" t="s">
        <v>37619</v>
      </c>
      <c r="G9793" s="1" t="s">
        <v>37537</v>
      </c>
      <c r="H9793" s="1" t="s">
        <v>37538</v>
      </c>
      <c r="I9793" s="1" t="s">
        <v>35524</v>
      </c>
      <c r="J9793" s="1" t="s">
        <v>37620</v>
      </c>
    </row>
    <row r="9794" spans="1:10" x14ac:dyDescent="0.35">
      <c r="A9794" s="1" t="s">
        <v>37533</v>
      </c>
      <c r="B9794" s="1" t="s">
        <v>35518</v>
      </c>
      <c r="C9794" s="1" t="s">
        <v>130</v>
      </c>
      <c r="D9794" s="1" t="s">
        <v>37621</v>
      </c>
      <c r="E9794" s="1" t="s">
        <v>37622</v>
      </c>
      <c r="F9794" s="1" t="s">
        <v>37623</v>
      </c>
      <c r="G9794" s="1" t="s">
        <v>37537</v>
      </c>
      <c r="H9794" s="1" t="s">
        <v>37538</v>
      </c>
      <c r="I9794" s="1" t="s">
        <v>35524</v>
      </c>
      <c r="J9794" s="1" t="s">
        <v>37624</v>
      </c>
    </row>
    <row r="9795" spans="1:10" x14ac:dyDescent="0.35">
      <c r="A9795" s="1" t="s">
        <v>37533</v>
      </c>
      <c r="B9795" s="1" t="s">
        <v>35518</v>
      </c>
      <c r="C9795" s="1" t="s">
        <v>135</v>
      </c>
      <c r="D9795" s="1" t="s">
        <v>37625</v>
      </c>
      <c r="E9795" s="1" t="s">
        <v>37626</v>
      </c>
      <c r="F9795" s="1" t="s">
        <v>37627</v>
      </c>
      <c r="G9795" s="1" t="s">
        <v>37537</v>
      </c>
      <c r="H9795" s="1" t="s">
        <v>37538</v>
      </c>
      <c r="I9795" s="1" t="s">
        <v>35524</v>
      </c>
      <c r="J9795" s="1" t="s">
        <v>37628</v>
      </c>
    </row>
    <row r="9796" spans="1:10" x14ac:dyDescent="0.35">
      <c r="A9796" s="1" t="s">
        <v>37533</v>
      </c>
      <c r="B9796" s="1" t="s">
        <v>35518</v>
      </c>
      <c r="C9796" s="1" t="s">
        <v>140</v>
      </c>
      <c r="D9796" s="1" t="s">
        <v>37629</v>
      </c>
      <c r="E9796" s="1" t="s">
        <v>37630</v>
      </c>
      <c r="F9796" s="1" t="s">
        <v>37631</v>
      </c>
      <c r="G9796" s="1" t="s">
        <v>37537</v>
      </c>
      <c r="H9796" s="1" t="s">
        <v>37538</v>
      </c>
      <c r="I9796" s="1" t="s">
        <v>35524</v>
      </c>
      <c r="J9796" s="1" t="s">
        <v>37632</v>
      </c>
    </row>
    <row r="9797" spans="1:10" x14ac:dyDescent="0.35">
      <c r="A9797" s="1" t="s">
        <v>37533</v>
      </c>
      <c r="B9797" s="1" t="s">
        <v>35518</v>
      </c>
      <c r="C9797" s="1" t="s">
        <v>145</v>
      </c>
      <c r="D9797" s="1" t="s">
        <v>33138</v>
      </c>
      <c r="E9797" s="1" t="s">
        <v>37633</v>
      </c>
      <c r="F9797" s="1" t="s">
        <v>37634</v>
      </c>
      <c r="G9797" s="1" t="s">
        <v>37537</v>
      </c>
      <c r="H9797" s="1" t="s">
        <v>37538</v>
      </c>
      <c r="I9797" s="1" t="s">
        <v>35524</v>
      </c>
      <c r="J9797" s="1" t="s">
        <v>37635</v>
      </c>
    </row>
    <row r="9798" spans="1:10" x14ac:dyDescent="0.35">
      <c r="A9798" s="1" t="s">
        <v>37533</v>
      </c>
      <c r="B9798" s="1" t="s">
        <v>35518</v>
      </c>
      <c r="C9798" s="1" t="s">
        <v>150</v>
      </c>
      <c r="D9798" s="1" t="s">
        <v>37636</v>
      </c>
      <c r="E9798" s="1" t="s">
        <v>37637</v>
      </c>
      <c r="F9798" s="1" t="s">
        <v>37638</v>
      </c>
      <c r="G9798" s="1" t="s">
        <v>37537</v>
      </c>
      <c r="H9798" s="1" t="s">
        <v>37538</v>
      </c>
      <c r="I9798" s="1" t="s">
        <v>35524</v>
      </c>
      <c r="J9798" s="1" t="s">
        <v>37639</v>
      </c>
    </row>
    <row r="9799" spans="1:10" x14ac:dyDescent="0.35">
      <c r="A9799" s="1" t="s">
        <v>37533</v>
      </c>
      <c r="B9799" s="1" t="s">
        <v>35518</v>
      </c>
      <c r="C9799" s="1" t="s">
        <v>155</v>
      </c>
      <c r="D9799" s="1" t="s">
        <v>37640</v>
      </c>
      <c r="E9799" s="1" t="s">
        <v>37641</v>
      </c>
      <c r="F9799" s="1" t="s">
        <v>37642</v>
      </c>
      <c r="G9799" s="1" t="s">
        <v>37537</v>
      </c>
      <c r="H9799" s="1" t="s">
        <v>37538</v>
      </c>
      <c r="I9799" s="1" t="s">
        <v>35524</v>
      </c>
      <c r="J9799" s="1" t="s">
        <v>37643</v>
      </c>
    </row>
    <row r="9800" spans="1:10" x14ac:dyDescent="0.35">
      <c r="A9800" s="1" t="s">
        <v>37533</v>
      </c>
      <c r="B9800" s="1" t="s">
        <v>35518</v>
      </c>
      <c r="C9800" s="1" t="s">
        <v>160</v>
      </c>
      <c r="D9800" s="1" t="s">
        <v>9590</v>
      </c>
      <c r="E9800" s="1" t="s">
        <v>37644</v>
      </c>
      <c r="F9800" s="1" t="s">
        <v>37645</v>
      </c>
      <c r="G9800" s="1" t="s">
        <v>37537</v>
      </c>
      <c r="H9800" s="1" t="s">
        <v>37538</v>
      </c>
      <c r="I9800" s="1" t="s">
        <v>35524</v>
      </c>
      <c r="J9800" s="1" t="s">
        <v>37646</v>
      </c>
    </row>
    <row r="9801" spans="1:10" x14ac:dyDescent="0.35">
      <c r="A9801" s="1" t="s">
        <v>37533</v>
      </c>
      <c r="B9801" s="1" t="s">
        <v>35518</v>
      </c>
      <c r="C9801" s="1" t="s">
        <v>165</v>
      </c>
      <c r="D9801" s="1" t="s">
        <v>37647</v>
      </c>
      <c r="E9801" s="1" t="s">
        <v>37648</v>
      </c>
      <c r="F9801" s="1" t="s">
        <v>37649</v>
      </c>
      <c r="G9801" s="1" t="s">
        <v>37537</v>
      </c>
      <c r="H9801" s="1" t="s">
        <v>37538</v>
      </c>
      <c r="I9801" s="1" t="s">
        <v>35524</v>
      </c>
      <c r="J9801" s="1" t="s">
        <v>10887</v>
      </c>
    </row>
    <row r="9802" spans="1:10" x14ac:dyDescent="0.35">
      <c r="A9802" s="1" t="s">
        <v>37533</v>
      </c>
      <c r="B9802" s="1" t="s">
        <v>35518</v>
      </c>
      <c r="C9802" s="1" t="s">
        <v>170</v>
      </c>
      <c r="D9802" s="1" t="s">
        <v>35817</v>
      </c>
      <c r="E9802" s="1" t="s">
        <v>37650</v>
      </c>
      <c r="F9802" s="1" t="s">
        <v>37651</v>
      </c>
      <c r="G9802" s="1" t="s">
        <v>37537</v>
      </c>
      <c r="H9802" s="1" t="s">
        <v>37538</v>
      </c>
      <c r="I9802" s="1" t="s">
        <v>35524</v>
      </c>
      <c r="J9802" s="1" t="s">
        <v>37652</v>
      </c>
    </row>
    <row r="9803" spans="1:10" x14ac:dyDescent="0.35">
      <c r="A9803" s="1" t="s">
        <v>37653</v>
      </c>
      <c r="B9803" s="1" t="s">
        <v>35518</v>
      </c>
      <c r="C9803" s="1" t="s">
        <v>8</v>
      </c>
      <c r="D9803" s="1" t="s">
        <v>27421</v>
      </c>
      <c r="E9803" s="1" t="s">
        <v>37654</v>
      </c>
      <c r="F9803" s="1" t="s">
        <v>37655</v>
      </c>
      <c r="G9803" s="1" t="s">
        <v>37656</v>
      </c>
      <c r="H9803" s="1" t="s">
        <v>37657</v>
      </c>
      <c r="I9803" s="1" t="s">
        <v>35524</v>
      </c>
      <c r="J9803" s="1" t="s">
        <v>13</v>
      </c>
    </row>
    <row r="9804" spans="1:10" x14ac:dyDescent="0.35">
      <c r="A9804" s="1" t="s">
        <v>37653</v>
      </c>
      <c r="B9804" s="1" t="s">
        <v>35518</v>
      </c>
      <c r="C9804" s="1" t="s">
        <v>15</v>
      </c>
      <c r="D9804" s="1" t="s">
        <v>37658</v>
      </c>
      <c r="E9804" s="1" t="s">
        <v>37659</v>
      </c>
      <c r="F9804" s="1" t="s">
        <v>37660</v>
      </c>
      <c r="G9804" s="1" t="s">
        <v>37656</v>
      </c>
      <c r="H9804" s="1" t="s">
        <v>37657</v>
      </c>
      <c r="I9804" s="1" t="s">
        <v>35524</v>
      </c>
      <c r="J9804" s="1" t="s">
        <v>37661</v>
      </c>
    </row>
    <row r="9805" spans="1:10" x14ac:dyDescent="0.35">
      <c r="A9805" s="1" t="s">
        <v>37653</v>
      </c>
      <c r="B9805" s="1" t="s">
        <v>35518</v>
      </c>
      <c r="C9805" s="1" t="s">
        <v>20</v>
      </c>
      <c r="D9805" s="1" t="s">
        <v>9960</v>
      </c>
      <c r="E9805" s="1" t="s">
        <v>37662</v>
      </c>
      <c r="F9805" s="1" t="s">
        <v>37663</v>
      </c>
      <c r="G9805" s="1" t="s">
        <v>37656</v>
      </c>
      <c r="H9805" s="1" t="s">
        <v>37657</v>
      </c>
      <c r="I9805" s="1" t="s">
        <v>35524</v>
      </c>
      <c r="J9805" s="1" t="s">
        <v>37664</v>
      </c>
    </row>
    <row r="9806" spans="1:10" x14ac:dyDescent="0.35">
      <c r="A9806" s="1" t="s">
        <v>37653</v>
      </c>
      <c r="B9806" s="1" t="s">
        <v>35518</v>
      </c>
      <c r="C9806" s="1" t="s">
        <v>25</v>
      </c>
      <c r="D9806" s="1" t="s">
        <v>37665</v>
      </c>
      <c r="E9806" s="1" t="s">
        <v>37666</v>
      </c>
      <c r="F9806" s="1" t="s">
        <v>37667</v>
      </c>
      <c r="G9806" s="1" t="s">
        <v>37656</v>
      </c>
      <c r="H9806" s="1" t="s">
        <v>37657</v>
      </c>
      <c r="I9806" s="1" t="s">
        <v>35524</v>
      </c>
      <c r="J9806" s="1" t="s">
        <v>37668</v>
      </c>
    </row>
    <row r="9807" spans="1:10" x14ac:dyDescent="0.35">
      <c r="A9807" s="1" t="s">
        <v>37653</v>
      </c>
      <c r="B9807" s="1" t="s">
        <v>35518</v>
      </c>
      <c r="C9807" s="1" t="s">
        <v>30</v>
      </c>
      <c r="D9807" s="1" t="s">
        <v>15327</v>
      </c>
      <c r="E9807" s="1" t="s">
        <v>37669</v>
      </c>
      <c r="F9807" s="1" t="s">
        <v>37670</v>
      </c>
      <c r="G9807" s="1" t="s">
        <v>37656</v>
      </c>
      <c r="H9807" s="1" t="s">
        <v>37657</v>
      </c>
      <c r="I9807" s="1" t="s">
        <v>35524</v>
      </c>
      <c r="J9807" s="1" t="s">
        <v>37671</v>
      </c>
    </row>
    <row r="9808" spans="1:10" x14ac:dyDescent="0.35">
      <c r="A9808" s="1" t="s">
        <v>37653</v>
      </c>
      <c r="B9808" s="1" t="s">
        <v>35518</v>
      </c>
      <c r="C9808" s="1" t="s">
        <v>35</v>
      </c>
      <c r="D9808" s="1" t="s">
        <v>37672</v>
      </c>
      <c r="E9808" s="1" t="s">
        <v>37673</v>
      </c>
      <c r="F9808" s="1" t="s">
        <v>37674</v>
      </c>
      <c r="G9808" s="1" t="s">
        <v>37656</v>
      </c>
      <c r="H9808" s="1" t="s">
        <v>37657</v>
      </c>
      <c r="I9808" s="1" t="s">
        <v>35524</v>
      </c>
      <c r="J9808" s="1" t="s">
        <v>37675</v>
      </c>
    </row>
    <row r="9809" spans="1:10" x14ac:dyDescent="0.35">
      <c r="A9809" s="1" t="s">
        <v>37653</v>
      </c>
      <c r="B9809" s="1" t="s">
        <v>35518</v>
      </c>
      <c r="C9809" s="1" t="s">
        <v>40</v>
      </c>
      <c r="D9809" s="1" t="s">
        <v>37676</v>
      </c>
      <c r="E9809" s="1" t="s">
        <v>37677</v>
      </c>
      <c r="F9809" s="1" t="s">
        <v>37678</v>
      </c>
      <c r="G9809" s="1" t="s">
        <v>37656</v>
      </c>
      <c r="H9809" s="1" t="s">
        <v>37657</v>
      </c>
      <c r="I9809" s="1" t="s">
        <v>35524</v>
      </c>
      <c r="J9809" s="1" t="s">
        <v>37679</v>
      </c>
    </row>
    <row r="9810" spans="1:10" x14ac:dyDescent="0.35">
      <c r="A9810" s="1" t="s">
        <v>37653</v>
      </c>
      <c r="B9810" s="1" t="s">
        <v>35518</v>
      </c>
      <c r="C9810" s="1" t="s">
        <v>45</v>
      </c>
      <c r="D9810" s="1" t="s">
        <v>1703</v>
      </c>
      <c r="E9810" s="1" t="s">
        <v>37680</v>
      </c>
      <c r="F9810" s="1" t="s">
        <v>37681</v>
      </c>
      <c r="G9810" s="1" t="s">
        <v>37656</v>
      </c>
      <c r="H9810" s="1" t="s">
        <v>37657</v>
      </c>
      <c r="I9810" s="1" t="s">
        <v>35524</v>
      </c>
      <c r="J9810" s="1" t="s">
        <v>37682</v>
      </c>
    </row>
    <row r="9811" spans="1:10" x14ac:dyDescent="0.35">
      <c r="A9811" s="1" t="s">
        <v>37653</v>
      </c>
      <c r="B9811" s="1" t="s">
        <v>35518</v>
      </c>
      <c r="C9811" s="1" t="s">
        <v>50</v>
      </c>
      <c r="D9811" s="1" t="s">
        <v>16078</v>
      </c>
      <c r="E9811" s="1" t="s">
        <v>37683</v>
      </c>
      <c r="F9811" s="1" t="s">
        <v>37684</v>
      </c>
      <c r="G9811" s="1" t="s">
        <v>37656</v>
      </c>
      <c r="H9811" s="1" t="s">
        <v>37657</v>
      </c>
      <c r="I9811" s="1" t="s">
        <v>35524</v>
      </c>
      <c r="J9811" s="1" t="s">
        <v>37685</v>
      </c>
    </row>
    <row r="9812" spans="1:10" x14ac:dyDescent="0.35">
      <c r="A9812" s="1" t="s">
        <v>37653</v>
      </c>
      <c r="B9812" s="1" t="s">
        <v>35518</v>
      </c>
      <c r="C9812" s="1" t="s">
        <v>55</v>
      </c>
      <c r="D9812" s="1" t="s">
        <v>1687</v>
      </c>
      <c r="E9812" s="1" t="s">
        <v>37686</v>
      </c>
      <c r="F9812" s="1" t="s">
        <v>37687</v>
      </c>
      <c r="G9812" s="1" t="s">
        <v>37656</v>
      </c>
      <c r="H9812" s="1" t="s">
        <v>37657</v>
      </c>
      <c r="I9812" s="1" t="s">
        <v>35524</v>
      </c>
      <c r="J9812" s="1" t="s">
        <v>37688</v>
      </c>
    </row>
    <row r="9813" spans="1:10" x14ac:dyDescent="0.35">
      <c r="A9813" s="1" t="s">
        <v>37653</v>
      </c>
      <c r="B9813" s="1" t="s">
        <v>35518</v>
      </c>
      <c r="C9813" s="1" t="s">
        <v>60</v>
      </c>
      <c r="D9813" s="1" t="s">
        <v>37689</v>
      </c>
      <c r="E9813" s="1" t="s">
        <v>37690</v>
      </c>
      <c r="F9813" s="1" t="s">
        <v>37691</v>
      </c>
      <c r="G9813" s="1" t="s">
        <v>37656</v>
      </c>
      <c r="H9813" s="1" t="s">
        <v>37657</v>
      </c>
      <c r="I9813" s="1" t="s">
        <v>35524</v>
      </c>
      <c r="J9813" s="1" t="s">
        <v>37692</v>
      </c>
    </row>
    <row r="9814" spans="1:10" x14ac:dyDescent="0.35">
      <c r="A9814" s="1" t="s">
        <v>37653</v>
      </c>
      <c r="B9814" s="1" t="s">
        <v>35518</v>
      </c>
      <c r="C9814" s="1" t="s">
        <v>65</v>
      </c>
      <c r="D9814" s="1" t="s">
        <v>10960</v>
      </c>
      <c r="E9814" s="1" t="s">
        <v>37693</v>
      </c>
      <c r="F9814" s="1" t="s">
        <v>37694</v>
      </c>
      <c r="G9814" s="1" t="s">
        <v>37656</v>
      </c>
      <c r="H9814" s="1" t="s">
        <v>37657</v>
      </c>
      <c r="I9814" s="1" t="s">
        <v>35524</v>
      </c>
      <c r="J9814" s="1" t="s">
        <v>37695</v>
      </c>
    </row>
    <row r="9815" spans="1:10" x14ac:dyDescent="0.35">
      <c r="A9815" s="1" t="s">
        <v>37653</v>
      </c>
      <c r="B9815" s="1" t="s">
        <v>35518</v>
      </c>
      <c r="C9815" s="1" t="s">
        <v>70</v>
      </c>
      <c r="D9815" s="1" t="s">
        <v>37696</v>
      </c>
      <c r="E9815" s="1" t="s">
        <v>37697</v>
      </c>
      <c r="F9815" s="1" t="s">
        <v>37698</v>
      </c>
      <c r="G9815" s="1" t="s">
        <v>37656</v>
      </c>
      <c r="H9815" s="1" t="s">
        <v>37657</v>
      </c>
      <c r="I9815" s="1" t="s">
        <v>35524</v>
      </c>
      <c r="J9815" s="1" t="s">
        <v>37699</v>
      </c>
    </row>
    <row r="9816" spans="1:10" x14ac:dyDescent="0.35">
      <c r="A9816" s="1" t="s">
        <v>37653</v>
      </c>
      <c r="B9816" s="1" t="s">
        <v>35518</v>
      </c>
      <c r="C9816" s="1" t="s">
        <v>75</v>
      </c>
      <c r="D9816" s="1" t="s">
        <v>37700</v>
      </c>
      <c r="E9816" s="1" t="s">
        <v>37701</v>
      </c>
      <c r="F9816" s="1" t="s">
        <v>37702</v>
      </c>
      <c r="G9816" s="1" t="s">
        <v>37656</v>
      </c>
      <c r="H9816" s="1" t="s">
        <v>37657</v>
      </c>
      <c r="I9816" s="1" t="s">
        <v>35524</v>
      </c>
      <c r="J9816" s="1" t="s">
        <v>37703</v>
      </c>
    </row>
    <row r="9817" spans="1:10" x14ac:dyDescent="0.35">
      <c r="A9817" s="1" t="s">
        <v>37653</v>
      </c>
      <c r="B9817" s="1" t="s">
        <v>35518</v>
      </c>
      <c r="C9817" s="1" t="s">
        <v>80</v>
      </c>
      <c r="D9817" s="1" t="s">
        <v>36689</v>
      </c>
      <c r="E9817" s="1" t="s">
        <v>37704</v>
      </c>
      <c r="F9817" s="1" t="s">
        <v>37705</v>
      </c>
      <c r="G9817" s="1" t="s">
        <v>37656</v>
      </c>
      <c r="H9817" s="1" t="s">
        <v>37657</v>
      </c>
      <c r="I9817" s="1" t="s">
        <v>35524</v>
      </c>
      <c r="J9817" s="1" t="s">
        <v>37706</v>
      </c>
    </row>
    <row r="9818" spans="1:10" x14ac:dyDescent="0.35">
      <c r="A9818" s="1" t="s">
        <v>37653</v>
      </c>
      <c r="B9818" s="1" t="s">
        <v>35518</v>
      </c>
      <c r="C9818" s="1" t="s">
        <v>85</v>
      </c>
      <c r="D9818" s="1" t="s">
        <v>1407</v>
      </c>
      <c r="E9818" s="1" t="s">
        <v>37707</v>
      </c>
      <c r="F9818" s="1" t="s">
        <v>37708</v>
      </c>
      <c r="G9818" s="1" t="s">
        <v>37656</v>
      </c>
      <c r="H9818" s="1" t="s">
        <v>37657</v>
      </c>
      <c r="I9818" s="1" t="s">
        <v>35524</v>
      </c>
      <c r="J9818" s="1" t="s">
        <v>37709</v>
      </c>
    </row>
    <row r="9819" spans="1:10" x14ac:dyDescent="0.35">
      <c r="A9819" s="1" t="s">
        <v>37653</v>
      </c>
      <c r="B9819" s="1" t="s">
        <v>35518</v>
      </c>
      <c r="C9819" s="1" t="s">
        <v>90</v>
      </c>
      <c r="D9819" s="1" t="s">
        <v>37710</v>
      </c>
      <c r="E9819" s="1" t="s">
        <v>37711</v>
      </c>
      <c r="F9819" s="1" t="s">
        <v>37712</v>
      </c>
      <c r="G9819" s="1" t="s">
        <v>37656</v>
      </c>
      <c r="H9819" s="1" t="s">
        <v>37657</v>
      </c>
      <c r="I9819" s="1" t="s">
        <v>35524</v>
      </c>
      <c r="J9819" s="1" t="s">
        <v>37713</v>
      </c>
    </row>
    <row r="9820" spans="1:10" x14ac:dyDescent="0.35">
      <c r="A9820" s="1" t="s">
        <v>37653</v>
      </c>
      <c r="B9820" s="1" t="s">
        <v>35518</v>
      </c>
      <c r="C9820" s="1" t="s">
        <v>95</v>
      </c>
      <c r="D9820" s="1" t="s">
        <v>37714</v>
      </c>
      <c r="E9820" s="1" t="s">
        <v>37715</v>
      </c>
      <c r="F9820" s="1" t="s">
        <v>37716</v>
      </c>
      <c r="G9820" s="1" t="s">
        <v>37656</v>
      </c>
      <c r="H9820" s="1" t="s">
        <v>37657</v>
      </c>
      <c r="I9820" s="1" t="s">
        <v>35524</v>
      </c>
      <c r="J9820" s="1" t="s">
        <v>37717</v>
      </c>
    </row>
    <row r="9821" spans="1:10" x14ac:dyDescent="0.35">
      <c r="A9821" s="1" t="s">
        <v>37653</v>
      </c>
      <c r="B9821" s="1" t="s">
        <v>35518</v>
      </c>
      <c r="C9821" s="1" t="s">
        <v>100</v>
      </c>
      <c r="D9821" s="1" t="s">
        <v>2339</v>
      </c>
      <c r="E9821" s="1" t="s">
        <v>37718</v>
      </c>
      <c r="F9821" s="1" t="s">
        <v>37719</v>
      </c>
      <c r="G9821" s="1" t="s">
        <v>37656</v>
      </c>
      <c r="H9821" s="1" t="s">
        <v>37657</v>
      </c>
      <c r="I9821" s="1" t="s">
        <v>35524</v>
      </c>
      <c r="J9821" s="1" t="s">
        <v>37720</v>
      </c>
    </row>
    <row r="9822" spans="1:10" x14ac:dyDescent="0.35">
      <c r="A9822" s="1" t="s">
        <v>37653</v>
      </c>
      <c r="B9822" s="1" t="s">
        <v>35518</v>
      </c>
      <c r="C9822" s="1" t="s">
        <v>105</v>
      </c>
      <c r="D9822" s="1" t="s">
        <v>37721</v>
      </c>
      <c r="E9822" s="1" t="s">
        <v>37722</v>
      </c>
      <c r="F9822" s="1" t="s">
        <v>37723</v>
      </c>
      <c r="G9822" s="1" t="s">
        <v>37656</v>
      </c>
      <c r="H9822" s="1" t="s">
        <v>37657</v>
      </c>
      <c r="I9822" s="1" t="s">
        <v>35524</v>
      </c>
      <c r="J9822" s="1" t="s">
        <v>37724</v>
      </c>
    </row>
    <row r="9823" spans="1:10" x14ac:dyDescent="0.35">
      <c r="A9823" s="1" t="s">
        <v>37653</v>
      </c>
      <c r="B9823" s="1" t="s">
        <v>35518</v>
      </c>
      <c r="C9823" s="1" t="s">
        <v>110</v>
      </c>
      <c r="D9823" s="1" t="s">
        <v>37725</v>
      </c>
      <c r="E9823" s="1" t="s">
        <v>37726</v>
      </c>
      <c r="F9823" s="1" t="s">
        <v>37727</v>
      </c>
      <c r="G9823" s="1" t="s">
        <v>37656</v>
      </c>
      <c r="H9823" s="1" t="s">
        <v>37657</v>
      </c>
      <c r="I9823" s="1" t="s">
        <v>35524</v>
      </c>
      <c r="J9823" s="1" t="s">
        <v>37728</v>
      </c>
    </row>
    <row r="9824" spans="1:10" x14ac:dyDescent="0.35">
      <c r="A9824" s="1" t="s">
        <v>37653</v>
      </c>
      <c r="B9824" s="1" t="s">
        <v>35518</v>
      </c>
      <c r="C9824" s="1" t="s">
        <v>115</v>
      </c>
      <c r="D9824" s="1" t="s">
        <v>37729</v>
      </c>
      <c r="E9824" s="1" t="s">
        <v>37730</v>
      </c>
      <c r="F9824" s="1" t="s">
        <v>37731</v>
      </c>
      <c r="G9824" s="1" t="s">
        <v>37656</v>
      </c>
      <c r="H9824" s="1" t="s">
        <v>37657</v>
      </c>
      <c r="I9824" s="1" t="s">
        <v>35524</v>
      </c>
      <c r="J9824" s="1" t="s">
        <v>37732</v>
      </c>
    </row>
    <row r="9825" spans="1:10" x14ac:dyDescent="0.35">
      <c r="A9825" s="1" t="s">
        <v>37653</v>
      </c>
      <c r="B9825" s="1" t="s">
        <v>35518</v>
      </c>
      <c r="C9825" s="1" t="s">
        <v>120</v>
      </c>
      <c r="D9825" s="1" t="s">
        <v>34715</v>
      </c>
      <c r="E9825" s="1" t="s">
        <v>37733</v>
      </c>
      <c r="F9825" s="1" t="s">
        <v>37734</v>
      </c>
      <c r="G9825" s="1" t="s">
        <v>37656</v>
      </c>
      <c r="H9825" s="1" t="s">
        <v>37657</v>
      </c>
      <c r="I9825" s="1" t="s">
        <v>35524</v>
      </c>
      <c r="J9825" s="1" t="s">
        <v>37735</v>
      </c>
    </row>
    <row r="9826" spans="1:10" x14ac:dyDescent="0.35">
      <c r="A9826" s="1" t="s">
        <v>37653</v>
      </c>
      <c r="B9826" s="1" t="s">
        <v>35518</v>
      </c>
      <c r="C9826" s="1" t="s">
        <v>125</v>
      </c>
      <c r="D9826" s="1" t="s">
        <v>37736</v>
      </c>
      <c r="E9826" s="1" t="s">
        <v>37737</v>
      </c>
      <c r="F9826" s="1" t="s">
        <v>37738</v>
      </c>
      <c r="G9826" s="1" t="s">
        <v>37656</v>
      </c>
      <c r="H9826" s="1" t="s">
        <v>37657</v>
      </c>
      <c r="I9826" s="1" t="s">
        <v>35524</v>
      </c>
      <c r="J9826" s="1" t="s">
        <v>37739</v>
      </c>
    </row>
    <row r="9827" spans="1:10" x14ac:dyDescent="0.35">
      <c r="A9827" s="1" t="s">
        <v>37653</v>
      </c>
      <c r="B9827" s="1" t="s">
        <v>35518</v>
      </c>
      <c r="C9827" s="1" t="s">
        <v>130</v>
      </c>
      <c r="D9827" s="1" t="s">
        <v>5778</v>
      </c>
      <c r="E9827" s="1" t="s">
        <v>37740</v>
      </c>
      <c r="F9827" s="1" t="s">
        <v>37741</v>
      </c>
      <c r="G9827" s="1" t="s">
        <v>37656</v>
      </c>
      <c r="H9827" s="1" t="s">
        <v>37657</v>
      </c>
      <c r="I9827" s="1" t="s">
        <v>35524</v>
      </c>
      <c r="J9827" s="1" t="s">
        <v>37742</v>
      </c>
    </row>
    <row r="9828" spans="1:10" x14ac:dyDescent="0.35">
      <c r="A9828" s="1" t="s">
        <v>37653</v>
      </c>
      <c r="B9828" s="1" t="s">
        <v>35518</v>
      </c>
      <c r="C9828" s="1" t="s">
        <v>135</v>
      </c>
      <c r="D9828" s="1" t="s">
        <v>37743</v>
      </c>
      <c r="E9828" s="1" t="s">
        <v>37744</v>
      </c>
      <c r="F9828" s="1" t="s">
        <v>37745</v>
      </c>
      <c r="G9828" s="1" t="s">
        <v>37656</v>
      </c>
      <c r="H9828" s="1" t="s">
        <v>37657</v>
      </c>
      <c r="I9828" s="1" t="s">
        <v>35524</v>
      </c>
      <c r="J9828" s="1" t="s">
        <v>37746</v>
      </c>
    </row>
    <row r="9829" spans="1:10" x14ac:dyDescent="0.35">
      <c r="A9829" s="1" t="s">
        <v>37653</v>
      </c>
      <c r="B9829" s="1" t="s">
        <v>35518</v>
      </c>
      <c r="C9829" s="1" t="s">
        <v>140</v>
      </c>
      <c r="D9829" s="1" t="s">
        <v>37747</v>
      </c>
      <c r="E9829" s="1" t="s">
        <v>37748</v>
      </c>
      <c r="F9829" s="1" t="s">
        <v>37749</v>
      </c>
      <c r="G9829" s="1" t="s">
        <v>37656</v>
      </c>
      <c r="H9829" s="1" t="s">
        <v>37657</v>
      </c>
      <c r="I9829" s="1" t="s">
        <v>35524</v>
      </c>
      <c r="J9829" s="1" t="s">
        <v>37750</v>
      </c>
    </row>
    <row r="9830" spans="1:10" x14ac:dyDescent="0.35">
      <c r="A9830" s="1" t="s">
        <v>37653</v>
      </c>
      <c r="B9830" s="1" t="s">
        <v>35518</v>
      </c>
      <c r="C9830" s="1" t="s">
        <v>145</v>
      </c>
      <c r="D9830" s="1" t="s">
        <v>30736</v>
      </c>
      <c r="E9830" s="1" t="s">
        <v>37751</v>
      </c>
      <c r="F9830" s="1" t="s">
        <v>37752</v>
      </c>
      <c r="G9830" s="1" t="s">
        <v>37656</v>
      </c>
      <c r="H9830" s="1" t="s">
        <v>37657</v>
      </c>
      <c r="I9830" s="1" t="s">
        <v>35524</v>
      </c>
      <c r="J9830" s="1" t="s">
        <v>37753</v>
      </c>
    </row>
    <row r="9831" spans="1:10" x14ac:dyDescent="0.35">
      <c r="A9831" s="1" t="s">
        <v>37653</v>
      </c>
      <c r="B9831" s="1" t="s">
        <v>35518</v>
      </c>
      <c r="C9831" s="1" t="s">
        <v>150</v>
      </c>
      <c r="D9831" s="1" t="s">
        <v>37754</v>
      </c>
      <c r="E9831" s="1" t="s">
        <v>37755</v>
      </c>
      <c r="F9831" s="1" t="s">
        <v>37756</v>
      </c>
      <c r="G9831" s="1" t="s">
        <v>37656</v>
      </c>
      <c r="H9831" s="1" t="s">
        <v>37657</v>
      </c>
      <c r="I9831" s="1" t="s">
        <v>35524</v>
      </c>
      <c r="J9831" s="1" t="s">
        <v>37757</v>
      </c>
    </row>
    <row r="9832" spans="1:10" x14ac:dyDescent="0.35">
      <c r="A9832" s="1" t="s">
        <v>37653</v>
      </c>
      <c r="B9832" s="1" t="s">
        <v>35518</v>
      </c>
      <c r="C9832" s="1" t="s">
        <v>155</v>
      </c>
      <c r="D9832" s="1" t="s">
        <v>34946</v>
      </c>
      <c r="E9832" s="1" t="s">
        <v>37758</v>
      </c>
      <c r="F9832" s="1" t="s">
        <v>37759</v>
      </c>
      <c r="G9832" s="1" t="s">
        <v>37656</v>
      </c>
      <c r="H9832" s="1" t="s">
        <v>37657</v>
      </c>
      <c r="I9832" s="1" t="s">
        <v>35524</v>
      </c>
      <c r="J9832" s="1" t="s">
        <v>37760</v>
      </c>
    </row>
    <row r="9833" spans="1:10" x14ac:dyDescent="0.35">
      <c r="A9833" s="1" t="s">
        <v>37653</v>
      </c>
      <c r="B9833" s="1" t="s">
        <v>35518</v>
      </c>
      <c r="C9833" s="1" t="s">
        <v>160</v>
      </c>
      <c r="D9833" s="1" t="s">
        <v>37761</v>
      </c>
      <c r="E9833" s="1" t="s">
        <v>37762</v>
      </c>
      <c r="F9833" s="1" t="s">
        <v>37763</v>
      </c>
      <c r="G9833" s="1" t="s">
        <v>37656</v>
      </c>
      <c r="H9833" s="1" t="s">
        <v>37657</v>
      </c>
      <c r="I9833" s="1" t="s">
        <v>35524</v>
      </c>
      <c r="J9833" s="1" t="s">
        <v>37764</v>
      </c>
    </row>
    <row r="9834" spans="1:10" x14ac:dyDescent="0.35">
      <c r="A9834" s="1" t="s">
        <v>37653</v>
      </c>
      <c r="B9834" s="1" t="s">
        <v>35518</v>
      </c>
      <c r="C9834" s="1" t="s">
        <v>165</v>
      </c>
      <c r="D9834" s="1" t="s">
        <v>37765</v>
      </c>
      <c r="E9834" s="1" t="s">
        <v>37766</v>
      </c>
      <c r="F9834" s="1" t="s">
        <v>37767</v>
      </c>
      <c r="G9834" s="1" t="s">
        <v>37656</v>
      </c>
      <c r="H9834" s="1" t="s">
        <v>37657</v>
      </c>
      <c r="I9834" s="1" t="s">
        <v>35524</v>
      </c>
      <c r="J9834" s="1" t="s">
        <v>37768</v>
      </c>
    </row>
    <row r="9835" spans="1:10" x14ac:dyDescent="0.35">
      <c r="A9835" s="1" t="s">
        <v>37653</v>
      </c>
      <c r="B9835" s="1" t="s">
        <v>35518</v>
      </c>
      <c r="C9835" s="1" t="s">
        <v>170</v>
      </c>
      <c r="D9835" s="1" t="s">
        <v>31741</v>
      </c>
      <c r="E9835" s="1" t="s">
        <v>37769</v>
      </c>
      <c r="F9835" s="1" t="s">
        <v>37770</v>
      </c>
      <c r="G9835" s="1" t="s">
        <v>37656</v>
      </c>
      <c r="H9835" s="1" t="s">
        <v>37657</v>
      </c>
      <c r="I9835" s="1" t="s">
        <v>35524</v>
      </c>
      <c r="J9835" s="1" t="s">
        <v>37771</v>
      </c>
    </row>
    <row r="9836" spans="1:10" x14ac:dyDescent="0.35">
      <c r="A9836" s="1" t="s">
        <v>37772</v>
      </c>
      <c r="B9836" s="1" t="s">
        <v>35518</v>
      </c>
      <c r="C9836" s="1" t="s">
        <v>8</v>
      </c>
      <c r="D9836" s="1" t="s">
        <v>37773</v>
      </c>
      <c r="E9836" s="1" t="s">
        <v>37774</v>
      </c>
      <c r="F9836" s="1" t="s">
        <v>37775</v>
      </c>
      <c r="G9836" s="1" t="s">
        <v>37776</v>
      </c>
      <c r="H9836" s="1" t="s">
        <v>37777</v>
      </c>
      <c r="I9836" s="1" t="s">
        <v>35524</v>
      </c>
      <c r="J9836" s="1" t="s">
        <v>13</v>
      </c>
    </row>
    <row r="9837" spans="1:10" x14ac:dyDescent="0.35">
      <c r="A9837" s="1" t="s">
        <v>37772</v>
      </c>
      <c r="B9837" s="1" t="s">
        <v>35518</v>
      </c>
      <c r="C9837" s="1" t="s">
        <v>15</v>
      </c>
      <c r="D9837" s="1" t="s">
        <v>34387</v>
      </c>
      <c r="E9837" s="1" t="s">
        <v>37778</v>
      </c>
      <c r="F9837" s="1" t="s">
        <v>37779</v>
      </c>
      <c r="G9837" s="1" t="s">
        <v>37776</v>
      </c>
      <c r="H9837" s="1" t="s">
        <v>37777</v>
      </c>
      <c r="I9837" s="1" t="s">
        <v>35524</v>
      </c>
      <c r="J9837" s="1" t="s">
        <v>37780</v>
      </c>
    </row>
    <row r="9838" spans="1:10" x14ac:dyDescent="0.35">
      <c r="A9838" s="1" t="s">
        <v>37772</v>
      </c>
      <c r="B9838" s="1" t="s">
        <v>35518</v>
      </c>
      <c r="C9838" s="1" t="s">
        <v>20</v>
      </c>
      <c r="D9838" s="1" t="s">
        <v>10354</v>
      </c>
      <c r="E9838" s="1" t="s">
        <v>37781</v>
      </c>
      <c r="F9838" s="1" t="s">
        <v>37782</v>
      </c>
      <c r="G9838" s="1" t="s">
        <v>37776</v>
      </c>
      <c r="H9838" s="1" t="s">
        <v>37777</v>
      </c>
      <c r="I9838" s="1" t="s">
        <v>35524</v>
      </c>
      <c r="J9838" s="1" t="s">
        <v>37783</v>
      </c>
    </row>
    <row r="9839" spans="1:10" x14ac:dyDescent="0.35">
      <c r="A9839" s="1" t="s">
        <v>37772</v>
      </c>
      <c r="B9839" s="1" t="s">
        <v>35518</v>
      </c>
      <c r="C9839" s="1" t="s">
        <v>25</v>
      </c>
      <c r="D9839" s="1" t="s">
        <v>37784</v>
      </c>
      <c r="E9839" s="1" t="s">
        <v>37785</v>
      </c>
      <c r="F9839" s="1" t="s">
        <v>37786</v>
      </c>
      <c r="G9839" s="1" t="s">
        <v>37776</v>
      </c>
      <c r="H9839" s="1" t="s">
        <v>37777</v>
      </c>
      <c r="I9839" s="1" t="s">
        <v>35524</v>
      </c>
      <c r="J9839" s="1" t="s">
        <v>37787</v>
      </c>
    </row>
    <row r="9840" spans="1:10" x14ac:dyDescent="0.35">
      <c r="A9840" s="1" t="s">
        <v>37772</v>
      </c>
      <c r="B9840" s="1" t="s">
        <v>35518</v>
      </c>
      <c r="C9840" s="1" t="s">
        <v>30</v>
      </c>
      <c r="D9840" s="1" t="s">
        <v>37788</v>
      </c>
      <c r="E9840" s="1" t="s">
        <v>37789</v>
      </c>
      <c r="F9840" s="1" t="s">
        <v>37790</v>
      </c>
      <c r="G9840" s="1" t="s">
        <v>37776</v>
      </c>
      <c r="H9840" s="1" t="s">
        <v>37777</v>
      </c>
      <c r="I9840" s="1" t="s">
        <v>35524</v>
      </c>
      <c r="J9840" s="1" t="s">
        <v>37791</v>
      </c>
    </row>
    <row r="9841" spans="1:10" x14ac:dyDescent="0.35">
      <c r="A9841" s="1" t="s">
        <v>37772</v>
      </c>
      <c r="B9841" s="1" t="s">
        <v>35518</v>
      </c>
      <c r="C9841" s="1" t="s">
        <v>35</v>
      </c>
      <c r="D9841" s="1" t="s">
        <v>37792</v>
      </c>
      <c r="E9841" s="1" t="s">
        <v>37793</v>
      </c>
      <c r="F9841" s="1" t="s">
        <v>37794</v>
      </c>
      <c r="G9841" s="1" t="s">
        <v>37776</v>
      </c>
      <c r="H9841" s="1" t="s">
        <v>37777</v>
      </c>
      <c r="I9841" s="1" t="s">
        <v>35524</v>
      </c>
      <c r="J9841" s="1" t="s">
        <v>37795</v>
      </c>
    </row>
    <row r="9842" spans="1:10" x14ac:dyDescent="0.35">
      <c r="A9842" s="1" t="s">
        <v>37772</v>
      </c>
      <c r="B9842" s="1" t="s">
        <v>35518</v>
      </c>
      <c r="C9842" s="1" t="s">
        <v>40</v>
      </c>
      <c r="D9842" s="1" t="s">
        <v>25786</v>
      </c>
      <c r="E9842" s="1" t="s">
        <v>37796</v>
      </c>
      <c r="F9842" s="1" t="s">
        <v>37797</v>
      </c>
      <c r="G9842" s="1" t="s">
        <v>37776</v>
      </c>
      <c r="H9842" s="1" t="s">
        <v>37777</v>
      </c>
      <c r="I9842" s="1" t="s">
        <v>35524</v>
      </c>
      <c r="J9842" s="1" t="s">
        <v>37798</v>
      </c>
    </row>
    <row r="9843" spans="1:10" x14ac:dyDescent="0.35">
      <c r="A9843" s="1" t="s">
        <v>37772</v>
      </c>
      <c r="B9843" s="1" t="s">
        <v>35518</v>
      </c>
      <c r="C9843" s="1" t="s">
        <v>45</v>
      </c>
      <c r="D9843" s="1" t="s">
        <v>37799</v>
      </c>
      <c r="E9843" s="1" t="s">
        <v>37800</v>
      </c>
      <c r="F9843" s="1" t="s">
        <v>37801</v>
      </c>
      <c r="G9843" s="1" t="s">
        <v>37776</v>
      </c>
      <c r="H9843" s="1" t="s">
        <v>37777</v>
      </c>
      <c r="I9843" s="1" t="s">
        <v>35524</v>
      </c>
      <c r="J9843" s="1" t="s">
        <v>37802</v>
      </c>
    </row>
    <row r="9844" spans="1:10" x14ac:dyDescent="0.35">
      <c r="A9844" s="1" t="s">
        <v>37772</v>
      </c>
      <c r="B9844" s="1" t="s">
        <v>35518</v>
      </c>
      <c r="C9844" s="1" t="s">
        <v>50</v>
      </c>
      <c r="D9844" s="1" t="s">
        <v>13043</v>
      </c>
      <c r="E9844" s="1" t="s">
        <v>37803</v>
      </c>
      <c r="F9844" s="1" t="s">
        <v>37804</v>
      </c>
      <c r="G9844" s="1" t="s">
        <v>37776</v>
      </c>
      <c r="H9844" s="1" t="s">
        <v>37777</v>
      </c>
      <c r="I9844" s="1" t="s">
        <v>35524</v>
      </c>
      <c r="J9844" s="1" t="s">
        <v>37805</v>
      </c>
    </row>
    <row r="9845" spans="1:10" x14ac:dyDescent="0.35">
      <c r="A9845" s="1" t="s">
        <v>37772</v>
      </c>
      <c r="B9845" s="1" t="s">
        <v>35518</v>
      </c>
      <c r="C9845" s="1" t="s">
        <v>55</v>
      </c>
      <c r="D9845" s="1" t="s">
        <v>34072</v>
      </c>
      <c r="E9845" s="1" t="s">
        <v>37806</v>
      </c>
      <c r="F9845" s="1" t="s">
        <v>37807</v>
      </c>
      <c r="G9845" s="1" t="s">
        <v>37776</v>
      </c>
      <c r="H9845" s="1" t="s">
        <v>37777</v>
      </c>
      <c r="I9845" s="1" t="s">
        <v>35524</v>
      </c>
      <c r="J9845" s="1" t="s">
        <v>37808</v>
      </c>
    </row>
    <row r="9846" spans="1:10" x14ac:dyDescent="0.35">
      <c r="A9846" s="1" t="s">
        <v>37772</v>
      </c>
      <c r="B9846" s="1" t="s">
        <v>35518</v>
      </c>
      <c r="C9846" s="1" t="s">
        <v>60</v>
      </c>
      <c r="D9846" s="1" t="s">
        <v>30736</v>
      </c>
      <c r="E9846" s="1" t="s">
        <v>37809</v>
      </c>
      <c r="F9846" s="1" t="s">
        <v>37810</v>
      </c>
      <c r="G9846" s="1" t="s">
        <v>37776</v>
      </c>
      <c r="H9846" s="1" t="s">
        <v>37777</v>
      </c>
      <c r="I9846" s="1" t="s">
        <v>35524</v>
      </c>
      <c r="J9846" s="1" t="s">
        <v>37811</v>
      </c>
    </row>
    <row r="9847" spans="1:10" x14ac:dyDescent="0.35">
      <c r="A9847" s="1" t="s">
        <v>37772</v>
      </c>
      <c r="B9847" s="1" t="s">
        <v>35518</v>
      </c>
      <c r="C9847" s="1" t="s">
        <v>65</v>
      </c>
      <c r="D9847" s="1" t="s">
        <v>37481</v>
      </c>
      <c r="E9847" s="1" t="s">
        <v>37812</v>
      </c>
      <c r="F9847" s="1" t="s">
        <v>37813</v>
      </c>
      <c r="G9847" s="1" t="s">
        <v>37776</v>
      </c>
      <c r="H9847" s="1" t="s">
        <v>37777</v>
      </c>
      <c r="I9847" s="1" t="s">
        <v>35524</v>
      </c>
      <c r="J9847" s="1" t="s">
        <v>37814</v>
      </c>
    </row>
    <row r="9848" spans="1:10" x14ac:dyDescent="0.35">
      <c r="A9848" s="1" t="s">
        <v>37772</v>
      </c>
      <c r="B9848" s="1" t="s">
        <v>35518</v>
      </c>
      <c r="C9848" s="1" t="s">
        <v>70</v>
      </c>
      <c r="D9848" s="1" t="s">
        <v>37815</v>
      </c>
      <c r="E9848" s="1" t="s">
        <v>37816</v>
      </c>
      <c r="F9848" s="1" t="s">
        <v>37817</v>
      </c>
      <c r="G9848" s="1" t="s">
        <v>37776</v>
      </c>
      <c r="H9848" s="1" t="s">
        <v>37777</v>
      </c>
      <c r="I9848" s="1" t="s">
        <v>35524</v>
      </c>
      <c r="J9848" s="1" t="s">
        <v>37818</v>
      </c>
    </row>
    <row r="9849" spans="1:10" x14ac:dyDescent="0.35">
      <c r="A9849" s="1" t="s">
        <v>37772</v>
      </c>
      <c r="B9849" s="1" t="s">
        <v>35518</v>
      </c>
      <c r="C9849" s="1" t="s">
        <v>75</v>
      </c>
      <c r="D9849" s="1" t="s">
        <v>33805</v>
      </c>
      <c r="E9849" s="1" t="s">
        <v>37774</v>
      </c>
      <c r="F9849" s="1" t="s">
        <v>37819</v>
      </c>
      <c r="G9849" s="1" t="s">
        <v>37776</v>
      </c>
      <c r="H9849" s="1" t="s">
        <v>37777</v>
      </c>
      <c r="I9849" s="1" t="s">
        <v>35524</v>
      </c>
      <c r="J9849" s="1" t="s">
        <v>37820</v>
      </c>
    </row>
    <row r="9850" spans="1:10" x14ac:dyDescent="0.35">
      <c r="A9850" s="1" t="s">
        <v>37772</v>
      </c>
      <c r="B9850" s="1" t="s">
        <v>35518</v>
      </c>
      <c r="C9850" s="1" t="s">
        <v>80</v>
      </c>
      <c r="D9850" s="1" t="s">
        <v>37821</v>
      </c>
      <c r="E9850" s="1" t="s">
        <v>37822</v>
      </c>
      <c r="F9850" s="1" t="s">
        <v>37823</v>
      </c>
      <c r="G9850" s="1" t="s">
        <v>37776</v>
      </c>
      <c r="H9850" s="1" t="s">
        <v>37777</v>
      </c>
      <c r="I9850" s="1" t="s">
        <v>35524</v>
      </c>
      <c r="J9850" s="1" t="s">
        <v>37824</v>
      </c>
    </row>
    <row r="9851" spans="1:10" x14ac:dyDescent="0.35">
      <c r="A9851" s="1" t="s">
        <v>37772</v>
      </c>
      <c r="B9851" s="1" t="s">
        <v>35518</v>
      </c>
      <c r="C9851" s="1" t="s">
        <v>85</v>
      </c>
      <c r="D9851" s="1" t="s">
        <v>37825</v>
      </c>
      <c r="E9851" s="1" t="s">
        <v>37826</v>
      </c>
      <c r="F9851" s="1" t="s">
        <v>37827</v>
      </c>
      <c r="G9851" s="1" t="s">
        <v>37776</v>
      </c>
      <c r="H9851" s="1" t="s">
        <v>37777</v>
      </c>
      <c r="I9851" s="1" t="s">
        <v>35524</v>
      </c>
      <c r="J9851" s="1" t="s">
        <v>37828</v>
      </c>
    </row>
    <row r="9852" spans="1:10" x14ac:dyDescent="0.35">
      <c r="A9852" s="1" t="s">
        <v>37772</v>
      </c>
      <c r="B9852" s="1" t="s">
        <v>35518</v>
      </c>
      <c r="C9852" s="1" t="s">
        <v>90</v>
      </c>
      <c r="D9852" s="1" t="s">
        <v>37829</v>
      </c>
      <c r="E9852" s="1" t="s">
        <v>37830</v>
      </c>
      <c r="F9852" s="1" t="s">
        <v>37831</v>
      </c>
      <c r="G9852" s="1" t="s">
        <v>37776</v>
      </c>
      <c r="H9852" s="1" t="s">
        <v>37777</v>
      </c>
      <c r="I9852" s="1" t="s">
        <v>35524</v>
      </c>
      <c r="J9852" s="1" t="s">
        <v>37832</v>
      </c>
    </row>
    <row r="9853" spans="1:10" x14ac:dyDescent="0.35">
      <c r="A9853" s="1" t="s">
        <v>37772</v>
      </c>
      <c r="B9853" s="1" t="s">
        <v>35518</v>
      </c>
      <c r="C9853" s="1" t="s">
        <v>95</v>
      </c>
      <c r="D9853" s="1" t="s">
        <v>37833</v>
      </c>
      <c r="E9853" s="1" t="s">
        <v>37834</v>
      </c>
      <c r="F9853" s="1" t="s">
        <v>37835</v>
      </c>
      <c r="G9853" s="1" t="s">
        <v>37776</v>
      </c>
      <c r="H9853" s="1" t="s">
        <v>37777</v>
      </c>
      <c r="I9853" s="1" t="s">
        <v>35524</v>
      </c>
      <c r="J9853" s="1" t="s">
        <v>37836</v>
      </c>
    </row>
    <row r="9854" spans="1:10" x14ac:dyDescent="0.35">
      <c r="A9854" s="1" t="s">
        <v>37772</v>
      </c>
      <c r="B9854" s="1" t="s">
        <v>35518</v>
      </c>
      <c r="C9854" s="1" t="s">
        <v>100</v>
      </c>
      <c r="D9854" s="1" t="s">
        <v>24824</v>
      </c>
      <c r="E9854" s="1" t="s">
        <v>37837</v>
      </c>
      <c r="F9854" s="1" t="s">
        <v>37838</v>
      </c>
      <c r="G9854" s="1" t="s">
        <v>37776</v>
      </c>
      <c r="H9854" s="1" t="s">
        <v>37777</v>
      </c>
      <c r="I9854" s="1" t="s">
        <v>35524</v>
      </c>
      <c r="J9854" s="1" t="s">
        <v>37839</v>
      </c>
    </row>
    <row r="9855" spans="1:10" x14ac:dyDescent="0.35">
      <c r="A9855" s="1" t="s">
        <v>37772</v>
      </c>
      <c r="B9855" s="1" t="s">
        <v>35518</v>
      </c>
      <c r="C9855" s="1" t="s">
        <v>105</v>
      </c>
      <c r="D9855" s="1" t="s">
        <v>37840</v>
      </c>
      <c r="E9855" s="1" t="s">
        <v>37841</v>
      </c>
      <c r="F9855" s="1" t="s">
        <v>37842</v>
      </c>
      <c r="G9855" s="1" t="s">
        <v>37776</v>
      </c>
      <c r="H9855" s="1" t="s">
        <v>37777</v>
      </c>
      <c r="I9855" s="1" t="s">
        <v>35524</v>
      </c>
      <c r="J9855" s="1" t="s">
        <v>37843</v>
      </c>
    </row>
    <row r="9856" spans="1:10" x14ac:dyDescent="0.35">
      <c r="A9856" s="1" t="s">
        <v>37772</v>
      </c>
      <c r="B9856" s="1" t="s">
        <v>35518</v>
      </c>
      <c r="C9856" s="1" t="s">
        <v>110</v>
      </c>
      <c r="D9856" s="1" t="s">
        <v>37844</v>
      </c>
      <c r="E9856" s="1" t="s">
        <v>37845</v>
      </c>
      <c r="F9856" s="1" t="s">
        <v>37846</v>
      </c>
      <c r="G9856" s="1" t="s">
        <v>37776</v>
      </c>
      <c r="H9856" s="1" t="s">
        <v>37777</v>
      </c>
      <c r="I9856" s="1" t="s">
        <v>35524</v>
      </c>
      <c r="J9856" s="1" t="s">
        <v>37847</v>
      </c>
    </row>
    <row r="9857" spans="1:10" x14ac:dyDescent="0.35">
      <c r="A9857" s="1" t="s">
        <v>37772</v>
      </c>
      <c r="B9857" s="1" t="s">
        <v>35518</v>
      </c>
      <c r="C9857" s="1" t="s">
        <v>115</v>
      </c>
      <c r="D9857" s="1" t="s">
        <v>37848</v>
      </c>
      <c r="E9857" s="1" t="s">
        <v>37849</v>
      </c>
      <c r="F9857" s="1" t="s">
        <v>37850</v>
      </c>
      <c r="G9857" s="1" t="s">
        <v>37776</v>
      </c>
      <c r="H9857" s="1" t="s">
        <v>37777</v>
      </c>
      <c r="I9857" s="1" t="s">
        <v>35524</v>
      </c>
      <c r="J9857" s="1" t="s">
        <v>37851</v>
      </c>
    </row>
    <row r="9858" spans="1:10" x14ac:dyDescent="0.35">
      <c r="A9858" s="1" t="s">
        <v>37772</v>
      </c>
      <c r="B9858" s="1" t="s">
        <v>35518</v>
      </c>
      <c r="C9858" s="1" t="s">
        <v>120</v>
      </c>
      <c r="D9858" s="1" t="s">
        <v>37852</v>
      </c>
      <c r="E9858" s="1" t="s">
        <v>37853</v>
      </c>
      <c r="F9858" s="1" t="s">
        <v>37854</v>
      </c>
      <c r="G9858" s="1" t="s">
        <v>37776</v>
      </c>
      <c r="H9858" s="1" t="s">
        <v>37777</v>
      </c>
      <c r="I9858" s="1" t="s">
        <v>35524</v>
      </c>
      <c r="J9858" s="1" t="s">
        <v>37855</v>
      </c>
    </row>
    <row r="9859" spans="1:10" x14ac:dyDescent="0.35">
      <c r="A9859" s="1" t="s">
        <v>37772</v>
      </c>
      <c r="B9859" s="1" t="s">
        <v>35518</v>
      </c>
      <c r="C9859" s="1" t="s">
        <v>125</v>
      </c>
      <c r="D9859" s="1" t="s">
        <v>37856</v>
      </c>
      <c r="E9859" s="1" t="s">
        <v>37857</v>
      </c>
      <c r="F9859" s="1" t="s">
        <v>37858</v>
      </c>
      <c r="G9859" s="1" t="s">
        <v>37776</v>
      </c>
      <c r="H9859" s="1" t="s">
        <v>37777</v>
      </c>
      <c r="I9859" s="1" t="s">
        <v>35524</v>
      </c>
      <c r="J9859" s="1" t="s">
        <v>37859</v>
      </c>
    </row>
    <row r="9860" spans="1:10" x14ac:dyDescent="0.35">
      <c r="A9860" s="1" t="s">
        <v>37772</v>
      </c>
      <c r="B9860" s="1" t="s">
        <v>35518</v>
      </c>
      <c r="C9860" s="1" t="s">
        <v>130</v>
      </c>
      <c r="D9860" s="1" t="s">
        <v>37860</v>
      </c>
      <c r="E9860" s="1" t="s">
        <v>37861</v>
      </c>
      <c r="F9860" s="1" t="s">
        <v>37862</v>
      </c>
      <c r="G9860" s="1" t="s">
        <v>37776</v>
      </c>
      <c r="H9860" s="1" t="s">
        <v>37777</v>
      </c>
      <c r="I9860" s="1" t="s">
        <v>35524</v>
      </c>
      <c r="J9860" s="1" t="s">
        <v>37863</v>
      </c>
    </row>
    <row r="9861" spans="1:10" x14ac:dyDescent="0.35">
      <c r="A9861" s="1" t="s">
        <v>37772</v>
      </c>
      <c r="B9861" s="1" t="s">
        <v>35518</v>
      </c>
      <c r="C9861" s="1" t="s">
        <v>135</v>
      </c>
      <c r="D9861" s="1" t="s">
        <v>6727</v>
      </c>
      <c r="E9861" s="1" t="s">
        <v>37864</v>
      </c>
      <c r="F9861" s="1" t="s">
        <v>37865</v>
      </c>
      <c r="G9861" s="1" t="s">
        <v>37776</v>
      </c>
      <c r="H9861" s="1" t="s">
        <v>37777</v>
      </c>
      <c r="I9861" s="1" t="s">
        <v>35524</v>
      </c>
      <c r="J9861" s="1" t="s">
        <v>37866</v>
      </c>
    </row>
    <row r="9862" spans="1:10" x14ac:dyDescent="0.35">
      <c r="A9862" s="1" t="s">
        <v>37772</v>
      </c>
      <c r="B9862" s="1" t="s">
        <v>35518</v>
      </c>
      <c r="C9862" s="1" t="s">
        <v>140</v>
      </c>
      <c r="D9862" s="1" t="s">
        <v>37867</v>
      </c>
      <c r="E9862" s="1" t="s">
        <v>37868</v>
      </c>
      <c r="F9862" s="1" t="s">
        <v>37869</v>
      </c>
      <c r="G9862" s="1" t="s">
        <v>37776</v>
      </c>
      <c r="H9862" s="1" t="s">
        <v>37777</v>
      </c>
      <c r="I9862" s="1" t="s">
        <v>35524</v>
      </c>
      <c r="J9862" s="1" t="s">
        <v>37870</v>
      </c>
    </row>
    <row r="9863" spans="1:10" x14ac:dyDescent="0.35">
      <c r="A9863" s="1" t="s">
        <v>37772</v>
      </c>
      <c r="B9863" s="1" t="s">
        <v>35518</v>
      </c>
      <c r="C9863" s="1" t="s">
        <v>145</v>
      </c>
      <c r="D9863" s="1" t="s">
        <v>37871</v>
      </c>
      <c r="E9863" s="1" t="s">
        <v>37872</v>
      </c>
      <c r="F9863" s="1" t="s">
        <v>37873</v>
      </c>
      <c r="G9863" s="1" t="s">
        <v>37776</v>
      </c>
      <c r="H9863" s="1" t="s">
        <v>37777</v>
      </c>
      <c r="I9863" s="1" t="s">
        <v>35524</v>
      </c>
      <c r="J9863" s="1" t="s">
        <v>37874</v>
      </c>
    </row>
    <row r="9864" spans="1:10" x14ac:dyDescent="0.35">
      <c r="A9864" s="1" t="s">
        <v>37772</v>
      </c>
      <c r="B9864" s="1" t="s">
        <v>35518</v>
      </c>
      <c r="C9864" s="1" t="s">
        <v>150</v>
      </c>
      <c r="D9864" s="1" t="s">
        <v>37875</v>
      </c>
      <c r="E9864" s="1" t="s">
        <v>37876</v>
      </c>
      <c r="F9864" s="1" t="s">
        <v>37877</v>
      </c>
      <c r="G9864" s="1" t="s">
        <v>37776</v>
      </c>
      <c r="H9864" s="1" t="s">
        <v>37777</v>
      </c>
      <c r="I9864" s="1" t="s">
        <v>35524</v>
      </c>
      <c r="J9864" s="1" t="s">
        <v>37878</v>
      </c>
    </row>
    <row r="9865" spans="1:10" x14ac:dyDescent="0.35">
      <c r="A9865" s="1" t="s">
        <v>37772</v>
      </c>
      <c r="B9865" s="1" t="s">
        <v>35518</v>
      </c>
      <c r="C9865" s="1" t="s">
        <v>155</v>
      </c>
      <c r="D9865" s="1" t="s">
        <v>37879</v>
      </c>
      <c r="E9865" s="1" t="s">
        <v>37880</v>
      </c>
      <c r="F9865" s="1" t="s">
        <v>37881</v>
      </c>
      <c r="G9865" s="1" t="s">
        <v>37776</v>
      </c>
      <c r="H9865" s="1" t="s">
        <v>37777</v>
      </c>
      <c r="I9865" s="1" t="s">
        <v>35524</v>
      </c>
      <c r="J9865" s="1" t="s">
        <v>37882</v>
      </c>
    </row>
    <row r="9866" spans="1:10" x14ac:dyDescent="0.35">
      <c r="A9866" s="1" t="s">
        <v>37772</v>
      </c>
      <c r="B9866" s="1" t="s">
        <v>35518</v>
      </c>
      <c r="C9866" s="1" t="s">
        <v>160</v>
      </c>
      <c r="D9866" s="1" t="s">
        <v>3445</v>
      </c>
      <c r="E9866" s="1" t="s">
        <v>37883</v>
      </c>
      <c r="F9866" s="1" t="s">
        <v>37884</v>
      </c>
      <c r="G9866" s="1" t="s">
        <v>37776</v>
      </c>
      <c r="H9866" s="1" t="s">
        <v>37777</v>
      </c>
      <c r="I9866" s="1" t="s">
        <v>35524</v>
      </c>
      <c r="J9866" s="1" t="s">
        <v>37885</v>
      </c>
    </row>
    <row r="9867" spans="1:10" x14ac:dyDescent="0.35">
      <c r="A9867" s="1" t="s">
        <v>37772</v>
      </c>
      <c r="B9867" s="1" t="s">
        <v>35518</v>
      </c>
      <c r="C9867" s="1" t="s">
        <v>165</v>
      </c>
      <c r="D9867" s="1" t="s">
        <v>16156</v>
      </c>
      <c r="E9867" s="1" t="s">
        <v>37886</v>
      </c>
      <c r="F9867" s="1" t="s">
        <v>37887</v>
      </c>
      <c r="G9867" s="1" t="s">
        <v>37776</v>
      </c>
      <c r="H9867" s="1" t="s">
        <v>37777</v>
      </c>
      <c r="I9867" s="1" t="s">
        <v>35524</v>
      </c>
      <c r="J9867" s="1" t="s">
        <v>37888</v>
      </c>
    </row>
    <row r="9868" spans="1:10" x14ac:dyDescent="0.35">
      <c r="A9868" s="1" t="s">
        <v>37772</v>
      </c>
      <c r="B9868" s="1" t="s">
        <v>35518</v>
      </c>
      <c r="C9868" s="1" t="s">
        <v>170</v>
      </c>
      <c r="D9868" s="1" t="s">
        <v>37889</v>
      </c>
      <c r="E9868" s="1" t="s">
        <v>37890</v>
      </c>
      <c r="F9868" s="1" t="s">
        <v>37891</v>
      </c>
      <c r="G9868" s="1" t="s">
        <v>37776</v>
      </c>
      <c r="H9868" s="1" t="s">
        <v>37777</v>
      </c>
      <c r="I9868" s="1" t="s">
        <v>35524</v>
      </c>
      <c r="J9868" s="1" t="s">
        <v>37892</v>
      </c>
    </row>
    <row r="9869" spans="1:10" x14ac:dyDescent="0.35">
      <c r="A9869" s="1" t="s">
        <v>37893</v>
      </c>
      <c r="B9869" s="1" t="s">
        <v>35518</v>
      </c>
      <c r="C9869" s="1" t="s">
        <v>8</v>
      </c>
      <c r="D9869" s="1" t="s">
        <v>37894</v>
      </c>
      <c r="E9869" s="1" t="s">
        <v>37895</v>
      </c>
      <c r="F9869" s="1" t="s">
        <v>37896</v>
      </c>
      <c r="G9869" s="1" t="s">
        <v>37897</v>
      </c>
      <c r="H9869" s="1" t="s">
        <v>37898</v>
      </c>
      <c r="I9869" s="1" t="s">
        <v>35524</v>
      </c>
      <c r="J9869" s="1" t="s">
        <v>13</v>
      </c>
    </row>
    <row r="9870" spans="1:10" x14ac:dyDescent="0.35">
      <c r="A9870" s="1" t="s">
        <v>37893</v>
      </c>
      <c r="B9870" s="1" t="s">
        <v>35518</v>
      </c>
      <c r="C9870" s="1" t="s">
        <v>15</v>
      </c>
      <c r="D9870" s="1" t="s">
        <v>37899</v>
      </c>
      <c r="E9870" s="1" t="s">
        <v>37900</v>
      </c>
      <c r="F9870" s="1" t="s">
        <v>37901</v>
      </c>
      <c r="G9870" s="1" t="s">
        <v>37897</v>
      </c>
      <c r="H9870" s="1" t="s">
        <v>37898</v>
      </c>
      <c r="I9870" s="1" t="s">
        <v>35524</v>
      </c>
      <c r="J9870" s="1" t="s">
        <v>37902</v>
      </c>
    </row>
    <row r="9871" spans="1:10" x14ac:dyDescent="0.35">
      <c r="A9871" s="1" t="s">
        <v>37893</v>
      </c>
      <c r="B9871" s="1" t="s">
        <v>35518</v>
      </c>
      <c r="C9871" s="1" t="s">
        <v>20</v>
      </c>
      <c r="D9871" s="1" t="s">
        <v>37903</v>
      </c>
      <c r="E9871" s="1" t="s">
        <v>37904</v>
      </c>
      <c r="F9871" s="1" t="s">
        <v>37905</v>
      </c>
      <c r="G9871" s="1" t="s">
        <v>37897</v>
      </c>
      <c r="H9871" s="1" t="s">
        <v>37898</v>
      </c>
      <c r="I9871" s="1" t="s">
        <v>35524</v>
      </c>
      <c r="J9871" s="1" t="s">
        <v>37906</v>
      </c>
    </row>
    <row r="9872" spans="1:10" x14ac:dyDescent="0.35">
      <c r="A9872" s="1" t="s">
        <v>37893</v>
      </c>
      <c r="B9872" s="1" t="s">
        <v>35518</v>
      </c>
      <c r="C9872" s="1" t="s">
        <v>25</v>
      </c>
      <c r="D9872" s="1" t="s">
        <v>37907</v>
      </c>
      <c r="E9872" s="1" t="s">
        <v>37908</v>
      </c>
      <c r="F9872" s="1" t="s">
        <v>37909</v>
      </c>
      <c r="G9872" s="1" t="s">
        <v>37897</v>
      </c>
      <c r="H9872" s="1" t="s">
        <v>37898</v>
      </c>
      <c r="I9872" s="1" t="s">
        <v>35524</v>
      </c>
      <c r="J9872" s="1" t="s">
        <v>37910</v>
      </c>
    </row>
    <row r="9873" spans="1:10" x14ac:dyDescent="0.35">
      <c r="A9873" s="1" t="s">
        <v>37893</v>
      </c>
      <c r="B9873" s="1" t="s">
        <v>35518</v>
      </c>
      <c r="C9873" s="1" t="s">
        <v>30</v>
      </c>
      <c r="D9873" s="1" t="s">
        <v>37911</v>
      </c>
      <c r="E9873" s="1" t="s">
        <v>37912</v>
      </c>
      <c r="F9873" s="1" t="s">
        <v>37913</v>
      </c>
      <c r="G9873" s="1" t="s">
        <v>37897</v>
      </c>
      <c r="H9873" s="1" t="s">
        <v>37898</v>
      </c>
      <c r="I9873" s="1" t="s">
        <v>35524</v>
      </c>
      <c r="J9873" s="1" t="s">
        <v>37914</v>
      </c>
    </row>
    <row r="9874" spans="1:10" x14ac:dyDescent="0.35">
      <c r="A9874" s="1" t="s">
        <v>37893</v>
      </c>
      <c r="B9874" s="1" t="s">
        <v>35518</v>
      </c>
      <c r="C9874" s="1" t="s">
        <v>35</v>
      </c>
      <c r="D9874" s="1" t="s">
        <v>37915</v>
      </c>
      <c r="E9874" s="1" t="s">
        <v>37916</v>
      </c>
      <c r="F9874" s="1" t="s">
        <v>37917</v>
      </c>
      <c r="G9874" s="1" t="s">
        <v>37897</v>
      </c>
      <c r="H9874" s="1" t="s">
        <v>37898</v>
      </c>
      <c r="I9874" s="1" t="s">
        <v>35524</v>
      </c>
      <c r="J9874" s="1" t="s">
        <v>37918</v>
      </c>
    </row>
    <row r="9875" spans="1:10" x14ac:dyDescent="0.35">
      <c r="A9875" s="1" t="s">
        <v>37893</v>
      </c>
      <c r="B9875" s="1" t="s">
        <v>35518</v>
      </c>
      <c r="C9875" s="1" t="s">
        <v>40</v>
      </c>
      <c r="D9875" s="1" t="s">
        <v>37919</v>
      </c>
      <c r="E9875" s="1" t="s">
        <v>37920</v>
      </c>
      <c r="F9875" s="1" t="s">
        <v>37921</v>
      </c>
      <c r="G9875" s="1" t="s">
        <v>37897</v>
      </c>
      <c r="H9875" s="1" t="s">
        <v>37898</v>
      </c>
      <c r="I9875" s="1" t="s">
        <v>35524</v>
      </c>
      <c r="J9875" s="1" t="s">
        <v>37922</v>
      </c>
    </row>
    <row r="9876" spans="1:10" x14ac:dyDescent="0.35">
      <c r="A9876" s="1" t="s">
        <v>37893</v>
      </c>
      <c r="B9876" s="1" t="s">
        <v>35518</v>
      </c>
      <c r="C9876" s="1" t="s">
        <v>45</v>
      </c>
      <c r="D9876" s="1" t="s">
        <v>37923</v>
      </c>
      <c r="E9876" s="1" t="s">
        <v>37924</v>
      </c>
      <c r="F9876" s="1" t="s">
        <v>37925</v>
      </c>
      <c r="G9876" s="1" t="s">
        <v>37897</v>
      </c>
      <c r="H9876" s="1" t="s">
        <v>37898</v>
      </c>
      <c r="I9876" s="1" t="s">
        <v>35524</v>
      </c>
      <c r="J9876" s="1" t="s">
        <v>37926</v>
      </c>
    </row>
    <row r="9877" spans="1:10" x14ac:dyDescent="0.35">
      <c r="A9877" s="1" t="s">
        <v>37893</v>
      </c>
      <c r="B9877" s="1" t="s">
        <v>35518</v>
      </c>
      <c r="C9877" s="1" t="s">
        <v>50</v>
      </c>
      <c r="D9877" s="1" t="s">
        <v>37927</v>
      </c>
      <c r="E9877" s="1" t="s">
        <v>37928</v>
      </c>
      <c r="F9877" s="1" t="s">
        <v>37929</v>
      </c>
      <c r="G9877" s="1" t="s">
        <v>37897</v>
      </c>
      <c r="H9877" s="1" t="s">
        <v>37898</v>
      </c>
      <c r="I9877" s="1" t="s">
        <v>35524</v>
      </c>
      <c r="J9877" s="1" t="s">
        <v>37930</v>
      </c>
    </row>
    <row r="9878" spans="1:10" x14ac:dyDescent="0.35">
      <c r="A9878" s="1" t="s">
        <v>37893</v>
      </c>
      <c r="B9878" s="1" t="s">
        <v>35518</v>
      </c>
      <c r="C9878" s="1" t="s">
        <v>55</v>
      </c>
      <c r="D9878" s="1" t="s">
        <v>12413</v>
      </c>
      <c r="E9878" s="1" t="s">
        <v>37931</v>
      </c>
      <c r="F9878" s="1" t="s">
        <v>37932</v>
      </c>
      <c r="G9878" s="1" t="s">
        <v>37897</v>
      </c>
      <c r="H9878" s="1" t="s">
        <v>37898</v>
      </c>
      <c r="I9878" s="1" t="s">
        <v>35524</v>
      </c>
      <c r="J9878" s="1" t="s">
        <v>37933</v>
      </c>
    </row>
    <row r="9879" spans="1:10" x14ac:dyDescent="0.35">
      <c r="A9879" s="1" t="s">
        <v>37893</v>
      </c>
      <c r="B9879" s="1" t="s">
        <v>35518</v>
      </c>
      <c r="C9879" s="1" t="s">
        <v>60</v>
      </c>
      <c r="D9879" s="1" t="s">
        <v>37934</v>
      </c>
      <c r="E9879" s="1" t="s">
        <v>37935</v>
      </c>
      <c r="F9879" s="1" t="s">
        <v>37936</v>
      </c>
      <c r="G9879" s="1" t="s">
        <v>37897</v>
      </c>
      <c r="H9879" s="1" t="s">
        <v>37898</v>
      </c>
      <c r="I9879" s="1" t="s">
        <v>35524</v>
      </c>
      <c r="J9879" s="1" t="s">
        <v>37937</v>
      </c>
    </row>
    <row r="9880" spans="1:10" x14ac:dyDescent="0.35">
      <c r="A9880" s="1" t="s">
        <v>37893</v>
      </c>
      <c r="B9880" s="1" t="s">
        <v>35518</v>
      </c>
      <c r="C9880" s="1" t="s">
        <v>65</v>
      </c>
      <c r="D9880" s="1" t="s">
        <v>37938</v>
      </c>
      <c r="E9880" s="1" t="s">
        <v>37939</v>
      </c>
      <c r="F9880" s="1" t="s">
        <v>37940</v>
      </c>
      <c r="G9880" s="1" t="s">
        <v>37897</v>
      </c>
      <c r="H9880" s="1" t="s">
        <v>37898</v>
      </c>
      <c r="I9880" s="1" t="s">
        <v>35524</v>
      </c>
      <c r="J9880" s="1" t="s">
        <v>37941</v>
      </c>
    </row>
    <row r="9881" spans="1:10" x14ac:dyDescent="0.35">
      <c r="A9881" s="1" t="s">
        <v>37893</v>
      </c>
      <c r="B9881" s="1" t="s">
        <v>35518</v>
      </c>
      <c r="C9881" s="1" t="s">
        <v>70</v>
      </c>
      <c r="D9881" s="1" t="s">
        <v>37942</v>
      </c>
      <c r="E9881" s="1" t="s">
        <v>37943</v>
      </c>
      <c r="F9881" s="1" t="s">
        <v>37944</v>
      </c>
      <c r="G9881" s="1" t="s">
        <v>37897</v>
      </c>
      <c r="H9881" s="1" t="s">
        <v>37898</v>
      </c>
      <c r="I9881" s="1" t="s">
        <v>35524</v>
      </c>
      <c r="J9881" s="1" t="s">
        <v>37945</v>
      </c>
    </row>
    <row r="9882" spans="1:10" x14ac:dyDescent="0.35">
      <c r="A9882" s="1" t="s">
        <v>37893</v>
      </c>
      <c r="B9882" s="1" t="s">
        <v>35518</v>
      </c>
      <c r="C9882" s="1" t="s">
        <v>75</v>
      </c>
      <c r="D9882" s="1" t="s">
        <v>37946</v>
      </c>
      <c r="E9882" s="1" t="s">
        <v>37947</v>
      </c>
      <c r="F9882" s="1" t="s">
        <v>37948</v>
      </c>
      <c r="G9882" s="1" t="s">
        <v>37897</v>
      </c>
      <c r="H9882" s="1" t="s">
        <v>37898</v>
      </c>
      <c r="I9882" s="1" t="s">
        <v>35524</v>
      </c>
      <c r="J9882" s="1" t="s">
        <v>37949</v>
      </c>
    </row>
    <row r="9883" spans="1:10" x14ac:dyDescent="0.35">
      <c r="A9883" s="1" t="s">
        <v>37893</v>
      </c>
      <c r="B9883" s="1" t="s">
        <v>35518</v>
      </c>
      <c r="C9883" s="1" t="s">
        <v>80</v>
      </c>
      <c r="D9883" s="1" t="s">
        <v>37950</v>
      </c>
      <c r="E9883" s="1" t="s">
        <v>37951</v>
      </c>
      <c r="F9883" s="1" t="s">
        <v>37952</v>
      </c>
      <c r="G9883" s="1" t="s">
        <v>37897</v>
      </c>
      <c r="H9883" s="1" t="s">
        <v>37898</v>
      </c>
      <c r="I9883" s="1" t="s">
        <v>35524</v>
      </c>
      <c r="J9883" s="1" t="s">
        <v>37953</v>
      </c>
    </row>
    <row r="9884" spans="1:10" x14ac:dyDescent="0.35">
      <c r="A9884" s="1" t="s">
        <v>37893</v>
      </c>
      <c r="B9884" s="1" t="s">
        <v>35518</v>
      </c>
      <c r="C9884" s="1" t="s">
        <v>85</v>
      </c>
      <c r="D9884" s="1" t="s">
        <v>37954</v>
      </c>
      <c r="E9884" s="1" t="s">
        <v>37955</v>
      </c>
      <c r="F9884" s="1" t="s">
        <v>37956</v>
      </c>
      <c r="G9884" s="1" t="s">
        <v>37897</v>
      </c>
      <c r="H9884" s="1" t="s">
        <v>37898</v>
      </c>
      <c r="I9884" s="1" t="s">
        <v>35524</v>
      </c>
      <c r="J9884" s="1" t="s">
        <v>37957</v>
      </c>
    </row>
    <row r="9885" spans="1:10" x14ac:dyDescent="0.35">
      <c r="A9885" s="1" t="s">
        <v>37893</v>
      </c>
      <c r="B9885" s="1" t="s">
        <v>35518</v>
      </c>
      <c r="C9885" s="1" t="s">
        <v>90</v>
      </c>
      <c r="D9885" s="1" t="s">
        <v>33073</v>
      </c>
      <c r="E9885" s="1" t="s">
        <v>37958</v>
      </c>
      <c r="F9885" s="1" t="s">
        <v>37959</v>
      </c>
      <c r="G9885" s="1" t="s">
        <v>37897</v>
      </c>
      <c r="H9885" s="1" t="s">
        <v>37898</v>
      </c>
      <c r="I9885" s="1" t="s">
        <v>35524</v>
      </c>
      <c r="J9885" s="1" t="s">
        <v>37960</v>
      </c>
    </row>
    <row r="9886" spans="1:10" x14ac:dyDescent="0.35">
      <c r="A9886" s="1" t="s">
        <v>37893</v>
      </c>
      <c r="B9886" s="1" t="s">
        <v>35518</v>
      </c>
      <c r="C9886" s="1" t="s">
        <v>95</v>
      </c>
      <c r="D9886" s="1" t="s">
        <v>37961</v>
      </c>
      <c r="E9886" s="1" t="s">
        <v>37962</v>
      </c>
      <c r="F9886" s="1" t="s">
        <v>37963</v>
      </c>
      <c r="G9886" s="1" t="s">
        <v>37897</v>
      </c>
      <c r="H9886" s="1" t="s">
        <v>37898</v>
      </c>
      <c r="I9886" s="1" t="s">
        <v>35524</v>
      </c>
      <c r="J9886" s="1" t="s">
        <v>37964</v>
      </c>
    </row>
    <row r="9887" spans="1:10" x14ac:dyDescent="0.35">
      <c r="A9887" s="1" t="s">
        <v>37893</v>
      </c>
      <c r="B9887" s="1" t="s">
        <v>35518</v>
      </c>
      <c r="C9887" s="1" t="s">
        <v>100</v>
      </c>
      <c r="D9887" s="1" t="s">
        <v>37965</v>
      </c>
      <c r="E9887" s="1" t="s">
        <v>37966</v>
      </c>
      <c r="F9887" s="1" t="s">
        <v>37967</v>
      </c>
      <c r="G9887" s="1" t="s">
        <v>37897</v>
      </c>
      <c r="H9887" s="1" t="s">
        <v>37898</v>
      </c>
      <c r="I9887" s="1" t="s">
        <v>35524</v>
      </c>
      <c r="J9887" s="1" t="s">
        <v>37968</v>
      </c>
    </row>
    <row r="9888" spans="1:10" x14ac:dyDescent="0.35">
      <c r="A9888" s="1" t="s">
        <v>37893</v>
      </c>
      <c r="B9888" s="1" t="s">
        <v>35518</v>
      </c>
      <c r="C9888" s="1" t="s">
        <v>105</v>
      </c>
      <c r="D9888" s="1" t="s">
        <v>37969</v>
      </c>
      <c r="E9888" s="1" t="s">
        <v>37970</v>
      </c>
      <c r="F9888" s="1" t="s">
        <v>37971</v>
      </c>
      <c r="G9888" s="1" t="s">
        <v>37897</v>
      </c>
      <c r="H9888" s="1" t="s">
        <v>37898</v>
      </c>
      <c r="I9888" s="1" t="s">
        <v>35524</v>
      </c>
      <c r="J9888" s="1" t="s">
        <v>37972</v>
      </c>
    </row>
    <row r="9889" spans="1:10" x14ac:dyDescent="0.35">
      <c r="A9889" s="1" t="s">
        <v>37893</v>
      </c>
      <c r="B9889" s="1" t="s">
        <v>35518</v>
      </c>
      <c r="C9889" s="1" t="s">
        <v>110</v>
      </c>
      <c r="D9889" s="1" t="s">
        <v>37973</v>
      </c>
      <c r="E9889" s="1" t="s">
        <v>37974</v>
      </c>
      <c r="F9889" s="1" t="s">
        <v>37975</v>
      </c>
      <c r="G9889" s="1" t="s">
        <v>37897</v>
      </c>
      <c r="H9889" s="1" t="s">
        <v>37898</v>
      </c>
      <c r="I9889" s="1" t="s">
        <v>35524</v>
      </c>
      <c r="J9889" s="1" t="s">
        <v>37976</v>
      </c>
    </row>
    <row r="9890" spans="1:10" x14ac:dyDescent="0.35">
      <c r="A9890" s="1" t="s">
        <v>37893</v>
      </c>
      <c r="B9890" s="1" t="s">
        <v>35518</v>
      </c>
      <c r="C9890" s="1" t="s">
        <v>115</v>
      </c>
      <c r="D9890" s="1" t="s">
        <v>37977</v>
      </c>
      <c r="E9890" s="1" t="s">
        <v>37978</v>
      </c>
      <c r="F9890" s="1" t="s">
        <v>37979</v>
      </c>
      <c r="G9890" s="1" t="s">
        <v>37897</v>
      </c>
      <c r="H9890" s="1" t="s">
        <v>37898</v>
      </c>
      <c r="I9890" s="1" t="s">
        <v>35524</v>
      </c>
      <c r="J9890" s="1" t="s">
        <v>37980</v>
      </c>
    </row>
    <row r="9891" spans="1:10" x14ac:dyDescent="0.35">
      <c r="A9891" s="1" t="s">
        <v>37893</v>
      </c>
      <c r="B9891" s="1" t="s">
        <v>35518</v>
      </c>
      <c r="C9891" s="1" t="s">
        <v>120</v>
      </c>
      <c r="D9891" s="1" t="s">
        <v>37981</v>
      </c>
      <c r="E9891" s="1" t="s">
        <v>37982</v>
      </c>
      <c r="F9891" s="1" t="s">
        <v>37983</v>
      </c>
      <c r="G9891" s="1" t="s">
        <v>37897</v>
      </c>
      <c r="H9891" s="1" t="s">
        <v>37898</v>
      </c>
      <c r="I9891" s="1" t="s">
        <v>35524</v>
      </c>
      <c r="J9891" s="1" t="s">
        <v>37984</v>
      </c>
    </row>
    <row r="9892" spans="1:10" x14ac:dyDescent="0.35">
      <c r="A9892" s="1" t="s">
        <v>37893</v>
      </c>
      <c r="B9892" s="1" t="s">
        <v>35518</v>
      </c>
      <c r="C9892" s="1" t="s">
        <v>125</v>
      </c>
      <c r="D9892" s="1" t="s">
        <v>37985</v>
      </c>
      <c r="E9892" s="1" t="s">
        <v>37986</v>
      </c>
      <c r="F9892" s="1" t="s">
        <v>37987</v>
      </c>
      <c r="G9892" s="1" t="s">
        <v>37897</v>
      </c>
      <c r="H9892" s="1" t="s">
        <v>37898</v>
      </c>
      <c r="I9892" s="1" t="s">
        <v>35524</v>
      </c>
      <c r="J9892" s="1" t="s">
        <v>37988</v>
      </c>
    </row>
    <row r="9893" spans="1:10" x14ac:dyDescent="0.35">
      <c r="A9893" s="1" t="s">
        <v>37893</v>
      </c>
      <c r="B9893" s="1" t="s">
        <v>35518</v>
      </c>
      <c r="C9893" s="1" t="s">
        <v>130</v>
      </c>
      <c r="D9893" s="1" t="s">
        <v>37989</v>
      </c>
      <c r="E9893" s="1" t="s">
        <v>37990</v>
      </c>
      <c r="F9893" s="1" t="s">
        <v>37991</v>
      </c>
      <c r="G9893" s="1" t="s">
        <v>37897</v>
      </c>
      <c r="H9893" s="1" t="s">
        <v>37898</v>
      </c>
      <c r="I9893" s="1" t="s">
        <v>35524</v>
      </c>
      <c r="J9893" s="1" t="s">
        <v>37992</v>
      </c>
    </row>
    <row r="9894" spans="1:10" x14ac:dyDescent="0.35">
      <c r="A9894" s="1" t="s">
        <v>37893</v>
      </c>
      <c r="B9894" s="1" t="s">
        <v>35518</v>
      </c>
      <c r="C9894" s="1" t="s">
        <v>135</v>
      </c>
      <c r="D9894" s="1" t="s">
        <v>37993</v>
      </c>
      <c r="E9894" s="1" t="s">
        <v>37994</v>
      </c>
      <c r="F9894" s="1" t="s">
        <v>37995</v>
      </c>
      <c r="G9894" s="1" t="s">
        <v>37897</v>
      </c>
      <c r="H9894" s="1" t="s">
        <v>37898</v>
      </c>
      <c r="I9894" s="1" t="s">
        <v>35524</v>
      </c>
      <c r="J9894" s="1" t="s">
        <v>37996</v>
      </c>
    </row>
    <row r="9895" spans="1:10" x14ac:dyDescent="0.35">
      <c r="A9895" s="1" t="s">
        <v>37893</v>
      </c>
      <c r="B9895" s="1" t="s">
        <v>35518</v>
      </c>
      <c r="C9895" s="1" t="s">
        <v>140</v>
      </c>
      <c r="D9895" s="1" t="s">
        <v>37997</v>
      </c>
      <c r="E9895" s="1" t="s">
        <v>37998</v>
      </c>
      <c r="F9895" s="1" t="s">
        <v>37999</v>
      </c>
      <c r="G9895" s="1" t="s">
        <v>37897</v>
      </c>
      <c r="H9895" s="1" t="s">
        <v>37898</v>
      </c>
      <c r="I9895" s="1" t="s">
        <v>35524</v>
      </c>
      <c r="J9895" s="1" t="s">
        <v>38000</v>
      </c>
    </row>
    <row r="9896" spans="1:10" x14ac:dyDescent="0.35">
      <c r="A9896" s="1" t="s">
        <v>37893</v>
      </c>
      <c r="B9896" s="1" t="s">
        <v>35518</v>
      </c>
      <c r="C9896" s="1" t="s">
        <v>145</v>
      </c>
      <c r="D9896" s="1" t="s">
        <v>38001</v>
      </c>
      <c r="E9896" s="1" t="s">
        <v>38002</v>
      </c>
      <c r="F9896" s="1" t="s">
        <v>38003</v>
      </c>
      <c r="G9896" s="1" t="s">
        <v>37897</v>
      </c>
      <c r="H9896" s="1" t="s">
        <v>37898</v>
      </c>
      <c r="I9896" s="1" t="s">
        <v>35524</v>
      </c>
      <c r="J9896" s="1" t="s">
        <v>38004</v>
      </c>
    </row>
    <row r="9897" spans="1:10" x14ac:dyDescent="0.35">
      <c r="A9897" s="1" t="s">
        <v>37893</v>
      </c>
      <c r="B9897" s="1" t="s">
        <v>35518</v>
      </c>
      <c r="C9897" s="1" t="s">
        <v>150</v>
      </c>
      <c r="D9897" s="1" t="s">
        <v>38005</v>
      </c>
      <c r="E9897" s="1" t="s">
        <v>38006</v>
      </c>
      <c r="F9897" s="1" t="s">
        <v>38007</v>
      </c>
      <c r="G9897" s="1" t="s">
        <v>37897</v>
      </c>
      <c r="H9897" s="1" t="s">
        <v>37898</v>
      </c>
      <c r="I9897" s="1" t="s">
        <v>35524</v>
      </c>
      <c r="J9897" s="1" t="s">
        <v>38008</v>
      </c>
    </row>
    <row r="9898" spans="1:10" x14ac:dyDescent="0.35">
      <c r="A9898" s="1" t="s">
        <v>37893</v>
      </c>
      <c r="B9898" s="1" t="s">
        <v>35518</v>
      </c>
      <c r="C9898" s="1" t="s">
        <v>155</v>
      </c>
      <c r="D9898" s="1" t="s">
        <v>38009</v>
      </c>
      <c r="E9898" s="1" t="s">
        <v>38010</v>
      </c>
      <c r="F9898" s="1" t="s">
        <v>38011</v>
      </c>
      <c r="G9898" s="1" t="s">
        <v>37897</v>
      </c>
      <c r="H9898" s="1" t="s">
        <v>37898</v>
      </c>
      <c r="I9898" s="1" t="s">
        <v>35524</v>
      </c>
      <c r="J9898" s="1" t="s">
        <v>38012</v>
      </c>
    </row>
    <row r="9899" spans="1:10" x14ac:dyDescent="0.35">
      <c r="A9899" s="1" t="s">
        <v>37893</v>
      </c>
      <c r="B9899" s="1" t="s">
        <v>35518</v>
      </c>
      <c r="C9899" s="1" t="s">
        <v>160</v>
      </c>
      <c r="D9899" s="1" t="s">
        <v>38013</v>
      </c>
      <c r="E9899" s="1" t="s">
        <v>38014</v>
      </c>
      <c r="F9899" s="1" t="s">
        <v>38015</v>
      </c>
      <c r="G9899" s="1" t="s">
        <v>37897</v>
      </c>
      <c r="H9899" s="1" t="s">
        <v>37898</v>
      </c>
      <c r="I9899" s="1" t="s">
        <v>35524</v>
      </c>
      <c r="J9899" s="1" t="s">
        <v>38016</v>
      </c>
    </row>
    <row r="9900" spans="1:10" x14ac:dyDescent="0.35">
      <c r="A9900" s="1" t="s">
        <v>37893</v>
      </c>
      <c r="B9900" s="1" t="s">
        <v>35518</v>
      </c>
      <c r="C9900" s="1" t="s">
        <v>165</v>
      </c>
      <c r="D9900" s="1" t="s">
        <v>38017</v>
      </c>
      <c r="E9900" s="1" t="s">
        <v>38018</v>
      </c>
      <c r="F9900" s="1" t="s">
        <v>38019</v>
      </c>
      <c r="G9900" s="1" t="s">
        <v>37897</v>
      </c>
      <c r="H9900" s="1" t="s">
        <v>37898</v>
      </c>
      <c r="I9900" s="1" t="s">
        <v>35524</v>
      </c>
      <c r="J9900" s="1" t="s">
        <v>38020</v>
      </c>
    </row>
    <row r="9901" spans="1:10" x14ac:dyDescent="0.35">
      <c r="A9901" s="1" t="s">
        <v>37893</v>
      </c>
      <c r="B9901" s="1" t="s">
        <v>35518</v>
      </c>
      <c r="C9901" s="1" t="s">
        <v>170</v>
      </c>
      <c r="D9901" s="1" t="s">
        <v>38021</v>
      </c>
      <c r="E9901" s="1" t="s">
        <v>38022</v>
      </c>
      <c r="F9901" s="1" t="s">
        <v>38023</v>
      </c>
      <c r="G9901" s="1" t="s">
        <v>37897</v>
      </c>
      <c r="H9901" s="1" t="s">
        <v>37898</v>
      </c>
      <c r="I9901" s="1" t="s">
        <v>35524</v>
      </c>
      <c r="J9901" s="1" t="s">
        <v>38024</v>
      </c>
    </row>
    <row r="9902" spans="1:10" x14ac:dyDescent="0.35">
      <c r="A9902" s="1" t="s">
        <v>38025</v>
      </c>
      <c r="B9902" s="1" t="s">
        <v>35518</v>
      </c>
      <c r="C9902" s="1" t="s">
        <v>8</v>
      </c>
      <c r="D9902" s="1" t="s">
        <v>38026</v>
      </c>
      <c r="E9902" s="1" t="s">
        <v>38027</v>
      </c>
      <c r="F9902" s="1" t="s">
        <v>38028</v>
      </c>
      <c r="G9902" s="1" t="s">
        <v>38029</v>
      </c>
      <c r="H9902" s="1" t="s">
        <v>38030</v>
      </c>
      <c r="I9902" s="1" t="s">
        <v>35524</v>
      </c>
      <c r="J9902" s="1" t="s">
        <v>13</v>
      </c>
    </row>
    <row r="9903" spans="1:10" x14ac:dyDescent="0.35">
      <c r="A9903" s="1" t="s">
        <v>38025</v>
      </c>
      <c r="B9903" s="1" t="s">
        <v>35518</v>
      </c>
      <c r="C9903" s="1" t="s">
        <v>15</v>
      </c>
      <c r="D9903" s="1" t="s">
        <v>38031</v>
      </c>
      <c r="E9903" s="1" t="s">
        <v>38032</v>
      </c>
      <c r="F9903" s="1" t="s">
        <v>38033</v>
      </c>
      <c r="G9903" s="1" t="s">
        <v>38029</v>
      </c>
      <c r="H9903" s="1" t="s">
        <v>38030</v>
      </c>
      <c r="I9903" s="1" t="s">
        <v>35524</v>
      </c>
      <c r="J9903" s="1" t="s">
        <v>38034</v>
      </c>
    </row>
    <row r="9904" spans="1:10" x14ac:dyDescent="0.35">
      <c r="A9904" s="1" t="s">
        <v>38025</v>
      </c>
      <c r="B9904" s="1" t="s">
        <v>35518</v>
      </c>
      <c r="C9904" s="1" t="s">
        <v>20</v>
      </c>
      <c r="D9904" s="1" t="s">
        <v>38035</v>
      </c>
      <c r="E9904" s="1" t="s">
        <v>38036</v>
      </c>
      <c r="F9904" s="1" t="s">
        <v>38037</v>
      </c>
      <c r="G9904" s="1" t="s">
        <v>38029</v>
      </c>
      <c r="H9904" s="1" t="s">
        <v>38030</v>
      </c>
      <c r="I9904" s="1" t="s">
        <v>35524</v>
      </c>
      <c r="J9904" s="1" t="s">
        <v>38038</v>
      </c>
    </row>
    <row r="9905" spans="1:10" x14ac:dyDescent="0.35">
      <c r="A9905" s="1" t="s">
        <v>38025</v>
      </c>
      <c r="B9905" s="1" t="s">
        <v>35518</v>
      </c>
      <c r="C9905" s="1" t="s">
        <v>25</v>
      </c>
      <c r="D9905" s="1" t="s">
        <v>38039</v>
      </c>
      <c r="E9905" s="1" t="s">
        <v>38040</v>
      </c>
      <c r="F9905" s="1" t="s">
        <v>38041</v>
      </c>
      <c r="G9905" s="1" t="s">
        <v>38029</v>
      </c>
      <c r="H9905" s="1" t="s">
        <v>38030</v>
      </c>
      <c r="I9905" s="1" t="s">
        <v>35524</v>
      </c>
      <c r="J9905" s="1" t="s">
        <v>38042</v>
      </c>
    </row>
    <row r="9906" spans="1:10" x14ac:dyDescent="0.35">
      <c r="A9906" s="1" t="s">
        <v>38025</v>
      </c>
      <c r="B9906" s="1" t="s">
        <v>35518</v>
      </c>
      <c r="C9906" s="1" t="s">
        <v>30</v>
      </c>
      <c r="D9906" s="1" t="s">
        <v>38043</v>
      </c>
      <c r="E9906" s="1" t="s">
        <v>38044</v>
      </c>
      <c r="F9906" s="1" t="s">
        <v>38045</v>
      </c>
      <c r="G9906" s="1" t="s">
        <v>38029</v>
      </c>
      <c r="H9906" s="1" t="s">
        <v>38030</v>
      </c>
      <c r="I9906" s="1" t="s">
        <v>35524</v>
      </c>
      <c r="J9906" s="1" t="s">
        <v>38046</v>
      </c>
    </row>
    <row r="9907" spans="1:10" x14ac:dyDescent="0.35">
      <c r="A9907" s="1" t="s">
        <v>38025</v>
      </c>
      <c r="B9907" s="1" t="s">
        <v>35518</v>
      </c>
      <c r="C9907" s="1" t="s">
        <v>35</v>
      </c>
      <c r="D9907" s="1" t="s">
        <v>38047</v>
      </c>
      <c r="E9907" s="1" t="s">
        <v>38048</v>
      </c>
      <c r="F9907" s="1" t="s">
        <v>38049</v>
      </c>
      <c r="G9907" s="1" t="s">
        <v>38029</v>
      </c>
      <c r="H9907" s="1" t="s">
        <v>38030</v>
      </c>
      <c r="I9907" s="1" t="s">
        <v>35524</v>
      </c>
      <c r="J9907" s="1" t="s">
        <v>38050</v>
      </c>
    </row>
    <row r="9908" spans="1:10" x14ac:dyDescent="0.35">
      <c r="A9908" s="1" t="s">
        <v>38025</v>
      </c>
      <c r="B9908" s="1" t="s">
        <v>35518</v>
      </c>
      <c r="C9908" s="1" t="s">
        <v>40</v>
      </c>
      <c r="D9908" s="1" t="s">
        <v>38051</v>
      </c>
      <c r="E9908" s="1" t="s">
        <v>38052</v>
      </c>
      <c r="F9908" s="1" t="s">
        <v>38053</v>
      </c>
      <c r="G9908" s="1" t="s">
        <v>38029</v>
      </c>
      <c r="H9908" s="1" t="s">
        <v>38030</v>
      </c>
      <c r="I9908" s="1" t="s">
        <v>35524</v>
      </c>
      <c r="J9908" s="1" t="s">
        <v>38054</v>
      </c>
    </row>
    <row r="9909" spans="1:10" x14ac:dyDescent="0.35">
      <c r="A9909" s="1" t="s">
        <v>38025</v>
      </c>
      <c r="B9909" s="1" t="s">
        <v>35518</v>
      </c>
      <c r="C9909" s="1" t="s">
        <v>45</v>
      </c>
      <c r="D9909" s="1" t="s">
        <v>38055</v>
      </c>
      <c r="E9909" s="1" t="s">
        <v>38056</v>
      </c>
      <c r="F9909" s="1" t="s">
        <v>38057</v>
      </c>
      <c r="G9909" s="1" t="s">
        <v>38029</v>
      </c>
      <c r="H9909" s="1" t="s">
        <v>38030</v>
      </c>
      <c r="I9909" s="1" t="s">
        <v>35524</v>
      </c>
      <c r="J9909" s="1" t="s">
        <v>38058</v>
      </c>
    </row>
    <row r="9910" spans="1:10" x14ac:dyDescent="0.35">
      <c r="A9910" s="1" t="s">
        <v>38025</v>
      </c>
      <c r="B9910" s="1" t="s">
        <v>35518</v>
      </c>
      <c r="C9910" s="1" t="s">
        <v>50</v>
      </c>
      <c r="D9910" s="1" t="s">
        <v>38059</v>
      </c>
      <c r="E9910" s="1" t="s">
        <v>38060</v>
      </c>
      <c r="F9910" s="1" t="s">
        <v>38061</v>
      </c>
      <c r="G9910" s="1" t="s">
        <v>38029</v>
      </c>
      <c r="H9910" s="1" t="s">
        <v>38030</v>
      </c>
      <c r="I9910" s="1" t="s">
        <v>35524</v>
      </c>
      <c r="J9910" s="1" t="s">
        <v>38062</v>
      </c>
    </row>
    <row r="9911" spans="1:10" x14ac:dyDescent="0.35">
      <c r="A9911" s="1" t="s">
        <v>38025</v>
      </c>
      <c r="B9911" s="1" t="s">
        <v>35518</v>
      </c>
      <c r="C9911" s="1" t="s">
        <v>55</v>
      </c>
      <c r="D9911" s="1" t="s">
        <v>38063</v>
      </c>
      <c r="E9911" s="1" t="s">
        <v>38064</v>
      </c>
      <c r="F9911" s="1" t="s">
        <v>38065</v>
      </c>
      <c r="G9911" s="1" t="s">
        <v>38029</v>
      </c>
      <c r="H9911" s="1" t="s">
        <v>38030</v>
      </c>
      <c r="I9911" s="1" t="s">
        <v>35524</v>
      </c>
      <c r="J9911" s="1" t="s">
        <v>38066</v>
      </c>
    </row>
    <row r="9912" spans="1:10" x14ac:dyDescent="0.35">
      <c r="A9912" s="1" t="s">
        <v>38025</v>
      </c>
      <c r="B9912" s="1" t="s">
        <v>35518</v>
      </c>
      <c r="C9912" s="1" t="s">
        <v>60</v>
      </c>
      <c r="D9912" s="1" t="s">
        <v>38067</v>
      </c>
      <c r="E9912" s="1" t="s">
        <v>38068</v>
      </c>
      <c r="F9912" s="1" t="s">
        <v>38069</v>
      </c>
      <c r="G9912" s="1" t="s">
        <v>38029</v>
      </c>
      <c r="H9912" s="1" t="s">
        <v>38030</v>
      </c>
      <c r="I9912" s="1" t="s">
        <v>35524</v>
      </c>
      <c r="J9912" s="1" t="s">
        <v>38070</v>
      </c>
    </row>
    <row r="9913" spans="1:10" x14ac:dyDescent="0.35">
      <c r="A9913" s="1" t="s">
        <v>38025</v>
      </c>
      <c r="B9913" s="1" t="s">
        <v>35518</v>
      </c>
      <c r="C9913" s="1" t="s">
        <v>65</v>
      </c>
      <c r="D9913" s="1" t="s">
        <v>38071</v>
      </c>
      <c r="E9913" s="1" t="s">
        <v>38072</v>
      </c>
      <c r="F9913" s="1" t="s">
        <v>38073</v>
      </c>
      <c r="G9913" s="1" t="s">
        <v>38029</v>
      </c>
      <c r="H9913" s="1" t="s">
        <v>38030</v>
      </c>
      <c r="I9913" s="1" t="s">
        <v>35524</v>
      </c>
      <c r="J9913" s="1" t="s">
        <v>38074</v>
      </c>
    </row>
    <row r="9914" spans="1:10" x14ac:dyDescent="0.35">
      <c r="A9914" s="1" t="s">
        <v>38025</v>
      </c>
      <c r="B9914" s="1" t="s">
        <v>35518</v>
      </c>
      <c r="C9914" s="1" t="s">
        <v>70</v>
      </c>
      <c r="D9914" s="1" t="s">
        <v>38075</v>
      </c>
      <c r="E9914" s="1" t="s">
        <v>38076</v>
      </c>
      <c r="F9914" s="1" t="s">
        <v>38077</v>
      </c>
      <c r="G9914" s="1" t="s">
        <v>38029</v>
      </c>
      <c r="H9914" s="1" t="s">
        <v>38030</v>
      </c>
      <c r="I9914" s="1" t="s">
        <v>35524</v>
      </c>
      <c r="J9914" s="1" t="s">
        <v>38078</v>
      </c>
    </row>
    <row r="9915" spans="1:10" x14ac:dyDescent="0.35">
      <c r="A9915" s="1" t="s">
        <v>38025</v>
      </c>
      <c r="B9915" s="1" t="s">
        <v>35518</v>
      </c>
      <c r="C9915" s="1" t="s">
        <v>75</v>
      </c>
      <c r="D9915" s="1" t="s">
        <v>38079</v>
      </c>
      <c r="E9915" s="1" t="s">
        <v>38080</v>
      </c>
      <c r="F9915" s="1" t="s">
        <v>38081</v>
      </c>
      <c r="G9915" s="1" t="s">
        <v>38029</v>
      </c>
      <c r="H9915" s="1" t="s">
        <v>38030</v>
      </c>
      <c r="I9915" s="1" t="s">
        <v>35524</v>
      </c>
      <c r="J9915" s="1" t="s">
        <v>38082</v>
      </c>
    </row>
    <row r="9916" spans="1:10" x14ac:dyDescent="0.35">
      <c r="A9916" s="1" t="s">
        <v>38025</v>
      </c>
      <c r="B9916" s="1" t="s">
        <v>35518</v>
      </c>
      <c r="C9916" s="1" t="s">
        <v>80</v>
      </c>
      <c r="D9916" s="1" t="s">
        <v>38083</v>
      </c>
      <c r="E9916" s="1" t="s">
        <v>38084</v>
      </c>
      <c r="F9916" s="1" t="s">
        <v>38085</v>
      </c>
      <c r="G9916" s="1" t="s">
        <v>38029</v>
      </c>
      <c r="H9916" s="1" t="s">
        <v>38030</v>
      </c>
      <c r="I9916" s="1" t="s">
        <v>35524</v>
      </c>
      <c r="J9916" s="1" t="s">
        <v>38086</v>
      </c>
    </row>
    <row r="9917" spans="1:10" x14ac:dyDescent="0.35">
      <c r="A9917" s="1" t="s">
        <v>38025</v>
      </c>
      <c r="B9917" s="1" t="s">
        <v>35518</v>
      </c>
      <c r="C9917" s="1" t="s">
        <v>85</v>
      </c>
      <c r="D9917" s="1" t="s">
        <v>38087</v>
      </c>
      <c r="E9917" s="1" t="s">
        <v>38088</v>
      </c>
      <c r="F9917" s="1" t="s">
        <v>38089</v>
      </c>
      <c r="G9917" s="1" t="s">
        <v>38029</v>
      </c>
      <c r="H9917" s="1" t="s">
        <v>38030</v>
      </c>
      <c r="I9917" s="1" t="s">
        <v>35524</v>
      </c>
      <c r="J9917" s="1" t="s">
        <v>38090</v>
      </c>
    </row>
    <row r="9918" spans="1:10" x14ac:dyDescent="0.35">
      <c r="A9918" s="1" t="s">
        <v>38025</v>
      </c>
      <c r="B9918" s="1" t="s">
        <v>35518</v>
      </c>
      <c r="C9918" s="1" t="s">
        <v>90</v>
      </c>
      <c r="D9918" s="1" t="s">
        <v>38091</v>
      </c>
      <c r="E9918" s="1" t="s">
        <v>38092</v>
      </c>
      <c r="F9918" s="1" t="s">
        <v>38093</v>
      </c>
      <c r="G9918" s="1" t="s">
        <v>38029</v>
      </c>
      <c r="H9918" s="1" t="s">
        <v>38030</v>
      </c>
      <c r="I9918" s="1" t="s">
        <v>35524</v>
      </c>
      <c r="J9918" s="1" t="s">
        <v>38094</v>
      </c>
    </row>
    <row r="9919" spans="1:10" x14ac:dyDescent="0.35">
      <c r="A9919" s="1" t="s">
        <v>38025</v>
      </c>
      <c r="B9919" s="1" t="s">
        <v>35518</v>
      </c>
      <c r="C9919" s="1" t="s">
        <v>95</v>
      </c>
      <c r="D9919" s="1" t="s">
        <v>38095</v>
      </c>
      <c r="E9919" s="1" t="s">
        <v>38096</v>
      </c>
      <c r="F9919" s="1" t="s">
        <v>38097</v>
      </c>
      <c r="G9919" s="1" t="s">
        <v>38029</v>
      </c>
      <c r="H9919" s="1" t="s">
        <v>38030</v>
      </c>
      <c r="I9919" s="1" t="s">
        <v>35524</v>
      </c>
      <c r="J9919" s="1" t="s">
        <v>38098</v>
      </c>
    </row>
    <row r="9920" spans="1:10" x14ac:dyDescent="0.35">
      <c r="A9920" s="1" t="s">
        <v>38025</v>
      </c>
      <c r="B9920" s="1" t="s">
        <v>35518</v>
      </c>
      <c r="C9920" s="1" t="s">
        <v>100</v>
      </c>
      <c r="D9920" s="1" t="s">
        <v>38099</v>
      </c>
      <c r="E9920" s="1" t="s">
        <v>38100</v>
      </c>
      <c r="F9920" s="1" t="s">
        <v>38101</v>
      </c>
      <c r="G9920" s="1" t="s">
        <v>38029</v>
      </c>
      <c r="H9920" s="1" t="s">
        <v>38030</v>
      </c>
      <c r="I9920" s="1" t="s">
        <v>35524</v>
      </c>
      <c r="J9920" s="1" t="s">
        <v>38102</v>
      </c>
    </row>
    <row r="9921" spans="1:10" x14ac:dyDescent="0.35">
      <c r="A9921" s="1" t="s">
        <v>38025</v>
      </c>
      <c r="B9921" s="1" t="s">
        <v>35518</v>
      </c>
      <c r="C9921" s="1" t="s">
        <v>105</v>
      </c>
      <c r="D9921" s="1" t="s">
        <v>38103</v>
      </c>
      <c r="E9921" s="1" t="s">
        <v>38104</v>
      </c>
      <c r="F9921" s="1" t="s">
        <v>38105</v>
      </c>
      <c r="G9921" s="1" t="s">
        <v>38029</v>
      </c>
      <c r="H9921" s="1" t="s">
        <v>38030</v>
      </c>
      <c r="I9921" s="1" t="s">
        <v>35524</v>
      </c>
      <c r="J9921" s="1" t="s">
        <v>38106</v>
      </c>
    </row>
    <row r="9922" spans="1:10" x14ac:dyDescent="0.35">
      <c r="A9922" s="1" t="s">
        <v>38025</v>
      </c>
      <c r="B9922" s="1" t="s">
        <v>35518</v>
      </c>
      <c r="C9922" s="1" t="s">
        <v>110</v>
      </c>
      <c r="D9922" s="1" t="s">
        <v>38107</v>
      </c>
      <c r="E9922" s="1" t="s">
        <v>38108</v>
      </c>
      <c r="F9922" s="1" t="s">
        <v>38109</v>
      </c>
      <c r="G9922" s="1" t="s">
        <v>38029</v>
      </c>
      <c r="H9922" s="1" t="s">
        <v>38030</v>
      </c>
      <c r="I9922" s="1" t="s">
        <v>35524</v>
      </c>
      <c r="J9922" s="1" t="s">
        <v>19516</v>
      </c>
    </row>
    <row r="9923" spans="1:10" x14ac:dyDescent="0.35">
      <c r="A9923" s="1" t="s">
        <v>38025</v>
      </c>
      <c r="B9923" s="1" t="s">
        <v>35518</v>
      </c>
      <c r="C9923" s="1" t="s">
        <v>115</v>
      </c>
      <c r="D9923" s="1" t="s">
        <v>14287</v>
      </c>
      <c r="E9923" s="1" t="s">
        <v>38110</v>
      </c>
      <c r="F9923" s="1" t="s">
        <v>38111</v>
      </c>
      <c r="G9923" s="1" t="s">
        <v>38029</v>
      </c>
      <c r="H9923" s="1" t="s">
        <v>38030</v>
      </c>
      <c r="I9923" s="1" t="s">
        <v>35524</v>
      </c>
      <c r="J9923" s="1" t="s">
        <v>38112</v>
      </c>
    </row>
    <row r="9924" spans="1:10" x14ac:dyDescent="0.35">
      <c r="A9924" s="1" t="s">
        <v>38025</v>
      </c>
      <c r="B9924" s="1" t="s">
        <v>35518</v>
      </c>
      <c r="C9924" s="1" t="s">
        <v>120</v>
      </c>
      <c r="D9924" s="1" t="s">
        <v>38113</v>
      </c>
      <c r="E9924" s="1" t="s">
        <v>38114</v>
      </c>
      <c r="F9924" s="1" t="s">
        <v>38115</v>
      </c>
      <c r="G9924" s="1" t="s">
        <v>38029</v>
      </c>
      <c r="H9924" s="1" t="s">
        <v>38030</v>
      </c>
      <c r="I9924" s="1" t="s">
        <v>35524</v>
      </c>
      <c r="J9924" s="1" t="s">
        <v>38116</v>
      </c>
    </row>
    <row r="9925" spans="1:10" x14ac:dyDescent="0.35">
      <c r="A9925" s="1" t="s">
        <v>38025</v>
      </c>
      <c r="B9925" s="1" t="s">
        <v>35518</v>
      </c>
      <c r="C9925" s="1" t="s">
        <v>125</v>
      </c>
      <c r="D9925" s="1" t="s">
        <v>38117</v>
      </c>
      <c r="E9925" s="1" t="s">
        <v>38118</v>
      </c>
      <c r="F9925" s="1" t="s">
        <v>38119</v>
      </c>
      <c r="G9925" s="1" t="s">
        <v>38029</v>
      </c>
      <c r="H9925" s="1" t="s">
        <v>38030</v>
      </c>
      <c r="I9925" s="1" t="s">
        <v>35524</v>
      </c>
      <c r="J9925" s="1" t="s">
        <v>38120</v>
      </c>
    </row>
    <row r="9926" spans="1:10" x14ac:dyDescent="0.35">
      <c r="A9926" s="1" t="s">
        <v>38025</v>
      </c>
      <c r="B9926" s="1" t="s">
        <v>35518</v>
      </c>
      <c r="C9926" s="1" t="s">
        <v>130</v>
      </c>
      <c r="D9926" s="1" t="s">
        <v>38121</v>
      </c>
      <c r="E9926" s="1" t="s">
        <v>38122</v>
      </c>
      <c r="F9926" s="1" t="s">
        <v>38123</v>
      </c>
      <c r="G9926" s="1" t="s">
        <v>38029</v>
      </c>
      <c r="H9926" s="1" t="s">
        <v>38030</v>
      </c>
      <c r="I9926" s="1" t="s">
        <v>35524</v>
      </c>
      <c r="J9926" s="1" t="s">
        <v>38124</v>
      </c>
    </row>
    <row r="9927" spans="1:10" x14ac:dyDescent="0.35">
      <c r="A9927" s="1" t="s">
        <v>38025</v>
      </c>
      <c r="B9927" s="1" t="s">
        <v>35518</v>
      </c>
      <c r="C9927" s="1" t="s">
        <v>135</v>
      </c>
      <c r="D9927" s="1" t="s">
        <v>38125</v>
      </c>
      <c r="E9927" s="1" t="s">
        <v>38126</v>
      </c>
      <c r="F9927" s="1" t="s">
        <v>38127</v>
      </c>
      <c r="G9927" s="1" t="s">
        <v>38029</v>
      </c>
      <c r="H9927" s="1" t="s">
        <v>38030</v>
      </c>
      <c r="I9927" s="1" t="s">
        <v>35524</v>
      </c>
      <c r="J9927" s="1" t="s">
        <v>38128</v>
      </c>
    </row>
    <row r="9928" spans="1:10" x14ac:dyDescent="0.35">
      <c r="A9928" s="1" t="s">
        <v>38025</v>
      </c>
      <c r="B9928" s="1" t="s">
        <v>35518</v>
      </c>
      <c r="C9928" s="1" t="s">
        <v>140</v>
      </c>
      <c r="D9928" s="1" t="s">
        <v>38129</v>
      </c>
      <c r="E9928" s="1" t="s">
        <v>38130</v>
      </c>
      <c r="F9928" s="1" t="s">
        <v>38131</v>
      </c>
      <c r="G9928" s="1" t="s">
        <v>38029</v>
      </c>
      <c r="H9928" s="1" t="s">
        <v>38030</v>
      </c>
      <c r="I9928" s="1" t="s">
        <v>35524</v>
      </c>
      <c r="J9928" s="1" t="s">
        <v>38132</v>
      </c>
    </row>
    <row r="9929" spans="1:10" x14ac:dyDescent="0.35">
      <c r="A9929" s="1" t="s">
        <v>38025</v>
      </c>
      <c r="B9929" s="1" t="s">
        <v>35518</v>
      </c>
      <c r="C9929" s="1" t="s">
        <v>145</v>
      </c>
      <c r="D9929" s="1" t="s">
        <v>16301</v>
      </c>
      <c r="E9929" s="1" t="s">
        <v>38133</v>
      </c>
      <c r="F9929" s="1" t="s">
        <v>38134</v>
      </c>
      <c r="G9929" s="1" t="s">
        <v>38029</v>
      </c>
      <c r="H9929" s="1" t="s">
        <v>38030</v>
      </c>
      <c r="I9929" s="1" t="s">
        <v>35524</v>
      </c>
      <c r="J9929" s="1" t="s">
        <v>38135</v>
      </c>
    </row>
    <row r="9930" spans="1:10" x14ac:dyDescent="0.35">
      <c r="A9930" s="1" t="s">
        <v>38025</v>
      </c>
      <c r="B9930" s="1" t="s">
        <v>35518</v>
      </c>
      <c r="C9930" s="1" t="s">
        <v>150</v>
      </c>
      <c r="D9930" s="1" t="s">
        <v>18155</v>
      </c>
      <c r="E9930" s="1" t="s">
        <v>38136</v>
      </c>
      <c r="F9930" s="1" t="s">
        <v>38137</v>
      </c>
      <c r="G9930" s="1" t="s">
        <v>38029</v>
      </c>
      <c r="H9930" s="1" t="s">
        <v>38030</v>
      </c>
      <c r="I9930" s="1" t="s">
        <v>35524</v>
      </c>
      <c r="J9930" s="1" t="s">
        <v>38138</v>
      </c>
    </row>
    <row r="9931" spans="1:10" x14ac:dyDescent="0.35">
      <c r="A9931" s="1" t="s">
        <v>38025</v>
      </c>
      <c r="B9931" s="1" t="s">
        <v>35518</v>
      </c>
      <c r="C9931" s="1" t="s">
        <v>155</v>
      </c>
      <c r="D9931" s="1" t="s">
        <v>38139</v>
      </c>
      <c r="E9931" s="1" t="s">
        <v>38140</v>
      </c>
      <c r="F9931" s="1" t="s">
        <v>38141</v>
      </c>
      <c r="G9931" s="1" t="s">
        <v>38029</v>
      </c>
      <c r="H9931" s="1" t="s">
        <v>38030</v>
      </c>
      <c r="I9931" s="1" t="s">
        <v>35524</v>
      </c>
      <c r="J9931" s="1" t="s">
        <v>38142</v>
      </c>
    </row>
    <row r="9932" spans="1:10" x14ac:dyDescent="0.35">
      <c r="A9932" s="1" t="s">
        <v>38025</v>
      </c>
      <c r="B9932" s="1" t="s">
        <v>35518</v>
      </c>
      <c r="C9932" s="1" t="s">
        <v>160</v>
      </c>
      <c r="D9932" s="1" t="s">
        <v>36892</v>
      </c>
      <c r="E9932" s="1" t="s">
        <v>38143</v>
      </c>
      <c r="F9932" s="1" t="s">
        <v>38144</v>
      </c>
      <c r="G9932" s="1" t="s">
        <v>38029</v>
      </c>
      <c r="H9932" s="1" t="s">
        <v>38030</v>
      </c>
      <c r="I9932" s="1" t="s">
        <v>35524</v>
      </c>
      <c r="J9932" s="1" t="s">
        <v>38145</v>
      </c>
    </row>
    <row r="9933" spans="1:10" x14ac:dyDescent="0.35">
      <c r="A9933" s="1" t="s">
        <v>38025</v>
      </c>
      <c r="B9933" s="1" t="s">
        <v>35518</v>
      </c>
      <c r="C9933" s="1" t="s">
        <v>165</v>
      </c>
      <c r="D9933" s="1" t="s">
        <v>38146</v>
      </c>
      <c r="E9933" s="1" t="s">
        <v>38147</v>
      </c>
      <c r="F9933" s="1" t="s">
        <v>38148</v>
      </c>
      <c r="G9933" s="1" t="s">
        <v>38029</v>
      </c>
      <c r="H9933" s="1" t="s">
        <v>38030</v>
      </c>
      <c r="I9933" s="1" t="s">
        <v>35524</v>
      </c>
      <c r="J9933" s="1" t="s">
        <v>38149</v>
      </c>
    </row>
    <row r="9934" spans="1:10" x14ac:dyDescent="0.35">
      <c r="A9934" s="1" t="s">
        <v>38025</v>
      </c>
      <c r="B9934" s="1" t="s">
        <v>35518</v>
      </c>
      <c r="C9934" s="1" t="s">
        <v>170</v>
      </c>
      <c r="D9934" s="1" t="s">
        <v>38150</v>
      </c>
      <c r="E9934" s="1" t="s">
        <v>38151</v>
      </c>
      <c r="F9934" s="1" t="s">
        <v>38152</v>
      </c>
      <c r="G9934" s="1" t="s">
        <v>38029</v>
      </c>
      <c r="H9934" s="1" t="s">
        <v>38030</v>
      </c>
      <c r="I9934" s="1" t="s">
        <v>35524</v>
      </c>
      <c r="J9934" s="1" t="s">
        <v>38153</v>
      </c>
    </row>
    <row r="9935" spans="1:10" x14ac:dyDescent="0.35">
      <c r="A9935" s="1" t="s">
        <v>38154</v>
      </c>
      <c r="B9935" s="1" t="s">
        <v>35518</v>
      </c>
      <c r="C9935" s="1" t="s">
        <v>8</v>
      </c>
      <c r="D9935" s="1" t="s">
        <v>38155</v>
      </c>
      <c r="E9935" s="1" t="s">
        <v>38156</v>
      </c>
      <c r="F9935" s="1" t="s">
        <v>38157</v>
      </c>
      <c r="G9935" s="1" t="s">
        <v>38158</v>
      </c>
      <c r="H9935" s="1" t="s">
        <v>38159</v>
      </c>
      <c r="I9935" s="1" t="s">
        <v>35524</v>
      </c>
      <c r="J9935" s="1" t="s">
        <v>13</v>
      </c>
    </row>
    <row r="9936" spans="1:10" x14ac:dyDescent="0.35">
      <c r="A9936" s="1" t="s">
        <v>38154</v>
      </c>
      <c r="B9936" s="1" t="s">
        <v>35518</v>
      </c>
      <c r="C9936" s="1" t="s">
        <v>15</v>
      </c>
      <c r="D9936" s="1" t="s">
        <v>36775</v>
      </c>
      <c r="E9936" s="1" t="s">
        <v>38160</v>
      </c>
      <c r="F9936" s="1" t="s">
        <v>38161</v>
      </c>
      <c r="G9936" s="1" t="s">
        <v>38158</v>
      </c>
      <c r="H9936" s="1" t="s">
        <v>38159</v>
      </c>
      <c r="I9936" s="1" t="s">
        <v>35524</v>
      </c>
      <c r="J9936" s="1" t="s">
        <v>38162</v>
      </c>
    </row>
    <row r="9937" spans="1:10" x14ac:dyDescent="0.35">
      <c r="A9937" s="1" t="s">
        <v>38154</v>
      </c>
      <c r="B9937" s="1" t="s">
        <v>35518</v>
      </c>
      <c r="C9937" s="1" t="s">
        <v>20</v>
      </c>
      <c r="D9937" s="1" t="s">
        <v>38163</v>
      </c>
      <c r="E9937" s="1" t="s">
        <v>38164</v>
      </c>
      <c r="F9937" s="1" t="s">
        <v>38165</v>
      </c>
      <c r="G9937" s="1" t="s">
        <v>38158</v>
      </c>
      <c r="H9937" s="1" t="s">
        <v>38159</v>
      </c>
      <c r="I9937" s="1" t="s">
        <v>35524</v>
      </c>
      <c r="J9937" s="1" t="s">
        <v>38166</v>
      </c>
    </row>
    <row r="9938" spans="1:10" x14ac:dyDescent="0.35">
      <c r="A9938" s="1" t="s">
        <v>38154</v>
      </c>
      <c r="B9938" s="1" t="s">
        <v>35518</v>
      </c>
      <c r="C9938" s="1" t="s">
        <v>25</v>
      </c>
      <c r="D9938" s="1" t="s">
        <v>38167</v>
      </c>
      <c r="E9938" s="1" t="s">
        <v>38168</v>
      </c>
      <c r="F9938" s="1" t="s">
        <v>38169</v>
      </c>
      <c r="G9938" s="1" t="s">
        <v>38158</v>
      </c>
      <c r="H9938" s="1" t="s">
        <v>38159</v>
      </c>
      <c r="I9938" s="1" t="s">
        <v>35524</v>
      </c>
      <c r="J9938" s="1" t="s">
        <v>38170</v>
      </c>
    </row>
    <row r="9939" spans="1:10" x14ac:dyDescent="0.35">
      <c r="A9939" s="1" t="s">
        <v>38154</v>
      </c>
      <c r="B9939" s="1" t="s">
        <v>35518</v>
      </c>
      <c r="C9939" s="1" t="s">
        <v>30</v>
      </c>
      <c r="D9939" s="1" t="s">
        <v>38171</v>
      </c>
      <c r="E9939" s="1" t="s">
        <v>38172</v>
      </c>
      <c r="F9939" s="1" t="s">
        <v>38173</v>
      </c>
      <c r="G9939" s="1" t="s">
        <v>38158</v>
      </c>
      <c r="H9939" s="1" t="s">
        <v>38159</v>
      </c>
      <c r="I9939" s="1" t="s">
        <v>35524</v>
      </c>
      <c r="J9939" s="1" t="s">
        <v>38174</v>
      </c>
    </row>
    <row r="9940" spans="1:10" x14ac:dyDescent="0.35">
      <c r="A9940" s="1" t="s">
        <v>38154</v>
      </c>
      <c r="B9940" s="1" t="s">
        <v>35518</v>
      </c>
      <c r="C9940" s="1" t="s">
        <v>35</v>
      </c>
      <c r="D9940" s="1" t="s">
        <v>38175</v>
      </c>
      <c r="E9940" s="1" t="s">
        <v>38176</v>
      </c>
      <c r="F9940" s="1" t="s">
        <v>38177</v>
      </c>
      <c r="G9940" s="1" t="s">
        <v>38158</v>
      </c>
      <c r="H9940" s="1" t="s">
        <v>38159</v>
      </c>
      <c r="I9940" s="1" t="s">
        <v>35524</v>
      </c>
      <c r="J9940" s="1" t="s">
        <v>38178</v>
      </c>
    </row>
    <row r="9941" spans="1:10" x14ac:dyDescent="0.35">
      <c r="A9941" s="1" t="s">
        <v>38154</v>
      </c>
      <c r="B9941" s="1" t="s">
        <v>35518</v>
      </c>
      <c r="C9941" s="1" t="s">
        <v>40</v>
      </c>
      <c r="D9941" s="1" t="s">
        <v>15262</v>
      </c>
      <c r="E9941" s="1" t="s">
        <v>38179</v>
      </c>
      <c r="F9941" s="1" t="s">
        <v>38180</v>
      </c>
      <c r="G9941" s="1" t="s">
        <v>38158</v>
      </c>
      <c r="H9941" s="1" t="s">
        <v>38159</v>
      </c>
      <c r="I9941" s="1" t="s">
        <v>35524</v>
      </c>
      <c r="J9941" s="1" t="s">
        <v>38181</v>
      </c>
    </row>
    <row r="9942" spans="1:10" x14ac:dyDescent="0.35">
      <c r="A9942" s="1" t="s">
        <v>38154</v>
      </c>
      <c r="B9942" s="1" t="s">
        <v>35518</v>
      </c>
      <c r="C9942" s="1" t="s">
        <v>45</v>
      </c>
      <c r="D9942" s="1" t="s">
        <v>31132</v>
      </c>
      <c r="E9942" s="1" t="s">
        <v>38182</v>
      </c>
      <c r="F9942" s="1" t="s">
        <v>38183</v>
      </c>
      <c r="G9942" s="1" t="s">
        <v>38158</v>
      </c>
      <c r="H9942" s="1" t="s">
        <v>38159</v>
      </c>
      <c r="I9942" s="1" t="s">
        <v>35524</v>
      </c>
      <c r="J9942" s="1" t="s">
        <v>38184</v>
      </c>
    </row>
    <row r="9943" spans="1:10" x14ac:dyDescent="0.35">
      <c r="A9943" s="1" t="s">
        <v>38154</v>
      </c>
      <c r="B9943" s="1" t="s">
        <v>35518</v>
      </c>
      <c r="C9943" s="1" t="s">
        <v>50</v>
      </c>
      <c r="D9943" s="1" t="s">
        <v>38185</v>
      </c>
      <c r="E9943" s="1" t="s">
        <v>38186</v>
      </c>
      <c r="F9943" s="1" t="s">
        <v>38187</v>
      </c>
      <c r="G9943" s="1" t="s">
        <v>38158</v>
      </c>
      <c r="H9943" s="1" t="s">
        <v>38159</v>
      </c>
      <c r="I9943" s="1" t="s">
        <v>35524</v>
      </c>
      <c r="J9943" s="1" t="s">
        <v>38188</v>
      </c>
    </row>
    <row r="9944" spans="1:10" x14ac:dyDescent="0.35">
      <c r="A9944" s="1" t="s">
        <v>38154</v>
      </c>
      <c r="B9944" s="1" t="s">
        <v>35518</v>
      </c>
      <c r="C9944" s="1" t="s">
        <v>55</v>
      </c>
      <c r="D9944" s="1" t="s">
        <v>5782</v>
      </c>
      <c r="E9944" s="1" t="s">
        <v>38189</v>
      </c>
      <c r="F9944" s="1" t="s">
        <v>38190</v>
      </c>
      <c r="G9944" s="1" t="s">
        <v>38158</v>
      </c>
      <c r="H9944" s="1" t="s">
        <v>38159</v>
      </c>
      <c r="I9944" s="1" t="s">
        <v>35524</v>
      </c>
      <c r="J9944" s="1" t="s">
        <v>38191</v>
      </c>
    </row>
    <row r="9945" spans="1:10" x14ac:dyDescent="0.35">
      <c r="A9945" s="1" t="s">
        <v>38154</v>
      </c>
      <c r="B9945" s="1" t="s">
        <v>35518</v>
      </c>
      <c r="C9945" s="1" t="s">
        <v>60</v>
      </c>
      <c r="D9945" s="1" t="s">
        <v>38192</v>
      </c>
      <c r="E9945" s="1" t="s">
        <v>38193</v>
      </c>
      <c r="F9945" s="1" t="s">
        <v>38194</v>
      </c>
      <c r="G9945" s="1" t="s">
        <v>38158</v>
      </c>
      <c r="H9945" s="1" t="s">
        <v>38159</v>
      </c>
      <c r="I9945" s="1" t="s">
        <v>35524</v>
      </c>
      <c r="J9945" s="1" t="s">
        <v>38195</v>
      </c>
    </row>
    <row r="9946" spans="1:10" x14ac:dyDescent="0.35">
      <c r="A9946" s="1" t="s">
        <v>38154</v>
      </c>
      <c r="B9946" s="1" t="s">
        <v>35518</v>
      </c>
      <c r="C9946" s="1" t="s">
        <v>65</v>
      </c>
      <c r="D9946" s="1" t="s">
        <v>38196</v>
      </c>
      <c r="E9946" s="1" t="s">
        <v>38197</v>
      </c>
      <c r="F9946" s="1" t="s">
        <v>38198</v>
      </c>
      <c r="G9946" s="1" t="s">
        <v>38158</v>
      </c>
      <c r="H9946" s="1" t="s">
        <v>38159</v>
      </c>
      <c r="I9946" s="1" t="s">
        <v>35524</v>
      </c>
      <c r="J9946" s="1" t="s">
        <v>38199</v>
      </c>
    </row>
    <row r="9947" spans="1:10" x14ac:dyDescent="0.35">
      <c r="A9947" s="1" t="s">
        <v>38154</v>
      </c>
      <c r="B9947" s="1" t="s">
        <v>35518</v>
      </c>
      <c r="C9947" s="1" t="s">
        <v>70</v>
      </c>
      <c r="D9947" s="1" t="s">
        <v>30712</v>
      </c>
      <c r="E9947" s="1" t="s">
        <v>38200</v>
      </c>
      <c r="F9947" s="1" t="s">
        <v>38201</v>
      </c>
      <c r="G9947" s="1" t="s">
        <v>38158</v>
      </c>
      <c r="H9947" s="1" t="s">
        <v>38159</v>
      </c>
      <c r="I9947" s="1" t="s">
        <v>35524</v>
      </c>
      <c r="J9947" s="1" t="s">
        <v>38202</v>
      </c>
    </row>
    <row r="9948" spans="1:10" x14ac:dyDescent="0.35">
      <c r="A9948" s="1" t="s">
        <v>38154</v>
      </c>
      <c r="B9948" s="1" t="s">
        <v>35518</v>
      </c>
      <c r="C9948" s="1" t="s">
        <v>75</v>
      </c>
      <c r="D9948" s="1" t="s">
        <v>38203</v>
      </c>
      <c r="E9948" s="1" t="s">
        <v>38204</v>
      </c>
      <c r="F9948" s="1" t="s">
        <v>38205</v>
      </c>
      <c r="G9948" s="1" t="s">
        <v>38158</v>
      </c>
      <c r="H9948" s="1" t="s">
        <v>38159</v>
      </c>
      <c r="I9948" s="1" t="s">
        <v>35524</v>
      </c>
      <c r="J9948" s="1" t="s">
        <v>38206</v>
      </c>
    </row>
    <row r="9949" spans="1:10" x14ac:dyDescent="0.35">
      <c r="A9949" s="1" t="s">
        <v>38154</v>
      </c>
      <c r="B9949" s="1" t="s">
        <v>35518</v>
      </c>
      <c r="C9949" s="1" t="s">
        <v>80</v>
      </c>
      <c r="D9949" s="1" t="s">
        <v>38207</v>
      </c>
      <c r="E9949" s="1" t="s">
        <v>38208</v>
      </c>
      <c r="F9949" s="1" t="s">
        <v>38209</v>
      </c>
      <c r="G9949" s="1" t="s">
        <v>38158</v>
      </c>
      <c r="H9949" s="1" t="s">
        <v>38159</v>
      </c>
      <c r="I9949" s="1" t="s">
        <v>35524</v>
      </c>
      <c r="J9949" s="1" t="s">
        <v>38210</v>
      </c>
    </row>
    <row r="9950" spans="1:10" x14ac:dyDescent="0.35">
      <c r="A9950" s="1" t="s">
        <v>38154</v>
      </c>
      <c r="B9950" s="1" t="s">
        <v>35518</v>
      </c>
      <c r="C9950" s="1" t="s">
        <v>85</v>
      </c>
      <c r="D9950" s="1" t="s">
        <v>12389</v>
      </c>
      <c r="E9950" s="1" t="s">
        <v>38211</v>
      </c>
      <c r="F9950" s="1" t="s">
        <v>38212</v>
      </c>
      <c r="G9950" s="1" t="s">
        <v>38158</v>
      </c>
      <c r="H9950" s="1" t="s">
        <v>38159</v>
      </c>
      <c r="I9950" s="1" t="s">
        <v>35524</v>
      </c>
      <c r="J9950" s="1" t="s">
        <v>38213</v>
      </c>
    </row>
    <row r="9951" spans="1:10" x14ac:dyDescent="0.35">
      <c r="A9951" s="1" t="s">
        <v>38154</v>
      </c>
      <c r="B9951" s="1" t="s">
        <v>35518</v>
      </c>
      <c r="C9951" s="1" t="s">
        <v>90</v>
      </c>
      <c r="D9951" s="1" t="s">
        <v>38214</v>
      </c>
      <c r="E9951" s="1" t="s">
        <v>38215</v>
      </c>
      <c r="F9951" s="1" t="s">
        <v>38216</v>
      </c>
      <c r="G9951" s="1" t="s">
        <v>38158</v>
      </c>
      <c r="H9951" s="1" t="s">
        <v>38159</v>
      </c>
      <c r="I9951" s="1" t="s">
        <v>35524</v>
      </c>
      <c r="J9951" s="1" t="s">
        <v>38217</v>
      </c>
    </row>
    <row r="9952" spans="1:10" x14ac:dyDescent="0.35">
      <c r="A9952" s="1" t="s">
        <v>38154</v>
      </c>
      <c r="B9952" s="1" t="s">
        <v>35518</v>
      </c>
      <c r="C9952" s="1" t="s">
        <v>95</v>
      </c>
      <c r="D9952" s="1" t="s">
        <v>38218</v>
      </c>
      <c r="E9952" s="1" t="s">
        <v>38219</v>
      </c>
      <c r="F9952" s="1" t="s">
        <v>38220</v>
      </c>
      <c r="G9952" s="1" t="s">
        <v>38158</v>
      </c>
      <c r="H9952" s="1" t="s">
        <v>38159</v>
      </c>
      <c r="I9952" s="1" t="s">
        <v>35524</v>
      </c>
      <c r="J9952" s="1" t="s">
        <v>38221</v>
      </c>
    </row>
    <row r="9953" spans="1:10" x14ac:dyDescent="0.35">
      <c r="A9953" s="1" t="s">
        <v>38154</v>
      </c>
      <c r="B9953" s="1" t="s">
        <v>35518</v>
      </c>
      <c r="C9953" s="1" t="s">
        <v>100</v>
      </c>
      <c r="D9953" s="1" t="s">
        <v>38222</v>
      </c>
      <c r="E9953" s="1" t="s">
        <v>38223</v>
      </c>
      <c r="F9953" s="1" t="s">
        <v>38224</v>
      </c>
      <c r="G9953" s="1" t="s">
        <v>38158</v>
      </c>
      <c r="H9953" s="1" t="s">
        <v>38159</v>
      </c>
      <c r="I9953" s="1" t="s">
        <v>35524</v>
      </c>
      <c r="J9953" s="1" t="s">
        <v>38225</v>
      </c>
    </row>
    <row r="9954" spans="1:10" x14ac:dyDescent="0.35">
      <c r="A9954" s="1" t="s">
        <v>38154</v>
      </c>
      <c r="B9954" s="1" t="s">
        <v>35518</v>
      </c>
      <c r="C9954" s="1" t="s">
        <v>105</v>
      </c>
      <c r="D9954" s="1" t="s">
        <v>31158</v>
      </c>
      <c r="E9954" s="1" t="s">
        <v>38226</v>
      </c>
      <c r="F9954" s="1" t="s">
        <v>38227</v>
      </c>
      <c r="G9954" s="1" t="s">
        <v>38158</v>
      </c>
      <c r="H9954" s="1" t="s">
        <v>38159</v>
      </c>
      <c r="I9954" s="1" t="s">
        <v>35524</v>
      </c>
      <c r="J9954" s="1" t="s">
        <v>38228</v>
      </c>
    </row>
    <row r="9955" spans="1:10" x14ac:dyDescent="0.35">
      <c r="A9955" s="1" t="s">
        <v>38154</v>
      </c>
      <c r="B9955" s="1" t="s">
        <v>35518</v>
      </c>
      <c r="C9955" s="1" t="s">
        <v>110</v>
      </c>
      <c r="D9955" s="1" t="s">
        <v>38229</v>
      </c>
      <c r="E9955" s="1" t="s">
        <v>38230</v>
      </c>
      <c r="F9955" s="1" t="s">
        <v>38231</v>
      </c>
      <c r="G9955" s="1" t="s">
        <v>38158</v>
      </c>
      <c r="H9955" s="1" t="s">
        <v>38159</v>
      </c>
      <c r="I9955" s="1" t="s">
        <v>35524</v>
      </c>
      <c r="J9955" s="1" t="s">
        <v>38232</v>
      </c>
    </row>
    <row r="9956" spans="1:10" x14ac:dyDescent="0.35">
      <c r="A9956" s="1" t="s">
        <v>38154</v>
      </c>
      <c r="B9956" s="1" t="s">
        <v>35518</v>
      </c>
      <c r="C9956" s="1" t="s">
        <v>115</v>
      </c>
      <c r="D9956" s="1" t="s">
        <v>38233</v>
      </c>
      <c r="E9956" s="1" t="s">
        <v>38234</v>
      </c>
      <c r="F9956" s="1" t="s">
        <v>38235</v>
      </c>
      <c r="G9956" s="1" t="s">
        <v>38158</v>
      </c>
      <c r="H9956" s="1" t="s">
        <v>38159</v>
      </c>
      <c r="I9956" s="1" t="s">
        <v>35524</v>
      </c>
      <c r="J9956" s="1" t="s">
        <v>38236</v>
      </c>
    </row>
    <row r="9957" spans="1:10" x14ac:dyDescent="0.35">
      <c r="A9957" s="1" t="s">
        <v>38154</v>
      </c>
      <c r="B9957" s="1" t="s">
        <v>35518</v>
      </c>
      <c r="C9957" s="1" t="s">
        <v>120</v>
      </c>
      <c r="D9957" s="1" t="s">
        <v>38237</v>
      </c>
      <c r="E9957" s="1" t="s">
        <v>38238</v>
      </c>
      <c r="F9957" s="1" t="s">
        <v>38239</v>
      </c>
      <c r="G9957" s="1" t="s">
        <v>38158</v>
      </c>
      <c r="H9957" s="1" t="s">
        <v>38159</v>
      </c>
      <c r="I9957" s="1" t="s">
        <v>35524</v>
      </c>
      <c r="J9957" s="1" t="s">
        <v>38240</v>
      </c>
    </row>
    <row r="9958" spans="1:10" x14ac:dyDescent="0.35">
      <c r="A9958" s="1" t="s">
        <v>38154</v>
      </c>
      <c r="B9958" s="1" t="s">
        <v>35518</v>
      </c>
      <c r="C9958" s="1" t="s">
        <v>125</v>
      </c>
      <c r="D9958" s="1" t="s">
        <v>30921</v>
      </c>
      <c r="E9958" s="1" t="s">
        <v>38241</v>
      </c>
      <c r="F9958" s="1" t="s">
        <v>38242</v>
      </c>
      <c r="G9958" s="1" t="s">
        <v>38158</v>
      </c>
      <c r="H9958" s="1" t="s">
        <v>38159</v>
      </c>
      <c r="I9958" s="1" t="s">
        <v>35524</v>
      </c>
      <c r="J9958" s="1" t="s">
        <v>38243</v>
      </c>
    </row>
    <row r="9959" spans="1:10" x14ac:dyDescent="0.35">
      <c r="A9959" s="1" t="s">
        <v>38154</v>
      </c>
      <c r="B9959" s="1" t="s">
        <v>35518</v>
      </c>
      <c r="C9959" s="1" t="s">
        <v>130</v>
      </c>
      <c r="D9959" s="1" t="s">
        <v>38244</v>
      </c>
      <c r="E9959" s="1" t="s">
        <v>38245</v>
      </c>
      <c r="F9959" s="1" t="s">
        <v>38246</v>
      </c>
      <c r="G9959" s="1" t="s">
        <v>38158</v>
      </c>
      <c r="H9959" s="1" t="s">
        <v>38159</v>
      </c>
      <c r="I9959" s="1" t="s">
        <v>35524</v>
      </c>
      <c r="J9959" s="1" t="s">
        <v>38247</v>
      </c>
    </row>
    <row r="9960" spans="1:10" x14ac:dyDescent="0.35">
      <c r="A9960" s="1" t="s">
        <v>38154</v>
      </c>
      <c r="B9960" s="1" t="s">
        <v>35518</v>
      </c>
      <c r="C9960" s="1" t="s">
        <v>135</v>
      </c>
      <c r="D9960" s="1" t="s">
        <v>38248</v>
      </c>
      <c r="E9960" s="1" t="s">
        <v>38249</v>
      </c>
      <c r="F9960" s="1" t="s">
        <v>38250</v>
      </c>
      <c r="G9960" s="1" t="s">
        <v>38158</v>
      </c>
      <c r="H9960" s="1" t="s">
        <v>38159</v>
      </c>
      <c r="I9960" s="1" t="s">
        <v>35524</v>
      </c>
      <c r="J9960" s="1" t="s">
        <v>38251</v>
      </c>
    </row>
    <row r="9961" spans="1:10" x14ac:dyDescent="0.35">
      <c r="A9961" s="1" t="s">
        <v>38154</v>
      </c>
      <c r="B9961" s="1" t="s">
        <v>35518</v>
      </c>
      <c r="C9961" s="1" t="s">
        <v>140</v>
      </c>
      <c r="D9961" s="1" t="s">
        <v>33599</v>
      </c>
      <c r="E9961" s="1" t="s">
        <v>38252</v>
      </c>
      <c r="F9961" s="1" t="s">
        <v>38253</v>
      </c>
      <c r="G9961" s="1" t="s">
        <v>38158</v>
      </c>
      <c r="H9961" s="1" t="s">
        <v>38159</v>
      </c>
      <c r="I9961" s="1" t="s">
        <v>35524</v>
      </c>
      <c r="J9961" s="1" t="s">
        <v>38254</v>
      </c>
    </row>
    <row r="9962" spans="1:10" x14ac:dyDescent="0.35">
      <c r="A9962" s="1" t="s">
        <v>38154</v>
      </c>
      <c r="B9962" s="1" t="s">
        <v>35518</v>
      </c>
      <c r="C9962" s="1" t="s">
        <v>145</v>
      </c>
      <c r="D9962" s="1" t="s">
        <v>38255</v>
      </c>
      <c r="E9962" s="1" t="s">
        <v>38256</v>
      </c>
      <c r="F9962" s="1" t="s">
        <v>38257</v>
      </c>
      <c r="G9962" s="1" t="s">
        <v>38158</v>
      </c>
      <c r="H9962" s="1" t="s">
        <v>38159</v>
      </c>
      <c r="I9962" s="1" t="s">
        <v>35524</v>
      </c>
      <c r="J9962" s="1" t="s">
        <v>38258</v>
      </c>
    </row>
    <row r="9963" spans="1:10" x14ac:dyDescent="0.35">
      <c r="A9963" s="1" t="s">
        <v>38154</v>
      </c>
      <c r="B9963" s="1" t="s">
        <v>35518</v>
      </c>
      <c r="C9963" s="1" t="s">
        <v>150</v>
      </c>
      <c r="D9963" s="1" t="s">
        <v>38259</v>
      </c>
      <c r="E9963" s="1" t="s">
        <v>38260</v>
      </c>
      <c r="F9963" s="1" t="s">
        <v>38261</v>
      </c>
      <c r="G9963" s="1" t="s">
        <v>38158</v>
      </c>
      <c r="H9963" s="1" t="s">
        <v>38159</v>
      </c>
      <c r="I9963" s="1" t="s">
        <v>35524</v>
      </c>
      <c r="J9963" s="1" t="s">
        <v>38262</v>
      </c>
    </row>
    <row r="9964" spans="1:10" x14ac:dyDescent="0.35">
      <c r="A9964" s="1" t="s">
        <v>38154</v>
      </c>
      <c r="B9964" s="1" t="s">
        <v>35518</v>
      </c>
      <c r="C9964" s="1" t="s">
        <v>155</v>
      </c>
      <c r="D9964" s="1" t="s">
        <v>38263</v>
      </c>
      <c r="E9964" s="1" t="s">
        <v>38264</v>
      </c>
      <c r="F9964" s="1" t="s">
        <v>38265</v>
      </c>
      <c r="G9964" s="1" t="s">
        <v>38158</v>
      </c>
      <c r="H9964" s="1" t="s">
        <v>38159</v>
      </c>
      <c r="I9964" s="1" t="s">
        <v>35524</v>
      </c>
      <c r="J9964" s="1" t="s">
        <v>38266</v>
      </c>
    </row>
    <row r="9965" spans="1:10" x14ac:dyDescent="0.35">
      <c r="A9965" s="1" t="s">
        <v>38154</v>
      </c>
      <c r="B9965" s="1" t="s">
        <v>35518</v>
      </c>
      <c r="C9965" s="1" t="s">
        <v>160</v>
      </c>
      <c r="D9965" s="1" t="s">
        <v>38267</v>
      </c>
      <c r="E9965" s="1" t="s">
        <v>38268</v>
      </c>
      <c r="F9965" s="1" t="s">
        <v>38269</v>
      </c>
      <c r="G9965" s="1" t="s">
        <v>38158</v>
      </c>
      <c r="H9965" s="1" t="s">
        <v>38159</v>
      </c>
      <c r="I9965" s="1" t="s">
        <v>35524</v>
      </c>
      <c r="J9965" s="1" t="s">
        <v>38270</v>
      </c>
    </row>
    <row r="9966" spans="1:10" x14ac:dyDescent="0.35">
      <c r="A9966" s="1" t="s">
        <v>38154</v>
      </c>
      <c r="B9966" s="1" t="s">
        <v>35518</v>
      </c>
      <c r="C9966" s="1" t="s">
        <v>165</v>
      </c>
      <c r="D9966" s="1" t="s">
        <v>38271</v>
      </c>
      <c r="E9966" s="1" t="s">
        <v>38272</v>
      </c>
      <c r="F9966" s="1" t="s">
        <v>38273</v>
      </c>
      <c r="G9966" s="1" t="s">
        <v>38158</v>
      </c>
      <c r="H9966" s="1" t="s">
        <v>38159</v>
      </c>
      <c r="I9966" s="1" t="s">
        <v>35524</v>
      </c>
      <c r="J9966" s="1" t="s">
        <v>38274</v>
      </c>
    </row>
    <row r="9967" spans="1:10" x14ac:dyDescent="0.35">
      <c r="A9967" s="1" t="s">
        <v>38154</v>
      </c>
      <c r="B9967" s="1" t="s">
        <v>35518</v>
      </c>
      <c r="C9967" s="1" t="s">
        <v>170</v>
      </c>
      <c r="D9967" s="1" t="s">
        <v>38275</v>
      </c>
      <c r="E9967" s="1" t="s">
        <v>38276</v>
      </c>
      <c r="F9967" s="1" t="s">
        <v>38277</v>
      </c>
      <c r="G9967" s="1" t="s">
        <v>38158</v>
      </c>
      <c r="H9967" s="1" t="s">
        <v>38159</v>
      </c>
      <c r="I9967" s="1" t="s">
        <v>35524</v>
      </c>
      <c r="J9967" s="1" t="s">
        <v>38278</v>
      </c>
    </row>
    <row r="9968" spans="1:10" x14ac:dyDescent="0.35">
      <c r="A9968" s="1" t="s">
        <v>38279</v>
      </c>
      <c r="B9968" s="1" t="s">
        <v>35518</v>
      </c>
      <c r="C9968" s="1" t="s">
        <v>8</v>
      </c>
      <c r="D9968" s="1" t="s">
        <v>38280</v>
      </c>
      <c r="E9968" s="1" t="s">
        <v>38281</v>
      </c>
      <c r="F9968" s="1" t="s">
        <v>38282</v>
      </c>
      <c r="G9968" s="1" t="s">
        <v>38283</v>
      </c>
      <c r="H9968" s="1" t="s">
        <v>38284</v>
      </c>
      <c r="I9968" s="1" t="s">
        <v>35524</v>
      </c>
      <c r="J9968" s="1" t="s">
        <v>13</v>
      </c>
    </row>
    <row r="9969" spans="1:10" x14ac:dyDescent="0.35">
      <c r="A9969" s="1" t="s">
        <v>38279</v>
      </c>
      <c r="B9969" s="1" t="s">
        <v>35518</v>
      </c>
      <c r="C9969" s="1" t="s">
        <v>15</v>
      </c>
      <c r="D9969" s="1" t="s">
        <v>38285</v>
      </c>
      <c r="E9969" s="1" t="s">
        <v>38286</v>
      </c>
      <c r="F9969" s="1" t="s">
        <v>38287</v>
      </c>
      <c r="G9969" s="1" t="s">
        <v>38283</v>
      </c>
      <c r="H9969" s="1" t="s">
        <v>38284</v>
      </c>
      <c r="I9969" s="1" t="s">
        <v>35524</v>
      </c>
      <c r="J9969" s="1" t="s">
        <v>38288</v>
      </c>
    </row>
    <row r="9970" spans="1:10" x14ac:dyDescent="0.35">
      <c r="A9970" s="1" t="s">
        <v>38279</v>
      </c>
      <c r="B9970" s="1" t="s">
        <v>35518</v>
      </c>
      <c r="C9970" s="1" t="s">
        <v>20</v>
      </c>
      <c r="D9970" s="1" t="s">
        <v>273</v>
      </c>
      <c r="E9970" s="1" t="s">
        <v>38289</v>
      </c>
      <c r="F9970" s="1" t="s">
        <v>38290</v>
      </c>
      <c r="G9970" s="1" t="s">
        <v>38283</v>
      </c>
      <c r="H9970" s="1" t="s">
        <v>38284</v>
      </c>
      <c r="I9970" s="1" t="s">
        <v>35524</v>
      </c>
      <c r="J9970" s="1" t="s">
        <v>38291</v>
      </c>
    </row>
    <row r="9971" spans="1:10" x14ac:dyDescent="0.35">
      <c r="A9971" s="1" t="s">
        <v>38279</v>
      </c>
      <c r="B9971" s="1" t="s">
        <v>35518</v>
      </c>
      <c r="C9971" s="1" t="s">
        <v>25</v>
      </c>
      <c r="D9971" s="1" t="s">
        <v>38292</v>
      </c>
      <c r="E9971" s="1" t="s">
        <v>38293</v>
      </c>
      <c r="F9971" s="1" t="s">
        <v>38294</v>
      </c>
      <c r="G9971" s="1" t="s">
        <v>38283</v>
      </c>
      <c r="H9971" s="1" t="s">
        <v>38284</v>
      </c>
      <c r="I9971" s="1" t="s">
        <v>35524</v>
      </c>
      <c r="J9971" s="1" t="s">
        <v>38295</v>
      </c>
    </row>
    <row r="9972" spans="1:10" x14ac:dyDescent="0.35">
      <c r="A9972" s="1" t="s">
        <v>38279</v>
      </c>
      <c r="B9972" s="1" t="s">
        <v>35518</v>
      </c>
      <c r="C9972" s="1" t="s">
        <v>30</v>
      </c>
      <c r="D9972" s="1" t="s">
        <v>38296</v>
      </c>
      <c r="E9972" s="1" t="s">
        <v>38297</v>
      </c>
      <c r="F9972" s="1" t="s">
        <v>38298</v>
      </c>
      <c r="G9972" s="1" t="s">
        <v>38283</v>
      </c>
      <c r="H9972" s="1" t="s">
        <v>38284</v>
      </c>
      <c r="I9972" s="1" t="s">
        <v>35524</v>
      </c>
      <c r="J9972" s="1" t="s">
        <v>38299</v>
      </c>
    </row>
    <row r="9973" spans="1:10" x14ac:dyDescent="0.35">
      <c r="A9973" s="1" t="s">
        <v>38279</v>
      </c>
      <c r="B9973" s="1" t="s">
        <v>35518</v>
      </c>
      <c r="C9973" s="1" t="s">
        <v>35</v>
      </c>
      <c r="D9973" s="1" t="s">
        <v>38300</v>
      </c>
      <c r="E9973" s="1" t="s">
        <v>38301</v>
      </c>
      <c r="F9973" s="1" t="s">
        <v>38302</v>
      </c>
      <c r="G9973" s="1" t="s">
        <v>38283</v>
      </c>
      <c r="H9973" s="1" t="s">
        <v>38284</v>
      </c>
      <c r="I9973" s="1" t="s">
        <v>35524</v>
      </c>
      <c r="J9973" s="1" t="s">
        <v>38303</v>
      </c>
    </row>
    <row r="9974" spans="1:10" x14ac:dyDescent="0.35">
      <c r="A9974" s="1" t="s">
        <v>38279</v>
      </c>
      <c r="B9974" s="1" t="s">
        <v>35518</v>
      </c>
      <c r="C9974" s="1" t="s">
        <v>40</v>
      </c>
      <c r="D9974" s="1" t="s">
        <v>38304</v>
      </c>
      <c r="E9974" s="1" t="s">
        <v>38305</v>
      </c>
      <c r="F9974" s="1" t="s">
        <v>38306</v>
      </c>
      <c r="G9974" s="1" t="s">
        <v>38283</v>
      </c>
      <c r="H9974" s="1" t="s">
        <v>38284</v>
      </c>
      <c r="I9974" s="1" t="s">
        <v>35524</v>
      </c>
      <c r="J9974" s="1" t="s">
        <v>38307</v>
      </c>
    </row>
    <row r="9975" spans="1:10" x14ac:dyDescent="0.35">
      <c r="A9975" s="1" t="s">
        <v>38279</v>
      </c>
      <c r="B9975" s="1" t="s">
        <v>35518</v>
      </c>
      <c r="C9975" s="1" t="s">
        <v>45</v>
      </c>
      <c r="D9975" s="1" t="s">
        <v>38308</v>
      </c>
      <c r="E9975" s="1" t="s">
        <v>38309</v>
      </c>
      <c r="F9975" s="1" t="s">
        <v>38310</v>
      </c>
      <c r="G9975" s="1" t="s">
        <v>38283</v>
      </c>
      <c r="H9975" s="1" t="s">
        <v>38284</v>
      </c>
      <c r="I9975" s="1" t="s">
        <v>35524</v>
      </c>
      <c r="J9975" s="1" t="s">
        <v>38311</v>
      </c>
    </row>
    <row r="9976" spans="1:10" x14ac:dyDescent="0.35">
      <c r="A9976" s="1" t="s">
        <v>38279</v>
      </c>
      <c r="B9976" s="1" t="s">
        <v>35518</v>
      </c>
      <c r="C9976" s="1" t="s">
        <v>50</v>
      </c>
      <c r="D9976" s="1" t="s">
        <v>38312</v>
      </c>
      <c r="E9976" s="1" t="s">
        <v>38313</v>
      </c>
      <c r="F9976" s="1" t="s">
        <v>38314</v>
      </c>
      <c r="G9976" s="1" t="s">
        <v>38283</v>
      </c>
      <c r="H9976" s="1" t="s">
        <v>38284</v>
      </c>
      <c r="I9976" s="1" t="s">
        <v>35524</v>
      </c>
      <c r="J9976" s="1" t="s">
        <v>38315</v>
      </c>
    </row>
    <row r="9977" spans="1:10" x14ac:dyDescent="0.35">
      <c r="A9977" s="1" t="s">
        <v>38279</v>
      </c>
      <c r="B9977" s="1" t="s">
        <v>35518</v>
      </c>
      <c r="C9977" s="1" t="s">
        <v>55</v>
      </c>
      <c r="D9977" s="1" t="s">
        <v>38316</v>
      </c>
      <c r="E9977" s="1" t="s">
        <v>38317</v>
      </c>
      <c r="F9977" s="1" t="s">
        <v>38318</v>
      </c>
      <c r="G9977" s="1" t="s">
        <v>38283</v>
      </c>
      <c r="H9977" s="1" t="s">
        <v>38284</v>
      </c>
      <c r="I9977" s="1" t="s">
        <v>35524</v>
      </c>
      <c r="J9977" s="1" t="s">
        <v>38319</v>
      </c>
    </row>
    <row r="9978" spans="1:10" x14ac:dyDescent="0.35">
      <c r="A9978" s="1" t="s">
        <v>38279</v>
      </c>
      <c r="B9978" s="1" t="s">
        <v>35518</v>
      </c>
      <c r="C9978" s="1" t="s">
        <v>60</v>
      </c>
      <c r="D9978" s="1" t="s">
        <v>38320</v>
      </c>
      <c r="E9978" s="1" t="s">
        <v>38321</v>
      </c>
      <c r="F9978" s="1" t="s">
        <v>38322</v>
      </c>
      <c r="G9978" s="1" t="s">
        <v>38283</v>
      </c>
      <c r="H9978" s="1" t="s">
        <v>38284</v>
      </c>
      <c r="I9978" s="1" t="s">
        <v>35524</v>
      </c>
      <c r="J9978" s="1" t="s">
        <v>38323</v>
      </c>
    </row>
    <row r="9979" spans="1:10" x14ac:dyDescent="0.35">
      <c r="A9979" s="1" t="s">
        <v>38279</v>
      </c>
      <c r="B9979" s="1" t="s">
        <v>35518</v>
      </c>
      <c r="C9979" s="1" t="s">
        <v>65</v>
      </c>
      <c r="D9979" s="1" t="s">
        <v>18875</v>
      </c>
      <c r="E9979" s="1" t="s">
        <v>38324</v>
      </c>
      <c r="F9979" s="1" t="s">
        <v>38325</v>
      </c>
      <c r="G9979" s="1" t="s">
        <v>38283</v>
      </c>
      <c r="H9979" s="1" t="s">
        <v>38284</v>
      </c>
      <c r="I9979" s="1" t="s">
        <v>35524</v>
      </c>
      <c r="J9979" s="1" t="s">
        <v>38326</v>
      </c>
    </row>
    <row r="9980" spans="1:10" x14ac:dyDescent="0.35">
      <c r="A9980" s="1" t="s">
        <v>38279</v>
      </c>
      <c r="B9980" s="1" t="s">
        <v>35518</v>
      </c>
      <c r="C9980" s="1" t="s">
        <v>70</v>
      </c>
      <c r="D9980" s="1" t="s">
        <v>38327</v>
      </c>
      <c r="E9980" s="1" t="s">
        <v>38328</v>
      </c>
      <c r="F9980" s="1" t="s">
        <v>38329</v>
      </c>
      <c r="G9980" s="1" t="s">
        <v>38283</v>
      </c>
      <c r="H9980" s="1" t="s">
        <v>38284</v>
      </c>
      <c r="I9980" s="1" t="s">
        <v>35524</v>
      </c>
      <c r="J9980" s="1" t="s">
        <v>38330</v>
      </c>
    </row>
    <row r="9981" spans="1:10" x14ac:dyDescent="0.35">
      <c r="A9981" s="1" t="s">
        <v>38279</v>
      </c>
      <c r="B9981" s="1" t="s">
        <v>35518</v>
      </c>
      <c r="C9981" s="1" t="s">
        <v>75</v>
      </c>
      <c r="D9981" s="1" t="s">
        <v>35610</v>
      </c>
      <c r="E9981" s="1" t="s">
        <v>38331</v>
      </c>
      <c r="F9981" s="1" t="s">
        <v>38332</v>
      </c>
      <c r="G9981" s="1" t="s">
        <v>38283</v>
      </c>
      <c r="H9981" s="1" t="s">
        <v>38284</v>
      </c>
      <c r="I9981" s="1" t="s">
        <v>35524</v>
      </c>
      <c r="J9981" s="1" t="s">
        <v>38333</v>
      </c>
    </row>
    <row r="9982" spans="1:10" x14ac:dyDescent="0.35">
      <c r="A9982" s="1" t="s">
        <v>38279</v>
      </c>
      <c r="B9982" s="1" t="s">
        <v>35518</v>
      </c>
      <c r="C9982" s="1" t="s">
        <v>80</v>
      </c>
      <c r="D9982" s="1" t="s">
        <v>38334</v>
      </c>
      <c r="E9982" s="1" t="s">
        <v>38335</v>
      </c>
      <c r="F9982" s="1" t="s">
        <v>38336</v>
      </c>
      <c r="G9982" s="1" t="s">
        <v>38283</v>
      </c>
      <c r="H9982" s="1" t="s">
        <v>38284</v>
      </c>
      <c r="I9982" s="1" t="s">
        <v>35524</v>
      </c>
      <c r="J9982" s="1" t="s">
        <v>38337</v>
      </c>
    </row>
    <row r="9983" spans="1:10" x14ac:dyDescent="0.35">
      <c r="A9983" s="1" t="s">
        <v>38279</v>
      </c>
      <c r="B9983" s="1" t="s">
        <v>35518</v>
      </c>
      <c r="C9983" s="1" t="s">
        <v>85</v>
      </c>
      <c r="D9983" s="1" t="s">
        <v>38338</v>
      </c>
      <c r="E9983" s="1" t="s">
        <v>38339</v>
      </c>
      <c r="F9983" s="1" t="s">
        <v>38340</v>
      </c>
      <c r="G9983" s="1" t="s">
        <v>38283</v>
      </c>
      <c r="H9983" s="1" t="s">
        <v>38284</v>
      </c>
      <c r="I9983" s="1" t="s">
        <v>35524</v>
      </c>
      <c r="J9983" s="1" t="s">
        <v>38341</v>
      </c>
    </row>
    <row r="9984" spans="1:10" x14ac:dyDescent="0.35">
      <c r="A9984" s="1" t="s">
        <v>38279</v>
      </c>
      <c r="B9984" s="1" t="s">
        <v>35518</v>
      </c>
      <c r="C9984" s="1" t="s">
        <v>90</v>
      </c>
      <c r="D9984" s="1" t="s">
        <v>38342</v>
      </c>
      <c r="E9984" s="1" t="s">
        <v>38343</v>
      </c>
      <c r="F9984" s="1" t="s">
        <v>38344</v>
      </c>
      <c r="G9984" s="1" t="s">
        <v>38283</v>
      </c>
      <c r="H9984" s="1" t="s">
        <v>38284</v>
      </c>
      <c r="I9984" s="1" t="s">
        <v>35524</v>
      </c>
      <c r="J9984" s="1" t="s">
        <v>38345</v>
      </c>
    </row>
    <row r="9985" spans="1:10" x14ac:dyDescent="0.35">
      <c r="A9985" s="1" t="s">
        <v>38279</v>
      </c>
      <c r="B9985" s="1" t="s">
        <v>35518</v>
      </c>
      <c r="C9985" s="1" t="s">
        <v>95</v>
      </c>
      <c r="D9985" s="1" t="s">
        <v>38346</v>
      </c>
      <c r="E9985" s="1" t="s">
        <v>38347</v>
      </c>
      <c r="F9985" s="1" t="s">
        <v>38348</v>
      </c>
      <c r="G9985" s="1" t="s">
        <v>38283</v>
      </c>
      <c r="H9985" s="1" t="s">
        <v>38284</v>
      </c>
      <c r="I9985" s="1" t="s">
        <v>35524</v>
      </c>
      <c r="J9985" s="1" t="s">
        <v>38349</v>
      </c>
    </row>
    <row r="9986" spans="1:10" x14ac:dyDescent="0.35">
      <c r="A9986" s="1" t="s">
        <v>38279</v>
      </c>
      <c r="B9986" s="1" t="s">
        <v>35518</v>
      </c>
      <c r="C9986" s="1" t="s">
        <v>100</v>
      </c>
      <c r="D9986" s="1" t="s">
        <v>38350</v>
      </c>
      <c r="E9986" s="1" t="s">
        <v>38351</v>
      </c>
      <c r="F9986" s="1" t="s">
        <v>38352</v>
      </c>
      <c r="G9986" s="1" t="s">
        <v>38283</v>
      </c>
      <c r="H9986" s="1" t="s">
        <v>38284</v>
      </c>
      <c r="I9986" s="1" t="s">
        <v>35524</v>
      </c>
      <c r="J9986" s="1" t="s">
        <v>38353</v>
      </c>
    </row>
    <row r="9987" spans="1:10" x14ac:dyDescent="0.35">
      <c r="A9987" s="1" t="s">
        <v>38279</v>
      </c>
      <c r="B9987" s="1" t="s">
        <v>35518</v>
      </c>
      <c r="C9987" s="1" t="s">
        <v>105</v>
      </c>
      <c r="D9987" s="1" t="s">
        <v>38354</v>
      </c>
      <c r="E9987" s="1" t="s">
        <v>38355</v>
      </c>
      <c r="F9987" s="1" t="s">
        <v>38356</v>
      </c>
      <c r="G9987" s="1" t="s">
        <v>38283</v>
      </c>
      <c r="H9987" s="1" t="s">
        <v>38284</v>
      </c>
      <c r="I9987" s="1" t="s">
        <v>35524</v>
      </c>
      <c r="J9987" s="1" t="s">
        <v>38357</v>
      </c>
    </row>
    <row r="9988" spans="1:10" x14ac:dyDescent="0.35">
      <c r="A9988" s="1" t="s">
        <v>38279</v>
      </c>
      <c r="B9988" s="1" t="s">
        <v>35518</v>
      </c>
      <c r="C9988" s="1" t="s">
        <v>110</v>
      </c>
      <c r="D9988" s="1" t="s">
        <v>9644</v>
      </c>
      <c r="E9988" s="1" t="s">
        <v>38358</v>
      </c>
      <c r="F9988" s="1" t="s">
        <v>38359</v>
      </c>
      <c r="G9988" s="1" t="s">
        <v>38283</v>
      </c>
      <c r="H9988" s="1" t="s">
        <v>38284</v>
      </c>
      <c r="I9988" s="1" t="s">
        <v>35524</v>
      </c>
      <c r="J9988" s="1" t="s">
        <v>38360</v>
      </c>
    </row>
    <row r="9989" spans="1:10" x14ac:dyDescent="0.35">
      <c r="A9989" s="1" t="s">
        <v>38279</v>
      </c>
      <c r="B9989" s="1" t="s">
        <v>35518</v>
      </c>
      <c r="C9989" s="1" t="s">
        <v>115</v>
      </c>
      <c r="D9989" s="1" t="s">
        <v>38361</v>
      </c>
      <c r="E9989" s="1" t="s">
        <v>38362</v>
      </c>
      <c r="F9989" s="1" t="s">
        <v>38363</v>
      </c>
      <c r="G9989" s="1" t="s">
        <v>38283</v>
      </c>
      <c r="H9989" s="1" t="s">
        <v>38284</v>
      </c>
      <c r="I9989" s="1" t="s">
        <v>35524</v>
      </c>
      <c r="J9989" s="1" t="s">
        <v>38364</v>
      </c>
    </row>
    <row r="9990" spans="1:10" x14ac:dyDescent="0.35">
      <c r="A9990" s="1" t="s">
        <v>38279</v>
      </c>
      <c r="B9990" s="1" t="s">
        <v>35518</v>
      </c>
      <c r="C9990" s="1" t="s">
        <v>120</v>
      </c>
      <c r="D9990" s="1" t="s">
        <v>19864</v>
      </c>
      <c r="E9990" s="1" t="s">
        <v>38365</v>
      </c>
      <c r="F9990" s="1" t="s">
        <v>38366</v>
      </c>
      <c r="G9990" s="1" t="s">
        <v>38283</v>
      </c>
      <c r="H9990" s="1" t="s">
        <v>38284</v>
      </c>
      <c r="I9990" s="1" t="s">
        <v>35524</v>
      </c>
      <c r="J9990" s="1" t="s">
        <v>38367</v>
      </c>
    </row>
    <row r="9991" spans="1:10" x14ac:dyDescent="0.35">
      <c r="A9991" s="1" t="s">
        <v>38279</v>
      </c>
      <c r="B9991" s="1" t="s">
        <v>35518</v>
      </c>
      <c r="C9991" s="1" t="s">
        <v>125</v>
      </c>
      <c r="D9991" s="1" t="s">
        <v>38368</v>
      </c>
      <c r="E9991" s="1" t="s">
        <v>38369</v>
      </c>
      <c r="F9991" s="1" t="s">
        <v>38370</v>
      </c>
      <c r="G9991" s="1" t="s">
        <v>38283</v>
      </c>
      <c r="H9991" s="1" t="s">
        <v>38284</v>
      </c>
      <c r="I9991" s="1" t="s">
        <v>35524</v>
      </c>
      <c r="J9991" s="1" t="s">
        <v>38371</v>
      </c>
    </row>
    <row r="9992" spans="1:10" x14ac:dyDescent="0.35">
      <c r="A9992" s="1" t="s">
        <v>38279</v>
      </c>
      <c r="B9992" s="1" t="s">
        <v>35518</v>
      </c>
      <c r="C9992" s="1" t="s">
        <v>130</v>
      </c>
      <c r="D9992" s="1" t="s">
        <v>38372</v>
      </c>
      <c r="E9992" s="1" t="s">
        <v>38373</v>
      </c>
      <c r="F9992" s="1" t="s">
        <v>38374</v>
      </c>
      <c r="G9992" s="1" t="s">
        <v>38283</v>
      </c>
      <c r="H9992" s="1" t="s">
        <v>38284</v>
      </c>
      <c r="I9992" s="1" t="s">
        <v>35524</v>
      </c>
      <c r="J9992" s="1" t="s">
        <v>38375</v>
      </c>
    </row>
    <row r="9993" spans="1:10" x14ac:dyDescent="0.35">
      <c r="A9993" s="1" t="s">
        <v>38279</v>
      </c>
      <c r="B9993" s="1" t="s">
        <v>35518</v>
      </c>
      <c r="C9993" s="1" t="s">
        <v>135</v>
      </c>
      <c r="D9993" s="1" t="s">
        <v>38376</v>
      </c>
      <c r="E9993" s="1" t="s">
        <v>38377</v>
      </c>
      <c r="F9993" s="1" t="s">
        <v>38378</v>
      </c>
      <c r="G9993" s="1" t="s">
        <v>38283</v>
      </c>
      <c r="H9993" s="1" t="s">
        <v>38284</v>
      </c>
      <c r="I9993" s="1" t="s">
        <v>35524</v>
      </c>
      <c r="J9993" s="1" t="s">
        <v>38379</v>
      </c>
    </row>
    <row r="9994" spans="1:10" x14ac:dyDescent="0.35">
      <c r="A9994" s="1" t="s">
        <v>38279</v>
      </c>
      <c r="B9994" s="1" t="s">
        <v>35518</v>
      </c>
      <c r="C9994" s="1" t="s">
        <v>140</v>
      </c>
      <c r="D9994" s="1" t="s">
        <v>16990</v>
      </c>
      <c r="E9994" s="1" t="s">
        <v>38380</v>
      </c>
      <c r="F9994" s="1" t="s">
        <v>38381</v>
      </c>
      <c r="G9994" s="1" t="s">
        <v>38283</v>
      </c>
      <c r="H9994" s="1" t="s">
        <v>38284</v>
      </c>
      <c r="I9994" s="1" t="s">
        <v>35524</v>
      </c>
      <c r="J9994" s="1" t="s">
        <v>38382</v>
      </c>
    </row>
    <row r="9995" spans="1:10" x14ac:dyDescent="0.35">
      <c r="A9995" s="1" t="s">
        <v>38279</v>
      </c>
      <c r="B9995" s="1" t="s">
        <v>35518</v>
      </c>
      <c r="C9995" s="1" t="s">
        <v>145</v>
      </c>
      <c r="D9995" s="1" t="s">
        <v>9667</v>
      </c>
      <c r="E9995" s="1" t="s">
        <v>38383</v>
      </c>
      <c r="F9995" s="1" t="s">
        <v>38384</v>
      </c>
      <c r="G9995" s="1" t="s">
        <v>38283</v>
      </c>
      <c r="H9995" s="1" t="s">
        <v>38284</v>
      </c>
      <c r="I9995" s="1" t="s">
        <v>35524</v>
      </c>
      <c r="J9995" s="1" t="s">
        <v>38385</v>
      </c>
    </row>
    <row r="9996" spans="1:10" x14ac:dyDescent="0.35">
      <c r="A9996" s="1" t="s">
        <v>38279</v>
      </c>
      <c r="B9996" s="1" t="s">
        <v>35518</v>
      </c>
      <c r="C9996" s="1" t="s">
        <v>150</v>
      </c>
      <c r="D9996" s="1" t="s">
        <v>81</v>
      </c>
      <c r="E9996" s="1" t="s">
        <v>38386</v>
      </c>
      <c r="F9996" s="1" t="s">
        <v>38387</v>
      </c>
      <c r="G9996" s="1" t="s">
        <v>38283</v>
      </c>
      <c r="H9996" s="1" t="s">
        <v>38284</v>
      </c>
      <c r="I9996" s="1" t="s">
        <v>35524</v>
      </c>
      <c r="J9996" s="1" t="s">
        <v>38388</v>
      </c>
    </row>
    <row r="9997" spans="1:10" x14ac:dyDescent="0.35">
      <c r="A9997" s="1" t="s">
        <v>38279</v>
      </c>
      <c r="B9997" s="1" t="s">
        <v>35518</v>
      </c>
      <c r="C9997" s="1" t="s">
        <v>155</v>
      </c>
      <c r="D9997" s="1" t="s">
        <v>18841</v>
      </c>
      <c r="E9997" s="1" t="s">
        <v>38389</v>
      </c>
      <c r="F9997" s="1" t="s">
        <v>38390</v>
      </c>
      <c r="G9997" s="1" t="s">
        <v>38283</v>
      </c>
      <c r="H9997" s="1" t="s">
        <v>38284</v>
      </c>
      <c r="I9997" s="1" t="s">
        <v>35524</v>
      </c>
      <c r="J9997" s="1" t="s">
        <v>38391</v>
      </c>
    </row>
    <row r="9998" spans="1:10" x14ac:dyDescent="0.35">
      <c r="A9998" s="1" t="s">
        <v>38279</v>
      </c>
      <c r="B9998" s="1" t="s">
        <v>35518</v>
      </c>
      <c r="C9998" s="1" t="s">
        <v>160</v>
      </c>
      <c r="D9998" s="1" t="s">
        <v>38392</v>
      </c>
      <c r="E9998" s="1" t="s">
        <v>38393</v>
      </c>
      <c r="F9998" s="1" t="s">
        <v>38394</v>
      </c>
      <c r="G9998" s="1" t="s">
        <v>38283</v>
      </c>
      <c r="H9998" s="1" t="s">
        <v>38284</v>
      </c>
      <c r="I9998" s="1" t="s">
        <v>35524</v>
      </c>
      <c r="J9998" s="1" t="s">
        <v>38395</v>
      </c>
    </row>
    <row r="9999" spans="1:10" x14ac:dyDescent="0.35">
      <c r="A9999" s="1" t="s">
        <v>38279</v>
      </c>
      <c r="B9999" s="1" t="s">
        <v>35518</v>
      </c>
      <c r="C9999" s="1" t="s">
        <v>165</v>
      </c>
      <c r="D9999" s="1" t="s">
        <v>38396</v>
      </c>
      <c r="E9999" s="1" t="s">
        <v>38397</v>
      </c>
      <c r="F9999" s="1" t="s">
        <v>38398</v>
      </c>
      <c r="G9999" s="1" t="s">
        <v>38283</v>
      </c>
      <c r="H9999" s="1" t="s">
        <v>38284</v>
      </c>
      <c r="I9999" s="1" t="s">
        <v>35524</v>
      </c>
      <c r="J9999" s="1" t="s">
        <v>38399</v>
      </c>
    </row>
    <row r="10000" spans="1:10" x14ac:dyDescent="0.35">
      <c r="A10000" s="1" t="s">
        <v>38279</v>
      </c>
      <c r="B10000" s="1" t="s">
        <v>35518</v>
      </c>
      <c r="C10000" s="1" t="s">
        <v>170</v>
      </c>
      <c r="D10000" s="1" t="s">
        <v>38400</v>
      </c>
      <c r="E10000" s="1" t="s">
        <v>38401</v>
      </c>
      <c r="F10000" s="1" t="s">
        <v>38402</v>
      </c>
      <c r="G10000" s="1" t="s">
        <v>38283</v>
      </c>
      <c r="H10000" s="1" t="s">
        <v>38284</v>
      </c>
      <c r="I10000" s="1" t="s">
        <v>35524</v>
      </c>
      <c r="J10000" s="1" t="s">
        <v>38403</v>
      </c>
    </row>
    <row r="10001" spans="1:10" x14ac:dyDescent="0.35">
      <c r="A10001" s="1" t="s">
        <v>38404</v>
      </c>
      <c r="B10001" s="1" t="s">
        <v>35518</v>
      </c>
      <c r="C10001" s="1" t="s">
        <v>8</v>
      </c>
      <c r="D10001" s="1" t="s">
        <v>38405</v>
      </c>
      <c r="E10001" s="1" t="s">
        <v>38406</v>
      </c>
      <c r="F10001" s="1" t="s">
        <v>38407</v>
      </c>
      <c r="G10001" s="1" t="s">
        <v>38408</v>
      </c>
      <c r="H10001" s="1" t="s">
        <v>38409</v>
      </c>
      <c r="I10001" s="1" t="s">
        <v>35524</v>
      </c>
      <c r="J10001" s="1" t="s">
        <v>13</v>
      </c>
    </row>
    <row r="10002" spans="1:10" x14ac:dyDescent="0.35">
      <c r="A10002" s="1" t="s">
        <v>38404</v>
      </c>
      <c r="B10002" s="1" t="s">
        <v>35518</v>
      </c>
      <c r="C10002" s="1" t="s">
        <v>15</v>
      </c>
      <c r="D10002" s="1" t="s">
        <v>38410</v>
      </c>
      <c r="E10002" s="1" t="s">
        <v>38411</v>
      </c>
      <c r="F10002" s="1" t="s">
        <v>38412</v>
      </c>
      <c r="G10002" s="1" t="s">
        <v>38408</v>
      </c>
      <c r="H10002" s="1" t="s">
        <v>38409</v>
      </c>
      <c r="I10002" s="1" t="s">
        <v>35524</v>
      </c>
      <c r="J10002" s="1" t="s">
        <v>36406</v>
      </c>
    </row>
    <row r="10003" spans="1:10" x14ac:dyDescent="0.35">
      <c r="A10003" s="1" t="s">
        <v>38404</v>
      </c>
      <c r="B10003" s="1" t="s">
        <v>35518</v>
      </c>
      <c r="C10003" s="1" t="s">
        <v>20</v>
      </c>
      <c r="D10003" s="1" t="s">
        <v>38413</v>
      </c>
      <c r="E10003" s="1" t="s">
        <v>38414</v>
      </c>
      <c r="F10003" s="1" t="s">
        <v>38415</v>
      </c>
      <c r="G10003" s="1" t="s">
        <v>38408</v>
      </c>
      <c r="H10003" s="1" t="s">
        <v>38409</v>
      </c>
      <c r="I10003" s="1" t="s">
        <v>35524</v>
      </c>
      <c r="J10003" s="1" t="s">
        <v>38416</v>
      </c>
    </row>
    <row r="10004" spans="1:10" x14ac:dyDescent="0.35">
      <c r="A10004" s="1" t="s">
        <v>38404</v>
      </c>
      <c r="B10004" s="1" t="s">
        <v>35518</v>
      </c>
      <c r="C10004" s="1" t="s">
        <v>25</v>
      </c>
      <c r="D10004" s="1" t="s">
        <v>35956</v>
      </c>
      <c r="E10004" s="1" t="s">
        <v>38417</v>
      </c>
      <c r="F10004" s="1" t="s">
        <v>38418</v>
      </c>
      <c r="G10004" s="1" t="s">
        <v>38408</v>
      </c>
      <c r="H10004" s="1" t="s">
        <v>38409</v>
      </c>
      <c r="I10004" s="1" t="s">
        <v>35524</v>
      </c>
      <c r="J10004" s="1" t="s">
        <v>38419</v>
      </c>
    </row>
    <row r="10005" spans="1:10" x14ac:dyDescent="0.35">
      <c r="A10005" s="1" t="s">
        <v>38404</v>
      </c>
      <c r="B10005" s="1" t="s">
        <v>35518</v>
      </c>
      <c r="C10005" s="1" t="s">
        <v>30</v>
      </c>
      <c r="D10005" s="1" t="s">
        <v>38420</v>
      </c>
      <c r="E10005" s="1" t="s">
        <v>38421</v>
      </c>
      <c r="F10005" s="1" t="s">
        <v>38422</v>
      </c>
      <c r="G10005" s="1" t="s">
        <v>38408</v>
      </c>
      <c r="H10005" s="1" t="s">
        <v>38409</v>
      </c>
      <c r="I10005" s="1" t="s">
        <v>35524</v>
      </c>
      <c r="J10005" s="1" t="s">
        <v>38423</v>
      </c>
    </row>
    <row r="10006" spans="1:10" x14ac:dyDescent="0.35">
      <c r="A10006" s="1" t="s">
        <v>38404</v>
      </c>
      <c r="B10006" s="1" t="s">
        <v>35518</v>
      </c>
      <c r="C10006" s="1" t="s">
        <v>35</v>
      </c>
      <c r="D10006" s="1" t="s">
        <v>38424</v>
      </c>
      <c r="E10006" s="1" t="s">
        <v>38425</v>
      </c>
      <c r="F10006" s="1" t="s">
        <v>38426</v>
      </c>
      <c r="G10006" s="1" t="s">
        <v>38408</v>
      </c>
      <c r="H10006" s="1" t="s">
        <v>38409</v>
      </c>
      <c r="I10006" s="1" t="s">
        <v>35524</v>
      </c>
      <c r="J10006" s="1" t="s">
        <v>38427</v>
      </c>
    </row>
    <row r="10007" spans="1:10" x14ac:dyDescent="0.35">
      <c r="A10007" s="1" t="s">
        <v>38404</v>
      </c>
      <c r="B10007" s="1" t="s">
        <v>35518</v>
      </c>
      <c r="C10007" s="1" t="s">
        <v>40</v>
      </c>
      <c r="D10007" s="1" t="s">
        <v>38428</v>
      </c>
      <c r="E10007" s="1" t="s">
        <v>38429</v>
      </c>
      <c r="F10007" s="1" t="s">
        <v>38430</v>
      </c>
      <c r="G10007" s="1" t="s">
        <v>38408</v>
      </c>
      <c r="H10007" s="1" t="s">
        <v>38409</v>
      </c>
      <c r="I10007" s="1" t="s">
        <v>35524</v>
      </c>
      <c r="J10007" s="1" t="s">
        <v>38431</v>
      </c>
    </row>
    <row r="10008" spans="1:10" x14ac:dyDescent="0.35">
      <c r="A10008" s="1" t="s">
        <v>38404</v>
      </c>
      <c r="B10008" s="1" t="s">
        <v>35518</v>
      </c>
      <c r="C10008" s="1" t="s">
        <v>45</v>
      </c>
      <c r="D10008" s="1" t="s">
        <v>38432</v>
      </c>
      <c r="E10008" s="1" t="s">
        <v>38433</v>
      </c>
      <c r="F10008" s="1" t="s">
        <v>38434</v>
      </c>
      <c r="G10008" s="1" t="s">
        <v>38408</v>
      </c>
      <c r="H10008" s="1" t="s">
        <v>38409</v>
      </c>
      <c r="I10008" s="1" t="s">
        <v>35524</v>
      </c>
      <c r="J10008" s="1" t="s">
        <v>38435</v>
      </c>
    </row>
    <row r="10009" spans="1:10" x14ac:dyDescent="0.35">
      <c r="A10009" s="1" t="s">
        <v>38404</v>
      </c>
      <c r="B10009" s="1" t="s">
        <v>35518</v>
      </c>
      <c r="C10009" s="1" t="s">
        <v>50</v>
      </c>
      <c r="D10009" s="1" t="s">
        <v>38436</v>
      </c>
      <c r="E10009" s="1" t="s">
        <v>38437</v>
      </c>
      <c r="F10009" s="1" t="s">
        <v>38438</v>
      </c>
      <c r="G10009" s="1" t="s">
        <v>38408</v>
      </c>
      <c r="H10009" s="1" t="s">
        <v>38409</v>
      </c>
      <c r="I10009" s="1" t="s">
        <v>35524</v>
      </c>
      <c r="J10009" s="1" t="s">
        <v>38439</v>
      </c>
    </row>
    <row r="10010" spans="1:10" x14ac:dyDescent="0.35">
      <c r="A10010" s="1" t="s">
        <v>38404</v>
      </c>
      <c r="B10010" s="1" t="s">
        <v>35518</v>
      </c>
      <c r="C10010" s="1" t="s">
        <v>55</v>
      </c>
      <c r="D10010" s="1" t="s">
        <v>31197</v>
      </c>
      <c r="E10010" s="1" t="s">
        <v>38440</v>
      </c>
      <c r="F10010" s="1" t="s">
        <v>38441</v>
      </c>
      <c r="G10010" s="1" t="s">
        <v>38408</v>
      </c>
      <c r="H10010" s="1" t="s">
        <v>38409</v>
      </c>
      <c r="I10010" s="1" t="s">
        <v>35524</v>
      </c>
      <c r="J10010" s="1" t="s">
        <v>38442</v>
      </c>
    </row>
    <row r="10011" spans="1:10" x14ac:dyDescent="0.35">
      <c r="A10011" s="1" t="s">
        <v>38404</v>
      </c>
      <c r="B10011" s="1" t="s">
        <v>35518</v>
      </c>
      <c r="C10011" s="1" t="s">
        <v>60</v>
      </c>
      <c r="D10011" s="1" t="s">
        <v>32630</v>
      </c>
      <c r="E10011" s="1" t="s">
        <v>38443</v>
      </c>
      <c r="F10011" s="1" t="s">
        <v>38444</v>
      </c>
      <c r="G10011" s="1" t="s">
        <v>38408</v>
      </c>
      <c r="H10011" s="1" t="s">
        <v>38409</v>
      </c>
      <c r="I10011" s="1" t="s">
        <v>35524</v>
      </c>
      <c r="J10011" s="1" t="s">
        <v>38445</v>
      </c>
    </row>
    <row r="10012" spans="1:10" x14ac:dyDescent="0.35">
      <c r="A10012" s="1" t="s">
        <v>38404</v>
      </c>
      <c r="B10012" s="1" t="s">
        <v>35518</v>
      </c>
      <c r="C10012" s="1" t="s">
        <v>65</v>
      </c>
      <c r="D10012" s="1" t="s">
        <v>38446</v>
      </c>
      <c r="E10012" s="1" t="s">
        <v>38447</v>
      </c>
      <c r="F10012" s="1" t="s">
        <v>38448</v>
      </c>
      <c r="G10012" s="1" t="s">
        <v>38408</v>
      </c>
      <c r="H10012" s="1" t="s">
        <v>38409</v>
      </c>
      <c r="I10012" s="1" t="s">
        <v>35524</v>
      </c>
      <c r="J10012" s="1" t="s">
        <v>38449</v>
      </c>
    </row>
    <row r="10013" spans="1:10" x14ac:dyDescent="0.35">
      <c r="A10013" s="1" t="s">
        <v>38404</v>
      </c>
      <c r="B10013" s="1" t="s">
        <v>35518</v>
      </c>
      <c r="C10013" s="1" t="s">
        <v>70</v>
      </c>
      <c r="D10013" s="1" t="s">
        <v>38450</v>
      </c>
      <c r="E10013" s="1" t="s">
        <v>38451</v>
      </c>
      <c r="F10013" s="1" t="s">
        <v>38452</v>
      </c>
      <c r="G10013" s="1" t="s">
        <v>38408</v>
      </c>
      <c r="H10013" s="1" t="s">
        <v>38409</v>
      </c>
      <c r="I10013" s="1" t="s">
        <v>35524</v>
      </c>
      <c r="J10013" s="1" t="s">
        <v>38453</v>
      </c>
    </row>
    <row r="10014" spans="1:10" x14ac:dyDescent="0.35">
      <c r="A10014" s="1" t="s">
        <v>38404</v>
      </c>
      <c r="B10014" s="1" t="s">
        <v>35518</v>
      </c>
      <c r="C10014" s="1" t="s">
        <v>75</v>
      </c>
      <c r="D10014" s="1" t="s">
        <v>38454</v>
      </c>
      <c r="E10014" s="1" t="s">
        <v>38455</v>
      </c>
      <c r="F10014" s="1" t="s">
        <v>38456</v>
      </c>
      <c r="G10014" s="1" t="s">
        <v>38408</v>
      </c>
      <c r="H10014" s="1" t="s">
        <v>38409</v>
      </c>
      <c r="I10014" s="1" t="s">
        <v>35524</v>
      </c>
      <c r="J10014" s="1" t="s">
        <v>38457</v>
      </c>
    </row>
    <row r="10015" spans="1:10" x14ac:dyDescent="0.35">
      <c r="A10015" s="1" t="s">
        <v>38404</v>
      </c>
      <c r="B10015" s="1" t="s">
        <v>35518</v>
      </c>
      <c r="C10015" s="1" t="s">
        <v>80</v>
      </c>
      <c r="D10015" s="1" t="s">
        <v>38458</v>
      </c>
      <c r="E10015" s="1" t="s">
        <v>38459</v>
      </c>
      <c r="F10015" s="1" t="s">
        <v>38460</v>
      </c>
      <c r="G10015" s="1" t="s">
        <v>38408</v>
      </c>
      <c r="H10015" s="1" t="s">
        <v>38409</v>
      </c>
      <c r="I10015" s="1" t="s">
        <v>35524</v>
      </c>
      <c r="J10015" s="1" t="s">
        <v>38461</v>
      </c>
    </row>
    <row r="10016" spans="1:10" x14ac:dyDescent="0.35">
      <c r="A10016" s="1" t="s">
        <v>38404</v>
      </c>
      <c r="B10016" s="1" t="s">
        <v>35518</v>
      </c>
      <c r="C10016" s="1" t="s">
        <v>85</v>
      </c>
      <c r="D10016" s="1" t="s">
        <v>38462</v>
      </c>
      <c r="E10016" s="1" t="s">
        <v>38463</v>
      </c>
      <c r="F10016" s="1" t="s">
        <v>38464</v>
      </c>
      <c r="G10016" s="1" t="s">
        <v>38408</v>
      </c>
      <c r="H10016" s="1" t="s">
        <v>38409</v>
      </c>
      <c r="I10016" s="1" t="s">
        <v>35524</v>
      </c>
      <c r="J10016" s="1" t="s">
        <v>38465</v>
      </c>
    </row>
    <row r="10017" spans="1:10" x14ac:dyDescent="0.35">
      <c r="A10017" s="1" t="s">
        <v>38404</v>
      </c>
      <c r="B10017" s="1" t="s">
        <v>35518</v>
      </c>
      <c r="C10017" s="1" t="s">
        <v>90</v>
      </c>
      <c r="D10017" s="1" t="s">
        <v>38466</v>
      </c>
      <c r="E10017" s="1" t="s">
        <v>38467</v>
      </c>
      <c r="F10017" s="1" t="s">
        <v>38468</v>
      </c>
      <c r="G10017" s="1" t="s">
        <v>38408</v>
      </c>
      <c r="H10017" s="1" t="s">
        <v>38409</v>
      </c>
      <c r="I10017" s="1" t="s">
        <v>35524</v>
      </c>
      <c r="J10017" s="1" t="s">
        <v>38469</v>
      </c>
    </row>
    <row r="10018" spans="1:10" x14ac:dyDescent="0.35">
      <c r="A10018" s="1" t="s">
        <v>38404</v>
      </c>
      <c r="B10018" s="1" t="s">
        <v>35518</v>
      </c>
      <c r="C10018" s="1" t="s">
        <v>95</v>
      </c>
      <c r="D10018" s="1" t="s">
        <v>38470</v>
      </c>
      <c r="E10018" s="1" t="s">
        <v>38471</v>
      </c>
      <c r="F10018" s="1" t="s">
        <v>38472</v>
      </c>
      <c r="G10018" s="1" t="s">
        <v>38408</v>
      </c>
      <c r="H10018" s="1" t="s">
        <v>38409</v>
      </c>
      <c r="I10018" s="1" t="s">
        <v>35524</v>
      </c>
      <c r="J10018" s="1" t="s">
        <v>38473</v>
      </c>
    </row>
    <row r="10019" spans="1:10" x14ac:dyDescent="0.35">
      <c r="A10019" s="1" t="s">
        <v>38404</v>
      </c>
      <c r="B10019" s="1" t="s">
        <v>35518</v>
      </c>
      <c r="C10019" s="1" t="s">
        <v>100</v>
      </c>
      <c r="D10019" s="1" t="s">
        <v>38474</v>
      </c>
      <c r="E10019" s="1" t="s">
        <v>38475</v>
      </c>
      <c r="F10019" s="1" t="s">
        <v>38476</v>
      </c>
      <c r="G10019" s="1" t="s">
        <v>38408</v>
      </c>
      <c r="H10019" s="1" t="s">
        <v>38409</v>
      </c>
      <c r="I10019" s="1" t="s">
        <v>35524</v>
      </c>
      <c r="J10019" s="1" t="s">
        <v>38477</v>
      </c>
    </row>
    <row r="10020" spans="1:10" x14ac:dyDescent="0.35">
      <c r="A10020" s="1" t="s">
        <v>38404</v>
      </c>
      <c r="B10020" s="1" t="s">
        <v>35518</v>
      </c>
      <c r="C10020" s="1" t="s">
        <v>105</v>
      </c>
      <c r="D10020" s="1" t="s">
        <v>38478</v>
      </c>
      <c r="E10020" s="1" t="s">
        <v>38479</v>
      </c>
      <c r="F10020" s="1" t="s">
        <v>38480</v>
      </c>
      <c r="G10020" s="1" t="s">
        <v>38408</v>
      </c>
      <c r="H10020" s="1" t="s">
        <v>38409</v>
      </c>
      <c r="I10020" s="1" t="s">
        <v>35524</v>
      </c>
      <c r="J10020" s="1" t="s">
        <v>38481</v>
      </c>
    </row>
    <row r="10021" spans="1:10" x14ac:dyDescent="0.35">
      <c r="A10021" s="1" t="s">
        <v>38404</v>
      </c>
      <c r="B10021" s="1" t="s">
        <v>35518</v>
      </c>
      <c r="C10021" s="1" t="s">
        <v>110</v>
      </c>
      <c r="D10021" s="1" t="s">
        <v>38482</v>
      </c>
      <c r="E10021" s="1" t="s">
        <v>38483</v>
      </c>
      <c r="F10021" s="1" t="s">
        <v>38484</v>
      </c>
      <c r="G10021" s="1" t="s">
        <v>38408</v>
      </c>
      <c r="H10021" s="1" t="s">
        <v>38409</v>
      </c>
      <c r="I10021" s="1" t="s">
        <v>35524</v>
      </c>
      <c r="J10021" s="1" t="s">
        <v>38485</v>
      </c>
    </row>
    <row r="10022" spans="1:10" x14ac:dyDescent="0.35">
      <c r="A10022" s="1" t="s">
        <v>38404</v>
      </c>
      <c r="B10022" s="1" t="s">
        <v>35518</v>
      </c>
      <c r="C10022" s="1" t="s">
        <v>115</v>
      </c>
      <c r="D10022" s="1" t="s">
        <v>38486</v>
      </c>
      <c r="E10022" s="1" t="s">
        <v>38487</v>
      </c>
      <c r="F10022" s="1" t="s">
        <v>38488</v>
      </c>
      <c r="G10022" s="1" t="s">
        <v>38408</v>
      </c>
      <c r="H10022" s="1" t="s">
        <v>38409</v>
      </c>
      <c r="I10022" s="1" t="s">
        <v>35524</v>
      </c>
      <c r="J10022" s="1" t="s">
        <v>38489</v>
      </c>
    </row>
    <row r="10023" spans="1:10" x14ac:dyDescent="0.35">
      <c r="A10023" s="1" t="s">
        <v>38404</v>
      </c>
      <c r="B10023" s="1" t="s">
        <v>35518</v>
      </c>
      <c r="C10023" s="1" t="s">
        <v>120</v>
      </c>
      <c r="D10023" s="1" t="s">
        <v>38490</v>
      </c>
      <c r="E10023" s="1" t="s">
        <v>38491</v>
      </c>
      <c r="F10023" s="1" t="s">
        <v>38492</v>
      </c>
      <c r="G10023" s="1" t="s">
        <v>38408</v>
      </c>
      <c r="H10023" s="1" t="s">
        <v>38409</v>
      </c>
      <c r="I10023" s="1" t="s">
        <v>35524</v>
      </c>
      <c r="J10023" s="1" t="s">
        <v>38493</v>
      </c>
    </row>
    <row r="10024" spans="1:10" x14ac:dyDescent="0.35">
      <c r="A10024" s="1" t="s">
        <v>38404</v>
      </c>
      <c r="B10024" s="1" t="s">
        <v>35518</v>
      </c>
      <c r="C10024" s="1" t="s">
        <v>125</v>
      </c>
      <c r="D10024" s="1" t="s">
        <v>38494</v>
      </c>
      <c r="E10024" s="1" t="s">
        <v>38495</v>
      </c>
      <c r="F10024" s="1" t="s">
        <v>38496</v>
      </c>
      <c r="G10024" s="1" t="s">
        <v>38408</v>
      </c>
      <c r="H10024" s="1" t="s">
        <v>38409</v>
      </c>
      <c r="I10024" s="1" t="s">
        <v>35524</v>
      </c>
      <c r="J10024" s="1" t="s">
        <v>38497</v>
      </c>
    </row>
    <row r="10025" spans="1:10" x14ac:dyDescent="0.35">
      <c r="A10025" s="1" t="s">
        <v>38404</v>
      </c>
      <c r="B10025" s="1" t="s">
        <v>35518</v>
      </c>
      <c r="C10025" s="1" t="s">
        <v>130</v>
      </c>
      <c r="D10025" s="1" t="s">
        <v>38498</v>
      </c>
      <c r="E10025" s="1" t="s">
        <v>38499</v>
      </c>
      <c r="F10025" s="1" t="s">
        <v>38500</v>
      </c>
      <c r="G10025" s="1" t="s">
        <v>38408</v>
      </c>
      <c r="H10025" s="1" t="s">
        <v>38409</v>
      </c>
      <c r="I10025" s="1" t="s">
        <v>35524</v>
      </c>
      <c r="J10025" s="1" t="s">
        <v>38501</v>
      </c>
    </row>
    <row r="10026" spans="1:10" x14ac:dyDescent="0.35">
      <c r="A10026" s="1" t="s">
        <v>38404</v>
      </c>
      <c r="B10026" s="1" t="s">
        <v>35518</v>
      </c>
      <c r="C10026" s="1" t="s">
        <v>135</v>
      </c>
      <c r="D10026" s="1" t="s">
        <v>38502</v>
      </c>
      <c r="E10026" s="1" t="s">
        <v>38503</v>
      </c>
      <c r="F10026" s="1" t="s">
        <v>38504</v>
      </c>
      <c r="G10026" s="1" t="s">
        <v>38408</v>
      </c>
      <c r="H10026" s="1" t="s">
        <v>38409</v>
      </c>
      <c r="I10026" s="1" t="s">
        <v>35524</v>
      </c>
      <c r="J10026" s="1" t="s">
        <v>38505</v>
      </c>
    </row>
    <row r="10027" spans="1:10" x14ac:dyDescent="0.35">
      <c r="A10027" s="1" t="s">
        <v>38404</v>
      </c>
      <c r="B10027" s="1" t="s">
        <v>35518</v>
      </c>
      <c r="C10027" s="1" t="s">
        <v>140</v>
      </c>
      <c r="D10027" s="1" t="s">
        <v>38506</v>
      </c>
      <c r="E10027" s="1" t="s">
        <v>38507</v>
      </c>
      <c r="F10027" s="1" t="s">
        <v>38508</v>
      </c>
      <c r="G10027" s="1" t="s">
        <v>38408</v>
      </c>
      <c r="H10027" s="1" t="s">
        <v>38409</v>
      </c>
      <c r="I10027" s="1" t="s">
        <v>35524</v>
      </c>
      <c r="J10027" s="1" t="s">
        <v>38509</v>
      </c>
    </row>
    <row r="10028" spans="1:10" x14ac:dyDescent="0.35">
      <c r="A10028" s="1" t="s">
        <v>38404</v>
      </c>
      <c r="B10028" s="1" t="s">
        <v>35518</v>
      </c>
      <c r="C10028" s="1" t="s">
        <v>145</v>
      </c>
      <c r="D10028" s="1" t="s">
        <v>38510</v>
      </c>
      <c r="E10028" s="1" t="s">
        <v>38511</v>
      </c>
      <c r="F10028" s="1" t="s">
        <v>38512</v>
      </c>
      <c r="G10028" s="1" t="s">
        <v>38408</v>
      </c>
      <c r="H10028" s="1" t="s">
        <v>38409</v>
      </c>
      <c r="I10028" s="1" t="s">
        <v>35524</v>
      </c>
      <c r="J10028" s="1" t="s">
        <v>38513</v>
      </c>
    </row>
    <row r="10029" spans="1:10" x14ac:dyDescent="0.35">
      <c r="A10029" s="1" t="s">
        <v>38404</v>
      </c>
      <c r="B10029" s="1" t="s">
        <v>35518</v>
      </c>
      <c r="C10029" s="1" t="s">
        <v>150</v>
      </c>
      <c r="D10029" s="1" t="s">
        <v>38514</v>
      </c>
      <c r="E10029" s="1" t="s">
        <v>38515</v>
      </c>
      <c r="F10029" s="1" t="s">
        <v>38516</v>
      </c>
      <c r="G10029" s="1" t="s">
        <v>38408</v>
      </c>
      <c r="H10029" s="1" t="s">
        <v>38409</v>
      </c>
      <c r="I10029" s="1" t="s">
        <v>35524</v>
      </c>
      <c r="J10029" s="1" t="s">
        <v>38517</v>
      </c>
    </row>
    <row r="10030" spans="1:10" x14ac:dyDescent="0.35">
      <c r="A10030" s="1" t="s">
        <v>38404</v>
      </c>
      <c r="B10030" s="1" t="s">
        <v>35518</v>
      </c>
      <c r="C10030" s="1" t="s">
        <v>155</v>
      </c>
      <c r="D10030" s="1" t="s">
        <v>38518</v>
      </c>
      <c r="E10030" s="1" t="s">
        <v>38519</v>
      </c>
      <c r="F10030" s="1" t="s">
        <v>38520</v>
      </c>
      <c r="G10030" s="1" t="s">
        <v>38408</v>
      </c>
      <c r="H10030" s="1" t="s">
        <v>38409</v>
      </c>
      <c r="I10030" s="1" t="s">
        <v>35524</v>
      </c>
      <c r="J10030" s="1" t="s">
        <v>38521</v>
      </c>
    </row>
    <row r="10031" spans="1:10" x14ac:dyDescent="0.35">
      <c r="A10031" s="1" t="s">
        <v>38404</v>
      </c>
      <c r="B10031" s="1" t="s">
        <v>35518</v>
      </c>
      <c r="C10031" s="1" t="s">
        <v>160</v>
      </c>
      <c r="D10031" s="1" t="s">
        <v>34023</v>
      </c>
      <c r="E10031" s="1" t="s">
        <v>38522</v>
      </c>
      <c r="F10031" s="1" t="s">
        <v>38523</v>
      </c>
      <c r="G10031" s="1" t="s">
        <v>38408</v>
      </c>
      <c r="H10031" s="1" t="s">
        <v>38409</v>
      </c>
      <c r="I10031" s="1" t="s">
        <v>35524</v>
      </c>
      <c r="J10031" s="1" t="s">
        <v>38524</v>
      </c>
    </row>
    <row r="10032" spans="1:10" x14ac:dyDescent="0.35">
      <c r="A10032" s="1" t="s">
        <v>38404</v>
      </c>
      <c r="B10032" s="1" t="s">
        <v>35518</v>
      </c>
      <c r="C10032" s="1" t="s">
        <v>165</v>
      </c>
      <c r="D10032" s="1" t="s">
        <v>12528</v>
      </c>
      <c r="E10032" s="1" t="s">
        <v>38525</v>
      </c>
      <c r="F10032" s="1" t="s">
        <v>38526</v>
      </c>
      <c r="G10032" s="1" t="s">
        <v>38408</v>
      </c>
      <c r="H10032" s="1" t="s">
        <v>38409</v>
      </c>
      <c r="I10032" s="1" t="s">
        <v>35524</v>
      </c>
      <c r="J10032" s="1" t="s">
        <v>38527</v>
      </c>
    </row>
    <row r="10033" spans="1:10" x14ac:dyDescent="0.35">
      <c r="A10033" s="1" t="s">
        <v>38404</v>
      </c>
      <c r="B10033" s="1" t="s">
        <v>35518</v>
      </c>
      <c r="C10033" s="1" t="s">
        <v>170</v>
      </c>
      <c r="D10033" s="1" t="s">
        <v>38528</v>
      </c>
      <c r="E10033" s="1" t="s">
        <v>38529</v>
      </c>
      <c r="F10033" s="1" t="s">
        <v>38530</v>
      </c>
      <c r="G10033" s="1" t="s">
        <v>38408</v>
      </c>
      <c r="H10033" s="1" t="s">
        <v>38409</v>
      </c>
      <c r="I10033" s="1" t="s">
        <v>35524</v>
      </c>
      <c r="J10033" s="1" t="s">
        <v>38531</v>
      </c>
    </row>
    <row r="10034" spans="1:10" x14ac:dyDescent="0.35">
      <c r="A10034" s="1" t="s">
        <v>38532</v>
      </c>
      <c r="B10034" s="1" t="s">
        <v>35518</v>
      </c>
      <c r="C10034" s="1" t="s">
        <v>8</v>
      </c>
      <c r="D10034" s="1" t="s">
        <v>38533</v>
      </c>
      <c r="E10034" s="1" t="s">
        <v>38534</v>
      </c>
      <c r="F10034" s="1" t="s">
        <v>38535</v>
      </c>
      <c r="G10034" s="1" t="s">
        <v>38536</v>
      </c>
      <c r="H10034" s="1" t="s">
        <v>38537</v>
      </c>
      <c r="I10034" s="1" t="s">
        <v>35524</v>
      </c>
      <c r="J10034" s="1" t="s">
        <v>13</v>
      </c>
    </row>
    <row r="10035" spans="1:10" x14ac:dyDescent="0.35">
      <c r="A10035" s="1" t="s">
        <v>38532</v>
      </c>
      <c r="B10035" s="1" t="s">
        <v>35518</v>
      </c>
      <c r="C10035" s="1" t="s">
        <v>15</v>
      </c>
      <c r="D10035" s="1" t="s">
        <v>35738</v>
      </c>
      <c r="E10035" s="1" t="s">
        <v>38538</v>
      </c>
      <c r="F10035" s="1" t="s">
        <v>38539</v>
      </c>
      <c r="G10035" s="1" t="s">
        <v>38536</v>
      </c>
      <c r="H10035" s="1" t="s">
        <v>38537</v>
      </c>
      <c r="I10035" s="1" t="s">
        <v>35524</v>
      </c>
      <c r="J10035" s="1" t="s">
        <v>38540</v>
      </c>
    </row>
    <row r="10036" spans="1:10" x14ac:dyDescent="0.35">
      <c r="A10036" s="1" t="s">
        <v>38532</v>
      </c>
      <c r="B10036" s="1" t="s">
        <v>35518</v>
      </c>
      <c r="C10036" s="1" t="s">
        <v>20</v>
      </c>
      <c r="D10036" s="1" t="s">
        <v>38541</v>
      </c>
      <c r="E10036" s="1" t="s">
        <v>38542</v>
      </c>
      <c r="F10036" s="1" t="s">
        <v>38543</v>
      </c>
      <c r="G10036" s="1" t="s">
        <v>38536</v>
      </c>
      <c r="H10036" s="1" t="s">
        <v>38537</v>
      </c>
      <c r="I10036" s="1" t="s">
        <v>35524</v>
      </c>
      <c r="J10036" s="1" t="s">
        <v>38544</v>
      </c>
    </row>
    <row r="10037" spans="1:10" x14ac:dyDescent="0.35">
      <c r="A10037" s="1" t="s">
        <v>38532</v>
      </c>
      <c r="B10037" s="1" t="s">
        <v>35518</v>
      </c>
      <c r="C10037" s="1" t="s">
        <v>25</v>
      </c>
      <c r="D10037" s="1" t="s">
        <v>38545</v>
      </c>
      <c r="E10037" s="1" t="s">
        <v>38546</v>
      </c>
      <c r="F10037" s="1" t="s">
        <v>38547</v>
      </c>
      <c r="G10037" s="1" t="s">
        <v>38536</v>
      </c>
      <c r="H10037" s="1" t="s">
        <v>38537</v>
      </c>
      <c r="I10037" s="1" t="s">
        <v>35524</v>
      </c>
      <c r="J10037" s="1" t="s">
        <v>38548</v>
      </c>
    </row>
    <row r="10038" spans="1:10" x14ac:dyDescent="0.35">
      <c r="A10038" s="1" t="s">
        <v>38532</v>
      </c>
      <c r="B10038" s="1" t="s">
        <v>35518</v>
      </c>
      <c r="C10038" s="1" t="s">
        <v>30</v>
      </c>
      <c r="D10038" s="1" t="s">
        <v>38549</v>
      </c>
      <c r="E10038" s="1" t="s">
        <v>38550</v>
      </c>
      <c r="F10038" s="1" t="s">
        <v>38551</v>
      </c>
      <c r="G10038" s="1" t="s">
        <v>38536</v>
      </c>
      <c r="H10038" s="1" t="s">
        <v>38537</v>
      </c>
      <c r="I10038" s="1" t="s">
        <v>35524</v>
      </c>
      <c r="J10038" s="1" t="s">
        <v>38552</v>
      </c>
    </row>
    <row r="10039" spans="1:10" x14ac:dyDescent="0.35">
      <c r="A10039" s="1" t="s">
        <v>38532</v>
      </c>
      <c r="B10039" s="1" t="s">
        <v>35518</v>
      </c>
      <c r="C10039" s="1" t="s">
        <v>35</v>
      </c>
      <c r="D10039" s="1" t="s">
        <v>38553</v>
      </c>
      <c r="E10039" s="1" t="s">
        <v>38554</v>
      </c>
      <c r="F10039" s="1" t="s">
        <v>38555</v>
      </c>
      <c r="G10039" s="1" t="s">
        <v>38536</v>
      </c>
      <c r="H10039" s="1" t="s">
        <v>38537</v>
      </c>
      <c r="I10039" s="1" t="s">
        <v>35524</v>
      </c>
      <c r="J10039" s="1" t="s">
        <v>38556</v>
      </c>
    </row>
    <row r="10040" spans="1:10" x14ac:dyDescent="0.35">
      <c r="A10040" s="1" t="s">
        <v>38532</v>
      </c>
      <c r="B10040" s="1" t="s">
        <v>35518</v>
      </c>
      <c r="C10040" s="1" t="s">
        <v>40</v>
      </c>
      <c r="D10040" s="1" t="s">
        <v>38557</v>
      </c>
      <c r="E10040" s="1" t="s">
        <v>38558</v>
      </c>
      <c r="F10040" s="1" t="s">
        <v>38559</v>
      </c>
      <c r="G10040" s="1" t="s">
        <v>38536</v>
      </c>
      <c r="H10040" s="1" t="s">
        <v>38537</v>
      </c>
      <c r="I10040" s="1" t="s">
        <v>35524</v>
      </c>
      <c r="J10040" s="1" t="s">
        <v>1754</v>
      </c>
    </row>
    <row r="10041" spans="1:10" x14ac:dyDescent="0.35">
      <c r="A10041" s="1" t="s">
        <v>38532</v>
      </c>
      <c r="B10041" s="1" t="s">
        <v>35518</v>
      </c>
      <c r="C10041" s="1" t="s">
        <v>45</v>
      </c>
      <c r="D10041" s="1" t="s">
        <v>609</v>
      </c>
      <c r="E10041" s="1" t="s">
        <v>38560</v>
      </c>
      <c r="F10041" s="1" t="s">
        <v>38561</v>
      </c>
      <c r="G10041" s="1" t="s">
        <v>38536</v>
      </c>
      <c r="H10041" s="1" t="s">
        <v>38537</v>
      </c>
      <c r="I10041" s="1" t="s">
        <v>35524</v>
      </c>
      <c r="J10041" s="1" t="s">
        <v>38562</v>
      </c>
    </row>
    <row r="10042" spans="1:10" x14ac:dyDescent="0.35">
      <c r="A10042" s="1" t="s">
        <v>38532</v>
      </c>
      <c r="B10042" s="1" t="s">
        <v>35518</v>
      </c>
      <c r="C10042" s="1" t="s">
        <v>50</v>
      </c>
      <c r="D10042" s="1" t="s">
        <v>38563</v>
      </c>
      <c r="E10042" s="1" t="s">
        <v>38564</v>
      </c>
      <c r="F10042" s="1" t="s">
        <v>38565</v>
      </c>
      <c r="G10042" s="1" t="s">
        <v>38536</v>
      </c>
      <c r="H10042" s="1" t="s">
        <v>38537</v>
      </c>
      <c r="I10042" s="1" t="s">
        <v>35524</v>
      </c>
      <c r="J10042" s="1" t="s">
        <v>38566</v>
      </c>
    </row>
    <row r="10043" spans="1:10" x14ac:dyDescent="0.35">
      <c r="A10043" s="1" t="s">
        <v>38532</v>
      </c>
      <c r="B10043" s="1" t="s">
        <v>35518</v>
      </c>
      <c r="C10043" s="1" t="s">
        <v>55</v>
      </c>
      <c r="D10043" s="1" t="s">
        <v>31108</v>
      </c>
      <c r="E10043" s="1" t="s">
        <v>38567</v>
      </c>
      <c r="F10043" s="1" t="s">
        <v>38568</v>
      </c>
      <c r="G10043" s="1" t="s">
        <v>38536</v>
      </c>
      <c r="H10043" s="1" t="s">
        <v>38537</v>
      </c>
      <c r="I10043" s="1" t="s">
        <v>35524</v>
      </c>
      <c r="J10043" s="1" t="s">
        <v>38569</v>
      </c>
    </row>
    <row r="10044" spans="1:10" x14ac:dyDescent="0.35">
      <c r="A10044" s="1" t="s">
        <v>38532</v>
      </c>
      <c r="B10044" s="1" t="s">
        <v>35518</v>
      </c>
      <c r="C10044" s="1" t="s">
        <v>60</v>
      </c>
      <c r="D10044" s="1" t="s">
        <v>18474</v>
      </c>
      <c r="E10044" s="1" t="s">
        <v>38570</v>
      </c>
      <c r="F10044" s="1" t="s">
        <v>38571</v>
      </c>
      <c r="G10044" s="1" t="s">
        <v>38536</v>
      </c>
      <c r="H10044" s="1" t="s">
        <v>38537</v>
      </c>
      <c r="I10044" s="1" t="s">
        <v>35524</v>
      </c>
      <c r="J10044" s="1" t="s">
        <v>38572</v>
      </c>
    </row>
    <row r="10045" spans="1:10" x14ac:dyDescent="0.35">
      <c r="A10045" s="1" t="s">
        <v>38532</v>
      </c>
      <c r="B10045" s="1" t="s">
        <v>35518</v>
      </c>
      <c r="C10045" s="1" t="s">
        <v>65</v>
      </c>
      <c r="D10045" s="1" t="s">
        <v>28339</v>
      </c>
      <c r="E10045" s="1" t="s">
        <v>38573</v>
      </c>
      <c r="F10045" s="1" t="s">
        <v>38574</v>
      </c>
      <c r="G10045" s="1" t="s">
        <v>38536</v>
      </c>
      <c r="H10045" s="1" t="s">
        <v>38537</v>
      </c>
      <c r="I10045" s="1" t="s">
        <v>35524</v>
      </c>
      <c r="J10045" s="1" t="s">
        <v>38575</v>
      </c>
    </row>
    <row r="10046" spans="1:10" x14ac:dyDescent="0.35">
      <c r="A10046" s="1" t="s">
        <v>38532</v>
      </c>
      <c r="B10046" s="1" t="s">
        <v>35518</v>
      </c>
      <c r="C10046" s="1" t="s">
        <v>70</v>
      </c>
      <c r="D10046" s="1" t="s">
        <v>35821</v>
      </c>
      <c r="E10046" s="1" t="s">
        <v>38576</v>
      </c>
      <c r="F10046" s="1" t="s">
        <v>38577</v>
      </c>
      <c r="G10046" s="1" t="s">
        <v>38536</v>
      </c>
      <c r="H10046" s="1" t="s">
        <v>38537</v>
      </c>
      <c r="I10046" s="1" t="s">
        <v>35524</v>
      </c>
      <c r="J10046" s="1" t="s">
        <v>38578</v>
      </c>
    </row>
    <row r="10047" spans="1:10" x14ac:dyDescent="0.35">
      <c r="A10047" s="1" t="s">
        <v>38532</v>
      </c>
      <c r="B10047" s="1" t="s">
        <v>35518</v>
      </c>
      <c r="C10047" s="1" t="s">
        <v>75</v>
      </c>
      <c r="D10047" s="1" t="s">
        <v>38579</v>
      </c>
      <c r="E10047" s="1" t="s">
        <v>38580</v>
      </c>
      <c r="F10047" s="1" t="s">
        <v>38581</v>
      </c>
      <c r="G10047" s="1" t="s">
        <v>38536</v>
      </c>
      <c r="H10047" s="1" t="s">
        <v>38537</v>
      </c>
      <c r="I10047" s="1" t="s">
        <v>35524</v>
      </c>
      <c r="J10047" s="1" t="s">
        <v>38582</v>
      </c>
    </row>
    <row r="10048" spans="1:10" x14ac:dyDescent="0.35">
      <c r="A10048" s="1" t="s">
        <v>38532</v>
      </c>
      <c r="B10048" s="1" t="s">
        <v>35518</v>
      </c>
      <c r="C10048" s="1" t="s">
        <v>80</v>
      </c>
      <c r="D10048" s="1" t="s">
        <v>2954</v>
      </c>
      <c r="E10048" s="1" t="s">
        <v>38583</v>
      </c>
      <c r="F10048" s="1" t="s">
        <v>38584</v>
      </c>
      <c r="G10048" s="1" t="s">
        <v>38536</v>
      </c>
      <c r="H10048" s="1" t="s">
        <v>38537</v>
      </c>
      <c r="I10048" s="1" t="s">
        <v>35524</v>
      </c>
      <c r="J10048" s="1" t="s">
        <v>38585</v>
      </c>
    </row>
    <row r="10049" spans="1:10" x14ac:dyDescent="0.35">
      <c r="A10049" s="1" t="s">
        <v>38532</v>
      </c>
      <c r="B10049" s="1" t="s">
        <v>35518</v>
      </c>
      <c r="C10049" s="1" t="s">
        <v>85</v>
      </c>
      <c r="D10049" s="1" t="s">
        <v>7155</v>
      </c>
      <c r="E10049" s="1" t="s">
        <v>38586</v>
      </c>
      <c r="F10049" s="1" t="s">
        <v>38587</v>
      </c>
      <c r="G10049" s="1" t="s">
        <v>38536</v>
      </c>
      <c r="H10049" s="1" t="s">
        <v>38537</v>
      </c>
      <c r="I10049" s="1" t="s">
        <v>35524</v>
      </c>
      <c r="J10049" s="1" t="s">
        <v>38588</v>
      </c>
    </row>
    <row r="10050" spans="1:10" x14ac:dyDescent="0.35">
      <c r="A10050" s="1" t="s">
        <v>38532</v>
      </c>
      <c r="B10050" s="1" t="s">
        <v>35518</v>
      </c>
      <c r="C10050" s="1" t="s">
        <v>90</v>
      </c>
      <c r="D10050" s="1" t="s">
        <v>38589</v>
      </c>
      <c r="E10050" s="1" t="s">
        <v>38590</v>
      </c>
      <c r="F10050" s="1" t="s">
        <v>38591</v>
      </c>
      <c r="G10050" s="1" t="s">
        <v>38536</v>
      </c>
      <c r="H10050" s="1" t="s">
        <v>38537</v>
      </c>
      <c r="I10050" s="1" t="s">
        <v>35524</v>
      </c>
      <c r="J10050" s="1" t="s">
        <v>38592</v>
      </c>
    </row>
    <row r="10051" spans="1:10" x14ac:dyDescent="0.35">
      <c r="A10051" s="1" t="s">
        <v>38532</v>
      </c>
      <c r="B10051" s="1" t="s">
        <v>35518</v>
      </c>
      <c r="C10051" s="1" t="s">
        <v>95</v>
      </c>
      <c r="D10051" s="1" t="s">
        <v>56</v>
      </c>
      <c r="E10051" s="1" t="s">
        <v>38593</v>
      </c>
      <c r="F10051" s="1" t="s">
        <v>38594</v>
      </c>
      <c r="G10051" s="1" t="s">
        <v>38536</v>
      </c>
      <c r="H10051" s="1" t="s">
        <v>38537</v>
      </c>
      <c r="I10051" s="1" t="s">
        <v>35524</v>
      </c>
      <c r="J10051" s="1" t="s">
        <v>38595</v>
      </c>
    </row>
    <row r="10052" spans="1:10" x14ac:dyDescent="0.35">
      <c r="A10052" s="1" t="s">
        <v>38532</v>
      </c>
      <c r="B10052" s="1" t="s">
        <v>35518</v>
      </c>
      <c r="C10052" s="1" t="s">
        <v>100</v>
      </c>
      <c r="D10052" s="1" t="s">
        <v>38596</v>
      </c>
      <c r="E10052" s="1" t="s">
        <v>38597</v>
      </c>
      <c r="F10052" s="1" t="s">
        <v>38598</v>
      </c>
      <c r="G10052" s="1" t="s">
        <v>38536</v>
      </c>
      <c r="H10052" s="1" t="s">
        <v>38537</v>
      </c>
      <c r="I10052" s="1" t="s">
        <v>35524</v>
      </c>
      <c r="J10052" s="1" t="s">
        <v>38599</v>
      </c>
    </row>
    <row r="10053" spans="1:10" x14ac:dyDescent="0.35">
      <c r="A10053" s="1" t="s">
        <v>38532</v>
      </c>
      <c r="B10053" s="1" t="s">
        <v>35518</v>
      </c>
      <c r="C10053" s="1" t="s">
        <v>105</v>
      </c>
      <c r="D10053" s="1" t="s">
        <v>38600</v>
      </c>
      <c r="E10053" s="1" t="s">
        <v>38601</v>
      </c>
      <c r="F10053" s="1" t="s">
        <v>38602</v>
      </c>
      <c r="G10053" s="1" t="s">
        <v>38536</v>
      </c>
      <c r="H10053" s="1" t="s">
        <v>38537</v>
      </c>
      <c r="I10053" s="1" t="s">
        <v>35524</v>
      </c>
      <c r="J10053" s="1" t="s">
        <v>38603</v>
      </c>
    </row>
    <row r="10054" spans="1:10" x14ac:dyDescent="0.35">
      <c r="A10054" s="1" t="s">
        <v>38532</v>
      </c>
      <c r="B10054" s="1" t="s">
        <v>35518</v>
      </c>
      <c r="C10054" s="1" t="s">
        <v>110</v>
      </c>
      <c r="D10054" s="1" t="s">
        <v>38604</v>
      </c>
      <c r="E10054" s="1" t="s">
        <v>38605</v>
      </c>
      <c r="F10054" s="1" t="s">
        <v>38606</v>
      </c>
      <c r="G10054" s="1" t="s">
        <v>38536</v>
      </c>
      <c r="H10054" s="1" t="s">
        <v>38537</v>
      </c>
      <c r="I10054" s="1" t="s">
        <v>35524</v>
      </c>
      <c r="J10054" s="1" t="s">
        <v>38607</v>
      </c>
    </row>
    <row r="10055" spans="1:10" x14ac:dyDescent="0.35">
      <c r="A10055" s="1" t="s">
        <v>38532</v>
      </c>
      <c r="B10055" s="1" t="s">
        <v>35518</v>
      </c>
      <c r="C10055" s="1" t="s">
        <v>115</v>
      </c>
      <c r="D10055" s="1" t="s">
        <v>38608</v>
      </c>
      <c r="E10055" s="1" t="s">
        <v>38609</v>
      </c>
      <c r="F10055" s="1" t="s">
        <v>38610</v>
      </c>
      <c r="G10055" s="1" t="s">
        <v>38536</v>
      </c>
      <c r="H10055" s="1" t="s">
        <v>38537</v>
      </c>
      <c r="I10055" s="1" t="s">
        <v>35524</v>
      </c>
      <c r="J10055" s="1" t="s">
        <v>38611</v>
      </c>
    </row>
    <row r="10056" spans="1:10" x14ac:dyDescent="0.35">
      <c r="A10056" s="1" t="s">
        <v>38532</v>
      </c>
      <c r="B10056" s="1" t="s">
        <v>35518</v>
      </c>
      <c r="C10056" s="1" t="s">
        <v>120</v>
      </c>
      <c r="D10056" s="1" t="s">
        <v>31753</v>
      </c>
      <c r="E10056" s="1" t="s">
        <v>38612</v>
      </c>
      <c r="F10056" s="1" t="s">
        <v>38613</v>
      </c>
      <c r="G10056" s="1" t="s">
        <v>38536</v>
      </c>
      <c r="H10056" s="1" t="s">
        <v>38537</v>
      </c>
      <c r="I10056" s="1" t="s">
        <v>35524</v>
      </c>
      <c r="J10056" s="1" t="s">
        <v>38614</v>
      </c>
    </row>
    <row r="10057" spans="1:10" x14ac:dyDescent="0.35">
      <c r="A10057" s="1" t="s">
        <v>38532</v>
      </c>
      <c r="B10057" s="1" t="s">
        <v>35518</v>
      </c>
      <c r="C10057" s="1" t="s">
        <v>125</v>
      </c>
      <c r="D10057" s="1" t="s">
        <v>396</v>
      </c>
      <c r="E10057" s="1" t="s">
        <v>38615</v>
      </c>
      <c r="F10057" s="1" t="s">
        <v>38616</v>
      </c>
      <c r="G10057" s="1" t="s">
        <v>38536</v>
      </c>
      <c r="H10057" s="1" t="s">
        <v>38537</v>
      </c>
      <c r="I10057" s="1" t="s">
        <v>35524</v>
      </c>
      <c r="J10057" s="1" t="s">
        <v>38617</v>
      </c>
    </row>
    <row r="10058" spans="1:10" x14ac:dyDescent="0.35">
      <c r="A10058" s="1" t="s">
        <v>38532</v>
      </c>
      <c r="B10058" s="1" t="s">
        <v>35518</v>
      </c>
      <c r="C10058" s="1" t="s">
        <v>130</v>
      </c>
      <c r="D10058" s="1" t="s">
        <v>38618</v>
      </c>
      <c r="E10058" s="1" t="s">
        <v>38619</v>
      </c>
      <c r="F10058" s="1" t="s">
        <v>38620</v>
      </c>
      <c r="G10058" s="1" t="s">
        <v>38536</v>
      </c>
      <c r="H10058" s="1" t="s">
        <v>38537</v>
      </c>
      <c r="I10058" s="1" t="s">
        <v>35524</v>
      </c>
      <c r="J10058" s="1" t="s">
        <v>38621</v>
      </c>
    </row>
    <row r="10059" spans="1:10" x14ac:dyDescent="0.35">
      <c r="A10059" s="1" t="s">
        <v>38532</v>
      </c>
      <c r="B10059" s="1" t="s">
        <v>35518</v>
      </c>
      <c r="C10059" s="1" t="s">
        <v>135</v>
      </c>
      <c r="D10059" s="1" t="s">
        <v>38622</v>
      </c>
      <c r="E10059" s="1" t="s">
        <v>38623</v>
      </c>
      <c r="F10059" s="1" t="s">
        <v>38624</v>
      </c>
      <c r="G10059" s="1" t="s">
        <v>38536</v>
      </c>
      <c r="H10059" s="1" t="s">
        <v>38537</v>
      </c>
      <c r="I10059" s="1" t="s">
        <v>35524</v>
      </c>
      <c r="J10059" s="1" t="s">
        <v>38625</v>
      </c>
    </row>
    <row r="10060" spans="1:10" x14ac:dyDescent="0.35">
      <c r="A10060" s="1" t="s">
        <v>38532</v>
      </c>
      <c r="B10060" s="1" t="s">
        <v>35518</v>
      </c>
      <c r="C10060" s="1" t="s">
        <v>140</v>
      </c>
      <c r="D10060" s="1" t="s">
        <v>38626</v>
      </c>
      <c r="E10060" s="1" t="s">
        <v>38627</v>
      </c>
      <c r="F10060" s="1" t="s">
        <v>38628</v>
      </c>
      <c r="G10060" s="1" t="s">
        <v>38536</v>
      </c>
      <c r="H10060" s="1" t="s">
        <v>38537</v>
      </c>
      <c r="I10060" s="1" t="s">
        <v>35524</v>
      </c>
      <c r="J10060" s="1" t="s">
        <v>38629</v>
      </c>
    </row>
    <row r="10061" spans="1:10" x14ac:dyDescent="0.35">
      <c r="A10061" s="1" t="s">
        <v>38532</v>
      </c>
      <c r="B10061" s="1" t="s">
        <v>35518</v>
      </c>
      <c r="C10061" s="1" t="s">
        <v>145</v>
      </c>
      <c r="D10061" s="1" t="s">
        <v>38630</v>
      </c>
      <c r="E10061" s="1" t="s">
        <v>38631</v>
      </c>
      <c r="F10061" s="1" t="s">
        <v>38632</v>
      </c>
      <c r="G10061" s="1" t="s">
        <v>38536</v>
      </c>
      <c r="H10061" s="1" t="s">
        <v>38537</v>
      </c>
      <c r="I10061" s="1" t="s">
        <v>35524</v>
      </c>
      <c r="J10061" s="1" t="s">
        <v>38633</v>
      </c>
    </row>
    <row r="10062" spans="1:10" x14ac:dyDescent="0.35">
      <c r="A10062" s="1" t="s">
        <v>38532</v>
      </c>
      <c r="B10062" s="1" t="s">
        <v>35518</v>
      </c>
      <c r="C10062" s="1" t="s">
        <v>150</v>
      </c>
      <c r="D10062" s="1" t="s">
        <v>38634</v>
      </c>
      <c r="E10062" s="1" t="s">
        <v>38635</v>
      </c>
      <c r="F10062" s="1" t="s">
        <v>38636</v>
      </c>
      <c r="G10062" s="1" t="s">
        <v>38536</v>
      </c>
      <c r="H10062" s="1" t="s">
        <v>38537</v>
      </c>
      <c r="I10062" s="1" t="s">
        <v>35524</v>
      </c>
      <c r="J10062" s="1" t="s">
        <v>38637</v>
      </c>
    </row>
    <row r="10063" spans="1:10" x14ac:dyDescent="0.35">
      <c r="A10063" s="1" t="s">
        <v>38532</v>
      </c>
      <c r="B10063" s="1" t="s">
        <v>35518</v>
      </c>
      <c r="C10063" s="1" t="s">
        <v>155</v>
      </c>
      <c r="D10063" s="1" t="s">
        <v>38638</v>
      </c>
      <c r="E10063" s="1" t="s">
        <v>38639</v>
      </c>
      <c r="F10063" s="1" t="s">
        <v>38640</v>
      </c>
      <c r="G10063" s="1" t="s">
        <v>38536</v>
      </c>
      <c r="H10063" s="1" t="s">
        <v>38537</v>
      </c>
      <c r="I10063" s="1" t="s">
        <v>35524</v>
      </c>
      <c r="J10063" s="1" t="s">
        <v>38641</v>
      </c>
    </row>
    <row r="10064" spans="1:10" x14ac:dyDescent="0.35">
      <c r="A10064" s="1" t="s">
        <v>38532</v>
      </c>
      <c r="B10064" s="1" t="s">
        <v>35518</v>
      </c>
      <c r="C10064" s="1" t="s">
        <v>160</v>
      </c>
      <c r="D10064" s="1" t="s">
        <v>38642</v>
      </c>
      <c r="E10064" s="1" t="s">
        <v>38643</v>
      </c>
      <c r="F10064" s="1" t="s">
        <v>38644</v>
      </c>
      <c r="G10064" s="1" t="s">
        <v>38536</v>
      </c>
      <c r="H10064" s="1" t="s">
        <v>38537</v>
      </c>
      <c r="I10064" s="1" t="s">
        <v>35524</v>
      </c>
      <c r="J10064" s="1" t="s">
        <v>38645</v>
      </c>
    </row>
    <row r="10065" spans="1:10" x14ac:dyDescent="0.35">
      <c r="A10065" s="1" t="s">
        <v>38532</v>
      </c>
      <c r="B10065" s="1" t="s">
        <v>35518</v>
      </c>
      <c r="C10065" s="1" t="s">
        <v>165</v>
      </c>
      <c r="D10065" s="1" t="s">
        <v>35790</v>
      </c>
      <c r="E10065" s="1" t="s">
        <v>38646</v>
      </c>
      <c r="F10065" s="1" t="s">
        <v>38647</v>
      </c>
      <c r="G10065" s="1" t="s">
        <v>38536</v>
      </c>
      <c r="H10065" s="1" t="s">
        <v>38537</v>
      </c>
      <c r="I10065" s="1" t="s">
        <v>35524</v>
      </c>
      <c r="J10065" s="1" t="s">
        <v>38648</v>
      </c>
    </row>
    <row r="10066" spans="1:10" x14ac:dyDescent="0.35">
      <c r="A10066" s="1" t="s">
        <v>38532</v>
      </c>
      <c r="B10066" s="1" t="s">
        <v>35518</v>
      </c>
      <c r="C10066" s="1" t="s">
        <v>170</v>
      </c>
      <c r="D10066" s="1" t="s">
        <v>35797</v>
      </c>
      <c r="E10066" s="1" t="s">
        <v>38649</v>
      </c>
      <c r="F10066" s="1" t="s">
        <v>38650</v>
      </c>
      <c r="G10066" s="1" t="s">
        <v>38536</v>
      </c>
      <c r="H10066" s="1" t="s">
        <v>38537</v>
      </c>
      <c r="I10066" s="1" t="s">
        <v>35524</v>
      </c>
      <c r="J10066" s="1" t="s">
        <v>38651</v>
      </c>
    </row>
    <row r="10067" spans="1:10" x14ac:dyDescent="0.35">
      <c r="A10067" s="1" t="s">
        <v>38652</v>
      </c>
      <c r="B10067" s="1" t="s">
        <v>35518</v>
      </c>
      <c r="C10067" s="1" t="s">
        <v>8</v>
      </c>
      <c r="D10067" s="1" t="s">
        <v>38653</v>
      </c>
      <c r="E10067" s="1" t="s">
        <v>38654</v>
      </c>
      <c r="F10067" s="1" t="s">
        <v>38655</v>
      </c>
      <c r="G10067" s="1" t="s">
        <v>38656</v>
      </c>
      <c r="H10067" s="1" t="s">
        <v>38657</v>
      </c>
      <c r="I10067" s="1" t="s">
        <v>35524</v>
      </c>
      <c r="J10067" s="1" t="s">
        <v>13</v>
      </c>
    </row>
    <row r="10068" spans="1:10" x14ac:dyDescent="0.35">
      <c r="A10068" s="1" t="s">
        <v>38652</v>
      </c>
      <c r="B10068" s="1" t="s">
        <v>35518</v>
      </c>
      <c r="C10068" s="1" t="s">
        <v>15</v>
      </c>
      <c r="D10068" s="1" t="s">
        <v>38658</v>
      </c>
      <c r="E10068" s="1" t="s">
        <v>38659</v>
      </c>
      <c r="F10068" s="1" t="s">
        <v>38660</v>
      </c>
      <c r="G10068" s="1" t="s">
        <v>38656</v>
      </c>
      <c r="H10068" s="1" t="s">
        <v>38657</v>
      </c>
      <c r="I10068" s="1" t="s">
        <v>35524</v>
      </c>
      <c r="J10068" s="1" t="s">
        <v>38661</v>
      </c>
    </row>
    <row r="10069" spans="1:10" x14ac:dyDescent="0.35">
      <c r="A10069" s="1" t="s">
        <v>38652</v>
      </c>
      <c r="B10069" s="1" t="s">
        <v>35518</v>
      </c>
      <c r="C10069" s="1" t="s">
        <v>20</v>
      </c>
      <c r="D10069" s="1" t="s">
        <v>38662</v>
      </c>
      <c r="E10069" s="1" t="s">
        <v>38663</v>
      </c>
      <c r="F10069" s="1" t="s">
        <v>38664</v>
      </c>
      <c r="G10069" s="1" t="s">
        <v>38656</v>
      </c>
      <c r="H10069" s="1" t="s">
        <v>38657</v>
      </c>
      <c r="I10069" s="1" t="s">
        <v>35524</v>
      </c>
      <c r="J10069" s="1" t="s">
        <v>38665</v>
      </c>
    </row>
    <row r="10070" spans="1:10" x14ac:dyDescent="0.35">
      <c r="A10070" s="1" t="s">
        <v>38652</v>
      </c>
      <c r="B10070" s="1" t="s">
        <v>35518</v>
      </c>
      <c r="C10070" s="1" t="s">
        <v>25</v>
      </c>
      <c r="D10070" s="1" t="s">
        <v>38666</v>
      </c>
      <c r="E10070" s="1" t="s">
        <v>38667</v>
      </c>
      <c r="F10070" s="1" t="s">
        <v>38668</v>
      </c>
      <c r="G10070" s="1" t="s">
        <v>38656</v>
      </c>
      <c r="H10070" s="1" t="s">
        <v>38657</v>
      </c>
      <c r="I10070" s="1" t="s">
        <v>35524</v>
      </c>
      <c r="J10070" s="1" t="s">
        <v>38669</v>
      </c>
    </row>
    <row r="10071" spans="1:10" x14ac:dyDescent="0.35">
      <c r="A10071" s="1" t="s">
        <v>38652</v>
      </c>
      <c r="B10071" s="1" t="s">
        <v>35518</v>
      </c>
      <c r="C10071" s="1" t="s">
        <v>30</v>
      </c>
      <c r="D10071" s="1" t="s">
        <v>38670</v>
      </c>
      <c r="E10071" s="1" t="s">
        <v>38671</v>
      </c>
      <c r="F10071" s="1" t="s">
        <v>38672</v>
      </c>
      <c r="G10071" s="1" t="s">
        <v>38656</v>
      </c>
      <c r="H10071" s="1" t="s">
        <v>38657</v>
      </c>
      <c r="I10071" s="1" t="s">
        <v>35524</v>
      </c>
      <c r="J10071" s="1" t="s">
        <v>38673</v>
      </c>
    </row>
    <row r="10072" spans="1:10" x14ac:dyDescent="0.35">
      <c r="A10072" s="1" t="s">
        <v>38652</v>
      </c>
      <c r="B10072" s="1" t="s">
        <v>35518</v>
      </c>
      <c r="C10072" s="1" t="s">
        <v>35</v>
      </c>
      <c r="D10072" s="1" t="s">
        <v>38674</v>
      </c>
      <c r="E10072" s="1" t="s">
        <v>38675</v>
      </c>
      <c r="F10072" s="1" t="s">
        <v>38676</v>
      </c>
      <c r="G10072" s="1" t="s">
        <v>38656</v>
      </c>
      <c r="H10072" s="1" t="s">
        <v>38657</v>
      </c>
      <c r="I10072" s="1" t="s">
        <v>35524</v>
      </c>
      <c r="J10072" s="1" t="s">
        <v>38677</v>
      </c>
    </row>
    <row r="10073" spans="1:10" x14ac:dyDescent="0.35">
      <c r="A10073" s="1" t="s">
        <v>38652</v>
      </c>
      <c r="B10073" s="1" t="s">
        <v>35518</v>
      </c>
      <c r="C10073" s="1" t="s">
        <v>40</v>
      </c>
      <c r="D10073" s="1" t="s">
        <v>38678</v>
      </c>
      <c r="E10073" s="1" t="s">
        <v>38679</v>
      </c>
      <c r="F10073" s="1" t="s">
        <v>38680</v>
      </c>
      <c r="G10073" s="1" t="s">
        <v>38656</v>
      </c>
      <c r="H10073" s="1" t="s">
        <v>38657</v>
      </c>
      <c r="I10073" s="1" t="s">
        <v>35524</v>
      </c>
      <c r="J10073" s="1" t="s">
        <v>38681</v>
      </c>
    </row>
    <row r="10074" spans="1:10" x14ac:dyDescent="0.35">
      <c r="A10074" s="1" t="s">
        <v>38652</v>
      </c>
      <c r="B10074" s="1" t="s">
        <v>35518</v>
      </c>
      <c r="C10074" s="1" t="s">
        <v>45</v>
      </c>
      <c r="D10074" s="1" t="s">
        <v>38682</v>
      </c>
      <c r="E10074" s="1" t="s">
        <v>38683</v>
      </c>
      <c r="F10074" s="1" t="s">
        <v>38684</v>
      </c>
      <c r="G10074" s="1" t="s">
        <v>38656</v>
      </c>
      <c r="H10074" s="1" t="s">
        <v>38657</v>
      </c>
      <c r="I10074" s="1" t="s">
        <v>35524</v>
      </c>
      <c r="J10074" s="1" t="s">
        <v>38685</v>
      </c>
    </row>
    <row r="10075" spans="1:10" x14ac:dyDescent="0.35">
      <c r="A10075" s="1" t="s">
        <v>38652</v>
      </c>
      <c r="B10075" s="1" t="s">
        <v>35518</v>
      </c>
      <c r="C10075" s="1" t="s">
        <v>50</v>
      </c>
      <c r="D10075" s="1" t="s">
        <v>38686</v>
      </c>
      <c r="E10075" s="1" t="s">
        <v>38687</v>
      </c>
      <c r="F10075" s="1" t="s">
        <v>38688</v>
      </c>
      <c r="G10075" s="1" t="s">
        <v>38656</v>
      </c>
      <c r="H10075" s="1" t="s">
        <v>38657</v>
      </c>
      <c r="I10075" s="1" t="s">
        <v>35524</v>
      </c>
      <c r="J10075" s="1" t="s">
        <v>38689</v>
      </c>
    </row>
    <row r="10076" spans="1:10" x14ac:dyDescent="0.35">
      <c r="A10076" s="1" t="s">
        <v>38652</v>
      </c>
      <c r="B10076" s="1" t="s">
        <v>35518</v>
      </c>
      <c r="C10076" s="1" t="s">
        <v>55</v>
      </c>
      <c r="D10076" s="1" t="s">
        <v>38690</v>
      </c>
      <c r="E10076" s="1" t="s">
        <v>38691</v>
      </c>
      <c r="F10076" s="1" t="s">
        <v>38692</v>
      </c>
      <c r="G10076" s="1" t="s">
        <v>38656</v>
      </c>
      <c r="H10076" s="1" t="s">
        <v>38657</v>
      </c>
      <c r="I10076" s="1" t="s">
        <v>35524</v>
      </c>
      <c r="J10076" s="1" t="s">
        <v>38693</v>
      </c>
    </row>
    <row r="10077" spans="1:10" x14ac:dyDescent="0.35">
      <c r="A10077" s="1" t="s">
        <v>38652</v>
      </c>
      <c r="B10077" s="1" t="s">
        <v>35518</v>
      </c>
      <c r="C10077" s="1" t="s">
        <v>60</v>
      </c>
      <c r="D10077" s="1" t="s">
        <v>38694</v>
      </c>
      <c r="E10077" s="1" t="s">
        <v>38695</v>
      </c>
      <c r="F10077" s="1" t="s">
        <v>38696</v>
      </c>
      <c r="G10077" s="1" t="s">
        <v>38656</v>
      </c>
      <c r="H10077" s="1" t="s">
        <v>38657</v>
      </c>
      <c r="I10077" s="1" t="s">
        <v>35524</v>
      </c>
      <c r="J10077" s="1" t="s">
        <v>38697</v>
      </c>
    </row>
    <row r="10078" spans="1:10" x14ac:dyDescent="0.35">
      <c r="A10078" s="1" t="s">
        <v>38652</v>
      </c>
      <c r="B10078" s="1" t="s">
        <v>35518</v>
      </c>
      <c r="C10078" s="1" t="s">
        <v>65</v>
      </c>
      <c r="D10078" s="1" t="s">
        <v>38698</v>
      </c>
      <c r="E10078" s="1" t="s">
        <v>38699</v>
      </c>
      <c r="F10078" s="1" t="s">
        <v>38700</v>
      </c>
      <c r="G10078" s="1" t="s">
        <v>38656</v>
      </c>
      <c r="H10078" s="1" t="s">
        <v>38657</v>
      </c>
      <c r="I10078" s="1" t="s">
        <v>35524</v>
      </c>
      <c r="J10078" s="1" t="s">
        <v>38701</v>
      </c>
    </row>
    <row r="10079" spans="1:10" x14ac:dyDescent="0.35">
      <c r="A10079" s="1" t="s">
        <v>38652</v>
      </c>
      <c r="B10079" s="1" t="s">
        <v>35518</v>
      </c>
      <c r="C10079" s="1" t="s">
        <v>70</v>
      </c>
      <c r="D10079" s="1" t="s">
        <v>38702</v>
      </c>
      <c r="E10079" s="1" t="s">
        <v>38703</v>
      </c>
      <c r="F10079" s="1" t="s">
        <v>38704</v>
      </c>
      <c r="G10079" s="1" t="s">
        <v>38656</v>
      </c>
      <c r="H10079" s="1" t="s">
        <v>38657</v>
      </c>
      <c r="I10079" s="1" t="s">
        <v>35524</v>
      </c>
      <c r="J10079" s="1" t="s">
        <v>38705</v>
      </c>
    </row>
    <row r="10080" spans="1:10" x14ac:dyDescent="0.35">
      <c r="A10080" s="1" t="s">
        <v>38652</v>
      </c>
      <c r="B10080" s="1" t="s">
        <v>35518</v>
      </c>
      <c r="C10080" s="1" t="s">
        <v>75</v>
      </c>
      <c r="D10080" s="1" t="s">
        <v>38706</v>
      </c>
      <c r="E10080" s="1" t="s">
        <v>38707</v>
      </c>
      <c r="F10080" s="1" t="s">
        <v>38708</v>
      </c>
      <c r="G10080" s="1" t="s">
        <v>38656</v>
      </c>
      <c r="H10080" s="1" t="s">
        <v>38657</v>
      </c>
      <c r="I10080" s="1" t="s">
        <v>35524</v>
      </c>
      <c r="J10080" s="1" t="s">
        <v>38709</v>
      </c>
    </row>
    <row r="10081" spans="1:10" x14ac:dyDescent="0.35">
      <c r="A10081" s="1" t="s">
        <v>38652</v>
      </c>
      <c r="B10081" s="1" t="s">
        <v>35518</v>
      </c>
      <c r="C10081" s="1" t="s">
        <v>80</v>
      </c>
      <c r="D10081" s="1" t="s">
        <v>38710</v>
      </c>
      <c r="E10081" s="1" t="s">
        <v>38711</v>
      </c>
      <c r="F10081" s="1" t="s">
        <v>38712</v>
      </c>
      <c r="G10081" s="1" t="s">
        <v>38656</v>
      </c>
      <c r="H10081" s="1" t="s">
        <v>38657</v>
      </c>
      <c r="I10081" s="1" t="s">
        <v>35524</v>
      </c>
      <c r="J10081" s="1" t="s">
        <v>38713</v>
      </c>
    </row>
    <row r="10082" spans="1:10" x14ac:dyDescent="0.35">
      <c r="A10082" s="1" t="s">
        <v>38652</v>
      </c>
      <c r="B10082" s="1" t="s">
        <v>35518</v>
      </c>
      <c r="C10082" s="1" t="s">
        <v>85</v>
      </c>
      <c r="D10082" s="1" t="s">
        <v>38714</v>
      </c>
      <c r="E10082" s="1" t="s">
        <v>38715</v>
      </c>
      <c r="F10082" s="1" t="s">
        <v>38716</v>
      </c>
      <c r="G10082" s="1" t="s">
        <v>38656</v>
      </c>
      <c r="H10082" s="1" t="s">
        <v>38657</v>
      </c>
      <c r="I10082" s="1" t="s">
        <v>35524</v>
      </c>
      <c r="J10082" s="1" t="s">
        <v>38717</v>
      </c>
    </row>
    <row r="10083" spans="1:10" x14ac:dyDescent="0.35">
      <c r="A10083" s="1" t="s">
        <v>38652</v>
      </c>
      <c r="B10083" s="1" t="s">
        <v>35518</v>
      </c>
      <c r="C10083" s="1" t="s">
        <v>90</v>
      </c>
      <c r="D10083" s="1" t="s">
        <v>38718</v>
      </c>
      <c r="E10083" s="1" t="s">
        <v>38719</v>
      </c>
      <c r="F10083" s="1" t="s">
        <v>38720</v>
      </c>
      <c r="G10083" s="1" t="s">
        <v>38656</v>
      </c>
      <c r="H10083" s="1" t="s">
        <v>38657</v>
      </c>
      <c r="I10083" s="1" t="s">
        <v>35524</v>
      </c>
      <c r="J10083" s="1" t="s">
        <v>38721</v>
      </c>
    </row>
    <row r="10084" spans="1:10" x14ac:dyDescent="0.35">
      <c r="A10084" s="1" t="s">
        <v>38652</v>
      </c>
      <c r="B10084" s="1" t="s">
        <v>35518</v>
      </c>
      <c r="C10084" s="1" t="s">
        <v>95</v>
      </c>
      <c r="D10084" s="1" t="s">
        <v>38722</v>
      </c>
      <c r="E10084" s="1" t="s">
        <v>38723</v>
      </c>
      <c r="F10084" s="1" t="s">
        <v>38724</v>
      </c>
      <c r="G10084" s="1" t="s">
        <v>38656</v>
      </c>
      <c r="H10084" s="1" t="s">
        <v>38657</v>
      </c>
      <c r="I10084" s="1" t="s">
        <v>35524</v>
      </c>
      <c r="J10084" s="1" t="s">
        <v>38725</v>
      </c>
    </row>
    <row r="10085" spans="1:10" x14ac:dyDescent="0.35">
      <c r="A10085" s="1" t="s">
        <v>38652</v>
      </c>
      <c r="B10085" s="1" t="s">
        <v>35518</v>
      </c>
      <c r="C10085" s="1" t="s">
        <v>100</v>
      </c>
      <c r="D10085" s="1" t="s">
        <v>38726</v>
      </c>
      <c r="E10085" s="1" t="s">
        <v>38727</v>
      </c>
      <c r="F10085" s="1" t="s">
        <v>38728</v>
      </c>
      <c r="G10085" s="1" t="s">
        <v>38656</v>
      </c>
      <c r="H10085" s="1" t="s">
        <v>38657</v>
      </c>
      <c r="I10085" s="1" t="s">
        <v>35524</v>
      </c>
      <c r="J10085" s="1" t="s">
        <v>38729</v>
      </c>
    </row>
    <row r="10086" spans="1:10" x14ac:dyDescent="0.35">
      <c r="A10086" s="1" t="s">
        <v>38652</v>
      </c>
      <c r="B10086" s="1" t="s">
        <v>35518</v>
      </c>
      <c r="C10086" s="1" t="s">
        <v>105</v>
      </c>
      <c r="D10086" s="1" t="s">
        <v>38730</v>
      </c>
      <c r="E10086" s="1" t="s">
        <v>38731</v>
      </c>
      <c r="F10086" s="1" t="s">
        <v>38732</v>
      </c>
      <c r="G10086" s="1" t="s">
        <v>38656</v>
      </c>
      <c r="H10086" s="1" t="s">
        <v>38657</v>
      </c>
      <c r="I10086" s="1" t="s">
        <v>35524</v>
      </c>
      <c r="J10086" s="1" t="s">
        <v>38733</v>
      </c>
    </row>
    <row r="10087" spans="1:10" x14ac:dyDescent="0.35">
      <c r="A10087" s="1" t="s">
        <v>38652</v>
      </c>
      <c r="B10087" s="1" t="s">
        <v>35518</v>
      </c>
      <c r="C10087" s="1" t="s">
        <v>110</v>
      </c>
      <c r="D10087" s="1" t="s">
        <v>38734</v>
      </c>
      <c r="E10087" s="1" t="s">
        <v>38735</v>
      </c>
      <c r="F10087" s="1" t="s">
        <v>38736</v>
      </c>
      <c r="G10087" s="1" t="s">
        <v>38656</v>
      </c>
      <c r="H10087" s="1" t="s">
        <v>38657</v>
      </c>
      <c r="I10087" s="1" t="s">
        <v>35524</v>
      </c>
      <c r="J10087" s="1" t="s">
        <v>38737</v>
      </c>
    </row>
    <row r="10088" spans="1:10" x14ac:dyDescent="0.35">
      <c r="A10088" s="1" t="s">
        <v>38652</v>
      </c>
      <c r="B10088" s="1" t="s">
        <v>35518</v>
      </c>
      <c r="C10088" s="1" t="s">
        <v>115</v>
      </c>
      <c r="D10088" s="1" t="s">
        <v>38738</v>
      </c>
      <c r="E10088" s="1" t="s">
        <v>38739</v>
      </c>
      <c r="F10088" s="1" t="s">
        <v>38740</v>
      </c>
      <c r="G10088" s="1" t="s">
        <v>38656</v>
      </c>
      <c r="H10088" s="1" t="s">
        <v>38657</v>
      </c>
      <c r="I10088" s="1" t="s">
        <v>35524</v>
      </c>
      <c r="J10088" s="1" t="s">
        <v>38741</v>
      </c>
    </row>
    <row r="10089" spans="1:10" x14ac:dyDescent="0.35">
      <c r="A10089" s="1" t="s">
        <v>38652</v>
      </c>
      <c r="B10089" s="1" t="s">
        <v>35518</v>
      </c>
      <c r="C10089" s="1" t="s">
        <v>120</v>
      </c>
      <c r="D10089" s="1" t="s">
        <v>38742</v>
      </c>
      <c r="E10089" s="1" t="s">
        <v>38743</v>
      </c>
      <c r="F10089" s="1" t="s">
        <v>38744</v>
      </c>
      <c r="G10089" s="1" t="s">
        <v>38656</v>
      </c>
      <c r="H10089" s="1" t="s">
        <v>38657</v>
      </c>
      <c r="I10089" s="1" t="s">
        <v>35524</v>
      </c>
      <c r="J10089" s="1" t="s">
        <v>38745</v>
      </c>
    </row>
    <row r="10090" spans="1:10" x14ac:dyDescent="0.35">
      <c r="A10090" s="1" t="s">
        <v>38652</v>
      </c>
      <c r="B10090" s="1" t="s">
        <v>35518</v>
      </c>
      <c r="C10090" s="1" t="s">
        <v>125</v>
      </c>
      <c r="D10090" s="1" t="s">
        <v>38746</v>
      </c>
      <c r="E10090" s="1" t="s">
        <v>38747</v>
      </c>
      <c r="F10090" s="1" t="s">
        <v>38748</v>
      </c>
      <c r="G10090" s="1" t="s">
        <v>38656</v>
      </c>
      <c r="H10090" s="1" t="s">
        <v>38657</v>
      </c>
      <c r="I10090" s="1" t="s">
        <v>35524</v>
      </c>
      <c r="J10090" s="1" t="s">
        <v>38749</v>
      </c>
    </row>
    <row r="10091" spans="1:10" x14ac:dyDescent="0.35">
      <c r="A10091" s="1" t="s">
        <v>38652</v>
      </c>
      <c r="B10091" s="1" t="s">
        <v>35518</v>
      </c>
      <c r="C10091" s="1" t="s">
        <v>130</v>
      </c>
      <c r="D10091" s="1" t="s">
        <v>38750</v>
      </c>
      <c r="E10091" s="1" t="s">
        <v>38751</v>
      </c>
      <c r="F10091" s="1" t="s">
        <v>38752</v>
      </c>
      <c r="G10091" s="1" t="s">
        <v>38656</v>
      </c>
      <c r="H10091" s="1" t="s">
        <v>38657</v>
      </c>
      <c r="I10091" s="1" t="s">
        <v>35524</v>
      </c>
      <c r="J10091" s="1" t="s">
        <v>38753</v>
      </c>
    </row>
    <row r="10092" spans="1:10" x14ac:dyDescent="0.35">
      <c r="A10092" s="1" t="s">
        <v>38652</v>
      </c>
      <c r="B10092" s="1" t="s">
        <v>35518</v>
      </c>
      <c r="C10092" s="1" t="s">
        <v>135</v>
      </c>
      <c r="D10092" s="1" t="s">
        <v>38754</v>
      </c>
      <c r="E10092" s="1" t="s">
        <v>38755</v>
      </c>
      <c r="F10092" s="1" t="s">
        <v>38756</v>
      </c>
      <c r="G10092" s="1" t="s">
        <v>38656</v>
      </c>
      <c r="H10092" s="1" t="s">
        <v>38657</v>
      </c>
      <c r="I10092" s="1" t="s">
        <v>35524</v>
      </c>
      <c r="J10092" s="1" t="s">
        <v>38757</v>
      </c>
    </row>
    <row r="10093" spans="1:10" x14ac:dyDescent="0.35">
      <c r="A10093" s="1" t="s">
        <v>38652</v>
      </c>
      <c r="B10093" s="1" t="s">
        <v>35518</v>
      </c>
      <c r="C10093" s="1" t="s">
        <v>140</v>
      </c>
      <c r="D10093" s="1" t="s">
        <v>38758</v>
      </c>
      <c r="E10093" s="1" t="s">
        <v>38759</v>
      </c>
      <c r="F10093" s="1" t="s">
        <v>38760</v>
      </c>
      <c r="G10093" s="1" t="s">
        <v>38656</v>
      </c>
      <c r="H10093" s="1" t="s">
        <v>38657</v>
      </c>
      <c r="I10093" s="1" t="s">
        <v>35524</v>
      </c>
      <c r="J10093" s="1" t="s">
        <v>38761</v>
      </c>
    </row>
    <row r="10094" spans="1:10" x14ac:dyDescent="0.35">
      <c r="A10094" s="1" t="s">
        <v>38652</v>
      </c>
      <c r="B10094" s="1" t="s">
        <v>35518</v>
      </c>
      <c r="C10094" s="1" t="s">
        <v>145</v>
      </c>
      <c r="D10094" s="1" t="s">
        <v>38762</v>
      </c>
      <c r="E10094" s="1" t="s">
        <v>38763</v>
      </c>
      <c r="F10094" s="1" t="s">
        <v>38764</v>
      </c>
      <c r="G10094" s="1" t="s">
        <v>38656</v>
      </c>
      <c r="H10094" s="1" t="s">
        <v>38657</v>
      </c>
      <c r="I10094" s="1" t="s">
        <v>35524</v>
      </c>
      <c r="J10094" s="1" t="s">
        <v>38765</v>
      </c>
    </row>
    <row r="10095" spans="1:10" x14ac:dyDescent="0.35">
      <c r="A10095" s="1" t="s">
        <v>38652</v>
      </c>
      <c r="B10095" s="1" t="s">
        <v>35518</v>
      </c>
      <c r="C10095" s="1" t="s">
        <v>150</v>
      </c>
      <c r="D10095" s="1" t="s">
        <v>38766</v>
      </c>
      <c r="E10095" s="1" t="s">
        <v>38767</v>
      </c>
      <c r="F10095" s="1" t="s">
        <v>38768</v>
      </c>
      <c r="G10095" s="1" t="s">
        <v>38656</v>
      </c>
      <c r="H10095" s="1" t="s">
        <v>38657</v>
      </c>
      <c r="I10095" s="1" t="s">
        <v>35524</v>
      </c>
      <c r="J10095" s="1" t="s">
        <v>38769</v>
      </c>
    </row>
    <row r="10096" spans="1:10" x14ac:dyDescent="0.35">
      <c r="A10096" s="1" t="s">
        <v>38652</v>
      </c>
      <c r="B10096" s="1" t="s">
        <v>35518</v>
      </c>
      <c r="C10096" s="1" t="s">
        <v>155</v>
      </c>
      <c r="D10096" s="1" t="s">
        <v>38770</v>
      </c>
      <c r="E10096" s="1" t="s">
        <v>38771</v>
      </c>
      <c r="F10096" s="1" t="s">
        <v>38772</v>
      </c>
      <c r="G10096" s="1" t="s">
        <v>38656</v>
      </c>
      <c r="H10096" s="1" t="s">
        <v>38657</v>
      </c>
      <c r="I10096" s="1" t="s">
        <v>35524</v>
      </c>
      <c r="J10096" s="1" t="s">
        <v>38773</v>
      </c>
    </row>
    <row r="10097" spans="1:10" x14ac:dyDescent="0.35">
      <c r="A10097" s="1" t="s">
        <v>38652</v>
      </c>
      <c r="B10097" s="1" t="s">
        <v>35518</v>
      </c>
      <c r="C10097" s="1" t="s">
        <v>160</v>
      </c>
      <c r="D10097" s="1" t="s">
        <v>38774</v>
      </c>
      <c r="E10097" s="1" t="s">
        <v>38775</v>
      </c>
      <c r="F10097" s="1" t="s">
        <v>38776</v>
      </c>
      <c r="G10097" s="1" t="s">
        <v>38656</v>
      </c>
      <c r="H10097" s="1" t="s">
        <v>38657</v>
      </c>
      <c r="I10097" s="1" t="s">
        <v>35524</v>
      </c>
      <c r="J10097" s="1" t="s">
        <v>38777</v>
      </c>
    </row>
    <row r="10098" spans="1:10" x14ac:dyDescent="0.35">
      <c r="A10098" s="1" t="s">
        <v>38652</v>
      </c>
      <c r="B10098" s="1" t="s">
        <v>35518</v>
      </c>
      <c r="C10098" s="1" t="s">
        <v>165</v>
      </c>
      <c r="D10098" s="1" t="s">
        <v>38778</v>
      </c>
      <c r="E10098" s="1" t="s">
        <v>38779</v>
      </c>
      <c r="F10098" s="1" t="s">
        <v>38780</v>
      </c>
      <c r="G10098" s="1" t="s">
        <v>38656</v>
      </c>
      <c r="H10098" s="1" t="s">
        <v>38657</v>
      </c>
      <c r="I10098" s="1" t="s">
        <v>35524</v>
      </c>
      <c r="J10098" s="1" t="s">
        <v>38781</v>
      </c>
    </row>
    <row r="10099" spans="1:10" x14ac:dyDescent="0.35">
      <c r="A10099" s="1" t="s">
        <v>38652</v>
      </c>
      <c r="B10099" s="1" t="s">
        <v>35518</v>
      </c>
      <c r="C10099" s="1" t="s">
        <v>170</v>
      </c>
      <c r="D10099" s="1" t="s">
        <v>38782</v>
      </c>
      <c r="E10099" s="1" t="s">
        <v>38783</v>
      </c>
      <c r="F10099" s="1" t="s">
        <v>38784</v>
      </c>
      <c r="G10099" s="1" t="s">
        <v>38656</v>
      </c>
      <c r="H10099" s="1" t="s">
        <v>38657</v>
      </c>
      <c r="I10099" s="1" t="s">
        <v>35524</v>
      </c>
      <c r="J10099" s="1" t="s">
        <v>38785</v>
      </c>
    </row>
    <row r="10100" spans="1:10" x14ac:dyDescent="0.35">
      <c r="A10100" s="1" t="s">
        <v>38786</v>
      </c>
      <c r="B10100" s="1" t="s">
        <v>35518</v>
      </c>
      <c r="C10100" s="1" t="s">
        <v>8</v>
      </c>
      <c r="D10100" s="1" t="s">
        <v>38787</v>
      </c>
      <c r="E10100" s="1" t="s">
        <v>38788</v>
      </c>
      <c r="F10100" s="1" t="s">
        <v>38789</v>
      </c>
      <c r="G10100" s="1" t="s">
        <v>38790</v>
      </c>
      <c r="H10100" s="1" t="s">
        <v>38791</v>
      </c>
      <c r="I10100" s="1" t="s">
        <v>35524</v>
      </c>
      <c r="J10100" s="1" t="s">
        <v>13</v>
      </c>
    </row>
    <row r="10101" spans="1:10" x14ac:dyDescent="0.35">
      <c r="A10101" s="1" t="s">
        <v>38786</v>
      </c>
      <c r="B10101" s="1" t="s">
        <v>35518</v>
      </c>
      <c r="C10101" s="1" t="s">
        <v>15</v>
      </c>
      <c r="D10101" s="1" t="s">
        <v>38792</v>
      </c>
      <c r="E10101" s="1" t="s">
        <v>38793</v>
      </c>
      <c r="F10101" s="1" t="s">
        <v>38794</v>
      </c>
      <c r="G10101" s="1" t="s">
        <v>38790</v>
      </c>
      <c r="H10101" s="1" t="s">
        <v>38791</v>
      </c>
      <c r="I10101" s="1" t="s">
        <v>35524</v>
      </c>
      <c r="J10101" s="1" t="s">
        <v>38795</v>
      </c>
    </row>
    <row r="10102" spans="1:10" x14ac:dyDescent="0.35">
      <c r="A10102" s="1" t="s">
        <v>38786</v>
      </c>
      <c r="B10102" s="1" t="s">
        <v>35518</v>
      </c>
      <c r="C10102" s="1" t="s">
        <v>20</v>
      </c>
      <c r="D10102" s="1" t="s">
        <v>34674</v>
      </c>
      <c r="E10102" s="1" t="s">
        <v>38796</v>
      </c>
      <c r="F10102" s="1" t="s">
        <v>38797</v>
      </c>
      <c r="G10102" s="1" t="s">
        <v>38790</v>
      </c>
      <c r="H10102" s="1" t="s">
        <v>38791</v>
      </c>
      <c r="I10102" s="1" t="s">
        <v>35524</v>
      </c>
      <c r="J10102" s="1" t="s">
        <v>38798</v>
      </c>
    </row>
    <row r="10103" spans="1:10" x14ac:dyDescent="0.35">
      <c r="A10103" s="1" t="s">
        <v>38786</v>
      </c>
      <c r="B10103" s="1" t="s">
        <v>35518</v>
      </c>
      <c r="C10103" s="1" t="s">
        <v>25</v>
      </c>
      <c r="D10103" s="1" t="s">
        <v>14607</v>
      </c>
      <c r="E10103" s="1" t="s">
        <v>38799</v>
      </c>
      <c r="F10103" s="1" t="s">
        <v>38800</v>
      </c>
      <c r="G10103" s="1" t="s">
        <v>38790</v>
      </c>
      <c r="H10103" s="1" t="s">
        <v>38791</v>
      </c>
      <c r="I10103" s="1" t="s">
        <v>35524</v>
      </c>
      <c r="J10103" s="1" t="s">
        <v>38801</v>
      </c>
    </row>
    <row r="10104" spans="1:10" x14ac:dyDescent="0.35">
      <c r="A10104" s="1" t="s">
        <v>38786</v>
      </c>
      <c r="B10104" s="1" t="s">
        <v>35518</v>
      </c>
      <c r="C10104" s="1" t="s">
        <v>30</v>
      </c>
      <c r="D10104" s="1" t="s">
        <v>38802</v>
      </c>
      <c r="E10104" s="1" t="s">
        <v>38803</v>
      </c>
      <c r="F10104" s="1" t="s">
        <v>38804</v>
      </c>
      <c r="G10104" s="1" t="s">
        <v>38790</v>
      </c>
      <c r="H10104" s="1" t="s">
        <v>38791</v>
      </c>
      <c r="I10104" s="1" t="s">
        <v>35524</v>
      </c>
      <c r="J10104" s="1" t="s">
        <v>38805</v>
      </c>
    </row>
    <row r="10105" spans="1:10" x14ac:dyDescent="0.35">
      <c r="A10105" s="1" t="s">
        <v>38786</v>
      </c>
      <c r="B10105" s="1" t="s">
        <v>35518</v>
      </c>
      <c r="C10105" s="1" t="s">
        <v>35</v>
      </c>
      <c r="D10105" s="1" t="s">
        <v>38806</v>
      </c>
      <c r="E10105" s="1" t="s">
        <v>38807</v>
      </c>
      <c r="F10105" s="1" t="s">
        <v>38808</v>
      </c>
      <c r="G10105" s="1" t="s">
        <v>38790</v>
      </c>
      <c r="H10105" s="1" t="s">
        <v>38791</v>
      </c>
      <c r="I10105" s="1" t="s">
        <v>35524</v>
      </c>
      <c r="J10105" s="1" t="s">
        <v>38809</v>
      </c>
    </row>
    <row r="10106" spans="1:10" x14ac:dyDescent="0.35">
      <c r="A10106" s="1" t="s">
        <v>38786</v>
      </c>
      <c r="B10106" s="1" t="s">
        <v>35518</v>
      </c>
      <c r="C10106" s="1" t="s">
        <v>40</v>
      </c>
      <c r="D10106" s="1" t="s">
        <v>29725</v>
      </c>
      <c r="E10106" s="1" t="s">
        <v>38810</v>
      </c>
      <c r="F10106" s="1" t="s">
        <v>38811</v>
      </c>
      <c r="G10106" s="1" t="s">
        <v>38790</v>
      </c>
      <c r="H10106" s="1" t="s">
        <v>38791</v>
      </c>
      <c r="I10106" s="1" t="s">
        <v>35524</v>
      </c>
      <c r="J10106" s="1" t="s">
        <v>14457</v>
      </c>
    </row>
    <row r="10107" spans="1:10" x14ac:dyDescent="0.35">
      <c r="A10107" s="1" t="s">
        <v>38786</v>
      </c>
      <c r="B10107" s="1" t="s">
        <v>35518</v>
      </c>
      <c r="C10107" s="1" t="s">
        <v>45</v>
      </c>
      <c r="D10107" s="1" t="s">
        <v>38812</v>
      </c>
      <c r="E10107" s="1" t="s">
        <v>38813</v>
      </c>
      <c r="F10107" s="1" t="s">
        <v>38814</v>
      </c>
      <c r="G10107" s="1" t="s">
        <v>38790</v>
      </c>
      <c r="H10107" s="1" t="s">
        <v>38791</v>
      </c>
      <c r="I10107" s="1" t="s">
        <v>35524</v>
      </c>
      <c r="J10107" s="1" t="s">
        <v>38815</v>
      </c>
    </row>
    <row r="10108" spans="1:10" x14ac:dyDescent="0.35">
      <c r="A10108" s="1" t="s">
        <v>38786</v>
      </c>
      <c r="B10108" s="1" t="s">
        <v>35518</v>
      </c>
      <c r="C10108" s="1" t="s">
        <v>50</v>
      </c>
      <c r="D10108" s="1" t="s">
        <v>38816</v>
      </c>
      <c r="E10108" s="1" t="s">
        <v>38817</v>
      </c>
      <c r="F10108" s="1" t="s">
        <v>38818</v>
      </c>
      <c r="G10108" s="1" t="s">
        <v>38790</v>
      </c>
      <c r="H10108" s="1" t="s">
        <v>38791</v>
      </c>
      <c r="I10108" s="1" t="s">
        <v>35524</v>
      </c>
      <c r="J10108" s="1" t="s">
        <v>38819</v>
      </c>
    </row>
    <row r="10109" spans="1:10" x14ac:dyDescent="0.35">
      <c r="A10109" s="1" t="s">
        <v>38786</v>
      </c>
      <c r="B10109" s="1" t="s">
        <v>35518</v>
      </c>
      <c r="C10109" s="1" t="s">
        <v>55</v>
      </c>
      <c r="D10109" s="1" t="s">
        <v>15251</v>
      </c>
      <c r="E10109" s="1" t="s">
        <v>38820</v>
      </c>
      <c r="F10109" s="1" t="s">
        <v>38821</v>
      </c>
      <c r="G10109" s="1" t="s">
        <v>38790</v>
      </c>
      <c r="H10109" s="1" t="s">
        <v>38791</v>
      </c>
      <c r="I10109" s="1" t="s">
        <v>35524</v>
      </c>
      <c r="J10109" s="1" t="s">
        <v>38822</v>
      </c>
    </row>
    <row r="10110" spans="1:10" x14ac:dyDescent="0.35">
      <c r="A10110" s="1" t="s">
        <v>38786</v>
      </c>
      <c r="B10110" s="1" t="s">
        <v>35518</v>
      </c>
      <c r="C10110" s="1" t="s">
        <v>60</v>
      </c>
      <c r="D10110" s="1" t="s">
        <v>38823</v>
      </c>
      <c r="E10110" s="1" t="s">
        <v>38824</v>
      </c>
      <c r="F10110" s="1" t="s">
        <v>38825</v>
      </c>
      <c r="G10110" s="1" t="s">
        <v>38790</v>
      </c>
      <c r="H10110" s="1" t="s">
        <v>38791</v>
      </c>
      <c r="I10110" s="1" t="s">
        <v>35524</v>
      </c>
      <c r="J10110" s="1" t="s">
        <v>38826</v>
      </c>
    </row>
    <row r="10111" spans="1:10" x14ac:dyDescent="0.35">
      <c r="A10111" s="1" t="s">
        <v>38786</v>
      </c>
      <c r="B10111" s="1" t="s">
        <v>35518</v>
      </c>
      <c r="C10111" s="1" t="s">
        <v>65</v>
      </c>
      <c r="D10111" s="1" t="s">
        <v>14584</v>
      </c>
      <c r="E10111" s="1" t="s">
        <v>38827</v>
      </c>
      <c r="F10111" s="1" t="s">
        <v>38828</v>
      </c>
      <c r="G10111" s="1" t="s">
        <v>38790</v>
      </c>
      <c r="H10111" s="1" t="s">
        <v>38791</v>
      </c>
      <c r="I10111" s="1" t="s">
        <v>35524</v>
      </c>
      <c r="J10111" s="1" t="s">
        <v>38829</v>
      </c>
    </row>
    <row r="10112" spans="1:10" x14ac:dyDescent="0.35">
      <c r="A10112" s="1" t="s">
        <v>38786</v>
      </c>
      <c r="B10112" s="1" t="s">
        <v>35518</v>
      </c>
      <c r="C10112" s="1" t="s">
        <v>70</v>
      </c>
      <c r="D10112" s="1" t="s">
        <v>38830</v>
      </c>
      <c r="E10112" s="1" t="s">
        <v>38831</v>
      </c>
      <c r="F10112" s="1" t="s">
        <v>38832</v>
      </c>
      <c r="G10112" s="1" t="s">
        <v>38790</v>
      </c>
      <c r="H10112" s="1" t="s">
        <v>38791</v>
      </c>
      <c r="I10112" s="1" t="s">
        <v>35524</v>
      </c>
      <c r="J10112" s="1" t="s">
        <v>38833</v>
      </c>
    </row>
    <row r="10113" spans="1:10" x14ac:dyDescent="0.35">
      <c r="A10113" s="1" t="s">
        <v>38786</v>
      </c>
      <c r="B10113" s="1" t="s">
        <v>35518</v>
      </c>
      <c r="C10113" s="1" t="s">
        <v>75</v>
      </c>
      <c r="D10113" s="1" t="s">
        <v>38834</v>
      </c>
      <c r="E10113" s="1" t="s">
        <v>38835</v>
      </c>
      <c r="F10113" s="1" t="s">
        <v>38836</v>
      </c>
      <c r="G10113" s="1" t="s">
        <v>38790</v>
      </c>
      <c r="H10113" s="1" t="s">
        <v>38791</v>
      </c>
      <c r="I10113" s="1" t="s">
        <v>35524</v>
      </c>
      <c r="J10113" s="1" t="s">
        <v>38837</v>
      </c>
    </row>
    <row r="10114" spans="1:10" x14ac:dyDescent="0.35">
      <c r="A10114" s="1" t="s">
        <v>38786</v>
      </c>
      <c r="B10114" s="1" t="s">
        <v>35518</v>
      </c>
      <c r="C10114" s="1" t="s">
        <v>80</v>
      </c>
      <c r="D10114" s="1" t="s">
        <v>38838</v>
      </c>
      <c r="E10114" s="1" t="s">
        <v>38839</v>
      </c>
      <c r="F10114" s="1" t="s">
        <v>38840</v>
      </c>
      <c r="G10114" s="1" t="s">
        <v>38790</v>
      </c>
      <c r="H10114" s="1" t="s">
        <v>38791</v>
      </c>
      <c r="I10114" s="1" t="s">
        <v>35524</v>
      </c>
      <c r="J10114" s="1" t="s">
        <v>38841</v>
      </c>
    </row>
    <row r="10115" spans="1:10" x14ac:dyDescent="0.35">
      <c r="A10115" s="1" t="s">
        <v>38786</v>
      </c>
      <c r="B10115" s="1" t="s">
        <v>35518</v>
      </c>
      <c r="C10115" s="1" t="s">
        <v>85</v>
      </c>
      <c r="D10115" s="1" t="s">
        <v>10923</v>
      </c>
      <c r="E10115" s="1" t="s">
        <v>38842</v>
      </c>
      <c r="F10115" s="1" t="s">
        <v>38843</v>
      </c>
      <c r="G10115" s="1" t="s">
        <v>38790</v>
      </c>
      <c r="H10115" s="1" t="s">
        <v>38791</v>
      </c>
      <c r="I10115" s="1" t="s">
        <v>35524</v>
      </c>
      <c r="J10115" s="1" t="s">
        <v>38844</v>
      </c>
    </row>
    <row r="10116" spans="1:10" x14ac:dyDescent="0.35">
      <c r="A10116" s="1" t="s">
        <v>38786</v>
      </c>
      <c r="B10116" s="1" t="s">
        <v>35518</v>
      </c>
      <c r="C10116" s="1" t="s">
        <v>90</v>
      </c>
      <c r="D10116" s="1" t="s">
        <v>38845</v>
      </c>
      <c r="E10116" s="1" t="s">
        <v>38846</v>
      </c>
      <c r="F10116" s="1" t="s">
        <v>38847</v>
      </c>
      <c r="G10116" s="1" t="s">
        <v>38790</v>
      </c>
      <c r="H10116" s="1" t="s">
        <v>38791</v>
      </c>
      <c r="I10116" s="1" t="s">
        <v>35524</v>
      </c>
      <c r="J10116" s="1" t="s">
        <v>38848</v>
      </c>
    </row>
    <row r="10117" spans="1:10" x14ac:dyDescent="0.35">
      <c r="A10117" s="1" t="s">
        <v>38786</v>
      </c>
      <c r="B10117" s="1" t="s">
        <v>35518</v>
      </c>
      <c r="C10117" s="1" t="s">
        <v>95</v>
      </c>
      <c r="D10117" s="1" t="s">
        <v>31713</v>
      </c>
      <c r="E10117" s="1" t="s">
        <v>38849</v>
      </c>
      <c r="F10117" s="1" t="s">
        <v>38850</v>
      </c>
      <c r="G10117" s="1" t="s">
        <v>38790</v>
      </c>
      <c r="H10117" s="1" t="s">
        <v>38791</v>
      </c>
      <c r="I10117" s="1" t="s">
        <v>35524</v>
      </c>
      <c r="J10117" s="1" t="s">
        <v>38851</v>
      </c>
    </row>
    <row r="10118" spans="1:10" x14ac:dyDescent="0.35">
      <c r="A10118" s="1" t="s">
        <v>38786</v>
      </c>
      <c r="B10118" s="1" t="s">
        <v>35518</v>
      </c>
      <c r="C10118" s="1" t="s">
        <v>100</v>
      </c>
      <c r="D10118" s="1" t="s">
        <v>15621</v>
      </c>
      <c r="E10118" s="1" t="s">
        <v>38852</v>
      </c>
      <c r="F10118" s="1" t="s">
        <v>38853</v>
      </c>
      <c r="G10118" s="1" t="s">
        <v>38790</v>
      </c>
      <c r="H10118" s="1" t="s">
        <v>38791</v>
      </c>
      <c r="I10118" s="1" t="s">
        <v>35524</v>
      </c>
      <c r="J10118" s="1" t="s">
        <v>38854</v>
      </c>
    </row>
    <row r="10119" spans="1:10" x14ac:dyDescent="0.35">
      <c r="A10119" s="1" t="s">
        <v>38786</v>
      </c>
      <c r="B10119" s="1" t="s">
        <v>35518</v>
      </c>
      <c r="C10119" s="1" t="s">
        <v>105</v>
      </c>
      <c r="D10119" s="1" t="s">
        <v>38855</v>
      </c>
      <c r="E10119" s="1" t="s">
        <v>38856</v>
      </c>
      <c r="F10119" s="1" t="s">
        <v>38857</v>
      </c>
      <c r="G10119" s="1" t="s">
        <v>38790</v>
      </c>
      <c r="H10119" s="1" t="s">
        <v>38791</v>
      </c>
      <c r="I10119" s="1" t="s">
        <v>35524</v>
      </c>
      <c r="J10119" s="1" t="s">
        <v>38858</v>
      </c>
    </row>
    <row r="10120" spans="1:10" x14ac:dyDescent="0.35">
      <c r="A10120" s="1" t="s">
        <v>38786</v>
      </c>
      <c r="B10120" s="1" t="s">
        <v>35518</v>
      </c>
      <c r="C10120" s="1" t="s">
        <v>110</v>
      </c>
      <c r="D10120" s="1" t="s">
        <v>38859</v>
      </c>
      <c r="E10120" s="1" t="s">
        <v>38860</v>
      </c>
      <c r="F10120" s="1" t="s">
        <v>38861</v>
      </c>
      <c r="G10120" s="1" t="s">
        <v>38790</v>
      </c>
      <c r="H10120" s="1" t="s">
        <v>38791</v>
      </c>
      <c r="I10120" s="1" t="s">
        <v>35524</v>
      </c>
      <c r="J10120" s="1" t="s">
        <v>38862</v>
      </c>
    </row>
    <row r="10121" spans="1:10" x14ac:dyDescent="0.35">
      <c r="A10121" s="1" t="s">
        <v>38786</v>
      </c>
      <c r="B10121" s="1" t="s">
        <v>35518</v>
      </c>
      <c r="C10121" s="1" t="s">
        <v>115</v>
      </c>
      <c r="D10121" s="1" t="s">
        <v>31356</v>
      </c>
      <c r="E10121" s="1" t="s">
        <v>38863</v>
      </c>
      <c r="F10121" s="1" t="s">
        <v>38864</v>
      </c>
      <c r="G10121" s="1" t="s">
        <v>38790</v>
      </c>
      <c r="H10121" s="1" t="s">
        <v>38791</v>
      </c>
      <c r="I10121" s="1" t="s">
        <v>35524</v>
      </c>
      <c r="J10121" s="1" t="s">
        <v>38865</v>
      </c>
    </row>
    <row r="10122" spans="1:10" x14ac:dyDescent="0.35">
      <c r="A10122" s="1" t="s">
        <v>38786</v>
      </c>
      <c r="B10122" s="1" t="s">
        <v>35518</v>
      </c>
      <c r="C10122" s="1" t="s">
        <v>120</v>
      </c>
      <c r="D10122" s="1" t="s">
        <v>38866</v>
      </c>
      <c r="E10122" s="1" t="s">
        <v>38867</v>
      </c>
      <c r="F10122" s="1" t="s">
        <v>38868</v>
      </c>
      <c r="G10122" s="1" t="s">
        <v>38790</v>
      </c>
      <c r="H10122" s="1" t="s">
        <v>38791</v>
      </c>
      <c r="I10122" s="1" t="s">
        <v>35524</v>
      </c>
      <c r="J10122" s="1" t="s">
        <v>38869</v>
      </c>
    </row>
    <row r="10123" spans="1:10" x14ac:dyDescent="0.35">
      <c r="A10123" s="1" t="s">
        <v>38786</v>
      </c>
      <c r="B10123" s="1" t="s">
        <v>35518</v>
      </c>
      <c r="C10123" s="1" t="s">
        <v>125</v>
      </c>
      <c r="D10123" s="1" t="s">
        <v>38870</v>
      </c>
      <c r="E10123" s="1" t="s">
        <v>38871</v>
      </c>
      <c r="F10123" s="1" t="s">
        <v>38872</v>
      </c>
      <c r="G10123" s="1" t="s">
        <v>38790</v>
      </c>
      <c r="H10123" s="1" t="s">
        <v>38791</v>
      </c>
      <c r="I10123" s="1" t="s">
        <v>35524</v>
      </c>
      <c r="J10123" s="1" t="s">
        <v>38873</v>
      </c>
    </row>
    <row r="10124" spans="1:10" x14ac:dyDescent="0.35">
      <c r="A10124" s="1" t="s">
        <v>38786</v>
      </c>
      <c r="B10124" s="1" t="s">
        <v>35518</v>
      </c>
      <c r="C10124" s="1" t="s">
        <v>130</v>
      </c>
      <c r="D10124" s="1" t="s">
        <v>38874</v>
      </c>
      <c r="E10124" s="1" t="s">
        <v>38875</v>
      </c>
      <c r="F10124" s="1" t="s">
        <v>38876</v>
      </c>
      <c r="G10124" s="1" t="s">
        <v>38790</v>
      </c>
      <c r="H10124" s="1" t="s">
        <v>38791</v>
      </c>
      <c r="I10124" s="1" t="s">
        <v>35524</v>
      </c>
      <c r="J10124" s="1" t="s">
        <v>38877</v>
      </c>
    </row>
    <row r="10125" spans="1:10" x14ac:dyDescent="0.35">
      <c r="A10125" s="1" t="s">
        <v>38786</v>
      </c>
      <c r="B10125" s="1" t="s">
        <v>35518</v>
      </c>
      <c r="C10125" s="1" t="s">
        <v>135</v>
      </c>
      <c r="D10125" s="1" t="s">
        <v>38878</v>
      </c>
      <c r="E10125" s="1" t="s">
        <v>38879</v>
      </c>
      <c r="F10125" s="1" t="s">
        <v>38880</v>
      </c>
      <c r="G10125" s="1" t="s">
        <v>38790</v>
      </c>
      <c r="H10125" s="1" t="s">
        <v>38791</v>
      </c>
      <c r="I10125" s="1" t="s">
        <v>35524</v>
      </c>
      <c r="J10125" s="1" t="s">
        <v>38881</v>
      </c>
    </row>
    <row r="10126" spans="1:10" x14ac:dyDescent="0.35">
      <c r="A10126" s="1" t="s">
        <v>38786</v>
      </c>
      <c r="B10126" s="1" t="s">
        <v>35518</v>
      </c>
      <c r="C10126" s="1" t="s">
        <v>140</v>
      </c>
      <c r="D10126" s="1" t="s">
        <v>38882</v>
      </c>
      <c r="E10126" s="1" t="s">
        <v>38883</v>
      </c>
      <c r="F10126" s="1" t="s">
        <v>38884</v>
      </c>
      <c r="G10126" s="1" t="s">
        <v>38790</v>
      </c>
      <c r="H10126" s="1" t="s">
        <v>38791</v>
      </c>
      <c r="I10126" s="1" t="s">
        <v>35524</v>
      </c>
      <c r="J10126" s="1" t="s">
        <v>38885</v>
      </c>
    </row>
    <row r="10127" spans="1:10" x14ac:dyDescent="0.35">
      <c r="A10127" s="1" t="s">
        <v>38786</v>
      </c>
      <c r="B10127" s="1" t="s">
        <v>35518</v>
      </c>
      <c r="C10127" s="1" t="s">
        <v>145</v>
      </c>
      <c r="D10127" s="1" t="s">
        <v>9659</v>
      </c>
      <c r="E10127" s="1" t="s">
        <v>38886</v>
      </c>
      <c r="F10127" s="1" t="s">
        <v>38887</v>
      </c>
      <c r="G10127" s="1" t="s">
        <v>38790</v>
      </c>
      <c r="H10127" s="1" t="s">
        <v>38791</v>
      </c>
      <c r="I10127" s="1" t="s">
        <v>35524</v>
      </c>
      <c r="J10127" s="1" t="s">
        <v>38888</v>
      </c>
    </row>
    <row r="10128" spans="1:10" x14ac:dyDescent="0.35">
      <c r="A10128" s="1" t="s">
        <v>38786</v>
      </c>
      <c r="B10128" s="1" t="s">
        <v>35518</v>
      </c>
      <c r="C10128" s="1" t="s">
        <v>150</v>
      </c>
      <c r="D10128" s="1" t="s">
        <v>38889</v>
      </c>
      <c r="E10128" s="1" t="s">
        <v>38890</v>
      </c>
      <c r="F10128" s="1" t="s">
        <v>38891</v>
      </c>
      <c r="G10128" s="1" t="s">
        <v>38790</v>
      </c>
      <c r="H10128" s="1" t="s">
        <v>38791</v>
      </c>
      <c r="I10128" s="1" t="s">
        <v>35524</v>
      </c>
      <c r="J10128" s="1" t="s">
        <v>38892</v>
      </c>
    </row>
    <row r="10129" spans="1:10" x14ac:dyDescent="0.35">
      <c r="A10129" s="1" t="s">
        <v>38786</v>
      </c>
      <c r="B10129" s="1" t="s">
        <v>35518</v>
      </c>
      <c r="C10129" s="1" t="s">
        <v>155</v>
      </c>
      <c r="D10129" s="1" t="s">
        <v>9620</v>
      </c>
      <c r="E10129" s="1" t="s">
        <v>38893</v>
      </c>
      <c r="F10129" s="1" t="s">
        <v>38894</v>
      </c>
      <c r="G10129" s="1" t="s">
        <v>38790</v>
      </c>
      <c r="H10129" s="1" t="s">
        <v>38791</v>
      </c>
      <c r="I10129" s="1" t="s">
        <v>35524</v>
      </c>
      <c r="J10129" s="1" t="s">
        <v>38895</v>
      </c>
    </row>
    <row r="10130" spans="1:10" x14ac:dyDescent="0.35">
      <c r="A10130" s="1" t="s">
        <v>38786</v>
      </c>
      <c r="B10130" s="1" t="s">
        <v>35518</v>
      </c>
      <c r="C10130" s="1" t="s">
        <v>160</v>
      </c>
      <c r="D10130" s="1" t="s">
        <v>38896</v>
      </c>
      <c r="E10130" s="1" t="s">
        <v>38897</v>
      </c>
      <c r="F10130" s="1" t="s">
        <v>38898</v>
      </c>
      <c r="G10130" s="1" t="s">
        <v>38790</v>
      </c>
      <c r="H10130" s="1" t="s">
        <v>38791</v>
      </c>
      <c r="I10130" s="1" t="s">
        <v>35524</v>
      </c>
      <c r="J10130" s="1" t="s">
        <v>38899</v>
      </c>
    </row>
    <row r="10131" spans="1:10" x14ac:dyDescent="0.35">
      <c r="A10131" s="1" t="s">
        <v>38786</v>
      </c>
      <c r="B10131" s="1" t="s">
        <v>35518</v>
      </c>
      <c r="C10131" s="1" t="s">
        <v>165</v>
      </c>
      <c r="D10131" s="1" t="s">
        <v>38900</v>
      </c>
      <c r="E10131" s="1" t="s">
        <v>38901</v>
      </c>
      <c r="F10131" s="1" t="s">
        <v>38902</v>
      </c>
      <c r="G10131" s="1" t="s">
        <v>38790</v>
      </c>
      <c r="H10131" s="1" t="s">
        <v>38791</v>
      </c>
      <c r="I10131" s="1" t="s">
        <v>35524</v>
      </c>
      <c r="J10131" s="1" t="s">
        <v>38903</v>
      </c>
    </row>
    <row r="10132" spans="1:10" x14ac:dyDescent="0.35">
      <c r="A10132" s="1" t="s">
        <v>38786</v>
      </c>
      <c r="B10132" s="1" t="s">
        <v>35518</v>
      </c>
      <c r="C10132" s="1" t="s">
        <v>170</v>
      </c>
      <c r="D10132" s="1" t="s">
        <v>38904</v>
      </c>
      <c r="E10132" s="1" t="s">
        <v>38905</v>
      </c>
      <c r="F10132" s="1" t="s">
        <v>38906</v>
      </c>
      <c r="G10132" s="1" t="s">
        <v>38790</v>
      </c>
      <c r="H10132" s="1" t="s">
        <v>38791</v>
      </c>
      <c r="I10132" s="1" t="s">
        <v>35524</v>
      </c>
      <c r="J10132" s="1" t="s">
        <v>38907</v>
      </c>
    </row>
    <row r="10133" spans="1:10" x14ac:dyDescent="0.35">
      <c r="A10133" s="1" t="s">
        <v>38908</v>
      </c>
      <c r="B10133" s="1" t="s">
        <v>38909</v>
      </c>
      <c r="C10133" s="1" t="s">
        <v>8</v>
      </c>
      <c r="D10133" s="1" t="s">
        <v>38910</v>
      </c>
      <c r="E10133" s="1" t="s">
        <v>38911</v>
      </c>
      <c r="F10133" s="1" t="s">
        <v>38912</v>
      </c>
      <c r="G10133" s="1" t="s">
        <v>38913</v>
      </c>
      <c r="H10133" s="1" t="s">
        <v>38914</v>
      </c>
      <c r="I10133" s="1" t="s">
        <v>38915</v>
      </c>
      <c r="J10133" s="1" t="s">
        <v>13</v>
      </c>
    </row>
    <row r="10134" spans="1:10" x14ac:dyDescent="0.35">
      <c r="A10134" s="1" t="s">
        <v>38908</v>
      </c>
      <c r="B10134" s="1" t="s">
        <v>38909</v>
      </c>
      <c r="C10134" s="1" t="s">
        <v>15</v>
      </c>
      <c r="D10134" s="1" t="s">
        <v>38916</v>
      </c>
      <c r="E10134" s="1" t="s">
        <v>38917</v>
      </c>
      <c r="F10134" s="1" t="s">
        <v>38918</v>
      </c>
      <c r="G10134" s="1" t="s">
        <v>38913</v>
      </c>
      <c r="H10134" s="1" t="s">
        <v>38914</v>
      </c>
      <c r="I10134" s="1" t="s">
        <v>38915</v>
      </c>
      <c r="J10134" s="1" t="s">
        <v>38919</v>
      </c>
    </row>
    <row r="10135" spans="1:10" x14ac:dyDescent="0.35">
      <c r="A10135" s="1" t="s">
        <v>38908</v>
      </c>
      <c r="B10135" s="1" t="s">
        <v>38909</v>
      </c>
      <c r="C10135" s="1" t="s">
        <v>20</v>
      </c>
      <c r="D10135" s="1" t="s">
        <v>38920</v>
      </c>
      <c r="E10135" s="1" t="s">
        <v>38921</v>
      </c>
      <c r="F10135" s="1" t="s">
        <v>38922</v>
      </c>
      <c r="G10135" s="1" t="s">
        <v>38913</v>
      </c>
      <c r="H10135" s="1" t="s">
        <v>38914</v>
      </c>
      <c r="I10135" s="1" t="s">
        <v>38915</v>
      </c>
      <c r="J10135" s="1" t="s">
        <v>38923</v>
      </c>
    </row>
    <row r="10136" spans="1:10" x14ac:dyDescent="0.35">
      <c r="A10136" s="1" t="s">
        <v>38908</v>
      </c>
      <c r="B10136" s="1" t="s">
        <v>38909</v>
      </c>
      <c r="C10136" s="1" t="s">
        <v>25</v>
      </c>
      <c r="D10136" s="1" t="s">
        <v>38924</v>
      </c>
      <c r="E10136" s="1" t="s">
        <v>38925</v>
      </c>
      <c r="F10136" s="1" t="s">
        <v>38926</v>
      </c>
      <c r="G10136" s="1" t="s">
        <v>38913</v>
      </c>
      <c r="H10136" s="1" t="s">
        <v>38914</v>
      </c>
      <c r="I10136" s="1" t="s">
        <v>38915</v>
      </c>
      <c r="J10136" s="1" t="s">
        <v>38927</v>
      </c>
    </row>
    <row r="10137" spans="1:10" x14ac:dyDescent="0.35">
      <c r="A10137" s="1" t="s">
        <v>38908</v>
      </c>
      <c r="B10137" s="1" t="s">
        <v>38909</v>
      </c>
      <c r="C10137" s="1" t="s">
        <v>30</v>
      </c>
      <c r="D10137" s="1" t="s">
        <v>38928</v>
      </c>
      <c r="E10137" s="1" t="s">
        <v>38929</v>
      </c>
      <c r="F10137" s="1" t="s">
        <v>38930</v>
      </c>
      <c r="G10137" s="1" t="s">
        <v>38913</v>
      </c>
      <c r="H10137" s="1" t="s">
        <v>38914</v>
      </c>
      <c r="I10137" s="1" t="s">
        <v>38915</v>
      </c>
      <c r="J10137" s="1" t="s">
        <v>38931</v>
      </c>
    </row>
    <row r="10138" spans="1:10" x14ac:dyDescent="0.35">
      <c r="A10138" s="1" t="s">
        <v>38908</v>
      </c>
      <c r="B10138" s="1" t="s">
        <v>38909</v>
      </c>
      <c r="C10138" s="1" t="s">
        <v>35</v>
      </c>
      <c r="D10138" s="1" t="s">
        <v>38932</v>
      </c>
      <c r="E10138" s="1" t="s">
        <v>38933</v>
      </c>
      <c r="F10138" s="1" t="s">
        <v>38934</v>
      </c>
      <c r="G10138" s="1" t="s">
        <v>38913</v>
      </c>
      <c r="H10138" s="1" t="s">
        <v>38914</v>
      </c>
      <c r="I10138" s="1" t="s">
        <v>38915</v>
      </c>
      <c r="J10138" s="1" t="s">
        <v>38935</v>
      </c>
    </row>
    <row r="10139" spans="1:10" x14ac:dyDescent="0.35">
      <c r="A10139" s="1" t="s">
        <v>38908</v>
      </c>
      <c r="B10139" s="1" t="s">
        <v>38909</v>
      </c>
      <c r="C10139" s="1" t="s">
        <v>40</v>
      </c>
      <c r="D10139" s="1" t="s">
        <v>38936</v>
      </c>
      <c r="E10139" s="1" t="s">
        <v>38937</v>
      </c>
      <c r="F10139" s="1" t="s">
        <v>38938</v>
      </c>
      <c r="G10139" s="1" t="s">
        <v>38913</v>
      </c>
      <c r="H10139" s="1" t="s">
        <v>38914</v>
      </c>
      <c r="I10139" s="1" t="s">
        <v>38915</v>
      </c>
      <c r="J10139" s="1" t="s">
        <v>38939</v>
      </c>
    </row>
    <row r="10140" spans="1:10" x14ac:dyDescent="0.35">
      <c r="A10140" s="1" t="s">
        <v>38908</v>
      </c>
      <c r="B10140" s="1" t="s">
        <v>38909</v>
      </c>
      <c r="C10140" s="1" t="s">
        <v>45</v>
      </c>
      <c r="D10140" s="1" t="s">
        <v>38940</v>
      </c>
      <c r="E10140" s="1" t="s">
        <v>38941</v>
      </c>
      <c r="F10140" s="1" t="s">
        <v>38942</v>
      </c>
      <c r="G10140" s="1" t="s">
        <v>38913</v>
      </c>
      <c r="H10140" s="1" t="s">
        <v>38914</v>
      </c>
      <c r="I10140" s="1" t="s">
        <v>38915</v>
      </c>
      <c r="J10140" s="1" t="s">
        <v>38943</v>
      </c>
    </row>
    <row r="10141" spans="1:10" x14ac:dyDescent="0.35">
      <c r="A10141" s="1" t="s">
        <v>38908</v>
      </c>
      <c r="B10141" s="1" t="s">
        <v>38909</v>
      </c>
      <c r="C10141" s="1" t="s">
        <v>50</v>
      </c>
      <c r="D10141" s="1" t="s">
        <v>38944</v>
      </c>
      <c r="E10141" s="1" t="s">
        <v>38945</v>
      </c>
      <c r="F10141" s="1" t="s">
        <v>38946</v>
      </c>
      <c r="G10141" s="1" t="s">
        <v>38913</v>
      </c>
      <c r="H10141" s="1" t="s">
        <v>38914</v>
      </c>
      <c r="I10141" s="1" t="s">
        <v>38915</v>
      </c>
      <c r="J10141" s="1" t="s">
        <v>38947</v>
      </c>
    </row>
    <row r="10142" spans="1:10" x14ac:dyDescent="0.35">
      <c r="A10142" s="1" t="s">
        <v>38908</v>
      </c>
      <c r="B10142" s="1" t="s">
        <v>38909</v>
      </c>
      <c r="C10142" s="1" t="s">
        <v>55</v>
      </c>
      <c r="D10142" s="1" t="s">
        <v>38948</v>
      </c>
      <c r="E10142" s="1" t="s">
        <v>38949</v>
      </c>
      <c r="F10142" s="1" t="s">
        <v>38950</v>
      </c>
      <c r="G10142" s="1" t="s">
        <v>38913</v>
      </c>
      <c r="H10142" s="1" t="s">
        <v>38914</v>
      </c>
      <c r="I10142" s="1" t="s">
        <v>38915</v>
      </c>
      <c r="J10142" s="1" t="s">
        <v>38951</v>
      </c>
    </row>
    <row r="10143" spans="1:10" x14ac:dyDescent="0.35">
      <c r="A10143" s="1" t="s">
        <v>38908</v>
      </c>
      <c r="B10143" s="1" t="s">
        <v>38909</v>
      </c>
      <c r="C10143" s="1" t="s">
        <v>60</v>
      </c>
      <c r="D10143" s="1" t="s">
        <v>38952</v>
      </c>
      <c r="E10143" s="1" t="s">
        <v>38953</v>
      </c>
      <c r="F10143" s="1" t="s">
        <v>38954</v>
      </c>
      <c r="G10143" s="1" t="s">
        <v>38913</v>
      </c>
      <c r="H10143" s="1" t="s">
        <v>38914</v>
      </c>
      <c r="I10143" s="1" t="s">
        <v>38915</v>
      </c>
      <c r="J10143" s="1" t="s">
        <v>38955</v>
      </c>
    </row>
    <row r="10144" spans="1:10" x14ac:dyDescent="0.35">
      <c r="A10144" s="1" t="s">
        <v>38908</v>
      </c>
      <c r="B10144" s="1" t="s">
        <v>38909</v>
      </c>
      <c r="C10144" s="1" t="s">
        <v>65</v>
      </c>
      <c r="D10144" s="1" t="s">
        <v>38956</v>
      </c>
      <c r="E10144" s="1" t="s">
        <v>38957</v>
      </c>
      <c r="F10144" s="1" t="s">
        <v>38958</v>
      </c>
      <c r="G10144" s="1" t="s">
        <v>38913</v>
      </c>
      <c r="H10144" s="1" t="s">
        <v>38914</v>
      </c>
      <c r="I10144" s="1" t="s">
        <v>38915</v>
      </c>
      <c r="J10144" s="1" t="s">
        <v>38959</v>
      </c>
    </row>
    <row r="10145" spans="1:10" x14ac:dyDescent="0.35">
      <c r="A10145" s="1" t="s">
        <v>38908</v>
      </c>
      <c r="B10145" s="1" t="s">
        <v>38909</v>
      </c>
      <c r="C10145" s="1" t="s">
        <v>70</v>
      </c>
      <c r="D10145" s="1" t="s">
        <v>38960</v>
      </c>
      <c r="E10145" s="1" t="s">
        <v>38961</v>
      </c>
      <c r="F10145" s="1" t="s">
        <v>38962</v>
      </c>
      <c r="G10145" s="1" t="s">
        <v>38913</v>
      </c>
      <c r="H10145" s="1" t="s">
        <v>38914</v>
      </c>
      <c r="I10145" s="1" t="s">
        <v>38915</v>
      </c>
      <c r="J10145" s="1" t="s">
        <v>38963</v>
      </c>
    </row>
    <row r="10146" spans="1:10" x14ac:dyDescent="0.35">
      <c r="A10146" s="1" t="s">
        <v>38908</v>
      </c>
      <c r="B10146" s="1" t="s">
        <v>38909</v>
      </c>
      <c r="C10146" s="1" t="s">
        <v>75</v>
      </c>
      <c r="D10146" s="1" t="s">
        <v>38964</v>
      </c>
      <c r="E10146" s="1" t="s">
        <v>38965</v>
      </c>
      <c r="F10146" s="1" t="s">
        <v>38966</v>
      </c>
      <c r="G10146" s="1" t="s">
        <v>38913</v>
      </c>
      <c r="H10146" s="1" t="s">
        <v>38914</v>
      </c>
      <c r="I10146" s="1" t="s">
        <v>38915</v>
      </c>
      <c r="J10146" s="1" t="s">
        <v>38967</v>
      </c>
    </row>
    <row r="10147" spans="1:10" x14ac:dyDescent="0.35">
      <c r="A10147" s="1" t="s">
        <v>38908</v>
      </c>
      <c r="B10147" s="1" t="s">
        <v>38909</v>
      </c>
      <c r="C10147" s="1" t="s">
        <v>80</v>
      </c>
      <c r="D10147" s="1" t="s">
        <v>38968</v>
      </c>
      <c r="E10147" s="1" t="s">
        <v>38969</v>
      </c>
      <c r="F10147" s="1" t="s">
        <v>38970</v>
      </c>
      <c r="G10147" s="1" t="s">
        <v>38913</v>
      </c>
      <c r="H10147" s="1" t="s">
        <v>38914</v>
      </c>
      <c r="I10147" s="1" t="s">
        <v>38915</v>
      </c>
      <c r="J10147" s="1" t="s">
        <v>38971</v>
      </c>
    </row>
    <row r="10148" spans="1:10" x14ac:dyDescent="0.35">
      <c r="A10148" s="1" t="s">
        <v>38908</v>
      </c>
      <c r="B10148" s="1" t="s">
        <v>38909</v>
      </c>
      <c r="C10148" s="1" t="s">
        <v>85</v>
      </c>
      <c r="D10148" s="1" t="s">
        <v>38972</v>
      </c>
      <c r="E10148" s="1" t="s">
        <v>38973</v>
      </c>
      <c r="F10148" s="1" t="s">
        <v>38974</v>
      </c>
      <c r="G10148" s="1" t="s">
        <v>38913</v>
      </c>
      <c r="H10148" s="1" t="s">
        <v>38914</v>
      </c>
      <c r="I10148" s="1" t="s">
        <v>38915</v>
      </c>
      <c r="J10148" s="1" t="s">
        <v>38975</v>
      </c>
    </row>
    <row r="10149" spans="1:10" x14ac:dyDescent="0.35">
      <c r="A10149" s="1" t="s">
        <v>38908</v>
      </c>
      <c r="B10149" s="1" t="s">
        <v>38909</v>
      </c>
      <c r="C10149" s="1" t="s">
        <v>90</v>
      </c>
      <c r="D10149" s="1" t="s">
        <v>38976</v>
      </c>
      <c r="E10149" s="1" t="s">
        <v>38977</v>
      </c>
      <c r="F10149" s="1" t="s">
        <v>38978</v>
      </c>
      <c r="G10149" s="1" t="s">
        <v>38913</v>
      </c>
      <c r="H10149" s="1" t="s">
        <v>38914</v>
      </c>
      <c r="I10149" s="1" t="s">
        <v>38915</v>
      </c>
      <c r="J10149" s="1" t="s">
        <v>38979</v>
      </c>
    </row>
    <row r="10150" spans="1:10" x14ac:dyDescent="0.35">
      <c r="A10150" s="1" t="s">
        <v>38908</v>
      </c>
      <c r="B10150" s="1" t="s">
        <v>38909</v>
      </c>
      <c r="C10150" s="1" t="s">
        <v>95</v>
      </c>
      <c r="D10150" s="1" t="s">
        <v>38980</v>
      </c>
      <c r="E10150" s="1" t="s">
        <v>38981</v>
      </c>
      <c r="F10150" s="1" t="s">
        <v>38982</v>
      </c>
      <c r="G10150" s="1" t="s">
        <v>38913</v>
      </c>
      <c r="H10150" s="1" t="s">
        <v>38914</v>
      </c>
      <c r="I10150" s="1" t="s">
        <v>38915</v>
      </c>
      <c r="J10150" s="1" t="s">
        <v>38983</v>
      </c>
    </row>
    <row r="10151" spans="1:10" x14ac:dyDescent="0.35">
      <c r="A10151" s="1" t="s">
        <v>38908</v>
      </c>
      <c r="B10151" s="1" t="s">
        <v>38909</v>
      </c>
      <c r="C10151" s="1" t="s">
        <v>100</v>
      </c>
      <c r="D10151" s="1" t="s">
        <v>38984</v>
      </c>
      <c r="E10151" s="1" t="s">
        <v>38985</v>
      </c>
      <c r="F10151" s="1" t="s">
        <v>38986</v>
      </c>
      <c r="G10151" s="1" t="s">
        <v>38913</v>
      </c>
      <c r="H10151" s="1" t="s">
        <v>38914</v>
      </c>
      <c r="I10151" s="1" t="s">
        <v>38915</v>
      </c>
      <c r="J10151" s="1" t="s">
        <v>38987</v>
      </c>
    </row>
    <row r="10152" spans="1:10" x14ac:dyDescent="0.35">
      <c r="A10152" s="1" t="s">
        <v>38908</v>
      </c>
      <c r="B10152" s="1" t="s">
        <v>38909</v>
      </c>
      <c r="C10152" s="1" t="s">
        <v>105</v>
      </c>
      <c r="D10152" s="1" t="s">
        <v>38988</v>
      </c>
      <c r="E10152" s="1" t="s">
        <v>38989</v>
      </c>
      <c r="F10152" s="1" t="s">
        <v>38990</v>
      </c>
      <c r="G10152" s="1" t="s">
        <v>38913</v>
      </c>
      <c r="H10152" s="1" t="s">
        <v>38914</v>
      </c>
      <c r="I10152" s="1" t="s">
        <v>38915</v>
      </c>
      <c r="J10152" s="1" t="s">
        <v>38991</v>
      </c>
    </row>
    <row r="10153" spans="1:10" x14ac:dyDescent="0.35">
      <c r="A10153" s="1" t="s">
        <v>38908</v>
      </c>
      <c r="B10153" s="1" t="s">
        <v>38909</v>
      </c>
      <c r="C10153" s="1" t="s">
        <v>110</v>
      </c>
      <c r="D10153" s="1" t="s">
        <v>38992</v>
      </c>
      <c r="E10153" s="1" t="s">
        <v>38993</v>
      </c>
      <c r="F10153" s="1" t="s">
        <v>38994</v>
      </c>
      <c r="G10153" s="1" t="s">
        <v>38913</v>
      </c>
      <c r="H10153" s="1" t="s">
        <v>38914</v>
      </c>
      <c r="I10153" s="1" t="s">
        <v>38915</v>
      </c>
      <c r="J10153" s="1" t="s">
        <v>38995</v>
      </c>
    </row>
    <row r="10154" spans="1:10" x14ac:dyDescent="0.35">
      <c r="A10154" s="1" t="s">
        <v>38908</v>
      </c>
      <c r="B10154" s="1" t="s">
        <v>38909</v>
      </c>
      <c r="C10154" s="1" t="s">
        <v>115</v>
      </c>
      <c r="D10154" s="1" t="s">
        <v>38996</v>
      </c>
      <c r="E10154" s="1" t="s">
        <v>38997</v>
      </c>
      <c r="F10154" s="1" t="s">
        <v>38998</v>
      </c>
      <c r="G10154" s="1" t="s">
        <v>38913</v>
      </c>
      <c r="H10154" s="1" t="s">
        <v>38914</v>
      </c>
      <c r="I10154" s="1" t="s">
        <v>38915</v>
      </c>
      <c r="J10154" s="1" t="s">
        <v>38999</v>
      </c>
    </row>
    <row r="10155" spans="1:10" x14ac:dyDescent="0.35">
      <c r="A10155" s="1" t="s">
        <v>38908</v>
      </c>
      <c r="B10155" s="1" t="s">
        <v>38909</v>
      </c>
      <c r="C10155" s="1" t="s">
        <v>120</v>
      </c>
      <c r="D10155" s="1" t="s">
        <v>39000</v>
      </c>
      <c r="E10155" s="1" t="s">
        <v>39001</v>
      </c>
      <c r="F10155" s="1" t="s">
        <v>39002</v>
      </c>
      <c r="G10155" s="1" t="s">
        <v>38913</v>
      </c>
      <c r="H10155" s="1" t="s">
        <v>38914</v>
      </c>
      <c r="I10155" s="1" t="s">
        <v>38915</v>
      </c>
      <c r="J10155" s="1" t="s">
        <v>39003</v>
      </c>
    </row>
    <row r="10156" spans="1:10" x14ac:dyDescent="0.35">
      <c r="A10156" s="1" t="s">
        <v>38908</v>
      </c>
      <c r="B10156" s="1" t="s">
        <v>38909</v>
      </c>
      <c r="C10156" s="1" t="s">
        <v>125</v>
      </c>
      <c r="D10156" s="1" t="s">
        <v>39004</v>
      </c>
      <c r="E10156" s="1" t="s">
        <v>39005</v>
      </c>
      <c r="F10156" s="1" t="s">
        <v>39006</v>
      </c>
      <c r="G10156" s="1" t="s">
        <v>38913</v>
      </c>
      <c r="H10156" s="1" t="s">
        <v>38914</v>
      </c>
      <c r="I10156" s="1" t="s">
        <v>38915</v>
      </c>
      <c r="J10156" s="1" t="s">
        <v>39007</v>
      </c>
    </row>
    <row r="10157" spans="1:10" x14ac:dyDescent="0.35">
      <c r="A10157" s="1" t="s">
        <v>38908</v>
      </c>
      <c r="B10157" s="1" t="s">
        <v>38909</v>
      </c>
      <c r="C10157" s="1" t="s">
        <v>130</v>
      </c>
      <c r="D10157" s="1" t="s">
        <v>39008</v>
      </c>
      <c r="E10157" s="1" t="s">
        <v>39009</v>
      </c>
      <c r="F10157" s="1" t="s">
        <v>39010</v>
      </c>
      <c r="G10157" s="1" t="s">
        <v>38913</v>
      </c>
      <c r="H10157" s="1" t="s">
        <v>38914</v>
      </c>
      <c r="I10157" s="1" t="s">
        <v>38915</v>
      </c>
      <c r="J10157" s="1" t="s">
        <v>39011</v>
      </c>
    </row>
    <row r="10158" spans="1:10" x14ac:dyDescent="0.35">
      <c r="A10158" s="1" t="s">
        <v>38908</v>
      </c>
      <c r="B10158" s="1" t="s">
        <v>38909</v>
      </c>
      <c r="C10158" s="1" t="s">
        <v>135</v>
      </c>
      <c r="D10158" s="1" t="s">
        <v>39012</v>
      </c>
      <c r="E10158" s="1" t="s">
        <v>39013</v>
      </c>
      <c r="F10158" s="1" t="s">
        <v>39014</v>
      </c>
      <c r="G10158" s="1" t="s">
        <v>38913</v>
      </c>
      <c r="H10158" s="1" t="s">
        <v>38914</v>
      </c>
      <c r="I10158" s="1" t="s">
        <v>38915</v>
      </c>
      <c r="J10158" s="1" t="s">
        <v>39015</v>
      </c>
    </row>
    <row r="10159" spans="1:10" x14ac:dyDescent="0.35">
      <c r="A10159" s="1" t="s">
        <v>38908</v>
      </c>
      <c r="B10159" s="1" t="s">
        <v>38909</v>
      </c>
      <c r="C10159" s="1" t="s">
        <v>140</v>
      </c>
      <c r="D10159" s="1" t="s">
        <v>39016</v>
      </c>
      <c r="E10159" s="1" t="s">
        <v>39017</v>
      </c>
      <c r="F10159" s="1" t="s">
        <v>39018</v>
      </c>
      <c r="G10159" s="1" t="s">
        <v>38913</v>
      </c>
      <c r="H10159" s="1" t="s">
        <v>38914</v>
      </c>
      <c r="I10159" s="1" t="s">
        <v>38915</v>
      </c>
      <c r="J10159" s="1" t="s">
        <v>39019</v>
      </c>
    </row>
    <row r="10160" spans="1:10" x14ac:dyDescent="0.35">
      <c r="A10160" s="1" t="s">
        <v>38908</v>
      </c>
      <c r="B10160" s="1" t="s">
        <v>38909</v>
      </c>
      <c r="C10160" s="1" t="s">
        <v>145</v>
      </c>
      <c r="D10160" s="1" t="s">
        <v>39020</v>
      </c>
      <c r="E10160" s="1" t="s">
        <v>39021</v>
      </c>
      <c r="F10160" s="1" t="s">
        <v>39022</v>
      </c>
      <c r="G10160" s="1" t="s">
        <v>38913</v>
      </c>
      <c r="H10160" s="1" t="s">
        <v>38914</v>
      </c>
      <c r="I10160" s="1" t="s">
        <v>38915</v>
      </c>
      <c r="J10160" s="1" t="s">
        <v>39023</v>
      </c>
    </row>
    <row r="10161" spans="1:10" x14ac:dyDescent="0.35">
      <c r="A10161" s="1" t="s">
        <v>38908</v>
      </c>
      <c r="B10161" s="1" t="s">
        <v>38909</v>
      </c>
      <c r="C10161" s="1" t="s">
        <v>150</v>
      </c>
      <c r="D10161" s="1" t="s">
        <v>39024</v>
      </c>
      <c r="E10161" s="1" t="s">
        <v>39025</v>
      </c>
      <c r="F10161" s="1" t="s">
        <v>39026</v>
      </c>
      <c r="G10161" s="1" t="s">
        <v>38913</v>
      </c>
      <c r="H10161" s="1" t="s">
        <v>38914</v>
      </c>
      <c r="I10161" s="1" t="s">
        <v>38915</v>
      </c>
      <c r="J10161" s="1" t="s">
        <v>39027</v>
      </c>
    </row>
    <row r="10162" spans="1:10" x14ac:dyDescent="0.35">
      <c r="A10162" s="1" t="s">
        <v>38908</v>
      </c>
      <c r="B10162" s="1" t="s">
        <v>38909</v>
      </c>
      <c r="C10162" s="1" t="s">
        <v>155</v>
      </c>
      <c r="D10162" s="1" t="s">
        <v>39028</v>
      </c>
      <c r="E10162" s="1" t="s">
        <v>39029</v>
      </c>
      <c r="F10162" s="1" t="s">
        <v>39030</v>
      </c>
      <c r="G10162" s="1" t="s">
        <v>38913</v>
      </c>
      <c r="H10162" s="1" t="s">
        <v>38914</v>
      </c>
      <c r="I10162" s="1" t="s">
        <v>38915</v>
      </c>
      <c r="J10162" s="1" t="s">
        <v>39031</v>
      </c>
    </row>
    <row r="10163" spans="1:10" x14ac:dyDescent="0.35">
      <c r="A10163" s="1" t="s">
        <v>38908</v>
      </c>
      <c r="B10163" s="1" t="s">
        <v>38909</v>
      </c>
      <c r="C10163" s="1" t="s">
        <v>160</v>
      </c>
      <c r="D10163" s="1" t="s">
        <v>39032</v>
      </c>
      <c r="E10163" s="1" t="s">
        <v>39033</v>
      </c>
      <c r="F10163" s="1" t="s">
        <v>39034</v>
      </c>
      <c r="G10163" s="1" t="s">
        <v>38913</v>
      </c>
      <c r="H10163" s="1" t="s">
        <v>38914</v>
      </c>
      <c r="I10163" s="1" t="s">
        <v>38915</v>
      </c>
      <c r="J10163" s="1" t="s">
        <v>39035</v>
      </c>
    </row>
    <row r="10164" spans="1:10" x14ac:dyDescent="0.35">
      <c r="A10164" s="1" t="s">
        <v>38908</v>
      </c>
      <c r="B10164" s="1" t="s">
        <v>38909</v>
      </c>
      <c r="C10164" s="1" t="s">
        <v>165</v>
      </c>
      <c r="D10164" s="1" t="s">
        <v>39036</v>
      </c>
      <c r="E10164" s="1" t="s">
        <v>39037</v>
      </c>
      <c r="F10164" s="1" t="s">
        <v>39038</v>
      </c>
      <c r="G10164" s="1" t="s">
        <v>38913</v>
      </c>
      <c r="H10164" s="1" t="s">
        <v>38914</v>
      </c>
      <c r="I10164" s="1" t="s">
        <v>38915</v>
      </c>
      <c r="J10164" s="1" t="s">
        <v>39039</v>
      </c>
    </row>
    <row r="10165" spans="1:10" x14ac:dyDescent="0.35">
      <c r="A10165" s="1" t="s">
        <v>38908</v>
      </c>
      <c r="B10165" s="1" t="s">
        <v>38909</v>
      </c>
      <c r="C10165" s="1" t="s">
        <v>170</v>
      </c>
      <c r="D10165" s="1" t="s">
        <v>39040</v>
      </c>
      <c r="E10165" s="1" t="s">
        <v>39041</v>
      </c>
      <c r="F10165" s="1" t="s">
        <v>39042</v>
      </c>
      <c r="G10165" s="1" t="s">
        <v>38913</v>
      </c>
      <c r="H10165" s="1" t="s">
        <v>38914</v>
      </c>
      <c r="I10165" s="1" t="s">
        <v>38915</v>
      </c>
      <c r="J10165" s="1" t="s">
        <v>39043</v>
      </c>
    </row>
    <row r="10166" spans="1:10" x14ac:dyDescent="0.35">
      <c r="A10166" s="1" t="s">
        <v>39044</v>
      </c>
      <c r="B10166" s="1" t="s">
        <v>38909</v>
      </c>
      <c r="C10166" s="1" t="s">
        <v>8</v>
      </c>
      <c r="D10166" s="1" t="s">
        <v>39045</v>
      </c>
      <c r="E10166" s="1" t="s">
        <v>39046</v>
      </c>
      <c r="F10166" s="1" t="s">
        <v>39047</v>
      </c>
      <c r="G10166" s="1" t="s">
        <v>39048</v>
      </c>
      <c r="H10166" s="1" t="s">
        <v>39049</v>
      </c>
      <c r="I10166" s="1" t="s">
        <v>38915</v>
      </c>
      <c r="J10166" s="1" t="s">
        <v>13</v>
      </c>
    </row>
    <row r="10167" spans="1:10" x14ac:dyDescent="0.35">
      <c r="A10167" s="1" t="s">
        <v>39044</v>
      </c>
      <c r="B10167" s="1" t="s">
        <v>38909</v>
      </c>
      <c r="C10167" s="1" t="s">
        <v>15</v>
      </c>
      <c r="D10167" s="1" t="s">
        <v>39050</v>
      </c>
      <c r="E10167" s="1" t="s">
        <v>39051</v>
      </c>
      <c r="F10167" s="1" t="s">
        <v>39052</v>
      </c>
      <c r="G10167" s="1" t="s">
        <v>39048</v>
      </c>
      <c r="H10167" s="1" t="s">
        <v>39049</v>
      </c>
      <c r="I10167" s="1" t="s">
        <v>38915</v>
      </c>
      <c r="J10167" s="1" t="s">
        <v>39053</v>
      </c>
    </row>
    <row r="10168" spans="1:10" x14ac:dyDescent="0.35">
      <c r="A10168" s="1" t="s">
        <v>39044</v>
      </c>
      <c r="B10168" s="1" t="s">
        <v>38909</v>
      </c>
      <c r="C10168" s="1" t="s">
        <v>20</v>
      </c>
      <c r="D10168" s="1" t="s">
        <v>39054</v>
      </c>
      <c r="E10168" s="1" t="s">
        <v>39055</v>
      </c>
      <c r="F10168" s="1" t="s">
        <v>39056</v>
      </c>
      <c r="G10168" s="1" t="s">
        <v>39048</v>
      </c>
      <c r="H10168" s="1" t="s">
        <v>39049</v>
      </c>
      <c r="I10168" s="1" t="s">
        <v>38915</v>
      </c>
      <c r="J10168" s="1" t="s">
        <v>39057</v>
      </c>
    </row>
    <row r="10169" spans="1:10" x14ac:dyDescent="0.35">
      <c r="A10169" s="1" t="s">
        <v>39044</v>
      </c>
      <c r="B10169" s="1" t="s">
        <v>38909</v>
      </c>
      <c r="C10169" s="1" t="s">
        <v>25</v>
      </c>
      <c r="D10169" s="1" t="s">
        <v>39058</v>
      </c>
      <c r="E10169" s="1" t="s">
        <v>39059</v>
      </c>
      <c r="F10169" s="1" t="s">
        <v>39060</v>
      </c>
      <c r="G10169" s="1" t="s">
        <v>39048</v>
      </c>
      <c r="H10169" s="1" t="s">
        <v>39049</v>
      </c>
      <c r="I10169" s="1" t="s">
        <v>38915</v>
      </c>
      <c r="J10169" s="1" t="s">
        <v>39061</v>
      </c>
    </row>
    <row r="10170" spans="1:10" x14ac:dyDescent="0.35">
      <c r="A10170" s="1" t="s">
        <v>39044</v>
      </c>
      <c r="B10170" s="1" t="s">
        <v>38909</v>
      </c>
      <c r="C10170" s="1" t="s">
        <v>30</v>
      </c>
      <c r="D10170" s="1" t="s">
        <v>39062</v>
      </c>
      <c r="E10170" s="1" t="s">
        <v>39063</v>
      </c>
      <c r="F10170" s="1" t="s">
        <v>39064</v>
      </c>
      <c r="G10170" s="1" t="s">
        <v>39048</v>
      </c>
      <c r="H10170" s="1" t="s">
        <v>39049</v>
      </c>
      <c r="I10170" s="1" t="s">
        <v>38915</v>
      </c>
      <c r="J10170" s="1" t="s">
        <v>39065</v>
      </c>
    </row>
    <row r="10171" spans="1:10" x14ac:dyDescent="0.35">
      <c r="A10171" s="1" t="s">
        <v>39044</v>
      </c>
      <c r="B10171" s="1" t="s">
        <v>38909</v>
      </c>
      <c r="C10171" s="1" t="s">
        <v>35</v>
      </c>
      <c r="D10171" s="1" t="s">
        <v>39066</v>
      </c>
      <c r="E10171" s="1" t="s">
        <v>39067</v>
      </c>
      <c r="F10171" s="1" t="s">
        <v>39068</v>
      </c>
      <c r="G10171" s="1" t="s">
        <v>39048</v>
      </c>
      <c r="H10171" s="1" t="s">
        <v>39049</v>
      </c>
      <c r="I10171" s="1" t="s">
        <v>38915</v>
      </c>
      <c r="J10171" s="1" t="s">
        <v>39069</v>
      </c>
    </row>
    <row r="10172" spans="1:10" x14ac:dyDescent="0.35">
      <c r="A10172" s="1" t="s">
        <v>39044</v>
      </c>
      <c r="B10172" s="1" t="s">
        <v>38909</v>
      </c>
      <c r="C10172" s="1" t="s">
        <v>40</v>
      </c>
      <c r="D10172" s="1" t="s">
        <v>27182</v>
      </c>
      <c r="E10172" s="1" t="s">
        <v>39070</v>
      </c>
      <c r="F10172" s="1" t="s">
        <v>39071</v>
      </c>
      <c r="G10172" s="1" t="s">
        <v>39048</v>
      </c>
      <c r="H10172" s="1" t="s">
        <v>39049</v>
      </c>
      <c r="I10172" s="1" t="s">
        <v>38915</v>
      </c>
      <c r="J10172" s="1" t="s">
        <v>39072</v>
      </c>
    </row>
    <row r="10173" spans="1:10" x14ac:dyDescent="0.35">
      <c r="A10173" s="1" t="s">
        <v>39044</v>
      </c>
      <c r="B10173" s="1" t="s">
        <v>38909</v>
      </c>
      <c r="C10173" s="1" t="s">
        <v>45</v>
      </c>
      <c r="D10173" s="1" t="s">
        <v>39073</v>
      </c>
      <c r="E10173" s="1" t="s">
        <v>39074</v>
      </c>
      <c r="F10173" s="1" t="s">
        <v>39075</v>
      </c>
      <c r="G10173" s="1" t="s">
        <v>39048</v>
      </c>
      <c r="H10173" s="1" t="s">
        <v>39049</v>
      </c>
      <c r="I10173" s="1" t="s">
        <v>38915</v>
      </c>
      <c r="J10173" s="1" t="s">
        <v>39076</v>
      </c>
    </row>
    <row r="10174" spans="1:10" x14ac:dyDescent="0.35">
      <c r="A10174" s="1" t="s">
        <v>39044</v>
      </c>
      <c r="B10174" s="1" t="s">
        <v>38909</v>
      </c>
      <c r="C10174" s="1" t="s">
        <v>50</v>
      </c>
      <c r="D10174" s="1" t="s">
        <v>39077</v>
      </c>
      <c r="E10174" s="1" t="s">
        <v>39078</v>
      </c>
      <c r="F10174" s="1" t="s">
        <v>39079</v>
      </c>
      <c r="G10174" s="1" t="s">
        <v>39048</v>
      </c>
      <c r="H10174" s="1" t="s">
        <v>39049</v>
      </c>
      <c r="I10174" s="1" t="s">
        <v>38915</v>
      </c>
      <c r="J10174" s="1" t="s">
        <v>39080</v>
      </c>
    </row>
    <row r="10175" spans="1:10" x14ac:dyDescent="0.35">
      <c r="A10175" s="1" t="s">
        <v>39044</v>
      </c>
      <c r="B10175" s="1" t="s">
        <v>38909</v>
      </c>
      <c r="C10175" s="1" t="s">
        <v>55</v>
      </c>
      <c r="D10175" s="1" t="s">
        <v>39081</v>
      </c>
      <c r="E10175" s="1" t="s">
        <v>39082</v>
      </c>
      <c r="F10175" s="1" t="s">
        <v>39083</v>
      </c>
      <c r="G10175" s="1" t="s">
        <v>39048</v>
      </c>
      <c r="H10175" s="1" t="s">
        <v>39049</v>
      </c>
      <c r="I10175" s="1" t="s">
        <v>38915</v>
      </c>
      <c r="J10175" s="1" t="s">
        <v>39084</v>
      </c>
    </row>
    <row r="10176" spans="1:10" x14ac:dyDescent="0.35">
      <c r="A10176" s="1" t="s">
        <v>39044</v>
      </c>
      <c r="B10176" s="1" t="s">
        <v>38909</v>
      </c>
      <c r="C10176" s="1" t="s">
        <v>60</v>
      </c>
      <c r="D10176" s="1" t="s">
        <v>39085</v>
      </c>
      <c r="E10176" s="1" t="s">
        <v>39086</v>
      </c>
      <c r="F10176" s="1" t="s">
        <v>39087</v>
      </c>
      <c r="G10176" s="1" t="s">
        <v>39048</v>
      </c>
      <c r="H10176" s="1" t="s">
        <v>39049</v>
      </c>
      <c r="I10176" s="1" t="s">
        <v>38915</v>
      </c>
      <c r="J10176" s="1" t="s">
        <v>39088</v>
      </c>
    </row>
    <row r="10177" spans="1:10" x14ac:dyDescent="0.35">
      <c r="A10177" s="1" t="s">
        <v>39044</v>
      </c>
      <c r="B10177" s="1" t="s">
        <v>38909</v>
      </c>
      <c r="C10177" s="1" t="s">
        <v>65</v>
      </c>
      <c r="D10177" s="1" t="s">
        <v>39089</v>
      </c>
      <c r="E10177" s="1" t="s">
        <v>39090</v>
      </c>
      <c r="F10177" s="1" t="s">
        <v>39091</v>
      </c>
      <c r="G10177" s="1" t="s">
        <v>39048</v>
      </c>
      <c r="H10177" s="1" t="s">
        <v>39049</v>
      </c>
      <c r="I10177" s="1" t="s">
        <v>38915</v>
      </c>
      <c r="J10177" s="1" t="s">
        <v>39092</v>
      </c>
    </row>
    <row r="10178" spans="1:10" x14ac:dyDescent="0.35">
      <c r="A10178" s="1" t="s">
        <v>39044</v>
      </c>
      <c r="B10178" s="1" t="s">
        <v>38909</v>
      </c>
      <c r="C10178" s="1" t="s">
        <v>70</v>
      </c>
      <c r="D10178" s="1" t="s">
        <v>39093</v>
      </c>
      <c r="E10178" s="1" t="s">
        <v>39094</v>
      </c>
      <c r="F10178" s="1" t="s">
        <v>39095</v>
      </c>
      <c r="G10178" s="1" t="s">
        <v>39048</v>
      </c>
      <c r="H10178" s="1" t="s">
        <v>39049</v>
      </c>
      <c r="I10178" s="1" t="s">
        <v>38915</v>
      </c>
      <c r="J10178" s="1" t="s">
        <v>39096</v>
      </c>
    </row>
    <row r="10179" spans="1:10" x14ac:dyDescent="0.35">
      <c r="A10179" s="1" t="s">
        <v>39044</v>
      </c>
      <c r="B10179" s="1" t="s">
        <v>38909</v>
      </c>
      <c r="C10179" s="1" t="s">
        <v>75</v>
      </c>
      <c r="D10179" s="1" t="s">
        <v>39097</v>
      </c>
      <c r="E10179" s="1" t="s">
        <v>39098</v>
      </c>
      <c r="F10179" s="1" t="s">
        <v>39099</v>
      </c>
      <c r="G10179" s="1" t="s">
        <v>39048</v>
      </c>
      <c r="H10179" s="1" t="s">
        <v>39049</v>
      </c>
      <c r="I10179" s="1" t="s">
        <v>38915</v>
      </c>
      <c r="J10179" s="1" t="s">
        <v>39100</v>
      </c>
    </row>
    <row r="10180" spans="1:10" x14ac:dyDescent="0.35">
      <c r="A10180" s="1" t="s">
        <v>39044</v>
      </c>
      <c r="B10180" s="1" t="s">
        <v>38909</v>
      </c>
      <c r="C10180" s="1" t="s">
        <v>80</v>
      </c>
      <c r="D10180" s="1" t="s">
        <v>39101</v>
      </c>
      <c r="E10180" s="1" t="s">
        <v>39102</v>
      </c>
      <c r="F10180" s="1" t="s">
        <v>39103</v>
      </c>
      <c r="G10180" s="1" t="s">
        <v>39048</v>
      </c>
      <c r="H10180" s="1" t="s">
        <v>39049</v>
      </c>
      <c r="I10180" s="1" t="s">
        <v>38915</v>
      </c>
      <c r="J10180" s="1" t="s">
        <v>39104</v>
      </c>
    </row>
    <row r="10181" spans="1:10" x14ac:dyDescent="0.35">
      <c r="A10181" s="1" t="s">
        <v>39044</v>
      </c>
      <c r="B10181" s="1" t="s">
        <v>38909</v>
      </c>
      <c r="C10181" s="1" t="s">
        <v>85</v>
      </c>
      <c r="D10181" s="1" t="s">
        <v>39105</v>
      </c>
      <c r="E10181" s="1" t="s">
        <v>39106</v>
      </c>
      <c r="F10181" s="1" t="s">
        <v>39107</v>
      </c>
      <c r="G10181" s="1" t="s">
        <v>39048</v>
      </c>
      <c r="H10181" s="1" t="s">
        <v>39049</v>
      </c>
      <c r="I10181" s="1" t="s">
        <v>38915</v>
      </c>
      <c r="J10181" s="1" t="s">
        <v>39108</v>
      </c>
    </row>
    <row r="10182" spans="1:10" x14ac:dyDescent="0.35">
      <c r="A10182" s="1" t="s">
        <v>39044</v>
      </c>
      <c r="B10182" s="1" t="s">
        <v>38909</v>
      </c>
      <c r="C10182" s="1" t="s">
        <v>90</v>
      </c>
      <c r="D10182" s="1" t="s">
        <v>39109</v>
      </c>
      <c r="E10182" s="1" t="s">
        <v>39110</v>
      </c>
      <c r="F10182" s="1" t="s">
        <v>39111</v>
      </c>
      <c r="G10182" s="1" t="s">
        <v>39048</v>
      </c>
      <c r="H10182" s="1" t="s">
        <v>39049</v>
      </c>
      <c r="I10182" s="1" t="s">
        <v>38915</v>
      </c>
      <c r="J10182" s="1" t="s">
        <v>39112</v>
      </c>
    </row>
    <row r="10183" spans="1:10" x14ac:dyDescent="0.35">
      <c r="A10183" s="1" t="s">
        <v>39044</v>
      </c>
      <c r="B10183" s="1" t="s">
        <v>38909</v>
      </c>
      <c r="C10183" s="1" t="s">
        <v>95</v>
      </c>
      <c r="D10183" s="1" t="s">
        <v>39113</v>
      </c>
      <c r="E10183" s="1" t="s">
        <v>39114</v>
      </c>
      <c r="F10183" s="1" t="s">
        <v>39115</v>
      </c>
      <c r="G10183" s="1" t="s">
        <v>39048</v>
      </c>
      <c r="H10183" s="1" t="s">
        <v>39049</v>
      </c>
      <c r="I10183" s="1" t="s">
        <v>38915</v>
      </c>
      <c r="J10183" s="1" t="s">
        <v>39116</v>
      </c>
    </row>
    <row r="10184" spans="1:10" x14ac:dyDescent="0.35">
      <c r="A10184" s="1" t="s">
        <v>39044</v>
      </c>
      <c r="B10184" s="1" t="s">
        <v>38909</v>
      </c>
      <c r="C10184" s="1" t="s">
        <v>100</v>
      </c>
      <c r="D10184" s="1" t="s">
        <v>39117</v>
      </c>
      <c r="E10184" s="1" t="s">
        <v>39118</v>
      </c>
      <c r="F10184" s="1" t="s">
        <v>39119</v>
      </c>
      <c r="G10184" s="1" t="s">
        <v>39048</v>
      </c>
      <c r="H10184" s="1" t="s">
        <v>39049</v>
      </c>
      <c r="I10184" s="1" t="s">
        <v>38915</v>
      </c>
      <c r="J10184" s="1" t="s">
        <v>39120</v>
      </c>
    </row>
    <row r="10185" spans="1:10" x14ac:dyDescent="0.35">
      <c r="A10185" s="1" t="s">
        <v>39044</v>
      </c>
      <c r="B10185" s="1" t="s">
        <v>38909</v>
      </c>
      <c r="C10185" s="1" t="s">
        <v>105</v>
      </c>
      <c r="D10185" s="1" t="s">
        <v>39121</v>
      </c>
      <c r="E10185" s="1" t="s">
        <v>39122</v>
      </c>
      <c r="F10185" s="1" t="s">
        <v>39123</v>
      </c>
      <c r="G10185" s="1" t="s">
        <v>39048</v>
      </c>
      <c r="H10185" s="1" t="s">
        <v>39049</v>
      </c>
      <c r="I10185" s="1" t="s">
        <v>38915</v>
      </c>
      <c r="J10185" s="1" t="s">
        <v>39124</v>
      </c>
    </row>
    <row r="10186" spans="1:10" x14ac:dyDescent="0.35">
      <c r="A10186" s="1" t="s">
        <v>39044</v>
      </c>
      <c r="B10186" s="1" t="s">
        <v>38909</v>
      </c>
      <c r="C10186" s="1" t="s">
        <v>110</v>
      </c>
      <c r="D10186" s="1" t="s">
        <v>39125</v>
      </c>
      <c r="E10186" s="1" t="s">
        <v>39126</v>
      </c>
      <c r="F10186" s="1" t="s">
        <v>39127</v>
      </c>
      <c r="G10186" s="1" t="s">
        <v>39048</v>
      </c>
      <c r="H10186" s="1" t="s">
        <v>39049</v>
      </c>
      <c r="I10186" s="1" t="s">
        <v>38915</v>
      </c>
      <c r="J10186" s="1" t="s">
        <v>39128</v>
      </c>
    </row>
    <row r="10187" spans="1:10" x14ac:dyDescent="0.35">
      <c r="A10187" s="1" t="s">
        <v>39044</v>
      </c>
      <c r="B10187" s="1" t="s">
        <v>38909</v>
      </c>
      <c r="C10187" s="1" t="s">
        <v>115</v>
      </c>
      <c r="D10187" s="1" t="s">
        <v>20772</v>
      </c>
      <c r="E10187" s="1" t="s">
        <v>39129</v>
      </c>
      <c r="F10187" s="1" t="s">
        <v>39130</v>
      </c>
      <c r="G10187" s="1" t="s">
        <v>39048</v>
      </c>
      <c r="H10187" s="1" t="s">
        <v>39049</v>
      </c>
      <c r="I10187" s="1" t="s">
        <v>38915</v>
      </c>
      <c r="J10187" s="1" t="s">
        <v>39131</v>
      </c>
    </row>
    <row r="10188" spans="1:10" x14ac:dyDescent="0.35">
      <c r="A10188" s="1" t="s">
        <v>39044</v>
      </c>
      <c r="B10188" s="1" t="s">
        <v>38909</v>
      </c>
      <c r="C10188" s="1" t="s">
        <v>120</v>
      </c>
      <c r="D10188" s="1" t="s">
        <v>39132</v>
      </c>
      <c r="E10188" s="1" t="s">
        <v>39133</v>
      </c>
      <c r="F10188" s="1" t="s">
        <v>39134</v>
      </c>
      <c r="G10188" s="1" t="s">
        <v>39048</v>
      </c>
      <c r="H10188" s="1" t="s">
        <v>39049</v>
      </c>
      <c r="I10188" s="1" t="s">
        <v>38915</v>
      </c>
      <c r="J10188" s="1" t="s">
        <v>39135</v>
      </c>
    </row>
    <row r="10189" spans="1:10" x14ac:dyDescent="0.35">
      <c r="A10189" s="1" t="s">
        <v>39044</v>
      </c>
      <c r="B10189" s="1" t="s">
        <v>38909</v>
      </c>
      <c r="C10189" s="1" t="s">
        <v>125</v>
      </c>
      <c r="D10189" s="1" t="s">
        <v>39136</v>
      </c>
      <c r="E10189" s="1" t="s">
        <v>39137</v>
      </c>
      <c r="F10189" s="1" t="s">
        <v>39138</v>
      </c>
      <c r="G10189" s="1" t="s">
        <v>39048</v>
      </c>
      <c r="H10189" s="1" t="s">
        <v>39049</v>
      </c>
      <c r="I10189" s="1" t="s">
        <v>38915</v>
      </c>
      <c r="J10189" s="1" t="s">
        <v>39139</v>
      </c>
    </row>
    <row r="10190" spans="1:10" x14ac:dyDescent="0.35">
      <c r="A10190" s="1" t="s">
        <v>39044</v>
      </c>
      <c r="B10190" s="1" t="s">
        <v>38909</v>
      </c>
      <c r="C10190" s="1" t="s">
        <v>130</v>
      </c>
      <c r="D10190" s="1" t="s">
        <v>39140</v>
      </c>
      <c r="E10190" s="1" t="s">
        <v>39141</v>
      </c>
      <c r="F10190" s="1" t="s">
        <v>39142</v>
      </c>
      <c r="G10190" s="1" t="s">
        <v>39048</v>
      </c>
      <c r="H10190" s="1" t="s">
        <v>39049</v>
      </c>
      <c r="I10190" s="1" t="s">
        <v>38915</v>
      </c>
      <c r="J10190" s="1" t="s">
        <v>39143</v>
      </c>
    </row>
    <row r="10191" spans="1:10" x14ac:dyDescent="0.35">
      <c r="A10191" s="1" t="s">
        <v>39044</v>
      </c>
      <c r="B10191" s="1" t="s">
        <v>38909</v>
      </c>
      <c r="C10191" s="1" t="s">
        <v>135</v>
      </c>
      <c r="D10191" s="1" t="s">
        <v>39144</v>
      </c>
      <c r="E10191" s="1" t="s">
        <v>39145</v>
      </c>
      <c r="F10191" s="1" t="s">
        <v>39146</v>
      </c>
      <c r="G10191" s="1" t="s">
        <v>39048</v>
      </c>
      <c r="H10191" s="1" t="s">
        <v>39049</v>
      </c>
      <c r="I10191" s="1" t="s">
        <v>38915</v>
      </c>
      <c r="J10191" s="1" t="s">
        <v>39147</v>
      </c>
    </row>
    <row r="10192" spans="1:10" x14ac:dyDescent="0.35">
      <c r="A10192" s="1" t="s">
        <v>39044</v>
      </c>
      <c r="B10192" s="1" t="s">
        <v>38909</v>
      </c>
      <c r="C10192" s="1" t="s">
        <v>140</v>
      </c>
      <c r="D10192" s="1" t="s">
        <v>39148</v>
      </c>
      <c r="E10192" s="1" t="s">
        <v>39149</v>
      </c>
      <c r="F10192" s="1" t="s">
        <v>39150</v>
      </c>
      <c r="G10192" s="1" t="s">
        <v>39048</v>
      </c>
      <c r="H10192" s="1" t="s">
        <v>39049</v>
      </c>
      <c r="I10192" s="1" t="s">
        <v>38915</v>
      </c>
      <c r="J10192" s="1" t="s">
        <v>39151</v>
      </c>
    </row>
    <row r="10193" spans="1:10" x14ac:dyDescent="0.35">
      <c r="A10193" s="1" t="s">
        <v>39044</v>
      </c>
      <c r="B10193" s="1" t="s">
        <v>38909</v>
      </c>
      <c r="C10193" s="1" t="s">
        <v>145</v>
      </c>
      <c r="D10193" s="1" t="s">
        <v>39152</v>
      </c>
      <c r="E10193" s="1" t="s">
        <v>39153</v>
      </c>
      <c r="F10193" s="1" t="s">
        <v>39154</v>
      </c>
      <c r="G10193" s="1" t="s">
        <v>39048</v>
      </c>
      <c r="H10193" s="1" t="s">
        <v>39049</v>
      </c>
      <c r="I10193" s="1" t="s">
        <v>38915</v>
      </c>
      <c r="J10193" s="1" t="s">
        <v>39155</v>
      </c>
    </row>
    <row r="10194" spans="1:10" x14ac:dyDescent="0.35">
      <c r="A10194" s="1" t="s">
        <v>39044</v>
      </c>
      <c r="B10194" s="1" t="s">
        <v>38909</v>
      </c>
      <c r="C10194" s="1" t="s">
        <v>150</v>
      </c>
      <c r="D10194" s="1" t="s">
        <v>39156</v>
      </c>
      <c r="E10194" s="1" t="s">
        <v>39157</v>
      </c>
      <c r="F10194" s="1" t="s">
        <v>39158</v>
      </c>
      <c r="G10194" s="1" t="s">
        <v>39048</v>
      </c>
      <c r="H10194" s="1" t="s">
        <v>39049</v>
      </c>
      <c r="I10194" s="1" t="s">
        <v>38915</v>
      </c>
      <c r="J10194" s="1" t="s">
        <v>39159</v>
      </c>
    </row>
    <row r="10195" spans="1:10" x14ac:dyDescent="0.35">
      <c r="A10195" s="1" t="s">
        <v>39044</v>
      </c>
      <c r="B10195" s="1" t="s">
        <v>38909</v>
      </c>
      <c r="C10195" s="1" t="s">
        <v>155</v>
      </c>
      <c r="D10195" s="1" t="s">
        <v>27270</v>
      </c>
      <c r="E10195" s="1" t="s">
        <v>39160</v>
      </c>
      <c r="F10195" s="1" t="s">
        <v>39161</v>
      </c>
      <c r="G10195" s="1" t="s">
        <v>39048</v>
      </c>
      <c r="H10195" s="1" t="s">
        <v>39049</v>
      </c>
      <c r="I10195" s="1" t="s">
        <v>38915</v>
      </c>
      <c r="J10195" s="1" t="s">
        <v>39162</v>
      </c>
    </row>
    <row r="10196" spans="1:10" x14ac:dyDescent="0.35">
      <c r="A10196" s="1" t="s">
        <v>39044</v>
      </c>
      <c r="B10196" s="1" t="s">
        <v>38909</v>
      </c>
      <c r="C10196" s="1" t="s">
        <v>160</v>
      </c>
      <c r="D10196" s="1" t="s">
        <v>39163</v>
      </c>
      <c r="E10196" s="1" t="s">
        <v>39164</v>
      </c>
      <c r="F10196" s="1" t="s">
        <v>39165</v>
      </c>
      <c r="G10196" s="1" t="s">
        <v>39048</v>
      </c>
      <c r="H10196" s="1" t="s">
        <v>39049</v>
      </c>
      <c r="I10196" s="1" t="s">
        <v>38915</v>
      </c>
      <c r="J10196" s="1" t="s">
        <v>39166</v>
      </c>
    </row>
    <row r="10197" spans="1:10" x14ac:dyDescent="0.35">
      <c r="A10197" s="1" t="s">
        <v>39044</v>
      </c>
      <c r="B10197" s="1" t="s">
        <v>38909</v>
      </c>
      <c r="C10197" s="1" t="s">
        <v>165</v>
      </c>
      <c r="D10197" s="1" t="s">
        <v>39167</v>
      </c>
      <c r="E10197" s="1" t="s">
        <v>39168</v>
      </c>
      <c r="F10197" s="1" t="s">
        <v>39169</v>
      </c>
      <c r="G10197" s="1" t="s">
        <v>39048</v>
      </c>
      <c r="H10197" s="1" t="s">
        <v>39049</v>
      </c>
      <c r="I10197" s="1" t="s">
        <v>38915</v>
      </c>
      <c r="J10197" s="1" t="s">
        <v>39170</v>
      </c>
    </row>
    <row r="10198" spans="1:10" x14ac:dyDescent="0.35">
      <c r="A10198" s="1" t="s">
        <v>39044</v>
      </c>
      <c r="B10198" s="1" t="s">
        <v>38909</v>
      </c>
      <c r="C10198" s="1" t="s">
        <v>170</v>
      </c>
      <c r="D10198" s="1" t="s">
        <v>39171</v>
      </c>
      <c r="E10198" s="1" t="s">
        <v>39172</v>
      </c>
      <c r="F10198" s="1" t="s">
        <v>39173</v>
      </c>
      <c r="G10198" s="1" t="s">
        <v>39048</v>
      </c>
      <c r="H10198" s="1" t="s">
        <v>39049</v>
      </c>
      <c r="I10198" s="1" t="s">
        <v>38915</v>
      </c>
      <c r="J10198" s="1" t="s">
        <v>39174</v>
      </c>
    </row>
    <row r="10199" spans="1:10" x14ac:dyDescent="0.35">
      <c r="A10199" s="1" t="s">
        <v>39175</v>
      </c>
      <c r="B10199" s="1" t="s">
        <v>38909</v>
      </c>
      <c r="C10199" s="1" t="s">
        <v>8</v>
      </c>
      <c r="D10199" s="1" t="s">
        <v>39176</v>
      </c>
      <c r="E10199" s="1" t="s">
        <v>39177</v>
      </c>
      <c r="F10199" s="1" t="s">
        <v>39178</v>
      </c>
      <c r="G10199" s="1" t="s">
        <v>39179</v>
      </c>
      <c r="H10199" s="1" t="s">
        <v>39180</v>
      </c>
      <c r="I10199" s="1" t="s">
        <v>38915</v>
      </c>
      <c r="J10199" s="1" t="s">
        <v>13</v>
      </c>
    </row>
    <row r="10200" spans="1:10" x14ac:dyDescent="0.35">
      <c r="A10200" s="1" t="s">
        <v>39175</v>
      </c>
      <c r="B10200" s="1" t="s">
        <v>38909</v>
      </c>
      <c r="C10200" s="1" t="s">
        <v>15</v>
      </c>
      <c r="D10200" s="1" t="s">
        <v>39181</v>
      </c>
      <c r="E10200" s="1" t="s">
        <v>39182</v>
      </c>
      <c r="F10200" s="1" t="s">
        <v>39183</v>
      </c>
      <c r="G10200" s="1" t="s">
        <v>39179</v>
      </c>
      <c r="H10200" s="1" t="s">
        <v>39180</v>
      </c>
      <c r="I10200" s="1" t="s">
        <v>38915</v>
      </c>
      <c r="J10200" s="1" t="s">
        <v>39184</v>
      </c>
    </row>
    <row r="10201" spans="1:10" x14ac:dyDescent="0.35">
      <c r="A10201" s="1" t="s">
        <v>39175</v>
      </c>
      <c r="B10201" s="1" t="s">
        <v>38909</v>
      </c>
      <c r="C10201" s="1" t="s">
        <v>20</v>
      </c>
      <c r="D10201" s="1" t="s">
        <v>39185</v>
      </c>
      <c r="E10201" s="1" t="s">
        <v>39186</v>
      </c>
      <c r="F10201" s="1" t="s">
        <v>39187</v>
      </c>
      <c r="G10201" s="1" t="s">
        <v>39179</v>
      </c>
      <c r="H10201" s="1" t="s">
        <v>39180</v>
      </c>
      <c r="I10201" s="1" t="s">
        <v>38915</v>
      </c>
      <c r="J10201" s="1" t="s">
        <v>39188</v>
      </c>
    </row>
    <row r="10202" spans="1:10" x14ac:dyDescent="0.35">
      <c r="A10202" s="1" t="s">
        <v>39175</v>
      </c>
      <c r="B10202" s="1" t="s">
        <v>38909</v>
      </c>
      <c r="C10202" s="1" t="s">
        <v>25</v>
      </c>
      <c r="D10202" s="1" t="s">
        <v>39189</v>
      </c>
      <c r="E10202" s="1" t="s">
        <v>39190</v>
      </c>
      <c r="F10202" s="1" t="s">
        <v>39191</v>
      </c>
      <c r="G10202" s="1" t="s">
        <v>39179</v>
      </c>
      <c r="H10202" s="1" t="s">
        <v>39180</v>
      </c>
      <c r="I10202" s="1" t="s">
        <v>38915</v>
      </c>
      <c r="J10202" s="1" t="s">
        <v>39192</v>
      </c>
    </row>
    <row r="10203" spans="1:10" x14ac:dyDescent="0.35">
      <c r="A10203" s="1" t="s">
        <v>39175</v>
      </c>
      <c r="B10203" s="1" t="s">
        <v>38909</v>
      </c>
      <c r="C10203" s="1" t="s">
        <v>30</v>
      </c>
      <c r="D10203" s="1" t="s">
        <v>39193</v>
      </c>
      <c r="E10203" s="1" t="s">
        <v>39194</v>
      </c>
      <c r="F10203" s="1" t="s">
        <v>39195</v>
      </c>
      <c r="G10203" s="1" t="s">
        <v>39179</v>
      </c>
      <c r="H10203" s="1" t="s">
        <v>39180</v>
      </c>
      <c r="I10203" s="1" t="s">
        <v>38915</v>
      </c>
      <c r="J10203" s="1" t="s">
        <v>39196</v>
      </c>
    </row>
    <row r="10204" spans="1:10" x14ac:dyDescent="0.35">
      <c r="A10204" s="1" t="s">
        <v>39175</v>
      </c>
      <c r="B10204" s="1" t="s">
        <v>38909</v>
      </c>
      <c r="C10204" s="1" t="s">
        <v>35</v>
      </c>
      <c r="D10204" s="1" t="s">
        <v>39197</v>
      </c>
      <c r="E10204" s="1" t="s">
        <v>39198</v>
      </c>
      <c r="F10204" s="1" t="s">
        <v>39199</v>
      </c>
      <c r="G10204" s="1" t="s">
        <v>39179</v>
      </c>
      <c r="H10204" s="1" t="s">
        <v>39180</v>
      </c>
      <c r="I10204" s="1" t="s">
        <v>38915</v>
      </c>
      <c r="J10204" s="1" t="s">
        <v>39200</v>
      </c>
    </row>
    <row r="10205" spans="1:10" x14ac:dyDescent="0.35">
      <c r="A10205" s="1" t="s">
        <v>39175</v>
      </c>
      <c r="B10205" s="1" t="s">
        <v>38909</v>
      </c>
      <c r="C10205" s="1" t="s">
        <v>40</v>
      </c>
      <c r="D10205" s="1" t="s">
        <v>39201</v>
      </c>
      <c r="E10205" s="1" t="s">
        <v>39202</v>
      </c>
      <c r="F10205" s="1" t="s">
        <v>39203</v>
      </c>
      <c r="G10205" s="1" t="s">
        <v>39179</v>
      </c>
      <c r="H10205" s="1" t="s">
        <v>39180</v>
      </c>
      <c r="I10205" s="1" t="s">
        <v>38915</v>
      </c>
      <c r="J10205" s="1" t="s">
        <v>39204</v>
      </c>
    </row>
    <row r="10206" spans="1:10" x14ac:dyDescent="0.35">
      <c r="A10206" s="1" t="s">
        <v>39175</v>
      </c>
      <c r="B10206" s="1" t="s">
        <v>38909</v>
      </c>
      <c r="C10206" s="1" t="s">
        <v>45</v>
      </c>
      <c r="D10206" s="1" t="s">
        <v>39205</v>
      </c>
      <c r="E10206" s="1" t="s">
        <v>39206</v>
      </c>
      <c r="F10206" s="1" t="s">
        <v>39207</v>
      </c>
      <c r="G10206" s="1" t="s">
        <v>39179</v>
      </c>
      <c r="H10206" s="1" t="s">
        <v>39180</v>
      </c>
      <c r="I10206" s="1" t="s">
        <v>38915</v>
      </c>
      <c r="J10206" s="1" t="s">
        <v>39208</v>
      </c>
    </row>
    <row r="10207" spans="1:10" x14ac:dyDescent="0.35">
      <c r="A10207" s="1" t="s">
        <v>39175</v>
      </c>
      <c r="B10207" s="1" t="s">
        <v>38909</v>
      </c>
      <c r="C10207" s="1" t="s">
        <v>50</v>
      </c>
      <c r="D10207" s="1" t="s">
        <v>39209</v>
      </c>
      <c r="E10207" s="1" t="s">
        <v>39210</v>
      </c>
      <c r="F10207" s="1" t="s">
        <v>39211</v>
      </c>
      <c r="G10207" s="1" t="s">
        <v>39179</v>
      </c>
      <c r="H10207" s="1" t="s">
        <v>39180</v>
      </c>
      <c r="I10207" s="1" t="s">
        <v>38915</v>
      </c>
      <c r="J10207" s="1" t="s">
        <v>39212</v>
      </c>
    </row>
    <row r="10208" spans="1:10" x14ac:dyDescent="0.35">
      <c r="A10208" s="1" t="s">
        <v>39175</v>
      </c>
      <c r="B10208" s="1" t="s">
        <v>38909</v>
      </c>
      <c r="C10208" s="1" t="s">
        <v>55</v>
      </c>
      <c r="D10208" s="1" t="s">
        <v>39213</v>
      </c>
      <c r="E10208" s="1" t="s">
        <v>39214</v>
      </c>
      <c r="F10208" s="1" t="s">
        <v>39215</v>
      </c>
      <c r="G10208" s="1" t="s">
        <v>39179</v>
      </c>
      <c r="H10208" s="1" t="s">
        <v>39180</v>
      </c>
      <c r="I10208" s="1" t="s">
        <v>38915</v>
      </c>
      <c r="J10208" s="1" t="s">
        <v>39216</v>
      </c>
    </row>
    <row r="10209" spans="1:10" x14ac:dyDescent="0.35">
      <c r="A10209" s="1" t="s">
        <v>39175</v>
      </c>
      <c r="B10209" s="1" t="s">
        <v>38909</v>
      </c>
      <c r="C10209" s="1" t="s">
        <v>60</v>
      </c>
      <c r="D10209" s="1" t="s">
        <v>39217</v>
      </c>
      <c r="E10209" s="1" t="s">
        <v>39218</v>
      </c>
      <c r="F10209" s="1" t="s">
        <v>39219</v>
      </c>
      <c r="G10209" s="1" t="s">
        <v>39179</v>
      </c>
      <c r="H10209" s="1" t="s">
        <v>39180</v>
      </c>
      <c r="I10209" s="1" t="s">
        <v>38915</v>
      </c>
      <c r="J10209" s="1" t="s">
        <v>39220</v>
      </c>
    </row>
    <row r="10210" spans="1:10" x14ac:dyDescent="0.35">
      <c r="A10210" s="1" t="s">
        <v>39175</v>
      </c>
      <c r="B10210" s="1" t="s">
        <v>38909</v>
      </c>
      <c r="C10210" s="1" t="s">
        <v>65</v>
      </c>
      <c r="D10210" s="1" t="s">
        <v>39221</v>
      </c>
      <c r="E10210" s="1" t="s">
        <v>39222</v>
      </c>
      <c r="F10210" s="1" t="s">
        <v>39223</v>
      </c>
      <c r="G10210" s="1" t="s">
        <v>39179</v>
      </c>
      <c r="H10210" s="1" t="s">
        <v>39180</v>
      </c>
      <c r="I10210" s="1" t="s">
        <v>38915</v>
      </c>
      <c r="J10210" s="1" t="s">
        <v>39224</v>
      </c>
    </row>
    <row r="10211" spans="1:10" x14ac:dyDescent="0.35">
      <c r="A10211" s="1" t="s">
        <v>39175</v>
      </c>
      <c r="B10211" s="1" t="s">
        <v>38909</v>
      </c>
      <c r="C10211" s="1" t="s">
        <v>70</v>
      </c>
      <c r="D10211" s="1" t="s">
        <v>39225</v>
      </c>
      <c r="E10211" s="1" t="s">
        <v>39226</v>
      </c>
      <c r="F10211" s="1" t="s">
        <v>39227</v>
      </c>
      <c r="G10211" s="1" t="s">
        <v>39179</v>
      </c>
      <c r="H10211" s="1" t="s">
        <v>39180</v>
      </c>
      <c r="I10211" s="1" t="s">
        <v>38915</v>
      </c>
      <c r="J10211" s="1" t="s">
        <v>39228</v>
      </c>
    </row>
    <row r="10212" spans="1:10" x14ac:dyDescent="0.35">
      <c r="A10212" s="1" t="s">
        <v>39175</v>
      </c>
      <c r="B10212" s="1" t="s">
        <v>38909</v>
      </c>
      <c r="C10212" s="1" t="s">
        <v>75</v>
      </c>
      <c r="D10212" s="1" t="s">
        <v>39229</v>
      </c>
      <c r="E10212" s="1" t="s">
        <v>39230</v>
      </c>
      <c r="F10212" s="1" t="s">
        <v>39231</v>
      </c>
      <c r="G10212" s="1" t="s">
        <v>39179</v>
      </c>
      <c r="H10212" s="1" t="s">
        <v>39180</v>
      </c>
      <c r="I10212" s="1" t="s">
        <v>38915</v>
      </c>
      <c r="J10212" s="1" t="s">
        <v>39232</v>
      </c>
    </row>
    <row r="10213" spans="1:10" x14ac:dyDescent="0.35">
      <c r="A10213" s="1" t="s">
        <v>39175</v>
      </c>
      <c r="B10213" s="1" t="s">
        <v>38909</v>
      </c>
      <c r="C10213" s="1" t="s">
        <v>80</v>
      </c>
      <c r="D10213" s="1" t="s">
        <v>39233</v>
      </c>
      <c r="E10213" s="1" t="s">
        <v>39234</v>
      </c>
      <c r="F10213" s="1" t="s">
        <v>39235</v>
      </c>
      <c r="G10213" s="1" t="s">
        <v>39179</v>
      </c>
      <c r="H10213" s="1" t="s">
        <v>39180</v>
      </c>
      <c r="I10213" s="1" t="s">
        <v>38915</v>
      </c>
      <c r="J10213" s="1" t="s">
        <v>39236</v>
      </c>
    </row>
    <row r="10214" spans="1:10" x14ac:dyDescent="0.35">
      <c r="A10214" s="1" t="s">
        <v>39175</v>
      </c>
      <c r="B10214" s="1" t="s">
        <v>38909</v>
      </c>
      <c r="C10214" s="1" t="s">
        <v>85</v>
      </c>
      <c r="D10214" s="1" t="s">
        <v>39237</v>
      </c>
      <c r="E10214" s="1" t="s">
        <v>39238</v>
      </c>
      <c r="F10214" s="1" t="s">
        <v>39239</v>
      </c>
      <c r="G10214" s="1" t="s">
        <v>39179</v>
      </c>
      <c r="H10214" s="1" t="s">
        <v>39180</v>
      </c>
      <c r="I10214" s="1" t="s">
        <v>38915</v>
      </c>
      <c r="J10214" s="1" t="s">
        <v>39240</v>
      </c>
    </row>
    <row r="10215" spans="1:10" x14ac:dyDescent="0.35">
      <c r="A10215" s="1" t="s">
        <v>39175</v>
      </c>
      <c r="B10215" s="1" t="s">
        <v>38909</v>
      </c>
      <c r="C10215" s="1" t="s">
        <v>90</v>
      </c>
      <c r="D10215" s="1" t="s">
        <v>39241</v>
      </c>
      <c r="E10215" s="1" t="s">
        <v>39242</v>
      </c>
      <c r="F10215" s="1" t="s">
        <v>39243</v>
      </c>
      <c r="G10215" s="1" t="s">
        <v>39179</v>
      </c>
      <c r="H10215" s="1" t="s">
        <v>39180</v>
      </c>
      <c r="I10215" s="1" t="s">
        <v>38915</v>
      </c>
      <c r="J10215" s="1" t="s">
        <v>39244</v>
      </c>
    </row>
    <row r="10216" spans="1:10" x14ac:dyDescent="0.35">
      <c r="A10216" s="1" t="s">
        <v>39175</v>
      </c>
      <c r="B10216" s="1" t="s">
        <v>38909</v>
      </c>
      <c r="C10216" s="1" t="s">
        <v>95</v>
      </c>
      <c r="D10216" s="1" t="s">
        <v>39245</v>
      </c>
      <c r="E10216" s="1" t="s">
        <v>39246</v>
      </c>
      <c r="F10216" s="1" t="s">
        <v>39247</v>
      </c>
      <c r="G10216" s="1" t="s">
        <v>39179</v>
      </c>
      <c r="H10216" s="1" t="s">
        <v>39180</v>
      </c>
      <c r="I10216" s="1" t="s">
        <v>38915</v>
      </c>
      <c r="J10216" s="1" t="s">
        <v>39248</v>
      </c>
    </row>
    <row r="10217" spans="1:10" x14ac:dyDescent="0.35">
      <c r="A10217" s="1" t="s">
        <v>39175</v>
      </c>
      <c r="B10217" s="1" t="s">
        <v>38909</v>
      </c>
      <c r="C10217" s="1" t="s">
        <v>100</v>
      </c>
      <c r="D10217" s="1" t="s">
        <v>39249</v>
      </c>
      <c r="E10217" s="1" t="s">
        <v>39250</v>
      </c>
      <c r="F10217" s="1" t="s">
        <v>39251</v>
      </c>
      <c r="G10217" s="1" t="s">
        <v>39179</v>
      </c>
      <c r="H10217" s="1" t="s">
        <v>39180</v>
      </c>
      <c r="I10217" s="1" t="s">
        <v>38915</v>
      </c>
      <c r="J10217" s="1" t="s">
        <v>39252</v>
      </c>
    </row>
    <row r="10218" spans="1:10" x14ac:dyDescent="0.35">
      <c r="A10218" s="1" t="s">
        <v>39175</v>
      </c>
      <c r="B10218" s="1" t="s">
        <v>38909</v>
      </c>
      <c r="C10218" s="1" t="s">
        <v>105</v>
      </c>
      <c r="D10218" s="1" t="s">
        <v>39253</v>
      </c>
      <c r="E10218" s="1" t="s">
        <v>39254</v>
      </c>
      <c r="F10218" s="1" t="s">
        <v>39255</v>
      </c>
      <c r="G10218" s="1" t="s">
        <v>39179</v>
      </c>
      <c r="H10218" s="1" t="s">
        <v>39180</v>
      </c>
      <c r="I10218" s="1" t="s">
        <v>38915</v>
      </c>
      <c r="J10218" s="1" t="s">
        <v>39256</v>
      </c>
    </row>
    <row r="10219" spans="1:10" x14ac:dyDescent="0.35">
      <c r="A10219" s="1" t="s">
        <v>39175</v>
      </c>
      <c r="B10219" s="1" t="s">
        <v>38909</v>
      </c>
      <c r="C10219" s="1" t="s">
        <v>110</v>
      </c>
      <c r="D10219" s="1" t="s">
        <v>39257</v>
      </c>
      <c r="E10219" s="1" t="s">
        <v>39258</v>
      </c>
      <c r="F10219" s="1" t="s">
        <v>39259</v>
      </c>
      <c r="G10219" s="1" t="s">
        <v>39179</v>
      </c>
      <c r="H10219" s="1" t="s">
        <v>39180</v>
      </c>
      <c r="I10219" s="1" t="s">
        <v>38915</v>
      </c>
      <c r="J10219" s="1" t="s">
        <v>39260</v>
      </c>
    </row>
    <row r="10220" spans="1:10" x14ac:dyDescent="0.35">
      <c r="A10220" s="1" t="s">
        <v>39175</v>
      </c>
      <c r="B10220" s="1" t="s">
        <v>38909</v>
      </c>
      <c r="C10220" s="1" t="s">
        <v>115</v>
      </c>
      <c r="D10220" s="1" t="s">
        <v>39261</v>
      </c>
      <c r="E10220" s="1" t="s">
        <v>39262</v>
      </c>
      <c r="F10220" s="1" t="s">
        <v>39263</v>
      </c>
      <c r="G10220" s="1" t="s">
        <v>39179</v>
      </c>
      <c r="H10220" s="1" t="s">
        <v>39180</v>
      </c>
      <c r="I10220" s="1" t="s">
        <v>38915</v>
      </c>
      <c r="J10220" s="1" t="s">
        <v>39264</v>
      </c>
    </row>
    <row r="10221" spans="1:10" x14ac:dyDescent="0.35">
      <c r="A10221" s="1" t="s">
        <v>39175</v>
      </c>
      <c r="B10221" s="1" t="s">
        <v>38909</v>
      </c>
      <c r="C10221" s="1" t="s">
        <v>120</v>
      </c>
      <c r="D10221" s="1" t="s">
        <v>39265</v>
      </c>
      <c r="E10221" s="1" t="s">
        <v>39266</v>
      </c>
      <c r="F10221" s="1" t="s">
        <v>39267</v>
      </c>
      <c r="G10221" s="1" t="s">
        <v>39179</v>
      </c>
      <c r="H10221" s="1" t="s">
        <v>39180</v>
      </c>
      <c r="I10221" s="1" t="s">
        <v>38915</v>
      </c>
      <c r="J10221" s="1" t="s">
        <v>39268</v>
      </c>
    </row>
    <row r="10222" spans="1:10" x14ac:dyDescent="0.35">
      <c r="A10222" s="1" t="s">
        <v>39175</v>
      </c>
      <c r="B10222" s="1" t="s">
        <v>38909</v>
      </c>
      <c r="C10222" s="1" t="s">
        <v>125</v>
      </c>
      <c r="D10222" s="1" t="s">
        <v>39269</v>
      </c>
      <c r="E10222" s="1" t="s">
        <v>39270</v>
      </c>
      <c r="F10222" s="1" t="s">
        <v>39271</v>
      </c>
      <c r="G10222" s="1" t="s">
        <v>39179</v>
      </c>
      <c r="H10222" s="1" t="s">
        <v>39180</v>
      </c>
      <c r="I10222" s="1" t="s">
        <v>38915</v>
      </c>
      <c r="J10222" s="1" t="s">
        <v>39272</v>
      </c>
    </row>
    <row r="10223" spans="1:10" x14ac:dyDescent="0.35">
      <c r="A10223" s="1" t="s">
        <v>39175</v>
      </c>
      <c r="B10223" s="1" t="s">
        <v>38909</v>
      </c>
      <c r="C10223" s="1" t="s">
        <v>130</v>
      </c>
      <c r="D10223" s="1" t="s">
        <v>39273</v>
      </c>
      <c r="E10223" s="1" t="s">
        <v>39274</v>
      </c>
      <c r="F10223" s="1" t="s">
        <v>39275</v>
      </c>
      <c r="G10223" s="1" t="s">
        <v>39179</v>
      </c>
      <c r="H10223" s="1" t="s">
        <v>39180</v>
      </c>
      <c r="I10223" s="1" t="s">
        <v>38915</v>
      </c>
      <c r="J10223" s="1" t="s">
        <v>39276</v>
      </c>
    </row>
    <row r="10224" spans="1:10" x14ac:dyDescent="0.35">
      <c r="A10224" s="1" t="s">
        <v>39175</v>
      </c>
      <c r="B10224" s="1" t="s">
        <v>38909</v>
      </c>
      <c r="C10224" s="1" t="s">
        <v>135</v>
      </c>
      <c r="D10224" s="1" t="s">
        <v>39277</v>
      </c>
      <c r="E10224" s="1" t="s">
        <v>39278</v>
      </c>
      <c r="F10224" s="1" t="s">
        <v>39279</v>
      </c>
      <c r="G10224" s="1" t="s">
        <v>39179</v>
      </c>
      <c r="H10224" s="1" t="s">
        <v>39180</v>
      </c>
      <c r="I10224" s="1" t="s">
        <v>38915</v>
      </c>
      <c r="J10224" s="1" t="s">
        <v>39280</v>
      </c>
    </row>
    <row r="10225" spans="1:10" x14ac:dyDescent="0.35">
      <c r="A10225" s="1" t="s">
        <v>39175</v>
      </c>
      <c r="B10225" s="1" t="s">
        <v>38909</v>
      </c>
      <c r="C10225" s="1" t="s">
        <v>140</v>
      </c>
      <c r="D10225" s="1" t="s">
        <v>39281</v>
      </c>
      <c r="E10225" s="1" t="s">
        <v>39282</v>
      </c>
      <c r="F10225" s="1" t="s">
        <v>39283</v>
      </c>
      <c r="G10225" s="1" t="s">
        <v>39179</v>
      </c>
      <c r="H10225" s="1" t="s">
        <v>39180</v>
      </c>
      <c r="I10225" s="1" t="s">
        <v>38915</v>
      </c>
      <c r="J10225" s="1" t="s">
        <v>39284</v>
      </c>
    </row>
    <row r="10226" spans="1:10" x14ac:dyDescent="0.35">
      <c r="A10226" s="1" t="s">
        <v>39175</v>
      </c>
      <c r="B10226" s="1" t="s">
        <v>38909</v>
      </c>
      <c r="C10226" s="1" t="s">
        <v>145</v>
      </c>
      <c r="D10226" s="1" t="s">
        <v>39285</v>
      </c>
      <c r="E10226" s="1" t="s">
        <v>39286</v>
      </c>
      <c r="F10226" s="1" t="s">
        <v>39287</v>
      </c>
      <c r="G10226" s="1" t="s">
        <v>39179</v>
      </c>
      <c r="H10226" s="1" t="s">
        <v>39180</v>
      </c>
      <c r="I10226" s="1" t="s">
        <v>38915</v>
      </c>
      <c r="J10226" s="1" t="s">
        <v>39288</v>
      </c>
    </row>
    <row r="10227" spans="1:10" x14ac:dyDescent="0.35">
      <c r="A10227" s="1" t="s">
        <v>39175</v>
      </c>
      <c r="B10227" s="1" t="s">
        <v>38909</v>
      </c>
      <c r="C10227" s="1" t="s">
        <v>150</v>
      </c>
      <c r="D10227" s="1" t="s">
        <v>39289</v>
      </c>
      <c r="E10227" s="1" t="s">
        <v>39290</v>
      </c>
      <c r="F10227" s="1" t="s">
        <v>39291</v>
      </c>
      <c r="G10227" s="1" t="s">
        <v>39179</v>
      </c>
      <c r="H10227" s="1" t="s">
        <v>39180</v>
      </c>
      <c r="I10227" s="1" t="s">
        <v>38915</v>
      </c>
      <c r="J10227" s="1" t="s">
        <v>39292</v>
      </c>
    </row>
    <row r="10228" spans="1:10" x14ac:dyDescent="0.35">
      <c r="A10228" s="1" t="s">
        <v>39175</v>
      </c>
      <c r="B10228" s="1" t="s">
        <v>38909</v>
      </c>
      <c r="C10228" s="1" t="s">
        <v>155</v>
      </c>
      <c r="D10228" s="1" t="s">
        <v>21980</v>
      </c>
      <c r="E10228" s="1" t="s">
        <v>39293</v>
      </c>
      <c r="F10228" s="1" t="s">
        <v>39294</v>
      </c>
      <c r="G10228" s="1" t="s">
        <v>39179</v>
      </c>
      <c r="H10228" s="1" t="s">
        <v>39180</v>
      </c>
      <c r="I10228" s="1" t="s">
        <v>38915</v>
      </c>
      <c r="J10228" s="1" t="s">
        <v>39295</v>
      </c>
    </row>
    <row r="10229" spans="1:10" x14ac:dyDescent="0.35">
      <c r="A10229" s="1" t="s">
        <v>39175</v>
      </c>
      <c r="B10229" s="1" t="s">
        <v>38909</v>
      </c>
      <c r="C10229" s="1" t="s">
        <v>160</v>
      </c>
      <c r="D10229" s="1" t="s">
        <v>39296</v>
      </c>
      <c r="E10229" s="1" t="s">
        <v>39297</v>
      </c>
      <c r="F10229" s="1" t="s">
        <v>39298</v>
      </c>
      <c r="G10229" s="1" t="s">
        <v>39179</v>
      </c>
      <c r="H10229" s="1" t="s">
        <v>39180</v>
      </c>
      <c r="I10229" s="1" t="s">
        <v>38915</v>
      </c>
      <c r="J10229" s="1" t="s">
        <v>39299</v>
      </c>
    </row>
    <row r="10230" spans="1:10" x14ac:dyDescent="0.35">
      <c r="A10230" s="1" t="s">
        <v>39175</v>
      </c>
      <c r="B10230" s="1" t="s">
        <v>38909</v>
      </c>
      <c r="C10230" s="1" t="s">
        <v>165</v>
      </c>
      <c r="D10230" s="1" t="s">
        <v>39300</v>
      </c>
      <c r="E10230" s="1" t="s">
        <v>39301</v>
      </c>
      <c r="F10230" s="1" t="s">
        <v>39302</v>
      </c>
      <c r="G10230" s="1" t="s">
        <v>39179</v>
      </c>
      <c r="H10230" s="1" t="s">
        <v>39180</v>
      </c>
      <c r="I10230" s="1" t="s">
        <v>38915</v>
      </c>
      <c r="J10230" s="1" t="s">
        <v>39303</v>
      </c>
    </row>
    <row r="10231" spans="1:10" x14ac:dyDescent="0.35">
      <c r="A10231" s="1" t="s">
        <v>39175</v>
      </c>
      <c r="B10231" s="1" t="s">
        <v>38909</v>
      </c>
      <c r="C10231" s="1" t="s">
        <v>170</v>
      </c>
      <c r="D10231" s="1" t="s">
        <v>39304</v>
      </c>
      <c r="E10231" s="1" t="s">
        <v>39305</v>
      </c>
      <c r="F10231" s="1" t="s">
        <v>39306</v>
      </c>
      <c r="G10231" s="1" t="s">
        <v>39179</v>
      </c>
      <c r="H10231" s="1" t="s">
        <v>39180</v>
      </c>
      <c r="I10231" s="1" t="s">
        <v>38915</v>
      </c>
      <c r="J10231" s="1" t="s">
        <v>39307</v>
      </c>
    </row>
    <row r="10232" spans="1:10" x14ac:dyDescent="0.35">
      <c r="A10232" s="1" t="s">
        <v>39308</v>
      </c>
      <c r="B10232" s="1" t="s">
        <v>38909</v>
      </c>
      <c r="C10232" s="1" t="s">
        <v>8</v>
      </c>
      <c r="D10232" s="1" t="s">
        <v>39309</v>
      </c>
      <c r="E10232" s="1" t="s">
        <v>39310</v>
      </c>
      <c r="F10232" s="1" t="s">
        <v>39311</v>
      </c>
      <c r="G10232" s="1" t="s">
        <v>39312</v>
      </c>
      <c r="H10232" s="1" t="s">
        <v>39313</v>
      </c>
      <c r="I10232" s="1" t="s">
        <v>38915</v>
      </c>
      <c r="J10232" s="1" t="s">
        <v>13</v>
      </c>
    </row>
    <row r="10233" spans="1:10" x14ac:dyDescent="0.35">
      <c r="A10233" s="1" t="s">
        <v>39308</v>
      </c>
      <c r="B10233" s="1" t="s">
        <v>38909</v>
      </c>
      <c r="C10233" s="1" t="s">
        <v>15</v>
      </c>
      <c r="D10233" s="1" t="s">
        <v>39314</v>
      </c>
      <c r="E10233" s="1" t="s">
        <v>39315</v>
      </c>
      <c r="F10233" s="1" t="s">
        <v>39316</v>
      </c>
      <c r="G10233" s="1" t="s">
        <v>39312</v>
      </c>
      <c r="H10233" s="1" t="s">
        <v>39313</v>
      </c>
      <c r="I10233" s="1" t="s">
        <v>38915</v>
      </c>
      <c r="J10233" s="1" t="s">
        <v>39317</v>
      </c>
    </row>
    <row r="10234" spans="1:10" x14ac:dyDescent="0.35">
      <c r="A10234" s="1" t="s">
        <v>39308</v>
      </c>
      <c r="B10234" s="1" t="s">
        <v>38909</v>
      </c>
      <c r="C10234" s="1" t="s">
        <v>20</v>
      </c>
      <c r="D10234" s="1" t="s">
        <v>39318</v>
      </c>
      <c r="E10234" s="1" t="s">
        <v>39319</v>
      </c>
      <c r="F10234" s="1" t="s">
        <v>39320</v>
      </c>
      <c r="G10234" s="1" t="s">
        <v>39312</v>
      </c>
      <c r="H10234" s="1" t="s">
        <v>39313</v>
      </c>
      <c r="I10234" s="1" t="s">
        <v>38915</v>
      </c>
      <c r="J10234" s="1" t="s">
        <v>39321</v>
      </c>
    </row>
    <row r="10235" spans="1:10" x14ac:dyDescent="0.35">
      <c r="A10235" s="1" t="s">
        <v>39308</v>
      </c>
      <c r="B10235" s="1" t="s">
        <v>38909</v>
      </c>
      <c r="C10235" s="1" t="s">
        <v>25</v>
      </c>
      <c r="D10235" s="1" t="s">
        <v>39322</v>
      </c>
      <c r="E10235" s="1" t="s">
        <v>39323</v>
      </c>
      <c r="F10235" s="1" t="s">
        <v>39324</v>
      </c>
      <c r="G10235" s="1" t="s">
        <v>39312</v>
      </c>
      <c r="H10235" s="1" t="s">
        <v>39313</v>
      </c>
      <c r="I10235" s="1" t="s">
        <v>38915</v>
      </c>
      <c r="J10235" s="1" t="s">
        <v>39325</v>
      </c>
    </row>
    <row r="10236" spans="1:10" x14ac:dyDescent="0.35">
      <c r="A10236" s="1" t="s">
        <v>39308</v>
      </c>
      <c r="B10236" s="1" t="s">
        <v>38909</v>
      </c>
      <c r="C10236" s="1" t="s">
        <v>30</v>
      </c>
      <c r="D10236" s="1" t="s">
        <v>39326</v>
      </c>
      <c r="E10236" s="1" t="s">
        <v>39327</v>
      </c>
      <c r="F10236" s="1" t="s">
        <v>39328</v>
      </c>
      <c r="G10236" s="1" t="s">
        <v>39312</v>
      </c>
      <c r="H10236" s="1" t="s">
        <v>39313</v>
      </c>
      <c r="I10236" s="1" t="s">
        <v>38915</v>
      </c>
      <c r="J10236" s="1" t="s">
        <v>39329</v>
      </c>
    </row>
    <row r="10237" spans="1:10" x14ac:dyDescent="0.35">
      <c r="A10237" s="1" t="s">
        <v>39308</v>
      </c>
      <c r="B10237" s="1" t="s">
        <v>38909</v>
      </c>
      <c r="C10237" s="1" t="s">
        <v>35</v>
      </c>
      <c r="D10237" s="1" t="s">
        <v>39330</v>
      </c>
      <c r="E10237" s="1" t="s">
        <v>39331</v>
      </c>
      <c r="F10237" s="1" t="s">
        <v>39332</v>
      </c>
      <c r="G10237" s="1" t="s">
        <v>39312</v>
      </c>
      <c r="H10237" s="1" t="s">
        <v>39313</v>
      </c>
      <c r="I10237" s="1" t="s">
        <v>38915</v>
      </c>
      <c r="J10237" s="1" t="s">
        <v>39333</v>
      </c>
    </row>
    <row r="10238" spans="1:10" x14ac:dyDescent="0.35">
      <c r="A10238" s="1" t="s">
        <v>39308</v>
      </c>
      <c r="B10238" s="1" t="s">
        <v>38909</v>
      </c>
      <c r="C10238" s="1" t="s">
        <v>40</v>
      </c>
      <c r="D10238" s="1" t="s">
        <v>39334</v>
      </c>
      <c r="E10238" s="1" t="s">
        <v>39335</v>
      </c>
      <c r="F10238" s="1" t="s">
        <v>39336</v>
      </c>
      <c r="G10238" s="1" t="s">
        <v>39312</v>
      </c>
      <c r="H10238" s="1" t="s">
        <v>39313</v>
      </c>
      <c r="I10238" s="1" t="s">
        <v>38915</v>
      </c>
      <c r="J10238" s="1" t="s">
        <v>39337</v>
      </c>
    </row>
    <row r="10239" spans="1:10" x14ac:dyDescent="0.35">
      <c r="A10239" s="1" t="s">
        <v>39308</v>
      </c>
      <c r="B10239" s="1" t="s">
        <v>38909</v>
      </c>
      <c r="C10239" s="1" t="s">
        <v>45</v>
      </c>
      <c r="D10239" s="1" t="s">
        <v>39338</v>
      </c>
      <c r="E10239" s="1" t="s">
        <v>39339</v>
      </c>
      <c r="F10239" s="1" t="s">
        <v>39340</v>
      </c>
      <c r="G10239" s="1" t="s">
        <v>39312</v>
      </c>
      <c r="H10239" s="1" t="s">
        <v>39313</v>
      </c>
      <c r="I10239" s="1" t="s">
        <v>38915</v>
      </c>
      <c r="J10239" s="1" t="s">
        <v>39341</v>
      </c>
    </row>
    <row r="10240" spans="1:10" x14ac:dyDescent="0.35">
      <c r="A10240" s="1" t="s">
        <v>39308</v>
      </c>
      <c r="B10240" s="1" t="s">
        <v>38909</v>
      </c>
      <c r="C10240" s="1" t="s">
        <v>50</v>
      </c>
      <c r="D10240" s="1" t="s">
        <v>39342</v>
      </c>
      <c r="E10240" s="1" t="s">
        <v>39343</v>
      </c>
      <c r="F10240" s="1" t="s">
        <v>39344</v>
      </c>
      <c r="G10240" s="1" t="s">
        <v>39312</v>
      </c>
      <c r="H10240" s="1" t="s">
        <v>39313</v>
      </c>
      <c r="I10240" s="1" t="s">
        <v>38915</v>
      </c>
      <c r="J10240" s="1" t="s">
        <v>39345</v>
      </c>
    </row>
    <row r="10241" spans="1:10" x14ac:dyDescent="0.35">
      <c r="A10241" s="1" t="s">
        <v>39308</v>
      </c>
      <c r="B10241" s="1" t="s">
        <v>38909</v>
      </c>
      <c r="C10241" s="1" t="s">
        <v>55</v>
      </c>
      <c r="D10241" s="1" t="s">
        <v>39346</v>
      </c>
      <c r="E10241" s="1" t="s">
        <v>39347</v>
      </c>
      <c r="F10241" s="1" t="s">
        <v>39348</v>
      </c>
      <c r="G10241" s="1" t="s">
        <v>39312</v>
      </c>
      <c r="H10241" s="1" t="s">
        <v>39313</v>
      </c>
      <c r="I10241" s="1" t="s">
        <v>38915</v>
      </c>
      <c r="J10241" s="1" t="s">
        <v>39349</v>
      </c>
    </row>
    <row r="10242" spans="1:10" x14ac:dyDescent="0.35">
      <c r="A10242" s="1" t="s">
        <v>39308</v>
      </c>
      <c r="B10242" s="1" t="s">
        <v>38909</v>
      </c>
      <c r="C10242" s="1" t="s">
        <v>60</v>
      </c>
      <c r="D10242" s="1" t="s">
        <v>39350</v>
      </c>
      <c r="E10242" s="1" t="s">
        <v>39351</v>
      </c>
      <c r="F10242" s="1" t="s">
        <v>39352</v>
      </c>
      <c r="G10242" s="1" t="s">
        <v>39312</v>
      </c>
      <c r="H10242" s="1" t="s">
        <v>39313</v>
      </c>
      <c r="I10242" s="1" t="s">
        <v>38915</v>
      </c>
      <c r="J10242" s="1" t="s">
        <v>39353</v>
      </c>
    </row>
    <row r="10243" spans="1:10" x14ac:dyDescent="0.35">
      <c r="A10243" s="1" t="s">
        <v>39308</v>
      </c>
      <c r="B10243" s="1" t="s">
        <v>38909</v>
      </c>
      <c r="C10243" s="1" t="s">
        <v>65</v>
      </c>
      <c r="D10243" s="1" t="s">
        <v>5899</v>
      </c>
      <c r="E10243" s="1" t="s">
        <v>39354</v>
      </c>
      <c r="F10243" s="1" t="s">
        <v>39355</v>
      </c>
      <c r="G10243" s="1" t="s">
        <v>39312</v>
      </c>
      <c r="H10243" s="1" t="s">
        <v>39313</v>
      </c>
      <c r="I10243" s="1" t="s">
        <v>38915</v>
      </c>
      <c r="J10243" s="1" t="s">
        <v>39356</v>
      </c>
    </row>
    <row r="10244" spans="1:10" x14ac:dyDescent="0.35">
      <c r="A10244" s="1" t="s">
        <v>39308</v>
      </c>
      <c r="B10244" s="1" t="s">
        <v>38909</v>
      </c>
      <c r="C10244" s="1" t="s">
        <v>70</v>
      </c>
      <c r="D10244" s="1" t="s">
        <v>39357</v>
      </c>
      <c r="E10244" s="1" t="s">
        <v>39358</v>
      </c>
      <c r="F10244" s="1" t="s">
        <v>39359</v>
      </c>
      <c r="G10244" s="1" t="s">
        <v>39312</v>
      </c>
      <c r="H10244" s="1" t="s">
        <v>39313</v>
      </c>
      <c r="I10244" s="1" t="s">
        <v>38915</v>
      </c>
      <c r="J10244" s="1" t="s">
        <v>39360</v>
      </c>
    </row>
    <row r="10245" spans="1:10" x14ac:dyDescent="0.35">
      <c r="A10245" s="1" t="s">
        <v>39308</v>
      </c>
      <c r="B10245" s="1" t="s">
        <v>38909</v>
      </c>
      <c r="C10245" s="1" t="s">
        <v>75</v>
      </c>
      <c r="D10245" s="1" t="s">
        <v>39361</v>
      </c>
      <c r="E10245" s="1" t="s">
        <v>39362</v>
      </c>
      <c r="F10245" s="1" t="s">
        <v>39363</v>
      </c>
      <c r="G10245" s="1" t="s">
        <v>39312</v>
      </c>
      <c r="H10245" s="1" t="s">
        <v>39313</v>
      </c>
      <c r="I10245" s="1" t="s">
        <v>38915</v>
      </c>
      <c r="J10245" s="1" t="s">
        <v>39364</v>
      </c>
    </row>
    <row r="10246" spans="1:10" x14ac:dyDescent="0.35">
      <c r="A10246" s="1" t="s">
        <v>39308</v>
      </c>
      <c r="B10246" s="1" t="s">
        <v>38909</v>
      </c>
      <c r="C10246" s="1" t="s">
        <v>80</v>
      </c>
      <c r="D10246" s="1" t="s">
        <v>39365</v>
      </c>
      <c r="E10246" s="1" t="s">
        <v>39366</v>
      </c>
      <c r="F10246" s="1" t="s">
        <v>39367</v>
      </c>
      <c r="G10246" s="1" t="s">
        <v>39312</v>
      </c>
      <c r="H10246" s="1" t="s">
        <v>39313</v>
      </c>
      <c r="I10246" s="1" t="s">
        <v>38915</v>
      </c>
      <c r="J10246" s="1" t="s">
        <v>39368</v>
      </c>
    </row>
    <row r="10247" spans="1:10" x14ac:dyDescent="0.35">
      <c r="A10247" s="1" t="s">
        <v>39308</v>
      </c>
      <c r="B10247" s="1" t="s">
        <v>38909</v>
      </c>
      <c r="C10247" s="1" t="s">
        <v>85</v>
      </c>
      <c r="D10247" s="1" t="s">
        <v>39369</v>
      </c>
      <c r="E10247" s="1" t="s">
        <v>39370</v>
      </c>
      <c r="F10247" s="1" t="s">
        <v>39371</v>
      </c>
      <c r="G10247" s="1" t="s">
        <v>39312</v>
      </c>
      <c r="H10247" s="1" t="s">
        <v>39313</v>
      </c>
      <c r="I10247" s="1" t="s">
        <v>38915</v>
      </c>
      <c r="J10247" s="1" t="s">
        <v>39372</v>
      </c>
    </row>
    <row r="10248" spans="1:10" x14ac:dyDescent="0.35">
      <c r="A10248" s="1" t="s">
        <v>39308</v>
      </c>
      <c r="B10248" s="1" t="s">
        <v>38909</v>
      </c>
      <c r="C10248" s="1" t="s">
        <v>90</v>
      </c>
      <c r="D10248" s="1" t="s">
        <v>39373</v>
      </c>
      <c r="E10248" s="1" t="s">
        <v>39374</v>
      </c>
      <c r="F10248" s="1" t="s">
        <v>39375</v>
      </c>
      <c r="G10248" s="1" t="s">
        <v>39312</v>
      </c>
      <c r="H10248" s="1" t="s">
        <v>39313</v>
      </c>
      <c r="I10248" s="1" t="s">
        <v>38915</v>
      </c>
      <c r="J10248" s="1" t="s">
        <v>39376</v>
      </c>
    </row>
    <row r="10249" spans="1:10" x14ac:dyDescent="0.35">
      <c r="A10249" s="1" t="s">
        <v>39308</v>
      </c>
      <c r="B10249" s="1" t="s">
        <v>38909</v>
      </c>
      <c r="C10249" s="1" t="s">
        <v>95</v>
      </c>
      <c r="D10249" s="1" t="s">
        <v>39377</v>
      </c>
      <c r="E10249" s="1" t="s">
        <v>39378</v>
      </c>
      <c r="F10249" s="1" t="s">
        <v>39379</v>
      </c>
      <c r="G10249" s="1" t="s">
        <v>39312</v>
      </c>
      <c r="H10249" s="1" t="s">
        <v>39313</v>
      </c>
      <c r="I10249" s="1" t="s">
        <v>38915</v>
      </c>
      <c r="J10249" s="1" t="s">
        <v>39380</v>
      </c>
    </row>
    <row r="10250" spans="1:10" x14ac:dyDescent="0.35">
      <c r="A10250" s="1" t="s">
        <v>39308</v>
      </c>
      <c r="B10250" s="1" t="s">
        <v>38909</v>
      </c>
      <c r="C10250" s="1" t="s">
        <v>100</v>
      </c>
      <c r="D10250" s="1" t="s">
        <v>39381</v>
      </c>
      <c r="E10250" s="1" t="s">
        <v>39382</v>
      </c>
      <c r="F10250" s="1" t="s">
        <v>39383</v>
      </c>
      <c r="G10250" s="1" t="s">
        <v>39312</v>
      </c>
      <c r="H10250" s="1" t="s">
        <v>39313</v>
      </c>
      <c r="I10250" s="1" t="s">
        <v>38915</v>
      </c>
      <c r="J10250" s="1" t="s">
        <v>39384</v>
      </c>
    </row>
    <row r="10251" spans="1:10" x14ac:dyDescent="0.35">
      <c r="A10251" s="1" t="s">
        <v>39308</v>
      </c>
      <c r="B10251" s="1" t="s">
        <v>38909</v>
      </c>
      <c r="C10251" s="1" t="s">
        <v>105</v>
      </c>
      <c r="D10251" s="1" t="s">
        <v>39385</v>
      </c>
      <c r="E10251" s="1" t="s">
        <v>39386</v>
      </c>
      <c r="F10251" s="1" t="s">
        <v>39387</v>
      </c>
      <c r="G10251" s="1" t="s">
        <v>39312</v>
      </c>
      <c r="H10251" s="1" t="s">
        <v>39313</v>
      </c>
      <c r="I10251" s="1" t="s">
        <v>38915</v>
      </c>
      <c r="J10251" s="1" t="s">
        <v>39388</v>
      </c>
    </row>
    <row r="10252" spans="1:10" x14ac:dyDescent="0.35">
      <c r="A10252" s="1" t="s">
        <v>39308</v>
      </c>
      <c r="B10252" s="1" t="s">
        <v>38909</v>
      </c>
      <c r="C10252" s="1" t="s">
        <v>110</v>
      </c>
      <c r="D10252" s="1" t="s">
        <v>39389</v>
      </c>
      <c r="E10252" s="1" t="s">
        <v>39390</v>
      </c>
      <c r="F10252" s="1" t="s">
        <v>39391</v>
      </c>
      <c r="G10252" s="1" t="s">
        <v>39312</v>
      </c>
      <c r="H10252" s="1" t="s">
        <v>39313</v>
      </c>
      <c r="I10252" s="1" t="s">
        <v>38915</v>
      </c>
      <c r="J10252" s="1" t="s">
        <v>39392</v>
      </c>
    </row>
    <row r="10253" spans="1:10" x14ac:dyDescent="0.35">
      <c r="A10253" s="1" t="s">
        <v>39308</v>
      </c>
      <c r="B10253" s="1" t="s">
        <v>38909</v>
      </c>
      <c r="C10253" s="1" t="s">
        <v>115</v>
      </c>
      <c r="D10253" s="1" t="s">
        <v>39393</v>
      </c>
      <c r="E10253" s="1" t="s">
        <v>39394</v>
      </c>
      <c r="F10253" s="1" t="s">
        <v>39395</v>
      </c>
      <c r="G10253" s="1" t="s">
        <v>39312</v>
      </c>
      <c r="H10253" s="1" t="s">
        <v>39313</v>
      </c>
      <c r="I10253" s="1" t="s">
        <v>38915</v>
      </c>
      <c r="J10253" s="1" t="s">
        <v>39396</v>
      </c>
    </row>
    <row r="10254" spans="1:10" x14ac:dyDescent="0.35">
      <c r="A10254" s="1" t="s">
        <v>39308</v>
      </c>
      <c r="B10254" s="1" t="s">
        <v>38909</v>
      </c>
      <c r="C10254" s="1" t="s">
        <v>120</v>
      </c>
      <c r="D10254" s="1" t="s">
        <v>39397</v>
      </c>
      <c r="E10254" s="1" t="s">
        <v>39398</v>
      </c>
      <c r="F10254" s="1" t="s">
        <v>39399</v>
      </c>
      <c r="G10254" s="1" t="s">
        <v>39312</v>
      </c>
      <c r="H10254" s="1" t="s">
        <v>39313</v>
      </c>
      <c r="I10254" s="1" t="s">
        <v>38915</v>
      </c>
      <c r="J10254" s="1" t="s">
        <v>39400</v>
      </c>
    </row>
    <row r="10255" spans="1:10" x14ac:dyDescent="0.35">
      <c r="A10255" s="1" t="s">
        <v>39308</v>
      </c>
      <c r="B10255" s="1" t="s">
        <v>38909</v>
      </c>
      <c r="C10255" s="1" t="s">
        <v>125</v>
      </c>
      <c r="D10255" s="1" t="s">
        <v>39401</v>
      </c>
      <c r="E10255" s="1" t="s">
        <v>39402</v>
      </c>
      <c r="F10255" s="1" t="s">
        <v>39403</v>
      </c>
      <c r="G10255" s="1" t="s">
        <v>39312</v>
      </c>
      <c r="H10255" s="1" t="s">
        <v>39313</v>
      </c>
      <c r="I10255" s="1" t="s">
        <v>38915</v>
      </c>
      <c r="J10255" s="1" t="s">
        <v>39404</v>
      </c>
    </row>
    <row r="10256" spans="1:10" x14ac:dyDescent="0.35">
      <c r="A10256" s="1" t="s">
        <v>39308</v>
      </c>
      <c r="B10256" s="1" t="s">
        <v>38909</v>
      </c>
      <c r="C10256" s="1" t="s">
        <v>130</v>
      </c>
      <c r="D10256" s="1" t="s">
        <v>39405</v>
      </c>
      <c r="E10256" s="1" t="s">
        <v>39406</v>
      </c>
      <c r="F10256" s="1" t="s">
        <v>39407</v>
      </c>
      <c r="G10256" s="1" t="s">
        <v>39312</v>
      </c>
      <c r="H10256" s="1" t="s">
        <v>39313</v>
      </c>
      <c r="I10256" s="1" t="s">
        <v>38915</v>
      </c>
      <c r="J10256" s="1" t="s">
        <v>39408</v>
      </c>
    </row>
    <row r="10257" spans="1:10" x14ac:dyDescent="0.35">
      <c r="A10257" s="1" t="s">
        <v>39308</v>
      </c>
      <c r="B10257" s="1" t="s">
        <v>38909</v>
      </c>
      <c r="C10257" s="1" t="s">
        <v>135</v>
      </c>
      <c r="D10257" s="1" t="s">
        <v>39409</v>
      </c>
      <c r="E10257" s="1" t="s">
        <v>39410</v>
      </c>
      <c r="F10257" s="1" t="s">
        <v>39411</v>
      </c>
      <c r="G10257" s="1" t="s">
        <v>39312</v>
      </c>
      <c r="H10257" s="1" t="s">
        <v>39313</v>
      </c>
      <c r="I10257" s="1" t="s">
        <v>38915</v>
      </c>
      <c r="J10257" s="1" t="s">
        <v>39412</v>
      </c>
    </row>
    <row r="10258" spans="1:10" x14ac:dyDescent="0.35">
      <c r="A10258" s="1" t="s">
        <v>39308</v>
      </c>
      <c r="B10258" s="1" t="s">
        <v>38909</v>
      </c>
      <c r="C10258" s="1" t="s">
        <v>140</v>
      </c>
      <c r="D10258" s="1" t="s">
        <v>39413</v>
      </c>
      <c r="E10258" s="1" t="s">
        <v>39414</v>
      </c>
      <c r="F10258" s="1" t="s">
        <v>39415</v>
      </c>
      <c r="G10258" s="1" t="s">
        <v>39312</v>
      </c>
      <c r="H10258" s="1" t="s">
        <v>39313</v>
      </c>
      <c r="I10258" s="1" t="s">
        <v>38915</v>
      </c>
      <c r="J10258" s="1" t="s">
        <v>39416</v>
      </c>
    </row>
    <row r="10259" spans="1:10" x14ac:dyDescent="0.35">
      <c r="A10259" s="1" t="s">
        <v>39308</v>
      </c>
      <c r="B10259" s="1" t="s">
        <v>38909</v>
      </c>
      <c r="C10259" s="1" t="s">
        <v>145</v>
      </c>
      <c r="D10259" s="1" t="s">
        <v>39417</v>
      </c>
      <c r="E10259" s="1" t="s">
        <v>39418</v>
      </c>
      <c r="F10259" s="1" t="s">
        <v>39419</v>
      </c>
      <c r="G10259" s="1" t="s">
        <v>39312</v>
      </c>
      <c r="H10259" s="1" t="s">
        <v>39313</v>
      </c>
      <c r="I10259" s="1" t="s">
        <v>38915</v>
      </c>
      <c r="J10259" s="1" t="s">
        <v>39420</v>
      </c>
    </row>
    <row r="10260" spans="1:10" x14ac:dyDescent="0.35">
      <c r="A10260" s="1" t="s">
        <v>39308</v>
      </c>
      <c r="B10260" s="1" t="s">
        <v>38909</v>
      </c>
      <c r="C10260" s="1" t="s">
        <v>150</v>
      </c>
      <c r="D10260" s="1" t="s">
        <v>39421</v>
      </c>
      <c r="E10260" s="1" t="s">
        <v>39422</v>
      </c>
      <c r="F10260" s="1" t="s">
        <v>39423</v>
      </c>
      <c r="G10260" s="1" t="s">
        <v>39312</v>
      </c>
      <c r="H10260" s="1" t="s">
        <v>39313</v>
      </c>
      <c r="I10260" s="1" t="s">
        <v>38915</v>
      </c>
      <c r="J10260" s="1" t="s">
        <v>39424</v>
      </c>
    </row>
    <row r="10261" spans="1:10" x14ac:dyDescent="0.35">
      <c r="A10261" s="1" t="s">
        <v>39308</v>
      </c>
      <c r="B10261" s="1" t="s">
        <v>38909</v>
      </c>
      <c r="C10261" s="1" t="s">
        <v>155</v>
      </c>
      <c r="D10261" s="1" t="s">
        <v>39425</v>
      </c>
      <c r="E10261" s="1" t="s">
        <v>39426</v>
      </c>
      <c r="F10261" s="1" t="s">
        <v>39427</v>
      </c>
      <c r="G10261" s="1" t="s">
        <v>39312</v>
      </c>
      <c r="H10261" s="1" t="s">
        <v>39313</v>
      </c>
      <c r="I10261" s="1" t="s">
        <v>38915</v>
      </c>
      <c r="J10261" s="1" t="s">
        <v>39428</v>
      </c>
    </row>
    <row r="10262" spans="1:10" x14ac:dyDescent="0.35">
      <c r="A10262" s="1" t="s">
        <v>39308</v>
      </c>
      <c r="B10262" s="1" t="s">
        <v>38909</v>
      </c>
      <c r="C10262" s="1" t="s">
        <v>160</v>
      </c>
      <c r="D10262" s="1" t="s">
        <v>39429</v>
      </c>
      <c r="E10262" s="1" t="s">
        <v>39430</v>
      </c>
      <c r="F10262" s="1" t="s">
        <v>39431</v>
      </c>
      <c r="G10262" s="1" t="s">
        <v>39312</v>
      </c>
      <c r="H10262" s="1" t="s">
        <v>39313</v>
      </c>
      <c r="I10262" s="1" t="s">
        <v>38915</v>
      </c>
      <c r="J10262" s="1" t="s">
        <v>39432</v>
      </c>
    </row>
    <row r="10263" spans="1:10" x14ac:dyDescent="0.35">
      <c r="A10263" s="1" t="s">
        <v>39308</v>
      </c>
      <c r="B10263" s="1" t="s">
        <v>38909</v>
      </c>
      <c r="C10263" s="1" t="s">
        <v>165</v>
      </c>
      <c r="D10263" s="1" t="s">
        <v>22221</v>
      </c>
      <c r="E10263" s="1" t="s">
        <v>39433</v>
      </c>
      <c r="F10263" s="1" t="s">
        <v>39434</v>
      </c>
      <c r="G10263" s="1" t="s">
        <v>39312</v>
      </c>
      <c r="H10263" s="1" t="s">
        <v>39313</v>
      </c>
      <c r="I10263" s="1" t="s">
        <v>38915</v>
      </c>
      <c r="J10263" s="1" t="s">
        <v>39435</v>
      </c>
    </row>
    <row r="10264" spans="1:10" x14ac:dyDescent="0.35">
      <c r="A10264" s="1" t="s">
        <v>39308</v>
      </c>
      <c r="B10264" s="1" t="s">
        <v>38909</v>
      </c>
      <c r="C10264" s="1" t="s">
        <v>170</v>
      </c>
      <c r="D10264" s="1" t="s">
        <v>39436</v>
      </c>
      <c r="E10264" s="1" t="s">
        <v>39437</v>
      </c>
      <c r="F10264" s="1" t="s">
        <v>39438</v>
      </c>
      <c r="G10264" s="1" t="s">
        <v>39312</v>
      </c>
      <c r="H10264" s="1" t="s">
        <v>39313</v>
      </c>
      <c r="I10264" s="1" t="s">
        <v>38915</v>
      </c>
      <c r="J10264" s="1" t="s">
        <v>39439</v>
      </c>
    </row>
    <row r="10265" spans="1:10" x14ac:dyDescent="0.35">
      <c r="A10265" s="1" t="s">
        <v>39440</v>
      </c>
      <c r="B10265" s="1" t="s">
        <v>38909</v>
      </c>
      <c r="C10265" s="1" t="s">
        <v>8</v>
      </c>
      <c r="D10265" s="1" t="s">
        <v>39441</v>
      </c>
      <c r="E10265" s="1" t="s">
        <v>39442</v>
      </c>
      <c r="F10265" s="1" t="s">
        <v>39443</v>
      </c>
      <c r="G10265" s="1" t="s">
        <v>39444</v>
      </c>
      <c r="H10265" s="1" t="s">
        <v>39445</v>
      </c>
      <c r="I10265" s="1" t="s">
        <v>38915</v>
      </c>
      <c r="J10265" s="1" t="s">
        <v>13</v>
      </c>
    </row>
    <row r="10266" spans="1:10" x14ac:dyDescent="0.35">
      <c r="A10266" s="1" t="s">
        <v>39440</v>
      </c>
      <c r="B10266" s="1" t="s">
        <v>38909</v>
      </c>
      <c r="C10266" s="1" t="s">
        <v>15</v>
      </c>
      <c r="D10266" s="1" t="s">
        <v>17264</v>
      </c>
      <c r="E10266" s="1" t="s">
        <v>39446</v>
      </c>
      <c r="F10266" s="1" t="s">
        <v>39447</v>
      </c>
      <c r="G10266" s="1" t="s">
        <v>39444</v>
      </c>
      <c r="H10266" s="1" t="s">
        <v>39445</v>
      </c>
      <c r="I10266" s="1" t="s">
        <v>38915</v>
      </c>
      <c r="J10266" s="1" t="s">
        <v>39448</v>
      </c>
    </row>
    <row r="10267" spans="1:10" x14ac:dyDescent="0.35">
      <c r="A10267" s="1" t="s">
        <v>39440</v>
      </c>
      <c r="B10267" s="1" t="s">
        <v>38909</v>
      </c>
      <c r="C10267" s="1" t="s">
        <v>20</v>
      </c>
      <c r="D10267" s="1" t="s">
        <v>39449</v>
      </c>
      <c r="E10267" s="1" t="s">
        <v>39450</v>
      </c>
      <c r="F10267" s="1" t="s">
        <v>39451</v>
      </c>
      <c r="G10267" s="1" t="s">
        <v>39444</v>
      </c>
      <c r="H10267" s="1" t="s">
        <v>39445</v>
      </c>
      <c r="I10267" s="1" t="s">
        <v>38915</v>
      </c>
      <c r="J10267" s="1" t="s">
        <v>39452</v>
      </c>
    </row>
    <row r="10268" spans="1:10" x14ac:dyDescent="0.35">
      <c r="A10268" s="1" t="s">
        <v>39440</v>
      </c>
      <c r="B10268" s="1" t="s">
        <v>38909</v>
      </c>
      <c r="C10268" s="1" t="s">
        <v>25</v>
      </c>
      <c r="D10268" s="1" t="s">
        <v>39453</v>
      </c>
      <c r="E10268" s="1" t="s">
        <v>39454</v>
      </c>
      <c r="F10268" s="1" t="s">
        <v>39455</v>
      </c>
      <c r="G10268" s="1" t="s">
        <v>39444</v>
      </c>
      <c r="H10268" s="1" t="s">
        <v>39445</v>
      </c>
      <c r="I10268" s="1" t="s">
        <v>38915</v>
      </c>
      <c r="J10268" s="1" t="s">
        <v>39456</v>
      </c>
    </row>
    <row r="10269" spans="1:10" x14ac:dyDescent="0.35">
      <c r="A10269" s="1" t="s">
        <v>39440</v>
      </c>
      <c r="B10269" s="1" t="s">
        <v>38909</v>
      </c>
      <c r="C10269" s="1" t="s">
        <v>30</v>
      </c>
      <c r="D10269" s="1" t="s">
        <v>39457</v>
      </c>
      <c r="E10269" s="1" t="s">
        <v>39458</v>
      </c>
      <c r="F10269" s="1" t="s">
        <v>39459</v>
      </c>
      <c r="G10269" s="1" t="s">
        <v>39444</v>
      </c>
      <c r="H10269" s="1" t="s">
        <v>39445</v>
      </c>
      <c r="I10269" s="1" t="s">
        <v>38915</v>
      </c>
      <c r="J10269" s="1" t="s">
        <v>39460</v>
      </c>
    </row>
    <row r="10270" spans="1:10" x14ac:dyDescent="0.35">
      <c r="A10270" s="1" t="s">
        <v>39440</v>
      </c>
      <c r="B10270" s="1" t="s">
        <v>38909</v>
      </c>
      <c r="C10270" s="1" t="s">
        <v>35</v>
      </c>
      <c r="D10270" s="1" t="s">
        <v>17072</v>
      </c>
      <c r="E10270" s="1" t="s">
        <v>39461</v>
      </c>
      <c r="F10270" s="1" t="s">
        <v>39462</v>
      </c>
      <c r="G10270" s="1" t="s">
        <v>39444</v>
      </c>
      <c r="H10270" s="1" t="s">
        <v>39445</v>
      </c>
      <c r="I10270" s="1" t="s">
        <v>38915</v>
      </c>
      <c r="J10270" s="1" t="s">
        <v>39463</v>
      </c>
    </row>
    <row r="10271" spans="1:10" x14ac:dyDescent="0.35">
      <c r="A10271" s="1" t="s">
        <v>39440</v>
      </c>
      <c r="B10271" s="1" t="s">
        <v>38909</v>
      </c>
      <c r="C10271" s="1" t="s">
        <v>40</v>
      </c>
      <c r="D10271" s="1" t="s">
        <v>39464</v>
      </c>
      <c r="E10271" s="1" t="s">
        <v>39465</v>
      </c>
      <c r="F10271" s="1" t="s">
        <v>39466</v>
      </c>
      <c r="G10271" s="1" t="s">
        <v>39444</v>
      </c>
      <c r="H10271" s="1" t="s">
        <v>39445</v>
      </c>
      <c r="I10271" s="1" t="s">
        <v>38915</v>
      </c>
      <c r="J10271" s="1" t="s">
        <v>39467</v>
      </c>
    </row>
    <row r="10272" spans="1:10" x14ac:dyDescent="0.35">
      <c r="A10272" s="1" t="s">
        <v>39440</v>
      </c>
      <c r="B10272" s="1" t="s">
        <v>38909</v>
      </c>
      <c r="C10272" s="1" t="s">
        <v>45</v>
      </c>
      <c r="D10272" s="1" t="s">
        <v>39468</v>
      </c>
      <c r="E10272" s="1" t="s">
        <v>39469</v>
      </c>
      <c r="F10272" s="1" t="s">
        <v>39470</v>
      </c>
      <c r="G10272" s="1" t="s">
        <v>39444</v>
      </c>
      <c r="H10272" s="1" t="s">
        <v>39445</v>
      </c>
      <c r="I10272" s="1" t="s">
        <v>38915</v>
      </c>
      <c r="J10272" s="1" t="s">
        <v>39471</v>
      </c>
    </row>
    <row r="10273" spans="1:10" x14ac:dyDescent="0.35">
      <c r="A10273" s="1" t="s">
        <v>39440</v>
      </c>
      <c r="B10273" s="1" t="s">
        <v>38909</v>
      </c>
      <c r="C10273" s="1" t="s">
        <v>50</v>
      </c>
      <c r="D10273" s="1" t="s">
        <v>39472</v>
      </c>
      <c r="E10273" s="1" t="s">
        <v>39473</v>
      </c>
      <c r="F10273" s="1" t="s">
        <v>39474</v>
      </c>
      <c r="G10273" s="1" t="s">
        <v>39444</v>
      </c>
      <c r="H10273" s="1" t="s">
        <v>39445</v>
      </c>
      <c r="I10273" s="1" t="s">
        <v>38915</v>
      </c>
      <c r="J10273" s="1" t="s">
        <v>39475</v>
      </c>
    </row>
    <row r="10274" spans="1:10" x14ac:dyDescent="0.35">
      <c r="A10274" s="1" t="s">
        <v>39440</v>
      </c>
      <c r="B10274" s="1" t="s">
        <v>38909</v>
      </c>
      <c r="C10274" s="1" t="s">
        <v>55</v>
      </c>
      <c r="D10274" s="1" t="s">
        <v>39476</v>
      </c>
      <c r="E10274" s="1" t="s">
        <v>39477</v>
      </c>
      <c r="F10274" s="1" t="s">
        <v>39478</v>
      </c>
      <c r="G10274" s="1" t="s">
        <v>39444</v>
      </c>
      <c r="H10274" s="1" t="s">
        <v>39445</v>
      </c>
      <c r="I10274" s="1" t="s">
        <v>38915</v>
      </c>
      <c r="J10274" s="1" t="s">
        <v>39479</v>
      </c>
    </row>
    <row r="10275" spans="1:10" x14ac:dyDescent="0.35">
      <c r="A10275" s="1" t="s">
        <v>39440</v>
      </c>
      <c r="B10275" s="1" t="s">
        <v>38909</v>
      </c>
      <c r="C10275" s="1" t="s">
        <v>60</v>
      </c>
      <c r="D10275" s="1" t="s">
        <v>39480</v>
      </c>
      <c r="E10275" s="1" t="s">
        <v>39481</v>
      </c>
      <c r="F10275" s="1" t="s">
        <v>39482</v>
      </c>
      <c r="G10275" s="1" t="s">
        <v>39444</v>
      </c>
      <c r="H10275" s="1" t="s">
        <v>39445</v>
      </c>
      <c r="I10275" s="1" t="s">
        <v>38915</v>
      </c>
      <c r="J10275" s="1" t="s">
        <v>39483</v>
      </c>
    </row>
    <row r="10276" spans="1:10" x14ac:dyDescent="0.35">
      <c r="A10276" s="1" t="s">
        <v>39440</v>
      </c>
      <c r="B10276" s="1" t="s">
        <v>38909</v>
      </c>
      <c r="C10276" s="1" t="s">
        <v>65</v>
      </c>
      <c r="D10276" s="1" t="s">
        <v>39484</v>
      </c>
      <c r="E10276" s="1" t="s">
        <v>39485</v>
      </c>
      <c r="F10276" s="1" t="s">
        <v>39486</v>
      </c>
      <c r="G10276" s="1" t="s">
        <v>39444</v>
      </c>
      <c r="H10276" s="1" t="s">
        <v>39445</v>
      </c>
      <c r="I10276" s="1" t="s">
        <v>38915</v>
      </c>
      <c r="J10276" s="1" t="s">
        <v>39487</v>
      </c>
    </row>
    <row r="10277" spans="1:10" x14ac:dyDescent="0.35">
      <c r="A10277" s="1" t="s">
        <v>39440</v>
      </c>
      <c r="B10277" s="1" t="s">
        <v>38909</v>
      </c>
      <c r="C10277" s="1" t="s">
        <v>70</v>
      </c>
      <c r="D10277" s="1" t="s">
        <v>39488</v>
      </c>
      <c r="E10277" s="1" t="s">
        <v>39489</v>
      </c>
      <c r="F10277" s="1" t="s">
        <v>39490</v>
      </c>
      <c r="G10277" s="1" t="s">
        <v>39444</v>
      </c>
      <c r="H10277" s="1" t="s">
        <v>39445</v>
      </c>
      <c r="I10277" s="1" t="s">
        <v>38915</v>
      </c>
      <c r="J10277" s="1" t="s">
        <v>39491</v>
      </c>
    </row>
    <row r="10278" spans="1:10" x14ac:dyDescent="0.35">
      <c r="A10278" s="1" t="s">
        <v>39440</v>
      </c>
      <c r="B10278" s="1" t="s">
        <v>38909</v>
      </c>
      <c r="C10278" s="1" t="s">
        <v>75</v>
      </c>
      <c r="D10278" s="1" t="s">
        <v>39492</v>
      </c>
      <c r="E10278" s="1" t="s">
        <v>39493</v>
      </c>
      <c r="F10278" s="1" t="s">
        <v>39494</v>
      </c>
      <c r="G10278" s="1" t="s">
        <v>39444</v>
      </c>
      <c r="H10278" s="1" t="s">
        <v>39445</v>
      </c>
      <c r="I10278" s="1" t="s">
        <v>38915</v>
      </c>
      <c r="J10278" s="1" t="s">
        <v>39495</v>
      </c>
    </row>
    <row r="10279" spans="1:10" x14ac:dyDescent="0.35">
      <c r="A10279" s="1" t="s">
        <v>39440</v>
      </c>
      <c r="B10279" s="1" t="s">
        <v>38909</v>
      </c>
      <c r="C10279" s="1" t="s">
        <v>80</v>
      </c>
      <c r="D10279" s="1" t="s">
        <v>39496</v>
      </c>
      <c r="E10279" s="1" t="s">
        <v>39497</v>
      </c>
      <c r="F10279" s="1" t="s">
        <v>39498</v>
      </c>
      <c r="G10279" s="1" t="s">
        <v>39444</v>
      </c>
      <c r="H10279" s="1" t="s">
        <v>39445</v>
      </c>
      <c r="I10279" s="1" t="s">
        <v>38915</v>
      </c>
      <c r="J10279" s="1" t="s">
        <v>39499</v>
      </c>
    </row>
    <row r="10280" spans="1:10" x14ac:dyDescent="0.35">
      <c r="A10280" s="1" t="s">
        <v>39440</v>
      </c>
      <c r="B10280" s="1" t="s">
        <v>38909</v>
      </c>
      <c r="C10280" s="1" t="s">
        <v>85</v>
      </c>
      <c r="D10280" s="1" t="s">
        <v>39500</v>
      </c>
      <c r="E10280" s="1" t="s">
        <v>39501</v>
      </c>
      <c r="F10280" s="1" t="s">
        <v>39502</v>
      </c>
      <c r="G10280" s="1" t="s">
        <v>39444</v>
      </c>
      <c r="H10280" s="1" t="s">
        <v>39445</v>
      </c>
      <c r="I10280" s="1" t="s">
        <v>38915</v>
      </c>
      <c r="J10280" s="1" t="s">
        <v>39503</v>
      </c>
    </row>
    <row r="10281" spans="1:10" x14ac:dyDescent="0.35">
      <c r="A10281" s="1" t="s">
        <v>39440</v>
      </c>
      <c r="B10281" s="1" t="s">
        <v>38909</v>
      </c>
      <c r="C10281" s="1" t="s">
        <v>90</v>
      </c>
      <c r="D10281" s="1" t="s">
        <v>39504</v>
      </c>
      <c r="E10281" s="1" t="s">
        <v>39505</v>
      </c>
      <c r="F10281" s="1" t="s">
        <v>39506</v>
      </c>
      <c r="G10281" s="1" t="s">
        <v>39444</v>
      </c>
      <c r="H10281" s="1" t="s">
        <v>39445</v>
      </c>
      <c r="I10281" s="1" t="s">
        <v>38915</v>
      </c>
      <c r="J10281" s="1" t="s">
        <v>39507</v>
      </c>
    </row>
    <row r="10282" spans="1:10" x14ac:dyDescent="0.35">
      <c r="A10282" s="1" t="s">
        <v>39440</v>
      </c>
      <c r="B10282" s="1" t="s">
        <v>38909</v>
      </c>
      <c r="C10282" s="1" t="s">
        <v>95</v>
      </c>
      <c r="D10282" s="1" t="s">
        <v>39508</v>
      </c>
      <c r="E10282" s="1" t="s">
        <v>39509</v>
      </c>
      <c r="F10282" s="1" t="s">
        <v>39510</v>
      </c>
      <c r="G10282" s="1" t="s">
        <v>39444</v>
      </c>
      <c r="H10282" s="1" t="s">
        <v>39445</v>
      </c>
      <c r="I10282" s="1" t="s">
        <v>38915</v>
      </c>
      <c r="J10282" s="1" t="s">
        <v>39511</v>
      </c>
    </row>
    <row r="10283" spans="1:10" x14ac:dyDescent="0.35">
      <c r="A10283" s="1" t="s">
        <v>39440</v>
      </c>
      <c r="B10283" s="1" t="s">
        <v>38909</v>
      </c>
      <c r="C10283" s="1" t="s">
        <v>100</v>
      </c>
      <c r="D10283" s="1" t="s">
        <v>39512</v>
      </c>
      <c r="E10283" s="1" t="s">
        <v>39513</v>
      </c>
      <c r="F10283" s="1" t="s">
        <v>39514</v>
      </c>
      <c r="G10283" s="1" t="s">
        <v>39444</v>
      </c>
      <c r="H10283" s="1" t="s">
        <v>39445</v>
      </c>
      <c r="I10283" s="1" t="s">
        <v>38915</v>
      </c>
      <c r="J10283" s="1" t="s">
        <v>39515</v>
      </c>
    </row>
    <row r="10284" spans="1:10" x14ac:dyDescent="0.35">
      <c r="A10284" s="1" t="s">
        <v>39440</v>
      </c>
      <c r="B10284" s="1" t="s">
        <v>38909</v>
      </c>
      <c r="C10284" s="1" t="s">
        <v>105</v>
      </c>
      <c r="D10284" s="1" t="s">
        <v>39516</v>
      </c>
      <c r="E10284" s="1" t="s">
        <v>39517</v>
      </c>
      <c r="F10284" s="1" t="s">
        <v>39518</v>
      </c>
      <c r="G10284" s="1" t="s">
        <v>39444</v>
      </c>
      <c r="H10284" s="1" t="s">
        <v>39445</v>
      </c>
      <c r="I10284" s="1" t="s">
        <v>38915</v>
      </c>
      <c r="J10284" s="1" t="s">
        <v>39519</v>
      </c>
    </row>
    <row r="10285" spans="1:10" x14ac:dyDescent="0.35">
      <c r="A10285" s="1" t="s">
        <v>39440</v>
      </c>
      <c r="B10285" s="1" t="s">
        <v>38909</v>
      </c>
      <c r="C10285" s="1" t="s">
        <v>110</v>
      </c>
      <c r="D10285" s="1" t="s">
        <v>39520</v>
      </c>
      <c r="E10285" s="1" t="s">
        <v>39521</v>
      </c>
      <c r="F10285" s="1" t="s">
        <v>39522</v>
      </c>
      <c r="G10285" s="1" t="s">
        <v>39444</v>
      </c>
      <c r="H10285" s="1" t="s">
        <v>39445</v>
      </c>
      <c r="I10285" s="1" t="s">
        <v>38915</v>
      </c>
      <c r="J10285" s="1" t="s">
        <v>39523</v>
      </c>
    </row>
    <row r="10286" spans="1:10" x14ac:dyDescent="0.35">
      <c r="A10286" s="1" t="s">
        <v>39440</v>
      </c>
      <c r="B10286" s="1" t="s">
        <v>38909</v>
      </c>
      <c r="C10286" s="1" t="s">
        <v>115</v>
      </c>
      <c r="D10286" s="1" t="s">
        <v>39524</v>
      </c>
      <c r="E10286" s="1" t="s">
        <v>39525</v>
      </c>
      <c r="F10286" s="1" t="s">
        <v>39526</v>
      </c>
      <c r="G10286" s="1" t="s">
        <v>39444</v>
      </c>
      <c r="H10286" s="1" t="s">
        <v>39445</v>
      </c>
      <c r="I10286" s="1" t="s">
        <v>38915</v>
      </c>
      <c r="J10286" s="1" t="s">
        <v>39527</v>
      </c>
    </row>
    <row r="10287" spans="1:10" x14ac:dyDescent="0.35">
      <c r="A10287" s="1" t="s">
        <v>39440</v>
      </c>
      <c r="B10287" s="1" t="s">
        <v>38909</v>
      </c>
      <c r="C10287" s="1" t="s">
        <v>120</v>
      </c>
      <c r="D10287" s="1" t="s">
        <v>39528</v>
      </c>
      <c r="E10287" s="1" t="s">
        <v>39529</v>
      </c>
      <c r="F10287" s="1" t="s">
        <v>39530</v>
      </c>
      <c r="G10287" s="1" t="s">
        <v>39444</v>
      </c>
      <c r="H10287" s="1" t="s">
        <v>39445</v>
      </c>
      <c r="I10287" s="1" t="s">
        <v>38915</v>
      </c>
      <c r="J10287" s="1" t="s">
        <v>39531</v>
      </c>
    </row>
    <row r="10288" spans="1:10" x14ac:dyDescent="0.35">
      <c r="A10288" s="1" t="s">
        <v>39440</v>
      </c>
      <c r="B10288" s="1" t="s">
        <v>38909</v>
      </c>
      <c r="C10288" s="1" t="s">
        <v>125</v>
      </c>
      <c r="D10288" s="1" t="s">
        <v>39532</v>
      </c>
      <c r="E10288" s="1" t="s">
        <v>39533</v>
      </c>
      <c r="F10288" s="1" t="s">
        <v>39534</v>
      </c>
      <c r="G10288" s="1" t="s">
        <v>39444</v>
      </c>
      <c r="H10288" s="1" t="s">
        <v>39445</v>
      </c>
      <c r="I10288" s="1" t="s">
        <v>38915</v>
      </c>
      <c r="J10288" s="1" t="s">
        <v>39535</v>
      </c>
    </row>
    <row r="10289" spans="1:10" x14ac:dyDescent="0.35">
      <c r="A10289" s="1" t="s">
        <v>39440</v>
      </c>
      <c r="B10289" s="1" t="s">
        <v>38909</v>
      </c>
      <c r="C10289" s="1" t="s">
        <v>130</v>
      </c>
      <c r="D10289" s="1" t="s">
        <v>39536</v>
      </c>
      <c r="E10289" s="1" t="s">
        <v>39537</v>
      </c>
      <c r="F10289" s="1" t="s">
        <v>39538</v>
      </c>
      <c r="G10289" s="1" t="s">
        <v>39444</v>
      </c>
      <c r="H10289" s="1" t="s">
        <v>39445</v>
      </c>
      <c r="I10289" s="1" t="s">
        <v>38915</v>
      </c>
      <c r="J10289" s="1" t="s">
        <v>39539</v>
      </c>
    </row>
    <row r="10290" spans="1:10" x14ac:dyDescent="0.35">
      <c r="A10290" s="1" t="s">
        <v>39440</v>
      </c>
      <c r="B10290" s="1" t="s">
        <v>38909</v>
      </c>
      <c r="C10290" s="1" t="s">
        <v>135</v>
      </c>
      <c r="D10290" s="1" t="s">
        <v>39540</v>
      </c>
      <c r="E10290" s="1" t="s">
        <v>39541</v>
      </c>
      <c r="F10290" s="1" t="s">
        <v>39542</v>
      </c>
      <c r="G10290" s="1" t="s">
        <v>39444</v>
      </c>
      <c r="H10290" s="1" t="s">
        <v>39445</v>
      </c>
      <c r="I10290" s="1" t="s">
        <v>38915</v>
      </c>
      <c r="J10290" s="1" t="s">
        <v>39543</v>
      </c>
    </row>
    <row r="10291" spans="1:10" x14ac:dyDescent="0.35">
      <c r="A10291" s="1" t="s">
        <v>39440</v>
      </c>
      <c r="B10291" s="1" t="s">
        <v>38909</v>
      </c>
      <c r="C10291" s="1" t="s">
        <v>140</v>
      </c>
      <c r="D10291" s="1" t="s">
        <v>39544</v>
      </c>
      <c r="E10291" s="1" t="s">
        <v>39545</v>
      </c>
      <c r="F10291" s="1" t="s">
        <v>39546</v>
      </c>
      <c r="G10291" s="1" t="s">
        <v>39444</v>
      </c>
      <c r="H10291" s="1" t="s">
        <v>39445</v>
      </c>
      <c r="I10291" s="1" t="s">
        <v>38915</v>
      </c>
      <c r="J10291" s="1" t="s">
        <v>39547</v>
      </c>
    </row>
    <row r="10292" spans="1:10" x14ac:dyDescent="0.35">
      <c r="A10292" s="1" t="s">
        <v>39440</v>
      </c>
      <c r="B10292" s="1" t="s">
        <v>38909</v>
      </c>
      <c r="C10292" s="1" t="s">
        <v>145</v>
      </c>
      <c r="D10292" s="1" t="s">
        <v>39548</v>
      </c>
      <c r="E10292" s="1" t="s">
        <v>39549</v>
      </c>
      <c r="F10292" s="1" t="s">
        <v>39550</v>
      </c>
      <c r="G10292" s="1" t="s">
        <v>39444</v>
      </c>
      <c r="H10292" s="1" t="s">
        <v>39445</v>
      </c>
      <c r="I10292" s="1" t="s">
        <v>38915</v>
      </c>
      <c r="J10292" s="1" t="s">
        <v>39551</v>
      </c>
    </row>
    <row r="10293" spans="1:10" x14ac:dyDescent="0.35">
      <c r="A10293" s="1" t="s">
        <v>39440</v>
      </c>
      <c r="B10293" s="1" t="s">
        <v>38909</v>
      </c>
      <c r="C10293" s="1" t="s">
        <v>150</v>
      </c>
      <c r="D10293" s="1" t="s">
        <v>39552</v>
      </c>
      <c r="E10293" s="1" t="s">
        <v>39553</v>
      </c>
      <c r="F10293" s="1" t="s">
        <v>39554</v>
      </c>
      <c r="G10293" s="1" t="s">
        <v>39444</v>
      </c>
      <c r="H10293" s="1" t="s">
        <v>39445</v>
      </c>
      <c r="I10293" s="1" t="s">
        <v>38915</v>
      </c>
      <c r="J10293" s="1" t="s">
        <v>39555</v>
      </c>
    </row>
    <row r="10294" spans="1:10" x14ac:dyDescent="0.35">
      <c r="A10294" s="1" t="s">
        <v>39440</v>
      </c>
      <c r="B10294" s="1" t="s">
        <v>38909</v>
      </c>
      <c r="C10294" s="1" t="s">
        <v>155</v>
      </c>
      <c r="D10294" s="1" t="s">
        <v>39556</v>
      </c>
      <c r="E10294" s="1" t="s">
        <v>39557</v>
      </c>
      <c r="F10294" s="1" t="s">
        <v>39558</v>
      </c>
      <c r="G10294" s="1" t="s">
        <v>39444</v>
      </c>
      <c r="H10294" s="1" t="s">
        <v>39445</v>
      </c>
      <c r="I10294" s="1" t="s">
        <v>38915</v>
      </c>
      <c r="J10294" s="1" t="s">
        <v>39559</v>
      </c>
    </row>
    <row r="10295" spans="1:10" x14ac:dyDescent="0.35">
      <c r="A10295" s="1" t="s">
        <v>39440</v>
      </c>
      <c r="B10295" s="1" t="s">
        <v>38909</v>
      </c>
      <c r="C10295" s="1" t="s">
        <v>160</v>
      </c>
      <c r="D10295" s="1" t="s">
        <v>39560</v>
      </c>
      <c r="E10295" s="1" t="s">
        <v>39561</v>
      </c>
      <c r="F10295" s="1" t="s">
        <v>39562</v>
      </c>
      <c r="G10295" s="1" t="s">
        <v>39444</v>
      </c>
      <c r="H10295" s="1" t="s">
        <v>39445</v>
      </c>
      <c r="I10295" s="1" t="s">
        <v>38915</v>
      </c>
      <c r="J10295" s="1" t="s">
        <v>39563</v>
      </c>
    </row>
    <row r="10296" spans="1:10" x14ac:dyDescent="0.35">
      <c r="A10296" s="1" t="s">
        <v>39440</v>
      </c>
      <c r="B10296" s="1" t="s">
        <v>38909</v>
      </c>
      <c r="C10296" s="1" t="s">
        <v>165</v>
      </c>
      <c r="D10296" s="1" t="s">
        <v>39564</v>
      </c>
      <c r="E10296" s="1" t="s">
        <v>39565</v>
      </c>
      <c r="F10296" s="1" t="s">
        <v>39566</v>
      </c>
      <c r="G10296" s="1" t="s">
        <v>39444</v>
      </c>
      <c r="H10296" s="1" t="s">
        <v>39445</v>
      </c>
      <c r="I10296" s="1" t="s">
        <v>38915</v>
      </c>
      <c r="J10296" s="1" t="s">
        <v>39567</v>
      </c>
    </row>
    <row r="10297" spans="1:10" x14ac:dyDescent="0.35">
      <c r="A10297" s="1" t="s">
        <v>39440</v>
      </c>
      <c r="B10297" s="1" t="s">
        <v>38909</v>
      </c>
      <c r="C10297" s="1" t="s">
        <v>170</v>
      </c>
      <c r="D10297" s="1" t="s">
        <v>39568</v>
      </c>
      <c r="E10297" s="1" t="s">
        <v>39569</v>
      </c>
      <c r="F10297" s="1" t="s">
        <v>39570</v>
      </c>
      <c r="G10297" s="1" t="s">
        <v>39444</v>
      </c>
      <c r="H10297" s="1" t="s">
        <v>39445</v>
      </c>
      <c r="I10297" s="1" t="s">
        <v>38915</v>
      </c>
      <c r="J10297" s="1" t="s">
        <v>39571</v>
      </c>
    </row>
    <row r="10298" spans="1:10" x14ac:dyDescent="0.35">
      <c r="A10298" s="1" t="s">
        <v>39572</v>
      </c>
      <c r="B10298" s="1" t="s">
        <v>38909</v>
      </c>
      <c r="C10298" s="1" t="s">
        <v>8</v>
      </c>
      <c r="D10298" s="1" t="s">
        <v>39573</v>
      </c>
      <c r="E10298" s="1" t="s">
        <v>39574</v>
      </c>
      <c r="F10298" s="1" t="s">
        <v>39575</v>
      </c>
      <c r="G10298" s="1" t="s">
        <v>39576</v>
      </c>
      <c r="H10298" s="1" t="s">
        <v>39577</v>
      </c>
      <c r="I10298" s="1" t="s">
        <v>38915</v>
      </c>
      <c r="J10298" s="1" t="s">
        <v>13</v>
      </c>
    </row>
    <row r="10299" spans="1:10" x14ac:dyDescent="0.35">
      <c r="A10299" s="1" t="s">
        <v>39572</v>
      </c>
      <c r="B10299" s="1" t="s">
        <v>38909</v>
      </c>
      <c r="C10299" s="1" t="s">
        <v>15</v>
      </c>
      <c r="D10299" s="1" t="s">
        <v>39578</v>
      </c>
      <c r="E10299" s="1" t="s">
        <v>39579</v>
      </c>
      <c r="F10299" s="1" t="s">
        <v>39580</v>
      </c>
      <c r="G10299" s="1" t="s">
        <v>39576</v>
      </c>
      <c r="H10299" s="1" t="s">
        <v>39577</v>
      </c>
      <c r="I10299" s="1" t="s">
        <v>38915</v>
      </c>
      <c r="J10299" s="1" t="s">
        <v>39581</v>
      </c>
    </row>
    <row r="10300" spans="1:10" x14ac:dyDescent="0.35">
      <c r="A10300" s="1" t="s">
        <v>39572</v>
      </c>
      <c r="B10300" s="1" t="s">
        <v>38909</v>
      </c>
      <c r="C10300" s="1" t="s">
        <v>20</v>
      </c>
      <c r="D10300" s="1" t="s">
        <v>39582</v>
      </c>
      <c r="E10300" s="1" t="s">
        <v>39583</v>
      </c>
      <c r="F10300" s="1" t="s">
        <v>39584</v>
      </c>
      <c r="G10300" s="1" t="s">
        <v>39576</v>
      </c>
      <c r="H10300" s="1" t="s">
        <v>39577</v>
      </c>
      <c r="I10300" s="1" t="s">
        <v>38915</v>
      </c>
      <c r="J10300" s="1" t="s">
        <v>39585</v>
      </c>
    </row>
    <row r="10301" spans="1:10" x14ac:dyDescent="0.35">
      <c r="A10301" s="1" t="s">
        <v>39572</v>
      </c>
      <c r="B10301" s="1" t="s">
        <v>38909</v>
      </c>
      <c r="C10301" s="1" t="s">
        <v>25</v>
      </c>
      <c r="D10301" s="1" t="s">
        <v>39586</v>
      </c>
      <c r="E10301" s="1" t="s">
        <v>39587</v>
      </c>
      <c r="F10301" s="1" t="s">
        <v>39588</v>
      </c>
      <c r="G10301" s="1" t="s">
        <v>39576</v>
      </c>
      <c r="H10301" s="1" t="s">
        <v>39577</v>
      </c>
      <c r="I10301" s="1" t="s">
        <v>38915</v>
      </c>
      <c r="J10301" s="1" t="s">
        <v>39589</v>
      </c>
    </row>
    <row r="10302" spans="1:10" x14ac:dyDescent="0.35">
      <c r="A10302" s="1" t="s">
        <v>39572</v>
      </c>
      <c r="B10302" s="1" t="s">
        <v>38909</v>
      </c>
      <c r="C10302" s="1" t="s">
        <v>30</v>
      </c>
      <c r="D10302" s="1" t="s">
        <v>39590</v>
      </c>
      <c r="E10302" s="1" t="s">
        <v>39591</v>
      </c>
      <c r="F10302" s="1" t="s">
        <v>39592</v>
      </c>
      <c r="G10302" s="1" t="s">
        <v>39576</v>
      </c>
      <c r="H10302" s="1" t="s">
        <v>39577</v>
      </c>
      <c r="I10302" s="1" t="s">
        <v>38915</v>
      </c>
      <c r="J10302" s="1" t="s">
        <v>39593</v>
      </c>
    </row>
    <row r="10303" spans="1:10" x14ac:dyDescent="0.35">
      <c r="A10303" s="1" t="s">
        <v>39572</v>
      </c>
      <c r="B10303" s="1" t="s">
        <v>38909</v>
      </c>
      <c r="C10303" s="1" t="s">
        <v>35</v>
      </c>
      <c r="D10303" s="1" t="s">
        <v>39594</v>
      </c>
      <c r="E10303" s="1" t="s">
        <v>39595</v>
      </c>
      <c r="F10303" s="1" t="s">
        <v>39596</v>
      </c>
      <c r="G10303" s="1" t="s">
        <v>39576</v>
      </c>
      <c r="H10303" s="1" t="s">
        <v>39577</v>
      </c>
      <c r="I10303" s="1" t="s">
        <v>38915</v>
      </c>
      <c r="J10303" s="1" t="s">
        <v>39597</v>
      </c>
    </row>
    <row r="10304" spans="1:10" x14ac:dyDescent="0.35">
      <c r="A10304" s="1" t="s">
        <v>39572</v>
      </c>
      <c r="B10304" s="1" t="s">
        <v>38909</v>
      </c>
      <c r="C10304" s="1" t="s">
        <v>40</v>
      </c>
      <c r="D10304" s="1" t="s">
        <v>39598</v>
      </c>
      <c r="E10304" s="1" t="s">
        <v>39599</v>
      </c>
      <c r="F10304" s="1" t="s">
        <v>39600</v>
      </c>
      <c r="G10304" s="1" t="s">
        <v>39576</v>
      </c>
      <c r="H10304" s="1" t="s">
        <v>39577</v>
      </c>
      <c r="I10304" s="1" t="s">
        <v>38915</v>
      </c>
      <c r="J10304" s="1" t="s">
        <v>39601</v>
      </c>
    </row>
    <row r="10305" spans="1:10" x14ac:dyDescent="0.35">
      <c r="A10305" s="1" t="s">
        <v>39572</v>
      </c>
      <c r="B10305" s="1" t="s">
        <v>38909</v>
      </c>
      <c r="C10305" s="1" t="s">
        <v>45</v>
      </c>
      <c r="D10305" s="1" t="s">
        <v>39602</v>
      </c>
      <c r="E10305" s="1" t="s">
        <v>39603</v>
      </c>
      <c r="F10305" s="1" t="s">
        <v>39604</v>
      </c>
      <c r="G10305" s="1" t="s">
        <v>39576</v>
      </c>
      <c r="H10305" s="1" t="s">
        <v>39577</v>
      </c>
      <c r="I10305" s="1" t="s">
        <v>38915</v>
      </c>
      <c r="J10305" s="1" t="s">
        <v>39605</v>
      </c>
    </row>
    <row r="10306" spans="1:10" x14ac:dyDescent="0.35">
      <c r="A10306" s="1" t="s">
        <v>39572</v>
      </c>
      <c r="B10306" s="1" t="s">
        <v>38909</v>
      </c>
      <c r="C10306" s="1" t="s">
        <v>50</v>
      </c>
      <c r="D10306" s="1" t="s">
        <v>39606</v>
      </c>
      <c r="E10306" s="1" t="s">
        <v>39607</v>
      </c>
      <c r="F10306" s="1" t="s">
        <v>39608</v>
      </c>
      <c r="G10306" s="1" t="s">
        <v>39576</v>
      </c>
      <c r="H10306" s="1" t="s">
        <v>39577</v>
      </c>
      <c r="I10306" s="1" t="s">
        <v>38915</v>
      </c>
      <c r="J10306" s="1" t="s">
        <v>39609</v>
      </c>
    </row>
    <row r="10307" spans="1:10" x14ac:dyDescent="0.35">
      <c r="A10307" s="1" t="s">
        <v>39572</v>
      </c>
      <c r="B10307" s="1" t="s">
        <v>38909</v>
      </c>
      <c r="C10307" s="1" t="s">
        <v>55</v>
      </c>
      <c r="D10307" s="1" t="s">
        <v>39610</v>
      </c>
      <c r="E10307" s="1" t="s">
        <v>39611</v>
      </c>
      <c r="F10307" s="1" t="s">
        <v>39612</v>
      </c>
      <c r="G10307" s="1" t="s">
        <v>39576</v>
      </c>
      <c r="H10307" s="1" t="s">
        <v>39577</v>
      </c>
      <c r="I10307" s="1" t="s">
        <v>38915</v>
      </c>
      <c r="J10307" s="1" t="s">
        <v>39613</v>
      </c>
    </row>
    <row r="10308" spans="1:10" x14ac:dyDescent="0.35">
      <c r="A10308" s="1" t="s">
        <v>39572</v>
      </c>
      <c r="B10308" s="1" t="s">
        <v>38909</v>
      </c>
      <c r="C10308" s="1" t="s">
        <v>60</v>
      </c>
      <c r="D10308" s="1" t="s">
        <v>39614</v>
      </c>
      <c r="E10308" s="1" t="s">
        <v>39615</v>
      </c>
      <c r="F10308" s="1" t="s">
        <v>39616</v>
      </c>
      <c r="G10308" s="1" t="s">
        <v>39576</v>
      </c>
      <c r="H10308" s="1" t="s">
        <v>39577</v>
      </c>
      <c r="I10308" s="1" t="s">
        <v>38915</v>
      </c>
      <c r="J10308" s="1" t="s">
        <v>39617</v>
      </c>
    </row>
    <row r="10309" spans="1:10" x14ac:dyDescent="0.35">
      <c r="A10309" s="1" t="s">
        <v>39572</v>
      </c>
      <c r="B10309" s="1" t="s">
        <v>38909</v>
      </c>
      <c r="C10309" s="1" t="s">
        <v>65</v>
      </c>
      <c r="D10309" s="1" t="s">
        <v>39618</v>
      </c>
      <c r="E10309" s="1" t="s">
        <v>39619</v>
      </c>
      <c r="F10309" s="1" t="s">
        <v>39620</v>
      </c>
      <c r="G10309" s="1" t="s">
        <v>39576</v>
      </c>
      <c r="H10309" s="1" t="s">
        <v>39577</v>
      </c>
      <c r="I10309" s="1" t="s">
        <v>38915</v>
      </c>
      <c r="J10309" s="1" t="s">
        <v>39621</v>
      </c>
    </row>
    <row r="10310" spans="1:10" x14ac:dyDescent="0.35">
      <c r="A10310" s="1" t="s">
        <v>39572</v>
      </c>
      <c r="B10310" s="1" t="s">
        <v>38909</v>
      </c>
      <c r="C10310" s="1" t="s">
        <v>70</v>
      </c>
      <c r="D10310" s="1" t="s">
        <v>39622</v>
      </c>
      <c r="E10310" s="1" t="s">
        <v>39623</v>
      </c>
      <c r="F10310" s="1" t="s">
        <v>39624</v>
      </c>
      <c r="G10310" s="1" t="s">
        <v>39576</v>
      </c>
      <c r="H10310" s="1" t="s">
        <v>39577</v>
      </c>
      <c r="I10310" s="1" t="s">
        <v>38915</v>
      </c>
      <c r="J10310" s="1" t="s">
        <v>39625</v>
      </c>
    </row>
    <row r="10311" spans="1:10" x14ac:dyDescent="0.35">
      <c r="A10311" s="1" t="s">
        <v>39572</v>
      </c>
      <c r="B10311" s="1" t="s">
        <v>38909</v>
      </c>
      <c r="C10311" s="1" t="s">
        <v>75</v>
      </c>
      <c r="D10311" s="1" t="s">
        <v>39626</v>
      </c>
      <c r="E10311" s="1" t="s">
        <v>39627</v>
      </c>
      <c r="F10311" s="1" t="s">
        <v>39628</v>
      </c>
      <c r="G10311" s="1" t="s">
        <v>39576</v>
      </c>
      <c r="H10311" s="1" t="s">
        <v>39577</v>
      </c>
      <c r="I10311" s="1" t="s">
        <v>38915</v>
      </c>
      <c r="J10311" s="1" t="s">
        <v>39629</v>
      </c>
    </row>
    <row r="10312" spans="1:10" x14ac:dyDescent="0.35">
      <c r="A10312" s="1" t="s">
        <v>39572</v>
      </c>
      <c r="B10312" s="1" t="s">
        <v>38909</v>
      </c>
      <c r="C10312" s="1" t="s">
        <v>80</v>
      </c>
      <c r="D10312" s="1" t="s">
        <v>39630</v>
      </c>
      <c r="E10312" s="1" t="s">
        <v>39631</v>
      </c>
      <c r="F10312" s="1" t="s">
        <v>39632</v>
      </c>
      <c r="G10312" s="1" t="s">
        <v>39576</v>
      </c>
      <c r="H10312" s="1" t="s">
        <v>39577</v>
      </c>
      <c r="I10312" s="1" t="s">
        <v>38915</v>
      </c>
      <c r="J10312" s="1" t="s">
        <v>39633</v>
      </c>
    </row>
    <row r="10313" spans="1:10" x14ac:dyDescent="0.35">
      <c r="A10313" s="1" t="s">
        <v>39572</v>
      </c>
      <c r="B10313" s="1" t="s">
        <v>38909</v>
      </c>
      <c r="C10313" s="1" t="s">
        <v>85</v>
      </c>
      <c r="D10313" s="1" t="s">
        <v>39634</v>
      </c>
      <c r="E10313" s="1" t="s">
        <v>39635</v>
      </c>
      <c r="F10313" s="1" t="s">
        <v>39636</v>
      </c>
      <c r="G10313" s="1" t="s">
        <v>39576</v>
      </c>
      <c r="H10313" s="1" t="s">
        <v>39577</v>
      </c>
      <c r="I10313" s="1" t="s">
        <v>38915</v>
      </c>
      <c r="J10313" s="1" t="s">
        <v>39637</v>
      </c>
    </row>
    <row r="10314" spans="1:10" x14ac:dyDescent="0.35">
      <c r="A10314" s="1" t="s">
        <v>39572</v>
      </c>
      <c r="B10314" s="1" t="s">
        <v>38909</v>
      </c>
      <c r="C10314" s="1" t="s">
        <v>90</v>
      </c>
      <c r="D10314" s="1" t="s">
        <v>39638</v>
      </c>
      <c r="E10314" s="1" t="s">
        <v>39639</v>
      </c>
      <c r="F10314" s="1" t="s">
        <v>39640</v>
      </c>
      <c r="G10314" s="1" t="s">
        <v>39576</v>
      </c>
      <c r="H10314" s="1" t="s">
        <v>39577</v>
      </c>
      <c r="I10314" s="1" t="s">
        <v>38915</v>
      </c>
      <c r="J10314" s="1" t="s">
        <v>39641</v>
      </c>
    </row>
    <row r="10315" spans="1:10" x14ac:dyDescent="0.35">
      <c r="A10315" s="1" t="s">
        <v>39572</v>
      </c>
      <c r="B10315" s="1" t="s">
        <v>38909</v>
      </c>
      <c r="C10315" s="1" t="s">
        <v>95</v>
      </c>
      <c r="D10315" s="1" t="s">
        <v>39642</v>
      </c>
      <c r="E10315" s="1" t="s">
        <v>39643</v>
      </c>
      <c r="F10315" s="1" t="s">
        <v>39644</v>
      </c>
      <c r="G10315" s="1" t="s">
        <v>39576</v>
      </c>
      <c r="H10315" s="1" t="s">
        <v>39577</v>
      </c>
      <c r="I10315" s="1" t="s">
        <v>38915</v>
      </c>
      <c r="J10315" s="1" t="s">
        <v>39645</v>
      </c>
    </row>
    <row r="10316" spans="1:10" x14ac:dyDescent="0.35">
      <c r="A10316" s="1" t="s">
        <v>39572</v>
      </c>
      <c r="B10316" s="1" t="s">
        <v>38909</v>
      </c>
      <c r="C10316" s="1" t="s">
        <v>100</v>
      </c>
      <c r="D10316" s="1" t="s">
        <v>39646</v>
      </c>
      <c r="E10316" s="1" t="s">
        <v>39647</v>
      </c>
      <c r="F10316" s="1" t="s">
        <v>39648</v>
      </c>
      <c r="G10316" s="1" t="s">
        <v>39576</v>
      </c>
      <c r="H10316" s="1" t="s">
        <v>39577</v>
      </c>
      <c r="I10316" s="1" t="s">
        <v>38915</v>
      </c>
      <c r="J10316" s="1" t="s">
        <v>39649</v>
      </c>
    </row>
    <row r="10317" spans="1:10" x14ac:dyDescent="0.35">
      <c r="A10317" s="1" t="s">
        <v>39572</v>
      </c>
      <c r="B10317" s="1" t="s">
        <v>38909</v>
      </c>
      <c r="C10317" s="1" t="s">
        <v>105</v>
      </c>
      <c r="D10317" s="1" t="s">
        <v>39650</v>
      </c>
      <c r="E10317" s="1" t="s">
        <v>39651</v>
      </c>
      <c r="F10317" s="1" t="s">
        <v>39652</v>
      </c>
      <c r="G10317" s="1" t="s">
        <v>39576</v>
      </c>
      <c r="H10317" s="1" t="s">
        <v>39577</v>
      </c>
      <c r="I10317" s="1" t="s">
        <v>38915</v>
      </c>
      <c r="J10317" s="1" t="s">
        <v>39653</v>
      </c>
    </row>
    <row r="10318" spans="1:10" x14ac:dyDescent="0.35">
      <c r="A10318" s="1" t="s">
        <v>39572</v>
      </c>
      <c r="B10318" s="1" t="s">
        <v>38909</v>
      </c>
      <c r="C10318" s="1" t="s">
        <v>110</v>
      </c>
      <c r="D10318" s="1" t="s">
        <v>39654</v>
      </c>
      <c r="E10318" s="1" t="s">
        <v>39655</v>
      </c>
      <c r="F10318" s="1" t="s">
        <v>39656</v>
      </c>
      <c r="G10318" s="1" t="s">
        <v>39576</v>
      </c>
      <c r="H10318" s="1" t="s">
        <v>39577</v>
      </c>
      <c r="I10318" s="1" t="s">
        <v>38915</v>
      </c>
      <c r="J10318" s="1" t="s">
        <v>39657</v>
      </c>
    </row>
    <row r="10319" spans="1:10" x14ac:dyDescent="0.35">
      <c r="A10319" s="1" t="s">
        <v>39572</v>
      </c>
      <c r="B10319" s="1" t="s">
        <v>38909</v>
      </c>
      <c r="C10319" s="1" t="s">
        <v>115</v>
      </c>
      <c r="D10319" s="1" t="s">
        <v>39658</v>
      </c>
      <c r="E10319" s="1" t="s">
        <v>39659</v>
      </c>
      <c r="F10319" s="1" t="s">
        <v>39660</v>
      </c>
      <c r="G10319" s="1" t="s">
        <v>39576</v>
      </c>
      <c r="H10319" s="1" t="s">
        <v>39577</v>
      </c>
      <c r="I10319" s="1" t="s">
        <v>38915</v>
      </c>
      <c r="J10319" s="1" t="s">
        <v>39661</v>
      </c>
    </row>
    <row r="10320" spans="1:10" x14ac:dyDescent="0.35">
      <c r="A10320" s="1" t="s">
        <v>39572</v>
      </c>
      <c r="B10320" s="1" t="s">
        <v>38909</v>
      </c>
      <c r="C10320" s="1" t="s">
        <v>120</v>
      </c>
      <c r="D10320" s="1" t="s">
        <v>39662</v>
      </c>
      <c r="E10320" s="1" t="s">
        <v>39663</v>
      </c>
      <c r="F10320" s="1" t="s">
        <v>39664</v>
      </c>
      <c r="G10320" s="1" t="s">
        <v>39576</v>
      </c>
      <c r="H10320" s="1" t="s">
        <v>39577</v>
      </c>
      <c r="I10320" s="1" t="s">
        <v>38915</v>
      </c>
      <c r="J10320" s="1" t="s">
        <v>39665</v>
      </c>
    </row>
    <row r="10321" spans="1:10" x14ac:dyDescent="0.35">
      <c r="A10321" s="1" t="s">
        <v>39572</v>
      </c>
      <c r="B10321" s="1" t="s">
        <v>38909</v>
      </c>
      <c r="C10321" s="1" t="s">
        <v>125</v>
      </c>
      <c r="D10321" s="1" t="s">
        <v>39666</v>
      </c>
      <c r="E10321" s="1" t="s">
        <v>39667</v>
      </c>
      <c r="F10321" s="1" t="s">
        <v>39668</v>
      </c>
      <c r="G10321" s="1" t="s">
        <v>39576</v>
      </c>
      <c r="H10321" s="1" t="s">
        <v>39577</v>
      </c>
      <c r="I10321" s="1" t="s">
        <v>38915</v>
      </c>
      <c r="J10321" s="1" t="s">
        <v>39669</v>
      </c>
    </row>
    <row r="10322" spans="1:10" x14ac:dyDescent="0.35">
      <c r="A10322" s="1" t="s">
        <v>39572</v>
      </c>
      <c r="B10322" s="1" t="s">
        <v>38909</v>
      </c>
      <c r="C10322" s="1" t="s">
        <v>130</v>
      </c>
      <c r="D10322" s="1" t="s">
        <v>39670</v>
      </c>
      <c r="E10322" s="1" t="s">
        <v>39671</v>
      </c>
      <c r="F10322" s="1" t="s">
        <v>39672</v>
      </c>
      <c r="G10322" s="1" t="s">
        <v>39576</v>
      </c>
      <c r="H10322" s="1" t="s">
        <v>39577</v>
      </c>
      <c r="I10322" s="1" t="s">
        <v>38915</v>
      </c>
      <c r="J10322" s="1" t="s">
        <v>39673</v>
      </c>
    </row>
    <row r="10323" spans="1:10" x14ac:dyDescent="0.35">
      <c r="A10323" s="1" t="s">
        <v>39572</v>
      </c>
      <c r="B10323" s="1" t="s">
        <v>38909</v>
      </c>
      <c r="C10323" s="1" t="s">
        <v>135</v>
      </c>
      <c r="D10323" s="1" t="s">
        <v>39674</v>
      </c>
      <c r="E10323" s="1" t="s">
        <v>39675</v>
      </c>
      <c r="F10323" s="1" t="s">
        <v>39676</v>
      </c>
      <c r="G10323" s="1" t="s">
        <v>39576</v>
      </c>
      <c r="H10323" s="1" t="s">
        <v>39577</v>
      </c>
      <c r="I10323" s="1" t="s">
        <v>38915</v>
      </c>
      <c r="J10323" s="1" t="s">
        <v>39677</v>
      </c>
    </row>
    <row r="10324" spans="1:10" x14ac:dyDescent="0.35">
      <c r="A10324" s="1" t="s">
        <v>39572</v>
      </c>
      <c r="B10324" s="1" t="s">
        <v>38909</v>
      </c>
      <c r="C10324" s="1" t="s">
        <v>140</v>
      </c>
      <c r="D10324" s="1" t="s">
        <v>39678</v>
      </c>
      <c r="E10324" s="1" t="s">
        <v>39679</v>
      </c>
      <c r="F10324" s="1" t="s">
        <v>39680</v>
      </c>
      <c r="G10324" s="1" t="s">
        <v>39576</v>
      </c>
      <c r="H10324" s="1" t="s">
        <v>39577</v>
      </c>
      <c r="I10324" s="1" t="s">
        <v>38915</v>
      </c>
      <c r="J10324" s="1" t="s">
        <v>39681</v>
      </c>
    </row>
    <row r="10325" spans="1:10" x14ac:dyDescent="0.35">
      <c r="A10325" s="1" t="s">
        <v>39572</v>
      </c>
      <c r="B10325" s="1" t="s">
        <v>38909</v>
      </c>
      <c r="C10325" s="1" t="s">
        <v>145</v>
      </c>
      <c r="D10325" s="1" t="s">
        <v>39682</v>
      </c>
      <c r="E10325" s="1" t="s">
        <v>39683</v>
      </c>
      <c r="F10325" s="1" t="s">
        <v>39684</v>
      </c>
      <c r="G10325" s="1" t="s">
        <v>39576</v>
      </c>
      <c r="H10325" s="1" t="s">
        <v>39577</v>
      </c>
      <c r="I10325" s="1" t="s">
        <v>38915</v>
      </c>
      <c r="J10325" s="1" t="s">
        <v>39685</v>
      </c>
    </row>
    <row r="10326" spans="1:10" x14ac:dyDescent="0.35">
      <c r="A10326" s="1" t="s">
        <v>39572</v>
      </c>
      <c r="B10326" s="1" t="s">
        <v>38909</v>
      </c>
      <c r="C10326" s="1" t="s">
        <v>150</v>
      </c>
      <c r="D10326" s="1" t="s">
        <v>39686</v>
      </c>
      <c r="E10326" s="1" t="s">
        <v>39687</v>
      </c>
      <c r="F10326" s="1" t="s">
        <v>39688</v>
      </c>
      <c r="G10326" s="1" t="s">
        <v>39576</v>
      </c>
      <c r="H10326" s="1" t="s">
        <v>39577</v>
      </c>
      <c r="I10326" s="1" t="s">
        <v>38915</v>
      </c>
      <c r="J10326" s="1" t="s">
        <v>39689</v>
      </c>
    </row>
    <row r="10327" spans="1:10" x14ac:dyDescent="0.35">
      <c r="A10327" s="1" t="s">
        <v>39572</v>
      </c>
      <c r="B10327" s="1" t="s">
        <v>38909</v>
      </c>
      <c r="C10327" s="1" t="s">
        <v>155</v>
      </c>
      <c r="D10327" s="1" t="s">
        <v>39690</v>
      </c>
      <c r="E10327" s="1" t="s">
        <v>39691</v>
      </c>
      <c r="F10327" s="1" t="s">
        <v>39692</v>
      </c>
      <c r="G10327" s="1" t="s">
        <v>39576</v>
      </c>
      <c r="H10327" s="1" t="s">
        <v>39577</v>
      </c>
      <c r="I10327" s="1" t="s">
        <v>38915</v>
      </c>
      <c r="J10327" s="1" t="s">
        <v>39693</v>
      </c>
    </row>
    <row r="10328" spans="1:10" x14ac:dyDescent="0.35">
      <c r="A10328" s="1" t="s">
        <v>39572</v>
      </c>
      <c r="B10328" s="1" t="s">
        <v>38909</v>
      </c>
      <c r="C10328" s="1" t="s">
        <v>160</v>
      </c>
      <c r="D10328" s="1" t="s">
        <v>39694</v>
      </c>
      <c r="E10328" s="1" t="s">
        <v>39695</v>
      </c>
      <c r="F10328" s="1" t="s">
        <v>39696</v>
      </c>
      <c r="G10328" s="1" t="s">
        <v>39576</v>
      </c>
      <c r="H10328" s="1" t="s">
        <v>39577</v>
      </c>
      <c r="I10328" s="1" t="s">
        <v>38915</v>
      </c>
      <c r="J10328" s="1" t="s">
        <v>39697</v>
      </c>
    </row>
    <row r="10329" spans="1:10" x14ac:dyDescent="0.35">
      <c r="A10329" s="1" t="s">
        <v>39572</v>
      </c>
      <c r="B10329" s="1" t="s">
        <v>38909</v>
      </c>
      <c r="C10329" s="1" t="s">
        <v>165</v>
      </c>
      <c r="D10329" s="1" t="s">
        <v>39698</v>
      </c>
      <c r="E10329" s="1" t="s">
        <v>39699</v>
      </c>
      <c r="F10329" s="1" t="s">
        <v>39696</v>
      </c>
      <c r="G10329" s="1" t="s">
        <v>39576</v>
      </c>
      <c r="H10329" s="1" t="s">
        <v>39577</v>
      </c>
      <c r="I10329" s="1" t="s">
        <v>38915</v>
      </c>
      <c r="J10329" s="1" t="s">
        <v>39700</v>
      </c>
    </row>
    <row r="10330" spans="1:10" x14ac:dyDescent="0.35">
      <c r="A10330" s="1" t="s">
        <v>39572</v>
      </c>
      <c r="B10330" s="1" t="s">
        <v>38909</v>
      </c>
      <c r="C10330" s="1" t="s">
        <v>170</v>
      </c>
      <c r="D10330" s="1" t="s">
        <v>39701</v>
      </c>
      <c r="E10330" s="1" t="s">
        <v>39702</v>
      </c>
      <c r="F10330" s="1" t="s">
        <v>39696</v>
      </c>
      <c r="G10330" s="1" t="s">
        <v>39576</v>
      </c>
      <c r="H10330" s="1" t="s">
        <v>39577</v>
      </c>
      <c r="I10330" s="1" t="s">
        <v>38915</v>
      </c>
      <c r="J10330" s="1" t="s">
        <v>39703</v>
      </c>
    </row>
    <row r="10331" spans="1:10" x14ac:dyDescent="0.35">
      <c r="A10331" s="1" t="s">
        <v>39704</v>
      </c>
      <c r="B10331" s="1" t="s">
        <v>38909</v>
      </c>
      <c r="C10331" s="1" t="s">
        <v>8</v>
      </c>
      <c r="D10331" s="1" t="s">
        <v>39705</v>
      </c>
      <c r="E10331" s="1" t="s">
        <v>39706</v>
      </c>
      <c r="F10331" s="1" t="s">
        <v>39707</v>
      </c>
      <c r="G10331" s="1" t="s">
        <v>39708</v>
      </c>
      <c r="H10331" s="1" t="s">
        <v>39709</v>
      </c>
      <c r="I10331" s="1" t="s">
        <v>38915</v>
      </c>
      <c r="J10331" s="1" t="s">
        <v>13</v>
      </c>
    </row>
    <row r="10332" spans="1:10" x14ac:dyDescent="0.35">
      <c r="A10332" s="1" t="s">
        <v>39704</v>
      </c>
      <c r="B10332" s="1" t="s">
        <v>38909</v>
      </c>
      <c r="C10332" s="1" t="s">
        <v>15</v>
      </c>
      <c r="D10332" s="1" t="s">
        <v>39710</v>
      </c>
      <c r="E10332" s="1" t="s">
        <v>39711</v>
      </c>
      <c r="F10332" s="1" t="s">
        <v>39712</v>
      </c>
      <c r="G10332" s="1" t="s">
        <v>39708</v>
      </c>
      <c r="H10332" s="1" t="s">
        <v>39709</v>
      </c>
      <c r="I10332" s="1" t="s">
        <v>38915</v>
      </c>
      <c r="J10332" s="1" t="s">
        <v>39713</v>
      </c>
    </row>
    <row r="10333" spans="1:10" x14ac:dyDescent="0.35">
      <c r="A10333" s="1" t="s">
        <v>39704</v>
      </c>
      <c r="B10333" s="1" t="s">
        <v>38909</v>
      </c>
      <c r="C10333" s="1" t="s">
        <v>20</v>
      </c>
      <c r="D10333" s="1" t="s">
        <v>26681</v>
      </c>
      <c r="E10333" s="1" t="s">
        <v>39714</v>
      </c>
      <c r="F10333" s="1" t="s">
        <v>39715</v>
      </c>
      <c r="G10333" s="1" t="s">
        <v>39708</v>
      </c>
      <c r="H10333" s="1" t="s">
        <v>39709</v>
      </c>
      <c r="I10333" s="1" t="s">
        <v>38915</v>
      </c>
      <c r="J10333" s="1" t="s">
        <v>39716</v>
      </c>
    </row>
    <row r="10334" spans="1:10" x14ac:dyDescent="0.35">
      <c r="A10334" s="1" t="s">
        <v>39704</v>
      </c>
      <c r="B10334" s="1" t="s">
        <v>38909</v>
      </c>
      <c r="C10334" s="1" t="s">
        <v>25</v>
      </c>
      <c r="D10334" s="1" t="s">
        <v>39717</v>
      </c>
      <c r="E10334" s="1" t="s">
        <v>39718</v>
      </c>
      <c r="F10334" s="1" t="s">
        <v>39719</v>
      </c>
      <c r="G10334" s="1" t="s">
        <v>39708</v>
      </c>
      <c r="H10334" s="1" t="s">
        <v>39709</v>
      </c>
      <c r="I10334" s="1" t="s">
        <v>38915</v>
      </c>
      <c r="J10334" s="1" t="s">
        <v>39720</v>
      </c>
    </row>
    <row r="10335" spans="1:10" x14ac:dyDescent="0.35">
      <c r="A10335" s="1" t="s">
        <v>39704</v>
      </c>
      <c r="B10335" s="1" t="s">
        <v>38909</v>
      </c>
      <c r="C10335" s="1" t="s">
        <v>30</v>
      </c>
      <c r="D10335" s="1" t="s">
        <v>39721</v>
      </c>
      <c r="E10335" s="1" t="s">
        <v>39722</v>
      </c>
      <c r="F10335" s="1" t="s">
        <v>39723</v>
      </c>
      <c r="G10335" s="1" t="s">
        <v>39708</v>
      </c>
      <c r="H10335" s="1" t="s">
        <v>39709</v>
      </c>
      <c r="I10335" s="1" t="s">
        <v>38915</v>
      </c>
      <c r="J10335" s="1" t="s">
        <v>39724</v>
      </c>
    </row>
    <row r="10336" spans="1:10" x14ac:dyDescent="0.35">
      <c r="A10336" s="1" t="s">
        <v>39704</v>
      </c>
      <c r="B10336" s="1" t="s">
        <v>38909</v>
      </c>
      <c r="C10336" s="1" t="s">
        <v>35</v>
      </c>
      <c r="D10336" s="1" t="s">
        <v>39725</v>
      </c>
      <c r="E10336" s="1" t="s">
        <v>39726</v>
      </c>
      <c r="F10336" s="1" t="s">
        <v>39727</v>
      </c>
      <c r="G10336" s="1" t="s">
        <v>39708</v>
      </c>
      <c r="H10336" s="1" t="s">
        <v>39709</v>
      </c>
      <c r="I10336" s="1" t="s">
        <v>38915</v>
      </c>
      <c r="J10336" s="1" t="s">
        <v>39728</v>
      </c>
    </row>
    <row r="10337" spans="1:10" x14ac:dyDescent="0.35">
      <c r="A10337" s="1" t="s">
        <v>39704</v>
      </c>
      <c r="B10337" s="1" t="s">
        <v>38909</v>
      </c>
      <c r="C10337" s="1" t="s">
        <v>40</v>
      </c>
      <c r="D10337" s="1" t="s">
        <v>39729</v>
      </c>
      <c r="E10337" s="1" t="s">
        <v>39730</v>
      </c>
      <c r="F10337" s="1" t="s">
        <v>39731</v>
      </c>
      <c r="G10337" s="1" t="s">
        <v>39708</v>
      </c>
      <c r="H10337" s="1" t="s">
        <v>39709</v>
      </c>
      <c r="I10337" s="1" t="s">
        <v>38915</v>
      </c>
      <c r="J10337" s="1" t="s">
        <v>39732</v>
      </c>
    </row>
    <row r="10338" spans="1:10" x14ac:dyDescent="0.35">
      <c r="A10338" s="1" t="s">
        <v>39704</v>
      </c>
      <c r="B10338" s="1" t="s">
        <v>38909</v>
      </c>
      <c r="C10338" s="1" t="s">
        <v>45</v>
      </c>
      <c r="D10338" s="1" t="s">
        <v>39733</v>
      </c>
      <c r="E10338" s="1" t="s">
        <v>39734</v>
      </c>
      <c r="F10338" s="1" t="s">
        <v>39735</v>
      </c>
      <c r="G10338" s="1" t="s">
        <v>39708</v>
      </c>
      <c r="H10338" s="1" t="s">
        <v>39709</v>
      </c>
      <c r="I10338" s="1" t="s">
        <v>38915</v>
      </c>
      <c r="J10338" s="1" t="s">
        <v>39736</v>
      </c>
    </row>
    <row r="10339" spans="1:10" x14ac:dyDescent="0.35">
      <c r="A10339" s="1" t="s">
        <v>39704</v>
      </c>
      <c r="B10339" s="1" t="s">
        <v>38909</v>
      </c>
      <c r="C10339" s="1" t="s">
        <v>50</v>
      </c>
      <c r="D10339" s="1" t="s">
        <v>39737</v>
      </c>
      <c r="E10339" s="1" t="s">
        <v>39738</v>
      </c>
      <c r="F10339" s="1" t="s">
        <v>39739</v>
      </c>
      <c r="G10339" s="1" t="s">
        <v>39708</v>
      </c>
      <c r="H10339" s="1" t="s">
        <v>39709</v>
      </c>
      <c r="I10339" s="1" t="s">
        <v>38915</v>
      </c>
      <c r="J10339" s="1" t="s">
        <v>39740</v>
      </c>
    </row>
    <row r="10340" spans="1:10" x14ac:dyDescent="0.35">
      <c r="A10340" s="1" t="s">
        <v>39704</v>
      </c>
      <c r="B10340" s="1" t="s">
        <v>38909</v>
      </c>
      <c r="C10340" s="1" t="s">
        <v>55</v>
      </c>
      <c r="D10340" s="1" t="s">
        <v>39741</v>
      </c>
      <c r="E10340" s="1" t="s">
        <v>39742</v>
      </c>
      <c r="F10340" s="1" t="s">
        <v>39743</v>
      </c>
      <c r="G10340" s="1" t="s">
        <v>39708</v>
      </c>
      <c r="H10340" s="1" t="s">
        <v>39709</v>
      </c>
      <c r="I10340" s="1" t="s">
        <v>38915</v>
      </c>
      <c r="J10340" s="1" t="s">
        <v>39744</v>
      </c>
    </row>
    <row r="10341" spans="1:10" x14ac:dyDescent="0.35">
      <c r="A10341" s="1" t="s">
        <v>39704</v>
      </c>
      <c r="B10341" s="1" t="s">
        <v>38909</v>
      </c>
      <c r="C10341" s="1" t="s">
        <v>60</v>
      </c>
      <c r="D10341" s="1" t="s">
        <v>39745</v>
      </c>
      <c r="E10341" s="1" t="s">
        <v>39746</v>
      </c>
      <c r="F10341" s="1" t="s">
        <v>39747</v>
      </c>
      <c r="G10341" s="1" t="s">
        <v>39708</v>
      </c>
      <c r="H10341" s="1" t="s">
        <v>39709</v>
      </c>
      <c r="I10341" s="1" t="s">
        <v>38915</v>
      </c>
      <c r="J10341" s="1" t="s">
        <v>39748</v>
      </c>
    </row>
    <row r="10342" spans="1:10" x14ac:dyDescent="0.35">
      <c r="A10342" s="1" t="s">
        <v>39704</v>
      </c>
      <c r="B10342" s="1" t="s">
        <v>38909</v>
      </c>
      <c r="C10342" s="1" t="s">
        <v>65</v>
      </c>
      <c r="D10342" s="1" t="s">
        <v>39749</v>
      </c>
      <c r="E10342" s="1" t="s">
        <v>39750</v>
      </c>
      <c r="F10342" s="1" t="s">
        <v>39751</v>
      </c>
      <c r="G10342" s="1" t="s">
        <v>39708</v>
      </c>
      <c r="H10342" s="1" t="s">
        <v>39709</v>
      </c>
      <c r="I10342" s="1" t="s">
        <v>38915</v>
      </c>
      <c r="J10342" s="1" t="s">
        <v>39752</v>
      </c>
    </row>
    <row r="10343" spans="1:10" x14ac:dyDescent="0.35">
      <c r="A10343" s="1" t="s">
        <v>39704</v>
      </c>
      <c r="B10343" s="1" t="s">
        <v>38909</v>
      </c>
      <c r="C10343" s="1" t="s">
        <v>70</v>
      </c>
      <c r="D10343" s="1" t="s">
        <v>22686</v>
      </c>
      <c r="E10343" s="1" t="s">
        <v>39753</v>
      </c>
      <c r="F10343" s="1" t="s">
        <v>39754</v>
      </c>
      <c r="G10343" s="1" t="s">
        <v>39708</v>
      </c>
      <c r="H10343" s="1" t="s">
        <v>39709</v>
      </c>
      <c r="I10343" s="1" t="s">
        <v>38915</v>
      </c>
      <c r="J10343" s="1" t="s">
        <v>39755</v>
      </c>
    </row>
    <row r="10344" spans="1:10" x14ac:dyDescent="0.35">
      <c r="A10344" s="1" t="s">
        <v>39704</v>
      </c>
      <c r="B10344" s="1" t="s">
        <v>38909</v>
      </c>
      <c r="C10344" s="1" t="s">
        <v>75</v>
      </c>
      <c r="D10344" s="1" t="s">
        <v>39756</v>
      </c>
      <c r="E10344" s="1" t="s">
        <v>39757</v>
      </c>
      <c r="F10344" s="1" t="s">
        <v>39758</v>
      </c>
      <c r="G10344" s="1" t="s">
        <v>39708</v>
      </c>
      <c r="H10344" s="1" t="s">
        <v>39709</v>
      </c>
      <c r="I10344" s="1" t="s">
        <v>38915</v>
      </c>
      <c r="J10344" s="1" t="s">
        <v>39759</v>
      </c>
    </row>
    <row r="10345" spans="1:10" x14ac:dyDescent="0.35">
      <c r="A10345" s="1" t="s">
        <v>39704</v>
      </c>
      <c r="B10345" s="1" t="s">
        <v>38909</v>
      </c>
      <c r="C10345" s="1" t="s">
        <v>80</v>
      </c>
      <c r="D10345" s="1" t="s">
        <v>39760</v>
      </c>
      <c r="E10345" s="1" t="s">
        <v>39761</v>
      </c>
      <c r="F10345" s="1" t="s">
        <v>39762</v>
      </c>
      <c r="G10345" s="1" t="s">
        <v>39708</v>
      </c>
      <c r="H10345" s="1" t="s">
        <v>39709</v>
      </c>
      <c r="I10345" s="1" t="s">
        <v>38915</v>
      </c>
      <c r="J10345" s="1" t="s">
        <v>39763</v>
      </c>
    </row>
    <row r="10346" spans="1:10" x14ac:dyDescent="0.35">
      <c r="A10346" s="1" t="s">
        <v>39704</v>
      </c>
      <c r="B10346" s="1" t="s">
        <v>38909</v>
      </c>
      <c r="C10346" s="1" t="s">
        <v>85</v>
      </c>
      <c r="D10346" s="1" t="s">
        <v>39764</v>
      </c>
      <c r="E10346" s="1" t="s">
        <v>39765</v>
      </c>
      <c r="F10346" s="1" t="s">
        <v>39766</v>
      </c>
      <c r="G10346" s="1" t="s">
        <v>39708</v>
      </c>
      <c r="H10346" s="1" t="s">
        <v>39709</v>
      </c>
      <c r="I10346" s="1" t="s">
        <v>38915</v>
      </c>
      <c r="J10346" s="1" t="s">
        <v>39767</v>
      </c>
    </row>
    <row r="10347" spans="1:10" x14ac:dyDescent="0.35">
      <c r="A10347" s="1" t="s">
        <v>39704</v>
      </c>
      <c r="B10347" s="1" t="s">
        <v>38909</v>
      </c>
      <c r="C10347" s="1" t="s">
        <v>90</v>
      </c>
      <c r="D10347" s="1" t="s">
        <v>39768</v>
      </c>
      <c r="E10347" s="1" t="s">
        <v>39769</v>
      </c>
      <c r="F10347" s="1" t="s">
        <v>39770</v>
      </c>
      <c r="G10347" s="1" t="s">
        <v>39708</v>
      </c>
      <c r="H10347" s="1" t="s">
        <v>39709</v>
      </c>
      <c r="I10347" s="1" t="s">
        <v>38915</v>
      </c>
      <c r="J10347" s="1" t="s">
        <v>39771</v>
      </c>
    </row>
    <row r="10348" spans="1:10" x14ac:dyDescent="0.35">
      <c r="A10348" s="1" t="s">
        <v>39704</v>
      </c>
      <c r="B10348" s="1" t="s">
        <v>38909</v>
      </c>
      <c r="C10348" s="1" t="s">
        <v>95</v>
      </c>
      <c r="D10348" s="1" t="s">
        <v>39772</v>
      </c>
      <c r="E10348" s="1" t="s">
        <v>39773</v>
      </c>
      <c r="F10348" s="1" t="s">
        <v>39774</v>
      </c>
      <c r="G10348" s="1" t="s">
        <v>39708</v>
      </c>
      <c r="H10348" s="1" t="s">
        <v>39709</v>
      </c>
      <c r="I10348" s="1" t="s">
        <v>38915</v>
      </c>
      <c r="J10348" s="1" t="s">
        <v>39775</v>
      </c>
    </row>
    <row r="10349" spans="1:10" x14ac:dyDescent="0.35">
      <c r="A10349" s="1" t="s">
        <v>39704</v>
      </c>
      <c r="B10349" s="1" t="s">
        <v>38909</v>
      </c>
      <c r="C10349" s="1" t="s">
        <v>100</v>
      </c>
      <c r="D10349" s="1" t="s">
        <v>39776</v>
      </c>
      <c r="E10349" s="1" t="s">
        <v>39777</v>
      </c>
      <c r="F10349" s="1" t="s">
        <v>39778</v>
      </c>
      <c r="G10349" s="1" t="s">
        <v>39708</v>
      </c>
      <c r="H10349" s="1" t="s">
        <v>39709</v>
      </c>
      <c r="I10349" s="1" t="s">
        <v>38915</v>
      </c>
      <c r="J10349" s="1" t="s">
        <v>39779</v>
      </c>
    </row>
    <row r="10350" spans="1:10" x14ac:dyDescent="0.35">
      <c r="A10350" s="1" t="s">
        <v>39704</v>
      </c>
      <c r="B10350" s="1" t="s">
        <v>38909</v>
      </c>
      <c r="C10350" s="1" t="s">
        <v>105</v>
      </c>
      <c r="D10350" s="1" t="s">
        <v>5810</v>
      </c>
      <c r="E10350" s="1" t="s">
        <v>39780</v>
      </c>
      <c r="F10350" s="1" t="s">
        <v>39781</v>
      </c>
      <c r="G10350" s="1" t="s">
        <v>39708</v>
      </c>
      <c r="H10350" s="1" t="s">
        <v>39709</v>
      </c>
      <c r="I10350" s="1" t="s">
        <v>38915</v>
      </c>
      <c r="J10350" s="1" t="s">
        <v>39782</v>
      </c>
    </row>
    <row r="10351" spans="1:10" x14ac:dyDescent="0.35">
      <c r="A10351" s="1" t="s">
        <v>39704</v>
      </c>
      <c r="B10351" s="1" t="s">
        <v>38909</v>
      </c>
      <c r="C10351" s="1" t="s">
        <v>110</v>
      </c>
      <c r="D10351" s="1" t="s">
        <v>39783</v>
      </c>
      <c r="E10351" s="1" t="s">
        <v>39784</v>
      </c>
      <c r="F10351" s="1" t="s">
        <v>39785</v>
      </c>
      <c r="G10351" s="1" t="s">
        <v>39708</v>
      </c>
      <c r="H10351" s="1" t="s">
        <v>39709</v>
      </c>
      <c r="I10351" s="1" t="s">
        <v>38915</v>
      </c>
      <c r="J10351" s="1" t="s">
        <v>39786</v>
      </c>
    </row>
    <row r="10352" spans="1:10" x14ac:dyDescent="0.35">
      <c r="A10352" s="1" t="s">
        <v>39704</v>
      </c>
      <c r="B10352" s="1" t="s">
        <v>38909</v>
      </c>
      <c r="C10352" s="1" t="s">
        <v>115</v>
      </c>
      <c r="D10352" s="1" t="s">
        <v>12331</v>
      </c>
      <c r="E10352" s="1" t="s">
        <v>39787</v>
      </c>
      <c r="F10352" s="1" t="s">
        <v>39788</v>
      </c>
      <c r="G10352" s="1" t="s">
        <v>39708</v>
      </c>
      <c r="H10352" s="1" t="s">
        <v>39709</v>
      </c>
      <c r="I10352" s="1" t="s">
        <v>38915</v>
      </c>
      <c r="J10352" s="1" t="s">
        <v>39789</v>
      </c>
    </row>
    <row r="10353" spans="1:10" x14ac:dyDescent="0.35">
      <c r="A10353" s="1" t="s">
        <v>39704</v>
      </c>
      <c r="B10353" s="1" t="s">
        <v>38909</v>
      </c>
      <c r="C10353" s="1" t="s">
        <v>120</v>
      </c>
      <c r="D10353" s="1" t="s">
        <v>39790</v>
      </c>
      <c r="E10353" s="1" t="s">
        <v>39791</v>
      </c>
      <c r="F10353" s="1" t="s">
        <v>39792</v>
      </c>
      <c r="G10353" s="1" t="s">
        <v>39708</v>
      </c>
      <c r="H10353" s="1" t="s">
        <v>39709</v>
      </c>
      <c r="I10353" s="1" t="s">
        <v>38915</v>
      </c>
      <c r="J10353" s="1" t="s">
        <v>39793</v>
      </c>
    </row>
    <row r="10354" spans="1:10" x14ac:dyDescent="0.35">
      <c r="A10354" s="1" t="s">
        <v>39704</v>
      </c>
      <c r="B10354" s="1" t="s">
        <v>38909</v>
      </c>
      <c r="C10354" s="1" t="s">
        <v>125</v>
      </c>
      <c r="D10354" s="1" t="s">
        <v>39794</v>
      </c>
      <c r="E10354" s="1" t="s">
        <v>39795</v>
      </c>
      <c r="F10354" s="1" t="s">
        <v>39796</v>
      </c>
      <c r="G10354" s="1" t="s">
        <v>39708</v>
      </c>
      <c r="H10354" s="1" t="s">
        <v>39709</v>
      </c>
      <c r="I10354" s="1" t="s">
        <v>38915</v>
      </c>
      <c r="J10354" s="1" t="s">
        <v>39797</v>
      </c>
    </row>
    <row r="10355" spans="1:10" x14ac:dyDescent="0.35">
      <c r="A10355" s="1" t="s">
        <v>39704</v>
      </c>
      <c r="B10355" s="1" t="s">
        <v>38909</v>
      </c>
      <c r="C10355" s="1" t="s">
        <v>130</v>
      </c>
      <c r="D10355" s="1" t="s">
        <v>39798</v>
      </c>
      <c r="E10355" s="1" t="s">
        <v>39799</v>
      </c>
      <c r="F10355" s="1" t="s">
        <v>39800</v>
      </c>
      <c r="G10355" s="1" t="s">
        <v>39708</v>
      </c>
      <c r="H10355" s="1" t="s">
        <v>39709</v>
      </c>
      <c r="I10355" s="1" t="s">
        <v>38915</v>
      </c>
      <c r="J10355" s="1" t="s">
        <v>39801</v>
      </c>
    </row>
    <row r="10356" spans="1:10" x14ac:dyDescent="0.35">
      <c r="A10356" s="1" t="s">
        <v>39704</v>
      </c>
      <c r="B10356" s="1" t="s">
        <v>38909</v>
      </c>
      <c r="C10356" s="1" t="s">
        <v>135</v>
      </c>
      <c r="D10356" s="1" t="s">
        <v>39802</v>
      </c>
      <c r="E10356" s="1" t="s">
        <v>39803</v>
      </c>
      <c r="F10356" s="1" t="s">
        <v>39804</v>
      </c>
      <c r="G10356" s="1" t="s">
        <v>39708</v>
      </c>
      <c r="H10356" s="1" t="s">
        <v>39709</v>
      </c>
      <c r="I10356" s="1" t="s">
        <v>38915</v>
      </c>
      <c r="J10356" s="1" t="s">
        <v>39805</v>
      </c>
    </row>
    <row r="10357" spans="1:10" x14ac:dyDescent="0.35">
      <c r="A10357" s="1" t="s">
        <v>39704</v>
      </c>
      <c r="B10357" s="1" t="s">
        <v>38909</v>
      </c>
      <c r="C10357" s="1" t="s">
        <v>140</v>
      </c>
      <c r="D10357" s="1" t="s">
        <v>39806</v>
      </c>
      <c r="E10357" s="1" t="s">
        <v>39807</v>
      </c>
      <c r="F10357" s="1" t="s">
        <v>39808</v>
      </c>
      <c r="G10357" s="1" t="s">
        <v>39708</v>
      </c>
      <c r="H10357" s="1" t="s">
        <v>39709</v>
      </c>
      <c r="I10357" s="1" t="s">
        <v>38915</v>
      </c>
      <c r="J10357" s="1" t="s">
        <v>39809</v>
      </c>
    </row>
    <row r="10358" spans="1:10" x14ac:dyDescent="0.35">
      <c r="A10358" s="1" t="s">
        <v>39704</v>
      </c>
      <c r="B10358" s="1" t="s">
        <v>38909</v>
      </c>
      <c r="C10358" s="1" t="s">
        <v>145</v>
      </c>
      <c r="D10358" s="1" t="s">
        <v>39810</v>
      </c>
      <c r="E10358" s="1" t="s">
        <v>39811</v>
      </c>
      <c r="F10358" s="1" t="s">
        <v>39812</v>
      </c>
      <c r="G10358" s="1" t="s">
        <v>39708</v>
      </c>
      <c r="H10358" s="1" t="s">
        <v>39709</v>
      </c>
      <c r="I10358" s="1" t="s">
        <v>38915</v>
      </c>
      <c r="J10358" s="1" t="s">
        <v>39813</v>
      </c>
    </row>
    <row r="10359" spans="1:10" x14ac:dyDescent="0.35">
      <c r="A10359" s="1" t="s">
        <v>39704</v>
      </c>
      <c r="B10359" s="1" t="s">
        <v>38909</v>
      </c>
      <c r="C10359" s="1" t="s">
        <v>150</v>
      </c>
      <c r="D10359" s="1" t="s">
        <v>39814</v>
      </c>
      <c r="E10359" s="1" t="s">
        <v>39815</v>
      </c>
      <c r="F10359" s="1" t="s">
        <v>39816</v>
      </c>
      <c r="G10359" s="1" t="s">
        <v>39708</v>
      </c>
      <c r="H10359" s="1" t="s">
        <v>39709</v>
      </c>
      <c r="I10359" s="1" t="s">
        <v>38915</v>
      </c>
      <c r="J10359" s="1" t="s">
        <v>39817</v>
      </c>
    </row>
    <row r="10360" spans="1:10" x14ac:dyDescent="0.35">
      <c r="A10360" s="1" t="s">
        <v>39704</v>
      </c>
      <c r="B10360" s="1" t="s">
        <v>38909</v>
      </c>
      <c r="C10360" s="1" t="s">
        <v>155</v>
      </c>
      <c r="D10360" s="1" t="s">
        <v>39818</v>
      </c>
      <c r="E10360" s="1" t="s">
        <v>39819</v>
      </c>
      <c r="F10360" s="1" t="s">
        <v>39820</v>
      </c>
      <c r="G10360" s="1" t="s">
        <v>39708</v>
      </c>
      <c r="H10360" s="1" t="s">
        <v>39709</v>
      </c>
      <c r="I10360" s="1" t="s">
        <v>38915</v>
      </c>
      <c r="J10360" s="1" t="s">
        <v>39821</v>
      </c>
    </row>
    <row r="10361" spans="1:10" x14ac:dyDescent="0.35">
      <c r="A10361" s="1" t="s">
        <v>39704</v>
      </c>
      <c r="B10361" s="1" t="s">
        <v>38909</v>
      </c>
      <c r="C10361" s="1" t="s">
        <v>160</v>
      </c>
      <c r="D10361" s="1" t="s">
        <v>39822</v>
      </c>
      <c r="E10361" s="1" t="s">
        <v>39823</v>
      </c>
      <c r="F10361" s="1" t="s">
        <v>39824</v>
      </c>
      <c r="G10361" s="1" t="s">
        <v>39708</v>
      </c>
      <c r="H10361" s="1" t="s">
        <v>39709</v>
      </c>
      <c r="I10361" s="1" t="s">
        <v>38915</v>
      </c>
      <c r="J10361" s="1" t="s">
        <v>39825</v>
      </c>
    </row>
    <row r="10362" spans="1:10" x14ac:dyDescent="0.35">
      <c r="A10362" s="1" t="s">
        <v>39704</v>
      </c>
      <c r="B10362" s="1" t="s">
        <v>38909</v>
      </c>
      <c r="C10362" s="1" t="s">
        <v>165</v>
      </c>
      <c r="D10362" s="1" t="s">
        <v>39826</v>
      </c>
      <c r="E10362" s="1" t="s">
        <v>39827</v>
      </c>
      <c r="F10362" s="1" t="s">
        <v>39828</v>
      </c>
      <c r="G10362" s="1" t="s">
        <v>39708</v>
      </c>
      <c r="H10362" s="1" t="s">
        <v>39709</v>
      </c>
      <c r="I10362" s="1" t="s">
        <v>38915</v>
      </c>
      <c r="J10362" s="1" t="s">
        <v>39829</v>
      </c>
    </row>
    <row r="10363" spans="1:10" x14ac:dyDescent="0.35">
      <c r="A10363" s="1" t="s">
        <v>39704</v>
      </c>
      <c r="B10363" s="1" t="s">
        <v>38909</v>
      </c>
      <c r="C10363" s="1" t="s">
        <v>170</v>
      </c>
      <c r="D10363" s="1" t="s">
        <v>39830</v>
      </c>
      <c r="E10363" s="1" t="s">
        <v>39831</v>
      </c>
      <c r="F10363" s="1" t="s">
        <v>39832</v>
      </c>
      <c r="G10363" s="1" t="s">
        <v>39708</v>
      </c>
      <c r="H10363" s="1" t="s">
        <v>39709</v>
      </c>
      <c r="I10363" s="1" t="s">
        <v>38915</v>
      </c>
      <c r="J10363" s="1" t="s">
        <v>39833</v>
      </c>
    </row>
    <row r="10364" spans="1:10" x14ac:dyDescent="0.35">
      <c r="A10364" s="1" t="s">
        <v>39834</v>
      </c>
      <c r="B10364" s="1" t="s">
        <v>38909</v>
      </c>
      <c r="C10364" s="1" t="s">
        <v>8</v>
      </c>
      <c r="D10364" s="1" t="s">
        <v>39835</v>
      </c>
      <c r="E10364" s="1" t="s">
        <v>39836</v>
      </c>
      <c r="F10364" s="1" t="s">
        <v>39837</v>
      </c>
      <c r="G10364" s="1" t="s">
        <v>39838</v>
      </c>
      <c r="H10364" s="1" t="s">
        <v>39839</v>
      </c>
      <c r="I10364" s="1" t="s">
        <v>38915</v>
      </c>
      <c r="J10364" s="1" t="s">
        <v>13</v>
      </c>
    </row>
    <row r="10365" spans="1:10" x14ac:dyDescent="0.35">
      <c r="A10365" s="1" t="s">
        <v>39834</v>
      </c>
      <c r="B10365" s="1" t="s">
        <v>38909</v>
      </c>
      <c r="C10365" s="1" t="s">
        <v>15</v>
      </c>
      <c r="D10365" s="1" t="s">
        <v>39840</v>
      </c>
      <c r="E10365" s="1" t="s">
        <v>39841</v>
      </c>
      <c r="F10365" s="1" t="s">
        <v>39842</v>
      </c>
      <c r="G10365" s="1" t="s">
        <v>39838</v>
      </c>
      <c r="H10365" s="1" t="s">
        <v>39839</v>
      </c>
      <c r="I10365" s="1" t="s">
        <v>38915</v>
      </c>
      <c r="J10365" s="1" t="s">
        <v>39843</v>
      </c>
    </row>
    <row r="10366" spans="1:10" x14ac:dyDescent="0.35">
      <c r="A10366" s="1" t="s">
        <v>39834</v>
      </c>
      <c r="B10366" s="1" t="s">
        <v>38909</v>
      </c>
      <c r="C10366" s="1" t="s">
        <v>20</v>
      </c>
      <c r="D10366" s="1" t="s">
        <v>39844</v>
      </c>
      <c r="E10366" s="1" t="s">
        <v>39845</v>
      </c>
      <c r="F10366" s="1" t="s">
        <v>39846</v>
      </c>
      <c r="G10366" s="1" t="s">
        <v>39838</v>
      </c>
      <c r="H10366" s="1" t="s">
        <v>39839</v>
      </c>
      <c r="I10366" s="1" t="s">
        <v>38915</v>
      </c>
      <c r="J10366" s="1" t="s">
        <v>39847</v>
      </c>
    </row>
    <row r="10367" spans="1:10" x14ac:dyDescent="0.35">
      <c r="A10367" s="1" t="s">
        <v>39834</v>
      </c>
      <c r="B10367" s="1" t="s">
        <v>38909</v>
      </c>
      <c r="C10367" s="1" t="s">
        <v>25</v>
      </c>
      <c r="D10367" s="1" t="s">
        <v>39848</v>
      </c>
      <c r="E10367" s="1" t="s">
        <v>39849</v>
      </c>
      <c r="F10367" s="1" t="s">
        <v>39850</v>
      </c>
      <c r="G10367" s="1" t="s">
        <v>39838</v>
      </c>
      <c r="H10367" s="1" t="s">
        <v>39839</v>
      </c>
      <c r="I10367" s="1" t="s">
        <v>38915</v>
      </c>
      <c r="J10367" s="1" t="s">
        <v>39851</v>
      </c>
    </row>
    <row r="10368" spans="1:10" x14ac:dyDescent="0.35">
      <c r="A10368" s="1" t="s">
        <v>39834</v>
      </c>
      <c r="B10368" s="1" t="s">
        <v>38909</v>
      </c>
      <c r="C10368" s="1" t="s">
        <v>30</v>
      </c>
      <c r="D10368" s="1" t="s">
        <v>39852</v>
      </c>
      <c r="E10368" s="1" t="s">
        <v>39853</v>
      </c>
      <c r="F10368" s="1" t="s">
        <v>39854</v>
      </c>
      <c r="G10368" s="1" t="s">
        <v>39838</v>
      </c>
      <c r="H10368" s="1" t="s">
        <v>39839</v>
      </c>
      <c r="I10368" s="1" t="s">
        <v>38915</v>
      </c>
      <c r="J10368" s="1" t="s">
        <v>39855</v>
      </c>
    </row>
    <row r="10369" spans="1:10" x14ac:dyDescent="0.35">
      <c r="A10369" s="1" t="s">
        <v>39834</v>
      </c>
      <c r="B10369" s="1" t="s">
        <v>38909</v>
      </c>
      <c r="C10369" s="1" t="s">
        <v>35</v>
      </c>
      <c r="D10369" s="1" t="s">
        <v>39856</v>
      </c>
      <c r="E10369" s="1" t="s">
        <v>39857</v>
      </c>
      <c r="F10369" s="1" t="s">
        <v>39858</v>
      </c>
      <c r="G10369" s="1" t="s">
        <v>39838</v>
      </c>
      <c r="H10369" s="1" t="s">
        <v>39839</v>
      </c>
      <c r="I10369" s="1" t="s">
        <v>38915</v>
      </c>
      <c r="J10369" s="1" t="s">
        <v>39859</v>
      </c>
    </row>
    <row r="10370" spans="1:10" x14ac:dyDescent="0.35">
      <c r="A10370" s="1" t="s">
        <v>39834</v>
      </c>
      <c r="B10370" s="1" t="s">
        <v>38909</v>
      </c>
      <c r="C10370" s="1" t="s">
        <v>40</v>
      </c>
      <c r="D10370" s="1" t="s">
        <v>39860</v>
      </c>
      <c r="E10370" s="1" t="s">
        <v>39861</v>
      </c>
      <c r="F10370" s="1" t="s">
        <v>39862</v>
      </c>
      <c r="G10370" s="1" t="s">
        <v>39838</v>
      </c>
      <c r="H10370" s="1" t="s">
        <v>39839</v>
      </c>
      <c r="I10370" s="1" t="s">
        <v>38915</v>
      </c>
      <c r="J10370" s="1" t="s">
        <v>39863</v>
      </c>
    </row>
    <row r="10371" spans="1:10" x14ac:dyDescent="0.35">
      <c r="A10371" s="1" t="s">
        <v>39834</v>
      </c>
      <c r="B10371" s="1" t="s">
        <v>38909</v>
      </c>
      <c r="C10371" s="1" t="s">
        <v>45</v>
      </c>
      <c r="D10371" s="1" t="s">
        <v>39864</v>
      </c>
      <c r="E10371" s="1" t="s">
        <v>39865</v>
      </c>
      <c r="F10371" s="1" t="s">
        <v>39866</v>
      </c>
      <c r="G10371" s="1" t="s">
        <v>39838</v>
      </c>
      <c r="H10371" s="1" t="s">
        <v>39839</v>
      </c>
      <c r="I10371" s="1" t="s">
        <v>38915</v>
      </c>
      <c r="J10371" s="1" t="s">
        <v>39867</v>
      </c>
    </row>
    <row r="10372" spans="1:10" x14ac:dyDescent="0.35">
      <c r="A10372" s="1" t="s">
        <v>39834</v>
      </c>
      <c r="B10372" s="1" t="s">
        <v>38909</v>
      </c>
      <c r="C10372" s="1" t="s">
        <v>50</v>
      </c>
      <c r="D10372" s="1" t="s">
        <v>39868</v>
      </c>
      <c r="E10372" s="1" t="s">
        <v>39869</v>
      </c>
      <c r="F10372" s="1" t="s">
        <v>39870</v>
      </c>
      <c r="G10372" s="1" t="s">
        <v>39838</v>
      </c>
      <c r="H10372" s="1" t="s">
        <v>39839</v>
      </c>
      <c r="I10372" s="1" t="s">
        <v>38915</v>
      </c>
      <c r="J10372" s="1" t="s">
        <v>39871</v>
      </c>
    </row>
    <row r="10373" spans="1:10" x14ac:dyDescent="0.35">
      <c r="A10373" s="1" t="s">
        <v>39834</v>
      </c>
      <c r="B10373" s="1" t="s">
        <v>38909</v>
      </c>
      <c r="C10373" s="1" t="s">
        <v>55</v>
      </c>
      <c r="D10373" s="1" t="s">
        <v>39872</v>
      </c>
      <c r="E10373" s="1" t="s">
        <v>39873</v>
      </c>
      <c r="F10373" s="1" t="s">
        <v>39874</v>
      </c>
      <c r="G10373" s="1" t="s">
        <v>39838</v>
      </c>
      <c r="H10373" s="1" t="s">
        <v>39839</v>
      </c>
      <c r="I10373" s="1" t="s">
        <v>38915</v>
      </c>
      <c r="J10373" s="1" t="s">
        <v>39875</v>
      </c>
    </row>
    <row r="10374" spans="1:10" x14ac:dyDescent="0.35">
      <c r="A10374" s="1" t="s">
        <v>39834</v>
      </c>
      <c r="B10374" s="1" t="s">
        <v>38909</v>
      </c>
      <c r="C10374" s="1" t="s">
        <v>60</v>
      </c>
      <c r="D10374" s="1" t="s">
        <v>39876</v>
      </c>
      <c r="E10374" s="1" t="s">
        <v>39877</v>
      </c>
      <c r="F10374" s="1" t="s">
        <v>39878</v>
      </c>
      <c r="G10374" s="1" t="s">
        <v>39838</v>
      </c>
      <c r="H10374" s="1" t="s">
        <v>39839</v>
      </c>
      <c r="I10374" s="1" t="s">
        <v>38915</v>
      </c>
      <c r="J10374" s="1" t="s">
        <v>39879</v>
      </c>
    </row>
    <row r="10375" spans="1:10" x14ac:dyDescent="0.35">
      <c r="A10375" s="1" t="s">
        <v>39834</v>
      </c>
      <c r="B10375" s="1" t="s">
        <v>38909</v>
      </c>
      <c r="C10375" s="1" t="s">
        <v>65</v>
      </c>
      <c r="D10375" s="1" t="s">
        <v>39880</v>
      </c>
      <c r="E10375" s="1" t="s">
        <v>39881</v>
      </c>
      <c r="F10375" s="1" t="s">
        <v>39882</v>
      </c>
      <c r="G10375" s="1" t="s">
        <v>39838</v>
      </c>
      <c r="H10375" s="1" t="s">
        <v>39839</v>
      </c>
      <c r="I10375" s="1" t="s">
        <v>38915</v>
      </c>
      <c r="J10375" s="1" t="s">
        <v>39883</v>
      </c>
    </row>
    <row r="10376" spans="1:10" x14ac:dyDescent="0.35">
      <c r="A10376" s="1" t="s">
        <v>39834</v>
      </c>
      <c r="B10376" s="1" t="s">
        <v>38909</v>
      </c>
      <c r="C10376" s="1" t="s">
        <v>70</v>
      </c>
      <c r="D10376" s="1" t="s">
        <v>39884</v>
      </c>
      <c r="E10376" s="1" t="s">
        <v>39885</v>
      </c>
      <c r="F10376" s="1" t="s">
        <v>39886</v>
      </c>
      <c r="G10376" s="1" t="s">
        <v>39838</v>
      </c>
      <c r="H10376" s="1" t="s">
        <v>39839</v>
      </c>
      <c r="I10376" s="1" t="s">
        <v>38915</v>
      </c>
      <c r="J10376" s="1" t="s">
        <v>39887</v>
      </c>
    </row>
    <row r="10377" spans="1:10" x14ac:dyDescent="0.35">
      <c r="A10377" s="1" t="s">
        <v>39834</v>
      </c>
      <c r="B10377" s="1" t="s">
        <v>38909</v>
      </c>
      <c r="C10377" s="1" t="s">
        <v>75</v>
      </c>
      <c r="D10377" s="1" t="s">
        <v>39888</v>
      </c>
      <c r="E10377" s="1" t="s">
        <v>39889</v>
      </c>
      <c r="F10377" s="1" t="s">
        <v>39890</v>
      </c>
      <c r="G10377" s="1" t="s">
        <v>39838</v>
      </c>
      <c r="H10377" s="1" t="s">
        <v>39839</v>
      </c>
      <c r="I10377" s="1" t="s">
        <v>38915</v>
      </c>
      <c r="J10377" s="1" t="s">
        <v>39891</v>
      </c>
    </row>
    <row r="10378" spans="1:10" x14ac:dyDescent="0.35">
      <c r="A10378" s="1" t="s">
        <v>39834</v>
      </c>
      <c r="B10378" s="1" t="s">
        <v>38909</v>
      </c>
      <c r="C10378" s="1" t="s">
        <v>80</v>
      </c>
      <c r="D10378" s="1" t="s">
        <v>39892</v>
      </c>
      <c r="E10378" s="1" t="s">
        <v>39893</v>
      </c>
      <c r="F10378" s="1" t="s">
        <v>39894</v>
      </c>
      <c r="G10378" s="1" t="s">
        <v>39838</v>
      </c>
      <c r="H10378" s="1" t="s">
        <v>39839</v>
      </c>
      <c r="I10378" s="1" t="s">
        <v>38915</v>
      </c>
      <c r="J10378" s="1" t="s">
        <v>39895</v>
      </c>
    </row>
    <row r="10379" spans="1:10" x14ac:dyDescent="0.35">
      <c r="A10379" s="1" t="s">
        <v>39834</v>
      </c>
      <c r="B10379" s="1" t="s">
        <v>38909</v>
      </c>
      <c r="C10379" s="1" t="s">
        <v>85</v>
      </c>
      <c r="D10379" s="1" t="s">
        <v>39896</v>
      </c>
      <c r="E10379" s="1" t="s">
        <v>39897</v>
      </c>
      <c r="F10379" s="1" t="s">
        <v>39898</v>
      </c>
      <c r="G10379" s="1" t="s">
        <v>39838</v>
      </c>
      <c r="H10379" s="1" t="s">
        <v>39839</v>
      </c>
      <c r="I10379" s="1" t="s">
        <v>38915</v>
      </c>
      <c r="J10379" s="1" t="s">
        <v>39899</v>
      </c>
    </row>
    <row r="10380" spans="1:10" x14ac:dyDescent="0.35">
      <c r="A10380" s="1" t="s">
        <v>39834</v>
      </c>
      <c r="B10380" s="1" t="s">
        <v>38909</v>
      </c>
      <c r="C10380" s="1" t="s">
        <v>90</v>
      </c>
      <c r="D10380" s="1" t="s">
        <v>39900</v>
      </c>
      <c r="E10380" s="1" t="s">
        <v>39901</v>
      </c>
      <c r="F10380" s="1" t="s">
        <v>39902</v>
      </c>
      <c r="G10380" s="1" t="s">
        <v>39838</v>
      </c>
      <c r="H10380" s="1" t="s">
        <v>39839</v>
      </c>
      <c r="I10380" s="1" t="s">
        <v>38915</v>
      </c>
      <c r="J10380" s="1" t="s">
        <v>39903</v>
      </c>
    </row>
    <row r="10381" spans="1:10" x14ac:dyDescent="0.35">
      <c r="A10381" s="1" t="s">
        <v>39834</v>
      </c>
      <c r="B10381" s="1" t="s">
        <v>38909</v>
      </c>
      <c r="C10381" s="1" t="s">
        <v>95</v>
      </c>
      <c r="D10381" s="1" t="s">
        <v>39904</v>
      </c>
      <c r="E10381" s="1" t="s">
        <v>39905</v>
      </c>
      <c r="F10381" s="1" t="s">
        <v>39906</v>
      </c>
      <c r="G10381" s="1" t="s">
        <v>39838</v>
      </c>
      <c r="H10381" s="1" t="s">
        <v>39839</v>
      </c>
      <c r="I10381" s="1" t="s">
        <v>38915</v>
      </c>
      <c r="J10381" s="1" t="s">
        <v>39907</v>
      </c>
    </row>
    <row r="10382" spans="1:10" x14ac:dyDescent="0.35">
      <c r="A10382" s="1" t="s">
        <v>39834</v>
      </c>
      <c r="B10382" s="1" t="s">
        <v>38909</v>
      </c>
      <c r="C10382" s="1" t="s">
        <v>100</v>
      </c>
      <c r="D10382" s="1" t="s">
        <v>39908</v>
      </c>
      <c r="E10382" s="1" t="s">
        <v>39909</v>
      </c>
      <c r="F10382" s="1" t="s">
        <v>39910</v>
      </c>
      <c r="G10382" s="1" t="s">
        <v>39838</v>
      </c>
      <c r="H10382" s="1" t="s">
        <v>39839</v>
      </c>
      <c r="I10382" s="1" t="s">
        <v>38915</v>
      </c>
      <c r="J10382" s="1" t="s">
        <v>39911</v>
      </c>
    </row>
    <row r="10383" spans="1:10" x14ac:dyDescent="0.35">
      <c r="A10383" s="1" t="s">
        <v>39834</v>
      </c>
      <c r="B10383" s="1" t="s">
        <v>38909</v>
      </c>
      <c r="C10383" s="1" t="s">
        <v>105</v>
      </c>
      <c r="D10383" s="1" t="s">
        <v>39912</v>
      </c>
      <c r="E10383" s="1" t="s">
        <v>39913</v>
      </c>
      <c r="F10383" s="1" t="s">
        <v>39914</v>
      </c>
      <c r="G10383" s="1" t="s">
        <v>39838</v>
      </c>
      <c r="H10383" s="1" t="s">
        <v>39839</v>
      </c>
      <c r="I10383" s="1" t="s">
        <v>38915</v>
      </c>
      <c r="J10383" s="1" t="s">
        <v>39915</v>
      </c>
    </row>
    <row r="10384" spans="1:10" x14ac:dyDescent="0.35">
      <c r="A10384" s="1" t="s">
        <v>39834</v>
      </c>
      <c r="B10384" s="1" t="s">
        <v>38909</v>
      </c>
      <c r="C10384" s="1" t="s">
        <v>110</v>
      </c>
      <c r="D10384" s="1" t="s">
        <v>39916</v>
      </c>
      <c r="E10384" s="1" t="s">
        <v>39917</v>
      </c>
      <c r="F10384" s="1" t="s">
        <v>39918</v>
      </c>
      <c r="G10384" s="1" t="s">
        <v>39838</v>
      </c>
      <c r="H10384" s="1" t="s">
        <v>39839</v>
      </c>
      <c r="I10384" s="1" t="s">
        <v>38915</v>
      </c>
      <c r="J10384" s="1" t="s">
        <v>39919</v>
      </c>
    </row>
    <row r="10385" spans="1:10" x14ac:dyDescent="0.35">
      <c r="A10385" s="1" t="s">
        <v>39834</v>
      </c>
      <c r="B10385" s="1" t="s">
        <v>38909</v>
      </c>
      <c r="C10385" s="1" t="s">
        <v>115</v>
      </c>
      <c r="D10385" s="1" t="s">
        <v>39920</v>
      </c>
      <c r="E10385" s="1" t="s">
        <v>39921</v>
      </c>
      <c r="F10385" s="1" t="s">
        <v>39922</v>
      </c>
      <c r="G10385" s="1" t="s">
        <v>39838</v>
      </c>
      <c r="H10385" s="1" t="s">
        <v>39839</v>
      </c>
      <c r="I10385" s="1" t="s">
        <v>38915</v>
      </c>
      <c r="J10385" s="1" t="s">
        <v>39923</v>
      </c>
    </row>
    <row r="10386" spans="1:10" x14ac:dyDescent="0.35">
      <c r="A10386" s="1" t="s">
        <v>39834</v>
      </c>
      <c r="B10386" s="1" t="s">
        <v>38909</v>
      </c>
      <c r="C10386" s="1" t="s">
        <v>120</v>
      </c>
      <c r="D10386" s="1" t="s">
        <v>39924</v>
      </c>
      <c r="E10386" s="1" t="s">
        <v>39925</v>
      </c>
      <c r="F10386" s="1" t="s">
        <v>39926</v>
      </c>
      <c r="G10386" s="1" t="s">
        <v>39838</v>
      </c>
      <c r="H10386" s="1" t="s">
        <v>39839</v>
      </c>
      <c r="I10386" s="1" t="s">
        <v>38915</v>
      </c>
      <c r="J10386" s="1" t="s">
        <v>39927</v>
      </c>
    </row>
    <row r="10387" spans="1:10" x14ac:dyDescent="0.35">
      <c r="A10387" s="1" t="s">
        <v>39834</v>
      </c>
      <c r="B10387" s="1" t="s">
        <v>38909</v>
      </c>
      <c r="C10387" s="1" t="s">
        <v>125</v>
      </c>
      <c r="D10387" s="1" t="s">
        <v>39928</v>
      </c>
      <c r="E10387" s="1" t="s">
        <v>39929</v>
      </c>
      <c r="F10387" s="1" t="s">
        <v>39930</v>
      </c>
      <c r="G10387" s="1" t="s">
        <v>39838</v>
      </c>
      <c r="H10387" s="1" t="s">
        <v>39839</v>
      </c>
      <c r="I10387" s="1" t="s">
        <v>38915</v>
      </c>
      <c r="J10387" s="1" t="s">
        <v>39931</v>
      </c>
    </row>
    <row r="10388" spans="1:10" x14ac:dyDescent="0.35">
      <c r="A10388" s="1" t="s">
        <v>39834</v>
      </c>
      <c r="B10388" s="1" t="s">
        <v>38909</v>
      </c>
      <c r="C10388" s="1" t="s">
        <v>130</v>
      </c>
      <c r="D10388" s="1" t="s">
        <v>39932</v>
      </c>
      <c r="E10388" s="1" t="s">
        <v>39933</v>
      </c>
      <c r="F10388" s="1" t="s">
        <v>39934</v>
      </c>
      <c r="G10388" s="1" t="s">
        <v>39838</v>
      </c>
      <c r="H10388" s="1" t="s">
        <v>39839</v>
      </c>
      <c r="I10388" s="1" t="s">
        <v>38915</v>
      </c>
      <c r="J10388" s="1" t="s">
        <v>39935</v>
      </c>
    </row>
    <row r="10389" spans="1:10" x14ac:dyDescent="0.35">
      <c r="A10389" s="1" t="s">
        <v>39834</v>
      </c>
      <c r="B10389" s="1" t="s">
        <v>38909</v>
      </c>
      <c r="C10389" s="1" t="s">
        <v>135</v>
      </c>
      <c r="D10389" s="1" t="s">
        <v>39936</v>
      </c>
      <c r="E10389" s="1" t="s">
        <v>39937</v>
      </c>
      <c r="F10389" s="1" t="s">
        <v>39938</v>
      </c>
      <c r="G10389" s="1" t="s">
        <v>39838</v>
      </c>
      <c r="H10389" s="1" t="s">
        <v>39839</v>
      </c>
      <c r="I10389" s="1" t="s">
        <v>38915</v>
      </c>
      <c r="J10389" s="1" t="s">
        <v>39939</v>
      </c>
    </row>
    <row r="10390" spans="1:10" x14ac:dyDescent="0.35">
      <c r="A10390" s="1" t="s">
        <v>39834</v>
      </c>
      <c r="B10390" s="1" t="s">
        <v>38909</v>
      </c>
      <c r="C10390" s="1" t="s">
        <v>140</v>
      </c>
      <c r="D10390" s="1" t="s">
        <v>39940</v>
      </c>
      <c r="E10390" s="1" t="s">
        <v>39941</v>
      </c>
      <c r="F10390" s="1" t="s">
        <v>39942</v>
      </c>
      <c r="G10390" s="1" t="s">
        <v>39838</v>
      </c>
      <c r="H10390" s="1" t="s">
        <v>39839</v>
      </c>
      <c r="I10390" s="1" t="s">
        <v>38915</v>
      </c>
      <c r="J10390" s="1" t="s">
        <v>39943</v>
      </c>
    </row>
    <row r="10391" spans="1:10" x14ac:dyDescent="0.35">
      <c r="A10391" s="1" t="s">
        <v>39834</v>
      </c>
      <c r="B10391" s="1" t="s">
        <v>38909</v>
      </c>
      <c r="C10391" s="1" t="s">
        <v>145</v>
      </c>
      <c r="D10391" s="1" t="s">
        <v>39944</v>
      </c>
      <c r="E10391" s="1" t="s">
        <v>39945</v>
      </c>
      <c r="F10391" s="1" t="s">
        <v>39946</v>
      </c>
      <c r="G10391" s="1" t="s">
        <v>39838</v>
      </c>
      <c r="H10391" s="1" t="s">
        <v>39839</v>
      </c>
      <c r="I10391" s="1" t="s">
        <v>38915</v>
      </c>
      <c r="J10391" s="1" t="s">
        <v>39947</v>
      </c>
    </row>
    <row r="10392" spans="1:10" x14ac:dyDescent="0.35">
      <c r="A10392" s="1" t="s">
        <v>39834</v>
      </c>
      <c r="B10392" s="1" t="s">
        <v>38909</v>
      </c>
      <c r="C10392" s="1" t="s">
        <v>150</v>
      </c>
      <c r="D10392" s="1" t="s">
        <v>39948</v>
      </c>
      <c r="E10392" s="1" t="s">
        <v>39949</v>
      </c>
      <c r="F10392" s="1" t="s">
        <v>39950</v>
      </c>
      <c r="G10392" s="1" t="s">
        <v>39838</v>
      </c>
      <c r="H10392" s="1" t="s">
        <v>39839</v>
      </c>
      <c r="I10392" s="1" t="s">
        <v>38915</v>
      </c>
      <c r="J10392" s="1" t="s">
        <v>39951</v>
      </c>
    </row>
    <row r="10393" spans="1:10" x14ac:dyDescent="0.35">
      <c r="A10393" s="1" t="s">
        <v>39834</v>
      </c>
      <c r="B10393" s="1" t="s">
        <v>38909</v>
      </c>
      <c r="C10393" s="1" t="s">
        <v>155</v>
      </c>
      <c r="D10393" s="1" t="s">
        <v>39952</v>
      </c>
      <c r="E10393" s="1" t="s">
        <v>39953</v>
      </c>
      <c r="F10393" s="1" t="s">
        <v>39954</v>
      </c>
      <c r="G10393" s="1" t="s">
        <v>39838</v>
      </c>
      <c r="H10393" s="1" t="s">
        <v>39839</v>
      </c>
      <c r="I10393" s="1" t="s">
        <v>38915</v>
      </c>
      <c r="J10393" s="1" t="s">
        <v>39955</v>
      </c>
    </row>
    <row r="10394" spans="1:10" x14ac:dyDescent="0.35">
      <c r="A10394" s="1" t="s">
        <v>39834</v>
      </c>
      <c r="B10394" s="1" t="s">
        <v>38909</v>
      </c>
      <c r="C10394" s="1" t="s">
        <v>160</v>
      </c>
      <c r="D10394" s="1" t="s">
        <v>39956</v>
      </c>
      <c r="E10394" s="1" t="s">
        <v>39957</v>
      </c>
      <c r="F10394" s="1" t="s">
        <v>39958</v>
      </c>
      <c r="G10394" s="1" t="s">
        <v>39838</v>
      </c>
      <c r="H10394" s="1" t="s">
        <v>39839</v>
      </c>
      <c r="I10394" s="1" t="s">
        <v>38915</v>
      </c>
      <c r="J10394" s="1" t="s">
        <v>39959</v>
      </c>
    </row>
    <row r="10395" spans="1:10" x14ac:dyDescent="0.35">
      <c r="A10395" s="1" t="s">
        <v>39834</v>
      </c>
      <c r="B10395" s="1" t="s">
        <v>38909</v>
      </c>
      <c r="C10395" s="1" t="s">
        <v>165</v>
      </c>
      <c r="D10395" s="1" t="s">
        <v>39960</v>
      </c>
      <c r="E10395" s="1" t="s">
        <v>39961</v>
      </c>
      <c r="F10395" s="1" t="s">
        <v>39962</v>
      </c>
      <c r="G10395" s="1" t="s">
        <v>39838</v>
      </c>
      <c r="H10395" s="1" t="s">
        <v>39839</v>
      </c>
      <c r="I10395" s="1" t="s">
        <v>38915</v>
      </c>
      <c r="J10395" s="1" t="s">
        <v>39963</v>
      </c>
    </row>
    <row r="10396" spans="1:10" x14ac:dyDescent="0.35">
      <c r="A10396" s="1" t="s">
        <v>39834</v>
      </c>
      <c r="B10396" s="1" t="s">
        <v>38909</v>
      </c>
      <c r="C10396" s="1" t="s">
        <v>170</v>
      </c>
      <c r="D10396" s="1" t="s">
        <v>39964</v>
      </c>
      <c r="E10396" s="1" t="s">
        <v>39965</v>
      </c>
      <c r="F10396" s="1" t="s">
        <v>39966</v>
      </c>
      <c r="G10396" s="1" t="s">
        <v>39838</v>
      </c>
      <c r="H10396" s="1" t="s">
        <v>39839</v>
      </c>
      <c r="I10396" s="1" t="s">
        <v>38915</v>
      </c>
      <c r="J10396" s="1" t="s">
        <v>39967</v>
      </c>
    </row>
    <row r="10397" spans="1:10" x14ac:dyDescent="0.35">
      <c r="A10397" s="1" t="s">
        <v>39968</v>
      </c>
      <c r="B10397" s="1" t="s">
        <v>38909</v>
      </c>
      <c r="C10397" s="1" t="s">
        <v>8</v>
      </c>
      <c r="D10397" s="1" t="s">
        <v>39969</v>
      </c>
      <c r="E10397" s="1" t="s">
        <v>39970</v>
      </c>
      <c r="F10397" s="1" t="s">
        <v>39971</v>
      </c>
      <c r="G10397" s="1" t="s">
        <v>39972</v>
      </c>
      <c r="H10397" s="1" t="s">
        <v>39973</v>
      </c>
      <c r="I10397" s="1" t="s">
        <v>38915</v>
      </c>
      <c r="J10397" s="1" t="s">
        <v>13</v>
      </c>
    </row>
    <row r="10398" spans="1:10" x14ac:dyDescent="0.35">
      <c r="A10398" s="1" t="s">
        <v>39968</v>
      </c>
      <c r="B10398" s="1" t="s">
        <v>38909</v>
      </c>
      <c r="C10398" s="1" t="s">
        <v>15</v>
      </c>
      <c r="D10398" s="1" t="s">
        <v>39974</v>
      </c>
      <c r="E10398" s="1" t="s">
        <v>39975</v>
      </c>
      <c r="F10398" s="1" t="s">
        <v>39976</v>
      </c>
      <c r="G10398" s="1" t="s">
        <v>39972</v>
      </c>
      <c r="H10398" s="1" t="s">
        <v>39973</v>
      </c>
      <c r="I10398" s="1" t="s">
        <v>38915</v>
      </c>
      <c r="J10398" s="1" t="s">
        <v>39977</v>
      </c>
    </row>
    <row r="10399" spans="1:10" x14ac:dyDescent="0.35">
      <c r="A10399" s="1" t="s">
        <v>39968</v>
      </c>
      <c r="B10399" s="1" t="s">
        <v>38909</v>
      </c>
      <c r="C10399" s="1" t="s">
        <v>20</v>
      </c>
      <c r="D10399" s="1" t="s">
        <v>27190</v>
      </c>
      <c r="E10399" s="1" t="s">
        <v>39978</v>
      </c>
      <c r="F10399" s="1" t="s">
        <v>39979</v>
      </c>
      <c r="G10399" s="1" t="s">
        <v>39972</v>
      </c>
      <c r="H10399" s="1" t="s">
        <v>39973</v>
      </c>
      <c r="I10399" s="1" t="s">
        <v>38915</v>
      </c>
      <c r="J10399" s="1" t="s">
        <v>39980</v>
      </c>
    </row>
    <row r="10400" spans="1:10" x14ac:dyDescent="0.35">
      <c r="A10400" s="1" t="s">
        <v>39968</v>
      </c>
      <c r="B10400" s="1" t="s">
        <v>38909</v>
      </c>
      <c r="C10400" s="1" t="s">
        <v>25</v>
      </c>
      <c r="D10400" s="1" t="s">
        <v>39981</v>
      </c>
      <c r="E10400" s="1" t="s">
        <v>39982</v>
      </c>
      <c r="F10400" s="1" t="s">
        <v>39983</v>
      </c>
      <c r="G10400" s="1" t="s">
        <v>39972</v>
      </c>
      <c r="H10400" s="1" t="s">
        <v>39973</v>
      </c>
      <c r="I10400" s="1" t="s">
        <v>38915</v>
      </c>
      <c r="J10400" s="1" t="s">
        <v>39984</v>
      </c>
    </row>
    <row r="10401" spans="1:10" x14ac:dyDescent="0.35">
      <c r="A10401" s="1" t="s">
        <v>39968</v>
      </c>
      <c r="B10401" s="1" t="s">
        <v>38909</v>
      </c>
      <c r="C10401" s="1" t="s">
        <v>30</v>
      </c>
      <c r="D10401" s="1" t="s">
        <v>39985</v>
      </c>
      <c r="E10401" s="1" t="s">
        <v>39986</v>
      </c>
      <c r="F10401" s="1" t="s">
        <v>39987</v>
      </c>
      <c r="G10401" s="1" t="s">
        <v>39972</v>
      </c>
      <c r="H10401" s="1" t="s">
        <v>39973</v>
      </c>
      <c r="I10401" s="1" t="s">
        <v>38915</v>
      </c>
      <c r="J10401" s="1" t="s">
        <v>39988</v>
      </c>
    </row>
    <row r="10402" spans="1:10" x14ac:dyDescent="0.35">
      <c r="A10402" s="1" t="s">
        <v>39968</v>
      </c>
      <c r="B10402" s="1" t="s">
        <v>38909</v>
      </c>
      <c r="C10402" s="1" t="s">
        <v>35</v>
      </c>
      <c r="D10402" s="1" t="s">
        <v>24404</v>
      </c>
      <c r="E10402" s="1" t="s">
        <v>39989</v>
      </c>
      <c r="F10402" s="1" t="s">
        <v>39990</v>
      </c>
      <c r="G10402" s="1" t="s">
        <v>39972</v>
      </c>
      <c r="H10402" s="1" t="s">
        <v>39973</v>
      </c>
      <c r="I10402" s="1" t="s">
        <v>38915</v>
      </c>
      <c r="J10402" s="1" t="s">
        <v>39991</v>
      </c>
    </row>
    <row r="10403" spans="1:10" x14ac:dyDescent="0.35">
      <c r="A10403" s="1" t="s">
        <v>39968</v>
      </c>
      <c r="B10403" s="1" t="s">
        <v>38909</v>
      </c>
      <c r="C10403" s="1" t="s">
        <v>40</v>
      </c>
      <c r="D10403" s="1" t="s">
        <v>39992</v>
      </c>
      <c r="E10403" s="1" t="s">
        <v>39993</v>
      </c>
      <c r="F10403" s="1" t="s">
        <v>39994</v>
      </c>
      <c r="G10403" s="1" t="s">
        <v>39972</v>
      </c>
      <c r="H10403" s="1" t="s">
        <v>39973</v>
      </c>
      <c r="I10403" s="1" t="s">
        <v>38915</v>
      </c>
      <c r="J10403" s="1" t="s">
        <v>39995</v>
      </c>
    </row>
    <row r="10404" spans="1:10" x14ac:dyDescent="0.35">
      <c r="A10404" s="1" t="s">
        <v>39968</v>
      </c>
      <c r="B10404" s="1" t="s">
        <v>38909</v>
      </c>
      <c r="C10404" s="1" t="s">
        <v>45</v>
      </c>
      <c r="D10404" s="1" t="s">
        <v>39996</v>
      </c>
      <c r="E10404" s="1" t="s">
        <v>39997</v>
      </c>
      <c r="F10404" s="1" t="s">
        <v>39998</v>
      </c>
      <c r="G10404" s="1" t="s">
        <v>39972</v>
      </c>
      <c r="H10404" s="1" t="s">
        <v>39973</v>
      </c>
      <c r="I10404" s="1" t="s">
        <v>38915</v>
      </c>
      <c r="J10404" s="1" t="s">
        <v>39999</v>
      </c>
    </row>
    <row r="10405" spans="1:10" x14ac:dyDescent="0.35">
      <c r="A10405" s="1" t="s">
        <v>39968</v>
      </c>
      <c r="B10405" s="1" t="s">
        <v>38909</v>
      </c>
      <c r="C10405" s="1" t="s">
        <v>50</v>
      </c>
      <c r="D10405" s="1" t="s">
        <v>40000</v>
      </c>
      <c r="E10405" s="1" t="s">
        <v>40001</v>
      </c>
      <c r="F10405" s="1" t="s">
        <v>40002</v>
      </c>
      <c r="G10405" s="1" t="s">
        <v>39972</v>
      </c>
      <c r="H10405" s="1" t="s">
        <v>39973</v>
      </c>
      <c r="I10405" s="1" t="s">
        <v>38915</v>
      </c>
      <c r="J10405" s="1" t="s">
        <v>40003</v>
      </c>
    </row>
    <row r="10406" spans="1:10" x14ac:dyDescent="0.35">
      <c r="A10406" s="1" t="s">
        <v>39968</v>
      </c>
      <c r="B10406" s="1" t="s">
        <v>38909</v>
      </c>
      <c r="C10406" s="1" t="s">
        <v>55</v>
      </c>
      <c r="D10406" s="1" t="s">
        <v>40004</v>
      </c>
      <c r="E10406" s="1" t="s">
        <v>40005</v>
      </c>
      <c r="F10406" s="1" t="s">
        <v>40006</v>
      </c>
      <c r="G10406" s="1" t="s">
        <v>39972</v>
      </c>
      <c r="H10406" s="1" t="s">
        <v>39973</v>
      </c>
      <c r="I10406" s="1" t="s">
        <v>38915</v>
      </c>
      <c r="J10406" s="1" t="s">
        <v>40007</v>
      </c>
    </row>
    <row r="10407" spans="1:10" x14ac:dyDescent="0.35">
      <c r="A10407" s="1" t="s">
        <v>39968</v>
      </c>
      <c r="B10407" s="1" t="s">
        <v>38909</v>
      </c>
      <c r="C10407" s="1" t="s">
        <v>60</v>
      </c>
      <c r="D10407" s="1" t="s">
        <v>40008</v>
      </c>
      <c r="E10407" s="1" t="s">
        <v>40009</v>
      </c>
      <c r="F10407" s="1" t="s">
        <v>40010</v>
      </c>
      <c r="G10407" s="1" t="s">
        <v>39972</v>
      </c>
      <c r="H10407" s="1" t="s">
        <v>39973</v>
      </c>
      <c r="I10407" s="1" t="s">
        <v>38915</v>
      </c>
      <c r="J10407" s="1" t="s">
        <v>40011</v>
      </c>
    </row>
    <row r="10408" spans="1:10" x14ac:dyDescent="0.35">
      <c r="A10408" s="1" t="s">
        <v>39968</v>
      </c>
      <c r="B10408" s="1" t="s">
        <v>38909</v>
      </c>
      <c r="C10408" s="1" t="s">
        <v>65</v>
      </c>
      <c r="D10408" s="1" t="s">
        <v>24754</v>
      </c>
      <c r="E10408" s="1" t="s">
        <v>40012</v>
      </c>
      <c r="F10408" s="1" t="s">
        <v>40013</v>
      </c>
      <c r="G10408" s="1" t="s">
        <v>39972</v>
      </c>
      <c r="H10408" s="1" t="s">
        <v>39973</v>
      </c>
      <c r="I10408" s="1" t="s">
        <v>38915</v>
      </c>
      <c r="J10408" s="1" t="s">
        <v>40014</v>
      </c>
    </row>
    <row r="10409" spans="1:10" x14ac:dyDescent="0.35">
      <c r="A10409" s="1" t="s">
        <v>39968</v>
      </c>
      <c r="B10409" s="1" t="s">
        <v>38909</v>
      </c>
      <c r="C10409" s="1" t="s">
        <v>70</v>
      </c>
      <c r="D10409" s="1" t="s">
        <v>40015</v>
      </c>
      <c r="E10409" s="1" t="s">
        <v>40016</v>
      </c>
      <c r="F10409" s="1" t="s">
        <v>40017</v>
      </c>
      <c r="G10409" s="1" t="s">
        <v>39972</v>
      </c>
      <c r="H10409" s="1" t="s">
        <v>39973</v>
      </c>
      <c r="I10409" s="1" t="s">
        <v>38915</v>
      </c>
      <c r="J10409" s="1" t="s">
        <v>40018</v>
      </c>
    </row>
    <row r="10410" spans="1:10" x14ac:dyDescent="0.35">
      <c r="A10410" s="1" t="s">
        <v>39968</v>
      </c>
      <c r="B10410" s="1" t="s">
        <v>38909</v>
      </c>
      <c r="C10410" s="1" t="s">
        <v>75</v>
      </c>
      <c r="D10410" s="1" t="s">
        <v>40019</v>
      </c>
      <c r="E10410" s="1" t="s">
        <v>40020</v>
      </c>
      <c r="F10410" s="1" t="s">
        <v>40021</v>
      </c>
      <c r="G10410" s="1" t="s">
        <v>39972</v>
      </c>
      <c r="H10410" s="1" t="s">
        <v>39973</v>
      </c>
      <c r="I10410" s="1" t="s">
        <v>38915</v>
      </c>
      <c r="J10410" s="1" t="s">
        <v>40022</v>
      </c>
    </row>
    <row r="10411" spans="1:10" x14ac:dyDescent="0.35">
      <c r="A10411" s="1" t="s">
        <v>39968</v>
      </c>
      <c r="B10411" s="1" t="s">
        <v>38909</v>
      </c>
      <c r="C10411" s="1" t="s">
        <v>80</v>
      </c>
      <c r="D10411" s="1" t="s">
        <v>40023</v>
      </c>
      <c r="E10411" s="1" t="s">
        <v>40024</v>
      </c>
      <c r="F10411" s="1" t="s">
        <v>40025</v>
      </c>
      <c r="G10411" s="1" t="s">
        <v>39972</v>
      </c>
      <c r="H10411" s="1" t="s">
        <v>39973</v>
      </c>
      <c r="I10411" s="1" t="s">
        <v>38915</v>
      </c>
      <c r="J10411" s="1" t="s">
        <v>40026</v>
      </c>
    </row>
    <row r="10412" spans="1:10" x14ac:dyDescent="0.35">
      <c r="A10412" s="1" t="s">
        <v>39968</v>
      </c>
      <c r="B10412" s="1" t="s">
        <v>38909</v>
      </c>
      <c r="C10412" s="1" t="s">
        <v>85</v>
      </c>
      <c r="D10412" s="1" t="s">
        <v>40027</v>
      </c>
      <c r="E10412" s="1" t="s">
        <v>40028</v>
      </c>
      <c r="F10412" s="1" t="s">
        <v>40029</v>
      </c>
      <c r="G10412" s="1" t="s">
        <v>39972</v>
      </c>
      <c r="H10412" s="1" t="s">
        <v>39973</v>
      </c>
      <c r="I10412" s="1" t="s">
        <v>38915</v>
      </c>
      <c r="J10412" s="1" t="s">
        <v>40030</v>
      </c>
    </row>
    <row r="10413" spans="1:10" x14ac:dyDescent="0.35">
      <c r="A10413" s="1" t="s">
        <v>39968</v>
      </c>
      <c r="B10413" s="1" t="s">
        <v>38909</v>
      </c>
      <c r="C10413" s="1" t="s">
        <v>90</v>
      </c>
      <c r="D10413" s="1" t="s">
        <v>40031</v>
      </c>
      <c r="E10413" s="1" t="s">
        <v>40032</v>
      </c>
      <c r="F10413" s="1" t="s">
        <v>40033</v>
      </c>
      <c r="G10413" s="1" t="s">
        <v>39972</v>
      </c>
      <c r="H10413" s="1" t="s">
        <v>39973</v>
      </c>
      <c r="I10413" s="1" t="s">
        <v>38915</v>
      </c>
      <c r="J10413" s="1" t="s">
        <v>40034</v>
      </c>
    </row>
    <row r="10414" spans="1:10" x14ac:dyDescent="0.35">
      <c r="A10414" s="1" t="s">
        <v>39968</v>
      </c>
      <c r="B10414" s="1" t="s">
        <v>38909</v>
      </c>
      <c r="C10414" s="1" t="s">
        <v>95</v>
      </c>
      <c r="D10414" s="1" t="s">
        <v>40035</v>
      </c>
      <c r="E10414" s="1" t="s">
        <v>40036</v>
      </c>
      <c r="F10414" s="1" t="s">
        <v>40037</v>
      </c>
      <c r="G10414" s="1" t="s">
        <v>39972</v>
      </c>
      <c r="H10414" s="1" t="s">
        <v>39973</v>
      </c>
      <c r="I10414" s="1" t="s">
        <v>38915</v>
      </c>
      <c r="J10414" s="1" t="s">
        <v>40038</v>
      </c>
    </row>
    <row r="10415" spans="1:10" x14ac:dyDescent="0.35">
      <c r="A10415" s="1" t="s">
        <v>39968</v>
      </c>
      <c r="B10415" s="1" t="s">
        <v>38909</v>
      </c>
      <c r="C10415" s="1" t="s">
        <v>100</v>
      </c>
      <c r="D10415" s="1" t="s">
        <v>40039</v>
      </c>
      <c r="E10415" s="1" t="s">
        <v>40040</v>
      </c>
      <c r="F10415" s="1" t="s">
        <v>40041</v>
      </c>
      <c r="G10415" s="1" t="s">
        <v>39972</v>
      </c>
      <c r="H10415" s="1" t="s">
        <v>39973</v>
      </c>
      <c r="I10415" s="1" t="s">
        <v>38915</v>
      </c>
      <c r="J10415" s="1" t="s">
        <v>40042</v>
      </c>
    </row>
    <row r="10416" spans="1:10" x14ac:dyDescent="0.35">
      <c r="A10416" s="1" t="s">
        <v>39968</v>
      </c>
      <c r="B10416" s="1" t="s">
        <v>38909</v>
      </c>
      <c r="C10416" s="1" t="s">
        <v>105</v>
      </c>
      <c r="D10416" s="1" t="s">
        <v>40043</v>
      </c>
      <c r="E10416" s="1" t="s">
        <v>40044</v>
      </c>
      <c r="F10416" s="1" t="s">
        <v>40045</v>
      </c>
      <c r="G10416" s="1" t="s">
        <v>39972</v>
      </c>
      <c r="H10416" s="1" t="s">
        <v>39973</v>
      </c>
      <c r="I10416" s="1" t="s">
        <v>38915</v>
      </c>
      <c r="J10416" s="1" t="s">
        <v>40046</v>
      </c>
    </row>
    <row r="10417" spans="1:10" x14ac:dyDescent="0.35">
      <c r="A10417" s="1" t="s">
        <v>39968</v>
      </c>
      <c r="B10417" s="1" t="s">
        <v>38909</v>
      </c>
      <c r="C10417" s="1" t="s">
        <v>110</v>
      </c>
      <c r="D10417" s="1" t="s">
        <v>40047</v>
      </c>
      <c r="E10417" s="1" t="s">
        <v>40048</v>
      </c>
      <c r="F10417" s="1" t="s">
        <v>40049</v>
      </c>
      <c r="G10417" s="1" t="s">
        <v>39972</v>
      </c>
      <c r="H10417" s="1" t="s">
        <v>39973</v>
      </c>
      <c r="I10417" s="1" t="s">
        <v>38915</v>
      </c>
      <c r="J10417" s="1" t="s">
        <v>40050</v>
      </c>
    </row>
    <row r="10418" spans="1:10" x14ac:dyDescent="0.35">
      <c r="A10418" s="1" t="s">
        <v>39968</v>
      </c>
      <c r="B10418" s="1" t="s">
        <v>38909</v>
      </c>
      <c r="C10418" s="1" t="s">
        <v>115</v>
      </c>
      <c r="D10418" s="1" t="s">
        <v>40051</v>
      </c>
      <c r="E10418" s="1" t="s">
        <v>40052</v>
      </c>
      <c r="F10418" s="1" t="s">
        <v>40053</v>
      </c>
      <c r="G10418" s="1" t="s">
        <v>39972</v>
      </c>
      <c r="H10418" s="1" t="s">
        <v>39973</v>
      </c>
      <c r="I10418" s="1" t="s">
        <v>38915</v>
      </c>
      <c r="J10418" s="1" t="s">
        <v>40054</v>
      </c>
    </row>
    <row r="10419" spans="1:10" x14ac:dyDescent="0.35">
      <c r="A10419" s="1" t="s">
        <v>39968</v>
      </c>
      <c r="B10419" s="1" t="s">
        <v>38909</v>
      </c>
      <c r="C10419" s="1" t="s">
        <v>120</v>
      </c>
      <c r="D10419" s="1" t="s">
        <v>40055</v>
      </c>
      <c r="E10419" s="1" t="s">
        <v>40056</v>
      </c>
      <c r="F10419" s="1" t="s">
        <v>40057</v>
      </c>
      <c r="G10419" s="1" t="s">
        <v>39972</v>
      </c>
      <c r="H10419" s="1" t="s">
        <v>39973</v>
      </c>
      <c r="I10419" s="1" t="s">
        <v>38915</v>
      </c>
      <c r="J10419" s="1" t="s">
        <v>40058</v>
      </c>
    </row>
    <row r="10420" spans="1:10" x14ac:dyDescent="0.35">
      <c r="A10420" s="1" t="s">
        <v>39968</v>
      </c>
      <c r="B10420" s="1" t="s">
        <v>38909</v>
      </c>
      <c r="C10420" s="1" t="s">
        <v>125</v>
      </c>
      <c r="D10420" s="1" t="s">
        <v>40059</v>
      </c>
      <c r="E10420" s="1" t="s">
        <v>40060</v>
      </c>
      <c r="F10420" s="1" t="s">
        <v>40061</v>
      </c>
      <c r="G10420" s="1" t="s">
        <v>39972</v>
      </c>
      <c r="H10420" s="1" t="s">
        <v>39973</v>
      </c>
      <c r="I10420" s="1" t="s">
        <v>38915</v>
      </c>
      <c r="J10420" s="1" t="s">
        <v>40062</v>
      </c>
    </row>
    <row r="10421" spans="1:10" x14ac:dyDescent="0.35">
      <c r="A10421" s="1" t="s">
        <v>39968</v>
      </c>
      <c r="B10421" s="1" t="s">
        <v>38909</v>
      </c>
      <c r="C10421" s="1" t="s">
        <v>130</v>
      </c>
      <c r="D10421" s="1" t="s">
        <v>40063</v>
      </c>
      <c r="E10421" s="1" t="s">
        <v>40064</v>
      </c>
      <c r="F10421" s="1" t="s">
        <v>40065</v>
      </c>
      <c r="G10421" s="1" t="s">
        <v>39972</v>
      </c>
      <c r="H10421" s="1" t="s">
        <v>39973</v>
      </c>
      <c r="I10421" s="1" t="s">
        <v>38915</v>
      </c>
      <c r="J10421" s="1" t="s">
        <v>40066</v>
      </c>
    </row>
    <row r="10422" spans="1:10" x14ac:dyDescent="0.35">
      <c r="A10422" s="1" t="s">
        <v>39968</v>
      </c>
      <c r="B10422" s="1" t="s">
        <v>38909</v>
      </c>
      <c r="C10422" s="1" t="s">
        <v>135</v>
      </c>
      <c r="D10422" s="1" t="s">
        <v>40067</v>
      </c>
      <c r="E10422" s="1" t="s">
        <v>40068</v>
      </c>
      <c r="F10422" s="1" t="s">
        <v>40069</v>
      </c>
      <c r="G10422" s="1" t="s">
        <v>39972</v>
      </c>
      <c r="H10422" s="1" t="s">
        <v>39973</v>
      </c>
      <c r="I10422" s="1" t="s">
        <v>38915</v>
      </c>
      <c r="J10422" s="1" t="s">
        <v>40070</v>
      </c>
    </row>
    <row r="10423" spans="1:10" x14ac:dyDescent="0.35">
      <c r="A10423" s="1" t="s">
        <v>39968</v>
      </c>
      <c r="B10423" s="1" t="s">
        <v>38909</v>
      </c>
      <c r="C10423" s="1" t="s">
        <v>140</v>
      </c>
      <c r="D10423" s="1" t="s">
        <v>40071</v>
      </c>
      <c r="E10423" s="1" t="s">
        <v>40072</v>
      </c>
      <c r="F10423" s="1" t="s">
        <v>40073</v>
      </c>
      <c r="G10423" s="1" t="s">
        <v>39972</v>
      </c>
      <c r="H10423" s="1" t="s">
        <v>39973</v>
      </c>
      <c r="I10423" s="1" t="s">
        <v>38915</v>
      </c>
      <c r="J10423" s="1" t="s">
        <v>40074</v>
      </c>
    </row>
    <row r="10424" spans="1:10" x14ac:dyDescent="0.35">
      <c r="A10424" s="1" t="s">
        <v>39968</v>
      </c>
      <c r="B10424" s="1" t="s">
        <v>38909</v>
      </c>
      <c r="C10424" s="1" t="s">
        <v>145</v>
      </c>
      <c r="D10424" s="1" t="s">
        <v>40075</v>
      </c>
      <c r="E10424" s="1" t="s">
        <v>40076</v>
      </c>
      <c r="F10424" s="1" t="s">
        <v>40077</v>
      </c>
      <c r="G10424" s="1" t="s">
        <v>39972</v>
      </c>
      <c r="H10424" s="1" t="s">
        <v>39973</v>
      </c>
      <c r="I10424" s="1" t="s">
        <v>38915</v>
      </c>
      <c r="J10424" s="1" t="s">
        <v>40078</v>
      </c>
    </row>
    <row r="10425" spans="1:10" x14ac:dyDescent="0.35">
      <c r="A10425" s="1" t="s">
        <v>39968</v>
      </c>
      <c r="B10425" s="1" t="s">
        <v>38909</v>
      </c>
      <c r="C10425" s="1" t="s">
        <v>150</v>
      </c>
      <c r="D10425" s="1" t="s">
        <v>40079</v>
      </c>
      <c r="E10425" s="1" t="s">
        <v>40080</v>
      </c>
      <c r="F10425" s="1" t="s">
        <v>40081</v>
      </c>
      <c r="G10425" s="1" t="s">
        <v>39972</v>
      </c>
      <c r="H10425" s="1" t="s">
        <v>39973</v>
      </c>
      <c r="I10425" s="1" t="s">
        <v>38915</v>
      </c>
      <c r="J10425" s="1" t="s">
        <v>40082</v>
      </c>
    </row>
    <row r="10426" spans="1:10" x14ac:dyDescent="0.35">
      <c r="A10426" s="1" t="s">
        <v>39968</v>
      </c>
      <c r="B10426" s="1" t="s">
        <v>38909</v>
      </c>
      <c r="C10426" s="1" t="s">
        <v>155</v>
      </c>
      <c r="D10426" s="1" t="s">
        <v>40083</v>
      </c>
      <c r="E10426" s="1" t="s">
        <v>40084</v>
      </c>
      <c r="F10426" s="1" t="s">
        <v>40085</v>
      </c>
      <c r="G10426" s="1" t="s">
        <v>39972</v>
      </c>
      <c r="H10426" s="1" t="s">
        <v>39973</v>
      </c>
      <c r="I10426" s="1" t="s">
        <v>38915</v>
      </c>
      <c r="J10426" s="1" t="s">
        <v>40086</v>
      </c>
    </row>
    <row r="10427" spans="1:10" x14ac:dyDescent="0.35">
      <c r="A10427" s="1" t="s">
        <v>39968</v>
      </c>
      <c r="B10427" s="1" t="s">
        <v>38909</v>
      </c>
      <c r="C10427" s="1" t="s">
        <v>160</v>
      </c>
      <c r="D10427" s="1" t="s">
        <v>40087</v>
      </c>
      <c r="E10427" s="1" t="s">
        <v>40088</v>
      </c>
      <c r="F10427" s="1" t="s">
        <v>40089</v>
      </c>
      <c r="G10427" s="1" t="s">
        <v>39972</v>
      </c>
      <c r="H10427" s="1" t="s">
        <v>39973</v>
      </c>
      <c r="I10427" s="1" t="s">
        <v>38915</v>
      </c>
      <c r="J10427" s="1" t="s">
        <v>40090</v>
      </c>
    </row>
    <row r="10428" spans="1:10" x14ac:dyDescent="0.35">
      <c r="A10428" s="1" t="s">
        <v>39968</v>
      </c>
      <c r="B10428" s="1" t="s">
        <v>38909</v>
      </c>
      <c r="C10428" s="1" t="s">
        <v>165</v>
      </c>
      <c r="D10428" s="1" t="s">
        <v>40091</v>
      </c>
      <c r="E10428" s="1" t="s">
        <v>40092</v>
      </c>
      <c r="F10428" s="1" t="s">
        <v>40093</v>
      </c>
      <c r="G10428" s="1" t="s">
        <v>39972</v>
      </c>
      <c r="H10428" s="1" t="s">
        <v>39973</v>
      </c>
      <c r="I10428" s="1" t="s">
        <v>38915</v>
      </c>
      <c r="J10428" s="1" t="s">
        <v>40094</v>
      </c>
    </row>
    <row r="10429" spans="1:10" x14ac:dyDescent="0.35">
      <c r="A10429" s="1" t="s">
        <v>39968</v>
      </c>
      <c r="B10429" s="1" t="s">
        <v>38909</v>
      </c>
      <c r="C10429" s="1" t="s">
        <v>170</v>
      </c>
      <c r="D10429" s="1" t="s">
        <v>40095</v>
      </c>
      <c r="E10429" s="1" t="s">
        <v>40096</v>
      </c>
      <c r="F10429" s="1" t="s">
        <v>40097</v>
      </c>
      <c r="G10429" s="1" t="s">
        <v>39972</v>
      </c>
      <c r="H10429" s="1" t="s">
        <v>39973</v>
      </c>
      <c r="I10429" s="1" t="s">
        <v>38915</v>
      </c>
      <c r="J10429" s="1" t="s">
        <v>40098</v>
      </c>
    </row>
    <row r="10430" spans="1:10" x14ac:dyDescent="0.35">
      <c r="A10430" s="1" t="s">
        <v>40099</v>
      </c>
      <c r="B10430" s="1" t="s">
        <v>38909</v>
      </c>
      <c r="C10430" s="1" t="s">
        <v>8</v>
      </c>
      <c r="D10430" s="1" t="s">
        <v>40100</v>
      </c>
      <c r="E10430" s="1" t="s">
        <v>40101</v>
      </c>
      <c r="F10430" s="1" t="s">
        <v>40102</v>
      </c>
      <c r="G10430" s="1" t="s">
        <v>40103</v>
      </c>
      <c r="H10430" s="1" t="s">
        <v>40104</v>
      </c>
      <c r="I10430" s="1" t="s">
        <v>38915</v>
      </c>
      <c r="J10430" s="1" t="s">
        <v>13</v>
      </c>
    </row>
    <row r="10431" spans="1:10" x14ac:dyDescent="0.35">
      <c r="A10431" s="1" t="s">
        <v>40099</v>
      </c>
      <c r="B10431" s="1" t="s">
        <v>38909</v>
      </c>
      <c r="C10431" s="1" t="s">
        <v>15</v>
      </c>
      <c r="D10431" s="1" t="s">
        <v>40105</v>
      </c>
      <c r="E10431" s="1" t="s">
        <v>40106</v>
      </c>
      <c r="F10431" s="1" t="s">
        <v>40107</v>
      </c>
      <c r="G10431" s="1" t="s">
        <v>40103</v>
      </c>
      <c r="H10431" s="1" t="s">
        <v>40104</v>
      </c>
      <c r="I10431" s="1" t="s">
        <v>38915</v>
      </c>
      <c r="J10431" s="1" t="s">
        <v>40108</v>
      </c>
    </row>
    <row r="10432" spans="1:10" x14ac:dyDescent="0.35">
      <c r="A10432" s="1" t="s">
        <v>40099</v>
      </c>
      <c r="B10432" s="1" t="s">
        <v>38909</v>
      </c>
      <c r="C10432" s="1" t="s">
        <v>20</v>
      </c>
      <c r="D10432" s="1" t="s">
        <v>40109</v>
      </c>
      <c r="E10432" s="1" t="s">
        <v>40110</v>
      </c>
      <c r="F10432" s="1" t="s">
        <v>40111</v>
      </c>
      <c r="G10432" s="1" t="s">
        <v>40103</v>
      </c>
      <c r="H10432" s="1" t="s">
        <v>40104</v>
      </c>
      <c r="I10432" s="1" t="s">
        <v>38915</v>
      </c>
      <c r="J10432" s="1" t="s">
        <v>40112</v>
      </c>
    </row>
    <row r="10433" spans="1:10" x14ac:dyDescent="0.35">
      <c r="A10433" s="1" t="s">
        <v>40099</v>
      </c>
      <c r="B10433" s="1" t="s">
        <v>38909</v>
      </c>
      <c r="C10433" s="1" t="s">
        <v>25</v>
      </c>
      <c r="D10433" s="1" t="s">
        <v>40113</v>
      </c>
      <c r="E10433" s="1" t="s">
        <v>40114</v>
      </c>
      <c r="F10433" s="1" t="s">
        <v>40115</v>
      </c>
      <c r="G10433" s="1" t="s">
        <v>40103</v>
      </c>
      <c r="H10433" s="1" t="s">
        <v>40104</v>
      </c>
      <c r="I10433" s="1" t="s">
        <v>38915</v>
      </c>
      <c r="J10433" s="1" t="s">
        <v>40116</v>
      </c>
    </row>
    <row r="10434" spans="1:10" x14ac:dyDescent="0.35">
      <c r="A10434" s="1" t="s">
        <v>40099</v>
      </c>
      <c r="B10434" s="1" t="s">
        <v>38909</v>
      </c>
      <c r="C10434" s="1" t="s">
        <v>30</v>
      </c>
      <c r="D10434" s="1" t="s">
        <v>40117</v>
      </c>
      <c r="E10434" s="1" t="s">
        <v>40118</v>
      </c>
      <c r="F10434" s="1" t="s">
        <v>40119</v>
      </c>
      <c r="G10434" s="1" t="s">
        <v>40103</v>
      </c>
      <c r="H10434" s="1" t="s">
        <v>40104</v>
      </c>
      <c r="I10434" s="1" t="s">
        <v>38915</v>
      </c>
      <c r="J10434" s="1" t="s">
        <v>40120</v>
      </c>
    </row>
    <row r="10435" spans="1:10" x14ac:dyDescent="0.35">
      <c r="A10435" s="1" t="s">
        <v>40099</v>
      </c>
      <c r="B10435" s="1" t="s">
        <v>38909</v>
      </c>
      <c r="C10435" s="1" t="s">
        <v>35</v>
      </c>
      <c r="D10435" s="1" t="s">
        <v>40121</v>
      </c>
      <c r="E10435" s="1" t="s">
        <v>40122</v>
      </c>
      <c r="F10435" s="1" t="s">
        <v>40123</v>
      </c>
      <c r="G10435" s="1" t="s">
        <v>40103</v>
      </c>
      <c r="H10435" s="1" t="s">
        <v>40104</v>
      </c>
      <c r="I10435" s="1" t="s">
        <v>38915</v>
      </c>
      <c r="J10435" s="1" t="s">
        <v>40124</v>
      </c>
    </row>
    <row r="10436" spans="1:10" x14ac:dyDescent="0.35">
      <c r="A10436" s="1" t="s">
        <v>40099</v>
      </c>
      <c r="B10436" s="1" t="s">
        <v>38909</v>
      </c>
      <c r="C10436" s="1" t="s">
        <v>40</v>
      </c>
      <c r="D10436" s="1" t="s">
        <v>40125</v>
      </c>
      <c r="E10436" s="1" t="s">
        <v>40126</v>
      </c>
      <c r="F10436" s="1" t="s">
        <v>40127</v>
      </c>
      <c r="G10436" s="1" t="s">
        <v>40103</v>
      </c>
      <c r="H10436" s="1" t="s">
        <v>40104</v>
      </c>
      <c r="I10436" s="1" t="s">
        <v>38915</v>
      </c>
      <c r="J10436" s="1" t="s">
        <v>40128</v>
      </c>
    </row>
    <row r="10437" spans="1:10" x14ac:dyDescent="0.35">
      <c r="A10437" s="1" t="s">
        <v>40099</v>
      </c>
      <c r="B10437" s="1" t="s">
        <v>38909</v>
      </c>
      <c r="C10437" s="1" t="s">
        <v>45</v>
      </c>
      <c r="D10437" s="1" t="s">
        <v>19431</v>
      </c>
      <c r="E10437" s="1" t="s">
        <v>40129</v>
      </c>
      <c r="F10437" s="1" t="s">
        <v>40130</v>
      </c>
      <c r="G10437" s="1" t="s">
        <v>40103</v>
      </c>
      <c r="H10437" s="1" t="s">
        <v>40104</v>
      </c>
      <c r="I10437" s="1" t="s">
        <v>38915</v>
      </c>
      <c r="J10437" s="1" t="s">
        <v>40131</v>
      </c>
    </row>
    <row r="10438" spans="1:10" x14ac:dyDescent="0.35">
      <c r="A10438" s="1" t="s">
        <v>40099</v>
      </c>
      <c r="B10438" s="1" t="s">
        <v>38909</v>
      </c>
      <c r="C10438" s="1" t="s">
        <v>50</v>
      </c>
      <c r="D10438" s="1" t="s">
        <v>40132</v>
      </c>
      <c r="E10438" s="1" t="s">
        <v>40133</v>
      </c>
      <c r="F10438" s="1" t="s">
        <v>40134</v>
      </c>
      <c r="G10438" s="1" t="s">
        <v>40103</v>
      </c>
      <c r="H10438" s="1" t="s">
        <v>40104</v>
      </c>
      <c r="I10438" s="1" t="s">
        <v>38915</v>
      </c>
      <c r="J10438" s="1" t="s">
        <v>40135</v>
      </c>
    </row>
    <row r="10439" spans="1:10" x14ac:dyDescent="0.35">
      <c r="A10439" s="1" t="s">
        <v>40099</v>
      </c>
      <c r="B10439" s="1" t="s">
        <v>38909</v>
      </c>
      <c r="C10439" s="1" t="s">
        <v>55</v>
      </c>
      <c r="D10439" s="1" t="s">
        <v>40136</v>
      </c>
      <c r="E10439" s="1" t="s">
        <v>40137</v>
      </c>
      <c r="F10439" s="1" t="s">
        <v>40138</v>
      </c>
      <c r="G10439" s="1" t="s">
        <v>40103</v>
      </c>
      <c r="H10439" s="1" t="s">
        <v>40104</v>
      </c>
      <c r="I10439" s="1" t="s">
        <v>38915</v>
      </c>
      <c r="J10439" s="1" t="s">
        <v>40139</v>
      </c>
    </row>
    <row r="10440" spans="1:10" x14ac:dyDescent="0.35">
      <c r="A10440" s="1" t="s">
        <v>40099</v>
      </c>
      <c r="B10440" s="1" t="s">
        <v>38909</v>
      </c>
      <c r="C10440" s="1" t="s">
        <v>60</v>
      </c>
      <c r="D10440" s="1" t="s">
        <v>40140</v>
      </c>
      <c r="E10440" s="1" t="s">
        <v>40141</v>
      </c>
      <c r="F10440" s="1" t="s">
        <v>40142</v>
      </c>
      <c r="G10440" s="1" t="s">
        <v>40103</v>
      </c>
      <c r="H10440" s="1" t="s">
        <v>40104</v>
      </c>
      <c r="I10440" s="1" t="s">
        <v>38915</v>
      </c>
      <c r="J10440" s="1" t="s">
        <v>40143</v>
      </c>
    </row>
    <row r="10441" spans="1:10" x14ac:dyDescent="0.35">
      <c r="A10441" s="1" t="s">
        <v>40099</v>
      </c>
      <c r="B10441" s="1" t="s">
        <v>38909</v>
      </c>
      <c r="C10441" s="1" t="s">
        <v>65</v>
      </c>
      <c r="D10441" s="1" t="s">
        <v>40144</v>
      </c>
      <c r="E10441" s="1" t="s">
        <v>40145</v>
      </c>
      <c r="F10441" s="1" t="s">
        <v>40146</v>
      </c>
      <c r="G10441" s="1" t="s">
        <v>40103</v>
      </c>
      <c r="H10441" s="1" t="s">
        <v>40104</v>
      </c>
      <c r="I10441" s="1" t="s">
        <v>38915</v>
      </c>
      <c r="J10441" s="1" t="s">
        <v>40147</v>
      </c>
    </row>
    <row r="10442" spans="1:10" x14ac:dyDescent="0.35">
      <c r="A10442" s="1" t="s">
        <v>40099</v>
      </c>
      <c r="B10442" s="1" t="s">
        <v>38909</v>
      </c>
      <c r="C10442" s="1" t="s">
        <v>70</v>
      </c>
      <c r="D10442" s="1" t="s">
        <v>40148</v>
      </c>
      <c r="E10442" s="1" t="s">
        <v>40149</v>
      </c>
      <c r="F10442" s="1" t="s">
        <v>40150</v>
      </c>
      <c r="G10442" s="1" t="s">
        <v>40103</v>
      </c>
      <c r="H10442" s="1" t="s">
        <v>40104</v>
      </c>
      <c r="I10442" s="1" t="s">
        <v>38915</v>
      </c>
      <c r="J10442" s="1" t="s">
        <v>40151</v>
      </c>
    </row>
    <row r="10443" spans="1:10" x14ac:dyDescent="0.35">
      <c r="A10443" s="1" t="s">
        <v>40099</v>
      </c>
      <c r="B10443" s="1" t="s">
        <v>38909</v>
      </c>
      <c r="C10443" s="1" t="s">
        <v>75</v>
      </c>
      <c r="D10443" s="1" t="s">
        <v>40152</v>
      </c>
      <c r="E10443" s="1" t="s">
        <v>40153</v>
      </c>
      <c r="F10443" s="1" t="s">
        <v>40154</v>
      </c>
      <c r="G10443" s="1" t="s">
        <v>40103</v>
      </c>
      <c r="H10443" s="1" t="s">
        <v>40104</v>
      </c>
      <c r="I10443" s="1" t="s">
        <v>38915</v>
      </c>
      <c r="J10443" s="1" t="s">
        <v>40155</v>
      </c>
    </row>
    <row r="10444" spans="1:10" x14ac:dyDescent="0.35">
      <c r="A10444" s="1" t="s">
        <v>40099</v>
      </c>
      <c r="B10444" s="1" t="s">
        <v>38909</v>
      </c>
      <c r="C10444" s="1" t="s">
        <v>80</v>
      </c>
      <c r="D10444" s="1" t="s">
        <v>40156</v>
      </c>
      <c r="E10444" s="1" t="s">
        <v>40157</v>
      </c>
      <c r="F10444" s="1" t="s">
        <v>40158</v>
      </c>
      <c r="G10444" s="1" t="s">
        <v>40103</v>
      </c>
      <c r="H10444" s="1" t="s">
        <v>40104</v>
      </c>
      <c r="I10444" s="1" t="s">
        <v>38915</v>
      </c>
      <c r="J10444" s="1" t="s">
        <v>40159</v>
      </c>
    </row>
    <row r="10445" spans="1:10" x14ac:dyDescent="0.35">
      <c r="A10445" s="1" t="s">
        <v>40099</v>
      </c>
      <c r="B10445" s="1" t="s">
        <v>38909</v>
      </c>
      <c r="C10445" s="1" t="s">
        <v>85</v>
      </c>
      <c r="D10445" s="1" t="s">
        <v>40160</v>
      </c>
      <c r="E10445" s="1" t="s">
        <v>40161</v>
      </c>
      <c r="F10445" s="1" t="s">
        <v>40162</v>
      </c>
      <c r="G10445" s="1" t="s">
        <v>40103</v>
      </c>
      <c r="H10445" s="1" t="s">
        <v>40104</v>
      </c>
      <c r="I10445" s="1" t="s">
        <v>38915</v>
      </c>
      <c r="J10445" s="1" t="s">
        <v>40163</v>
      </c>
    </row>
    <row r="10446" spans="1:10" x14ac:dyDescent="0.35">
      <c r="A10446" s="1" t="s">
        <v>40099</v>
      </c>
      <c r="B10446" s="1" t="s">
        <v>38909</v>
      </c>
      <c r="C10446" s="1" t="s">
        <v>90</v>
      </c>
      <c r="D10446" s="1" t="s">
        <v>40164</v>
      </c>
      <c r="E10446" s="1" t="s">
        <v>40165</v>
      </c>
      <c r="F10446" s="1" t="s">
        <v>40166</v>
      </c>
      <c r="G10446" s="1" t="s">
        <v>40103</v>
      </c>
      <c r="H10446" s="1" t="s">
        <v>40104</v>
      </c>
      <c r="I10446" s="1" t="s">
        <v>38915</v>
      </c>
      <c r="J10446" s="1" t="s">
        <v>40167</v>
      </c>
    </row>
    <row r="10447" spans="1:10" x14ac:dyDescent="0.35">
      <c r="A10447" s="1" t="s">
        <v>40099</v>
      </c>
      <c r="B10447" s="1" t="s">
        <v>38909</v>
      </c>
      <c r="C10447" s="1" t="s">
        <v>95</v>
      </c>
      <c r="D10447" s="1" t="s">
        <v>40168</v>
      </c>
      <c r="E10447" s="1" t="s">
        <v>40169</v>
      </c>
      <c r="F10447" s="1" t="s">
        <v>40170</v>
      </c>
      <c r="G10447" s="1" t="s">
        <v>40103</v>
      </c>
      <c r="H10447" s="1" t="s">
        <v>40104</v>
      </c>
      <c r="I10447" s="1" t="s">
        <v>38915</v>
      </c>
      <c r="J10447" s="1" t="s">
        <v>40171</v>
      </c>
    </row>
    <row r="10448" spans="1:10" x14ac:dyDescent="0.35">
      <c r="A10448" s="1" t="s">
        <v>40099</v>
      </c>
      <c r="B10448" s="1" t="s">
        <v>38909</v>
      </c>
      <c r="C10448" s="1" t="s">
        <v>100</v>
      </c>
      <c r="D10448" s="1" t="s">
        <v>40172</v>
      </c>
      <c r="E10448" s="1" t="s">
        <v>40173</v>
      </c>
      <c r="F10448" s="1" t="s">
        <v>40174</v>
      </c>
      <c r="G10448" s="1" t="s">
        <v>40103</v>
      </c>
      <c r="H10448" s="1" t="s">
        <v>40104</v>
      </c>
      <c r="I10448" s="1" t="s">
        <v>38915</v>
      </c>
      <c r="J10448" s="1" t="s">
        <v>40175</v>
      </c>
    </row>
    <row r="10449" spans="1:10" x14ac:dyDescent="0.35">
      <c r="A10449" s="1" t="s">
        <v>40099</v>
      </c>
      <c r="B10449" s="1" t="s">
        <v>38909</v>
      </c>
      <c r="C10449" s="1" t="s">
        <v>105</v>
      </c>
      <c r="D10449" s="1" t="s">
        <v>40176</v>
      </c>
      <c r="E10449" s="1" t="s">
        <v>40177</v>
      </c>
      <c r="F10449" s="1" t="s">
        <v>40178</v>
      </c>
      <c r="G10449" s="1" t="s">
        <v>40103</v>
      </c>
      <c r="H10449" s="1" t="s">
        <v>40104</v>
      </c>
      <c r="I10449" s="1" t="s">
        <v>38915</v>
      </c>
      <c r="J10449" s="1" t="s">
        <v>40179</v>
      </c>
    </row>
    <row r="10450" spans="1:10" x14ac:dyDescent="0.35">
      <c r="A10450" s="1" t="s">
        <v>40099</v>
      </c>
      <c r="B10450" s="1" t="s">
        <v>38909</v>
      </c>
      <c r="C10450" s="1" t="s">
        <v>110</v>
      </c>
      <c r="D10450" s="1" t="s">
        <v>40180</v>
      </c>
      <c r="E10450" s="1" t="s">
        <v>40181</v>
      </c>
      <c r="F10450" s="1" t="s">
        <v>40182</v>
      </c>
      <c r="G10450" s="1" t="s">
        <v>40103</v>
      </c>
      <c r="H10450" s="1" t="s">
        <v>40104</v>
      </c>
      <c r="I10450" s="1" t="s">
        <v>38915</v>
      </c>
      <c r="J10450" s="1" t="s">
        <v>40183</v>
      </c>
    </row>
    <row r="10451" spans="1:10" x14ac:dyDescent="0.35">
      <c r="A10451" s="1" t="s">
        <v>40099</v>
      </c>
      <c r="B10451" s="1" t="s">
        <v>38909</v>
      </c>
      <c r="C10451" s="1" t="s">
        <v>115</v>
      </c>
      <c r="D10451" s="1" t="s">
        <v>40184</v>
      </c>
      <c r="E10451" s="1" t="s">
        <v>40185</v>
      </c>
      <c r="F10451" s="1" t="s">
        <v>40186</v>
      </c>
      <c r="G10451" s="1" t="s">
        <v>40103</v>
      </c>
      <c r="H10451" s="1" t="s">
        <v>40104</v>
      </c>
      <c r="I10451" s="1" t="s">
        <v>38915</v>
      </c>
      <c r="J10451" s="1" t="s">
        <v>40187</v>
      </c>
    </row>
    <row r="10452" spans="1:10" x14ac:dyDescent="0.35">
      <c r="A10452" s="1" t="s">
        <v>40099</v>
      </c>
      <c r="B10452" s="1" t="s">
        <v>38909</v>
      </c>
      <c r="C10452" s="1" t="s">
        <v>120</v>
      </c>
      <c r="D10452" s="1" t="s">
        <v>40188</v>
      </c>
      <c r="E10452" s="1" t="s">
        <v>40189</v>
      </c>
      <c r="F10452" s="1" t="s">
        <v>40190</v>
      </c>
      <c r="G10452" s="1" t="s">
        <v>40103</v>
      </c>
      <c r="H10452" s="1" t="s">
        <v>40104</v>
      </c>
      <c r="I10452" s="1" t="s">
        <v>38915</v>
      </c>
      <c r="J10452" s="1" t="s">
        <v>40191</v>
      </c>
    </row>
    <row r="10453" spans="1:10" x14ac:dyDescent="0.35">
      <c r="A10453" s="1" t="s">
        <v>40099</v>
      </c>
      <c r="B10453" s="1" t="s">
        <v>38909</v>
      </c>
      <c r="C10453" s="1" t="s">
        <v>125</v>
      </c>
      <c r="D10453" s="1" t="s">
        <v>40192</v>
      </c>
      <c r="E10453" s="1" t="s">
        <v>40193</v>
      </c>
      <c r="F10453" s="1" t="s">
        <v>40194</v>
      </c>
      <c r="G10453" s="1" t="s">
        <v>40103</v>
      </c>
      <c r="H10453" s="1" t="s">
        <v>40104</v>
      </c>
      <c r="I10453" s="1" t="s">
        <v>38915</v>
      </c>
      <c r="J10453" s="1" t="s">
        <v>40195</v>
      </c>
    </row>
    <row r="10454" spans="1:10" x14ac:dyDescent="0.35">
      <c r="A10454" s="1" t="s">
        <v>40099</v>
      </c>
      <c r="B10454" s="1" t="s">
        <v>38909</v>
      </c>
      <c r="C10454" s="1" t="s">
        <v>130</v>
      </c>
      <c r="D10454" s="1" t="s">
        <v>40196</v>
      </c>
      <c r="E10454" s="1" t="s">
        <v>40197</v>
      </c>
      <c r="F10454" s="1" t="s">
        <v>40198</v>
      </c>
      <c r="G10454" s="1" t="s">
        <v>40103</v>
      </c>
      <c r="H10454" s="1" t="s">
        <v>40104</v>
      </c>
      <c r="I10454" s="1" t="s">
        <v>38915</v>
      </c>
      <c r="J10454" s="1" t="s">
        <v>40199</v>
      </c>
    </row>
    <row r="10455" spans="1:10" x14ac:dyDescent="0.35">
      <c r="A10455" s="1" t="s">
        <v>40099</v>
      </c>
      <c r="B10455" s="1" t="s">
        <v>38909</v>
      </c>
      <c r="C10455" s="1" t="s">
        <v>135</v>
      </c>
      <c r="D10455" s="1" t="s">
        <v>40200</v>
      </c>
      <c r="E10455" s="1" t="s">
        <v>40201</v>
      </c>
      <c r="F10455" s="1" t="s">
        <v>40202</v>
      </c>
      <c r="G10455" s="1" t="s">
        <v>40103</v>
      </c>
      <c r="H10455" s="1" t="s">
        <v>40104</v>
      </c>
      <c r="I10455" s="1" t="s">
        <v>38915</v>
      </c>
      <c r="J10455" s="1" t="s">
        <v>40203</v>
      </c>
    </row>
    <row r="10456" spans="1:10" x14ac:dyDescent="0.35">
      <c r="A10456" s="1" t="s">
        <v>40099</v>
      </c>
      <c r="B10456" s="1" t="s">
        <v>38909</v>
      </c>
      <c r="C10456" s="1" t="s">
        <v>140</v>
      </c>
      <c r="D10456" s="1" t="s">
        <v>40204</v>
      </c>
      <c r="E10456" s="1" t="s">
        <v>40205</v>
      </c>
      <c r="F10456" s="1" t="s">
        <v>40206</v>
      </c>
      <c r="G10456" s="1" t="s">
        <v>40103</v>
      </c>
      <c r="H10456" s="1" t="s">
        <v>40104</v>
      </c>
      <c r="I10456" s="1" t="s">
        <v>38915</v>
      </c>
      <c r="J10456" s="1" t="s">
        <v>40207</v>
      </c>
    </row>
    <row r="10457" spans="1:10" x14ac:dyDescent="0.35">
      <c r="A10457" s="1" t="s">
        <v>40099</v>
      </c>
      <c r="B10457" s="1" t="s">
        <v>38909</v>
      </c>
      <c r="C10457" s="1" t="s">
        <v>145</v>
      </c>
      <c r="D10457" s="1" t="s">
        <v>40208</v>
      </c>
      <c r="E10457" s="1" t="s">
        <v>40209</v>
      </c>
      <c r="F10457" s="1" t="s">
        <v>40210</v>
      </c>
      <c r="G10457" s="1" t="s">
        <v>40103</v>
      </c>
      <c r="H10457" s="1" t="s">
        <v>40104</v>
      </c>
      <c r="I10457" s="1" t="s">
        <v>38915</v>
      </c>
      <c r="J10457" s="1" t="s">
        <v>40211</v>
      </c>
    </row>
    <row r="10458" spans="1:10" x14ac:dyDescent="0.35">
      <c r="A10458" s="1" t="s">
        <v>40099</v>
      </c>
      <c r="B10458" s="1" t="s">
        <v>38909</v>
      </c>
      <c r="C10458" s="1" t="s">
        <v>150</v>
      </c>
      <c r="D10458" s="1" t="s">
        <v>40212</v>
      </c>
      <c r="E10458" s="1" t="s">
        <v>40213</v>
      </c>
      <c r="F10458" s="1" t="s">
        <v>40214</v>
      </c>
      <c r="G10458" s="1" t="s">
        <v>40103</v>
      </c>
      <c r="H10458" s="1" t="s">
        <v>40104</v>
      </c>
      <c r="I10458" s="1" t="s">
        <v>38915</v>
      </c>
      <c r="J10458" s="1" t="s">
        <v>40215</v>
      </c>
    </row>
    <row r="10459" spans="1:10" x14ac:dyDescent="0.35">
      <c r="A10459" s="1" t="s">
        <v>40099</v>
      </c>
      <c r="B10459" s="1" t="s">
        <v>38909</v>
      </c>
      <c r="C10459" s="1" t="s">
        <v>155</v>
      </c>
      <c r="D10459" s="1" t="s">
        <v>40216</v>
      </c>
      <c r="E10459" s="1" t="s">
        <v>40217</v>
      </c>
      <c r="F10459" s="1" t="s">
        <v>40218</v>
      </c>
      <c r="G10459" s="1" t="s">
        <v>40103</v>
      </c>
      <c r="H10459" s="1" t="s">
        <v>40104</v>
      </c>
      <c r="I10459" s="1" t="s">
        <v>38915</v>
      </c>
      <c r="J10459" s="1" t="s">
        <v>40219</v>
      </c>
    </row>
    <row r="10460" spans="1:10" x14ac:dyDescent="0.35">
      <c r="A10460" s="1" t="s">
        <v>40099</v>
      </c>
      <c r="B10460" s="1" t="s">
        <v>38909</v>
      </c>
      <c r="C10460" s="1" t="s">
        <v>160</v>
      </c>
      <c r="D10460" s="1" t="s">
        <v>40220</v>
      </c>
      <c r="E10460" s="1" t="s">
        <v>40221</v>
      </c>
      <c r="F10460" s="1" t="s">
        <v>40222</v>
      </c>
      <c r="G10460" s="1" t="s">
        <v>40103</v>
      </c>
      <c r="H10460" s="1" t="s">
        <v>40104</v>
      </c>
      <c r="I10460" s="1" t="s">
        <v>38915</v>
      </c>
      <c r="J10460" s="1" t="s">
        <v>40223</v>
      </c>
    </row>
    <row r="10461" spans="1:10" x14ac:dyDescent="0.35">
      <c r="A10461" s="1" t="s">
        <v>40099</v>
      </c>
      <c r="B10461" s="1" t="s">
        <v>38909</v>
      </c>
      <c r="C10461" s="1" t="s">
        <v>165</v>
      </c>
      <c r="D10461" s="1" t="s">
        <v>40224</v>
      </c>
      <c r="E10461" s="1" t="s">
        <v>40225</v>
      </c>
      <c r="F10461" s="1" t="s">
        <v>40226</v>
      </c>
      <c r="G10461" s="1" t="s">
        <v>40103</v>
      </c>
      <c r="H10461" s="1" t="s">
        <v>40104</v>
      </c>
      <c r="I10461" s="1" t="s">
        <v>38915</v>
      </c>
      <c r="J10461" s="1" t="s">
        <v>40227</v>
      </c>
    </row>
    <row r="10462" spans="1:10" x14ac:dyDescent="0.35">
      <c r="A10462" s="1" t="s">
        <v>40099</v>
      </c>
      <c r="B10462" s="1" t="s">
        <v>38909</v>
      </c>
      <c r="C10462" s="1" t="s">
        <v>170</v>
      </c>
      <c r="D10462" s="1" t="s">
        <v>40228</v>
      </c>
      <c r="E10462" s="1" t="s">
        <v>40229</v>
      </c>
      <c r="F10462" s="1" t="s">
        <v>40230</v>
      </c>
      <c r="G10462" s="1" t="s">
        <v>40103</v>
      </c>
      <c r="H10462" s="1" t="s">
        <v>40104</v>
      </c>
      <c r="I10462" s="1" t="s">
        <v>38915</v>
      </c>
      <c r="J10462" s="1" t="s">
        <v>40231</v>
      </c>
    </row>
    <row r="10463" spans="1:10" x14ac:dyDescent="0.35">
      <c r="A10463" s="1" t="s">
        <v>40232</v>
      </c>
      <c r="B10463" s="1" t="s">
        <v>38909</v>
      </c>
      <c r="C10463" s="1" t="s">
        <v>8</v>
      </c>
      <c r="D10463" s="1" t="s">
        <v>40233</v>
      </c>
      <c r="E10463" s="1" t="s">
        <v>40234</v>
      </c>
      <c r="F10463" s="1" t="s">
        <v>40235</v>
      </c>
      <c r="G10463" s="1" t="s">
        <v>40236</v>
      </c>
      <c r="H10463" s="1" t="s">
        <v>40237</v>
      </c>
      <c r="I10463" s="1" t="s">
        <v>38915</v>
      </c>
      <c r="J10463" s="1" t="s">
        <v>13</v>
      </c>
    </row>
    <row r="10464" spans="1:10" x14ac:dyDescent="0.35">
      <c r="A10464" s="1" t="s">
        <v>40232</v>
      </c>
      <c r="B10464" s="1" t="s">
        <v>38909</v>
      </c>
      <c r="C10464" s="1" t="s">
        <v>15</v>
      </c>
      <c r="D10464" s="1" t="s">
        <v>40238</v>
      </c>
      <c r="E10464" s="1" t="s">
        <v>40239</v>
      </c>
      <c r="F10464" s="1" t="s">
        <v>40240</v>
      </c>
      <c r="G10464" s="1" t="s">
        <v>40236</v>
      </c>
      <c r="H10464" s="1" t="s">
        <v>40237</v>
      </c>
      <c r="I10464" s="1" t="s">
        <v>38915</v>
      </c>
      <c r="J10464" s="1" t="s">
        <v>40241</v>
      </c>
    </row>
    <row r="10465" spans="1:10" x14ac:dyDescent="0.35">
      <c r="A10465" s="1" t="s">
        <v>40232</v>
      </c>
      <c r="B10465" s="1" t="s">
        <v>38909</v>
      </c>
      <c r="C10465" s="1" t="s">
        <v>20</v>
      </c>
      <c r="D10465" s="1" t="s">
        <v>40242</v>
      </c>
      <c r="E10465" s="1" t="s">
        <v>40243</v>
      </c>
      <c r="F10465" s="1" t="s">
        <v>40244</v>
      </c>
      <c r="G10465" s="1" t="s">
        <v>40236</v>
      </c>
      <c r="H10465" s="1" t="s">
        <v>40237</v>
      </c>
      <c r="I10465" s="1" t="s">
        <v>38915</v>
      </c>
      <c r="J10465" s="1" t="s">
        <v>40245</v>
      </c>
    </row>
    <row r="10466" spans="1:10" x14ac:dyDescent="0.35">
      <c r="A10466" s="1" t="s">
        <v>40232</v>
      </c>
      <c r="B10466" s="1" t="s">
        <v>38909</v>
      </c>
      <c r="C10466" s="1" t="s">
        <v>25</v>
      </c>
      <c r="D10466" s="1" t="s">
        <v>40246</v>
      </c>
      <c r="E10466" s="1" t="s">
        <v>40247</v>
      </c>
      <c r="F10466" s="1" t="s">
        <v>40248</v>
      </c>
      <c r="G10466" s="1" t="s">
        <v>40236</v>
      </c>
      <c r="H10466" s="1" t="s">
        <v>40237</v>
      </c>
      <c r="I10466" s="1" t="s">
        <v>38915</v>
      </c>
      <c r="J10466" s="1" t="s">
        <v>40249</v>
      </c>
    </row>
    <row r="10467" spans="1:10" x14ac:dyDescent="0.35">
      <c r="A10467" s="1" t="s">
        <v>40232</v>
      </c>
      <c r="B10467" s="1" t="s">
        <v>38909</v>
      </c>
      <c r="C10467" s="1" t="s">
        <v>30</v>
      </c>
      <c r="D10467" s="1" t="s">
        <v>40250</v>
      </c>
      <c r="E10467" s="1" t="s">
        <v>40251</v>
      </c>
      <c r="F10467" s="1" t="s">
        <v>40252</v>
      </c>
      <c r="G10467" s="1" t="s">
        <v>40236</v>
      </c>
      <c r="H10467" s="1" t="s">
        <v>40237</v>
      </c>
      <c r="I10467" s="1" t="s">
        <v>38915</v>
      </c>
      <c r="J10467" s="1" t="s">
        <v>40253</v>
      </c>
    </row>
    <row r="10468" spans="1:10" x14ac:dyDescent="0.35">
      <c r="A10468" s="1" t="s">
        <v>40232</v>
      </c>
      <c r="B10468" s="1" t="s">
        <v>38909</v>
      </c>
      <c r="C10468" s="1" t="s">
        <v>35</v>
      </c>
      <c r="D10468" s="1" t="s">
        <v>40254</v>
      </c>
      <c r="E10468" s="1" t="s">
        <v>40255</v>
      </c>
      <c r="F10468" s="1" t="s">
        <v>40256</v>
      </c>
      <c r="G10468" s="1" t="s">
        <v>40236</v>
      </c>
      <c r="H10468" s="1" t="s">
        <v>40237</v>
      </c>
      <c r="I10468" s="1" t="s">
        <v>38915</v>
      </c>
      <c r="J10468" s="1" t="s">
        <v>40257</v>
      </c>
    </row>
    <row r="10469" spans="1:10" x14ac:dyDescent="0.35">
      <c r="A10469" s="1" t="s">
        <v>40232</v>
      </c>
      <c r="B10469" s="1" t="s">
        <v>38909</v>
      </c>
      <c r="C10469" s="1" t="s">
        <v>40</v>
      </c>
      <c r="D10469" s="1" t="s">
        <v>40258</v>
      </c>
      <c r="E10469" s="1" t="s">
        <v>40259</v>
      </c>
      <c r="F10469" s="1" t="s">
        <v>40260</v>
      </c>
      <c r="G10469" s="1" t="s">
        <v>40236</v>
      </c>
      <c r="H10469" s="1" t="s">
        <v>40237</v>
      </c>
      <c r="I10469" s="1" t="s">
        <v>38915</v>
      </c>
      <c r="J10469" s="1" t="s">
        <v>40261</v>
      </c>
    </row>
    <row r="10470" spans="1:10" x14ac:dyDescent="0.35">
      <c r="A10470" s="1" t="s">
        <v>40232</v>
      </c>
      <c r="B10470" s="1" t="s">
        <v>38909</v>
      </c>
      <c r="C10470" s="1" t="s">
        <v>45</v>
      </c>
      <c r="D10470" s="1" t="s">
        <v>40262</v>
      </c>
      <c r="E10470" s="1" t="s">
        <v>40263</v>
      </c>
      <c r="F10470" s="1" t="s">
        <v>40264</v>
      </c>
      <c r="G10470" s="1" t="s">
        <v>40236</v>
      </c>
      <c r="H10470" s="1" t="s">
        <v>40237</v>
      </c>
      <c r="I10470" s="1" t="s">
        <v>38915</v>
      </c>
      <c r="J10470" s="1" t="s">
        <v>40265</v>
      </c>
    </row>
    <row r="10471" spans="1:10" x14ac:dyDescent="0.35">
      <c r="A10471" s="1" t="s">
        <v>40232</v>
      </c>
      <c r="B10471" s="1" t="s">
        <v>38909</v>
      </c>
      <c r="C10471" s="1" t="s">
        <v>50</v>
      </c>
      <c r="D10471" s="1" t="s">
        <v>40266</v>
      </c>
      <c r="E10471" s="1" t="s">
        <v>40267</v>
      </c>
      <c r="F10471" s="1" t="s">
        <v>40268</v>
      </c>
      <c r="G10471" s="1" t="s">
        <v>40236</v>
      </c>
      <c r="H10471" s="1" t="s">
        <v>40237</v>
      </c>
      <c r="I10471" s="1" t="s">
        <v>38915</v>
      </c>
      <c r="J10471" s="1" t="s">
        <v>40269</v>
      </c>
    </row>
    <row r="10472" spans="1:10" x14ac:dyDescent="0.35">
      <c r="A10472" s="1" t="s">
        <v>40232</v>
      </c>
      <c r="B10472" s="1" t="s">
        <v>38909</v>
      </c>
      <c r="C10472" s="1" t="s">
        <v>55</v>
      </c>
      <c r="D10472" s="1" t="s">
        <v>26617</v>
      </c>
      <c r="E10472" s="1" t="s">
        <v>40270</v>
      </c>
      <c r="F10472" s="1" t="s">
        <v>40271</v>
      </c>
      <c r="G10472" s="1" t="s">
        <v>40236</v>
      </c>
      <c r="H10472" s="1" t="s">
        <v>40237</v>
      </c>
      <c r="I10472" s="1" t="s">
        <v>38915</v>
      </c>
      <c r="J10472" s="1" t="s">
        <v>40272</v>
      </c>
    </row>
    <row r="10473" spans="1:10" x14ac:dyDescent="0.35">
      <c r="A10473" s="1" t="s">
        <v>40232</v>
      </c>
      <c r="B10473" s="1" t="s">
        <v>38909</v>
      </c>
      <c r="C10473" s="1" t="s">
        <v>60</v>
      </c>
      <c r="D10473" s="1" t="s">
        <v>40273</v>
      </c>
      <c r="E10473" s="1" t="s">
        <v>40274</v>
      </c>
      <c r="F10473" s="1" t="s">
        <v>40275</v>
      </c>
      <c r="G10473" s="1" t="s">
        <v>40236</v>
      </c>
      <c r="H10473" s="1" t="s">
        <v>40237</v>
      </c>
      <c r="I10473" s="1" t="s">
        <v>38915</v>
      </c>
      <c r="J10473" s="1" t="s">
        <v>40276</v>
      </c>
    </row>
    <row r="10474" spans="1:10" x14ac:dyDescent="0.35">
      <c r="A10474" s="1" t="s">
        <v>40232</v>
      </c>
      <c r="B10474" s="1" t="s">
        <v>38909</v>
      </c>
      <c r="C10474" s="1" t="s">
        <v>65</v>
      </c>
      <c r="D10474" s="1" t="s">
        <v>40277</v>
      </c>
      <c r="E10474" s="1" t="s">
        <v>40278</v>
      </c>
      <c r="F10474" s="1" t="s">
        <v>40279</v>
      </c>
      <c r="G10474" s="1" t="s">
        <v>40236</v>
      </c>
      <c r="H10474" s="1" t="s">
        <v>40237</v>
      </c>
      <c r="I10474" s="1" t="s">
        <v>38915</v>
      </c>
      <c r="J10474" s="1" t="s">
        <v>40280</v>
      </c>
    </row>
    <row r="10475" spans="1:10" x14ac:dyDescent="0.35">
      <c r="A10475" s="1" t="s">
        <v>40232</v>
      </c>
      <c r="B10475" s="1" t="s">
        <v>38909</v>
      </c>
      <c r="C10475" s="1" t="s">
        <v>70</v>
      </c>
      <c r="D10475" s="1" t="s">
        <v>40281</v>
      </c>
      <c r="E10475" s="1" t="s">
        <v>40282</v>
      </c>
      <c r="F10475" s="1" t="s">
        <v>40283</v>
      </c>
      <c r="G10475" s="1" t="s">
        <v>40236</v>
      </c>
      <c r="H10475" s="1" t="s">
        <v>40237</v>
      </c>
      <c r="I10475" s="1" t="s">
        <v>38915</v>
      </c>
      <c r="J10475" s="1" t="s">
        <v>40284</v>
      </c>
    </row>
    <row r="10476" spans="1:10" x14ac:dyDescent="0.35">
      <c r="A10476" s="1" t="s">
        <v>40232</v>
      </c>
      <c r="B10476" s="1" t="s">
        <v>38909</v>
      </c>
      <c r="C10476" s="1" t="s">
        <v>75</v>
      </c>
      <c r="D10476" s="1" t="s">
        <v>40285</v>
      </c>
      <c r="E10476" s="1" t="s">
        <v>40286</v>
      </c>
      <c r="F10476" s="1" t="s">
        <v>40287</v>
      </c>
      <c r="G10476" s="1" t="s">
        <v>40236</v>
      </c>
      <c r="H10476" s="1" t="s">
        <v>40237</v>
      </c>
      <c r="I10476" s="1" t="s">
        <v>38915</v>
      </c>
      <c r="J10476" s="1" t="s">
        <v>40288</v>
      </c>
    </row>
    <row r="10477" spans="1:10" x14ac:dyDescent="0.35">
      <c r="A10477" s="1" t="s">
        <v>40232</v>
      </c>
      <c r="B10477" s="1" t="s">
        <v>38909</v>
      </c>
      <c r="C10477" s="1" t="s">
        <v>80</v>
      </c>
      <c r="D10477" s="1" t="s">
        <v>40289</v>
      </c>
      <c r="E10477" s="1" t="s">
        <v>40290</v>
      </c>
      <c r="F10477" s="1" t="s">
        <v>40291</v>
      </c>
      <c r="G10477" s="1" t="s">
        <v>40236</v>
      </c>
      <c r="H10477" s="1" t="s">
        <v>40237</v>
      </c>
      <c r="I10477" s="1" t="s">
        <v>38915</v>
      </c>
      <c r="J10477" s="1" t="s">
        <v>40292</v>
      </c>
    </row>
    <row r="10478" spans="1:10" x14ac:dyDescent="0.35">
      <c r="A10478" s="1" t="s">
        <v>40232</v>
      </c>
      <c r="B10478" s="1" t="s">
        <v>38909</v>
      </c>
      <c r="C10478" s="1" t="s">
        <v>85</v>
      </c>
      <c r="D10478" s="1" t="s">
        <v>11135</v>
      </c>
      <c r="E10478" s="1" t="s">
        <v>40293</v>
      </c>
      <c r="F10478" s="1" t="s">
        <v>40294</v>
      </c>
      <c r="G10478" s="1" t="s">
        <v>40236</v>
      </c>
      <c r="H10478" s="1" t="s">
        <v>40237</v>
      </c>
      <c r="I10478" s="1" t="s">
        <v>38915</v>
      </c>
      <c r="J10478" s="1" t="s">
        <v>40295</v>
      </c>
    </row>
    <row r="10479" spans="1:10" x14ac:dyDescent="0.35">
      <c r="A10479" s="1" t="s">
        <v>40232</v>
      </c>
      <c r="B10479" s="1" t="s">
        <v>38909</v>
      </c>
      <c r="C10479" s="1" t="s">
        <v>90</v>
      </c>
      <c r="D10479" s="1" t="s">
        <v>40296</v>
      </c>
      <c r="E10479" s="1" t="s">
        <v>40297</v>
      </c>
      <c r="F10479" s="1" t="s">
        <v>40298</v>
      </c>
      <c r="G10479" s="1" t="s">
        <v>40236</v>
      </c>
      <c r="H10479" s="1" t="s">
        <v>40237</v>
      </c>
      <c r="I10479" s="1" t="s">
        <v>38915</v>
      </c>
      <c r="J10479" s="1" t="s">
        <v>40299</v>
      </c>
    </row>
    <row r="10480" spans="1:10" x14ac:dyDescent="0.35">
      <c r="A10480" s="1" t="s">
        <v>40232</v>
      </c>
      <c r="B10480" s="1" t="s">
        <v>38909</v>
      </c>
      <c r="C10480" s="1" t="s">
        <v>95</v>
      </c>
      <c r="D10480" s="1" t="s">
        <v>40300</v>
      </c>
      <c r="E10480" s="1" t="s">
        <v>40301</v>
      </c>
      <c r="F10480" s="1" t="s">
        <v>40302</v>
      </c>
      <c r="G10480" s="1" t="s">
        <v>40236</v>
      </c>
      <c r="H10480" s="1" t="s">
        <v>40237</v>
      </c>
      <c r="I10480" s="1" t="s">
        <v>38915</v>
      </c>
      <c r="J10480" s="1" t="s">
        <v>40303</v>
      </c>
    </row>
    <row r="10481" spans="1:10" x14ac:dyDescent="0.35">
      <c r="A10481" s="1" t="s">
        <v>40232</v>
      </c>
      <c r="B10481" s="1" t="s">
        <v>38909</v>
      </c>
      <c r="C10481" s="1" t="s">
        <v>100</v>
      </c>
      <c r="D10481" s="1" t="s">
        <v>40304</v>
      </c>
      <c r="E10481" s="1" t="s">
        <v>40305</v>
      </c>
      <c r="F10481" s="1" t="s">
        <v>40306</v>
      </c>
      <c r="G10481" s="1" t="s">
        <v>40236</v>
      </c>
      <c r="H10481" s="1" t="s">
        <v>40237</v>
      </c>
      <c r="I10481" s="1" t="s">
        <v>38915</v>
      </c>
      <c r="J10481" s="1" t="s">
        <v>40307</v>
      </c>
    </row>
    <row r="10482" spans="1:10" x14ac:dyDescent="0.35">
      <c r="A10482" s="1" t="s">
        <v>40232</v>
      </c>
      <c r="B10482" s="1" t="s">
        <v>38909</v>
      </c>
      <c r="C10482" s="1" t="s">
        <v>105</v>
      </c>
      <c r="D10482" s="1" t="s">
        <v>40308</v>
      </c>
      <c r="E10482" s="1" t="s">
        <v>40309</v>
      </c>
      <c r="F10482" s="1" t="s">
        <v>40310</v>
      </c>
      <c r="G10482" s="1" t="s">
        <v>40236</v>
      </c>
      <c r="H10482" s="1" t="s">
        <v>40237</v>
      </c>
      <c r="I10482" s="1" t="s">
        <v>38915</v>
      </c>
      <c r="J10482" s="1" t="s">
        <v>40311</v>
      </c>
    </row>
    <row r="10483" spans="1:10" x14ac:dyDescent="0.35">
      <c r="A10483" s="1" t="s">
        <v>40232</v>
      </c>
      <c r="B10483" s="1" t="s">
        <v>38909</v>
      </c>
      <c r="C10483" s="1" t="s">
        <v>110</v>
      </c>
      <c r="D10483" s="1" t="s">
        <v>40312</v>
      </c>
      <c r="E10483" s="1" t="s">
        <v>40313</v>
      </c>
      <c r="F10483" s="1" t="s">
        <v>40314</v>
      </c>
      <c r="G10483" s="1" t="s">
        <v>40236</v>
      </c>
      <c r="H10483" s="1" t="s">
        <v>40237</v>
      </c>
      <c r="I10483" s="1" t="s">
        <v>38915</v>
      </c>
      <c r="J10483" s="1" t="s">
        <v>40315</v>
      </c>
    </row>
    <row r="10484" spans="1:10" x14ac:dyDescent="0.35">
      <c r="A10484" s="1" t="s">
        <v>40232</v>
      </c>
      <c r="B10484" s="1" t="s">
        <v>38909</v>
      </c>
      <c r="C10484" s="1" t="s">
        <v>115</v>
      </c>
      <c r="D10484" s="1" t="s">
        <v>40316</v>
      </c>
      <c r="E10484" s="1" t="s">
        <v>40317</v>
      </c>
      <c r="F10484" s="1" t="s">
        <v>40318</v>
      </c>
      <c r="G10484" s="1" t="s">
        <v>40236</v>
      </c>
      <c r="H10484" s="1" t="s">
        <v>40237</v>
      </c>
      <c r="I10484" s="1" t="s">
        <v>38915</v>
      </c>
      <c r="J10484" s="1" t="s">
        <v>40319</v>
      </c>
    </row>
    <row r="10485" spans="1:10" x14ac:dyDescent="0.35">
      <c r="A10485" s="1" t="s">
        <v>40232</v>
      </c>
      <c r="B10485" s="1" t="s">
        <v>38909</v>
      </c>
      <c r="C10485" s="1" t="s">
        <v>120</v>
      </c>
      <c r="D10485" s="1" t="s">
        <v>40320</v>
      </c>
      <c r="E10485" s="1" t="s">
        <v>40321</v>
      </c>
      <c r="F10485" s="1" t="s">
        <v>40322</v>
      </c>
      <c r="G10485" s="1" t="s">
        <v>40236</v>
      </c>
      <c r="H10485" s="1" t="s">
        <v>40237</v>
      </c>
      <c r="I10485" s="1" t="s">
        <v>38915</v>
      </c>
      <c r="J10485" s="1" t="s">
        <v>40323</v>
      </c>
    </row>
    <row r="10486" spans="1:10" x14ac:dyDescent="0.35">
      <c r="A10486" s="1" t="s">
        <v>40232</v>
      </c>
      <c r="B10486" s="1" t="s">
        <v>38909</v>
      </c>
      <c r="C10486" s="1" t="s">
        <v>125</v>
      </c>
      <c r="D10486" s="1" t="s">
        <v>40324</v>
      </c>
      <c r="E10486" s="1" t="s">
        <v>40325</v>
      </c>
      <c r="F10486" s="1" t="s">
        <v>40326</v>
      </c>
      <c r="G10486" s="1" t="s">
        <v>40236</v>
      </c>
      <c r="H10486" s="1" t="s">
        <v>40237</v>
      </c>
      <c r="I10486" s="1" t="s">
        <v>38915</v>
      </c>
      <c r="J10486" s="1" t="s">
        <v>40327</v>
      </c>
    </row>
    <row r="10487" spans="1:10" x14ac:dyDescent="0.35">
      <c r="A10487" s="1" t="s">
        <v>40232</v>
      </c>
      <c r="B10487" s="1" t="s">
        <v>38909</v>
      </c>
      <c r="C10487" s="1" t="s">
        <v>130</v>
      </c>
      <c r="D10487" s="1" t="s">
        <v>40328</v>
      </c>
      <c r="E10487" s="1" t="s">
        <v>40329</v>
      </c>
      <c r="F10487" s="1" t="s">
        <v>40330</v>
      </c>
      <c r="G10487" s="1" t="s">
        <v>40236</v>
      </c>
      <c r="H10487" s="1" t="s">
        <v>40237</v>
      </c>
      <c r="I10487" s="1" t="s">
        <v>38915</v>
      </c>
      <c r="J10487" s="1" t="s">
        <v>40331</v>
      </c>
    </row>
    <row r="10488" spans="1:10" x14ac:dyDescent="0.35">
      <c r="A10488" s="1" t="s">
        <v>40232</v>
      </c>
      <c r="B10488" s="1" t="s">
        <v>38909</v>
      </c>
      <c r="C10488" s="1" t="s">
        <v>135</v>
      </c>
      <c r="D10488" s="1" t="s">
        <v>40332</v>
      </c>
      <c r="E10488" s="1" t="s">
        <v>40333</v>
      </c>
      <c r="F10488" s="1" t="s">
        <v>40334</v>
      </c>
      <c r="G10488" s="1" t="s">
        <v>40236</v>
      </c>
      <c r="H10488" s="1" t="s">
        <v>40237</v>
      </c>
      <c r="I10488" s="1" t="s">
        <v>38915</v>
      </c>
      <c r="J10488" s="1" t="s">
        <v>40335</v>
      </c>
    </row>
    <row r="10489" spans="1:10" x14ac:dyDescent="0.35">
      <c r="A10489" s="1" t="s">
        <v>40232</v>
      </c>
      <c r="B10489" s="1" t="s">
        <v>38909</v>
      </c>
      <c r="C10489" s="1" t="s">
        <v>140</v>
      </c>
      <c r="D10489" s="1" t="s">
        <v>26977</v>
      </c>
      <c r="E10489" s="1" t="s">
        <v>40336</v>
      </c>
      <c r="F10489" s="1" t="s">
        <v>40337</v>
      </c>
      <c r="G10489" s="1" t="s">
        <v>40236</v>
      </c>
      <c r="H10489" s="1" t="s">
        <v>40237</v>
      </c>
      <c r="I10489" s="1" t="s">
        <v>38915</v>
      </c>
      <c r="J10489" s="1" t="s">
        <v>40338</v>
      </c>
    </row>
    <row r="10490" spans="1:10" x14ac:dyDescent="0.35">
      <c r="A10490" s="1" t="s">
        <v>40232</v>
      </c>
      <c r="B10490" s="1" t="s">
        <v>38909</v>
      </c>
      <c r="C10490" s="1" t="s">
        <v>145</v>
      </c>
      <c r="D10490" s="1" t="s">
        <v>40339</v>
      </c>
      <c r="E10490" s="1" t="s">
        <v>40340</v>
      </c>
      <c r="F10490" s="1" t="s">
        <v>40341</v>
      </c>
      <c r="G10490" s="1" t="s">
        <v>40236</v>
      </c>
      <c r="H10490" s="1" t="s">
        <v>40237</v>
      </c>
      <c r="I10490" s="1" t="s">
        <v>38915</v>
      </c>
      <c r="J10490" s="1" t="s">
        <v>40342</v>
      </c>
    </row>
    <row r="10491" spans="1:10" x14ac:dyDescent="0.35">
      <c r="A10491" s="1" t="s">
        <v>40232</v>
      </c>
      <c r="B10491" s="1" t="s">
        <v>38909</v>
      </c>
      <c r="C10491" s="1" t="s">
        <v>150</v>
      </c>
      <c r="D10491" s="1" t="s">
        <v>40343</v>
      </c>
      <c r="E10491" s="1" t="s">
        <v>40344</v>
      </c>
      <c r="F10491" s="1" t="s">
        <v>40345</v>
      </c>
      <c r="G10491" s="1" t="s">
        <v>40236</v>
      </c>
      <c r="H10491" s="1" t="s">
        <v>40237</v>
      </c>
      <c r="I10491" s="1" t="s">
        <v>38915</v>
      </c>
      <c r="J10491" s="1" t="s">
        <v>40346</v>
      </c>
    </row>
    <row r="10492" spans="1:10" x14ac:dyDescent="0.35">
      <c r="A10492" s="1" t="s">
        <v>40232</v>
      </c>
      <c r="B10492" s="1" t="s">
        <v>38909</v>
      </c>
      <c r="C10492" s="1" t="s">
        <v>155</v>
      </c>
      <c r="D10492" s="1" t="s">
        <v>12351</v>
      </c>
      <c r="E10492" s="1" t="s">
        <v>40347</v>
      </c>
      <c r="F10492" s="1" t="s">
        <v>40348</v>
      </c>
      <c r="G10492" s="1" t="s">
        <v>40236</v>
      </c>
      <c r="H10492" s="1" t="s">
        <v>40237</v>
      </c>
      <c r="I10492" s="1" t="s">
        <v>38915</v>
      </c>
      <c r="J10492" s="1" t="s">
        <v>40349</v>
      </c>
    </row>
    <row r="10493" spans="1:10" x14ac:dyDescent="0.35">
      <c r="A10493" s="1" t="s">
        <v>40232</v>
      </c>
      <c r="B10493" s="1" t="s">
        <v>38909</v>
      </c>
      <c r="C10493" s="1" t="s">
        <v>160</v>
      </c>
      <c r="D10493" s="1" t="s">
        <v>40350</v>
      </c>
      <c r="E10493" s="1" t="s">
        <v>40351</v>
      </c>
      <c r="F10493" s="1" t="s">
        <v>40352</v>
      </c>
      <c r="G10493" s="1" t="s">
        <v>40236</v>
      </c>
      <c r="H10493" s="1" t="s">
        <v>40237</v>
      </c>
      <c r="I10493" s="1" t="s">
        <v>38915</v>
      </c>
      <c r="J10493" s="1" t="s">
        <v>40353</v>
      </c>
    </row>
    <row r="10494" spans="1:10" x14ac:dyDescent="0.35">
      <c r="A10494" s="1" t="s">
        <v>40232</v>
      </c>
      <c r="B10494" s="1" t="s">
        <v>38909</v>
      </c>
      <c r="C10494" s="1" t="s">
        <v>165</v>
      </c>
      <c r="D10494" s="1" t="s">
        <v>40354</v>
      </c>
      <c r="E10494" s="1" t="s">
        <v>40355</v>
      </c>
      <c r="F10494" s="1" t="s">
        <v>40356</v>
      </c>
      <c r="G10494" s="1" t="s">
        <v>40236</v>
      </c>
      <c r="H10494" s="1" t="s">
        <v>40237</v>
      </c>
      <c r="I10494" s="1" t="s">
        <v>38915</v>
      </c>
      <c r="J10494" s="1" t="s">
        <v>40357</v>
      </c>
    </row>
    <row r="10495" spans="1:10" x14ac:dyDescent="0.35">
      <c r="A10495" s="1" t="s">
        <v>40232</v>
      </c>
      <c r="B10495" s="1" t="s">
        <v>38909</v>
      </c>
      <c r="C10495" s="1" t="s">
        <v>170</v>
      </c>
      <c r="D10495" s="1" t="s">
        <v>40358</v>
      </c>
      <c r="E10495" s="1" t="s">
        <v>40359</v>
      </c>
      <c r="F10495" s="1" t="s">
        <v>40360</v>
      </c>
      <c r="G10495" s="1" t="s">
        <v>40236</v>
      </c>
      <c r="H10495" s="1" t="s">
        <v>40237</v>
      </c>
      <c r="I10495" s="1" t="s">
        <v>38915</v>
      </c>
      <c r="J10495" s="1" t="s">
        <v>40361</v>
      </c>
    </row>
    <row r="10496" spans="1:10" x14ac:dyDescent="0.35">
      <c r="A10496" s="1" t="s">
        <v>40362</v>
      </c>
      <c r="B10496" s="1" t="s">
        <v>38909</v>
      </c>
      <c r="C10496" s="1" t="s">
        <v>8</v>
      </c>
      <c r="D10496" s="1" t="s">
        <v>40363</v>
      </c>
      <c r="E10496" s="1" t="s">
        <v>40364</v>
      </c>
      <c r="F10496" s="1" t="s">
        <v>40365</v>
      </c>
      <c r="G10496" s="1" t="s">
        <v>40366</v>
      </c>
      <c r="H10496" s="1" t="s">
        <v>40367</v>
      </c>
      <c r="I10496" s="1" t="s">
        <v>38915</v>
      </c>
      <c r="J10496" s="1" t="s">
        <v>13</v>
      </c>
    </row>
    <row r="10497" spans="1:10" x14ac:dyDescent="0.35">
      <c r="A10497" s="1" t="s">
        <v>40362</v>
      </c>
      <c r="B10497" s="1" t="s">
        <v>38909</v>
      </c>
      <c r="C10497" s="1" t="s">
        <v>15</v>
      </c>
      <c r="D10497" s="1" t="s">
        <v>40368</v>
      </c>
      <c r="E10497" s="1" t="s">
        <v>40369</v>
      </c>
      <c r="F10497" s="1" t="s">
        <v>40370</v>
      </c>
      <c r="G10497" s="1" t="s">
        <v>40366</v>
      </c>
      <c r="H10497" s="1" t="s">
        <v>40367</v>
      </c>
      <c r="I10497" s="1" t="s">
        <v>38915</v>
      </c>
      <c r="J10497" s="1" t="s">
        <v>40371</v>
      </c>
    </row>
    <row r="10498" spans="1:10" x14ac:dyDescent="0.35">
      <c r="A10498" s="1" t="s">
        <v>40362</v>
      </c>
      <c r="B10498" s="1" t="s">
        <v>38909</v>
      </c>
      <c r="C10498" s="1" t="s">
        <v>20</v>
      </c>
      <c r="D10498" s="1" t="s">
        <v>40372</v>
      </c>
      <c r="E10498" s="1" t="s">
        <v>40373</v>
      </c>
      <c r="F10498" s="1" t="s">
        <v>40374</v>
      </c>
      <c r="G10498" s="1" t="s">
        <v>40366</v>
      </c>
      <c r="H10498" s="1" t="s">
        <v>40367</v>
      </c>
      <c r="I10498" s="1" t="s">
        <v>38915</v>
      </c>
      <c r="J10498" s="1" t="s">
        <v>40375</v>
      </c>
    </row>
    <row r="10499" spans="1:10" x14ac:dyDescent="0.35">
      <c r="A10499" s="1" t="s">
        <v>40362</v>
      </c>
      <c r="B10499" s="1" t="s">
        <v>38909</v>
      </c>
      <c r="C10499" s="1" t="s">
        <v>25</v>
      </c>
      <c r="D10499" s="1" t="s">
        <v>40376</v>
      </c>
      <c r="E10499" s="1" t="s">
        <v>40377</v>
      </c>
      <c r="F10499" s="1" t="s">
        <v>40378</v>
      </c>
      <c r="G10499" s="1" t="s">
        <v>40366</v>
      </c>
      <c r="H10499" s="1" t="s">
        <v>40367</v>
      </c>
      <c r="I10499" s="1" t="s">
        <v>38915</v>
      </c>
      <c r="J10499" s="1" t="s">
        <v>40379</v>
      </c>
    </row>
    <row r="10500" spans="1:10" x14ac:dyDescent="0.35">
      <c r="A10500" s="1" t="s">
        <v>40362</v>
      </c>
      <c r="B10500" s="1" t="s">
        <v>38909</v>
      </c>
      <c r="C10500" s="1" t="s">
        <v>30</v>
      </c>
      <c r="D10500" s="1" t="s">
        <v>40380</v>
      </c>
      <c r="E10500" s="1" t="s">
        <v>40381</v>
      </c>
      <c r="F10500" s="1" t="s">
        <v>40382</v>
      </c>
      <c r="G10500" s="1" t="s">
        <v>40366</v>
      </c>
      <c r="H10500" s="1" t="s">
        <v>40367</v>
      </c>
      <c r="I10500" s="1" t="s">
        <v>38915</v>
      </c>
      <c r="J10500" s="1" t="s">
        <v>40383</v>
      </c>
    </row>
    <row r="10501" spans="1:10" x14ac:dyDescent="0.35">
      <c r="A10501" s="1" t="s">
        <v>40362</v>
      </c>
      <c r="B10501" s="1" t="s">
        <v>38909</v>
      </c>
      <c r="C10501" s="1" t="s">
        <v>35</v>
      </c>
      <c r="D10501" s="1" t="s">
        <v>40384</v>
      </c>
      <c r="E10501" s="1" t="s">
        <v>40385</v>
      </c>
      <c r="F10501" s="1" t="s">
        <v>40386</v>
      </c>
      <c r="G10501" s="1" t="s">
        <v>40366</v>
      </c>
      <c r="H10501" s="1" t="s">
        <v>40367</v>
      </c>
      <c r="I10501" s="1" t="s">
        <v>38915</v>
      </c>
      <c r="J10501" s="1" t="s">
        <v>40387</v>
      </c>
    </row>
    <row r="10502" spans="1:10" x14ac:dyDescent="0.35">
      <c r="A10502" s="1" t="s">
        <v>40362</v>
      </c>
      <c r="B10502" s="1" t="s">
        <v>38909</v>
      </c>
      <c r="C10502" s="1" t="s">
        <v>40</v>
      </c>
      <c r="D10502" s="1" t="s">
        <v>40388</v>
      </c>
      <c r="E10502" s="1" t="s">
        <v>40389</v>
      </c>
      <c r="F10502" s="1" t="s">
        <v>40390</v>
      </c>
      <c r="G10502" s="1" t="s">
        <v>40366</v>
      </c>
      <c r="H10502" s="1" t="s">
        <v>40367</v>
      </c>
      <c r="I10502" s="1" t="s">
        <v>38915</v>
      </c>
      <c r="J10502" s="1" t="s">
        <v>40391</v>
      </c>
    </row>
    <row r="10503" spans="1:10" x14ac:dyDescent="0.35">
      <c r="A10503" s="1" t="s">
        <v>40362</v>
      </c>
      <c r="B10503" s="1" t="s">
        <v>38909</v>
      </c>
      <c r="C10503" s="1" t="s">
        <v>45</v>
      </c>
      <c r="D10503" s="1" t="s">
        <v>40392</v>
      </c>
      <c r="E10503" s="1" t="s">
        <v>40393</v>
      </c>
      <c r="F10503" s="1" t="s">
        <v>40394</v>
      </c>
      <c r="G10503" s="1" t="s">
        <v>40366</v>
      </c>
      <c r="H10503" s="1" t="s">
        <v>40367</v>
      </c>
      <c r="I10503" s="1" t="s">
        <v>38915</v>
      </c>
      <c r="J10503" s="1" t="s">
        <v>40395</v>
      </c>
    </row>
    <row r="10504" spans="1:10" x14ac:dyDescent="0.35">
      <c r="A10504" s="1" t="s">
        <v>40362</v>
      </c>
      <c r="B10504" s="1" t="s">
        <v>38909</v>
      </c>
      <c r="C10504" s="1" t="s">
        <v>50</v>
      </c>
      <c r="D10504" s="1" t="s">
        <v>40396</v>
      </c>
      <c r="E10504" s="1" t="s">
        <v>40397</v>
      </c>
      <c r="F10504" s="1" t="s">
        <v>40398</v>
      </c>
      <c r="G10504" s="1" t="s">
        <v>40366</v>
      </c>
      <c r="H10504" s="1" t="s">
        <v>40367</v>
      </c>
      <c r="I10504" s="1" t="s">
        <v>38915</v>
      </c>
      <c r="J10504" s="1" t="s">
        <v>40399</v>
      </c>
    </row>
    <row r="10505" spans="1:10" x14ac:dyDescent="0.35">
      <c r="A10505" s="1" t="s">
        <v>40362</v>
      </c>
      <c r="B10505" s="1" t="s">
        <v>38909</v>
      </c>
      <c r="C10505" s="1" t="s">
        <v>55</v>
      </c>
      <c r="D10505" s="1" t="s">
        <v>14473</v>
      </c>
      <c r="E10505" s="1" t="s">
        <v>40400</v>
      </c>
      <c r="F10505" s="1" t="s">
        <v>40401</v>
      </c>
      <c r="G10505" s="1" t="s">
        <v>40366</v>
      </c>
      <c r="H10505" s="1" t="s">
        <v>40367</v>
      </c>
      <c r="I10505" s="1" t="s">
        <v>38915</v>
      </c>
      <c r="J10505" s="1" t="s">
        <v>40402</v>
      </c>
    </row>
    <row r="10506" spans="1:10" x14ac:dyDescent="0.35">
      <c r="A10506" s="1" t="s">
        <v>40362</v>
      </c>
      <c r="B10506" s="1" t="s">
        <v>38909</v>
      </c>
      <c r="C10506" s="1" t="s">
        <v>60</v>
      </c>
      <c r="D10506" s="1" t="s">
        <v>27057</v>
      </c>
      <c r="E10506" s="1" t="s">
        <v>40403</v>
      </c>
      <c r="F10506" s="1" t="s">
        <v>40404</v>
      </c>
      <c r="G10506" s="1" t="s">
        <v>40366</v>
      </c>
      <c r="H10506" s="1" t="s">
        <v>40367</v>
      </c>
      <c r="I10506" s="1" t="s">
        <v>38915</v>
      </c>
      <c r="J10506" s="1" t="s">
        <v>40405</v>
      </c>
    </row>
    <row r="10507" spans="1:10" x14ac:dyDescent="0.35">
      <c r="A10507" s="1" t="s">
        <v>40362</v>
      </c>
      <c r="B10507" s="1" t="s">
        <v>38909</v>
      </c>
      <c r="C10507" s="1" t="s">
        <v>65</v>
      </c>
      <c r="D10507" s="1" t="s">
        <v>40406</v>
      </c>
      <c r="E10507" s="1" t="s">
        <v>40407</v>
      </c>
      <c r="F10507" s="1" t="s">
        <v>40408</v>
      </c>
      <c r="G10507" s="1" t="s">
        <v>40366</v>
      </c>
      <c r="H10507" s="1" t="s">
        <v>40367</v>
      </c>
      <c r="I10507" s="1" t="s">
        <v>38915</v>
      </c>
      <c r="J10507" s="1" t="s">
        <v>40409</v>
      </c>
    </row>
    <row r="10508" spans="1:10" x14ac:dyDescent="0.35">
      <c r="A10508" s="1" t="s">
        <v>40362</v>
      </c>
      <c r="B10508" s="1" t="s">
        <v>38909</v>
      </c>
      <c r="C10508" s="1" t="s">
        <v>70</v>
      </c>
      <c r="D10508" s="1" t="s">
        <v>40410</v>
      </c>
      <c r="E10508" s="1" t="s">
        <v>40411</v>
      </c>
      <c r="F10508" s="1" t="s">
        <v>40412</v>
      </c>
      <c r="G10508" s="1" t="s">
        <v>40366</v>
      </c>
      <c r="H10508" s="1" t="s">
        <v>40367</v>
      </c>
      <c r="I10508" s="1" t="s">
        <v>38915</v>
      </c>
      <c r="J10508" s="1" t="s">
        <v>40413</v>
      </c>
    </row>
    <row r="10509" spans="1:10" x14ac:dyDescent="0.35">
      <c r="A10509" s="1" t="s">
        <v>40362</v>
      </c>
      <c r="B10509" s="1" t="s">
        <v>38909</v>
      </c>
      <c r="C10509" s="1" t="s">
        <v>75</v>
      </c>
      <c r="D10509" s="1" t="s">
        <v>40414</v>
      </c>
      <c r="E10509" s="1" t="s">
        <v>40415</v>
      </c>
      <c r="F10509" s="1" t="s">
        <v>40416</v>
      </c>
      <c r="G10509" s="1" t="s">
        <v>40366</v>
      </c>
      <c r="H10509" s="1" t="s">
        <v>40367</v>
      </c>
      <c r="I10509" s="1" t="s">
        <v>38915</v>
      </c>
      <c r="J10509" s="1" t="s">
        <v>40417</v>
      </c>
    </row>
    <row r="10510" spans="1:10" x14ac:dyDescent="0.35">
      <c r="A10510" s="1" t="s">
        <v>40362</v>
      </c>
      <c r="B10510" s="1" t="s">
        <v>38909</v>
      </c>
      <c r="C10510" s="1" t="s">
        <v>80</v>
      </c>
      <c r="D10510" s="1" t="s">
        <v>40418</v>
      </c>
      <c r="E10510" s="1" t="s">
        <v>40419</v>
      </c>
      <c r="F10510" s="1" t="s">
        <v>40420</v>
      </c>
      <c r="G10510" s="1" t="s">
        <v>40366</v>
      </c>
      <c r="H10510" s="1" t="s">
        <v>40367</v>
      </c>
      <c r="I10510" s="1" t="s">
        <v>38915</v>
      </c>
      <c r="J10510" s="1" t="s">
        <v>40421</v>
      </c>
    </row>
    <row r="10511" spans="1:10" x14ac:dyDescent="0.35">
      <c r="A10511" s="1" t="s">
        <v>40362</v>
      </c>
      <c r="B10511" s="1" t="s">
        <v>38909</v>
      </c>
      <c r="C10511" s="1" t="s">
        <v>85</v>
      </c>
      <c r="D10511" s="1" t="s">
        <v>40422</v>
      </c>
      <c r="E10511" s="1" t="s">
        <v>40423</v>
      </c>
      <c r="F10511" s="1" t="s">
        <v>40424</v>
      </c>
      <c r="G10511" s="1" t="s">
        <v>40366</v>
      </c>
      <c r="H10511" s="1" t="s">
        <v>40367</v>
      </c>
      <c r="I10511" s="1" t="s">
        <v>38915</v>
      </c>
      <c r="J10511" s="1" t="s">
        <v>40425</v>
      </c>
    </row>
    <row r="10512" spans="1:10" x14ac:dyDescent="0.35">
      <c r="A10512" s="1" t="s">
        <v>40362</v>
      </c>
      <c r="B10512" s="1" t="s">
        <v>38909</v>
      </c>
      <c r="C10512" s="1" t="s">
        <v>90</v>
      </c>
      <c r="D10512" s="1" t="s">
        <v>40426</v>
      </c>
      <c r="E10512" s="1" t="s">
        <v>40427</v>
      </c>
      <c r="F10512" s="1" t="s">
        <v>40428</v>
      </c>
      <c r="G10512" s="1" t="s">
        <v>40366</v>
      </c>
      <c r="H10512" s="1" t="s">
        <v>40367</v>
      </c>
      <c r="I10512" s="1" t="s">
        <v>38915</v>
      </c>
      <c r="J10512" s="1" t="s">
        <v>40429</v>
      </c>
    </row>
    <row r="10513" spans="1:10" x14ac:dyDescent="0.35">
      <c r="A10513" s="1" t="s">
        <v>40362</v>
      </c>
      <c r="B10513" s="1" t="s">
        <v>38909</v>
      </c>
      <c r="C10513" s="1" t="s">
        <v>95</v>
      </c>
      <c r="D10513" s="1" t="s">
        <v>40430</v>
      </c>
      <c r="E10513" s="1" t="s">
        <v>40431</v>
      </c>
      <c r="F10513" s="1" t="s">
        <v>40432</v>
      </c>
      <c r="G10513" s="1" t="s">
        <v>40366</v>
      </c>
      <c r="H10513" s="1" t="s">
        <v>40367</v>
      </c>
      <c r="I10513" s="1" t="s">
        <v>38915</v>
      </c>
      <c r="J10513" s="1" t="s">
        <v>40433</v>
      </c>
    </row>
    <row r="10514" spans="1:10" x14ac:dyDescent="0.35">
      <c r="A10514" s="1" t="s">
        <v>40362</v>
      </c>
      <c r="B10514" s="1" t="s">
        <v>38909</v>
      </c>
      <c r="C10514" s="1" t="s">
        <v>100</v>
      </c>
      <c r="D10514" s="1" t="s">
        <v>40434</v>
      </c>
      <c r="E10514" s="1" t="s">
        <v>40435</v>
      </c>
      <c r="F10514" s="1" t="s">
        <v>40436</v>
      </c>
      <c r="G10514" s="1" t="s">
        <v>40366</v>
      </c>
      <c r="H10514" s="1" t="s">
        <v>40367</v>
      </c>
      <c r="I10514" s="1" t="s">
        <v>38915</v>
      </c>
      <c r="J10514" s="1" t="s">
        <v>40437</v>
      </c>
    </row>
    <row r="10515" spans="1:10" x14ac:dyDescent="0.35">
      <c r="A10515" s="1" t="s">
        <v>40362</v>
      </c>
      <c r="B10515" s="1" t="s">
        <v>38909</v>
      </c>
      <c r="C10515" s="1" t="s">
        <v>105</v>
      </c>
      <c r="D10515" s="1" t="s">
        <v>40438</v>
      </c>
      <c r="E10515" s="1" t="s">
        <v>40439</v>
      </c>
      <c r="F10515" s="1" t="s">
        <v>40440</v>
      </c>
      <c r="G10515" s="1" t="s">
        <v>40366</v>
      </c>
      <c r="H10515" s="1" t="s">
        <v>40367</v>
      </c>
      <c r="I10515" s="1" t="s">
        <v>38915</v>
      </c>
      <c r="J10515" s="1" t="s">
        <v>40441</v>
      </c>
    </row>
    <row r="10516" spans="1:10" x14ac:dyDescent="0.35">
      <c r="A10516" s="1" t="s">
        <v>40362</v>
      </c>
      <c r="B10516" s="1" t="s">
        <v>38909</v>
      </c>
      <c r="C10516" s="1" t="s">
        <v>110</v>
      </c>
      <c r="D10516" s="1" t="s">
        <v>40442</v>
      </c>
      <c r="E10516" s="1" t="s">
        <v>40443</v>
      </c>
      <c r="F10516" s="1" t="s">
        <v>40444</v>
      </c>
      <c r="G10516" s="1" t="s">
        <v>40366</v>
      </c>
      <c r="H10516" s="1" t="s">
        <v>40367</v>
      </c>
      <c r="I10516" s="1" t="s">
        <v>38915</v>
      </c>
      <c r="J10516" s="1" t="s">
        <v>40445</v>
      </c>
    </row>
    <row r="10517" spans="1:10" x14ac:dyDescent="0.35">
      <c r="A10517" s="1" t="s">
        <v>40362</v>
      </c>
      <c r="B10517" s="1" t="s">
        <v>38909</v>
      </c>
      <c r="C10517" s="1" t="s">
        <v>115</v>
      </c>
      <c r="D10517" s="1" t="s">
        <v>40446</v>
      </c>
      <c r="E10517" s="1" t="s">
        <v>40447</v>
      </c>
      <c r="F10517" s="1" t="s">
        <v>40448</v>
      </c>
      <c r="G10517" s="1" t="s">
        <v>40366</v>
      </c>
      <c r="H10517" s="1" t="s">
        <v>40367</v>
      </c>
      <c r="I10517" s="1" t="s">
        <v>38915</v>
      </c>
      <c r="J10517" s="1" t="s">
        <v>40449</v>
      </c>
    </row>
    <row r="10518" spans="1:10" x14ac:dyDescent="0.35">
      <c r="A10518" s="1" t="s">
        <v>40362</v>
      </c>
      <c r="B10518" s="1" t="s">
        <v>38909</v>
      </c>
      <c r="C10518" s="1" t="s">
        <v>120</v>
      </c>
      <c r="D10518" s="1" t="s">
        <v>40450</v>
      </c>
      <c r="E10518" s="1" t="s">
        <v>40451</v>
      </c>
      <c r="F10518" s="1" t="s">
        <v>40452</v>
      </c>
      <c r="G10518" s="1" t="s">
        <v>40366</v>
      </c>
      <c r="H10518" s="1" t="s">
        <v>40367</v>
      </c>
      <c r="I10518" s="1" t="s">
        <v>38915</v>
      </c>
      <c r="J10518" s="1" t="s">
        <v>40453</v>
      </c>
    </row>
    <row r="10519" spans="1:10" x14ac:dyDescent="0.35">
      <c r="A10519" s="1" t="s">
        <v>40362</v>
      </c>
      <c r="B10519" s="1" t="s">
        <v>38909</v>
      </c>
      <c r="C10519" s="1" t="s">
        <v>125</v>
      </c>
      <c r="D10519" s="1" t="s">
        <v>40454</v>
      </c>
      <c r="E10519" s="1" t="s">
        <v>40455</v>
      </c>
      <c r="F10519" s="1" t="s">
        <v>40456</v>
      </c>
      <c r="G10519" s="1" t="s">
        <v>40366</v>
      </c>
      <c r="H10519" s="1" t="s">
        <v>40367</v>
      </c>
      <c r="I10519" s="1" t="s">
        <v>38915</v>
      </c>
      <c r="J10519" s="1" t="s">
        <v>40457</v>
      </c>
    </row>
    <row r="10520" spans="1:10" x14ac:dyDescent="0.35">
      <c r="A10520" s="1" t="s">
        <v>40362</v>
      </c>
      <c r="B10520" s="1" t="s">
        <v>38909</v>
      </c>
      <c r="C10520" s="1" t="s">
        <v>130</v>
      </c>
      <c r="D10520" s="1" t="s">
        <v>40458</v>
      </c>
      <c r="E10520" s="1" t="s">
        <v>40459</v>
      </c>
      <c r="F10520" s="1" t="s">
        <v>40460</v>
      </c>
      <c r="G10520" s="1" t="s">
        <v>40366</v>
      </c>
      <c r="H10520" s="1" t="s">
        <v>40367</v>
      </c>
      <c r="I10520" s="1" t="s">
        <v>38915</v>
      </c>
      <c r="J10520" s="1" t="s">
        <v>40461</v>
      </c>
    </row>
    <row r="10521" spans="1:10" x14ac:dyDescent="0.35">
      <c r="A10521" s="1" t="s">
        <v>40362</v>
      </c>
      <c r="B10521" s="1" t="s">
        <v>38909</v>
      </c>
      <c r="C10521" s="1" t="s">
        <v>135</v>
      </c>
      <c r="D10521" s="1" t="s">
        <v>40462</v>
      </c>
      <c r="E10521" s="1" t="s">
        <v>40463</v>
      </c>
      <c r="F10521" s="1" t="s">
        <v>40464</v>
      </c>
      <c r="G10521" s="1" t="s">
        <v>40366</v>
      </c>
      <c r="H10521" s="1" t="s">
        <v>40367</v>
      </c>
      <c r="I10521" s="1" t="s">
        <v>38915</v>
      </c>
      <c r="J10521" s="1" t="s">
        <v>40465</v>
      </c>
    </row>
    <row r="10522" spans="1:10" x14ac:dyDescent="0.35">
      <c r="A10522" s="1" t="s">
        <v>40362</v>
      </c>
      <c r="B10522" s="1" t="s">
        <v>38909</v>
      </c>
      <c r="C10522" s="1" t="s">
        <v>140</v>
      </c>
      <c r="D10522" s="1" t="s">
        <v>40466</v>
      </c>
      <c r="E10522" s="1" t="s">
        <v>40467</v>
      </c>
      <c r="F10522" s="1" t="s">
        <v>40468</v>
      </c>
      <c r="G10522" s="1" t="s">
        <v>40366</v>
      </c>
      <c r="H10522" s="1" t="s">
        <v>40367</v>
      </c>
      <c r="I10522" s="1" t="s">
        <v>38915</v>
      </c>
      <c r="J10522" s="1" t="s">
        <v>40469</v>
      </c>
    </row>
    <row r="10523" spans="1:10" x14ac:dyDescent="0.35">
      <c r="A10523" s="1" t="s">
        <v>40362</v>
      </c>
      <c r="B10523" s="1" t="s">
        <v>38909</v>
      </c>
      <c r="C10523" s="1" t="s">
        <v>145</v>
      </c>
      <c r="D10523" s="1" t="s">
        <v>40470</v>
      </c>
      <c r="E10523" s="1" t="s">
        <v>40471</v>
      </c>
      <c r="F10523" s="1" t="s">
        <v>40472</v>
      </c>
      <c r="G10523" s="1" t="s">
        <v>40366</v>
      </c>
      <c r="H10523" s="1" t="s">
        <v>40367</v>
      </c>
      <c r="I10523" s="1" t="s">
        <v>38915</v>
      </c>
      <c r="J10523" s="1" t="s">
        <v>22144</v>
      </c>
    </row>
    <row r="10524" spans="1:10" x14ac:dyDescent="0.35">
      <c r="A10524" s="1" t="s">
        <v>40362</v>
      </c>
      <c r="B10524" s="1" t="s">
        <v>38909</v>
      </c>
      <c r="C10524" s="1" t="s">
        <v>150</v>
      </c>
      <c r="D10524" s="1" t="s">
        <v>40473</v>
      </c>
      <c r="E10524" s="1" t="s">
        <v>40474</v>
      </c>
      <c r="F10524" s="1" t="s">
        <v>40475</v>
      </c>
      <c r="G10524" s="1" t="s">
        <v>40366</v>
      </c>
      <c r="H10524" s="1" t="s">
        <v>40367</v>
      </c>
      <c r="I10524" s="1" t="s">
        <v>38915</v>
      </c>
      <c r="J10524" s="1" t="s">
        <v>40476</v>
      </c>
    </row>
    <row r="10525" spans="1:10" x14ac:dyDescent="0.35">
      <c r="A10525" s="1" t="s">
        <v>40362</v>
      </c>
      <c r="B10525" s="1" t="s">
        <v>38909</v>
      </c>
      <c r="C10525" s="1" t="s">
        <v>155</v>
      </c>
      <c r="D10525" s="1" t="s">
        <v>40477</v>
      </c>
      <c r="E10525" s="1" t="s">
        <v>40478</v>
      </c>
      <c r="F10525" s="1" t="s">
        <v>40479</v>
      </c>
      <c r="G10525" s="1" t="s">
        <v>40366</v>
      </c>
      <c r="H10525" s="1" t="s">
        <v>40367</v>
      </c>
      <c r="I10525" s="1" t="s">
        <v>38915</v>
      </c>
      <c r="J10525" s="1" t="s">
        <v>40480</v>
      </c>
    </row>
    <row r="10526" spans="1:10" x14ac:dyDescent="0.35">
      <c r="A10526" s="1" t="s">
        <v>40362</v>
      </c>
      <c r="B10526" s="1" t="s">
        <v>38909</v>
      </c>
      <c r="C10526" s="1" t="s">
        <v>160</v>
      </c>
      <c r="D10526" s="1" t="s">
        <v>40481</v>
      </c>
      <c r="E10526" s="1" t="s">
        <v>40482</v>
      </c>
      <c r="F10526" s="1" t="s">
        <v>40483</v>
      </c>
      <c r="G10526" s="1" t="s">
        <v>40366</v>
      </c>
      <c r="H10526" s="1" t="s">
        <v>40367</v>
      </c>
      <c r="I10526" s="1" t="s">
        <v>38915</v>
      </c>
      <c r="J10526" s="1" t="s">
        <v>40484</v>
      </c>
    </row>
    <row r="10527" spans="1:10" x14ac:dyDescent="0.35">
      <c r="A10527" s="1" t="s">
        <v>40362</v>
      </c>
      <c r="B10527" s="1" t="s">
        <v>38909</v>
      </c>
      <c r="C10527" s="1" t="s">
        <v>165</v>
      </c>
      <c r="D10527" s="1" t="s">
        <v>40485</v>
      </c>
      <c r="E10527" s="1" t="s">
        <v>40486</v>
      </c>
      <c r="F10527" s="1" t="s">
        <v>40487</v>
      </c>
      <c r="G10527" s="1" t="s">
        <v>40366</v>
      </c>
      <c r="H10527" s="1" t="s">
        <v>40367</v>
      </c>
      <c r="I10527" s="1" t="s">
        <v>38915</v>
      </c>
      <c r="J10527" s="1" t="s">
        <v>40488</v>
      </c>
    </row>
    <row r="10528" spans="1:10" x14ac:dyDescent="0.35">
      <c r="A10528" s="1" t="s">
        <v>40362</v>
      </c>
      <c r="B10528" s="1" t="s">
        <v>38909</v>
      </c>
      <c r="C10528" s="1" t="s">
        <v>170</v>
      </c>
      <c r="D10528" s="1" t="s">
        <v>40489</v>
      </c>
      <c r="E10528" s="1" t="s">
        <v>40490</v>
      </c>
      <c r="F10528" s="1" t="s">
        <v>40491</v>
      </c>
      <c r="G10528" s="1" t="s">
        <v>40366</v>
      </c>
      <c r="H10528" s="1" t="s">
        <v>40367</v>
      </c>
      <c r="I10528" s="1" t="s">
        <v>38915</v>
      </c>
      <c r="J10528" s="1" t="s">
        <v>40492</v>
      </c>
    </row>
    <row r="10529" spans="1:10" x14ac:dyDescent="0.35">
      <c r="A10529" s="1" t="s">
        <v>40493</v>
      </c>
      <c r="B10529" s="1" t="s">
        <v>38909</v>
      </c>
      <c r="C10529" s="1" t="s">
        <v>8</v>
      </c>
      <c r="D10529" s="1" t="s">
        <v>40494</v>
      </c>
      <c r="E10529" s="1" t="s">
        <v>40495</v>
      </c>
      <c r="F10529" s="1" t="s">
        <v>40496</v>
      </c>
      <c r="G10529" s="1" t="s">
        <v>40497</v>
      </c>
      <c r="H10529" s="1" t="s">
        <v>40498</v>
      </c>
      <c r="I10529" s="1" t="s">
        <v>38915</v>
      </c>
      <c r="J10529" s="1" t="s">
        <v>13</v>
      </c>
    </row>
    <row r="10530" spans="1:10" x14ac:dyDescent="0.35">
      <c r="A10530" s="1" t="s">
        <v>40493</v>
      </c>
      <c r="B10530" s="1" t="s">
        <v>38909</v>
      </c>
      <c r="C10530" s="1" t="s">
        <v>15</v>
      </c>
      <c r="D10530" s="1" t="s">
        <v>40499</v>
      </c>
      <c r="E10530" s="1" t="s">
        <v>40500</v>
      </c>
      <c r="F10530" s="1" t="s">
        <v>40501</v>
      </c>
      <c r="G10530" s="1" t="s">
        <v>40497</v>
      </c>
      <c r="H10530" s="1" t="s">
        <v>40498</v>
      </c>
      <c r="I10530" s="1" t="s">
        <v>38915</v>
      </c>
      <c r="J10530" s="1" t="s">
        <v>40502</v>
      </c>
    </row>
    <row r="10531" spans="1:10" x14ac:dyDescent="0.35">
      <c r="A10531" s="1" t="s">
        <v>40493</v>
      </c>
      <c r="B10531" s="1" t="s">
        <v>38909</v>
      </c>
      <c r="C10531" s="1" t="s">
        <v>20</v>
      </c>
      <c r="D10531" s="1" t="s">
        <v>14721</v>
      </c>
      <c r="E10531" s="1" t="s">
        <v>40503</v>
      </c>
      <c r="F10531" s="1" t="s">
        <v>40504</v>
      </c>
      <c r="G10531" s="1" t="s">
        <v>40497</v>
      </c>
      <c r="H10531" s="1" t="s">
        <v>40498</v>
      </c>
      <c r="I10531" s="1" t="s">
        <v>38915</v>
      </c>
      <c r="J10531" s="1" t="s">
        <v>40505</v>
      </c>
    </row>
    <row r="10532" spans="1:10" x14ac:dyDescent="0.35">
      <c r="A10532" s="1" t="s">
        <v>40493</v>
      </c>
      <c r="B10532" s="1" t="s">
        <v>38909</v>
      </c>
      <c r="C10532" s="1" t="s">
        <v>25</v>
      </c>
      <c r="D10532" s="1" t="s">
        <v>40506</v>
      </c>
      <c r="E10532" s="1" t="s">
        <v>40507</v>
      </c>
      <c r="F10532" s="1" t="s">
        <v>40508</v>
      </c>
      <c r="G10532" s="1" t="s">
        <v>40497</v>
      </c>
      <c r="H10532" s="1" t="s">
        <v>40498</v>
      </c>
      <c r="I10532" s="1" t="s">
        <v>38915</v>
      </c>
      <c r="J10532" s="1" t="s">
        <v>40509</v>
      </c>
    </row>
    <row r="10533" spans="1:10" x14ac:dyDescent="0.35">
      <c r="A10533" s="1" t="s">
        <v>40493</v>
      </c>
      <c r="B10533" s="1" t="s">
        <v>38909</v>
      </c>
      <c r="C10533" s="1" t="s">
        <v>30</v>
      </c>
      <c r="D10533" s="1" t="s">
        <v>40510</v>
      </c>
      <c r="E10533" s="1" t="s">
        <v>40511</v>
      </c>
      <c r="F10533" s="1" t="s">
        <v>40512</v>
      </c>
      <c r="G10533" s="1" t="s">
        <v>40497</v>
      </c>
      <c r="H10533" s="1" t="s">
        <v>40498</v>
      </c>
      <c r="I10533" s="1" t="s">
        <v>38915</v>
      </c>
      <c r="J10533" s="1" t="s">
        <v>40513</v>
      </c>
    </row>
    <row r="10534" spans="1:10" x14ac:dyDescent="0.35">
      <c r="A10534" s="1" t="s">
        <v>40493</v>
      </c>
      <c r="B10534" s="1" t="s">
        <v>38909</v>
      </c>
      <c r="C10534" s="1" t="s">
        <v>35</v>
      </c>
      <c r="D10534" s="1" t="s">
        <v>40514</v>
      </c>
      <c r="E10534" s="1" t="s">
        <v>40515</v>
      </c>
      <c r="F10534" s="1" t="s">
        <v>40516</v>
      </c>
      <c r="G10534" s="1" t="s">
        <v>40497</v>
      </c>
      <c r="H10534" s="1" t="s">
        <v>40498</v>
      </c>
      <c r="I10534" s="1" t="s">
        <v>38915</v>
      </c>
      <c r="J10534" s="1" t="s">
        <v>40517</v>
      </c>
    </row>
    <row r="10535" spans="1:10" x14ac:dyDescent="0.35">
      <c r="A10535" s="1" t="s">
        <v>40493</v>
      </c>
      <c r="B10535" s="1" t="s">
        <v>38909</v>
      </c>
      <c r="C10535" s="1" t="s">
        <v>40</v>
      </c>
      <c r="D10535" s="1" t="s">
        <v>40518</v>
      </c>
      <c r="E10535" s="1" t="s">
        <v>40519</v>
      </c>
      <c r="F10535" s="1" t="s">
        <v>40520</v>
      </c>
      <c r="G10535" s="1" t="s">
        <v>40497</v>
      </c>
      <c r="H10535" s="1" t="s">
        <v>40498</v>
      </c>
      <c r="I10535" s="1" t="s">
        <v>38915</v>
      </c>
      <c r="J10535" s="1" t="s">
        <v>40521</v>
      </c>
    </row>
    <row r="10536" spans="1:10" x14ac:dyDescent="0.35">
      <c r="A10536" s="1" t="s">
        <v>40493</v>
      </c>
      <c r="B10536" s="1" t="s">
        <v>38909</v>
      </c>
      <c r="C10536" s="1" t="s">
        <v>45</v>
      </c>
      <c r="D10536" s="1" t="s">
        <v>40522</v>
      </c>
      <c r="E10536" s="1" t="s">
        <v>40523</v>
      </c>
      <c r="F10536" s="1" t="s">
        <v>40524</v>
      </c>
      <c r="G10536" s="1" t="s">
        <v>40497</v>
      </c>
      <c r="H10536" s="1" t="s">
        <v>40498</v>
      </c>
      <c r="I10536" s="1" t="s">
        <v>38915</v>
      </c>
      <c r="J10536" s="1" t="s">
        <v>40525</v>
      </c>
    </row>
    <row r="10537" spans="1:10" x14ac:dyDescent="0.35">
      <c r="A10537" s="1" t="s">
        <v>40493</v>
      </c>
      <c r="B10537" s="1" t="s">
        <v>38909</v>
      </c>
      <c r="C10537" s="1" t="s">
        <v>50</v>
      </c>
      <c r="D10537" s="1" t="s">
        <v>40526</v>
      </c>
      <c r="E10537" s="1" t="s">
        <v>40527</v>
      </c>
      <c r="F10537" s="1" t="s">
        <v>40528</v>
      </c>
      <c r="G10537" s="1" t="s">
        <v>40497</v>
      </c>
      <c r="H10537" s="1" t="s">
        <v>40498</v>
      </c>
      <c r="I10537" s="1" t="s">
        <v>38915</v>
      </c>
      <c r="J10537" s="1" t="s">
        <v>40529</v>
      </c>
    </row>
    <row r="10538" spans="1:10" x14ac:dyDescent="0.35">
      <c r="A10538" s="1" t="s">
        <v>40493</v>
      </c>
      <c r="B10538" s="1" t="s">
        <v>38909</v>
      </c>
      <c r="C10538" s="1" t="s">
        <v>55</v>
      </c>
      <c r="D10538" s="1" t="s">
        <v>40530</v>
      </c>
      <c r="E10538" s="1" t="s">
        <v>40531</v>
      </c>
      <c r="F10538" s="1" t="s">
        <v>40532</v>
      </c>
      <c r="G10538" s="1" t="s">
        <v>40497</v>
      </c>
      <c r="H10538" s="1" t="s">
        <v>40498</v>
      </c>
      <c r="I10538" s="1" t="s">
        <v>38915</v>
      </c>
      <c r="J10538" s="1" t="s">
        <v>40533</v>
      </c>
    </row>
    <row r="10539" spans="1:10" x14ac:dyDescent="0.35">
      <c r="A10539" s="1" t="s">
        <v>40493</v>
      </c>
      <c r="B10539" s="1" t="s">
        <v>38909</v>
      </c>
      <c r="C10539" s="1" t="s">
        <v>60</v>
      </c>
      <c r="D10539" s="1" t="s">
        <v>40534</v>
      </c>
      <c r="E10539" s="1" t="s">
        <v>40535</v>
      </c>
      <c r="F10539" s="1" t="s">
        <v>40536</v>
      </c>
      <c r="G10539" s="1" t="s">
        <v>40497</v>
      </c>
      <c r="H10539" s="1" t="s">
        <v>40498</v>
      </c>
      <c r="I10539" s="1" t="s">
        <v>38915</v>
      </c>
      <c r="J10539" s="1" t="s">
        <v>40537</v>
      </c>
    </row>
    <row r="10540" spans="1:10" x14ac:dyDescent="0.35">
      <c r="A10540" s="1" t="s">
        <v>40493</v>
      </c>
      <c r="B10540" s="1" t="s">
        <v>38909</v>
      </c>
      <c r="C10540" s="1" t="s">
        <v>65</v>
      </c>
      <c r="D10540" s="1" t="s">
        <v>40430</v>
      </c>
      <c r="E10540" s="1" t="s">
        <v>40538</v>
      </c>
      <c r="F10540" s="1" t="s">
        <v>40539</v>
      </c>
      <c r="G10540" s="1" t="s">
        <v>40497</v>
      </c>
      <c r="H10540" s="1" t="s">
        <v>40498</v>
      </c>
      <c r="I10540" s="1" t="s">
        <v>38915</v>
      </c>
      <c r="J10540" s="1" t="s">
        <v>40540</v>
      </c>
    </row>
    <row r="10541" spans="1:10" x14ac:dyDescent="0.35">
      <c r="A10541" s="1" t="s">
        <v>40493</v>
      </c>
      <c r="B10541" s="1" t="s">
        <v>38909</v>
      </c>
      <c r="C10541" s="1" t="s">
        <v>70</v>
      </c>
      <c r="D10541" s="1" t="s">
        <v>40541</v>
      </c>
      <c r="E10541" s="1" t="s">
        <v>40542</v>
      </c>
      <c r="F10541" s="1" t="s">
        <v>40543</v>
      </c>
      <c r="G10541" s="1" t="s">
        <v>40497</v>
      </c>
      <c r="H10541" s="1" t="s">
        <v>40498</v>
      </c>
      <c r="I10541" s="1" t="s">
        <v>38915</v>
      </c>
      <c r="J10541" s="1" t="s">
        <v>40544</v>
      </c>
    </row>
    <row r="10542" spans="1:10" x14ac:dyDescent="0.35">
      <c r="A10542" s="1" t="s">
        <v>40493</v>
      </c>
      <c r="B10542" s="1" t="s">
        <v>38909</v>
      </c>
      <c r="C10542" s="1" t="s">
        <v>75</v>
      </c>
      <c r="D10542" s="1" t="s">
        <v>40545</v>
      </c>
      <c r="E10542" s="1" t="s">
        <v>40546</v>
      </c>
      <c r="F10542" s="1" t="s">
        <v>40547</v>
      </c>
      <c r="G10542" s="1" t="s">
        <v>40497</v>
      </c>
      <c r="H10542" s="1" t="s">
        <v>40498</v>
      </c>
      <c r="I10542" s="1" t="s">
        <v>38915</v>
      </c>
      <c r="J10542" s="1" t="s">
        <v>40548</v>
      </c>
    </row>
    <row r="10543" spans="1:10" x14ac:dyDescent="0.35">
      <c r="A10543" s="1" t="s">
        <v>40493</v>
      </c>
      <c r="B10543" s="1" t="s">
        <v>38909</v>
      </c>
      <c r="C10543" s="1" t="s">
        <v>80</v>
      </c>
      <c r="D10543" s="1" t="s">
        <v>40549</v>
      </c>
      <c r="E10543" s="1" t="s">
        <v>40550</v>
      </c>
      <c r="F10543" s="1" t="s">
        <v>40551</v>
      </c>
      <c r="G10543" s="1" t="s">
        <v>40497</v>
      </c>
      <c r="H10543" s="1" t="s">
        <v>40498</v>
      </c>
      <c r="I10543" s="1" t="s">
        <v>38915</v>
      </c>
      <c r="J10543" s="1" t="s">
        <v>40552</v>
      </c>
    </row>
    <row r="10544" spans="1:10" x14ac:dyDescent="0.35">
      <c r="A10544" s="1" t="s">
        <v>40493</v>
      </c>
      <c r="B10544" s="1" t="s">
        <v>38909</v>
      </c>
      <c r="C10544" s="1" t="s">
        <v>85</v>
      </c>
      <c r="D10544" s="1" t="s">
        <v>40553</v>
      </c>
      <c r="E10544" s="1" t="s">
        <v>40554</v>
      </c>
      <c r="F10544" s="1" t="s">
        <v>40555</v>
      </c>
      <c r="G10544" s="1" t="s">
        <v>40497</v>
      </c>
      <c r="H10544" s="1" t="s">
        <v>40498</v>
      </c>
      <c r="I10544" s="1" t="s">
        <v>38915</v>
      </c>
      <c r="J10544" s="1" t="s">
        <v>40556</v>
      </c>
    </row>
    <row r="10545" spans="1:10" x14ac:dyDescent="0.35">
      <c r="A10545" s="1" t="s">
        <v>40493</v>
      </c>
      <c r="B10545" s="1" t="s">
        <v>38909</v>
      </c>
      <c r="C10545" s="1" t="s">
        <v>90</v>
      </c>
      <c r="D10545" s="1" t="s">
        <v>40557</v>
      </c>
      <c r="E10545" s="1" t="s">
        <v>40558</v>
      </c>
      <c r="F10545" s="1" t="s">
        <v>40559</v>
      </c>
      <c r="G10545" s="1" t="s">
        <v>40497</v>
      </c>
      <c r="H10545" s="1" t="s">
        <v>40498</v>
      </c>
      <c r="I10545" s="1" t="s">
        <v>38915</v>
      </c>
      <c r="J10545" s="1" t="s">
        <v>40560</v>
      </c>
    </row>
    <row r="10546" spans="1:10" x14ac:dyDescent="0.35">
      <c r="A10546" s="1" t="s">
        <v>40493</v>
      </c>
      <c r="B10546" s="1" t="s">
        <v>38909</v>
      </c>
      <c r="C10546" s="1" t="s">
        <v>95</v>
      </c>
      <c r="D10546" s="1" t="s">
        <v>40561</v>
      </c>
      <c r="E10546" s="1" t="s">
        <v>40562</v>
      </c>
      <c r="F10546" s="1" t="s">
        <v>40563</v>
      </c>
      <c r="G10546" s="1" t="s">
        <v>40497</v>
      </c>
      <c r="H10546" s="1" t="s">
        <v>40498</v>
      </c>
      <c r="I10546" s="1" t="s">
        <v>38915</v>
      </c>
      <c r="J10546" s="1" t="s">
        <v>40564</v>
      </c>
    </row>
    <row r="10547" spans="1:10" x14ac:dyDescent="0.35">
      <c r="A10547" s="1" t="s">
        <v>40493</v>
      </c>
      <c r="B10547" s="1" t="s">
        <v>38909</v>
      </c>
      <c r="C10547" s="1" t="s">
        <v>100</v>
      </c>
      <c r="D10547" s="1" t="s">
        <v>40565</v>
      </c>
      <c r="E10547" s="1" t="s">
        <v>40566</v>
      </c>
      <c r="F10547" s="1" t="s">
        <v>40567</v>
      </c>
      <c r="G10547" s="1" t="s">
        <v>40497</v>
      </c>
      <c r="H10547" s="1" t="s">
        <v>40498</v>
      </c>
      <c r="I10547" s="1" t="s">
        <v>38915</v>
      </c>
      <c r="J10547" s="1" t="s">
        <v>40568</v>
      </c>
    </row>
    <row r="10548" spans="1:10" x14ac:dyDescent="0.35">
      <c r="A10548" s="1" t="s">
        <v>40493</v>
      </c>
      <c r="B10548" s="1" t="s">
        <v>38909</v>
      </c>
      <c r="C10548" s="1" t="s">
        <v>105</v>
      </c>
      <c r="D10548" s="1" t="s">
        <v>40569</v>
      </c>
      <c r="E10548" s="1" t="s">
        <v>40570</v>
      </c>
      <c r="F10548" s="1" t="s">
        <v>40571</v>
      </c>
      <c r="G10548" s="1" t="s">
        <v>40497</v>
      </c>
      <c r="H10548" s="1" t="s">
        <v>40498</v>
      </c>
      <c r="I10548" s="1" t="s">
        <v>38915</v>
      </c>
      <c r="J10548" s="1" t="s">
        <v>40572</v>
      </c>
    </row>
    <row r="10549" spans="1:10" x14ac:dyDescent="0.35">
      <c r="A10549" s="1" t="s">
        <v>40493</v>
      </c>
      <c r="B10549" s="1" t="s">
        <v>38909</v>
      </c>
      <c r="C10549" s="1" t="s">
        <v>110</v>
      </c>
      <c r="D10549" s="1" t="s">
        <v>40573</v>
      </c>
      <c r="E10549" s="1" t="s">
        <v>40574</v>
      </c>
      <c r="F10549" s="1" t="s">
        <v>40575</v>
      </c>
      <c r="G10549" s="1" t="s">
        <v>40497</v>
      </c>
      <c r="H10549" s="1" t="s">
        <v>40498</v>
      </c>
      <c r="I10549" s="1" t="s">
        <v>38915</v>
      </c>
      <c r="J10549" s="1" t="s">
        <v>40576</v>
      </c>
    </row>
    <row r="10550" spans="1:10" x14ac:dyDescent="0.35">
      <c r="A10550" s="1" t="s">
        <v>40493</v>
      </c>
      <c r="B10550" s="1" t="s">
        <v>38909</v>
      </c>
      <c r="C10550" s="1" t="s">
        <v>115</v>
      </c>
      <c r="D10550" s="1" t="s">
        <v>40577</v>
      </c>
      <c r="E10550" s="1" t="s">
        <v>40578</v>
      </c>
      <c r="F10550" s="1" t="s">
        <v>40579</v>
      </c>
      <c r="G10550" s="1" t="s">
        <v>40497</v>
      </c>
      <c r="H10550" s="1" t="s">
        <v>40498</v>
      </c>
      <c r="I10550" s="1" t="s">
        <v>38915</v>
      </c>
      <c r="J10550" s="1" t="s">
        <v>40580</v>
      </c>
    </row>
    <row r="10551" spans="1:10" x14ac:dyDescent="0.35">
      <c r="A10551" s="1" t="s">
        <v>40493</v>
      </c>
      <c r="B10551" s="1" t="s">
        <v>38909</v>
      </c>
      <c r="C10551" s="1" t="s">
        <v>120</v>
      </c>
      <c r="D10551" s="1" t="s">
        <v>40581</v>
      </c>
      <c r="E10551" s="1" t="s">
        <v>40582</v>
      </c>
      <c r="F10551" s="1" t="s">
        <v>40583</v>
      </c>
      <c r="G10551" s="1" t="s">
        <v>40497</v>
      </c>
      <c r="H10551" s="1" t="s">
        <v>40498</v>
      </c>
      <c r="I10551" s="1" t="s">
        <v>38915</v>
      </c>
      <c r="J10551" s="1" t="s">
        <v>40584</v>
      </c>
    </row>
    <row r="10552" spans="1:10" x14ac:dyDescent="0.35">
      <c r="A10552" s="1" t="s">
        <v>40493</v>
      </c>
      <c r="B10552" s="1" t="s">
        <v>38909</v>
      </c>
      <c r="C10552" s="1" t="s">
        <v>125</v>
      </c>
      <c r="D10552" s="1" t="s">
        <v>40585</v>
      </c>
      <c r="E10552" s="1" t="s">
        <v>40586</v>
      </c>
      <c r="F10552" s="1" t="s">
        <v>40587</v>
      </c>
      <c r="G10552" s="1" t="s">
        <v>40497</v>
      </c>
      <c r="H10552" s="1" t="s">
        <v>40498</v>
      </c>
      <c r="I10552" s="1" t="s">
        <v>38915</v>
      </c>
      <c r="J10552" s="1" t="s">
        <v>40588</v>
      </c>
    </row>
    <row r="10553" spans="1:10" x14ac:dyDescent="0.35">
      <c r="A10553" s="1" t="s">
        <v>40493</v>
      </c>
      <c r="B10553" s="1" t="s">
        <v>38909</v>
      </c>
      <c r="C10553" s="1" t="s">
        <v>130</v>
      </c>
      <c r="D10553" s="1" t="s">
        <v>40589</v>
      </c>
      <c r="E10553" s="1" t="s">
        <v>40590</v>
      </c>
      <c r="F10553" s="1" t="s">
        <v>40591</v>
      </c>
      <c r="G10553" s="1" t="s">
        <v>40497</v>
      </c>
      <c r="H10553" s="1" t="s">
        <v>40498</v>
      </c>
      <c r="I10553" s="1" t="s">
        <v>38915</v>
      </c>
      <c r="J10553" s="1" t="s">
        <v>40592</v>
      </c>
    </row>
    <row r="10554" spans="1:10" x14ac:dyDescent="0.35">
      <c r="A10554" s="1" t="s">
        <v>40493</v>
      </c>
      <c r="B10554" s="1" t="s">
        <v>38909</v>
      </c>
      <c r="C10554" s="1" t="s">
        <v>135</v>
      </c>
      <c r="D10554" s="1" t="s">
        <v>40593</v>
      </c>
      <c r="E10554" s="1" t="s">
        <v>40594</v>
      </c>
      <c r="F10554" s="1" t="s">
        <v>40595</v>
      </c>
      <c r="G10554" s="1" t="s">
        <v>40497</v>
      </c>
      <c r="H10554" s="1" t="s">
        <v>40498</v>
      </c>
      <c r="I10554" s="1" t="s">
        <v>38915</v>
      </c>
      <c r="J10554" s="1" t="s">
        <v>40596</v>
      </c>
    </row>
    <row r="10555" spans="1:10" x14ac:dyDescent="0.35">
      <c r="A10555" s="1" t="s">
        <v>40493</v>
      </c>
      <c r="B10555" s="1" t="s">
        <v>38909</v>
      </c>
      <c r="C10555" s="1" t="s">
        <v>140</v>
      </c>
      <c r="D10555" s="1" t="s">
        <v>40597</v>
      </c>
      <c r="E10555" s="1" t="s">
        <v>40598</v>
      </c>
      <c r="F10555" s="1" t="s">
        <v>40599</v>
      </c>
      <c r="G10555" s="1" t="s">
        <v>40497</v>
      </c>
      <c r="H10555" s="1" t="s">
        <v>40498</v>
      </c>
      <c r="I10555" s="1" t="s">
        <v>38915</v>
      </c>
      <c r="J10555" s="1" t="s">
        <v>40600</v>
      </c>
    </row>
    <row r="10556" spans="1:10" x14ac:dyDescent="0.35">
      <c r="A10556" s="1" t="s">
        <v>40493</v>
      </c>
      <c r="B10556" s="1" t="s">
        <v>38909</v>
      </c>
      <c r="C10556" s="1" t="s">
        <v>145</v>
      </c>
      <c r="D10556" s="1" t="s">
        <v>40601</v>
      </c>
      <c r="E10556" s="1" t="s">
        <v>40602</v>
      </c>
      <c r="F10556" s="1" t="s">
        <v>40603</v>
      </c>
      <c r="G10556" s="1" t="s">
        <v>40497</v>
      </c>
      <c r="H10556" s="1" t="s">
        <v>40498</v>
      </c>
      <c r="I10556" s="1" t="s">
        <v>38915</v>
      </c>
      <c r="J10556" s="1" t="s">
        <v>40604</v>
      </c>
    </row>
    <row r="10557" spans="1:10" x14ac:dyDescent="0.35">
      <c r="A10557" s="1" t="s">
        <v>40493</v>
      </c>
      <c r="B10557" s="1" t="s">
        <v>38909</v>
      </c>
      <c r="C10557" s="1" t="s">
        <v>150</v>
      </c>
      <c r="D10557" s="1" t="s">
        <v>40605</v>
      </c>
      <c r="E10557" s="1" t="s">
        <v>40606</v>
      </c>
      <c r="F10557" s="1" t="s">
        <v>40607</v>
      </c>
      <c r="G10557" s="1" t="s">
        <v>40497</v>
      </c>
      <c r="H10557" s="1" t="s">
        <v>40498</v>
      </c>
      <c r="I10557" s="1" t="s">
        <v>38915</v>
      </c>
      <c r="J10557" s="1" t="s">
        <v>40608</v>
      </c>
    </row>
    <row r="10558" spans="1:10" x14ac:dyDescent="0.35">
      <c r="A10558" s="1" t="s">
        <v>40493</v>
      </c>
      <c r="B10558" s="1" t="s">
        <v>38909</v>
      </c>
      <c r="C10558" s="1" t="s">
        <v>155</v>
      </c>
      <c r="D10558" s="1" t="s">
        <v>40609</v>
      </c>
      <c r="E10558" s="1" t="s">
        <v>40610</v>
      </c>
      <c r="F10558" s="1" t="s">
        <v>40611</v>
      </c>
      <c r="G10558" s="1" t="s">
        <v>40497</v>
      </c>
      <c r="H10558" s="1" t="s">
        <v>40498</v>
      </c>
      <c r="I10558" s="1" t="s">
        <v>38915</v>
      </c>
      <c r="J10558" s="1" t="s">
        <v>40612</v>
      </c>
    </row>
    <row r="10559" spans="1:10" x14ac:dyDescent="0.35">
      <c r="A10559" s="1" t="s">
        <v>40493</v>
      </c>
      <c r="B10559" s="1" t="s">
        <v>38909</v>
      </c>
      <c r="C10559" s="1" t="s">
        <v>160</v>
      </c>
      <c r="D10559" s="1" t="s">
        <v>40613</v>
      </c>
      <c r="E10559" s="1" t="s">
        <v>40614</v>
      </c>
      <c r="F10559" s="1" t="s">
        <v>40615</v>
      </c>
      <c r="G10559" s="1" t="s">
        <v>40497</v>
      </c>
      <c r="H10559" s="1" t="s">
        <v>40498</v>
      </c>
      <c r="I10559" s="1" t="s">
        <v>38915</v>
      </c>
      <c r="J10559" s="1" t="s">
        <v>40616</v>
      </c>
    </row>
    <row r="10560" spans="1:10" x14ac:dyDescent="0.35">
      <c r="A10560" s="1" t="s">
        <v>40493</v>
      </c>
      <c r="B10560" s="1" t="s">
        <v>38909</v>
      </c>
      <c r="C10560" s="1" t="s">
        <v>165</v>
      </c>
      <c r="D10560" s="1" t="s">
        <v>40617</v>
      </c>
      <c r="E10560" s="1" t="s">
        <v>40618</v>
      </c>
      <c r="F10560" s="1" t="s">
        <v>40619</v>
      </c>
      <c r="G10560" s="1" t="s">
        <v>40497</v>
      </c>
      <c r="H10560" s="1" t="s">
        <v>40498</v>
      </c>
      <c r="I10560" s="1" t="s">
        <v>38915</v>
      </c>
      <c r="J10560" s="1" t="s">
        <v>40620</v>
      </c>
    </row>
    <row r="10561" spans="1:10" x14ac:dyDescent="0.35">
      <c r="A10561" s="1" t="s">
        <v>40493</v>
      </c>
      <c r="B10561" s="1" t="s">
        <v>38909</v>
      </c>
      <c r="C10561" s="1" t="s">
        <v>170</v>
      </c>
      <c r="D10561" s="1" t="s">
        <v>40621</v>
      </c>
      <c r="E10561" s="1" t="s">
        <v>40622</v>
      </c>
      <c r="F10561" s="1" t="s">
        <v>40623</v>
      </c>
      <c r="G10561" s="1" t="s">
        <v>40497</v>
      </c>
      <c r="H10561" s="1" t="s">
        <v>40498</v>
      </c>
      <c r="I10561" s="1" t="s">
        <v>38915</v>
      </c>
      <c r="J10561" s="1" t="s">
        <v>40624</v>
      </c>
    </row>
    <row r="10562" spans="1:10" x14ac:dyDescent="0.35">
      <c r="A10562" s="1" t="s">
        <v>13978</v>
      </c>
      <c r="B10562" s="1" t="s">
        <v>40625</v>
      </c>
      <c r="C10562" s="1" t="s">
        <v>8</v>
      </c>
      <c r="D10562" s="1" t="s">
        <v>40626</v>
      </c>
      <c r="E10562" s="1" t="s">
        <v>40627</v>
      </c>
      <c r="F10562" s="1" t="s">
        <v>40628</v>
      </c>
      <c r="G10562" s="1" t="s">
        <v>40629</v>
      </c>
      <c r="H10562" s="1" t="s">
        <v>40630</v>
      </c>
      <c r="I10562" s="1" t="s">
        <v>40631</v>
      </c>
      <c r="J10562" s="1" t="s">
        <v>13</v>
      </c>
    </row>
    <row r="10563" spans="1:10" x14ac:dyDescent="0.35">
      <c r="A10563" s="1" t="s">
        <v>13978</v>
      </c>
      <c r="B10563" s="1" t="s">
        <v>40625</v>
      </c>
      <c r="C10563" s="1" t="s">
        <v>15</v>
      </c>
      <c r="D10563" s="1" t="s">
        <v>40632</v>
      </c>
      <c r="E10563" s="1" t="s">
        <v>40633</v>
      </c>
      <c r="F10563" s="1" t="s">
        <v>40634</v>
      </c>
      <c r="G10563" s="1" t="s">
        <v>40629</v>
      </c>
      <c r="H10563" s="1" t="s">
        <v>40630</v>
      </c>
      <c r="I10563" s="1" t="s">
        <v>40631</v>
      </c>
      <c r="J10563" s="1" t="s">
        <v>40635</v>
      </c>
    </row>
    <row r="10564" spans="1:10" x14ac:dyDescent="0.35">
      <c r="A10564" s="1" t="s">
        <v>13978</v>
      </c>
      <c r="B10564" s="1" t="s">
        <v>40625</v>
      </c>
      <c r="C10564" s="1" t="s">
        <v>20</v>
      </c>
      <c r="D10564" s="1" t="s">
        <v>40636</v>
      </c>
      <c r="E10564" s="1" t="s">
        <v>23002</v>
      </c>
      <c r="F10564" s="1" t="s">
        <v>40637</v>
      </c>
      <c r="G10564" s="1" t="s">
        <v>40629</v>
      </c>
      <c r="H10564" s="1" t="s">
        <v>40630</v>
      </c>
      <c r="I10564" s="1" t="s">
        <v>40631</v>
      </c>
      <c r="J10564" s="1" t="s">
        <v>40638</v>
      </c>
    </row>
    <row r="10565" spans="1:10" x14ac:dyDescent="0.35">
      <c r="A10565" s="1" t="s">
        <v>13978</v>
      </c>
      <c r="B10565" s="1" t="s">
        <v>40625</v>
      </c>
      <c r="C10565" s="1" t="s">
        <v>25</v>
      </c>
      <c r="D10565" s="1" t="s">
        <v>40639</v>
      </c>
      <c r="E10565" s="1" t="s">
        <v>40640</v>
      </c>
      <c r="F10565" s="1" t="s">
        <v>40641</v>
      </c>
      <c r="G10565" s="1" t="s">
        <v>40629</v>
      </c>
      <c r="H10565" s="1" t="s">
        <v>40630</v>
      </c>
      <c r="I10565" s="1" t="s">
        <v>40631</v>
      </c>
      <c r="J10565" s="1" t="s">
        <v>40642</v>
      </c>
    </row>
    <row r="10566" spans="1:10" x14ac:dyDescent="0.35">
      <c r="A10566" s="1" t="s">
        <v>13978</v>
      </c>
      <c r="B10566" s="1" t="s">
        <v>40625</v>
      </c>
      <c r="C10566" s="1" t="s">
        <v>30</v>
      </c>
      <c r="D10566" s="1" t="s">
        <v>40643</v>
      </c>
      <c r="E10566" s="1" t="s">
        <v>40644</v>
      </c>
      <c r="F10566" s="1" t="s">
        <v>40645</v>
      </c>
      <c r="G10566" s="1" t="s">
        <v>40629</v>
      </c>
      <c r="H10566" s="1" t="s">
        <v>40630</v>
      </c>
      <c r="I10566" s="1" t="s">
        <v>40631</v>
      </c>
      <c r="J10566" s="1" t="s">
        <v>40646</v>
      </c>
    </row>
    <row r="10567" spans="1:10" x14ac:dyDescent="0.35">
      <c r="A10567" s="1" t="s">
        <v>13978</v>
      </c>
      <c r="B10567" s="1" t="s">
        <v>40625</v>
      </c>
      <c r="C10567" s="1" t="s">
        <v>35</v>
      </c>
      <c r="D10567" s="1" t="s">
        <v>40647</v>
      </c>
      <c r="E10567" s="1" t="s">
        <v>40648</v>
      </c>
      <c r="F10567" s="1" t="s">
        <v>40649</v>
      </c>
      <c r="G10567" s="1" t="s">
        <v>40629</v>
      </c>
      <c r="H10567" s="1" t="s">
        <v>40630</v>
      </c>
      <c r="I10567" s="1" t="s">
        <v>40631</v>
      </c>
      <c r="J10567" s="1" t="s">
        <v>40650</v>
      </c>
    </row>
    <row r="10568" spans="1:10" x14ac:dyDescent="0.35">
      <c r="A10568" s="1" t="s">
        <v>13978</v>
      </c>
      <c r="B10568" s="1" t="s">
        <v>40625</v>
      </c>
      <c r="C10568" s="1" t="s">
        <v>40</v>
      </c>
      <c r="D10568" s="1" t="s">
        <v>40651</v>
      </c>
      <c r="E10568" s="1" t="s">
        <v>21592</v>
      </c>
      <c r="F10568" s="1" t="s">
        <v>40652</v>
      </c>
      <c r="G10568" s="1" t="s">
        <v>40629</v>
      </c>
      <c r="H10568" s="1" t="s">
        <v>40630</v>
      </c>
      <c r="I10568" s="1" t="s">
        <v>40631</v>
      </c>
      <c r="J10568" s="1" t="s">
        <v>40653</v>
      </c>
    </row>
    <row r="10569" spans="1:10" x14ac:dyDescent="0.35">
      <c r="A10569" s="1" t="s">
        <v>13978</v>
      </c>
      <c r="B10569" s="1" t="s">
        <v>40625</v>
      </c>
      <c r="C10569" s="1" t="s">
        <v>45</v>
      </c>
      <c r="D10569" s="1" t="s">
        <v>40654</v>
      </c>
      <c r="E10569" s="1" t="s">
        <v>40655</v>
      </c>
      <c r="F10569" s="1" t="s">
        <v>40656</v>
      </c>
      <c r="G10569" s="1" t="s">
        <v>40629</v>
      </c>
      <c r="H10569" s="1" t="s">
        <v>40630</v>
      </c>
      <c r="I10569" s="1" t="s">
        <v>40631</v>
      </c>
      <c r="J10569" s="1" t="s">
        <v>40657</v>
      </c>
    </row>
    <row r="10570" spans="1:10" x14ac:dyDescent="0.35">
      <c r="A10570" s="1" t="s">
        <v>13978</v>
      </c>
      <c r="B10570" s="1" t="s">
        <v>40625</v>
      </c>
      <c r="C10570" s="1" t="s">
        <v>50</v>
      </c>
      <c r="D10570" s="1" t="s">
        <v>40658</v>
      </c>
      <c r="E10570" s="1" t="s">
        <v>40659</v>
      </c>
      <c r="F10570" s="1" t="s">
        <v>40660</v>
      </c>
      <c r="G10570" s="1" t="s">
        <v>40629</v>
      </c>
      <c r="H10570" s="1" t="s">
        <v>40630</v>
      </c>
      <c r="I10570" s="1" t="s">
        <v>40631</v>
      </c>
      <c r="J10570" s="1" t="s">
        <v>40661</v>
      </c>
    </row>
    <row r="10571" spans="1:10" x14ac:dyDescent="0.35">
      <c r="A10571" s="1" t="s">
        <v>13978</v>
      </c>
      <c r="B10571" s="1" t="s">
        <v>40625</v>
      </c>
      <c r="C10571" s="1" t="s">
        <v>55</v>
      </c>
      <c r="D10571" s="1" t="s">
        <v>40662</v>
      </c>
      <c r="E10571" s="1" t="s">
        <v>40663</v>
      </c>
      <c r="F10571" s="1" t="s">
        <v>40664</v>
      </c>
      <c r="G10571" s="1" t="s">
        <v>40629</v>
      </c>
      <c r="H10571" s="1" t="s">
        <v>40630</v>
      </c>
      <c r="I10571" s="1" t="s">
        <v>40631</v>
      </c>
      <c r="J10571" s="1" t="s">
        <v>40665</v>
      </c>
    </row>
    <row r="10572" spans="1:10" x14ac:dyDescent="0.35">
      <c r="A10572" s="1" t="s">
        <v>13978</v>
      </c>
      <c r="B10572" s="1" t="s">
        <v>40625</v>
      </c>
      <c r="C10572" s="1" t="s">
        <v>60</v>
      </c>
      <c r="D10572" s="1" t="s">
        <v>40666</v>
      </c>
      <c r="E10572" s="1" t="s">
        <v>21174</v>
      </c>
      <c r="F10572" s="1" t="s">
        <v>40667</v>
      </c>
      <c r="G10572" s="1" t="s">
        <v>40629</v>
      </c>
      <c r="H10572" s="1" t="s">
        <v>40630</v>
      </c>
      <c r="I10572" s="1" t="s">
        <v>40631</v>
      </c>
      <c r="J10572" s="1" t="s">
        <v>40668</v>
      </c>
    </row>
    <row r="10573" spans="1:10" x14ac:dyDescent="0.35">
      <c r="A10573" s="1" t="s">
        <v>13978</v>
      </c>
      <c r="B10573" s="1" t="s">
        <v>40625</v>
      </c>
      <c r="C10573" s="1" t="s">
        <v>65</v>
      </c>
      <c r="D10573" s="1" t="s">
        <v>40669</v>
      </c>
      <c r="E10573" s="1" t="s">
        <v>40670</v>
      </c>
      <c r="F10573" s="1" t="s">
        <v>40671</v>
      </c>
      <c r="G10573" s="1" t="s">
        <v>40629</v>
      </c>
      <c r="H10573" s="1" t="s">
        <v>40630</v>
      </c>
      <c r="I10573" s="1" t="s">
        <v>40631</v>
      </c>
      <c r="J10573" s="1" t="s">
        <v>40672</v>
      </c>
    </row>
    <row r="10574" spans="1:10" x14ac:dyDescent="0.35">
      <c r="A10574" s="1" t="s">
        <v>13978</v>
      </c>
      <c r="B10574" s="1" t="s">
        <v>40625</v>
      </c>
      <c r="C10574" s="1" t="s">
        <v>70</v>
      </c>
      <c r="D10574" s="1" t="s">
        <v>40673</v>
      </c>
      <c r="E10574" s="1" t="s">
        <v>40674</v>
      </c>
      <c r="F10574" s="1" t="s">
        <v>40675</v>
      </c>
      <c r="G10574" s="1" t="s">
        <v>40629</v>
      </c>
      <c r="H10574" s="1" t="s">
        <v>40630</v>
      </c>
      <c r="I10574" s="1" t="s">
        <v>40631</v>
      </c>
      <c r="J10574" s="1" t="s">
        <v>40676</v>
      </c>
    </row>
    <row r="10575" spans="1:10" x14ac:dyDescent="0.35">
      <c r="A10575" s="1" t="s">
        <v>13978</v>
      </c>
      <c r="B10575" s="1" t="s">
        <v>40625</v>
      </c>
      <c r="C10575" s="1" t="s">
        <v>75</v>
      </c>
      <c r="D10575" s="1" t="s">
        <v>40677</v>
      </c>
      <c r="E10575" s="1" t="s">
        <v>22906</v>
      </c>
      <c r="F10575" s="1" t="s">
        <v>22033</v>
      </c>
      <c r="G10575" s="1" t="s">
        <v>40629</v>
      </c>
      <c r="H10575" s="1" t="s">
        <v>40630</v>
      </c>
      <c r="I10575" s="1" t="s">
        <v>40631</v>
      </c>
      <c r="J10575" s="1" t="s">
        <v>40678</v>
      </c>
    </row>
    <row r="10576" spans="1:10" x14ac:dyDescent="0.35">
      <c r="A10576" s="1" t="s">
        <v>13978</v>
      </c>
      <c r="B10576" s="1" t="s">
        <v>40625</v>
      </c>
      <c r="C10576" s="1" t="s">
        <v>80</v>
      </c>
      <c r="D10576" s="1" t="s">
        <v>40679</v>
      </c>
      <c r="E10576" s="1" t="s">
        <v>40680</v>
      </c>
      <c r="F10576" s="1" t="s">
        <v>15446</v>
      </c>
      <c r="G10576" s="1" t="s">
        <v>40629</v>
      </c>
      <c r="H10576" s="1" t="s">
        <v>40630</v>
      </c>
      <c r="I10576" s="1" t="s">
        <v>40631</v>
      </c>
      <c r="J10576" s="1" t="s">
        <v>40681</v>
      </c>
    </row>
    <row r="10577" spans="1:10" x14ac:dyDescent="0.35">
      <c r="A10577" s="1" t="s">
        <v>13978</v>
      </c>
      <c r="B10577" s="1" t="s">
        <v>40625</v>
      </c>
      <c r="C10577" s="1" t="s">
        <v>85</v>
      </c>
      <c r="D10577" s="1" t="s">
        <v>40682</v>
      </c>
      <c r="E10577" s="1" t="s">
        <v>40683</v>
      </c>
      <c r="F10577" s="1" t="s">
        <v>40684</v>
      </c>
      <c r="G10577" s="1" t="s">
        <v>40629</v>
      </c>
      <c r="H10577" s="1" t="s">
        <v>40630</v>
      </c>
      <c r="I10577" s="1" t="s">
        <v>40631</v>
      </c>
      <c r="J10577" s="1" t="s">
        <v>40685</v>
      </c>
    </row>
    <row r="10578" spans="1:10" x14ac:dyDescent="0.35">
      <c r="A10578" s="1" t="s">
        <v>13978</v>
      </c>
      <c r="B10578" s="1" t="s">
        <v>40625</v>
      </c>
      <c r="C10578" s="1" t="s">
        <v>90</v>
      </c>
      <c r="D10578" s="1" t="s">
        <v>40686</v>
      </c>
      <c r="E10578" s="1" t="s">
        <v>40687</v>
      </c>
      <c r="F10578" s="1" t="s">
        <v>40688</v>
      </c>
      <c r="G10578" s="1" t="s">
        <v>40629</v>
      </c>
      <c r="H10578" s="1" t="s">
        <v>40630</v>
      </c>
      <c r="I10578" s="1" t="s">
        <v>40631</v>
      </c>
      <c r="J10578" s="1" t="s">
        <v>40689</v>
      </c>
    </row>
    <row r="10579" spans="1:10" x14ac:dyDescent="0.35">
      <c r="A10579" s="1" t="s">
        <v>13978</v>
      </c>
      <c r="B10579" s="1" t="s">
        <v>40625</v>
      </c>
      <c r="C10579" s="1" t="s">
        <v>95</v>
      </c>
      <c r="D10579" s="1" t="s">
        <v>40690</v>
      </c>
      <c r="E10579" s="1" t="s">
        <v>40691</v>
      </c>
      <c r="F10579" s="1" t="s">
        <v>40692</v>
      </c>
      <c r="G10579" s="1" t="s">
        <v>40629</v>
      </c>
      <c r="H10579" s="1" t="s">
        <v>40630</v>
      </c>
      <c r="I10579" s="1" t="s">
        <v>40631</v>
      </c>
      <c r="J10579" s="1" t="s">
        <v>40693</v>
      </c>
    </row>
    <row r="10580" spans="1:10" x14ac:dyDescent="0.35">
      <c r="A10580" s="1" t="s">
        <v>13978</v>
      </c>
      <c r="B10580" s="1" t="s">
        <v>40625</v>
      </c>
      <c r="C10580" s="1" t="s">
        <v>100</v>
      </c>
      <c r="D10580" s="1" t="s">
        <v>40694</v>
      </c>
      <c r="E10580" s="1" t="s">
        <v>21113</v>
      </c>
      <c r="F10580" s="1" t="s">
        <v>40695</v>
      </c>
      <c r="G10580" s="1" t="s">
        <v>40629</v>
      </c>
      <c r="H10580" s="1" t="s">
        <v>40630</v>
      </c>
      <c r="I10580" s="1" t="s">
        <v>40631</v>
      </c>
      <c r="J10580" s="1" t="s">
        <v>40696</v>
      </c>
    </row>
    <row r="10581" spans="1:10" x14ac:dyDescent="0.35">
      <c r="A10581" s="1" t="s">
        <v>13978</v>
      </c>
      <c r="B10581" s="1" t="s">
        <v>40625</v>
      </c>
      <c r="C10581" s="1" t="s">
        <v>105</v>
      </c>
      <c r="D10581" s="1" t="s">
        <v>40697</v>
      </c>
      <c r="E10581" s="1" t="s">
        <v>21197</v>
      </c>
      <c r="F10581" s="1" t="s">
        <v>40698</v>
      </c>
      <c r="G10581" s="1" t="s">
        <v>40629</v>
      </c>
      <c r="H10581" s="1" t="s">
        <v>40630</v>
      </c>
      <c r="I10581" s="1" t="s">
        <v>40631</v>
      </c>
      <c r="J10581" s="1" t="s">
        <v>40699</v>
      </c>
    </row>
    <row r="10582" spans="1:10" x14ac:dyDescent="0.35">
      <c r="A10582" s="1" t="s">
        <v>13978</v>
      </c>
      <c r="B10582" s="1" t="s">
        <v>40625</v>
      </c>
      <c r="C10582" s="1" t="s">
        <v>110</v>
      </c>
      <c r="D10582" s="1" t="s">
        <v>40700</v>
      </c>
      <c r="E10582" s="1" t="s">
        <v>40701</v>
      </c>
      <c r="F10582" s="1" t="s">
        <v>40702</v>
      </c>
      <c r="G10582" s="1" t="s">
        <v>40629</v>
      </c>
      <c r="H10582" s="1" t="s">
        <v>40630</v>
      </c>
      <c r="I10582" s="1" t="s">
        <v>40631</v>
      </c>
      <c r="J10582" s="1" t="s">
        <v>40703</v>
      </c>
    </row>
    <row r="10583" spans="1:10" x14ac:dyDescent="0.35">
      <c r="A10583" s="1" t="s">
        <v>13978</v>
      </c>
      <c r="B10583" s="1" t="s">
        <v>40625</v>
      </c>
      <c r="C10583" s="1" t="s">
        <v>115</v>
      </c>
      <c r="D10583" s="1" t="s">
        <v>40704</v>
      </c>
      <c r="E10583" s="1" t="s">
        <v>40705</v>
      </c>
      <c r="F10583" s="1" t="s">
        <v>40706</v>
      </c>
      <c r="G10583" s="1" t="s">
        <v>40629</v>
      </c>
      <c r="H10583" s="1" t="s">
        <v>40630</v>
      </c>
      <c r="I10583" s="1" t="s">
        <v>40631</v>
      </c>
      <c r="J10583" s="1" t="s">
        <v>40707</v>
      </c>
    </row>
    <row r="10584" spans="1:10" x14ac:dyDescent="0.35">
      <c r="A10584" s="1" t="s">
        <v>13978</v>
      </c>
      <c r="B10584" s="1" t="s">
        <v>40625</v>
      </c>
      <c r="C10584" s="1" t="s">
        <v>120</v>
      </c>
      <c r="D10584" s="1" t="s">
        <v>24396</v>
      </c>
      <c r="E10584" s="1" t="s">
        <v>22974</v>
      </c>
      <c r="F10584" s="1" t="s">
        <v>40708</v>
      </c>
      <c r="G10584" s="1" t="s">
        <v>40629</v>
      </c>
      <c r="H10584" s="1" t="s">
        <v>40630</v>
      </c>
      <c r="I10584" s="1" t="s">
        <v>40631</v>
      </c>
      <c r="J10584" s="1" t="s">
        <v>40709</v>
      </c>
    </row>
    <row r="10585" spans="1:10" x14ac:dyDescent="0.35">
      <c r="A10585" s="1" t="s">
        <v>13978</v>
      </c>
      <c r="B10585" s="1" t="s">
        <v>40625</v>
      </c>
      <c r="C10585" s="1" t="s">
        <v>125</v>
      </c>
      <c r="D10585" s="1" t="s">
        <v>40710</v>
      </c>
      <c r="E10585" s="1" t="s">
        <v>40711</v>
      </c>
      <c r="F10585" s="1" t="s">
        <v>40712</v>
      </c>
      <c r="G10585" s="1" t="s">
        <v>40629</v>
      </c>
      <c r="H10585" s="1" t="s">
        <v>40630</v>
      </c>
      <c r="I10585" s="1" t="s">
        <v>40631</v>
      </c>
      <c r="J10585" s="1" t="s">
        <v>40713</v>
      </c>
    </row>
    <row r="10586" spans="1:10" x14ac:dyDescent="0.35">
      <c r="A10586" s="1" t="s">
        <v>13978</v>
      </c>
      <c r="B10586" s="1" t="s">
        <v>40625</v>
      </c>
      <c r="C10586" s="1" t="s">
        <v>130</v>
      </c>
      <c r="D10586" s="1" t="s">
        <v>40714</v>
      </c>
      <c r="E10586" s="1" t="s">
        <v>21898</v>
      </c>
      <c r="F10586" s="1" t="s">
        <v>40715</v>
      </c>
      <c r="G10586" s="1" t="s">
        <v>40629</v>
      </c>
      <c r="H10586" s="1" t="s">
        <v>40630</v>
      </c>
      <c r="I10586" s="1" t="s">
        <v>40631</v>
      </c>
      <c r="J10586" s="1" t="s">
        <v>40716</v>
      </c>
    </row>
    <row r="10587" spans="1:10" x14ac:dyDescent="0.35">
      <c r="A10587" s="1" t="s">
        <v>13978</v>
      </c>
      <c r="B10587" s="1" t="s">
        <v>40625</v>
      </c>
      <c r="C10587" s="1" t="s">
        <v>135</v>
      </c>
      <c r="D10587" s="1" t="s">
        <v>26510</v>
      </c>
      <c r="E10587" s="1" t="s">
        <v>40717</v>
      </c>
      <c r="F10587" s="1" t="s">
        <v>40718</v>
      </c>
      <c r="G10587" s="1" t="s">
        <v>40629</v>
      </c>
      <c r="H10587" s="1" t="s">
        <v>40630</v>
      </c>
      <c r="I10587" s="1" t="s">
        <v>40631</v>
      </c>
      <c r="J10587" s="1" t="s">
        <v>40719</v>
      </c>
    </row>
    <row r="10588" spans="1:10" x14ac:dyDescent="0.35">
      <c r="A10588" s="1" t="s">
        <v>13978</v>
      </c>
      <c r="B10588" s="1" t="s">
        <v>40625</v>
      </c>
      <c r="C10588" s="1" t="s">
        <v>140</v>
      </c>
      <c r="D10588" s="1" t="s">
        <v>40720</v>
      </c>
      <c r="E10588" s="1" t="s">
        <v>40655</v>
      </c>
      <c r="F10588" s="1" t="s">
        <v>40721</v>
      </c>
      <c r="G10588" s="1" t="s">
        <v>40629</v>
      </c>
      <c r="H10588" s="1" t="s">
        <v>40630</v>
      </c>
      <c r="I10588" s="1" t="s">
        <v>40631</v>
      </c>
      <c r="J10588" s="1" t="s">
        <v>40722</v>
      </c>
    </row>
    <row r="10589" spans="1:10" x14ac:dyDescent="0.35">
      <c r="A10589" s="1" t="s">
        <v>13978</v>
      </c>
      <c r="B10589" s="1" t="s">
        <v>40625</v>
      </c>
      <c r="C10589" s="1" t="s">
        <v>145</v>
      </c>
      <c r="D10589" s="1" t="s">
        <v>40723</v>
      </c>
      <c r="E10589" s="1" t="s">
        <v>12782</v>
      </c>
      <c r="F10589" s="1" t="s">
        <v>40724</v>
      </c>
      <c r="G10589" s="1" t="s">
        <v>40629</v>
      </c>
      <c r="H10589" s="1" t="s">
        <v>40630</v>
      </c>
      <c r="I10589" s="1" t="s">
        <v>40631</v>
      </c>
      <c r="J10589" s="1" t="s">
        <v>40725</v>
      </c>
    </row>
    <row r="10590" spans="1:10" x14ac:dyDescent="0.35">
      <c r="A10590" s="1" t="s">
        <v>13978</v>
      </c>
      <c r="B10590" s="1" t="s">
        <v>40625</v>
      </c>
      <c r="C10590" s="1" t="s">
        <v>150</v>
      </c>
      <c r="D10590" s="1" t="s">
        <v>40726</v>
      </c>
      <c r="E10590" s="1" t="s">
        <v>40727</v>
      </c>
      <c r="F10590" s="1" t="s">
        <v>40728</v>
      </c>
      <c r="G10590" s="1" t="s">
        <v>40629</v>
      </c>
      <c r="H10590" s="1" t="s">
        <v>40630</v>
      </c>
      <c r="I10590" s="1" t="s">
        <v>40631</v>
      </c>
      <c r="J10590" s="1" t="s">
        <v>40729</v>
      </c>
    </row>
    <row r="10591" spans="1:10" x14ac:dyDescent="0.35">
      <c r="A10591" s="1" t="s">
        <v>13978</v>
      </c>
      <c r="B10591" s="1" t="s">
        <v>40625</v>
      </c>
      <c r="C10591" s="1" t="s">
        <v>155</v>
      </c>
      <c r="D10591" s="1" t="s">
        <v>40730</v>
      </c>
      <c r="E10591" s="1" t="s">
        <v>31397</v>
      </c>
      <c r="F10591" s="1" t="s">
        <v>40731</v>
      </c>
      <c r="G10591" s="1" t="s">
        <v>40629</v>
      </c>
      <c r="H10591" s="1" t="s">
        <v>40630</v>
      </c>
      <c r="I10591" s="1" t="s">
        <v>40631</v>
      </c>
      <c r="J10591" s="1" t="s">
        <v>40732</v>
      </c>
    </row>
    <row r="10592" spans="1:10" x14ac:dyDescent="0.35">
      <c r="A10592" s="1" t="s">
        <v>13978</v>
      </c>
      <c r="B10592" s="1" t="s">
        <v>40625</v>
      </c>
      <c r="C10592" s="1" t="s">
        <v>160</v>
      </c>
      <c r="D10592" s="1" t="s">
        <v>40733</v>
      </c>
      <c r="E10592" s="1" t="s">
        <v>40734</v>
      </c>
      <c r="F10592" s="1" t="s">
        <v>40735</v>
      </c>
      <c r="G10592" s="1" t="s">
        <v>40629</v>
      </c>
      <c r="H10592" s="1" t="s">
        <v>40630</v>
      </c>
      <c r="I10592" s="1" t="s">
        <v>40631</v>
      </c>
      <c r="J10592" s="1" t="s">
        <v>40736</v>
      </c>
    </row>
    <row r="10593" spans="1:10" x14ac:dyDescent="0.35">
      <c r="A10593" s="1" t="s">
        <v>13978</v>
      </c>
      <c r="B10593" s="1" t="s">
        <v>40625</v>
      </c>
      <c r="C10593" s="1" t="s">
        <v>165</v>
      </c>
      <c r="D10593" s="1" t="s">
        <v>40737</v>
      </c>
      <c r="E10593" s="1" t="s">
        <v>23866</v>
      </c>
      <c r="F10593" s="1" t="s">
        <v>40738</v>
      </c>
      <c r="G10593" s="1" t="s">
        <v>40629</v>
      </c>
      <c r="H10593" s="1" t="s">
        <v>40630</v>
      </c>
      <c r="I10593" s="1" t="s">
        <v>40631</v>
      </c>
      <c r="J10593" s="1" t="s">
        <v>40739</v>
      </c>
    </row>
    <row r="10594" spans="1:10" x14ac:dyDescent="0.35">
      <c r="A10594" s="1" t="s">
        <v>13978</v>
      </c>
      <c r="B10594" s="1" t="s">
        <v>40625</v>
      </c>
      <c r="C10594" s="1" t="s">
        <v>170</v>
      </c>
      <c r="D10594" s="1" t="s">
        <v>40740</v>
      </c>
      <c r="E10594" s="1" t="s">
        <v>40741</v>
      </c>
      <c r="F10594" s="1" t="s">
        <v>40742</v>
      </c>
      <c r="G10594" s="1" t="s">
        <v>40629</v>
      </c>
      <c r="H10594" s="1" t="s">
        <v>40630</v>
      </c>
      <c r="I10594" s="1" t="s">
        <v>40631</v>
      </c>
      <c r="J10594" s="1" t="s">
        <v>40743</v>
      </c>
    </row>
    <row r="10595" spans="1:10" x14ac:dyDescent="0.35">
      <c r="A10595" s="1" t="s">
        <v>40744</v>
      </c>
      <c r="B10595" s="1" t="s">
        <v>40625</v>
      </c>
      <c r="C10595" s="1" t="s">
        <v>8</v>
      </c>
      <c r="D10595" s="1" t="s">
        <v>20869</v>
      </c>
      <c r="E10595" s="1" t="s">
        <v>40745</v>
      </c>
      <c r="F10595" s="1" t="s">
        <v>40746</v>
      </c>
      <c r="G10595" s="1" t="s">
        <v>40747</v>
      </c>
      <c r="H10595" s="1" t="s">
        <v>40748</v>
      </c>
      <c r="I10595" s="1" t="s">
        <v>40631</v>
      </c>
      <c r="J10595" s="1" t="s">
        <v>13</v>
      </c>
    </row>
    <row r="10596" spans="1:10" x14ac:dyDescent="0.35">
      <c r="A10596" s="1" t="s">
        <v>40744</v>
      </c>
      <c r="B10596" s="1" t="s">
        <v>40625</v>
      </c>
      <c r="C10596" s="1" t="s">
        <v>15</v>
      </c>
      <c r="D10596" s="1" t="s">
        <v>5020</v>
      </c>
      <c r="E10596" s="1" t="s">
        <v>40749</v>
      </c>
      <c r="F10596" s="1" t="s">
        <v>40750</v>
      </c>
      <c r="G10596" s="1" t="s">
        <v>40747</v>
      </c>
      <c r="H10596" s="1" t="s">
        <v>40748</v>
      </c>
      <c r="I10596" s="1" t="s">
        <v>40631</v>
      </c>
      <c r="J10596" s="1" t="s">
        <v>40751</v>
      </c>
    </row>
    <row r="10597" spans="1:10" x14ac:dyDescent="0.35">
      <c r="A10597" s="1" t="s">
        <v>40744</v>
      </c>
      <c r="B10597" s="1" t="s">
        <v>40625</v>
      </c>
      <c r="C10597" s="1" t="s">
        <v>20</v>
      </c>
      <c r="D10597" s="1" t="s">
        <v>40752</v>
      </c>
      <c r="E10597" s="1" t="s">
        <v>40753</v>
      </c>
      <c r="F10597" s="1" t="s">
        <v>40754</v>
      </c>
      <c r="G10597" s="1" t="s">
        <v>40747</v>
      </c>
      <c r="H10597" s="1" t="s">
        <v>40748</v>
      </c>
      <c r="I10597" s="1" t="s">
        <v>40631</v>
      </c>
      <c r="J10597" s="1" t="s">
        <v>40755</v>
      </c>
    </row>
    <row r="10598" spans="1:10" x14ac:dyDescent="0.35">
      <c r="A10598" s="1" t="s">
        <v>40744</v>
      </c>
      <c r="B10598" s="1" t="s">
        <v>40625</v>
      </c>
      <c r="C10598" s="1" t="s">
        <v>25</v>
      </c>
      <c r="D10598" s="1" t="s">
        <v>40756</v>
      </c>
      <c r="E10598" s="1" t="s">
        <v>40757</v>
      </c>
      <c r="F10598" s="1" t="s">
        <v>40758</v>
      </c>
      <c r="G10598" s="1" t="s">
        <v>40747</v>
      </c>
      <c r="H10598" s="1" t="s">
        <v>40748</v>
      </c>
      <c r="I10598" s="1" t="s">
        <v>40631</v>
      </c>
      <c r="J10598" s="1" t="s">
        <v>40759</v>
      </c>
    </row>
    <row r="10599" spans="1:10" x14ac:dyDescent="0.35">
      <c r="A10599" s="1" t="s">
        <v>40744</v>
      </c>
      <c r="B10599" s="1" t="s">
        <v>40625</v>
      </c>
      <c r="C10599" s="1" t="s">
        <v>30</v>
      </c>
      <c r="D10599" s="1" t="s">
        <v>40760</v>
      </c>
      <c r="E10599" s="1" t="s">
        <v>40761</v>
      </c>
      <c r="F10599" s="1" t="s">
        <v>40762</v>
      </c>
      <c r="G10599" s="1" t="s">
        <v>40747</v>
      </c>
      <c r="H10599" s="1" t="s">
        <v>40748</v>
      </c>
      <c r="I10599" s="1" t="s">
        <v>40631</v>
      </c>
      <c r="J10599" s="1" t="s">
        <v>40763</v>
      </c>
    </row>
    <row r="10600" spans="1:10" x14ac:dyDescent="0.35">
      <c r="A10600" s="1" t="s">
        <v>40744</v>
      </c>
      <c r="B10600" s="1" t="s">
        <v>40625</v>
      </c>
      <c r="C10600" s="1" t="s">
        <v>35</v>
      </c>
      <c r="D10600" s="1" t="s">
        <v>40764</v>
      </c>
      <c r="E10600" s="1" t="s">
        <v>40765</v>
      </c>
      <c r="F10600" s="1" t="s">
        <v>40766</v>
      </c>
      <c r="G10600" s="1" t="s">
        <v>40747</v>
      </c>
      <c r="H10600" s="1" t="s">
        <v>40748</v>
      </c>
      <c r="I10600" s="1" t="s">
        <v>40631</v>
      </c>
      <c r="J10600" s="1" t="s">
        <v>40767</v>
      </c>
    </row>
    <row r="10601" spans="1:10" x14ac:dyDescent="0.35">
      <c r="A10601" s="1" t="s">
        <v>40744</v>
      </c>
      <c r="B10601" s="1" t="s">
        <v>40625</v>
      </c>
      <c r="C10601" s="1" t="s">
        <v>40</v>
      </c>
      <c r="D10601" s="1" t="s">
        <v>40768</v>
      </c>
      <c r="E10601" s="1" t="s">
        <v>40769</v>
      </c>
      <c r="F10601" s="1" t="s">
        <v>40770</v>
      </c>
      <c r="G10601" s="1" t="s">
        <v>40747</v>
      </c>
      <c r="H10601" s="1" t="s">
        <v>40748</v>
      </c>
      <c r="I10601" s="1" t="s">
        <v>40631</v>
      </c>
      <c r="J10601" s="1" t="s">
        <v>40771</v>
      </c>
    </row>
    <row r="10602" spans="1:10" x14ac:dyDescent="0.35">
      <c r="A10602" s="1" t="s">
        <v>40744</v>
      </c>
      <c r="B10602" s="1" t="s">
        <v>40625</v>
      </c>
      <c r="C10602" s="1" t="s">
        <v>45</v>
      </c>
      <c r="D10602" s="1" t="s">
        <v>40772</v>
      </c>
      <c r="E10602" s="1" t="s">
        <v>40773</v>
      </c>
      <c r="F10602" s="1" t="s">
        <v>40774</v>
      </c>
      <c r="G10602" s="1" t="s">
        <v>40747</v>
      </c>
      <c r="H10602" s="1" t="s">
        <v>40748</v>
      </c>
      <c r="I10602" s="1" t="s">
        <v>40631</v>
      </c>
      <c r="J10602" s="1" t="s">
        <v>40775</v>
      </c>
    </row>
    <row r="10603" spans="1:10" x14ac:dyDescent="0.35">
      <c r="A10603" s="1" t="s">
        <v>40744</v>
      </c>
      <c r="B10603" s="1" t="s">
        <v>40625</v>
      </c>
      <c r="C10603" s="1" t="s">
        <v>50</v>
      </c>
      <c r="D10603" s="1" t="s">
        <v>40776</v>
      </c>
      <c r="E10603" s="1" t="s">
        <v>40777</v>
      </c>
      <c r="F10603" s="1" t="s">
        <v>40778</v>
      </c>
      <c r="G10603" s="1" t="s">
        <v>40747</v>
      </c>
      <c r="H10603" s="1" t="s">
        <v>40748</v>
      </c>
      <c r="I10603" s="1" t="s">
        <v>40631</v>
      </c>
      <c r="J10603" s="1" t="s">
        <v>40779</v>
      </c>
    </row>
    <row r="10604" spans="1:10" x14ac:dyDescent="0.35">
      <c r="A10604" s="1" t="s">
        <v>40744</v>
      </c>
      <c r="B10604" s="1" t="s">
        <v>40625</v>
      </c>
      <c r="C10604" s="1" t="s">
        <v>55</v>
      </c>
      <c r="D10604" s="1" t="s">
        <v>40780</v>
      </c>
      <c r="E10604" s="1" t="s">
        <v>40781</v>
      </c>
      <c r="F10604" s="1" t="s">
        <v>40782</v>
      </c>
      <c r="G10604" s="1" t="s">
        <v>40747</v>
      </c>
      <c r="H10604" s="1" t="s">
        <v>40748</v>
      </c>
      <c r="I10604" s="1" t="s">
        <v>40631</v>
      </c>
      <c r="J10604" s="1" t="s">
        <v>40783</v>
      </c>
    </row>
    <row r="10605" spans="1:10" x14ac:dyDescent="0.35">
      <c r="A10605" s="1" t="s">
        <v>40744</v>
      </c>
      <c r="B10605" s="1" t="s">
        <v>40625</v>
      </c>
      <c r="C10605" s="1" t="s">
        <v>60</v>
      </c>
      <c r="D10605" s="1" t="s">
        <v>40784</v>
      </c>
      <c r="E10605" s="1" t="s">
        <v>40785</v>
      </c>
      <c r="F10605" s="1" t="s">
        <v>40786</v>
      </c>
      <c r="G10605" s="1" t="s">
        <v>40747</v>
      </c>
      <c r="H10605" s="1" t="s">
        <v>40748</v>
      </c>
      <c r="I10605" s="1" t="s">
        <v>40631</v>
      </c>
      <c r="J10605" s="1" t="s">
        <v>40787</v>
      </c>
    </row>
    <row r="10606" spans="1:10" x14ac:dyDescent="0.35">
      <c r="A10606" s="1" t="s">
        <v>40744</v>
      </c>
      <c r="B10606" s="1" t="s">
        <v>40625</v>
      </c>
      <c r="C10606" s="1" t="s">
        <v>65</v>
      </c>
      <c r="D10606" s="1" t="s">
        <v>40788</v>
      </c>
      <c r="E10606" s="1" t="s">
        <v>40789</v>
      </c>
      <c r="F10606" s="1" t="s">
        <v>40790</v>
      </c>
      <c r="G10606" s="1" t="s">
        <v>40747</v>
      </c>
      <c r="H10606" s="1" t="s">
        <v>40748</v>
      </c>
      <c r="I10606" s="1" t="s">
        <v>40631</v>
      </c>
      <c r="J10606" s="1" t="s">
        <v>40791</v>
      </c>
    </row>
    <row r="10607" spans="1:10" x14ac:dyDescent="0.35">
      <c r="A10607" s="1" t="s">
        <v>40744</v>
      </c>
      <c r="B10607" s="1" t="s">
        <v>40625</v>
      </c>
      <c r="C10607" s="1" t="s">
        <v>70</v>
      </c>
      <c r="D10607" s="1" t="s">
        <v>40792</v>
      </c>
      <c r="E10607" s="1" t="s">
        <v>40793</v>
      </c>
      <c r="F10607" s="1" t="s">
        <v>40794</v>
      </c>
      <c r="G10607" s="1" t="s">
        <v>40747</v>
      </c>
      <c r="H10607" s="1" t="s">
        <v>40748</v>
      </c>
      <c r="I10607" s="1" t="s">
        <v>40631</v>
      </c>
      <c r="J10607" s="1" t="s">
        <v>40795</v>
      </c>
    </row>
    <row r="10608" spans="1:10" x14ac:dyDescent="0.35">
      <c r="A10608" s="1" t="s">
        <v>40744</v>
      </c>
      <c r="B10608" s="1" t="s">
        <v>40625</v>
      </c>
      <c r="C10608" s="1" t="s">
        <v>75</v>
      </c>
      <c r="D10608" s="1" t="s">
        <v>40796</v>
      </c>
      <c r="E10608" s="1" t="s">
        <v>40797</v>
      </c>
      <c r="F10608" s="1" t="s">
        <v>40798</v>
      </c>
      <c r="G10608" s="1" t="s">
        <v>40747</v>
      </c>
      <c r="H10608" s="1" t="s">
        <v>40748</v>
      </c>
      <c r="I10608" s="1" t="s">
        <v>40631</v>
      </c>
      <c r="J10608" s="1" t="s">
        <v>40799</v>
      </c>
    </row>
    <row r="10609" spans="1:10" x14ac:dyDescent="0.35">
      <c r="A10609" s="1" t="s">
        <v>40744</v>
      </c>
      <c r="B10609" s="1" t="s">
        <v>40625</v>
      </c>
      <c r="C10609" s="1" t="s">
        <v>80</v>
      </c>
      <c r="D10609" s="1" t="s">
        <v>40800</v>
      </c>
      <c r="E10609" s="1" t="s">
        <v>40801</v>
      </c>
      <c r="F10609" s="1" t="s">
        <v>40802</v>
      </c>
      <c r="G10609" s="1" t="s">
        <v>40747</v>
      </c>
      <c r="H10609" s="1" t="s">
        <v>40748</v>
      </c>
      <c r="I10609" s="1" t="s">
        <v>40631</v>
      </c>
      <c r="J10609" s="1" t="s">
        <v>40803</v>
      </c>
    </row>
    <row r="10610" spans="1:10" x14ac:dyDescent="0.35">
      <c r="A10610" s="1" t="s">
        <v>40744</v>
      </c>
      <c r="B10610" s="1" t="s">
        <v>40625</v>
      </c>
      <c r="C10610" s="1" t="s">
        <v>85</v>
      </c>
      <c r="D10610" s="1" t="s">
        <v>40804</v>
      </c>
      <c r="E10610" s="1" t="s">
        <v>40805</v>
      </c>
      <c r="F10610" s="1" t="s">
        <v>40806</v>
      </c>
      <c r="G10610" s="1" t="s">
        <v>40747</v>
      </c>
      <c r="H10610" s="1" t="s">
        <v>40748</v>
      </c>
      <c r="I10610" s="1" t="s">
        <v>40631</v>
      </c>
      <c r="J10610" s="1" t="s">
        <v>40807</v>
      </c>
    </row>
    <row r="10611" spans="1:10" x14ac:dyDescent="0.35">
      <c r="A10611" s="1" t="s">
        <v>40744</v>
      </c>
      <c r="B10611" s="1" t="s">
        <v>40625</v>
      </c>
      <c r="C10611" s="1" t="s">
        <v>90</v>
      </c>
      <c r="D10611" s="1" t="s">
        <v>40808</v>
      </c>
      <c r="E10611" s="1" t="s">
        <v>40809</v>
      </c>
      <c r="F10611" s="1" t="s">
        <v>40810</v>
      </c>
      <c r="G10611" s="1" t="s">
        <v>40747</v>
      </c>
      <c r="H10611" s="1" t="s">
        <v>40748</v>
      </c>
      <c r="I10611" s="1" t="s">
        <v>40631</v>
      </c>
      <c r="J10611" s="1" t="s">
        <v>40811</v>
      </c>
    </row>
    <row r="10612" spans="1:10" x14ac:dyDescent="0.35">
      <c r="A10612" s="1" t="s">
        <v>40744</v>
      </c>
      <c r="B10612" s="1" t="s">
        <v>40625</v>
      </c>
      <c r="C10612" s="1" t="s">
        <v>95</v>
      </c>
      <c r="D10612" s="1" t="s">
        <v>40812</v>
      </c>
      <c r="E10612" s="1" t="s">
        <v>40813</v>
      </c>
      <c r="F10612" s="1" t="s">
        <v>40814</v>
      </c>
      <c r="G10612" s="1" t="s">
        <v>40747</v>
      </c>
      <c r="H10612" s="1" t="s">
        <v>40748</v>
      </c>
      <c r="I10612" s="1" t="s">
        <v>40631</v>
      </c>
      <c r="J10612" s="1" t="s">
        <v>40815</v>
      </c>
    </row>
    <row r="10613" spans="1:10" x14ac:dyDescent="0.35">
      <c r="A10613" s="1" t="s">
        <v>40744</v>
      </c>
      <c r="B10613" s="1" t="s">
        <v>40625</v>
      </c>
      <c r="C10613" s="1" t="s">
        <v>100</v>
      </c>
      <c r="D10613" s="1" t="s">
        <v>40816</v>
      </c>
      <c r="E10613" s="1" t="s">
        <v>40817</v>
      </c>
      <c r="F10613" s="1" t="s">
        <v>40818</v>
      </c>
      <c r="G10613" s="1" t="s">
        <v>40747</v>
      </c>
      <c r="H10613" s="1" t="s">
        <v>40748</v>
      </c>
      <c r="I10613" s="1" t="s">
        <v>40631</v>
      </c>
      <c r="J10613" s="1" t="s">
        <v>40819</v>
      </c>
    </row>
    <row r="10614" spans="1:10" x14ac:dyDescent="0.35">
      <c r="A10614" s="1" t="s">
        <v>40744</v>
      </c>
      <c r="B10614" s="1" t="s">
        <v>40625</v>
      </c>
      <c r="C10614" s="1" t="s">
        <v>105</v>
      </c>
      <c r="D10614" s="1" t="s">
        <v>40820</v>
      </c>
      <c r="E10614" s="1" t="s">
        <v>40821</v>
      </c>
      <c r="F10614" s="1" t="s">
        <v>40822</v>
      </c>
      <c r="G10614" s="1" t="s">
        <v>40747</v>
      </c>
      <c r="H10614" s="1" t="s">
        <v>40748</v>
      </c>
      <c r="I10614" s="1" t="s">
        <v>40631</v>
      </c>
      <c r="J10614" s="1" t="s">
        <v>40823</v>
      </c>
    </row>
    <row r="10615" spans="1:10" x14ac:dyDescent="0.35">
      <c r="A10615" s="1" t="s">
        <v>40744</v>
      </c>
      <c r="B10615" s="1" t="s">
        <v>40625</v>
      </c>
      <c r="C10615" s="1" t="s">
        <v>110</v>
      </c>
      <c r="D10615" s="1" t="s">
        <v>40824</v>
      </c>
      <c r="E10615" s="1" t="s">
        <v>40825</v>
      </c>
      <c r="F10615" s="1" t="s">
        <v>40826</v>
      </c>
      <c r="G10615" s="1" t="s">
        <v>40747</v>
      </c>
      <c r="H10615" s="1" t="s">
        <v>40748</v>
      </c>
      <c r="I10615" s="1" t="s">
        <v>40631</v>
      </c>
      <c r="J10615" s="1" t="s">
        <v>40827</v>
      </c>
    </row>
    <row r="10616" spans="1:10" x14ac:dyDescent="0.35">
      <c r="A10616" s="1" t="s">
        <v>40744</v>
      </c>
      <c r="B10616" s="1" t="s">
        <v>40625</v>
      </c>
      <c r="C10616" s="1" t="s">
        <v>115</v>
      </c>
      <c r="D10616" s="1" t="s">
        <v>40828</v>
      </c>
      <c r="E10616" s="1" t="s">
        <v>40829</v>
      </c>
      <c r="F10616" s="1" t="s">
        <v>40830</v>
      </c>
      <c r="G10616" s="1" t="s">
        <v>40747</v>
      </c>
      <c r="H10616" s="1" t="s">
        <v>40748</v>
      </c>
      <c r="I10616" s="1" t="s">
        <v>40631</v>
      </c>
      <c r="J10616" s="1" t="s">
        <v>40831</v>
      </c>
    </row>
    <row r="10617" spans="1:10" x14ac:dyDescent="0.35">
      <c r="A10617" s="1" t="s">
        <v>40744</v>
      </c>
      <c r="B10617" s="1" t="s">
        <v>40625</v>
      </c>
      <c r="C10617" s="1" t="s">
        <v>120</v>
      </c>
      <c r="D10617" s="1" t="s">
        <v>40832</v>
      </c>
      <c r="E10617" s="1" t="s">
        <v>40833</v>
      </c>
      <c r="F10617" s="1" t="s">
        <v>40834</v>
      </c>
      <c r="G10617" s="1" t="s">
        <v>40747</v>
      </c>
      <c r="H10617" s="1" t="s">
        <v>40748</v>
      </c>
      <c r="I10617" s="1" t="s">
        <v>40631</v>
      </c>
      <c r="J10617" s="1" t="s">
        <v>40835</v>
      </c>
    </row>
    <row r="10618" spans="1:10" x14ac:dyDescent="0.35">
      <c r="A10618" s="1" t="s">
        <v>40744</v>
      </c>
      <c r="B10618" s="1" t="s">
        <v>40625</v>
      </c>
      <c r="C10618" s="1" t="s">
        <v>125</v>
      </c>
      <c r="D10618" s="1" t="s">
        <v>40836</v>
      </c>
      <c r="E10618" s="1" t="s">
        <v>40837</v>
      </c>
      <c r="F10618" s="1" t="s">
        <v>40838</v>
      </c>
      <c r="G10618" s="1" t="s">
        <v>40747</v>
      </c>
      <c r="H10618" s="1" t="s">
        <v>40748</v>
      </c>
      <c r="I10618" s="1" t="s">
        <v>40631</v>
      </c>
      <c r="J10618" s="1" t="s">
        <v>40839</v>
      </c>
    </row>
    <row r="10619" spans="1:10" x14ac:dyDescent="0.35">
      <c r="A10619" s="1" t="s">
        <v>40744</v>
      </c>
      <c r="B10619" s="1" t="s">
        <v>40625</v>
      </c>
      <c r="C10619" s="1" t="s">
        <v>130</v>
      </c>
      <c r="D10619" s="1" t="s">
        <v>40840</v>
      </c>
      <c r="E10619" s="1" t="s">
        <v>40841</v>
      </c>
      <c r="F10619" s="1" t="s">
        <v>40842</v>
      </c>
      <c r="G10619" s="1" t="s">
        <v>40747</v>
      </c>
      <c r="H10619" s="1" t="s">
        <v>40748</v>
      </c>
      <c r="I10619" s="1" t="s">
        <v>40631</v>
      </c>
      <c r="J10619" s="1" t="s">
        <v>40843</v>
      </c>
    </row>
    <row r="10620" spans="1:10" x14ac:dyDescent="0.35">
      <c r="A10620" s="1" t="s">
        <v>40744</v>
      </c>
      <c r="B10620" s="1" t="s">
        <v>40625</v>
      </c>
      <c r="C10620" s="1" t="s">
        <v>135</v>
      </c>
      <c r="D10620" s="1" t="s">
        <v>40844</v>
      </c>
      <c r="E10620" s="1" t="s">
        <v>40845</v>
      </c>
      <c r="F10620" s="1" t="s">
        <v>40846</v>
      </c>
      <c r="G10620" s="1" t="s">
        <v>40747</v>
      </c>
      <c r="H10620" s="1" t="s">
        <v>40748</v>
      </c>
      <c r="I10620" s="1" t="s">
        <v>40631</v>
      </c>
      <c r="J10620" s="1" t="s">
        <v>40847</v>
      </c>
    </row>
    <row r="10621" spans="1:10" x14ac:dyDescent="0.35">
      <c r="A10621" s="1" t="s">
        <v>40744</v>
      </c>
      <c r="B10621" s="1" t="s">
        <v>40625</v>
      </c>
      <c r="C10621" s="1" t="s">
        <v>140</v>
      </c>
      <c r="D10621" s="1" t="s">
        <v>40848</v>
      </c>
      <c r="E10621" s="1" t="s">
        <v>40849</v>
      </c>
      <c r="F10621" s="1" t="s">
        <v>40850</v>
      </c>
      <c r="G10621" s="1" t="s">
        <v>40747</v>
      </c>
      <c r="H10621" s="1" t="s">
        <v>40748</v>
      </c>
      <c r="I10621" s="1" t="s">
        <v>40631</v>
      </c>
      <c r="J10621" s="1" t="s">
        <v>40851</v>
      </c>
    </row>
    <row r="10622" spans="1:10" x14ac:dyDescent="0.35">
      <c r="A10622" s="1" t="s">
        <v>40744</v>
      </c>
      <c r="B10622" s="1" t="s">
        <v>40625</v>
      </c>
      <c r="C10622" s="1" t="s">
        <v>145</v>
      </c>
      <c r="D10622" s="1" t="s">
        <v>40852</v>
      </c>
      <c r="E10622" s="1" t="s">
        <v>40853</v>
      </c>
      <c r="F10622" s="1" t="s">
        <v>40854</v>
      </c>
      <c r="G10622" s="1" t="s">
        <v>40747</v>
      </c>
      <c r="H10622" s="1" t="s">
        <v>40748</v>
      </c>
      <c r="I10622" s="1" t="s">
        <v>40631</v>
      </c>
      <c r="J10622" s="1" t="s">
        <v>40855</v>
      </c>
    </row>
    <row r="10623" spans="1:10" x14ac:dyDescent="0.35">
      <c r="A10623" s="1" t="s">
        <v>40744</v>
      </c>
      <c r="B10623" s="1" t="s">
        <v>40625</v>
      </c>
      <c r="C10623" s="1" t="s">
        <v>150</v>
      </c>
      <c r="D10623" s="1" t="s">
        <v>40856</v>
      </c>
      <c r="E10623" s="1" t="s">
        <v>40857</v>
      </c>
      <c r="F10623" s="1" t="s">
        <v>40858</v>
      </c>
      <c r="G10623" s="1" t="s">
        <v>40747</v>
      </c>
      <c r="H10623" s="1" t="s">
        <v>40748</v>
      </c>
      <c r="I10623" s="1" t="s">
        <v>40631</v>
      </c>
      <c r="J10623" s="1" t="s">
        <v>40859</v>
      </c>
    </row>
    <row r="10624" spans="1:10" x14ac:dyDescent="0.35">
      <c r="A10624" s="1" t="s">
        <v>40744</v>
      </c>
      <c r="B10624" s="1" t="s">
        <v>40625</v>
      </c>
      <c r="C10624" s="1" t="s">
        <v>155</v>
      </c>
      <c r="D10624" s="1" t="s">
        <v>40860</v>
      </c>
      <c r="E10624" s="1" t="s">
        <v>40861</v>
      </c>
      <c r="F10624" s="1" t="s">
        <v>40862</v>
      </c>
      <c r="G10624" s="1" t="s">
        <v>40747</v>
      </c>
      <c r="H10624" s="1" t="s">
        <v>40748</v>
      </c>
      <c r="I10624" s="1" t="s">
        <v>40631</v>
      </c>
      <c r="J10624" s="1" t="s">
        <v>40863</v>
      </c>
    </row>
    <row r="10625" spans="1:10" x14ac:dyDescent="0.35">
      <c r="A10625" s="1" t="s">
        <v>40744</v>
      </c>
      <c r="B10625" s="1" t="s">
        <v>40625</v>
      </c>
      <c r="C10625" s="1" t="s">
        <v>160</v>
      </c>
      <c r="D10625" s="1" t="s">
        <v>40864</v>
      </c>
      <c r="E10625" s="1" t="s">
        <v>40865</v>
      </c>
      <c r="F10625" s="1" t="s">
        <v>40866</v>
      </c>
      <c r="G10625" s="1" t="s">
        <v>40747</v>
      </c>
      <c r="H10625" s="1" t="s">
        <v>40748</v>
      </c>
      <c r="I10625" s="1" t="s">
        <v>40631</v>
      </c>
      <c r="J10625" s="1" t="s">
        <v>40867</v>
      </c>
    </row>
    <row r="10626" spans="1:10" x14ac:dyDescent="0.35">
      <c r="A10626" s="1" t="s">
        <v>40744</v>
      </c>
      <c r="B10626" s="1" t="s">
        <v>40625</v>
      </c>
      <c r="C10626" s="1" t="s">
        <v>165</v>
      </c>
      <c r="D10626" s="1" t="s">
        <v>40868</v>
      </c>
      <c r="E10626" s="1" t="s">
        <v>40869</v>
      </c>
      <c r="F10626" s="1" t="s">
        <v>40870</v>
      </c>
      <c r="G10626" s="1" t="s">
        <v>40747</v>
      </c>
      <c r="H10626" s="1" t="s">
        <v>40748</v>
      </c>
      <c r="I10626" s="1" t="s">
        <v>40631</v>
      </c>
      <c r="J10626" s="1" t="s">
        <v>40871</v>
      </c>
    </row>
    <row r="10627" spans="1:10" x14ac:dyDescent="0.35">
      <c r="A10627" s="1" t="s">
        <v>40744</v>
      </c>
      <c r="B10627" s="1" t="s">
        <v>40625</v>
      </c>
      <c r="C10627" s="1" t="s">
        <v>170</v>
      </c>
      <c r="D10627" s="1" t="s">
        <v>40872</v>
      </c>
      <c r="E10627" s="1" t="s">
        <v>40873</v>
      </c>
      <c r="F10627" s="1" t="s">
        <v>40874</v>
      </c>
      <c r="G10627" s="1" t="s">
        <v>40747</v>
      </c>
      <c r="H10627" s="1" t="s">
        <v>40748</v>
      </c>
      <c r="I10627" s="1" t="s">
        <v>40631</v>
      </c>
      <c r="J10627" s="1" t="s">
        <v>40875</v>
      </c>
    </row>
    <row r="10628" spans="1:10" x14ac:dyDescent="0.35">
      <c r="A10628" s="1" t="s">
        <v>40876</v>
      </c>
      <c r="B10628" s="1" t="s">
        <v>40625</v>
      </c>
      <c r="C10628" s="1" t="s">
        <v>8</v>
      </c>
      <c r="D10628" s="1" t="s">
        <v>40877</v>
      </c>
      <c r="E10628" s="1" t="s">
        <v>40878</v>
      </c>
      <c r="F10628" s="1" t="s">
        <v>40879</v>
      </c>
      <c r="G10628" s="1" t="s">
        <v>40880</v>
      </c>
      <c r="H10628" s="1" t="s">
        <v>40881</v>
      </c>
      <c r="I10628" s="1" t="s">
        <v>40631</v>
      </c>
      <c r="J10628" s="1" t="s">
        <v>13</v>
      </c>
    </row>
    <row r="10629" spans="1:10" x14ac:dyDescent="0.35">
      <c r="A10629" s="1" t="s">
        <v>40876</v>
      </c>
      <c r="B10629" s="1" t="s">
        <v>40625</v>
      </c>
      <c r="C10629" s="1" t="s">
        <v>15</v>
      </c>
      <c r="D10629" s="1" t="s">
        <v>40882</v>
      </c>
      <c r="E10629" s="1" t="s">
        <v>40883</v>
      </c>
      <c r="F10629" s="1" t="s">
        <v>40884</v>
      </c>
      <c r="G10629" s="1" t="s">
        <v>40880</v>
      </c>
      <c r="H10629" s="1" t="s">
        <v>40881</v>
      </c>
      <c r="I10629" s="1" t="s">
        <v>40631</v>
      </c>
      <c r="J10629" s="1" t="s">
        <v>40885</v>
      </c>
    </row>
    <row r="10630" spans="1:10" x14ac:dyDescent="0.35">
      <c r="A10630" s="1" t="s">
        <v>40876</v>
      </c>
      <c r="B10630" s="1" t="s">
        <v>40625</v>
      </c>
      <c r="C10630" s="1" t="s">
        <v>20</v>
      </c>
      <c r="D10630" s="1" t="s">
        <v>40886</v>
      </c>
      <c r="E10630" s="1" t="s">
        <v>40887</v>
      </c>
      <c r="F10630" s="1" t="s">
        <v>40888</v>
      </c>
      <c r="G10630" s="1" t="s">
        <v>40880</v>
      </c>
      <c r="H10630" s="1" t="s">
        <v>40881</v>
      </c>
      <c r="I10630" s="1" t="s">
        <v>40631</v>
      </c>
      <c r="J10630" s="1" t="s">
        <v>40889</v>
      </c>
    </row>
    <row r="10631" spans="1:10" x14ac:dyDescent="0.35">
      <c r="A10631" s="1" t="s">
        <v>40876</v>
      </c>
      <c r="B10631" s="1" t="s">
        <v>40625</v>
      </c>
      <c r="C10631" s="1" t="s">
        <v>25</v>
      </c>
      <c r="D10631" s="1" t="s">
        <v>40890</v>
      </c>
      <c r="E10631" s="1" t="s">
        <v>40891</v>
      </c>
      <c r="F10631" s="1" t="s">
        <v>40892</v>
      </c>
      <c r="G10631" s="1" t="s">
        <v>40880</v>
      </c>
      <c r="H10631" s="1" t="s">
        <v>40881</v>
      </c>
      <c r="I10631" s="1" t="s">
        <v>40631</v>
      </c>
      <c r="J10631" s="1" t="s">
        <v>40893</v>
      </c>
    </row>
    <row r="10632" spans="1:10" x14ac:dyDescent="0.35">
      <c r="A10632" s="1" t="s">
        <v>40876</v>
      </c>
      <c r="B10632" s="1" t="s">
        <v>40625</v>
      </c>
      <c r="C10632" s="1" t="s">
        <v>30</v>
      </c>
      <c r="D10632" s="1" t="s">
        <v>40894</v>
      </c>
      <c r="E10632" s="1" t="s">
        <v>40895</v>
      </c>
      <c r="F10632" s="1" t="s">
        <v>40896</v>
      </c>
      <c r="G10632" s="1" t="s">
        <v>40880</v>
      </c>
      <c r="H10632" s="1" t="s">
        <v>40881</v>
      </c>
      <c r="I10632" s="1" t="s">
        <v>40631</v>
      </c>
      <c r="J10632" s="1" t="s">
        <v>40897</v>
      </c>
    </row>
    <row r="10633" spans="1:10" x14ac:dyDescent="0.35">
      <c r="A10633" s="1" t="s">
        <v>40876</v>
      </c>
      <c r="B10633" s="1" t="s">
        <v>40625</v>
      </c>
      <c r="C10633" s="1" t="s">
        <v>35</v>
      </c>
      <c r="D10633" s="1" t="s">
        <v>40898</v>
      </c>
      <c r="E10633" s="1" t="s">
        <v>40899</v>
      </c>
      <c r="F10633" s="1" t="s">
        <v>40900</v>
      </c>
      <c r="G10633" s="1" t="s">
        <v>40880</v>
      </c>
      <c r="H10633" s="1" t="s">
        <v>40881</v>
      </c>
      <c r="I10633" s="1" t="s">
        <v>40631</v>
      </c>
      <c r="J10633" s="1" t="s">
        <v>40901</v>
      </c>
    </row>
    <row r="10634" spans="1:10" x14ac:dyDescent="0.35">
      <c r="A10634" s="1" t="s">
        <v>40876</v>
      </c>
      <c r="B10634" s="1" t="s">
        <v>40625</v>
      </c>
      <c r="C10634" s="1" t="s">
        <v>40</v>
      </c>
      <c r="D10634" s="1" t="s">
        <v>40902</v>
      </c>
      <c r="E10634" s="1" t="s">
        <v>40903</v>
      </c>
      <c r="F10634" s="1" t="s">
        <v>40904</v>
      </c>
      <c r="G10634" s="1" t="s">
        <v>40880</v>
      </c>
      <c r="H10634" s="1" t="s">
        <v>40881</v>
      </c>
      <c r="I10634" s="1" t="s">
        <v>40631</v>
      </c>
      <c r="J10634" s="1" t="s">
        <v>40905</v>
      </c>
    </row>
    <row r="10635" spans="1:10" x14ac:dyDescent="0.35">
      <c r="A10635" s="1" t="s">
        <v>40876</v>
      </c>
      <c r="B10635" s="1" t="s">
        <v>40625</v>
      </c>
      <c r="C10635" s="1" t="s">
        <v>45</v>
      </c>
      <c r="D10635" s="1" t="s">
        <v>26194</v>
      </c>
      <c r="E10635" s="1" t="s">
        <v>40906</v>
      </c>
      <c r="F10635" s="1" t="s">
        <v>40907</v>
      </c>
      <c r="G10635" s="1" t="s">
        <v>40880</v>
      </c>
      <c r="H10635" s="1" t="s">
        <v>40881</v>
      </c>
      <c r="I10635" s="1" t="s">
        <v>40631</v>
      </c>
      <c r="J10635" s="1" t="s">
        <v>40908</v>
      </c>
    </row>
    <row r="10636" spans="1:10" x14ac:dyDescent="0.35">
      <c r="A10636" s="1" t="s">
        <v>40876</v>
      </c>
      <c r="B10636" s="1" t="s">
        <v>40625</v>
      </c>
      <c r="C10636" s="1" t="s">
        <v>50</v>
      </c>
      <c r="D10636" s="1" t="s">
        <v>40909</v>
      </c>
      <c r="E10636" s="1" t="s">
        <v>40910</v>
      </c>
      <c r="F10636" s="1" t="s">
        <v>40911</v>
      </c>
      <c r="G10636" s="1" t="s">
        <v>40880</v>
      </c>
      <c r="H10636" s="1" t="s">
        <v>40881</v>
      </c>
      <c r="I10636" s="1" t="s">
        <v>40631</v>
      </c>
      <c r="J10636" s="1" t="s">
        <v>40912</v>
      </c>
    </row>
    <row r="10637" spans="1:10" x14ac:dyDescent="0.35">
      <c r="A10637" s="1" t="s">
        <v>40876</v>
      </c>
      <c r="B10637" s="1" t="s">
        <v>40625</v>
      </c>
      <c r="C10637" s="1" t="s">
        <v>55</v>
      </c>
      <c r="D10637" s="1" t="s">
        <v>40913</v>
      </c>
      <c r="E10637" s="1" t="s">
        <v>40914</v>
      </c>
      <c r="F10637" s="1" t="s">
        <v>40915</v>
      </c>
      <c r="G10637" s="1" t="s">
        <v>40880</v>
      </c>
      <c r="H10637" s="1" t="s">
        <v>40881</v>
      </c>
      <c r="I10637" s="1" t="s">
        <v>40631</v>
      </c>
      <c r="J10637" s="1" t="s">
        <v>40916</v>
      </c>
    </row>
    <row r="10638" spans="1:10" x14ac:dyDescent="0.35">
      <c r="A10638" s="1" t="s">
        <v>40876</v>
      </c>
      <c r="B10638" s="1" t="s">
        <v>40625</v>
      </c>
      <c r="C10638" s="1" t="s">
        <v>60</v>
      </c>
      <c r="D10638" s="1" t="s">
        <v>40917</v>
      </c>
      <c r="E10638" s="1" t="s">
        <v>40918</v>
      </c>
      <c r="F10638" s="1" t="s">
        <v>40919</v>
      </c>
      <c r="G10638" s="1" t="s">
        <v>40880</v>
      </c>
      <c r="H10638" s="1" t="s">
        <v>40881</v>
      </c>
      <c r="I10638" s="1" t="s">
        <v>40631</v>
      </c>
      <c r="J10638" s="1" t="s">
        <v>40920</v>
      </c>
    </row>
    <row r="10639" spans="1:10" x14ac:dyDescent="0.35">
      <c r="A10639" s="1" t="s">
        <v>40876</v>
      </c>
      <c r="B10639" s="1" t="s">
        <v>40625</v>
      </c>
      <c r="C10639" s="1" t="s">
        <v>65</v>
      </c>
      <c r="D10639" s="1" t="s">
        <v>40921</v>
      </c>
      <c r="E10639" s="1" t="s">
        <v>40922</v>
      </c>
      <c r="F10639" s="1" t="s">
        <v>40923</v>
      </c>
      <c r="G10639" s="1" t="s">
        <v>40880</v>
      </c>
      <c r="H10639" s="1" t="s">
        <v>40881</v>
      </c>
      <c r="I10639" s="1" t="s">
        <v>40631</v>
      </c>
      <c r="J10639" s="1" t="s">
        <v>40924</v>
      </c>
    </row>
    <row r="10640" spans="1:10" x14ac:dyDescent="0.35">
      <c r="A10640" s="1" t="s">
        <v>40876</v>
      </c>
      <c r="B10640" s="1" t="s">
        <v>40625</v>
      </c>
      <c r="C10640" s="1" t="s">
        <v>70</v>
      </c>
      <c r="D10640" s="1" t="s">
        <v>40925</v>
      </c>
      <c r="E10640" s="1" t="s">
        <v>40926</v>
      </c>
      <c r="F10640" s="1" t="s">
        <v>40927</v>
      </c>
      <c r="G10640" s="1" t="s">
        <v>40880</v>
      </c>
      <c r="H10640" s="1" t="s">
        <v>40881</v>
      </c>
      <c r="I10640" s="1" t="s">
        <v>40631</v>
      </c>
      <c r="J10640" s="1" t="s">
        <v>40928</v>
      </c>
    </row>
    <row r="10641" spans="1:10" x14ac:dyDescent="0.35">
      <c r="A10641" s="1" t="s">
        <v>40876</v>
      </c>
      <c r="B10641" s="1" t="s">
        <v>40625</v>
      </c>
      <c r="C10641" s="1" t="s">
        <v>75</v>
      </c>
      <c r="D10641" s="1" t="s">
        <v>40929</v>
      </c>
      <c r="E10641" s="1" t="s">
        <v>40930</v>
      </c>
      <c r="F10641" s="1" t="s">
        <v>40931</v>
      </c>
      <c r="G10641" s="1" t="s">
        <v>40880</v>
      </c>
      <c r="H10641" s="1" t="s">
        <v>40881</v>
      </c>
      <c r="I10641" s="1" t="s">
        <v>40631</v>
      </c>
      <c r="J10641" s="1" t="s">
        <v>40932</v>
      </c>
    </row>
    <row r="10642" spans="1:10" x14ac:dyDescent="0.35">
      <c r="A10642" s="1" t="s">
        <v>40876</v>
      </c>
      <c r="B10642" s="1" t="s">
        <v>40625</v>
      </c>
      <c r="C10642" s="1" t="s">
        <v>80</v>
      </c>
      <c r="D10642" s="1" t="s">
        <v>40933</v>
      </c>
      <c r="E10642" s="1" t="s">
        <v>40934</v>
      </c>
      <c r="F10642" s="1" t="s">
        <v>40935</v>
      </c>
      <c r="G10642" s="1" t="s">
        <v>40880</v>
      </c>
      <c r="H10642" s="1" t="s">
        <v>40881</v>
      </c>
      <c r="I10642" s="1" t="s">
        <v>40631</v>
      </c>
      <c r="J10642" s="1" t="s">
        <v>40936</v>
      </c>
    </row>
    <row r="10643" spans="1:10" x14ac:dyDescent="0.35">
      <c r="A10643" s="1" t="s">
        <v>40876</v>
      </c>
      <c r="B10643" s="1" t="s">
        <v>40625</v>
      </c>
      <c r="C10643" s="1" t="s">
        <v>85</v>
      </c>
      <c r="D10643" s="1" t="s">
        <v>40937</v>
      </c>
      <c r="E10643" s="1" t="s">
        <v>40938</v>
      </c>
      <c r="F10643" s="1" t="s">
        <v>40939</v>
      </c>
      <c r="G10643" s="1" t="s">
        <v>40880</v>
      </c>
      <c r="H10643" s="1" t="s">
        <v>40881</v>
      </c>
      <c r="I10643" s="1" t="s">
        <v>40631</v>
      </c>
      <c r="J10643" s="1" t="s">
        <v>40940</v>
      </c>
    </row>
    <row r="10644" spans="1:10" x14ac:dyDescent="0.35">
      <c r="A10644" s="1" t="s">
        <v>40876</v>
      </c>
      <c r="B10644" s="1" t="s">
        <v>40625</v>
      </c>
      <c r="C10644" s="1" t="s">
        <v>90</v>
      </c>
      <c r="D10644" s="1" t="s">
        <v>40941</v>
      </c>
      <c r="E10644" s="1" t="s">
        <v>40942</v>
      </c>
      <c r="F10644" s="1" t="s">
        <v>40943</v>
      </c>
      <c r="G10644" s="1" t="s">
        <v>40880</v>
      </c>
      <c r="H10644" s="1" t="s">
        <v>40881</v>
      </c>
      <c r="I10644" s="1" t="s">
        <v>40631</v>
      </c>
      <c r="J10644" s="1" t="s">
        <v>40944</v>
      </c>
    </row>
    <row r="10645" spans="1:10" x14ac:dyDescent="0.35">
      <c r="A10645" s="1" t="s">
        <v>40876</v>
      </c>
      <c r="B10645" s="1" t="s">
        <v>40625</v>
      </c>
      <c r="C10645" s="1" t="s">
        <v>95</v>
      </c>
      <c r="D10645" s="1" t="s">
        <v>490</v>
      </c>
      <c r="E10645" s="1" t="s">
        <v>40945</v>
      </c>
      <c r="F10645" s="1" t="s">
        <v>40946</v>
      </c>
      <c r="G10645" s="1" t="s">
        <v>40880</v>
      </c>
      <c r="H10645" s="1" t="s">
        <v>40881</v>
      </c>
      <c r="I10645" s="1" t="s">
        <v>40631</v>
      </c>
      <c r="J10645" s="1" t="s">
        <v>40947</v>
      </c>
    </row>
    <row r="10646" spans="1:10" x14ac:dyDescent="0.35">
      <c r="A10646" s="1" t="s">
        <v>40876</v>
      </c>
      <c r="B10646" s="1" t="s">
        <v>40625</v>
      </c>
      <c r="C10646" s="1" t="s">
        <v>100</v>
      </c>
      <c r="D10646" s="1" t="s">
        <v>17320</v>
      </c>
      <c r="E10646" s="1" t="s">
        <v>40948</v>
      </c>
      <c r="F10646" s="1" t="s">
        <v>40949</v>
      </c>
      <c r="G10646" s="1" t="s">
        <v>40880</v>
      </c>
      <c r="H10646" s="1" t="s">
        <v>40881</v>
      </c>
      <c r="I10646" s="1" t="s">
        <v>40631</v>
      </c>
      <c r="J10646" s="1" t="s">
        <v>40950</v>
      </c>
    </row>
    <row r="10647" spans="1:10" x14ac:dyDescent="0.35">
      <c r="A10647" s="1" t="s">
        <v>40876</v>
      </c>
      <c r="B10647" s="1" t="s">
        <v>40625</v>
      </c>
      <c r="C10647" s="1" t="s">
        <v>105</v>
      </c>
      <c r="D10647" s="1" t="s">
        <v>40951</v>
      </c>
      <c r="E10647" s="1" t="s">
        <v>40952</v>
      </c>
      <c r="F10647" s="1" t="s">
        <v>40953</v>
      </c>
      <c r="G10647" s="1" t="s">
        <v>40880</v>
      </c>
      <c r="H10647" s="1" t="s">
        <v>40881</v>
      </c>
      <c r="I10647" s="1" t="s">
        <v>40631</v>
      </c>
      <c r="J10647" s="1" t="s">
        <v>40954</v>
      </c>
    </row>
    <row r="10648" spans="1:10" x14ac:dyDescent="0.35">
      <c r="A10648" s="1" t="s">
        <v>40876</v>
      </c>
      <c r="B10648" s="1" t="s">
        <v>40625</v>
      </c>
      <c r="C10648" s="1" t="s">
        <v>110</v>
      </c>
      <c r="D10648" s="1" t="s">
        <v>40955</v>
      </c>
      <c r="E10648" s="1" t="s">
        <v>40956</v>
      </c>
      <c r="F10648" s="1" t="s">
        <v>40957</v>
      </c>
      <c r="G10648" s="1" t="s">
        <v>40880</v>
      </c>
      <c r="H10648" s="1" t="s">
        <v>40881</v>
      </c>
      <c r="I10648" s="1" t="s">
        <v>40631</v>
      </c>
      <c r="J10648" s="1" t="s">
        <v>40958</v>
      </c>
    </row>
    <row r="10649" spans="1:10" x14ac:dyDescent="0.35">
      <c r="A10649" s="1" t="s">
        <v>40876</v>
      </c>
      <c r="B10649" s="1" t="s">
        <v>40625</v>
      </c>
      <c r="C10649" s="1" t="s">
        <v>115</v>
      </c>
      <c r="D10649" s="1" t="s">
        <v>40959</v>
      </c>
      <c r="E10649" s="1" t="s">
        <v>40960</v>
      </c>
      <c r="F10649" s="1" t="s">
        <v>40961</v>
      </c>
      <c r="G10649" s="1" t="s">
        <v>40880</v>
      </c>
      <c r="H10649" s="1" t="s">
        <v>40881</v>
      </c>
      <c r="I10649" s="1" t="s">
        <v>40631</v>
      </c>
      <c r="J10649" s="1" t="s">
        <v>40962</v>
      </c>
    </row>
    <row r="10650" spans="1:10" x14ac:dyDescent="0.35">
      <c r="A10650" s="1" t="s">
        <v>40876</v>
      </c>
      <c r="B10650" s="1" t="s">
        <v>40625</v>
      </c>
      <c r="C10650" s="1" t="s">
        <v>120</v>
      </c>
      <c r="D10650" s="1" t="s">
        <v>22354</v>
      </c>
      <c r="E10650" s="1" t="s">
        <v>40963</v>
      </c>
      <c r="F10650" s="1" t="s">
        <v>40964</v>
      </c>
      <c r="G10650" s="1" t="s">
        <v>40880</v>
      </c>
      <c r="H10650" s="1" t="s">
        <v>40881</v>
      </c>
      <c r="I10650" s="1" t="s">
        <v>40631</v>
      </c>
      <c r="J10650" s="1" t="s">
        <v>40965</v>
      </c>
    </row>
    <row r="10651" spans="1:10" x14ac:dyDescent="0.35">
      <c r="A10651" s="1" t="s">
        <v>40876</v>
      </c>
      <c r="B10651" s="1" t="s">
        <v>40625</v>
      </c>
      <c r="C10651" s="1" t="s">
        <v>125</v>
      </c>
      <c r="D10651" s="1" t="s">
        <v>40966</v>
      </c>
      <c r="E10651" s="1" t="s">
        <v>40967</v>
      </c>
      <c r="F10651" s="1" t="s">
        <v>40968</v>
      </c>
      <c r="G10651" s="1" t="s">
        <v>40880</v>
      </c>
      <c r="H10651" s="1" t="s">
        <v>40881</v>
      </c>
      <c r="I10651" s="1" t="s">
        <v>40631</v>
      </c>
      <c r="J10651" s="1" t="s">
        <v>40969</v>
      </c>
    </row>
    <row r="10652" spans="1:10" x14ac:dyDescent="0.35">
      <c r="A10652" s="1" t="s">
        <v>40876</v>
      </c>
      <c r="B10652" s="1" t="s">
        <v>40625</v>
      </c>
      <c r="C10652" s="1" t="s">
        <v>130</v>
      </c>
      <c r="D10652" s="1" t="s">
        <v>40970</v>
      </c>
      <c r="E10652" s="1" t="s">
        <v>40971</v>
      </c>
      <c r="F10652" s="1" t="s">
        <v>40972</v>
      </c>
      <c r="G10652" s="1" t="s">
        <v>40880</v>
      </c>
      <c r="H10652" s="1" t="s">
        <v>40881</v>
      </c>
      <c r="I10652" s="1" t="s">
        <v>40631</v>
      </c>
      <c r="J10652" s="1" t="s">
        <v>40973</v>
      </c>
    </row>
    <row r="10653" spans="1:10" x14ac:dyDescent="0.35">
      <c r="A10653" s="1" t="s">
        <v>40876</v>
      </c>
      <c r="B10653" s="1" t="s">
        <v>40625</v>
      </c>
      <c r="C10653" s="1" t="s">
        <v>135</v>
      </c>
      <c r="D10653" s="1" t="s">
        <v>40974</v>
      </c>
      <c r="E10653" s="1" t="s">
        <v>40975</v>
      </c>
      <c r="F10653" s="1" t="s">
        <v>40976</v>
      </c>
      <c r="G10653" s="1" t="s">
        <v>40880</v>
      </c>
      <c r="H10653" s="1" t="s">
        <v>40881</v>
      </c>
      <c r="I10653" s="1" t="s">
        <v>40631</v>
      </c>
      <c r="J10653" s="1" t="s">
        <v>40977</v>
      </c>
    </row>
    <row r="10654" spans="1:10" x14ac:dyDescent="0.35">
      <c r="A10654" s="1" t="s">
        <v>40876</v>
      </c>
      <c r="B10654" s="1" t="s">
        <v>40625</v>
      </c>
      <c r="C10654" s="1" t="s">
        <v>140</v>
      </c>
      <c r="D10654" s="1" t="s">
        <v>40978</v>
      </c>
      <c r="E10654" s="1" t="s">
        <v>40979</v>
      </c>
      <c r="F10654" s="1" t="s">
        <v>40980</v>
      </c>
      <c r="G10654" s="1" t="s">
        <v>40880</v>
      </c>
      <c r="H10654" s="1" t="s">
        <v>40881</v>
      </c>
      <c r="I10654" s="1" t="s">
        <v>40631</v>
      </c>
      <c r="J10654" s="1" t="s">
        <v>40981</v>
      </c>
    </row>
    <row r="10655" spans="1:10" x14ac:dyDescent="0.35">
      <c r="A10655" s="1" t="s">
        <v>40876</v>
      </c>
      <c r="B10655" s="1" t="s">
        <v>40625</v>
      </c>
      <c r="C10655" s="1" t="s">
        <v>145</v>
      </c>
      <c r="D10655" s="1" t="s">
        <v>40982</v>
      </c>
      <c r="E10655" s="1" t="s">
        <v>40983</v>
      </c>
      <c r="F10655" s="1" t="s">
        <v>40984</v>
      </c>
      <c r="G10655" s="1" t="s">
        <v>40880</v>
      </c>
      <c r="H10655" s="1" t="s">
        <v>40881</v>
      </c>
      <c r="I10655" s="1" t="s">
        <v>40631</v>
      </c>
      <c r="J10655" s="1" t="s">
        <v>40985</v>
      </c>
    </row>
    <row r="10656" spans="1:10" x14ac:dyDescent="0.35">
      <c r="A10656" s="1" t="s">
        <v>40876</v>
      </c>
      <c r="B10656" s="1" t="s">
        <v>40625</v>
      </c>
      <c r="C10656" s="1" t="s">
        <v>150</v>
      </c>
      <c r="D10656" s="1" t="s">
        <v>40422</v>
      </c>
      <c r="E10656" s="1" t="s">
        <v>40986</v>
      </c>
      <c r="F10656" s="1" t="s">
        <v>40987</v>
      </c>
      <c r="G10656" s="1" t="s">
        <v>40880</v>
      </c>
      <c r="H10656" s="1" t="s">
        <v>40881</v>
      </c>
      <c r="I10656" s="1" t="s">
        <v>40631</v>
      </c>
      <c r="J10656" s="1" t="s">
        <v>40988</v>
      </c>
    </row>
    <row r="10657" spans="1:10" x14ac:dyDescent="0.35">
      <c r="A10657" s="1" t="s">
        <v>40876</v>
      </c>
      <c r="B10657" s="1" t="s">
        <v>40625</v>
      </c>
      <c r="C10657" s="1" t="s">
        <v>155</v>
      </c>
      <c r="D10657" s="1" t="s">
        <v>40989</v>
      </c>
      <c r="E10657" s="1" t="s">
        <v>40990</v>
      </c>
      <c r="F10657" s="1" t="s">
        <v>40991</v>
      </c>
      <c r="G10657" s="1" t="s">
        <v>40880</v>
      </c>
      <c r="H10657" s="1" t="s">
        <v>40881</v>
      </c>
      <c r="I10657" s="1" t="s">
        <v>40631</v>
      </c>
      <c r="J10657" s="1" t="s">
        <v>40992</v>
      </c>
    </row>
    <row r="10658" spans="1:10" x14ac:dyDescent="0.35">
      <c r="A10658" s="1" t="s">
        <v>40876</v>
      </c>
      <c r="B10658" s="1" t="s">
        <v>40625</v>
      </c>
      <c r="C10658" s="1" t="s">
        <v>160</v>
      </c>
      <c r="D10658" s="1" t="s">
        <v>40993</v>
      </c>
      <c r="E10658" s="1" t="s">
        <v>40994</v>
      </c>
      <c r="F10658" s="1" t="s">
        <v>40995</v>
      </c>
      <c r="G10658" s="1" t="s">
        <v>40880</v>
      </c>
      <c r="H10658" s="1" t="s">
        <v>40881</v>
      </c>
      <c r="I10658" s="1" t="s">
        <v>40631</v>
      </c>
      <c r="J10658" s="1" t="s">
        <v>40996</v>
      </c>
    </row>
    <row r="10659" spans="1:10" x14ac:dyDescent="0.35">
      <c r="A10659" s="1" t="s">
        <v>40876</v>
      </c>
      <c r="B10659" s="1" t="s">
        <v>40625</v>
      </c>
      <c r="C10659" s="1" t="s">
        <v>165</v>
      </c>
      <c r="D10659" s="1" t="s">
        <v>40997</v>
      </c>
      <c r="E10659" s="1" t="s">
        <v>40998</v>
      </c>
      <c r="F10659" s="1" t="s">
        <v>40999</v>
      </c>
      <c r="G10659" s="1" t="s">
        <v>40880</v>
      </c>
      <c r="H10659" s="1" t="s">
        <v>40881</v>
      </c>
      <c r="I10659" s="1" t="s">
        <v>40631</v>
      </c>
      <c r="J10659" s="1" t="s">
        <v>41000</v>
      </c>
    </row>
    <row r="10660" spans="1:10" x14ac:dyDescent="0.35">
      <c r="A10660" s="1" t="s">
        <v>40876</v>
      </c>
      <c r="B10660" s="1" t="s">
        <v>40625</v>
      </c>
      <c r="C10660" s="1" t="s">
        <v>170</v>
      </c>
      <c r="D10660" s="1" t="s">
        <v>41001</v>
      </c>
      <c r="E10660" s="1" t="s">
        <v>41002</v>
      </c>
      <c r="F10660" s="1" t="s">
        <v>41003</v>
      </c>
      <c r="G10660" s="1" t="s">
        <v>40880</v>
      </c>
      <c r="H10660" s="1" t="s">
        <v>40881</v>
      </c>
      <c r="I10660" s="1" t="s">
        <v>40631</v>
      </c>
      <c r="J10660" s="1" t="s">
        <v>41004</v>
      </c>
    </row>
    <row r="10661" spans="1:10" x14ac:dyDescent="0.35">
      <c r="A10661" s="1" t="s">
        <v>41005</v>
      </c>
      <c r="B10661" s="1" t="s">
        <v>40625</v>
      </c>
      <c r="C10661" s="1" t="s">
        <v>8</v>
      </c>
      <c r="D10661" s="1" t="s">
        <v>41006</v>
      </c>
      <c r="E10661" s="1" t="s">
        <v>41007</v>
      </c>
      <c r="F10661" s="1" t="s">
        <v>41008</v>
      </c>
      <c r="G10661" s="1" t="s">
        <v>41009</v>
      </c>
      <c r="H10661" s="1" t="s">
        <v>41010</v>
      </c>
      <c r="I10661" s="1" t="s">
        <v>40631</v>
      </c>
      <c r="J10661" s="1" t="s">
        <v>13</v>
      </c>
    </row>
    <row r="10662" spans="1:10" x14ac:dyDescent="0.35">
      <c r="A10662" s="1" t="s">
        <v>41005</v>
      </c>
      <c r="B10662" s="1" t="s">
        <v>40625</v>
      </c>
      <c r="C10662" s="1" t="s">
        <v>15</v>
      </c>
      <c r="D10662" s="1" t="s">
        <v>41011</v>
      </c>
      <c r="E10662" s="1" t="s">
        <v>41012</v>
      </c>
      <c r="F10662" s="1" t="s">
        <v>41013</v>
      </c>
      <c r="G10662" s="1" t="s">
        <v>41009</v>
      </c>
      <c r="H10662" s="1" t="s">
        <v>41010</v>
      </c>
      <c r="I10662" s="1" t="s">
        <v>40631</v>
      </c>
      <c r="J10662" s="1" t="s">
        <v>41014</v>
      </c>
    </row>
    <row r="10663" spans="1:10" x14ac:dyDescent="0.35">
      <c r="A10663" s="1" t="s">
        <v>41005</v>
      </c>
      <c r="B10663" s="1" t="s">
        <v>40625</v>
      </c>
      <c r="C10663" s="1" t="s">
        <v>20</v>
      </c>
      <c r="D10663" s="1" t="s">
        <v>41015</v>
      </c>
      <c r="E10663" s="1" t="s">
        <v>41016</v>
      </c>
      <c r="F10663" s="1" t="s">
        <v>41017</v>
      </c>
      <c r="G10663" s="1" t="s">
        <v>41009</v>
      </c>
      <c r="H10663" s="1" t="s">
        <v>41010</v>
      </c>
      <c r="I10663" s="1" t="s">
        <v>40631</v>
      </c>
      <c r="J10663" s="1" t="s">
        <v>41018</v>
      </c>
    </row>
    <row r="10664" spans="1:10" x14ac:dyDescent="0.35">
      <c r="A10664" s="1" t="s">
        <v>41005</v>
      </c>
      <c r="B10664" s="1" t="s">
        <v>40625</v>
      </c>
      <c r="C10664" s="1" t="s">
        <v>25</v>
      </c>
      <c r="D10664" s="1" t="s">
        <v>41019</v>
      </c>
      <c r="E10664" s="1" t="s">
        <v>41020</v>
      </c>
      <c r="F10664" s="1" t="s">
        <v>41021</v>
      </c>
      <c r="G10664" s="1" t="s">
        <v>41009</v>
      </c>
      <c r="H10664" s="1" t="s">
        <v>41010</v>
      </c>
      <c r="I10664" s="1" t="s">
        <v>40631</v>
      </c>
      <c r="J10664" s="1" t="s">
        <v>41022</v>
      </c>
    </row>
    <row r="10665" spans="1:10" x14ac:dyDescent="0.35">
      <c r="A10665" s="1" t="s">
        <v>41005</v>
      </c>
      <c r="B10665" s="1" t="s">
        <v>40625</v>
      </c>
      <c r="C10665" s="1" t="s">
        <v>30</v>
      </c>
      <c r="D10665" s="1" t="s">
        <v>41023</v>
      </c>
      <c r="E10665" s="1" t="s">
        <v>41024</v>
      </c>
      <c r="F10665" s="1" t="s">
        <v>41025</v>
      </c>
      <c r="G10665" s="1" t="s">
        <v>41009</v>
      </c>
      <c r="H10665" s="1" t="s">
        <v>41010</v>
      </c>
      <c r="I10665" s="1" t="s">
        <v>40631</v>
      </c>
      <c r="J10665" s="1" t="s">
        <v>41026</v>
      </c>
    </row>
    <row r="10666" spans="1:10" x14ac:dyDescent="0.35">
      <c r="A10666" s="1" t="s">
        <v>41005</v>
      </c>
      <c r="B10666" s="1" t="s">
        <v>40625</v>
      </c>
      <c r="C10666" s="1" t="s">
        <v>35</v>
      </c>
      <c r="D10666" s="1" t="s">
        <v>41027</v>
      </c>
      <c r="E10666" s="1" t="s">
        <v>41028</v>
      </c>
      <c r="F10666" s="1" t="s">
        <v>41029</v>
      </c>
      <c r="G10666" s="1" t="s">
        <v>41009</v>
      </c>
      <c r="H10666" s="1" t="s">
        <v>41010</v>
      </c>
      <c r="I10666" s="1" t="s">
        <v>40631</v>
      </c>
      <c r="J10666" s="1" t="s">
        <v>41030</v>
      </c>
    </row>
    <row r="10667" spans="1:10" x14ac:dyDescent="0.35">
      <c r="A10667" s="1" t="s">
        <v>41005</v>
      </c>
      <c r="B10667" s="1" t="s">
        <v>40625</v>
      </c>
      <c r="C10667" s="1" t="s">
        <v>40</v>
      </c>
      <c r="D10667" s="1" t="s">
        <v>41031</v>
      </c>
      <c r="E10667" s="1" t="s">
        <v>41032</v>
      </c>
      <c r="F10667" s="1" t="s">
        <v>41033</v>
      </c>
      <c r="G10667" s="1" t="s">
        <v>41009</v>
      </c>
      <c r="H10667" s="1" t="s">
        <v>41010</v>
      </c>
      <c r="I10667" s="1" t="s">
        <v>40631</v>
      </c>
      <c r="J10667" s="1" t="s">
        <v>41034</v>
      </c>
    </row>
    <row r="10668" spans="1:10" x14ac:dyDescent="0.35">
      <c r="A10668" s="1" t="s">
        <v>41005</v>
      </c>
      <c r="B10668" s="1" t="s">
        <v>40625</v>
      </c>
      <c r="C10668" s="1" t="s">
        <v>45</v>
      </c>
      <c r="D10668" s="1" t="s">
        <v>41035</v>
      </c>
      <c r="E10668" s="1" t="s">
        <v>41036</v>
      </c>
      <c r="F10668" s="1" t="s">
        <v>41037</v>
      </c>
      <c r="G10668" s="1" t="s">
        <v>41009</v>
      </c>
      <c r="H10668" s="1" t="s">
        <v>41010</v>
      </c>
      <c r="I10668" s="1" t="s">
        <v>40631</v>
      </c>
      <c r="J10668" s="1" t="s">
        <v>41038</v>
      </c>
    </row>
    <row r="10669" spans="1:10" x14ac:dyDescent="0.35">
      <c r="A10669" s="1" t="s">
        <v>41005</v>
      </c>
      <c r="B10669" s="1" t="s">
        <v>40625</v>
      </c>
      <c r="C10669" s="1" t="s">
        <v>50</v>
      </c>
      <c r="D10669" s="1" t="s">
        <v>41039</v>
      </c>
      <c r="E10669" s="1" t="s">
        <v>41040</v>
      </c>
      <c r="F10669" s="1" t="s">
        <v>41041</v>
      </c>
      <c r="G10669" s="1" t="s">
        <v>41009</v>
      </c>
      <c r="H10669" s="1" t="s">
        <v>41010</v>
      </c>
      <c r="I10669" s="1" t="s">
        <v>40631</v>
      </c>
      <c r="J10669" s="1" t="s">
        <v>41042</v>
      </c>
    </row>
    <row r="10670" spans="1:10" x14ac:dyDescent="0.35">
      <c r="A10670" s="1" t="s">
        <v>41005</v>
      </c>
      <c r="B10670" s="1" t="s">
        <v>40625</v>
      </c>
      <c r="C10670" s="1" t="s">
        <v>55</v>
      </c>
      <c r="D10670" s="1" t="s">
        <v>41043</v>
      </c>
      <c r="E10670" s="1" t="s">
        <v>41044</v>
      </c>
      <c r="F10670" s="1" t="s">
        <v>41045</v>
      </c>
      <c r="G10670" s="1" t="s">
        <v>41009</v>
      </c>
      <c r="H10670" s="1" t="s">
        <v>41010</v>
      </c>
      <c r="I10670" s="1" t="s">
        <v>40631</v>
      </c>
      <c r="J10670" s="1" t="s">
        <v>41046</v>
      </c>
    </row>
    <row r="10671" spans="1:10" x14ac:dyDescent="0.35">
      <c r="A10671" s="1" t="s">
        <v>41005</v>
      </c>
      <c r="B10671" s="1" t="s">
        <v>40625</v>
      </c>
      <c r="C10671" s="1" t="s">
        <v>60</v>
      </c>
      <c r="D10671" s="1" t="s">
        <v>41047</v>
      </c>
      <c r="E10671" s="1" t="s">
        <v>41048</v>
      </c>
      <c r="F10671" s="1" t="s">
        <v>41049</v>
      </c>
      <c r="G10671" s="1" t="s">
        <v>41009</v>
      </c>
      <c r="H10671" s="1" t="s">
        <v>41010</v>
      </c>
      <c r="I10671" s="1" t="s">
        <v>40631</v>
      </c>
      <c r="J10671" s="1" t="s">
        <v>41050</v>
      </c>
    </row>
    <row r="10672" spans="1:10" x14ac:dyDescent="0.35">
      <c r="A10672" s="1" t="s">
        <v>41005</v>
      </c>
      <c r="B10672" s="1" t="s">
        <v>40625</v>
      </c>
      <c r="C10672" s="1" t="s">
        <v>65</v>
      </c>
      <c r="D10672" s="1" t="s">
        <v>41051</v>
      </c>
      <c r="E10672" s="1" t="s">
        <v>41052</v>
      </c>
      <c r="F10672" s="1" t="s">
        <v>41053</v>
      </c>
      <c r="G10672" s="1" t="s">
        <v>41009</v>
      </c>
      <c r="H10672" s="1" t="s">
        <v>41010</v>
      </c>
      <c r="I10672" s="1" t="s">
        <v>40631</v>
      </c>
      <c r="J10672" s="1" t="s">
        <v>41054</v>
      </c>
    </row>
    <row r="10673" spans="1:10" x14ac:dyDescent="0.35">
      <c r="A10673" s="1" t="s">
        <v>41005</v>
      </c>
      <c r="B10673" s="1" t="s">
        <v>40625</v>
      </c>
      <c r="C10673" s="1" t="s">
        <v>70</v>
      </c>
      <c r="D10673" s="1" t="s">
        <v>41055</v>
      </c>
      <c r="E10673" s="1" t="s">
        <v>41056</v>
      </c>
      <c r="F10673" s="1" t="s">
        <v>41057</v>
      </c>
      <c r="G10673" s="1" t="s">
        <v>41009</v>
      </c>
      <c r="H10673" s="1" t="s">
        <v>41010</v>
      </c>
      <c r="I10673" s="1" t="s">
        <v>40631</v>
      </c>
      <c r="J10673" s="1" t="s">
        <v>41058</v>
      </c>
    </row>
    <row r="10674" spans="1:10" x14ac:dyDescent="0.35">
      <c r="A10674" s="1" t="s">
        <v>41005</v>
      </c>
      <c r="B10674" s="1" t="s">
        <v>40625</v>
      </c>
      <c r="C10674" s="1" t="s">
        <v>75</v>
      </c>
      <c r="D10674" s="1" t="s">
        <v>41059</v>
      </c>
      <c r="E10674" s="1" t="s">
        <v>41060</v>
      </c>
      <c r="F10674" s="1" t="s">
        <v>41061</v>
      </c>
      <c r="G10674" s="1" t="s">
        <v>41009</v>
      </c>
      <c r="H10674" s="1" t="s">
        <v>41010</v>
      </c>
      <c r="I10674" s="1" t="s">
        <v>40631</v>
      </c>
      <c r="J10674" s="1" t="s">
        <v>41062</v>
      </c>
    </row>
    <row r="10675" spans="1:10" x14ac:dyDescent="0.35">
      <c r="A10675" s="1" t="s">
        <v>41005</v>
      </c>
      <c r="B10675" s="1" t="s">
        <v>40625</v>
      </c>
      <c r="C10675" s="1" t="s">
        <v>80</v>
      </c>
      <c r="D10675" s="1" t="s">
        <v>41063</v>
      </c>
      <c r="E10675" s="1" t="s">
        <v>41064</v>
      </c>
      <c r="F10675" s="1" t="s">
        <v>41065</v>
      </c>
      <c r="G10675" s="1" t="s">
        <v>41009</v>
      </c>
      <c r="H10675" s="1" t="s">
        <v>41010</v>
      </c>
      <c r="I10675" s="1" t="s">
        <v>40631</v>
      </c>
      <c r="J10675" s="1" t="s">
        <v>41066</v>
      </c>
    </row>
    <row r="10676" spans="1:10" x14ac:dyDescent="0.35">
      <c r="A10676" s="1" t="s">
        <v>41005</v>
      </c>
      <c r="B10676" s="1" t="s">
        <v>40625</v>
      </c>
      <c r="C10676" s="1" t="s">
        <v>85</v>
      </c>
      <c r="D10676" s="1" t="s">
        <v>41067</v>
      </c>
      <c r="E10676" s="1" t="s">
        <v>41068</v>
      </c>
      <c r="F10676" s="1" t="s">
        <v>41069</v>
      </c>
      <c r="G10676" s="1" t="s">
        <v>41009</v>
      </c>
      <c r="H10676" s="1" t="s">
        <v>41010</v>
      </c>
      <c r="I10676" s="1" t="s">
        <v>40631</v>
      </c>
      <c r="J10676" s="1" t="s">
        <v>41070</v>
      </c>
    </row>
    <row r="10677" spans="1:10" x14ac:dyDescent="0.35">
      <c r="A10677" s="1" t="s">
        <v>41005</v>
      </c>
      <c r="B10677" s="1" t="s">
        <v>40625</v>
      </c>
      <c r="C10677" s="1" t="s">
        <v>90</v>
      </c>
      <c r="D10677" s="1" t="s">
        <v>41071</v>
      </c>
      <c r="E10677" s="1" t="s">
        <v>41072</v>
      </c>
      <c r="F10677" s="1" t="s">
        <v>41073</v>
      </c>
      <c r="G10677" s="1" t="s">
        <v>41009</v>
      </c>
      <c r="H10677" s="1" t="s">
        <v>41010</v>
      </c>
      <c r="I10677" s="1" t="s">
        <v>40631</v>
      </c>
      <c r="J10677" s="1" t="s">
        <v>41074</v>
      </c>
    </row>
    <row r="10678" spans="1:10" x14ac:dyDescent="0.35">
      <c r="A10678" s="1" t="s">
        <v>41005</v>
      </c>
      <c r="B10678" s="1" t="s">
        <v>40625</v>
      </c>
      <c r="C10678" s="1" t="s">
        <v>95</v>
      </c>
      <c r="D10678" s="1" t="s">
        <v>41075</v>
      </c>
      <c r="E10678" s="1" t="s">
        <v>41076</v>
      </c>
      <c r="F10678" s="1" t="s">
        <v>41077</v>
      </c>
      <c r="G10678" s="1" t="s">
        <v>41009</v>
      </c>
      <c r="H10678" s="1" t="s">
        <v>41010</v>
      </c>
      <c r="I10678" s="1" t="s">
        <v>40631</v>
      </c>
      <c r="J10678" s="1" t="s">
        <v>41078</v>
      </c>
    </row>
    <row r="10679" spans="1:10" x14ac:dyDescent="0.35">
      <c r="A10679" s="1" t="s">
        <v>41005</v>
      </c>
      <c r="B10679" s="1" t="s">
        <v>40625</v>
      </c>
      <c r="C10679" s="1" t="s">
        <v>100</v>
      </c>
      <c r="D10679" s="1" t="s">
        <v>41079</v>
      </c>
      <c r="E10679" s="1" t="s">
        <v>41080</v>
      </c>
      <c r="F10679" s="1" t="s">
        <v>41081</v>
      </c>
      <c r="G10679" s="1" t="s">
        <v>41009</v>
      </c>
      <c r="H10679" s="1" t="s">
        <v>41010</v>
      </c>
      <c r="I10679" s="1" t="s">
        <v>40631</v>
      </c>
      <c r="J10679" s="1" t="s">
        <v>41082</v>
      </c>
    </row>
    <row r="10680" spans="1:10" x14ac:dyDescent="0.35">
      <c r="A10680" s="1" t="s">
        <v>41005</v>
      </c>
      <c r="B10680" s="1" t="s">
        <v>40625</v>
      </c>
      <c r="C10680" s="1" t="s">
        <v>105</v>
      </c>
      <c r="D10680" s="1" t="s">
        <v>23873</v>
      </c>
      <c r="E10680" s="1" t="s">
        <v>41083</v>
      </c>
      <c r="F10680" s="1" t="s">
        <v>41084</v>
      </c>
      <c r="G10680" s="1" t="s">
        <v>41009</v>
      </c>
      <c r="H10680" s="1" t="s">
        <v>41010</v>
      </c>
      <c r="I10680" s="1" t="s">
        <v>40631</v>
      </c>
      <c r="J10680" s="1" t="s">
        <v>41085</v>
      </c>
    </row>
    <row r="10681" spans="1:10" x14ac:dyDescent="0.35">
      <c r="A10681" s="1" t="s">
        <v>41005</v>
      </c>
      <c r="B10681" s="1" t="s">
        <v>40625</v>
      </c>
      <c r="C10681" s="1" t="s">
        <v>110</v>
      </c>
      <c r="D10681" s="1" t="s">
        <v>41086</v>
      </c>
      <c r="E10681" s="1" t="s">
        <v>41087</v>
      </c>
      <c r="F10681" s="1" t="s">
        <v>41088</v>
      </c>
      <c r="G10681" s="1" t="s">
        <v>41009</v>
      </c>
      <c r="H10681" s="1" t="s">
        <v>41010</v>
      </c>
      <c r="I10681" s="1" t="s">
        <v>40631</v>
      </c>
      <c r="J10681" s="1" t="s">
        <v>41089</v>
      </c>
    </row>
    <row r="10682" spans="1:10" x14ac:dyDescent="0.35">
      <c r="A10682" s="1" t="s">
        <v>41005</v>
      </c>
      <c r="B10682" s="1" t="s">
        <v>40625</v>
      </c>
      <c r="C10682" s="1" t="s">
        <v>115</v>
      </c>
      <c r="D10682" s="1" t="s">
        <v>41090</v>
      </c>
      <c r="E10682" s="1" t="s">
        <v>41091</v>
      </c>
      <c r="F10682" s="1" t="s">
        <v>41092</v>
      </c>
      <c r="G10682" s="1" t="s">
        <v>41009</v>
      </c>
      <c r="H10682" s="1" t="s">
        <v>41010</v>
      </c>
      <c r="I10682" s="1" t="s">
        <v>40631</v>
      </c>
      <c r="J10682" s="1" t="s">
        <v>41093</v>
      </c>
    </row>
    <row r="10683" spans="1:10" x14ac:dyDescent="0.35">
      <c r="A10683" s="1" t="s">
        <v>41005</v>
      </c>
      <c r="B10683" s="1" t="s">
        <v>40625</v>
      </c>
      <c r="C10683" s="1" t="s">
        <v>120</v>
      </c>
      <c r="D10683" s="1" t="s">
        <v>41094</v>
      </c>
      <c r="E10683" s="1" t="s">
        <v>41095</v>
      </c>
      <c r="F10683" s="1" t="s">
        <v>41096</v>
      </c>
      <c r="G10683" s="1" t="s">
        <v>41009</v>
      </c>
      <c r="H10683" s="1" t="s">
        <v>41010</v>
      </c>
      <c r="I10683" s="1" t="s">
        <v>40631</v>
      </c>
      <c r="J10683" s="1" t="s">
        <v>41097</v>
      </c>
    </row>
    <row r="10684" spans="1:10" x14ac:dyDescent="0.35">
      <c r="A10684" s="1" t="s">
        <v>41005</v>
      </c>
      <c r="B10684" s="1" t="s">
        <v>40625</v>
      </c>
      <c r="C10684" s="1" t="s">
        <v>125</v>
      </c>
      <c r="D10684" s="1" t="s">
        <v>41098</v>
      </c>
      <c r="E10684" s="1" t="s">
        <v>41099</v>
      </c>
      <c r="F10684" s="1" t="s">
        <v>41100</v>
      </c>
      <c r="G10684" s="1" t="s">
        <v>41009</v>
      </c>
      <c r="H10684" s="1" t="s">
        <v>41010</v>
      </c>
      <c r="I10684" s="1" t="s">
        <v>40631</v>
      </c>
      <c r="J10684" s="1" t="s">
        <v>41101</v>
      </c>
    </row>
    <row r="10685" spans="1:10" x14ac:dyDescent="0.35">
      <c r="A10685" s="1" t="s">
        <v>41005</v>
      </c>
      <c r="B10685" s="1" t="s">
        <v>40625</v>
      </c>
      <c r="C10685" s="1" t="s">
        <v>130</v>
      </c>
      <c r="D10685" s="1" t="s">
        <v>41102</v>
      </c>
      <c r="E10685" s="1" t="s">
        <v>41103</v>
      </c>
      <c r="F10685" s="1" t="s">
        <v>41104</v>
      </c>
      <c r="G10685" s="1" t="s">
        <v>41009</v>
      </c>
      <c r="H10685" s="1" t="s">
        <v>41010</v>
      </c>
      <c r="I10685" s="1" t="s">
        <v>40631</v>
      </c>
      <c r="J10685" s="1" t="s">
        <v>41105</v>
      </c>
    </row>
    <row r="10686" spans="1:10" x14ac:dyDescent="0.35">
      <c r="A10686" s="1" t="s">
        <v>41005</v>
      </c>
      <c r="B10686" s="1" t="s">
        <v>40625</v>
      </c>
      <c r="C10686" s="1" t="s">
        <v>135</v>
      </c>
      <c r="D10686" s="1" t="s">
        <v>41106</v>
      </c>
      <c r="E10686" s="1" t="s">
        <v>41107</v>
      </c>
      <c r="F10686" s="1" t="s">
        <v>41108</v>
      </c>
      <c r="G10686" s="1" t="s">
        <v>41009</v>
      </c>
      <c r="H10686" s="1" t="s">
        <v>41010</v>
      </c>
      <c r="I10686" s="1" t="s">
        <v>40631</v>
      </c>
      <c r="J10686" s="1" t="s">
        <v>41109</v>
      </c>
    </row>
    <row r="10687" spans="1:10" x14ac:dyDescent="0.35">
      <c r="A10687" s="1" t="s">
        <v>41005</v>
      </c>
      <c r="B10687" s="1" t="s">
        <v>40625</v>
      </c>
      <c r="C10687" s="1" t="s">
        <v>140</v>
      </c>
      <c r="D10687" s="1" t="s">
        <v>41110</v>
      </c>
      <c r="E10687" s="1" t="s">
        <v>41111</v>
      </c>
      <c r="F10687" s="1" t="s">
        <v>41112</v>
      </c>
      <c r="G10687" s="1" t="s">
        <v>41009</v>
      </c>
      <c r="H10687" s="1" t="s">
        <v>41010</v>
      </c>
      <c r="I10687" s="1" t="s">
        <v>40631</v>
      </c>
      <c r="J10687" s="1" t="s">
        <v>41113</v>
      </c>
    </row>
    <row r="10688" spans="1:10" x14ac:dyDescent="0.35">
      <c r="A10688" s="1" t="s">
        <v>41005</v>
      </c>
      <c r="B10688" s="1" t="s">
        <v>40625</v>
      </c>
      <c r="C10688" s="1" t="s">
        <v>145</v>
      </c>
      <c r="D10688" s="1" t="s">
        <v>41114</v>
      </c>
      <c r="E10688" s="1" t="s">
        <v>41115</v>
      </c>
      <c r="F10688" s="1" t="s">
        <v>41116</v>
      </c>
      <c r="G10688" s="1" t="s">
        <v>41009</v>
      </c>
      <c r="H10688" s="1" t="s">
        <v>41010</v>
      </c>
      <c r="I10688" s="1" t="s">
        <v>40631</v>
      </c>
      <c r="J10688" s="1" t="s">
        <v>41117</v>
      </c>
    </row>
    <row r="10689" spans="1:10" x14ac:dyDescent="0.35">
      <c r="A10689" s="1" t="s">
        <v>41005</v>
      </c>
      <c r="B10689" s="1" t="s">
        <v>40625</v>
      </c>
      <c r="C10689" s="1" t="s">
        <v>150</v>
      </c>
      <c r="D10689" s="1" t="s">
        <v>41118</v>
      </c>
      <c r="E10689" s="1" t="s">
        <v>41119</v>
      </c>
      <c r="F10689" s="1" t="s">
        <v>41120</v>
      </c>
      <c r="G10689" s="1" t="s">
        <v>41009</v>
      </c>
      <c r="H10689" s="1" t="s">
        <v>41010</v>
      </c>
      <c r="I10689" s="1" t="s">
        <v>40631</v>
      </c>
      <c r="J10689" s="1" t="s">
        <v>41121</v>
      </c>
    </row>
    <row r="10690" spans="1:10" x14ac:dyDescent="0.35">
      <c r="A10690" s="1" t="s">
        <v>41005</v>
      </c>
      <c r="B10690" s="1" t="s">
        <v>40625</v>
      </c>
      <c r="C10690" s="1" t="s">
        <v>155</v>
      </c>
      <c r="D10690" s="1" t="s">
        <v>41122</v>
      </c>
      <c r="E10690" s="1" t="s">
        <v>41123</v>
      </c>
      <c r="F10690" s="1" t="s">
        <v>41124</v>
      </c>
      <c r="G10690" s="1" t="s">
        <v>41009</v>
      </c>
      <c r="H10690" s="1" t="s">
        <v>41010</v>
      </c>
      <c r="I10690" s="1" t="s">
        <v>40631</v>
      </c>
      <c r="J10690" s="1" t="s">
        <v>41125</v>
      </c>
    </row>
    <row r="10691" spans="1:10" x14ac:dyDescent="0.35">
      <c r="A10691" s="1" t="s">
        <v>41005</v>
      </c>
      <c r="B10691" s="1" t="s">
        <v>40625</v>
      </c>
      <c r="C10691" s="1" t="s">
        <v>160</v>
      </c>
      <c r="D10691" s="1" t="s">
        <v>41126</v>
      </c>
      <c r="E10691" s="1" t="s">
        <v>41127</v>
      </c>
      <c r="F10691" s="1" t="s">
        <v>41128</v>
      </c>
      <c r="G10691" s="1" t="s">
        <v>41009</v>
      </c>
      <c r="H10691" s="1" t="s">
        <v>41010</v>
      </c>
      <c r="I10691" s="1" t="s">
        <v>40631</v>
      </c>
      <c r="J10691" s="1" t="s">
        <v>41129</v>
      </c>
    </row>
    <row r="10692" spans="1:10" x14ac:dyDescent="0.35">
      <c r="A10692" s="1" t="s">
        <v>41005</v>
      </c>
      <c r="B10692" s="1" t="s">
        <v>40625</v>
      </c>
      <c r="C10692" s="1" t="s">
        <v>165</v>
      </c>
      <c r="D10692" s="1" t="s">
        <v>41130</v>
      </c>
      <c r="E10692" s="1" t="s">
        <v>41131</v>
      </c>
      <c r="F10692" s="1" t="s">
        <v>41132</v>
      </c>
      <c r="G10692" s="1" t="s">
        <v>41009</v>
      </c>
      <c r="H10692" s="1" t="s">
        <v>41010</v>
      </c>
      <c r="I10692" s="1" t="s">
        <v>40631</v>
      </c>
      <c r="J10692" s="1" t="s">
        <v>41133</v>
      </c>
    </row>
    <row r="10693" spans="1:10" x14ac:dyDescent="0.35">
      <c r="A10693" s="1" t="s">
        <v>41005</v>
      </c>
      <c r="B10693" s="1" t="s">
        <v>40625</v>
      </c>
      <c r="C10693" s="1" t="s">
        <v>170</v>
      </c>
      <c r="D10693" s="1" t="s">
        <v>41134</v>
      </c>
      <c r="E10693" s="1" t="s">
        <v>41135</v>
      </c>
      <c r="F10693" s="1" t="s">
        <v>41136</v>
      </c>
      <c r="G10693" s="1" t="s">
        <v>41009</v>
      </c>
      <c r="H10693" s="1" t="s">
        <v>41010</v>
      </c>
      <c r="I10693" s="1" t="s">
        <v>40631</v>
      </c>
      <c r="J10693" s="1" t="s">
        <v>41137</v>
      </c>
    </row>
    <row r="10694" spans="1:10" x14ac:dyDescent="0.35">
      <c r="A10694" s="1" t="s">
        <v>41138</v>
      </c>
      <c r="B10694" s="1" t="s">
        <v>40625</v>
      </c>
      <c r="C10694" s="1" t="s">
        <v>8</v>
      </c>
      <c r="D10694" s="1" t="s">
        <v>41139</v>
      </c>
      <c r="E10694" s="1" t="s">
        <v>15853</v>
      </c>
      <c r="F10694" s="1" t="s">
        <v>41140</v>
      </c>
      <c r="G10694" s="1" t="s">
        <v>41141</v>
      </c>
      <c r="H10694" s="1" t="s">
        <v>41142</v>
      </c>
      <c r="I10694" s="1" t="s">
        <v>40631</v>
      </c>
      <c r="J10694" s="1" t="s">
        <v>13</v>
      </c>
    </row>
    <row r="10695" spans="1:10" x14ac:dyDescent="0.35">
      <c r="A10695" s="1" t="s">
        <v>41138</v>
      </c>
      <c r="B10695" s="1" t="s">
        <v>40625</v>
      </c>
      <c r="C10695" s="1" t="s">
        <v>15</v>
      </c>
      <c r="D10695" s="1" t="s">
        <v>41143</v>
      </c>
      <c r="E10695" s="1" t="s">
        <v>41144</v>
      </c>
      <c r="F10695" s="1" t="s">
        <v>41145</v>
      </c>
      <c r="G10695" s="1" t="s">
        <v>41141</v>
      </c>
      <c r="H10695" s="1" t="s">
        <v>41142</v>
      </c>
      <c r="I10695" s="1" t="s">
        <v>40631</v>
      </c>
      <c r="J10695" s="1" t="s">
        <v>41146</v>
      </c>
    </row>
    <row r="10696" spans="1:10" x14ac:dyDescent="0.35">
      <c r="A10696" s="1" t="s">
        <v>41138</v>
      </c>
      <c r="B10696" s="1" t="s">
        <v>40625</v>
      </c>
      <c r="C10696" s="1" t="s">
        <v>20</v>
      </c>
      <c r="D10696" s="1" t="s">
        <v>41147</v>
      </c>
      <c r="E10696" s="1" t="s">
        <v>41148</v>
      </c>
      <c r="F10696" s="1" t="s">
        <v>41149</v>
      </c>
      <c r="G10696" s="1" t="s">
        <v>41141</v>
      </c>
      <c r="H10696" s="1" t="s">
        <v>41142</v>
      </c>
      <c r="I10696" s="1" t="s">
        <v>40631</v>
      </c>
      <c r="J10696" s="1" t="s">
        <v>41150</v>
      </c>
    </row>
    <row r="10697" spans="1:10" x14ac:dyDescent="0.35">
      <c r="A10697" s="1" t="s">
        <v>41138</v>
      </c>
      <c r="B10697" s="1" t="s">
        <v>40625</v>
      </c>
      <c r="C10697" s="1" t="s">
        <v>25</v>
      </c>
      <c r="D10697" s="1" t="s">
        <v>41151</v>
      </c>
      <c r="E10697" s="1" t="s">
        <v>41152</v>
      </c>
      <c r="F10697" s="1" t="s">
        <v>41153</v>
      </c>
      <c r="G10697" s="1" t="s">
        <v>41141</v>
      </c>
      <c r="H10697" s="1" t="s">
        <v>41142</v>
      </c>
      <c r="I10697" s="1" t="s">
        <v>40631</v>
      </c>
      <c r="J10697" s="1" t="s">
        <v>41154</v>
      </c>
    </row>
    <row r="10698" spans="1:10" x14ac:dyDescent="0.35">
      <c r="A10698" s="1" t="s">
        <v>41138</v>
      </c>
      <c r="B10698" s="1" t="s">
        <v>40625</v>
      </c>
      <c r="C10698" s="1" t="s">
        <v>30</v>
      </c>
      <c r="D10698" s="1" t="s">
        <v>41155</v>
      </c>
      <c r="E10698" s="1" t="s">
        <v>41148</v>
      </c>
      <c r="F10698" s="1" t="s">
        <v>41156</v>
      </c>
      <c r="G10698" s="1" t="s">
        <v>41141</v>
      </c>
      <c r="H10698" s="1" t="s">
        <v>41142</v>
      </c>
      <c r="I10698" s="1" t="s">
        <v>40631</v>
      </c>
      <c r="J10698" s="1" t="s">
        <v>41157</v>
      </c>
    </row>
    <row r="10699" spans="1:10" x14ac:dyDescent="0.35">
      <c r="A10699" s="1" t="s">
        <v>41138</v>
      </c>
      <c r="B10699" s="1" t="s">
        <v>40625</v>
      </c>
      <c r="C10699" s="1" t="s">
        <v>35</v>
      </c>
      <c r="D10699" s="1" t="s">
        <v>41158</v>
      </c>
      <c r="E10699" s="1" t="s">
        <v>41159</v>
      </c>
      <c r="F10699" s="1" t="s">
        <v>21252</v>
      </c>
      <c r="G10699" s="1" t="s">
        <v>41141</v>
      </c>
      <c r="H10699" s="1" t="s">
        <v>41142</v>
      </c>
      <c r="I10699" s="1" t="s">
        <v>40631</v>
      </c>
      <c r="J10699" s="1" t="s">
        <v>41160</v>
      </c>
    </row>
    <row r="10700" spans="1:10" x14ac:dyDescent="0.35">
      <c r="A10700" s="1" t="s">
        <v>41138</v>
      </c>
      <c r="B10700" s="1" t="s">
        <v>40625</v>
      </c>
      <c r="C10700" s="1" t="s">
        <v>40</v>
      </c>
      <c r="D10700" s="1" t="s">
        <v>41161</v>
      </c>
      <c r="E10700" s="1" t="s">
        <v>32307</v>
      </c>
      <c r="F10700" s="1" t="s">
        <v>41162</v>
      </c>
      <c r="G10700" s="1" t="s">
        <v>41141</v>
      </c>
      <c r="H10700" s="1" t="s">
        <v>41142</v>
      </c>
      <c r="I10700" s="1" t="s">
        <v>40631</v>
      </c>
      <c r="J10700" s="1" t="s">
        <v>41163</v>
      </c>
    </row>
    <row r="10701" spans="1:10" x14ac:dyDescent="0.35">
      <c r="A10701" s="1" t="s">
        <v>41138</v>
      </c>
      <c r="B10701" s="1" t="s">
        <v>40625</v>
      </c>
      <c r="C10701" s="1" t="s">
        <v>45</v>
      </c>
      <c r="D10701" s="1" t="s">
        <v>41164</v>
      </c>
      <c r="E10701" s="1" t="s">
        <v>41165</v>
      </c>
      <c r="F10701" s="1" t="s">
        <v>41166</v>
      </c>
      <c r="G10701" s="1" t="s">
        <v>41141</v>
      </c>
      <c r="H10701" s="1" t="s">
        <v>41142</v>
      </c>
      <c r="I10701" s="1" t="s">
        <v>40631</v>
      </c>
      <c r="J10701" s="1" t="s">
        <v>41167</v>
      </c>
    </row>
    <row r="10702" spans="1:10" x14ac:dyDescent="0.35">
      <c r="A10702" s="1" t="s">
        <v>41138</v>
      </c>
      <c r="B10702" s="1" t="s">
        <v>40625</v>
      </c>
      <c r="C10702" s="1" t="s">
        <v>50</v>
      </c>
      <c r="D10702" s="1" t="s">
        <v>41168</v>
      </c>
      <c r="E10702" s="1" t="s">
        <v>12875</v>
      </c>
      <c r="F10702" s="1" t="s">
        <v>41169</v>
      </c>
      <c r="G10702" s="1" t="s">
        <v>41141</v>
      </c>
      <c r="H10702" s="1" t="s">
        <v>41142</v>
      </c>
      <c r="I10702" s="1" t="s">
        <v>40631</v>
      </c>
      <c r="J10702" s="1" t="s">
        <v>41170</v>
      </c>
    </row>
    <row r="10703" spans="1:10" x14ac:dyDescent="0.35">
      <c r="A10703" s="1" t="s">
        <v>41138</v>
      </c>
      <c r="B10703" s="1" t="s">
        <v>40625</v>
      </c>
      <c r="C10703" s="1" t="s">
        <v>55</v>
      </c>
      <c r="D10703" s="1" t="s">
        <v>41171</v>
      </c>
      <c r="E10703" s="1" t="s">
        <v>41159</v>
      </c>
      <c r="F10703" s="1" t="s">
        <v>41172</v>
      </c>
      <c r="G10703" s="1" t="s">
        <v>41141</v>
      </c>
      <c r="H10703" s="1" t="s">
        <v>41142</v>
      </c>
      <c r="I10703" s="1" t="s">
        <v>40631</v>
      </c>
      <c r="J10703" s="1" t="s">
        <v>41173</v>
      </c>
    </row>
    <row r="10704" spans="1:10" x14ac:dyDescent="0.35">
      <c r="A10704" s="1" t="s">
        <v>41138</v>
      </c>
      <c r="B10704" s="1" t="s">
        <v>40625</v>
      </c>
      <c r="C10704" s="1" t="s">
        <v>60</v>
      </c>
      <c r="D10704" s="1" t="s">
        <v>41174</v>
      </c>
      <c r="E10704" s="1" t="s">
        <v>41175</v>
      </c>
      <c r="F10704" s="1" t="s">
        <v>41176</v>
      </c>
      <c r="G10704" s="1" t="s">
        <v>41141</v>
      </c>
      <c r="H10704" s="1" t="s">
        <v>41142</v>
      </c>
      <c r="I10704" s="1" t="s">
        <v>40631</v>
      </c>
      <c r="J10704" s="1" t="s">
        <v>41177</v>
      </c>
    </row>
    <row r="10705" spans="1:10" x14ac:dyDescent="0.35">
      <c r="A10705" s="1" t="s">
        <v>41138</v>
      </c>
      <c r="B10705" s="1" t="s">
        <v>40625</v>
      </c>
      <c r="C10705" s="1" t="s">
        <v>65</v>
      </c>
      <c r="D10705" s="1" t="s">
        <v>41178</v>
      </c>
      <c r="E10705" s="1" t="s">
        <v>32351</v>
      </c>
      <c r="F10705" s="1" t="s">
        <v>41179</v>
      </c>
      <c r="G10705" s="1" t="s">
        <v>41141</v>
      </c>
      <c r="H10705" s="1" t="s">
        <v>41142</v>
      </c>
      <c r="I10705" s="1" t="s">
        <v>40631</v>
      </c>
      <c r="J10705" s="1" t="s">
        <v>41180</v>
      </c>
    </row>
    <row r="10706" spans="1:10" x14ac:dyDescent="0.35">
      <c r="A10706" s="1" t="s">
        <v>41138</v>
      </c>
      <c r="B10706" s="1" t="s">
        <v>40625</v>
      </c>
      <c r="C10706" s="1" t="s">
        <v>70</v>
      </c>
      <c r="D10706" s="1" t="s">
        <v>41181</v>
      </c>
      <c r="E10706" s="1" t="s">
        <v>21841</v>
      </c>
      <c r="F10706" s="1" t="s">
        <v>41182</v>
      </c>
      <c r="G10706" s="1" t="s">
        <v>41141</v>
      </c>
      <c r="H10706" s="1" t="s">
        <v>41142</v>
      </c>
      <c r="I10706" s="1" t="s">
        <v>40631</v>
      </c>
      <c r="J10706" s="1" t="s">
        <v>41183</v>
      </c>
    </row>
    <row r="10707" spans="1:10" x14ac:dyDescent="0.35">
      <c r="A10707" s="1" t="s">
        <v>41138</v>
      </c>
      <c r="B10707" s="1" t="s">
        <v>40625</v>
      </c>
      <c r="C10707" s="1" t="s">
        <v>75</v>
      </c>
      <c r="D10707" s="1" t="s">
        <v>23588</v>
      </c>
      <c r="E10707" s="1" t="s">
        <v>41184</v>
      </c>
      <c r="F10707" s="1" t="s">
        <v>41185</v>
      </c>
      <c r="G10707" s="1" t="s">
        <v>41141</v>
      </c>
      <c r="H10707" s="1" t="s">
        <v>41142</v>
      </c>
      <c r="I10707" s="1" t="s">
        <v>40631</v>
      </c>
      <c r="J10707" s="1" t="s">
        <v>41186</v>
      </c>
    </row>
    <row r="10708" spans="1:10" x14ac:dyDescent="0.35">
      <c r="A10708" s="1" t="s">
        <v>41138</v>
      </c>
      <c r="B10708" s="1" t="s">
        <v>40625</v>
      </c>
      <c r="C10708" s="1" t="s">
        <v>80</v>
      </c>
      <c r="D10708" s="1" t="s">
        <v>41187</v>
      </c>
      <c r="E10708" s="1" t="s">
        <v>41188</v>
      </c>
      <c r="F10708" s="1" t="s">
        <v>41189</v>
      </c>
      <c r="G10708" s="1" t="s">
        <v>41141</v>
      </c>
      <c r="H10708" s="1" t="s">
        <v>41142</v>
      </c>
      <c r="I10708" s="1" t="s">
        <v>40631</v>
      </c>
      <c r="J10708" s="1" t="s">
        <v>41190</v>
      </c>
    </row>
    <row r="10709" spans="1:10" x14ac:dyDescent="0.35">
      <c r="A10709" s="1" t="s">
        <v>41138</v>
      </c>
      <c r="B10709" s="1" t="s">
        <v>40625</v>
      </c>
      <c r="C10709" s="1" t="s">
        <v>85</v>
      </c>
      <c r="D10709" s="1" t="s">
        <v>41191</v>
      </c>
      <c r="E10709" s="1" t="s">
        <v>41192</v>
      </c>
      <c r="F10709" s="1" t="s">
        <v>41193</v>
      </c>
      <c r="G10709" s="1" t="s">
        <v>41141</v>
      </c>
      <c r="H10709" s="1" t="s">
        <v>41142</v>
      </c>
      <c r="I10709" s="1" t="s">
        <v>40631</v>
      </c>
      <c r="J10709" s="1" t="s">
        <v>41194</v>
      </c>
    </row>
    <row r="10710" spans="1:10" x14ac:dyDescent="0.35">
      <c r="A10710" s="1" t="s">
        <v>41138</v>
      </c>
      <c r="B10710" s="1" t="s">
        <v>40625</v>
      </c>
      <c r="C10710" s="1" t="s">
        <v>90</v>
      </c>
      <c r="D10710" s="1" t="s">
        <v>41195</v>
      </c>
      <c r="E10710" s="1" t="s">
        <v>21974</v>
      </c>
      <c r="F10710" s="1" t="s">
        <v>41196</v>
      </c>
      <c r="G10710" s="1" t="s">
        <v>41141</v>
      </c>
      <c r="H10710" s="1" t="s">
        <v>41142</v>
      </c>
      <c r="I10710" s="1" t="s">
        <v>40631</v>
      </c>
      <c r="J10710" s="1" t="s">
        <v>41197</v>
      </c>
    </row>
    <row r="10711" spans="1:10" x14ac:dyDescent="0.35">
      <c r="A10711" s="1" t="s">
        <v>41138</v>
      </c>
      <c r="B10711" s="1" t="s">
        <v>40625</v>
      </c>
      <c r="C10711" s="1" t="s">
        <v>95</v>
      </c>
      <c r="D10711" s="1" t="s">
        <v>41035</v>
      </c>
      <c r="E10711" s="1" t="s">
        <v>41198</v>
      </c>
      <c r="F10711" s="1" t="s">
        <v>41199</v>
      </c>
      <c r="G10711" s="1" t="s">
        <v>41141</v>
      </c>
      <c r="H10711" s="1" t="s">
        <v>41142</v>
      </c>
      <c r="I10711" s="1" t="s">
        <v>40631</v>
      </c>
      <c r="J10711" s="1" t="s">
        <v>41200</v>
      </c>
    </row>
    <row r="10712" spans="1:10" x14ac:dyDescent="0.35">
      <c r="A10712" s="1" t="s">
        <v>41138</v>
      </c>
      <c r="B10712" s="1" t="s">
        <v>40625</v>
      </c>
      <c r="C10712" s="1" t="s">
        <v>100</v>
      </c>
      <c r="D10712" s="1" t="s">
        <v>41201</v>
      </c>
      <c r="E10712" s="1" t="s">
        <v>41202</v>
      </c>
      <c r="F10712" s="1" t="s">
        <v>41203</v>
      </c>
      <c r="G10712" s="1" t="s">
        <v>41141</v>
      </c>
      <c r="H10712" s="1" t="s">
        <v>41142</v>
      </c>
      <c r="I10712" s="1" t="s">
        <v>40631</v>
      </c>
      <c r="J10712" s="1" t="s">
        <v>41204</v>
      </c>
    </row>
    <row r="10713" spans="1:10" x14ac:dyDescent="0.35">
      <c r="A10713" s="1" t="s">
        <v>41138</v>
      </c>
      <c r="B10713" s="1" t="s">
        <v>40625</v>
      </c>
      <c r="C10713" s="1" t="s">
        <v>105</v>
      </c>
      <c r="D10713" s="1" t="s">
        <v>41205</v>
      </c>
      <c r="E10713" s="1" t="s">
        <v>41206</v>
      </c>
      <c r="F10713" s="1" t="s">
        <v>41207</v>
      </c>
      <c r="G10713" s="1" t="s">
        <v>41141</v>
      </c>
      <c r="H10713" s="1" t="s">
        <v>41142</v>
      </c>
      <c r="I10713" s="1" t="s">
        <v>40631</v>
      </c>
      <c r="J10713" s="1" t="s">
        <v>41208</v>
      </c>
    </row>
    <row r="10714" spans="1:10" x14ac:dyDescent="0.35">
      <c r="A10714" s="1" t="s">
        <v>41138</v>
      </c>
      <c r="B10714" s="1" t="s">
        <v>40625</v>
      </c>
      <c r="C10714" s="1" t="s">
        <v>110</v>
      </c>
      <c r="D10714" s="1" t="s">
        <v>41209</v>
      </c>
      <c r="E10714" s="1" t="s">
        <v>41210</v>
      </c>
      <c r="F10714" s="1" t="s">
        <v>41211</v>
      </c>
      <c r="G10714" s="1" t="s">
        <v>41141</v>
      </c>
      <c r="H10714" s="1" t="s">
        <v>41142</v>
      </c>
      <c r="I10714" s="1" t="s">
        <v>40631</v>
      </c>
      <c r="J10714" s="1" t="s">
        <v>41212</v>
      </c>
    </row>
    <row r="10715" spans="1:10" x14ac:dyDescent="0.35">
      <c r="A10715" s="1" t="s">
        <v>41138</v>
      </c>
      <c r="B10715" s="1" t="s">
        <v>40625</v>
      </c>
      <c r="C10715" s="1" t="s">
        <v>115</v>
      </c>
      <c r="D10715" s="1" t="s">
        <v>41213</v>
      </c>
      <c r="E10715" s="1" t="s">
        <v>26214</v>
      </c>
      <c r="F10715" s="1" t="s">
        <v>41214</v>
      </c>
      <c r="G10715" s="1" t="s">
        <v>41141</v>
      </c>
      <c r="H10715" s="1" t="s">
        <v>41142</v>
      </c>
      <c r="I10715" s="1" t="s">
        <v>40631</v>
      </c>
      <c r="J10715" s="1" t="s">
        <v>41215</v>
      </c>
    </row>
    <row r="10716" spans="1:10" x14ac:dyDescent="0.35">
      <c r="A10716" s="1" t="s">
        <v>41138</v>
      </c>
      <c r="B10716" s="1" t="s">
        <v>40625</v>
      </c>
      <c r="C10716" s="1" t="s">
        <v>120</v>
      </c>
      <c r="D10716" s="1" t="s">
        <v>41216</v>
      </c>
      <c r="E10716" s="1" t="s">
        <v>23404</v>
      </c>
      <c r="F10716" s="1" t="s">
        <v>41217</v>
      </c>
      <c r="G10716" s="1" t="s">
        <v>41141</v>
      </c>
      <c r="H10716" s="1" t="s">
        <v>41142</v>
      </c>
      <c r="I10716" s="1" t="s">
        <v>40631</v>
      </c>
      <c r="J10716" s="1" t="s">
        <v>41218</v>
      </c>
    </row>
    <row r="10717" spans="1:10" x14ac:dyDescent="0.35">
      <c r="A10717" s="1" t="s">
        <v>41138</v>
      </c>
      <c r="B10717" s="1" t="s">
        <v>40625</v>
      </c>
      <c r="C10717" s="1" t="s">
        <v>125</v>
      </c>
      <c r="D10717" s="1" t="s">
        <v>41219</v>
      </c>
      <c r="E10717" s="1" t="s">
        <v>41220</v>
      </c>
      <c r="F10717" s="1" t="s">
        <v>41221</v>
      </c>
      <c r="G10717" s="1" t="s">
        <v>41141</v>
      </c>
      <c r="H10717" s="1" t="s">
        <v>41142</v>
      </c>
      <c r="I10717" s="1" t="s">
        <v>40631</v>
      </c>
      <c r="J10717" s="1" t="s">
        <v>41222</v>
      </c>
    </row>
    <row r="10718" spans="1:10" x14ac:dyDescent="0.35">
      <c r="A10718" s="1" t="s">
        <v>41138</v>
      </c>
      <c r="B10718" s="1" t="s">
        <v>40625</v>
      </c>
      <c r="C10718" s="1" t="s">
        <v>130</v>
      </c>
      <c r="D10718" s="1" t="s">
        <v>40679</v>
      </c>
      <c r="E10718" s="1" t="s">
        <v>24217</v>
      </c>
      <c r="F10718" s="1" t="s">
        <v>41223</v>
      </c>
      <c r="G10718" s="1" t="s">
        <v>41141</v>
      </c>
      <c r="H10718" s="1" t="s">
        <v>41142</v>
      </c>
      <c r="I10718" s="1" t="s">
        <v>40631</v>
      </c>
      <c r="J10718" s="1" t="s">
        <v>41224</v>
      </c>
    </row>
    <row r="10719" spans="1:10" x14ac:dyDescent="0.35">
      <c r="A10719" s="1" t="s">
        <v>41138</v>
      </c>
      <c r="B10719" s="1" t="s">
        <v>40625</v>
      </c>
      <c r="C10719" s="1" t="s">
        <v>135</v>
      </c>
      <c r="D10719" s="1" t="s">
        <v>41225</v>
      </c>
      <c r="E10719" s="1" t="s">
        <v>41226</v>
      </c>
      <c r="F10719" s="1" t="s">
        <v>41227</v>
      </c>
      <c r="G10719" s="1" t="s">
        <v>41141</v>
      </c>
      <c r="H10719" s="1" t="s">
        <v>41142</v>
      </c>
      <c r="I10719" s="1" t="s">
        <v>40631</v>
      </c>
      <c r="J10719" s="1" t="s">
        <v>41228</v>
      </c>
    </row>
    <row r="10720" spans="1:10" x14ac:dyDescent="0.35">
      <c r="A10720" s="1" t="s">
        <v>41138</v>
      </c>
      <c r="B10720" s="1" t="s">
        <v>40625</v>
      </c>
      <c r="C10720" s="1" t="s">
        <v>140</v>
      </c>
      <c r="D10720" s="1" t="s">
        <v>41229</v>
      </c>
      <c r="E10720" s="1" t="s">
        <v>12790</v>
      </c>
      <c r="F10720" s="1" t="s">
        <v>41230</v>
      </c>
      <c r="G10720" s="1" t="s">
        <v>41141</v>
      </c>
      <c r="H10720" s="1" t="s">
        <v>41142</v>
      </c>
      <c r="I10720" s="1" t="s">
        <v>40631</v>
      </c>
      <c r="J10720" s="1" t="s">
        <v>41231</v>
      </c>
    </row>
    <row r="10721" spans="1:10" x14ac:dyDescent="0.35">
      <c r="A10721" s="1" t="s">
        <v>41138</v>
      </c>
      <c r="B10721" s="1" t="s">
        <v>40625</v>
      </c>
      <c r="C10721" s="1" t="s">
        <v>145</v>
      </c>
      <c r="D10721" s="1" t="s">
        <v>41232</v>
      </c>
      <c r="E10721" s="1" t="s">
        <v>41233</v>
      </c>
      <c r="F10721" s="1" t="s">
        <v>41234</v>
      </c>
      <c r="G10721" s="1" t="s">
        <v>41141</v>
      </c>
      <c r="H10721" s="1" t="s">
        <v>41142</v>
      </c>
      <c r="I10721" s="1" t="s">
        <v>40631</v>
      </c>
      <c r="J10721" s="1" t="s">
        <v>41235</v>
      </c>
    </row>
    <row r="10722" spans="1:10" x14ac:dyDescent="0.35">
      <c r="A10722" s="1" t="s">
        <v>41138</v>
      </c>
      <c r="B10722" s="1" t="s">
        <v>40625</v>
      </c>
      <c r="C10722" s="1" t="s">
        <v>150</v>
      </c>
      <c r="D10722" s="1" t="s">
        <v>41236</v>
      </c>
      <c r="E10722" s="1" t="s">
        <v>41237</v>
      </c>
      <c r="F10722" s="1" t="s">
        <v>41238</v>
      </c>
      <c r="G10722" s="1" t="s">
        <v>41141</v>
      </c>
      <c r="H10722" s="1" t="s">
        <v>41142</v>
      </c>
      <c r="I10722" s="1" t="s">
        <v>40631</v>
      </c>
      <c r="J10722" s="1" t="s">
        <v>41239</v>
      </c>
    </row>
    <row r="10723" spans="1:10" x14ac:dyDescent="0.35">
      <c r="A10723" s="1" t="s">
        <v>41138</v>
      </c>
      <c r="B10723" s="1" t="s">
        <v>40625</v>
      </c>
      <c r="C10723" s="1" t="s">
        <v>155</v>
      </c>
      <c r="D10723" s="1" t="s">
        <v>41240</v>
      </c>
      <c r="E10723" s="1" t="s">
        <v>26474</v>
      </c>
      <c r="F10723" s="1" t="s">
        <v>41241</v>
      </c>
      <c r="G10723" s="1" t="s">
        <v>41141</v>
      </c>
      <c r="H10723" s="1" t="s">
        <v>41142</v>
      </c>
      <c r="I10723" s="1" t="s">
        <v>40631</v>
      </c>
      <c r="J10723" s="1" t="s">
        <v>41242</v>
      </c>
    </row>
    <row r="10724" spans="1:10" x14ac:dyDescent="0.35">
      <c r="A10724" s="1" t="s">
        <v>41138</v>
      </c>
      <c r="B10724" s="1" t="s">
        <v>40625</v>
      </c>
      <c r="C10724" s="1" t="s">
        <v>160</v>
      </c>
      <c r="D10724" s="1" t="s">
        <v>41243</v>
      </c>
      <c r="E10724" s="1" t="s">
        <v>15417</v>
      </c>
      <c r="F10724" s="1" t="s">
        <v>41244</v>
      </c>
      <c r="G10724" s="1" t="s">
        <v>41141</v>
      </c>
      <c r="H10724" s="1" t="s">
        <v>41142</v>
      </c>
      <c r="I10724" s="1" t="s">
        <v>40631</v>
      </c>
      <c r="J10724" s="1" t="s">
        <v>41245</v>
      </c>
    </row>
    <row r="10725" spans="1:10" x14ac:dyDescent="0.35">
      <c r="A10725" s="1" t="s">
        <v>41138</v>
      </c>
      <c r="B10725" s="1" t="s">
        <v>40625</v>
      </c>
      <c r="C10725" s="1" t="s">
        <v>165</v>
      </c>
      <c r="D10725" s="1" t="s">
        <v>41246</v>
      </c>
      <c r="E10725" s="1" t="s">
        <v>41247</v>
      </c>
      <c r="F10725" s="1" t="s">
        <v>41248</v>
      </c>
      <c r="G10725" s="1" t="s">
        <v>41141</v>
      </c>
      <c r="H10725" s="1" t="s">
        <v>41142</v>
      </c>
      <c r="I10725" s="1" t="s">
        <v>40631</v>
      </c>
      <c r="J10725" s="1" t="s">
        <v>41249</v>
      </c>
    </row>
    <row r="10726" spans="1:10" x14ac:dyDescent="0.35">
      <c r="A10726" s="1" t="s">
        <v>41138</v>
      </c>
      <c r="B10726" s="1" t="s">
        <v>40625</v>
      </c>
      <c r="C10726" s="1" t="s">
        <v>170</v>
      </c>
      <c r="D10726" s="1" t="s">
        <v>39524</v>
      </c>
      <c r="E10726" s="1" t="s">
        <v>41250</v>
      </c>
      <c r="F10726" s="1" t="s">
        <v>41251</v>
      </c>
      <c r="G10726" s="1" t="s">
        <v>41141</v>
      </c>
      <c r="H10726" s="1" t="s">
        <v>41142</v>
      </c>
      <c r="I10726" s="1" t="s">
        <v>40631</v>
      </c>
      <c r="J10726" s="1" t="s">
        <v>41252</v>
      </c>
    </row>
    <row r="10727" spans="1:10" x14ac:dyDescent="0.35">
      <c r="A10727" s="1" t="s">
        <v>41253</v>
      </c>
      <c r="B10727" s="1" t="s">
        <v>40625</v>
      </c>
      <c r="C10727" s="1" t="s">
        <v>8</v>
      </c>
      <c r="D10727" s="1" t="s">
        <v>41254</v>
      </c>
      <c r="E10727" s="1" t="s">
        <v>32320</v>
      </c>
      <c r="F10727" s="1" t="s">
        <v>41255</v>
      </c>
      <c r="G10727" s="1" t="s">
        <v>41256</v>
      </c>
      <c r="H10727" s="1" t="s">
        <v>41257</v>
      </c>
      <c r="I10727" s="1" t="s">
        <v>40631</v>
      </c>
      <c r="J10727" s="1" t="s">
        <v>13</v>
      </c>
    </row>
    <row r="10728" spans="1:10" x14ac:dyDescent="0.35">
      <c r="A10728" s="1" t="s">
        <v>41253</v>
      </c>
      <c r="B10728" s="1" t="s">
        <v>40625</v>
      </c>
      <c r="C10728" s="1" t="s">
        <v>15</v>
      </c>
      <c r="D10728" s="1" t="s">
        <v>21564</v>
      </c>
      <c r="E10728" s="1" t="s">
        <v>41258</v>
      </c>
      <c r="F10728" s="1" t="s">
        <v>41259</v>
      </c>
      <c r="G10728" s="1" t="s">
        <v>41256</v>
      </c>
      <c r="H10728" s="1" t="s">
        <v>41257</v>
      </c>
      <c r="I10728" s="1" t="s">
        <v>40631</v>
      </c>
      <c r="J10728" s="1" t="s">
        <v>41260</v>
      </c>
    </row>
    <row r="10729" spans="1:10" x14ac:dyDescent="0.35">
      <c r="A10729" s="1" t="s">
        <v>41253</v>
      </c>
      <c r="B10729" s="1" t="s">
        <v>40625</v>
      </c>
      <c r="C10729" s="1" t="s">
        <v>20</v>
      </c>
      <c r="D10729" s="1" t="s">
        <v>41261</v>
      </c>
      <c r="E10729" s="1" t="s">
        <v>41262</v>
      </c>
      <c r="F10729" s="1" t="s">
        <v>41263</v>
      </c>
      <c r="G10729" s="1" t="s">
        <v>41256</v>
      </c>
      <c r="H10729" s="1" t="s">
        <v>41257</v>
      </c>
      <c r="I10729" s="1" t="s">
        <v>40631</v>
      </c>
      <c r="J10729" s="1" t="s">
        <v>41264</v>
      </c>
    </row>
    <row r="10730" spans="1:10" x14ac:dyDescent="0.35">
      <c r="A10730" s="1" t="s">
        <v>41253</v>
      </c>
      <c r="B10730" s="1" t="s">
        <v>40625</v>
      </c>
      <c r="C10730" s="1" t="s">
        <v>25</v>
      </c>
      <c r="D10730" s="1" t="s">
        <v>41265</v>
      </c>
      <c r="E10730" s="1" t="s">
        <v>41266</v>
      </c>
      <c r="F10730" s="1" t="s">
        <v>41267</v>
      </c>
      <c r="G10730" s="1" t="s">
        <v>41256</v>
      </c>
      <c r="H10730" s="1" t="s">
        <v>41257</v>
      </c>
      <c r="I10730" s="1" t="s">
        <v>40631</v>
      </c>
      <c r="J10730" s="1" t="s">
        <v>41268</v>
      </c>
    </row>
    <row r="10731" spans="1:10" x14ac:dyDescent="0.35">
      <c r="A10731" s="1" t="s">
        <v>41253</v>
      </c>
      <c r="B10731" s="1" t="s">
        <v>40625</v>
      </c>
      <c r="C10731" s="1" t="s">
        <v>30</v>
      </c>
      <c r="D10731" s="1" t="s">
        <v>41269</v>
      </c>
      <c r="E10731" s="1" t="s">
        <v>23457</v>
      </c>
      <c r="F10731" s="1" t="s">
        <v>41270</v>
      </c>
      <c r="G10731" s="1" t="s">
        <v>41256</v>
      </c>
      <c r="H10731" s="1" t="s">
        <v>41257</v>
      </c>
      <c r="I10731" s="1" t="s">
        <v>40631</v>
      </c>
      <c r="J10731" s="1" t="s">
        <v>41271</v>
      </c>
    </row>
    <row r="10732" spans="1:10" x14ac:dyDescent="0.35">
      <c r="A10732" s="1" t="s">
        <v>41253</v>
      </c>
      <c r="B10732" s="1" t="s">
        <v>40625</v>
      </c>
      <c r="C10732" s="1" t="s">
        <v>35</v>
      </c>
      <c r="D10732" s="1" t="s">
        <v>41272</v>
      </c>
      <c r="E10732" s="1" t="s">
        <v>41273</v>
      </c>
      <c r="F10732" s="1" t="s">
        <v>41274</v>
      </c>
      <c r="G10732" s="1" t="s">
        <v>41256</v>
      </c>
      <c r="H10732" s="1" t="s">
        <v>41257</v>
      </c>
      <c r="I10732" s="1" t="s">
        <v>40631</v>
      </c>
      <c r="J10732" s="1" t="s">
        <v>41275</v>
      </c>
    </row>
    <row r="10733" spans="1:10" x14ac:dyDescent="0.35">
      <c r="A10733" s="1" t="s">
        <v>41253</v>
      </c>
      <c r="B10733" s="1" t="s">
        <v>40625</v>
      </c>
      <c r="C10733" s="1" t="s">
        <v>40</v>
      </c>
      <c r="D10733" s="1" t="s">
        <v>41276</v>
      </c>
      <c r="E10733" s="1" t="s">
        <v>41277</v>
      </c>
      <c r="F10733" s="1" t="s">
        <v>41278</v>
      </c>
      <c r="G10733" s="1" t="s">
        <v>41256</v>
      </c>
      <c r="H10733" s="1" t="s">
        <v>41257</v>
      </c>
      <c r="I10733" s="1" t="s">
        <v>40631</v>
      </c>
      <c r="J10733" s="1" t="s">
        <v>41279</v>
      </c>
    </row>
    <row r="10734" spans="1:10" x14ac:dyDescent="0.35">
      <c r="A10734" s="1" t="s">
        <v>41253</v>
      </c>
      <c r="B10734" s="1" t="s">
        <v>40625</v>
      </c>
      <c r="C10734" s="1" t="s">
        <v>45</v>
      </c>
      <c r="D10734" s="1" t="s">
        <v>41280</v>
      </c>
      <c r="E10734" s="1" t="s">
        <v>12845</v>
      </c>
      <c r="F10734" s="1" t="s">
        <v>41281</v>
      </c>
      <c r="G10734" s="1" t="s">
        <v>41256</v>
      </c>
      <c r="H10734" s="1" t="s">
        <v>41257</v>
      </c>
      <c r="I10734" s="1" t="s">
        <v>40631</v>
      </c>
      <c r="J10734" s="1" t="s">
        <v>41282</v>
      </c>
    </row>
    <row r="10735" spans="1:10" x14ac:dyDescent="0.35">
      <c r="A10735" s="1" t="s">
        <v>41253</v>
      </c>
      <c r="B10735" s="1" t="s">
        <v>40625</v>
      </c>
      <c r="C10735" s="1" t="s">
        <v>50</v>
      </c>
      <c r="D10735" s="1" t="s">
        <v>1063</v>
      </c>
      <c r="E10735" s="1" t="s">
        <v>41283</v>
      </c>
      <c r="F10735" s="1" t="s">
        <v>41284</v>
      </c>
      <c r="G10735" s="1" t="s">
        <v>41256</v>
      </c>
      <c r="H10735" s="1" t="s">
        <v>41257</v>
      </c>
      <c r="I10735" s="1" t="s">
        <v>40631</v>
      </c>
      <c r="J10735" s="1" t="s">
        <v>41285</v>
      </c>
    </row>
    <row r="10736" spans="1:10" x14ac:dyDescent="0.35">
      <c r="A10736" s="1" t="s">
        <v>41253</v>
      </c>
      <c r="B10736" s="1" t="s">
        <v>40625</v>
      </c>
      <c r="C10736" s="1" t="s">
        <v>55</v>
      </c>
      <c r="D10736" s="1" t="s">
        <v>41286</v>
      </c>
      <c r="E10736" s="1" t="s">
        <v>41287</v>
      </c>
      <c r="F10736" s="1" t="s">
        <v>41288</v>
      </c>
      <c r="G10736" s="1" t="s">
        <v>41256</v>
      </c>
      <c r="H10736" s="1" t="s">
        <v>41257</v>
      </c>
      <c r="I10736" s="1" t="s">
        <v>40631</v>
      </c>
      <c r="J10736" s="1" t="s">
        <v>41289</v>
      </c>
    </row>
    <row r="10737" spans="1:10" x14ac:dyDescent="0.35">
      <c r="A10737" s="1" t="s">
        <v>41253</v>
      </c>
      <c r="B10737" s="1" t="s">
        <v>40625</v>
      </c>
      <c r="C10737" s="1" t="s">
        <v>60</v>
      </c>
      <c r="D10737" s="1" t="s">
        <v>41290</v>
      </c>
      <c r="E10737" s="1" t="s">
        <v>26247</v>
      </c>
      <c r="F10737" s="1" t="s">
        <v>41291</v>
      </c>
      <c r="G10737" s="1" t="s">
        <v>41256</v>
      </c>
      <c r="H10737" s="1" t="s">
        <v>41257</v>
      </c>
      <c r="I10737" s="1" t="s">
        <v>40631</v>
      </c>
      <c r="J10737" s="1" t="s">
        <v>41292</v>
      </c>
    </row>
    <row r="10738" spans="1:10" x14ac:dyDescent="0.35">
      <c r="A10738" s="1" t="s">
        <v>41253</v>
      </c>
      <c r="B10738" s="1" t="s">
        <v>40625</v>
      </c>
      <c r="C10738" s="1" t="s">
        <v>65</v>
      </c>
      <c r="D10738" s="1" t="s">
        <v>41293</v>
      </c>
      <c r="E10738" s="1" t="s">
        <v>41294</v>
      </c>
      <c r="F10738" s="1" t="s">
        <v>41295</v>
      </c>
      <c r="G10738" s="1" t="s">
        <v>41256</v>
      </c>
      <c r="H10738" s="1" t="s">
        <v>41257</v>
      </c>
      <c r="I10738" s="1" t="s">
        <v>40631</v>
      </c>
      <c r="J10738" s="1" t="s">
        <v>41296</v>
      </c>
    </row>
    <row r="10739" spans="1:10" x14ac:dyDescent="0.35">
      <c r="A10739" s="1" t="s">
        <v>41253</v>
      </c>
      <c r="B10739" s="1" t="s">
        <v>40625</v>
      </c>
      <c r="C10739" s="1" t="s">
        <v>70</v>
      </c>
      <c r="D10739" s="1" t="s">
        <v>41297</v>
      </c>
      <c r="E10739" s="1" t="s">
        <v>41298</v>
      </c>
      <c r="F10739" s="1" t="s">
        <v>41299</v>
      </c>
      <c r="G10739" s="1" t="s">
        <v>41256</v>
      </c>
      <c r="H10739" s="1" t="s">
        <v>41257</v>
      </c>
      <c r="I10739" s="1" t="s">
        <v>40631</v>
      </c>
      <c r="J10739" s="1" t="s">
        <v>41300</v>
      </c>
    </row>
    <row r="10740" spans="1:10" x14ac:dyDescent="0.35">
      <c r="A10740" s="1" t="s">
        <v>41253</v>
      </c>
      <c r="B10740" s="1" t="s">
        <v>40625</v>
      </c>
      <c r="C10740" s="1" t="s">
        <v>75</v>
      </c>
      <c r="D10740" s="1" t="s">
        <v>41301</v>
      </c>
      <c r="E10740" s="1" t="s">
        <v>32351</v>
      </c>
      <c r="F10740" s="1" t="s">
        <v>41302</v>
      </c>
      <c r="G10740" s="1" t="s">
        <v>41256</v>
      </c>
      <c r="H10740" s="1" t="s">
        <v>41257</v>
      </c>
      <c r="I10740" s="1" t="s">
        <v>40631</v>
      </c>
      <c r="J10740" s="1" t="s">
        <v>41303</v>
      </c>
    </row>
    <row r="10741" spans="1:10" x14ac:dyDescent="0.35">
      <c r="A10741" s="1" t="s">
        <v>41253</v>
      </c>
      <c r="B10741" s="1" t="s">
        <v>40625</v>
      </c>
      <c r="C10741" s="1" t="s">
        <v>80</v>
      </c>
      <c r="D10741" s="1" t="s">
        <v>41304</v>
      </c>
      <c r="E10741" s="1" t="s">
        <v>41305</v>
      </c>
      <c r="F10741" s="1" t="s">
        <v>41306</v>
      </c>
      <c r="G10741" s="1" t="s">
        <v>41256</v>
      </c>
      <c r="H10741" s="1" t="s">
        <v>41257</v>
      </c>
      <c r="I10741" s="1" t="s">
        <v>40631</v>
      </c>
      <c r="J10741" s="1" t="s">
        <v>41307</v>
      </c>
    </row>
    <row r="10742" spans="1:10" x14ac:dyDescent="0.35">
      <c r="A10742" s="1" t="s">
        <v>41253</v>
      </c>
      <c r="B10742" s="1" t="s">
        <v>40625</v>
      </c>
      <c r="C10742" s="1" t="s">
        <v>85</v>
      </c>
      <c r="D10742" s="1" t="s">
        <v>41308</v>
      </c>
      <c r="E10742" s="1" t="s">
        <v>41309</v>
      </c>
      <c r="F10742" s="1" t="s">
        <v>41310</v>
      </c>
      <c r="G10742" s="1" t="s">
        <v>41256</v>
      </c>
      <c r="H10742" s="1" t="s">
        <v>41257</v>
      </c>
      <c r="I10742" s="1" t="s">
        <v>40631</v>
      </c>
      <c r="J10742" s="1" t="s">
        <v>41311</v>
      </c>
    </row>
    <row r="10743" spans="1:10" x14ac:dyDescent="0.35">
      <c r="A10743" s="1" t="s">
        <v>41253</v>
      </c>
      <c r="B10743" s="1" t="s">
        <v>40625</v>
      </c>
      <c r="C10743" s="1" t="s">
        <v>90</v>
      </c>
      <c r="D10743" s="1" t="s">
        <v>41312</v>
      </c>
      <c r="E10743" s="1" t="s">
        <v>41313</v>
      </c>
      <c r="F10743" s="1" t="s">
        <v>41314</v>
      </c>
      <c r="G10743" s="1" t="s">
        <v>41256</v>
      </c>
      <c r="H10743" s="1" t="s">
        <v>41257</v>
      </c>
      <c r="I10743" s="1" t="s">
        <v>40631</v>
      </c>
      <c r="J10743" s="1" t="s">
        <v>41315</v>
      </c>
    </row>
    <row r="10744" spans="1:10" x14ac:dyDescent="0.35">
      <c r="A10744" s="1" t="s">
        <v>41253</v>
      </c>
      <c r="B10744" s="1" t="s">
        <v>40625</v>
      </c>
      <c r="C10744" s="1" t="s">
        <v>95</v>
      </c>
      <c r="D10744" s="1" t="s">
        <v>24743</v>
      </c>
      <c r="E10744" s="1" t="s">
        <v>41316</v>
      </c>
      <c r="F10744" s="1" t="s">
        <v>41317</v>
      </c>
      <c r="G10744" s="1" t="s">
        <v>41256</v>
      </c>
      <c r="H10744" s="1" t="s">
        <v>41257</v>
      </c>
      <c r="I10744" s="1" t="s">
        <v>40631</v>
      </c>
      <c r="J10744" s="1" t="s">
        <v>41318</v>
      </c>
    </row>
    <row r="10745" spans="1:10" x14ac:dyDescent="0.35">
      <c r="A10745" s="1" t="s">
        <v>41253</v>
      </c>
      <c r="B10745" s="1" t="s">
        <v>40625</v>
      </c>
      <c r="C10745" s="1" t="s">
        <v>100</v>
      </c>
      <c r="D10745" s="1" t="s">
        <v>41319</v>
      </c>
      <c r="E10745" s="1" t="s">
        <v>41320</v>
      </c>
      <c r="F10745" s="1" t="s">
        <v>41321</v>
      </c>
      <c r="G10745" s="1" t="s">
        <v>41256</v>
      </c>
      <c r="H10745" s="1" t="s">
        <v>41257</v>
      </c>
      <c r="I10745" s="1" t="s">
        <v>40631</v>
      </c>
      <c r="J10745" s="1" t="s">
        <v>41322</v>
      </c>
    </row>
    <row r="10746" spans="1:10" x14ac:dyDescent="0.35">
      <c r="A10746" s="1" t="s">
        <v>41253</v>
      </c>
      <c r="B10746" s="1" t="s">
        <v>40625</v>
      </c>
      <c r="C10746" s="1" t="s">
        <v>105</v>
      </c>
      <c r="D10746" s="1" t="s">
        <v>41323</v>
      </c>
      <c r="E10746" s="1" t="s">
        <v>24178</v>
      </c>
      <c r="F10746" s="1" t="s">
        <v>41324</v>
      </c>
      <c r="G10746" s="1" t="s">
        <v>41256</v>
      </c>
      <c r="H10746" s="1" t="s">
        <v>41257</v>
      </c>
      <c r="I10746" s="1" t="s">
        <v>40631</v>
      </c>
      <c r="J10746" s="1" t="s">
        <v>41325</v>
      </c>
    </row>
    <row r="10747" spans="1:10" x14ac:dyDescent="0.35">
      <c r="A10747" s="1" t="s">
        <v>41253</v>
      </c>
      <c r="B10747" s="1" t="s">
        <v>40625</v>
      </c>
      <c r="C10747" s="1" t="s">
        <v>110</v>
      </c>
      <c r="D10747" s="1" t="s">
        <v>41326</v>
      </c>
      <c r="E10747" s="1" t="s">
        <v>41327</v>
      </c>
      <c r="F10747" s="1" t="s">
        <v>41328</v>
      </c>
      <c r="G10747" s="1" t="s">
        <v>41256</v>
      </c>
      <c r="H10747" s="1" t="s">
        <v>41257</v>
      </c>
      <c r="I10747" s="1" t="s">
        <v>40631</v>
      </c>
      <c r="J10747" s="1" t="s">
        <v>41329</v>
      </c>
    </row>
    <row r="10748" spans="1:10" x14ac:dyDescent="0.35">
      <c r="A10748" s="1" t="s">
        <v>41253</v>
      </c>
      <c r="B10748" s="1" t="s">
        <v>40625</v>
      </c>
      <c r="C10748" s="1" t="s">
        <v>115</v>
      </c>
      <c r="D10748" s="1" t="s">
        <v>41330</v>
      </c>
      <c r="E10748" s="1" t="s">
        <v>24246</v>
      </c>
      <c r="F10748" s="1" t="s">
        <v>41331</v>
      </c>
      <c r="G10748" s="1" t="s">
        <v>41256</v>
      </c>
      <c r="H10748" s="1" t="s">
        <v>41257</v>
      </c>
      <c r="I10748" s="1" t="s">
        <v>40631</v>
      </c>
      <c r="J10748" s="1" t="s">
        <v>41332</v>
      </c>
    </row>
    <row r="10749" spans="1:10" x14ac:dyDescent="0.35">
      <c r="A10749" s="1" t="s">
        <v>41253</v>
      </c>
      <c r="B10749" s="1" t="s">
        <v>40625</v>
      </c>
      <c r="C10749" s="1" t="s">
        <v>120</v>
      </c>
      <c r="D10749" s="1" t="s">
        <v>41333</v>
      </c>
      <c r="E10749" s="1" t="s">
        <v>41334</v>
      </c>
      <c r="F10749" s="1" t="s">
        <v>41335</v>
      </c>
      <c r="G10749" s="1" t="s">
        <v>41256</v>
      </c>
      <c r="H10749" s="1" t="s">
        <v>41257</v>
      </c>
      <c r="I10749" s="1" t="s">
        <v>40631</v>
      </c>
      <c r="J10749" s="1" t="s">
        <v>41336</v>
      </c>
    </row>
    <row r="10750" spans="1:10" x14ac:dyDescent="0.35">
      <c r="A10750" s="1" t="s">
        <v>41253</v>
      </c>
      <c r="B10750" s="1" t="s">
        <v>40625</v>
      </c>
      <c r="C10750" s="1" t="s">
        <v>125</v>
      </c>
      <c r="D10750" s="1" t="s">
        <v>41337</v>
      </c>
      <c r="E10750" s="1" t="s">
        <v>41338</v>
      </c>
      <c r="F10750" s="1" t="s">
        <v>41339</v>
      </c>
      <c r="G10750" s="1" t="s">
        <v>41256</v>
      </c>
      <c r="H10750" s="1" t="s">
        <v>41257</v>
      </c>
      <c r="I10750" s="1" t="s">
        <v>40631</v>
      </c>
      <c r="J10750" s="1" t="s">
        <v>41340</v>
      </c>
    </row>
    <row r="10751" spans="1:10" x14ac:dyDescent="0.35">
      <c r="A10751" s="1" t="s">
        <v>41253</v>
      </c>
      <c r="B10751" s="1" t="s">
        <v>40625</v>
      </c>
      <c r="C10751" s="1" t="s">
        <v>130</v>
      </c>
      <c r="D10751" s="1" t="s">
        <v>41341</v>
      </c>
      <c r="E10751" s="1" t="s">
        <v>32065</v>
      </c>
      <c r="F10751" s="1" t="s">
        <v>21526</v>
      </c>
      <c r="G10751" s="1" t="s">
        <v>41256</v>
      </c>
      <c r="H10751" s="1" t="s">
        <v>41257</v>
      </c>
      <c r="I10751" s="1" t="s">
        <v>40631</v>
      </c>
      <c r="J10751" s="1" t="s">
        <v>41342</v>
      </c>
    </row>
    <row r="10752" spans="1:10" x14ac:dyDescent="0.35">
      <c r="A10752" s="1" t="s">
        <v>41253</v>
      </c>
      <c r="B10752" s="1" t="s">
        <v>40625</v>
      </c>
      <c r="C10752" s="1" t="s">
        <v>135</v>
      </c>
      <c r="D10752" s="1" t="s">
        <v>41343</v>
      </c>
      <c r="E10752" s="1" t="s">
        <v>41344</v>
      </c>
      <c r="F10752" s="1" t="s">
        <v>41345</v>
      </c>
      <c r="G10752" s="1" t="s">
        <v>41256</v>
      </c>
      <c r="H10752" s="1" t="s">
        <v>41257</v>
      </c>
      <c r="I10752" s="1" t="s">
        <v>40631</v>
      </c>
      <c r="J10752" s="1" t="s">
        <v>41346</v>
      </c>
    </row>
    <row r="10753" spans="1:10" x14ac:dyDescent="0.35">
      <c r="A10753" s="1" t="s">
        <v>41253</v>
      </c>
      <c r="B10753" s="1" t="s">
        <v>40625</v>
      </c>
      <c r="C10753" s="1" t="s">
        <v>140</v>
      </c>
      <c r="D10753" s="1" t="s">
        <v>41347</v>
      </c>
      <c r="E10753" s="1" t="s">
        <v>41348</v>
      </c>
      <c r="F10753" s="1" t="s">
        <v>41349</v>
      </c>
      <c r="G10753" s="1" t="s">
        <v>41256</v>
      </c>
      <c r="H10753" s="1" t="s">
        <v>41257</v>
      </c>
      <c r="I10753" s="1" t="s">
        <v>40631</v>
      </c>
      <c r="J10753" s="1" t="s">
        <v>41350</v>
      </c>
    </row>
    <row r="10754" spans="1:10" x14ac:dyDescent="0.35">
      <c r="A10754" s="1" t="s">
        <v>41253</v>
      </c>
      <c r="B10754" s="1" t="s">
        <v>40625</v>
      </c>
      <c r="C10754" s="1" t="s">
        <v>145</v>
      </c>
      <c r="D10754" s="1" t="s">
        <v>41351</v>
      </c>
      <c r="E10754" s="1" t="s">
        <v>16125</v>
      </c>
      <c r="F10754" s="1" t="s">
        <v>41291</v>
      </c>
      <c r="G10754" s="1" t="s">
        <v>41256</v>
      </c>
      <c r="H10754" s="1" t="s">
        <v>41257</v>
      </c>
      <c r="I10754" s="1" t="s">
        <v>40631</v>
      </c>
      <c r="J10754" s="1" t="s">
        <v>41352</v>
      </c>
    </row>
    <row r="10755" spans="1:10" x14ac:dyDescent="0.35">
      <c r="A10755" s="1" t="s">
        <v>41253</v>
      </c>
      <c r="B10755" s="1" t="s">
        <v>40625</v>
      </c>
      <c r="C10755" s="1" t="s">
        <v>150</v>
      </c>
      <c r="D10755" s="1" t="s">
        <v>41353</v>
      </c>
      <c r="E10755" s="1" t="s">
        <v>12778</v>
      </c>
      <c r="F10755" s="1" t="s">
        <v>21899</v>
      </c>
      <c r="G10755" s="1" t="s">
        <v>41256</v>
      </c>
      <c r="H10755" s="1" t="s">
        <v>41257</v>
      </c>
      <c r="I10755" s="1" t="s">
        <v>40631</v>
      </c>
      <c r="J10755" s="1" t="s">
        <v>41354</v>
      </c>
    </row>
    <row r="10756" spans="1:10" x14ac:dyDescent="0.35">
      <c r="A10756" s="1" t="s">
        <v>41253</v>
      </c>
      <c r="B10756" s="1" t="s">
        <v>40625</v>
      </c>
      <c r="C10756" s="1" t="s">
        <v>155</v>
      </c>
      <c r="D10756" s="1" t="s">
        <v>41355</v>
      </c>
      <c r="E10756" s="1" t="s">
        <v>41356</v>
      </c>
      <c r="F10756" s="1" t="s">
        <v>41357</v>
      </c>
      <c r="G10756" s="1" t="s">
        <v>41256</v>
      </c>
      <c r="H10756" s="1" t="s">
        <v>41257</v>
      </c>
      <c r="I10756" s="1" t="s">
        <v>40631</v>
      </c>
      <c r="J10756" s="1" t="s">
        <v>41358</v>
      </c>
    </row>
    <row r="10757" spans="1:10" x14ac:dyDescent="0.35">
      <c r="A10757" s="1" t="s">
        <v>41253</v>
      </c>
      <c r="B10757" s="1" t="s">
        <v>40625</v>
      </c>
      <c r="C10757" s="1" t="s">
        <v>160</v>
      </c>
      <c r="D10757" s="1" t="s">
        <v>41359</v>
      </c>
      <c r="E10757" s="1" t="s">
        <v>26185</v>
      </c>
      <c r="F10757" s="1" t="s">
        <v>41360</v>
      </c>
      <c r="G10757" s="1" t="s">
        <v>41256</v>
      </c>
      <c r="H10757" s="1" t="s">
        <v>41257</v>
      </c>
      <c r="I10757" s="1" t="s">
        <v>40631</v>
      </c>
      <c r="J10757" s="1" t="s">
        <v>41361</v>
      </c>
    </row>
    <row r="10758" spans="1:10" x14ac:dyDescent="0.35">
      <c r="A10758" s="1" t="s">
        <v>41253</v>
      </c>
      <c r="B10758" s="1" t="s">
        <v>40625</v>
      </c>
      <c r="C10758" s="1" t="s">
        <v>165</v>
      </c>
      <c r="D10758" s="1" t="s">
        <v>41362</v>
      </c>
      <c r="E10758" s="1" t="s">
        <v>41363</v>
      </c>
      <c r="F10758" s="1" t="s">
        <v>41364</v>
      </c>
      <c r="G10758" s="1" t="s">
        <v>41256</v>
      </c>
      <c r="H10758" s="1" t="s">
        <v>41257</v>
      </c>
      <c r="I10758" s="1" t="s">
        <v>40631</v>
      </c>
      <c r="J10758" s="1" t="s">
        <v>41365</v>
      </c>
    </row>
    <row r="10759" spans="1:10" x14ac:dyDescent="0.35">
      <c r="A10759" s="1" t="s">
        <v>41253</v>
      </c>
      <c r="B10759" s="1" t="s">
        <v>40625</v>
      </c>
      <c r="C10759" s="1" t="s">
        <v>170</v>
      </c>
      <c r="D10759" s="1" t="s">
        <v>41366</v>
      </c>
      <c r="E10759" s="1" t="s">
        <v>31965</v>
      </c>
      <c r="F10759" s="1" t="s">
        <v>41367</v>
      </c>
      <c r="G10759" s="1" t="s">
        <v>41256</v>
      </c>
      <c r="H10759" s="1" t="s">
        <v>41257</v>
      </c>
      <c r="I10759" s="1" t="s">
        <v>40631</v>
      </c>
      <c r="J10759" s="1" t="s">
        <v>41368</v>
      </c>
    </row>
    <row r="10760" spans="1:10" x14ac:dyDescent="0.35">
      <c r="A10760" s="1" t="s">
        <v>41369</v>
      </c>
      <c r="B10760" s="1" t="s">
        <v>40625</v>
      </c>
      <c r="C10760" s="1" t="s">
        <v>8</v>
      </c>
      <c r="D10760" s="1" t="s">
        <v>41370</v>
      </c>
      <c r="E10760" s="1" t="s">
        <v>24359</v>
      </c>
      <c r="F10760" s="1" t="s">
        <v>41371</v>
      </c>
      <c r="G10760" s="1" t="s">
        <v>41372</v>
      </c>
      <c r="H10760" s="1" t="s">
        <v>41373</v>
      </c>
      <c r="I10760" s="1" t="s">
        <v>40631</v>
      </c>
      <c r="J10760" s="1" t="s">
        <v>13</v>
      </c>
    </row>
    <row r="10761" spans="1:10" x14ac:dyDescent="0.35">
      <c r="A10761" s="1" t="s">
        <v>41369</v>
      </c>
      <c r="B10761" s="1" t="s">
        <v>40625</v>
      </c>
      <c r="C10761" s="1" t="s">
        <v>15</v>
      </c>
      <c r="D10761" s="1" t="s">
        <v>41374</v>
      </c>
      <c r="E10761" s="1" t="s">
        <v>22974</v>
      </c>
      <c r="F10761" s="1" t="s">
        <v>41375</v>
      </c>
      <c r="G10761" s="1" t="s">
        <v>41372</v>
      </c>
      <c r="H10761" s="1" t="s">
        <v>41373</v>
      </c>
      <c r="I10761" s="1" t="s">
        <v>40631</v>
      </c>
      <c r="J10761" s="1" t="s">
        <v>41376</v>
      </c>
    </row>
    <row r="10762" spans="1:10" x14ac:dyDescent="0.35">
      <c r="A10762" s="1" t="s">
        <v>41369</v>
      </c>
      <c r="B10762" s="1" t="s">
        <v>40625</v>
      </c>
      <c r="C10762" s="1" t="s">
        <v>20</v>
      </c>
      <c r="D10762" s="1" t="s">
        <v>41377</v>
      </c>
      <c r="E10762" s="1" t="s">
        <v>32351</v>
      </c>
      <c r="F10762" s="1" t="s">
        <v>41378</v>
      </c>
      <c r="G10762" s="1" t="s">
        <v>41372</v>
      </c>
      <c r="H10762" s="1" t="s">
        <v>41373</v>
      </c>
      <c r="I10762" s="1" t="s">
        <v>40631</v>
      </c>
      <c r="J10762" s="1" t="s">
        <v>41379</v>
      </c>
    </row>
    <row r="10763" spans="1:10" x14ac:dyDescent="0.35">
      <c r="A10763" s="1" t="s">
        <v>41369</v>
      </c>
      <c r="B10763" s="1" t="s">
        <v>40625</v>
      </c>
      <c r="C10763" s="1" t="s">
        <v>25</v>
      </c>
      <c r="D10763" s="1" t="s">
        <v>27036</v>
      </c>
      <c r="E10763" s="1" t="s">
        <v>41266</v>
      </c>
      <c r="F10763" s="1" t="s">
        <v>41380</v>
      </c>
      <c r="G10763" s="1" t="s">
        <v>41372</v>
      </c>
      <c r="H10763" s="1" t="s">
        <v>41373</v>
      </c>
      <c r="I10763" s="1" t="s">
        <v>40631</v>
      </c>
      <c r="J10763" s="1" t="s">
        <v>41381</v>
      </c>
    </row>
    <row r="10764" spans="1:10" x14ac:dyDescent="0.35">
      <c r="A10764" s="1" t="s">
        <v>41369</v>
      </c>
      <c r="B10764" s="1" t="s">
        <v>40625</v>
      </c>
      <c r="C10764" s="1" t="s">
        <v>30</v>
      </c>
      <c r="D10764" s="1" t="s">
        <v>41382</v>
      </c>
      <c r="E10764" s="1" t="s">
        <v>32351</v>
      </c>
      <c r="F10764" s="1" t="s">
        <v>15607</v>
      </c>
      <c r="G10764" s="1" t="s">
        <v>41372</v>
      </c>
      <c r="H10764" s="1" t="s">
        <v>41373</v>
      </c>
      <c r="I10764" s="1" t="s">
        <v>40631</v>
      </c>
      <c r="J10764" s="1" t="s">
        <v>41383</v>
      </c>
    </row>
    <row r="10765" spans="1:10" x14ac:dyDescent="0.35">
      <c r="A10765" s="1" t="s">
        <v>41369</v>
      </c>
      <c r="B10765" s="1" t="s">
        <v>40625</v>
      </c>
      <c r="C10765" s="1" t="s">
        <v>35</v>
      </c>
      <c r="D10765" s="1" t="s">
        <v>41384</v>
      </c>
      <c r="E10765" s="1" t="s">
        <v>41385</v>
      </c>
      <c r="F10765" s="1" t="s">
        <v>41386</v>
      </c>
      <c r="G10765" s="1" t="s">
        <v>41372</v>
      </c>
      <c r="H10765" s="1" t="s">
        <v>41373</v>
      </c>
      <c r="I10765" s="1" t="s">
        <v>40631</v>
      </c>
      <c r="J10765" s="1" t="s">
        <v>41387</v>
      </c>
    </row>
    <row r="10766" spans="1:10" x14ac:dyDescent="0.35">
      <c r="A10766" s="1" t="s">
        <v>41369</v>
      </c>
      <c r="B10766" s="1" t="s">
        <v>40625</v>
      </c>
      <c r="C10766" s="1" t="s">
        <v>40</v>
      </c>
      <c r="D10766" s="1" t="s">
        <v>41388</v>
      </c>
      <c r="E10766" s="1" t="s">
        <v>41389</v>
      </c>
      <c r="F10766" s="1" t="s">
        <v>41390</v>
      </c>
      <c r="G10766" s="1" t="s">
        <v>41372</v>
      </c>
      <c r="H10766" s="1" t="s">
        <v>41373</v>
      </c>
      <c r="I10766" s="1" t="s">
        <v>40631</v>
      </c>
      <c r="J10766" s="1" t="s">
        <v>41391</v>
      </c>
    </row>
    <row r="10767" spans="1:10" x14ac:dyDescent="0.35">
      <c r="A10767" s="1" t="s">
        <v>41369</v>
      </c>
      <c r="B10767" s="1" t="s">
        <v>40625</v>
      </c>
      <c r="C10767" s="1" t="s">
        <v>45</v>
      </c>
      <c r="D10767" s="1" t="s">
        <v>41392</v>
      </c>
      <c r="E10767" s="1" t="s">
        <v>41363</v>
      </c>
      <c r="F10767" s="1" t="s">
        <v>15169</v>
      </c>
      <c r="G10767" s="1" t="s">
        <v>41372</v>
      </c>
      <c r="H10767" s="1" t="s">
        <v>41373</v>
      </c>
      <c r="I10767" s="1" t="s">
        <v>40631</v>
      </c>
      <c r="J10767" s="1" t="s">
        <v>41393</v>
      </c>
    </row>
    <row r="10768" spans="1:10" x14ac:dyDescent="0.35">
      <c r="A10768" s="1" t="s">
        <v>41369</v>
      </c>
      <c r="B10768" s="1" t="s">
        <v>40625</v>
      </c>
      <c r="C10768" s="1" t="s">
        <v>50</v>
      </c>
      <c r="D10768" s="1" t="s">
        <v>41394</v>
      </c>
      <c r="E10768" s="1" t="s">
        <v>41395</v>
      </c>
      <c r="F10768" s="1" t="s">
        <v>15446</v>
      </c>
      <c r="G10768" s="1" t="s">
        <v>41372</v>
      </c>
      <c r="H10768" s="1" t="s">
        <v>41373</v>
      </c>
      <c r="I10768" s="1" t="s">
        <v>40631</v>
      </c>
      <c r="J10768" s="1" t="s">
        <v>41396</v>
      </c>
    </row>
    <row r="10769" spans="1:10" x14ac:dyDescent="0.35">
      <c r="A10769" s="1" t="s">
        <v>41369</v>
      </c>
      <c r="B10769" s="1" t="s">
        <v>40625</v>
      </c>
      <c r="C10769" s="1" t="s">
        <v>55</v>
      </c>
      <c r="D10769" s="1" t="s">
        <v>41397</v>
      </c>
      <c r="E10769" s="1" t="s">
        <v>23126</v>
      </c>
      <c r="F10769" s="1" t="s">
        <v>41398</v>
      </c>
      <c r="G10769" s="1" t="s">
        <v>41372</v>
      </c>
      <c r="H10769" s="1" t="s">
        <v>41373</v>
      </c>
      <c r="I10769" s="1" t="s">
        <v>40631</v>
      </c>
      <c r="J10769" s="1" t="s">
        <v>41399</v>
      </c>
    </row>
    <row r="10770" spans="1:10" x14ac:dyDescent="0.35">
      <c r="A10770" s="1" t="s">
        <v>41369</v>
      </c>
      <c r="B10770" s="1" t="s">
        <v>40625</v>
      </c>
      <c r="C10770" s="1" t="s">
        <v>60</v>
      </c>
      <c r="D10770" s="1" t="s">
        <v>41400</v>
      </c>
      <c r="E10770" s="1" t="s">
        <v>23457</v>
      </c>
      <c r="F10770" s="1" t="s">
        <v>11797</v>
      </c>
      <c r="G10770" s="1" t="s">
        <v>41372</v>
      </c>
      <c r="H10770" s="1" t="s">
        <v>41373</v>
      </c>
      <c r="I10770" s="1" t="s">
        <v>40631</v>
      </c>
      <c r="J10770" s="1" t="s">
        <v>41401</v>
      </c>
    </row>
    <row r="10771" spans="1:10" x14ac:dyDescent="0.35">
      <c r="A10771" s="1" t="s">
        <v>41369</v>
      </c>
      <c r="B10771" s="1" t="s">
        <v>40625</v>
      </c>
      <c r="C10771" s="1" t="s">
        <v>65</v>
      </c>
      <c r="D10771" s="1" t="s">
        <v>41402</v>
      </c>
      <c r="E10771" s="1" t="s">
        <v>41403</v>
      </c>
      <c r="F10771" s="1" t="s">
        <v>41404</v>
      </c>
      <c r="G10771" s="1" t="s">
        <v>41372</v>
      </c>
      <c r="H10771" s="1" t="s">
        <v>41373</v>
      </c>
      <c r="I10771" s="1" t="s">
        <v>40631</v>
      </c>
      <c r="J10771" s="1" t="s">
        <v>41405</v>
      </c>
    </row>
    <row r="10772" spans="1:10" x14ac:dyDescent="0.35">
      <c r="A10772" s="1" t="s">
        <v>41369</v>
      </c>
      <c r="B10772" s="1" t="s">
        <v>40625</v>
      </c>
      <c r="C10772" s="1" t="s">
        <v>70</v>
      </c>
      <c r="D10772" s="1" t="s">
        <v>41406</v>
      </c>
      <c r="E10772" s="1" t="s">
        <v>41407</v>
      </c>
      <c r="F10772" s="1" t="s">
        <v>41408</v>
      </c>
      <c r="G10772" s="1" t="s">
        <v>41372</v>
      </c>
      <c r="H10772" s="1" t="s">
        <v>41373</v>
      </c>
      <c r="I10772" s="1" t="s">
        <v>40631</v>
      </c>
      <c r="J10772" s="1" t="s">
        <v>41409</v>
      </c>
    </row>
    <row r="10773" spans="1:10" x14ac:dyDescent="0.35">
      <c r="A10773" s="1" t="s">
        <v>41369</v>
      </c>
      <c r="B10773" s="1" t="s">
        <v>40625</v>
      </c>
      <c r="C10773" s="1" t="s">
        <v>75</v>
      </c>
      <c r="D10773" s="1" t="s">
        <v>41410</v>
      </c>
      <c r="E10773" s="1" t="s">
        <v>12762</v>
      </c>
      <c r="F10773" s="1" t="s">
        <v>41411</v>
      </c>
      <c r="G10773" s="1" t="s">
        <v>41372</v>
      </c>
      <c r="H10773" s="1" t="s">
        <v>41373</v>
      </c>
      <c r="I10773" s="1" t="s">
        <v>40631</v>
      </c>
      <c r="J10773" s="1" t="s">
        <v>41412</v>
      </c>
    </row>
    <row r="10774" spans="1:10" x14ac:dyDescent="0.35">
      <c r="A10774" s="1" t="s">
        <v>41369</v>
      </c>
      <c r="B10774" s="1" t="s">
        <v>40625</v>
      </c>
      <c r="C10774" s="1" t="s">
        <v>80</v>
      </c>
      <c r="D10774" s="1" t="s">
        <v>41413</v>
      </c>
      <c r="E10774" s="1" t="s">
        <v>41414</v>
      </c>
      <c r="F10774" s="1" t="s">
        <v>41415</v>
      </c>
      <c r="G10774" s="1" t="s">
        <v>41372</v>
      </c>
      <c r="H10774" s="1" t="s">
        <v>41373</v>
      </c>
      <c r="I10774" s="1" t="s">
        <v>40631</v>
      </c>
      <c r="J10774" s="1" t="s">
        <v>41416</v>
      </c>
    </row>
    <row r="10775" spans="1:10" x14ac:dyDescent="0.35">
      <c r="A10775" s="1" t="s">
        <v>41369</v>
      </c>
      <c r="B10775" s="1" t="s">
        <v>40625</v>
      </c>
      <c r="C10775" s="1" t="s">
        <v>85</v>
      </c>
      <c r="D10775" s="1" t="s">
        <v>41417</v>
      </c>
      <c r="E10775" s="1" t="s">
        <v>41418</v>
      </c>
      <c r="F10775" s="1" t="s">
        <v>41419</v>
      </c>
      <c r="G10775" s="1" t="s">
        <v>41372</v>
      </c>
      <c r="H10775" s="1" t="s">
        <v>41373</v>
      </c>
      <c r="I10775" s="1" t="s">
        <v>40631</v>
      </c>
      <c r="J10775" s="1" t="s">
        <v>41420</v>
      </c>
    </row>
    <row r="10776" spans="1:10" x14ac:dyDescent="0.35">
      <c r="A10776" s="1" t="s">
        <v>41369</v>
      </c>
      <c r="B10776" s="1" t="s">
        <v>40625</v>
      </c>
      <c r="C10776" s="1" t="s">
        <v>90</v>
      </c>
      <c r="D10776" s="1" t="s">
        <v>41421</v>
      </c>
      <c r="E10776" s="1" t="s">
        <v>12757</v>
      </c>
      <c r="F10776" s="1" t="s">
        <v>41422</v>
      </c>
      <c r="G10776" s="1" t="s">
        <v>41372</v>
      </c>
      <c r="H10776" s="1" t="s">
        <v>41373</v>
      </c>
      <c r="I10776" s="1" t="s">
        <v>40631</v>
      </c>
      <c r="J10776" s="1" t="s">
        <v>41423</v>
      </c>
    </row>
    <row r="10777" spans="1:10" x14ac:dyDescent="0.35">
      <c r="A10777" s="1" t="s">
        <v>41369</v>
      </c>
      <c r="B10777" s="1" t="s">
        <v>40625</v>
      </c>
      <c r="C10777" s="1" t="s">
        <v>95</v>
      </c>
      <c r="D10777" s="1" t="s">
        <v>41424</v>
      </c>
      <c r="E10777" s="1" t="s">
        <v>41425</v>
      </c>
      <c r="F10777" s="1" t="s">
        <v>41426</v>
      </c>
      <c r="G10777" s="1" t="s">
        <v>41372</v>
      </c>
      <c r="H10777" s="1" t="s">
        <v>41373</v>
      </c>
      <c r="I10777" s="1" t="s">
        <v>40631</v>
      </c>
      <c r="J10777" s="1" t="s">
        <v>41427</v>
      </c>
    </row>
    <row r="10778" spans="1:10" x14ac:dyDescent="0.35">
      <c r="A10778" s="1" t="s">
        <v>41369</v>
      </c>
      <c r="B10778" s="1" t="s">
        <v>40625</v>
      </c>
      <c r="C10778" s="1" t="s">
        <v>100</v>
      </c>
      <c r="D10778" s="1" t="s">
        <v>41428</v>
      </c>
      <c r="E10778" s="1" t="s">
        <v>41429</v>
      </c>
      <c r="F10778" s="1" t="s">
        <v>41430</v>
      </c>
      <c r="G10778" s="1" t="s">
        <v>41372</v>
      </c>
      <c r="H10778" s="1" t="s">
        <v>41373</v>
      </c>
      <c r="I10778" s="1" t="s">
        <v>40631</v>
      </c>
      <c r="J10778" s="1" t="s">
        <v>41431</v>
      </c>
    </row>
    <row r="10779" spans="1:10" x14ac:dyDescent="0.35">
      <c r="A10779" s="1" t="s">
        <v>41369</v>
      </c>
      <c r="B10779" s="1" t="s">
        <v>40625</v>
      </c>
      <c r="C10779" s="1" t="s">
        <v>105</v>
      </c>
      <c r="D10779" s="1" t="s">
        <v>41432</v>
      </c>
      <c r="E10779" s="1" t="s">
        <v>21768</v>
      </c>
      <c r="F10779" s="1" t="s">
        <v>41433</v>
      </c>
      <c r="G10779" s="1" t="s">
        <v>41372</v>
      </c>
      <c r="H10779" s="1" t="s">
        <v>41373</v>
      </c>
      <c r="I10779" s="1" t="s">
        <v>40631</v>
      </c>
      <c r="J10779" s="1" t="s">
        <v>41434</v>
      </c>
    </row>
    <row r="10780" spans="1:10" x14ac:dyDescent="0.35">
      <c r="A10780" s="1" t="s">
        <v>41369</v>
      </c>
      <c r="B10780" s="1" t="s">
        <v>40625</v>
      </c>
      <c r="C10780" s="1" t="s">
        <v>110</v>
      </c>
      <c r="D10780" s="1" t="s">
        <v>41435</v>
      </c>
      <c r="E10780" s="1" t="s">
        <v>21140</v>
      </c>
      <c r="F10780" s="1" t="s">
        <v>41436</v>
      </c>
      <c r="G10780" s="1" t="s">
        <v>41372</v>
      </c>
      <c r="H10780" s="1" t="s">
        <v>41373</v>
      </c>
      <c r="I10780" s="1" t="s">
        <v>40631</v>
      </c>
      <c r="J10780" s="1" t="s">
        <v>41437</v>
      </c>
    </row>
    <row r="10781" spans="1:10" x14ac:dyDescent="0.35">
      <c r="A10781" s="1" t="s">
        <v>41369</v>
      </c>
      <c r="B10781" s="1" t="s">
        <v>40625</v>
      </c>
      <c r="C10781" s="1" t="s">
        <v>115</v>
      </c>
      <c r="D10781" s="1" t="s">
        <v>41438</v>
      </c>
      <c r="E10781" s="1" t="s">
        <v>12813</v>
      </c>
      <c r="F10781" s="1" t="s">
        <v>41439</v>
      </c>
      <c r="G10781" s="1" t="s">
        <v>41372</v>
      </c>
      <c r="H10781" s="1" t="s">
        <v>41373</v>
      </c>
      <c r="I10781" s="1" t="s">
        <v>40631</v>
      </c>
      <c r="J10781" s="1" t="s">
        <v>41440</v>
      </c>
    </row>
    <row r="10782" spans="1:10" x14ac:dyDescent="0.35">
      <c r="A10782" s="1" t="s">
        <v>41369</v>
      </c>
      <c r="B10782" s="1" t="s">
        <v>40625</v>
      </c>
      <c r="C10782" s="1" t="s">
        <v>120</v>
      </c>
      <c r="D10782" s="1" t="s">
        <v>41441</v>
      </c>
      <c r="E10782" s="1" t="s">
        <v>41442</v>
      </c>
      <c r="F10782" s="1" t="s">
        <v>23666</v>
      </c>
      <c r="G10782" s="1" t="s">
        <v>41372</v>
      </c>
      <c r="H10782" s="1" t="s">
        <v>41373</v>
      </c>
      <c r="I10782" s="1" t="s">
        <v>40631</v>
      </c>
      <c r="J10782" s="1" t="s">
        <v>41443</v>
      </c>
    </row>
    <row r="10783" spans="1:10" x14ac:dyDescent="0.35">
      <c r="A10783" s="1" t="s">
        <v>41369</v>
      </c>
      <c r="B10783" s="1" t="s">
        <v>40625</v>
      </c>
      <c r="C10783" s="1" t="s">
        <v>125</v>
      </c>
      <c r="D10783" s="1" t="s">
        <v>41444</v>
      </c>
      <c r="E10783" s="1" t="s">
        <v>41445</v>
      </c>
      <c r="F10783" s="1" t="s">
        <v>41446</v>
      </c>
      <c r="G10783" s="1" t="s">
        <v>41372</v>
      </c>
      <c r="H10783" s="1" t="s">
        <v>41373</v>
      </c>
      <c r="I10783" s="1" t="s">
        <v>40631</v>
      </c>
      <c r="J10783" s="1" t="s">
        <v>41447</v>
      </c>
    </row>
    <row r="10784" spans="1:10" x14ac:dyDescent="0.35">
      <c r="A10784" s="1" t="s">
        <v>41369</v>
      </c>
      <c r="B10784" s="1" t="s">
        <v>40625</v>
      </c>
      <c r="C10784" s="1" t="s">
        <v>130</v>
      </c>
      <c r="D10784" s="1" t="s">
        <v>41448</v>
      </c>
      <c r="E10784" s="1" t="s">
        <v>24213</v>
      </c>
      <c r="F10784" s="1" t="s">
        <v>24693</v>
      </c>
      <c r="G10784" s="1" t="s">
        <v>41372</v>
      </c>
      <c r="H10784" s="1" t="s">
        <v>41373</v>
      </c>
      <c r="I10784" s="1" t="s">
        <v>40631</v>
      </c>
      <c r="J10784" s="1" t="s">
        <v>41449</v>
      </c>
    </row>
    <row r="10785" spans="1:10" x14ac:dyDescent="0.35">
      <c r="A10785" s="1" t="s">
        <v>41369</v>
      </c>
      <c r="B10785" s="1" t="s">
        <v>40625</v>
      </c>
      <c r="C10785" s="1" t="s">
        <v>135</v>
      </c>
      <c r="D10785" s="1" t="s">
        <v>41450</v>
      </c>
      <c r="E10785" s="1" t="s">
        <v>32069</v>
      </c>
      <c r="F10785" s="1" t="s">
        <v>41451</v>
      </c>
      <c r="G10785" s="1" t="s">
        <v>41372</v>
      </c>
      <c r="H10785" s="1" t="s">
        <v>41373</v>
      </c>
      <c r="I10785" s="1" t="s">
        <v>40631</v>
      </c>
      <c r="J10785" s="1" t="s">
        <v>41452</v>
      </c>
    </row>
    <row r="10786" spans="1:10" x14ac:dyDescent="0.35">
      <c r="A10786" s="1" t="s">
        <v>41369</v>
      </c>
      <c r="B10786" s="1" t="s">
        <v>40625</v>
      </c>
      <c r="C10786" s="1" t="s">
        <v>140</v>
      </c>
      <c r="D10786" s="1" t="s">
        <v>21462</v>
      </c>
      <c r="E10786" s="1" t="s">
        <v>24359</v>
      </c>
      <c r="F10786" s="1" t="s">
        <v>41453</v>
      </c>
      <c r="G10786" s="1" t="s">
        <v>41372</v>
      </c>
      <c r="H10786" s="1" t="s">
        <v>41373</v>
      </c>
      <c r="I10786" s="1" t="s">
        <v>40631</v>
      </c>
      <c r="J10786" s="1" t="s">
        <v>41454</v>
      </c>
    </row>
    <row r="10787" spans="1:10" x14ac:dyDescent="0.35">
      <c r="A10787" s="1" t="s">
        <v>41369</v>
      </c>
      <c r="B10787" s="1" t="s">
        <v>40625</v>
      </c>
      <c r="C10787" s="1" t="s">
        <v>145</v>
      </c>
      <c r="D10787" s="1" t="s">
        <v>41455</v>
      </c>
      <c r="E10787" s="1" t="s">
        <v>21834</v>
      </c>
      <c r="F10787" s="1" t="s">
        <v>41456</v>
      </c>
      <c r="G10787" s="1" t="s">
        <v>41372</v>
      </c>
      <c r="H10787" s="1" t="s">
        <v>41373</v>
      </c>
      <c r="I10787" s="1" t="s">
        <v>40631</v>
      </c>
      <c r="J10787" s="1" t="s">
        <v>41457</v>
      </c>
    </row>
    <row r="10788" spans="1:10" x14ac:dyDescent="0.35">
      <c r="A10788" s="1" t="s">
        <v>41369</v>
      </c>
      <c r="B10788" s="1" t="s">
        <v>40625</v>
      </c>
      <c r="C10788" s="1" t="s">
        <v>150</v>
      </c>
      <c r="D10788" s="1" t="s">
        <v>41458</v>
      </c>
      <c r="E10788" s="1" t="s">
        <v>15200</v>
      </c>
      <c r="F10788" s="1" t="s">
        <v>41459</v>
      </c>
      <c r="G10788" s="1" t="s">
        <v>41372</v>
      </c>
      <c r="H10788" s="1" t="s">
        <v>41373</v>
      </c>
      <c r="I10788" s="1" t="s">
        <v>40631</v>
      </c>
      <c r="J10788" s="1" t="s">
        <v>41460</v>
      </c>
    </row>
    <row r="10789" spans="1:10" x14ac:dyDescent="0.35">
      <c r="A10789" s="1" t="s">
        <v>41369</v>
      </c>
      <c r="B10789" s="1" t="s">
        <v>40625</v>
      </c>
      <c r="C10789" s="1" t="s">
        <v>155</v>
      </c>
      <c r="D10789" s="1" t="s">
        <v>41461</v>
      </c>
      <c r="E10789" s="1" t="s">
        <v>23164</v>
      </c>
      <c r="F10789" s="1" t="s">
        <v>41462</v>
      </c>
      <c r="G10789" s="1" t="s">
        <v>41372</v>
      </c>
      <c r="H10789" s="1" t="s">
        <v>41373</v>
      </c>
      <c r="I10789" s="1" t="s">
        <v>40631</v>
      </c>
      <c r="J10789" s="1" t="s">
        <v>41463</v>
      </c>
    </row>
    <row r="10790" spans="1:10" x14ac:dyDescent="0.35">
      <c r="A10790" s="1" t="s">
        <v>41369</v>
      </c>
      <c r="B10790" s="1" t="s">
        <v>40625</v>
      </c>
      <c r="C10790" s="1" t="s">
        <v>160</v>
      </c>
      <c r="D10790" s="1" t="s">
        <v>41464</v>
      </c>
      <c r="E10790" s="1" t="s">
        <v>21841</v>
      </c>
      <c r="F10790" s="1" t="s">
        <v>41465</v>
      </c>
      <c r="G10790" s="1" t="s">
        <v>41372</v>
      </c>
      <c r="H10790" s="1" t="s">
        <v>41373</v>
      </c>
      <c r="I10790" s="1" t="s">
        <v>40631</v>
      </c>
      <c r="J10790" s="1" t="s">
        <v>41466</v>
      </c>
    </row>
    <row r="10791" spans="1:10" x14ac:dyDescent="0.35">
      <c r="A10791" s="1" t="s">
        <v>41369</v>
      </c>
      <c r="B10791" s="1" t="s">
        <v>40625</v>
      </c>
      <c r="C10791" s="1" t="s">
        <v>165</v>
      </c>
      <c r="D10791" s="1" t="s">
        <v>41467</v>
      </c>
      <c r="E10791" s="1" t="s">
        <v>41468</v>
      </c>
      <c r="F10791" s="1" t="s">
        <v>41469</v>
      </c>
      <c r="G10791" s="1" t="s">
        <v>41372</v>
      </c>
      <c r="H10791" s="1" t="s">
        <v>41373</v>
      </c>
      <c r="I10791" s="1" t="s">
        <v>40631</v>
      </c>
      <c r="J10791" s="1" t="s">
        <v>41470</v>
      </c>
    </row>
    <row r="10792" spans="1:10" x14ac:dyDescent="0.35">
      <c r="A10792" s="1" t="s">
        <v>41369</v>
      </c>
      <c r="B10792" s="1" t="s">
        <v>40625</v>
      </c>
      <c r="C10792" s="1" t="s">
        <v>170</v>
      </c>
      <c r="D10792" s="1" t="s">
        <v>41471</v>
      </c>
      <c r="E10792" s="1" t="s">
        <v>26576</v>
      </c>
      <c r="F10792" s="1" t="s">
        <v>41472</v>
      </c>
      <c r="G10792" s="1" t="s">
        <v>41372</v>
      </c>
      <c r="H10792" s="1" t="s">
        <v>41373</v>
      </c>
      <c r="I10792" s="1" t="s">
        <v>40631</v>
      </c>
      <c r="J10792" s="1" t="s">
        <v>41473</v>
      </c>
    </row>
    <row r="10793" spans="1:10" x14ac:dyDescent="0.35">
      <c r="A10793" s="1" t="s">
        <v>41474</v>
      </c>
      <c r="B10793" s="1" t="s">
        <v>40625</v>
      </c>
      <c r="C10793" s="1" t="s">
        <v>8</v>
      </c>
      <c r="D10793" s="1" t="s">
        <v>41475</v>
      </c>
      <c r="E10793" s="1" t="s">
        <v>24785</v>
      </c>
      <c r="F10793" s="1" t="s">
        <v>41476</v>
      </c>
      <c r="G10793" s="1" t="s">
        <v>41477</v>
      </c>
      <c r="H10793" s="1" t="s">
        <v>41478</v>
      </c>
      <c r="I10793" s="1" t="s">
        <v>40631</v>
      </c>
      <c r="J10793" s="1" t="s">
        <v>13</v>
      </c>
    </row>
    <row r="10794" spans="1:10" x14ac:dyDescent="0.35">
      <c r="A10794" s="1" t="s">
        <v>41474</v>
      </c>
      <c r="B10794" s="1" t="s">
        <v>40625</v>
      </c>
      <c r="C10794" s="1" t="s">
        <v>15</v>
      </c>
      <c r="D10794" s="1" t="s">
        <v>41479</v>
      </c>
      <c r="E10794" s="1" t="s">
        <v>41480</v>
      </c>
      <c r="F10794" s="1" t="s">
        <v>41481</v>
      </c>
      <c r="G10794" s="1" t="s">
        <v>41477</v>
      </c>
      <c r="H10794" s="1" t="s">
        <v>41478</v>
      </c>
      <c r="I10794" s="1" t="s">
        <v>40631</v>
      </c>
      <c r="J10794" s="1" t="s">
        <v>41482</v>
      </c>
    </row>
    <row r="10795" spans="1:10" x14ac:dyDescent="0.35">
      <c r="A10795" s="1" t="s">
        <v>41474</v>
      </c>
      <c r="B10795" s="1" t="s">
        <v>40625</v>
      </c>
      <c r="C10795" s="1" t="s">
        <v>20</v>
      </c>
      <c r="D10795" s="1" t="s">
        <v>41483</v>
      </c>
      <c r="E10795" s="1" t="s">
        <v>23342</v>
      </c>
      <c r="F10795" s="1" t="s">
        <v>41484</v>
      </c>
      <c r="G10795" s="1" t="s">
        <v>41477</v>
      </c>
      <c r="H10795" s="1" t="s">
        <v>41478</v>
      </c>
      <c r="I10795" s="1" t="s">
        <v>40631</v>
      </c>
      <c r="J10795" s="1" t="s">
        <v>41485</v>
      </c>
    </row>
    <row r="10796" spans="1:10" x14ac:dyDescent="0.35">
      <c r="A10796" s="1" t="s">
        <v>41474</v>
      </c>
      <c r="B10796" s="1" t="s">
        <v>40625</v>
      </c>
      <c r="C10796" s="1" t="s">
        <v>25</v>
      </c>
      <c r="D10796" s="1" t="s">
        <v>41486</v>
      </c>
      <c r="E10796" s="1" t="s">
        <v>23365</v>
      </c>
      <c r="F10796" s="1" t="s">
        <v>41487</v>
      </c>
      <c r="G10796" s="1" t="s">
        <v>41477</v>
      </c>
      <c r="H10796" s="1" t="s">
        <v>41478</v>
      </c>
      <c r="I10796" s="1" t="s">
        <v>40631</v>
      </c>
      <c r="J10796" s="1" t="s">
        <v>41488</v>
      </c>
    </row>
    <row r="10797" spans="1:10" x14ac:dyDescent="0.35">
      <c r="A10797" s="1" t="s">
        <v>41474</v>
      </c>
      <c r="B10797" s="1" t="s">
        <v>40625</v>
      </c>
      <c r="C10797" s="1" t="s">
        <v>30</v>
      </c>
      <c r="D10797" s="1" t="s">
        <v>41489</v>
      </c>
      <c r="E10797" s="1" t="s">
        <v>41490</v>
      </c>
      <c r="F10797" s="1" t="s">
        <v>41491</v>
      </c>
      <c r="G10797" s="1" t="s">
        <v>41477</v>
      </c>
      <c r="H10797" s="1" t="s">
        <v>41478</v>
      </c>
      <c r="I10797" s="1" t="s">
        <v>40631</v>
      </c>
      <c r="J10797" s="1" t="s">
        <v>41492</v>
      </c>
    </row>
    <row r="10798" spans="1:10" x14ac:dyDescent="0.35">
      <c r="A10798" s="1" t="s">
        <v>41474</v>
      </c>
      <c r="B10798" s="1" t="s">
        <v>40625</v>
      </c>
      <c r="C10798" s="1" t="s">
        <v>35</v>
      </c>
      <c r="D10798" s="1" t="s">
        <v>41493</v>
      </c>
      <c r="E10798" s="1" t="s">
        <v>41494</v>
      </c>
      <c r="F10798" s="1" t="s">
        <v>41495</v>
      </c>
      <c r="G10798" s="1" t="s">
        <v>41477</v>
      </c>
      <c r="H10798" s="1" t="s">
        <v>41478</v>
      </c>
      <c r="I10798" s="1" t="s">
        <v>40631</v>
      </c>
      <c r="J10798" s="1" t="s">
        <v>41496</v>
      </c>
    </row>
    <row r="10799" spans="1:10" x14ac:dyDescent="0.35">
      <c r="A10799" s="1" t="s">
        <v>41474</v>
      </c>
      <c r="B10799" s="1" t="s">
        <v>40625</v>
      </c>
      <c r="C10799" s="1" t="s">
        <v>40</v>
      </c>
      <c r="D10799" s="1" t="s">
        <v>41497</v>
      </c>
      <c r="E10799" s="1" t="s">
        <v>41498</v>
      </c>
      <c r="F10799" s="1" t="s">
        <v>41499</v>
      </c>
      <c r="G10799" s="1" t="s">
        <v>41477</v>
      </c>
      <c r="H10799" s="1" t="s">
        <v>41478</v>
      </c>
      <c r="I10799" s="1" t="s">
        <v>40631</v>
      </c>
      <c r="J10799" s="1" t="s">
        <v>41500</v>
      </c>
    </row>
    <row r="10800" spans="1:10" x14ac:dyDescent="0.35">
      <c r="A10800" s="1" t="s">
        <v>41474</v>
      </c>
      <c r="B10800" s="1" t="s">
        <v>40625</v>
      </c>
      <c r="C10800" s="1" t="s">
        <v>45</v>
      </c>
      <c r="D10800" s="1" t="s">
        <v>41501</v>
      </c>
      <c r="E10800" s="1" t="s">
        <v>41502</v>
      </c>
      <c r="F10800" s="1" t="s">
        <v>41503</v>
      </c>
      <c r="G10800" s="1" t="s">
        <v>41477</v>
      </c>
      <c r="H10800" s="1" t="s">
        <v>41478</v>
      </c>
      <c r="I10800" s="1" t="s">
        <v>40631</v>
      </c>
      <c r="J10800" s="1" t="s">
        <v>41504</v>
      </c>
    </row>
    <row r="10801" spans="1:10" x14ac:dyDescent="0.35">
      <c r="A10801" s="1" t="s">
        <v>41474</v>
      </c>
      <c r="B10801" s="1" t="s">
        <v>40625</v>
      </c>
      <c r="C10801" s="1" t="s">
        <v>50</v>
      </c>
      <c r="D10801" s="1" t="s">
        <v>41505</v>
      </c>
      <c r="E10801" s="1" t="s">
        <v>41506</v>
      </c>
      <c r="F10801" s="1" t="s">
        <v>41507</v>
      </c>
      <c r="G10801" s="1" t="s">
        <v>41477</v>
      </c>
      <c r="H10801" s="1" t="s">
        <v>41478</v>
      </c>
      <c r="I10801" s="1" t="s">
        <v>40631</v>
      </c>
      <c r="J10801" s="1" t="s">
        <v>41508</v>
      </c>
    </row>
    <row r="10802" spans="1:10" x14ac:dyDescent="0.35">
      <c r="A10802" s="1" t="s">
        <v>41474</v>
      </c>
      <c r="B10802" s="1" t="s">
        <v>40625</v>
      </c>
      <c r="C10802" s="1" t="s">
        <v>55</v>
      </c>
      <c r="D10802" s="1" t="s">
        <v>41155</v>
      </c>
      <c r="E10802" s="1" t="s">
        <v>41509</v>
      </c>
      <c r="F10802" s="1" t="s">
        <v>41510</v>
      </c>
      <c r="G10802" s="1" t="s">
        <v>41477</v>
      </c>
      <c r="H10802" s="1" t="s">
        <v>41478</v>
      </c>
      <c r="I10802" s="1" t="s">
        <v>40631</v>
      </c>
      <c r="J10802" s="1" t="s">
        <v>41511</v>
      </c>
    </row>
    <row r="10803" spans="1:10" x14ac:dyDescent="0.35">
      <c r="A10803" s="1" t="s">
        <v>41474</v>
      </c>
      <c r="B10803" s="1" t="s">
        <v>40625</v>
      </c>
      <c r="C10803" s="1" t="s">
        <v>60</v>
      </c>
      <c r="D10803" s="1" t="s">
        <v>41512</v>
      </c>
      <c r="E10803" s="1" t="s">
        <v>22954</v>
      </c>
      <c r="F10803" s="1" t="s">
        <v>41513</v>
      </c>
      <c r="G10803" s="1" t="s">
        <v>41477</v>
      </c>
      <c r="H10803" s="1" t="s">
        <v>41478</v>
      </c>
      <c r="I10803" s="1" t="s">
        <v>40631</v>
      </c>
      <c r="J10803" s="1" t="s">
        <v>41514</v>
      </c>
    </row>
    <row r="10804" spans="1:10" x14ac:dyDescent="0.35">
      <c r="A10804" s="1" t="s">
        <v>41474</v>
      </c>
      <c r="B10804" s="1" t="s">
        <v>40625</v>
      </c>
      <c r="C10804" s="1" t="s">
        <v>65</v>
      </c>
      <c r="D10804" s="1" t="s">
        <v>41515</v>
      </c>
      <c r="E10804" s="1" t="s">
        <v>41516</v>
      </c>
      <c r="F10804" s="1" t="s">
        <v>41517</v>
      </c>
      <c r="G10804" s="1" t="s">
        <v>41477</v>
      </c>
      <c r="H10804" s="1" t="s">
        <v>41478</v>
      </c>
      <c r="I10804" s="1" t="s">
        <v>40631</v>
      </c>
      <c r="J10804" s="1" t="s">
        <v>41518</v>
      </c>
    </row>
    <row r="10805" spans="1:10" x14ac:dyDescent="0.35">
      <c r="A10805" s="1" t="s">
        <v>41474</v>
      </c>
      <c r="B10805" s="1" t="s">
        <v>40625</v>
      </c>
      <c r="C10805" s="1" t="s">
        <v>70</v>
      </c>
      <c r="D10805" s="1" t="s">
        <v>41519</v>
      </c>
      <c r="E10805" s="1" t="s">
        <v>41520</v>
      </c>
      <c r="F10805" s="1" t="s">
        <v>41521</v>
      </c>
      <c r="G10805" s="1" t="s">
        <v>41477</v>
      </c>
      <c r="H10805" s="1" t="s">
        <v>41478</v>
      </c>
      <c r="I10805" s="1" t="s">
        <v>40631</v>
      </c>
      <c r="J10805" s="1" t="s">
        <v>41522</v>
      </c>
    </row>
    <row r="10806" spans="1:10" x14ac:dyDescent="0.35">
      <c r="A10806" s="1" t="s">
        <v>41474</v>
      </c>
      <c r="B10806" s="1" t="s">
        <v>40625</v>
      </c>
      <c r="C10806" s="1" t="s">
        <v>75</v>
      </c>
      <c r="D10806" s="1" t="s">
        <v>41523</v>
      </c>
      <c r="E10806" s="1" t="s">
        <v>41524</v>
      </c>
      <c r="F10806" s="1" t="s">
        <v>41525</v>
      </c>
      <c r="G10806" s="1" t="s">
        <v>41477</v>
      </c>
      <c r="H10806" s="1" t="s">
        <v>41478</v>
      </c>
      <c r="I10806" s="1" t="s">
        <v>40631</v>
      </c>
      <c r="J10806" s="1" t="s">
        <v>41526</v>
      </c>
    </row>
    <row r="10807" spans="1:10" x14ac:dyDescent="0.35">
      <c r="A10807" s="1" t="s">
        <v>41474</v>
      </c>
      <c r="B10807" s="1" t="s">
        <v>40625</v>
      </c>
      <c r="C10807" s="1" t="s">
        <v>80</v>
      </c>
      <c r="D10807" s="1" t="s">
        <v>41527</v>
      </c>
      <c r="E10807" s="1" t="s">
        <v>41509</v>
      </c>
      <c r="F10807" s="1" t="s">
        <v>41528</v>
      </c>
      <c r="G10807" s="1" t="s">
        <v>41477</v>
      </c>
      <c r="H10807" s="1" t="s">
        <v>41478</v>
      </c>
      <c r="I10807" s="1" t="s">
        <v>40631</v>
      </c>
      <c r="J10807" s="1" t="s">
        <v>41529</v>
      </c>
    </row>
    <row r="10808" spans="1:10" x14ac:dyDescent="0.35">
      <c r="A10808" s="1" t="s">
        <v>41474</v>
      </c>
      <c r="B10808" s="1" t="s">
        <v>40625</v>
      </c>
      <c r="C10808" s="1" t="s">
        <v>85</v>
      </c>
      <c r="D10808" s="1" t="s">
        <v>41530</v>
      </c>
      <c r="E10808" s="1" t="s">
        <v>41531</v>
      </c>
      <c r="F10808" s="1" t="s">
        <v>41532</v>
      </c>
      <c r="G10808" s="1" t="s">
        <v>41477</v>
      </c>
      <c r="H10808" s="1" t="s">
        <v>41478</v>
      </c>
      <c r="I10808" s="1" t="s">
        <v>40631</v>
      </c>
      <c r="J10808" s="1" t="s">
        <v>41533</v>
      </c>
    </row>
    <row r="10809" spans="1:10" x14ac:dyDescent="0.35">
      <c r="A10809" s="1" t="s">
        <v>41474</v>
      </c>
      <c r="B10809" s="1" t="s">
        <v>40625</v>
      </c>
      <c r="C10809" s="1" t="s">
        <v>90</v>
      </c>
      <c r="D10809" s="1" t="s">
        <v>41534</v>
      </c>
      <c r="E10809" s="1" t="s">
        <v>41535</v>
      </c>
      <c r="F10809" s="1" t="s">
        <v>41536</v>
      </c>
      <c r="G10809" s="1" t="s">
        <v>41477</v>
      </c>
      <c r="H10809" s="1" t="s">
        <v>41478</v>
      </c>
      <c r="I10809" s="1" t="s">
        <v>40631</v>
      </c>
      <c r="J10809" s="1" t="s">
        <v>41537</v>
      </c>
    </row>
    <row r="10810" spans="1:10" x14ac:dyDescent="0.35">
      <c r="A10810" s="1" t="s">
        <v>41474</v>
      </c>
      <c r="B10810" s="1" t="s">
        <v>40625</v>
      </c>
      <c r="C10810" s="1" t="s">
        <v>95</v>
      </c>
      <c r="D10810" s="1" t="s">
        <v>41538</v>
      </c>
      <c r="E10810" s="1" t="s">
        <v>41539</v>
      </c>
      <c r="F10810" s="1" t="s">
        <v>41540</v>
      </c>
      <c r="G10810" s="1" t="s">
        <v>41477</v>
      </c>
      <c r="H10810" s="1" t="s">
        <v>41478</v>
      </c>
      <c r="I10810" s="1" t="s">
        <v>40631</v>
      </c>
      <c r="J10810" s="1" t="s">
        <v>41541</v>
      </c>
    </row>
    <row r="10811" spans="1:10" x14ac:dyDescent="0.35">
      <c r="A10811" s="1" t="s">
        <v>41474</v>
      </c>
      <c r="B10811" s="1" t="s">
        <v>40625</v>
      </c>
      <c r="C10811" s="1" t="s">
        <v>100</v>
      </c>
      <c r="D10811" s="1" t="s">
        <v>41542</v>
      </c>
      <c r="E10811" s="1" t="s">
        <v>41543</v>
      </c>
      <c r="F10811" s="1" t="s">
        <v>41544</v>
      </c>
      <c r="G10811" s="1" t="s">
        <v>41477</v>
      </c>
      <c r="H10811" s="1" t="s">
        <v>41478</v>
      </c>
      <c r="I10811" s="1" t="s">
        <v>40631</v>
      </c>
      <c r="J10811" s="1" t="s">
        <v>41545</v>
      </c>
    </row>
    <row r="10812" spans="1:10" x14ac:dyDescent="0.35">
      <c r="A10812" s="1" t="s">
        <v>41474</v>
      </c>
      <c r="B10812" s="1" t="s">
        <v>40625</v>
      </c>
      <c r="C10812" s="1" t="s">
        <v>105</v>
      </c>
      <c r="D10812" s="1" t="s">
        <v>41546</v>
      </c>
      <c r="E10812" s="1" t="s">
        <v>41547</v>
      </c>
      <c r="F10812" s="1" t="s">
        <v>41548</v>
      </c>
      <c r="G10812" s="1" t="s">
        <v>41477</v>
      </c>
      <c r="H10812" s="1" t="s">
        <v>41478</v>
      </c>
      <c r="I10812" s="1" t="s">
        <v>40631</v>
      </c>
      <c r="J10812" s="1" t="s">
        <v>41549</v>
      </c>
    </row>
    <row r="10813" spans="1:10" x14ac:dyDescent="0.35">
      <c r="A10813" s="1" t="s">
        <v>41474</v>
      </c>
      <c r="B10813" s="1" t="s">
        <v>40625</v>
      </c>
      <c r="C10813" s="1" t="s">
        <v>110</v>
      </c>
      <c r="D10813" s="1" t="s">
        <v>41550</v>
      </c>
      <c r="E10813" s="1" t="s">
        <v>41551</v>
      </c>
      <c r="F10813" s="1" t="s">
        <v>41552</v>
      </c>
      <c r="G10813" s="1" t="s">
        <v>41477</v>
      </c>
      <c r="H10813" s="1" t="s">
        <v>41478</v>
      </c>
      <c r="I10813" s="1" t="s">
        <v>40631</v>
      </c>
      <c r="J10813" s="1" t="s">
        <v>41553</v>
      </c>
    </row>
    <row r="10814" spans="1:10" x14ac:dyDescent="0.35">
      <c r="A10814" s="1" t="s">
        <v>41474</v>
      </c>
      <c r="B10814" s="1" t="s">
        <v>40625</v>
      </c>
      <c r="C10814" s="1" t="s">
        <v>115</v>
      </c>
      <c r="D10814" s="1" t="s">
        <v>41554</v>
      </c>
      <c r="E10814" s="1" t="s">
        <v>41555</v>
      </c>
      <c r="F10814" s="1" t="s">
        <v>41556</v>
      </c>
      <c r="G10814" s="1" t="s">
        <v>41477</v>
      </c>
      <c r="H10814" s="1" t="s">
        <v>41478</v>
      </c>
      <c r="I10814" s="1" t="s">
        <v>40631</v>
      </c>
      <c r="J10814" s="1" t="s">
        <v>41557</v>
      </c>
    </row>
    <row r="10815" spans="1:10" x14ac:dyDescent="0.35">
      <c r="A10815" s="1" t="s">
        <v>41474</v>
      </c>
      <c r="B10815" s="1" t="s">
        <v>40625</v>
      </c>
      <c r="C10815" s="1" t="s">
        <v>120</v>
      </c>
      <c r="D10815" s="1" t="s">
        <v>41558</v>
      </c>
      <c r="E10815" s="1" t="s">
        <v>41559</v>
      </c>
      <c r="F10815" s="1" t="s">
        <v>41560</v>
      </c>
      <c r="G10815" s="1" t="s">
        <v>41477</v>
      </c>
      <c r="H10815" s="1" t="s">
        <v>41478</v>
      </c>
      <c r="I10815" s="1" t="s">
        <v>40631</v>
      </c>
      <c r="J10815" s="1" t="s">
        <v>41561</v>
      </c>
    </row>
    <row r="10816" spans="1:10" x14ac:dyDescent="0.35">
      <c r="A10816" s="1" t="s">
        <v>41474</v>
      </c>
      <c r="B10816" s="1" t="s">
        <v>40625</v>
      </c>
      <c r="C10816" s="1" t="s">
        <v>125</v>
      </c>
      <c r="D10816" s="1" t="s">
        <v>41562</v>
      </c>
      <c r="E10816" s="1" t="s">
        <v>41563</v>
      </c>
      <c r="F10816" s="1" t="s">
        <v>41564</v>
      </c>
      <c r="G10816" s="1" t="s">
        <v>41477</v>
      </c>
      <c r="H10816" s="1" t="s">
        <v>41478</v>
      </c>
      <c r="I10816" s="1" t="s">
        <v>40631</v>
      </c>
      <c r="J10816" s="1" t="s">
        <v>41565</v>
      </c>
    </row>
    <row r="10817" spans="1:10" x14ac:dyDescent="0.35">
      <c r="A10817" s="1" t="s">
        <v>41474</v>
      </c>
      <c r="B10817" s="1" t="s">
        <v>40625</v>
      </c>
      <c r="C10817" s="1" t="s">
        <v>130</v>
      </c>
      <c r="D10817" s="1" t="s">
        <v>41566</v>
      </c>
      <c r="E10817" s="1" t="s">
        <v>41567</v>
      </c>
      <c r="F10817" s="1" t="s">
        <v>41568</v>
      </c>
      <c r="G10817" s="1" t="s">
        <v>41477</v>
      </c>
      <c r="H10817" s="1" t="s">
        <v>41478</v>
      </c>
      <c r="I10817" s="1" t="s">
        <v>40631</v>
      </c>
      <c r="J10817" s="1" t="s">
        <v>41569</v>
      </c>
    </row>
    <row r="10818" spans="1:10" x14ac:dyDescent="0.35">
      <c r="A10818" s="1" t="s">
        <v>41474</v>
      </c>
      <c r="B10818" s="1" t="s">
        <v>40625</v>
      </c>
      <c r="C10818" s="1" t="s">
        <v>135</v>
      </c>
      <c r="D10818" s="1" t="s">
        <v>41570</v>
      </c>
      <c r="E10818" s="1" t="s">
        <v>41266</v>
      </c>
      <c r="F10818" s="1" t="s">
        <v>41571</v>
      </c>
      <c r="G10818" s="1" t="s">
        <v>41477</v>
      </c>
      <c r="H10818" s="1" t="s">
        <v>41478</v>
      </c>
      <c r="I10818" s="1" t="s">
        <v>40631</v>
      </c>
      <c r="J10818" s="1" t="s">
        <v>41572</v>
      </c>
    </row>
    <row r="10819" spans="1:10" x14ac:dyDescent="0.35">
      <c r="A10819" s="1" t="s">
        <v>41474</v>
      </c>
      <c r="B10819" s="1" t="s">
        <v>40625</v>
      </c>
      <c r="C10819" s="1" t="s">
        <v>140</v>
      </c>
      <c r="D10819" s="1" t="s">
        <v>41573</v>
      </c>
      <c r="E10819" s="1" t="s">
        <v>41574</v>
      </c>
      <c r="F10819" s="1" t="s">
        <v>41575</v>
      </c>
      <c r="G10819" s="1" t="s">
        <v>41477</v>
      </c>
      <c r="H10819" s="1" t="s">
        <v>41478</v>
      </c>
      <c r="I10819" s="1" t="s">
        <v>40631</v>
      </c>
      <c r="J10819" s="1" t="s">
        <v>41576</v>
      </c>
    </row>
    <row r="10820" spans="1:10" x14ac:dyDescent="0.35">
      <c r="A10820" s="1" t="s">
        <v>41474</v>
      </c>
      <c r="B10820" s="1" t="s">
        <v>40625</v>
      </c>
      <c r="C10820" s="1" t="s">
        <v>145</v>
      </c>
      <c r="D10820" s="1" t="s">
        <v>41577</v>
      </c>
      <c r="E10820" s="1" t="s">
        <v>41578</v>
      </c>
      <c r="F10820" s="1" t="s">
        <v>41579</v>
      </c>
      <c r="G10820" s="1" t="s">
        <v>41477</v>
      </c>
      <c r="H10820" s="1" t="s">
        <v>41478</v>
      </c>
      <c r="I10820" s="1" t="s">
        <v>40631</v>
      </c>
      <c r="J10820" s="1" t="s">
        <v>41580</v>
      </c>
    </row>
    <row r="10821" spans="1:10" x14ac:dyDescent="0.35">
      <c r="A10821" s="1" t="s">
        <v>41474</v>
      </c>
      <c r="B10821" s="1" t="s">
        <v>40625</v>
      </c>
      <c r="C10821" s="1" t="s">
        <v>150</v>
      </c>
      <c r="D10821" s="1" t="s">
        <v>41581</v>
      </c>
      <c r="E10821" s="1" t="s">
        <v>41582</v>
      </c>
      <c r="F10821" s="1" t="s">
        <v>41583</v>
      </c>
      <c r="G10821" s="1" t="s">
        <v>41477</v>
      </c>
      <c r="H10821" s="1" t="s">
        <v>41478</v>
      </c>
      <c r="I10821" s="1" t="s">
        <v>40631</v>
      </c>
      <c r="J10821" s="1" t="s">
        <v>41584</v>
      </c>
    </row>
    <row r="10822" spans="1:10" x14ac:dyDescent="0.35">
      <c r="A10822" s="1" t="s">
        <v>41474</v>
      </c>
      <c r="B10822" s="1" t="s">
        <v>40625</v>
      </c>
      <c r="C10822" s="1" t="s">
        <v>155</v>
      </c>
      <c r="D10822" s="1" t="s">
        <v>41585</v>
      </c>
      <c r="E10822" s="1" t="s">
        <v>41586</v>
      </c>
      <c r="F10822" s="1" t="s">
        <v>41587</v>
      </c>
      <c r="G10822" s="1" t="s">
        <v>41477</v>
      </c>
      <c r="H10822" s="1" t="s">
        <v>41478</v>
      </c>
      <c r="I10822" s="1" t="s">
        <v>40631</v>
      </c>
      <c r="J10822" s="1" t="s">
        <v>41588</v>
      </c>
    </row>
    <row r="10823" spans="1:10" x14ac:dyDescent="0.35">
      <c r="A10823" s="1" t="s">
        <v>41474</v>
      </c>
      <c r="B10823" s="1" t="s">
        <v>40625</v>
      </c>
      <c r="C10823" s="1" t="s">
        <v>160</v>
      </c>
      <c r="D10823" s="1" t="s">
        <v>41589</v>
      </c>
      <c r="E10823" s="1" t="s">
        <v>41590</v>
      </c>
      <c r="F10823" s="1" t="s">
        <v>41591</v>
      </c>
      <c r="G10823" s="1" t="s">
        <v>41477</v>
      </c>
      <c r="H10823" s="1" t="s">
        <v>41478</v>
      </c>
      <c r="I10823" s="1" t="s">
        <v>40631</v>
      </c>
      <c r="J10823" s="1" t="s">
        <v>41592</v>
      </c>
    </row>
    <row r="10824" spans="1:10" x14ac:dyDescent="0.35">
      <c r="A10824" s="1" t="s">
        <v>41474</v>
      </c>
      <c r="B10824" s="1" t="s">
        <v>40625</v>
      </c>
      <c r="C10824" s="1" t="s">
        <v>165</v>
      </c>
      <c r="D10824" s="1" t="s">
        <v>41593</v>
      </c>
      <c r="E10824" s="1" t="s">
        <v>41594</v>
      </c>
      <c r="F10824" s="1" t="s">
        <v>41595</v>
      </c>
      <c r="G10824" s="1" t="s">
        <v>41477</v>
      </c>
      <c r="H10824" s="1" t="s">
        <v>41478</v>
      </c>
      <c r="I10824" s="1" t="s">
        <v>40631</v>
      </c>
      <c r="J10824" s="1" t="s">
        <v>41596</v>
      </c>
    </row>
    <row r="10825" spans="1:10" x14ac:dyDescent="0.35">
      <c r="A10825" s="1" t="s">
        <v>41474</v>
      </c>
      <c r="B10825" s="1" t="s">
        <v>40625</v>
      </c>
      <c r="C10825" s="1" t="s">
        <v>170</v>
      </c>
      <c r="D10825" s="1" t="s">
        <v>41597</v>
      </c>
      <c r="E10825" s="1" t="s">
        <v>41598</v>
      </c>
      <c r="F10825" s="1" t="s">
        <v>41599</v>
      </c>
      <c r="G10825" s="1" t="s">
        <v>41477</v>
      </c>
      <c r="H10825" s="1" t="s">
        <v>41478</v>
      </c>
      <c r="I10825" s="1" t="s">
        <v>40631</v>
      </c>
      <c r="J10825" s="1" t="s">
        <v>41600</v>
      </c>
    </row>
    <row r="10826" spans="1:10" x14ac:dyDescent="0.35">
      <c r="A10826" s="1" t="s">
        <v>13970</v>
      </c>
      <c r="B10826" s="1" t="s">
        <v>40625</v>
      </c>
      <c r="C10826" s="1" t="s">
        <v>8</v>
      </c>
      <c r="D10826" s="1" t="s">
        <v>41601</v>
      </c>
      <c r="E10826" s="1" t="s">
        <v>21020</v>
      </c>
      <c r="F10826" s="1" t="s">
        <v>41602</v>
      </c>
      <c r="G10826" s="1" t="s">
        <v>41603</v>
      </c>
      <c r="H10826" s="1" t="s">
        <v>41604</v>
      </c>
      <c r="I10826" s="1" t="s">
        <v>40631</v>
      </c>
      <c r="J10826" s="1" t="s">
        <v>13</v>
      </c>
    </row>
    <row r="10827" spans="1:10" x14ac:dyDescent="0.35">
      <c r="A10827" s="1" t="s">
        <v>13970</v>
      </c>
      <c r="B10827" s="1" t="s">
        <v>40625</v>
      </c>
      <c r="C10827" s="1" t="s">
        <v>15</v>
      </c>
      <c r="D10827" s="1" t="s">
        <v>41605</v>
      </c>
      <c r="E10827" s="1" t="s">
        <v>41606</v>
      </c>
      <c r="F10827" s="1" t="s">
        <v>41607</v>
      </c>
      <c r="G10827" s="1" t="s">
        <v>41603</v>
      </c>
      <c r="H10827" s="1" t="s">
        <v>41604</v>
      </c>
      <c r="I10827" s="1" t="s">
        <v>40631</v>
      </c>
      <c r="J10827" s="1" t="s">
        <v>41608</v>
      </c>
    </row>
    <row r="10828" spans="1:10" x14ac:dyDescent="0.35">
      <c r="A10828" s="1" t="s">
        <v>13970</v>
      </c>
      <c r="B10828" s="1" t="s">
        <v>40625</v>
      </c>
      <c r="C10828" s="1" t="s">
        <v>20</v>
      </c>
      <c r="D10828" s="1" t="s">
        <v>41609</v>
      </c>
      <c r="E10828" s="1" t="s">
        <v>41610</v>
      </c>
      <c r="F10828" s="1" t="s">
        <v>41611</v>
      </c>
      <c r="G10828" s="1" t="s">
        <v>41603</v>
      </c>
      <c r="H10828" s="1" t="s">
        <v>41604</v>
      </c>
      <c r="I10828" s="1" t="s">
        <v>40631</v>
      </c>
      <c r="J10828" s="1" t="s">
        <v>41612</v>
      </c>
    </row>
    <row r="10829" spans="1:10" x14ac:dyDescent="0.35">
      <c r="A10829" s="1" t="s">
        <v>13970</v>
      </c>
      <c r="B10829" s="1" t="s">
        <v>40625</v>
      </c>
      <c r="C10829" s="1" t="s">
        <v>25</v>
      </c>
      <c r="D10829" s="1" t="s">
        <v>41613</v>
      </c>
      <c r="E10829" s="1" t="s">
        <v>23685</v>
      </c>
      <c r="F10829" s="1" t="s">
        <v>41614</v>
      </c>
      <c r="G10829" s="1" t="s">
        <v>41603</v>
      </c>
      <c r="H10829" s="1" t="s">
        <v>41604</v>
      </c>
      <c r="I10829" s="1" t="s">
        <v>40631</v>
      </c>
      <c r="J10829" s="1" t="s">
        <v>41615</v>
      </c>
    </row>
    <row r="10830" spans="1:10" x14ac:dyDescent="0.35">
      <c r="A10830" s="1" t="s">
        <v>13970</v>
      </c>
      <c r="B10830" s="1" t="s">
        <v>40625</v>
      </c>
      <c r="C10830" s="1" t="s">
        <v>30</v>
      </c>
      <c r="D10830" s="1" t="s">
        <v>41616</v>
      </c>
      <c r="E10830" s="1" t="s">
        <v>41617</v>
      </c>
      <c r="F10830" s="1" t="s">
        <v>41618</v>
      </c>
      <c r="G10830" s="1" t="s">
        <v>41603</v>
      </c>
      <c r="H10830" s="1" t="s">
        <v>41604</v>
      </c>
      <c r="I10830" s="1" t="s">
        <v>40631</v>
      </c>
      <c r="J10830" s="1" t="s">
        <v>41619</v>
      </c>
    </row>
    <row r="10831" spans="1:10" x14ac:dyDescent="0.35">
      <c r="A10831" s="1" t="s">
        <v>13970</v>
      </c>
      <c r="B10831" s="1" t="s">
        <v>40625</v>
      </c>
      <c r="C10831" s="1" t="s">
        <v>35</v>
      </c>
      <c r="D10831" s="1" t="s">
        <v>41620</v>
      </c>
      <c r="E10831" s="1" t="s">
        <v>41621</v>
      </c>
      <c r="F10831" s="1" t="s">
        <v>41622</v>
      </c>
      <c r="G10831" s="1" t="s">
        <v>41603</v>
      </c>
      <c r="H10831" s="1" t="s">
        <v>41604</v>
      </c>
      <c r="I10831" s="1" t="s">
        <v>40631</v>
      </c>
      <c r="J10831" s="1" t="s">
        <v>41623</v>
      </c>
    </row>
    <row r="10832" spans="1:10" x14ac:dyDescent="0.35">
      <c r="A10832" s="1" t="s">
        <v>13970</v>
      </c>
      <c r="B10832" s="1" t="s">
        <v>40625</v>
      </c>
      <c r="C10832" s="1" t="s">
        <v>40</v>
      </c>
      <c r="D10832" s="1" t="s">
        <v>41624</v>
      </c>
      <c r="E10832" s="1" t="s">
        <v>41625</v>
      </c>
      <c r="F10832" s="1" t="s">
        <v>41626</v>
      </c>
      <c r="G10832" s="1" t="s">
        <v>41603</v>
      </c>
      <c r="H10832" s="1" t="s">
        <v>41604</v>
      </c>
      <c r="I10832" s="1" t="s">
        <v>40631</v>
      </c>
      <c r="J10832" s="1" t="s">
        <v>41627</v>
      </c>
    </row>
    <row r="10833" spans="1:10" x14ac:dyDescent="0.35">
      <c r="A10833" s="1" t="s">
        <v>13970</v>
      </c>
      <c r="B10833" s="1" t="s">
        <v>40625</v>
      </c>
      <c r="C10833" s="1" t="s">
        <v>45</v>
      </c>
      <c r="D10833" s="1" t="s">
        <v>41628</v>
      </c>
      <c r="E10833" s="1" t="s">
        <v>41629</v>
      </c>
      <c r="F10833" s="1" t="s">
        <v>41630</v>
      </c>
      <c r="G10833" s="1" t="s">
        <v>41603</v>
      </c>
      <c r="H10833" s="1" t="s">
        <v>41604</v>
      </c>
      <c r="I10833" s="1" t="s">
        <v>40631</v>
      </c>
      <c r="J10833" s="1" t="s">
        <v>41631</v>
      </c>
    </row>
    <row r="10834" spans="1:10" x14ac:dyDescent="0.35">
      <c r="A10834" s="1" t="s">
        <v>13970</v>
      </c>
      <c r="B10834" s="1" t="s">
        <v>40625</v>
      </c>
      <c r="C10834" s="1" t="s">
        <v>50</v>
      </c>
      <c r="D10834" s="1" t="s">
        <v>39544</v>
      </c>
      <c r="E10834" s="1" t="s">
        <v>41632</v>
      </c>
      <c r="F10834" s="1" t="s">
        <v>41633</v>
      </c>
      <c r="G10834" s="1" t="s">
        <v>41603</v>
      </c>
      <c r="H10834" s="1" t="s">
        <v>41604</v>
      </c>
      <c r="I10834" s="1" t="s">
        <v>40631</v>
      </c>
      <c r="J10834" s="1" t="s">
        <v>41634</v>
      </c>
    </row>
    <row r="10835" spans="1:10" x14ac:dyDescent="0.35">
      <c r="A10835" s="1" t="s">
        <v>13970</v>
      </c>
      <c r="B10835" s="1" t="s">
        <v>40625</v>
      </c>
      <c r="C10835" s="1" t="s">
        <v>55</v>
      </c>
      <c r="D10835" s="1" t="s">
        <v>41635</v>
      </c>
      <c r="E10835" s="1" t="s">
        <v>41636</v>
      </c>
      <c r="F10835" s="1" t="s">
        <v>41637</v>
      </c>
      <c r="G10835" s="1" t="s">
        <v>41603</v>
      </c>
      <c r="H10835" s="1" t="s">
        <v>41604</v>
      </c>
      <c r="I10835" s="1" t="s">
        <v>40631</v>
      </c>
      <c r="J10835" s="1" t="s">
        <v>41638</v>
      </c>
    </row>
    <row r="10836" spans="1:10" x14ac:dyDescent="0.35">
      <c r="A10836" s="1" t="s">
        <v>13970</v>
      </c>
      <c r="B10836" s="1" t="s">
        <v>40625</v>
      </c>
      <c r="C10836" s="1" t="s">
        <v>60</v>
      </c>
      <c r="D10836" s="1" t="s">
        <v>41639</v>
      </c>
      <c r="E10836" s="1" t="s">
        <v>21016</v>
      </c>
      <c r="F10836" s="1" t="s">
        <v>41640</v>
      </c>
      <c r="G10836" s="1" t="s">
        <v>41603</v>
      </c>
      <c r="H10836" s="1" t="s">
        <v>41604</v>
      </c>
      <c r="I10836" s="1" t="s">
        <v>40631</v>
      </c>
      <c r="J10836" s="1" t="s">
        <v>41641</v>
      </c>
    </row>
    <row r="10837" spans="1:10" x14ac:dyDescent="0.35">
      <c r="A10837" s="1" t="s">
        <v>13970</v>
      </c>
      <c r="B10837" s="1" t="s">
        <v>40625</v>
      </c>
      <c r="C10837" s="1" t="s">
        <v>65</v>
      </c>
      <c r="D10837" s="1" t="s">
        <v>41642</v>
      </c>
      <c r="E10837" s="1" t="s">
        <v>41643</v>
      </c>
      <c r="F10837" s="1" t="s">
        <v>41644</v>
      </c>
      <c r="G10837" s="1" t="s">
        <v>41603</v>
      </c>
      <c r="H10837" s="1" t="s">
        <v>41604</v>
      </c>
      <c r="I10837" s="1" t="s">
        <v>40631</v>
      </c>
      <c r="J10837" s="1" t="s">
        <v>41645</v>
      </c>
    </row>
    <row r="10838" spans="1:10" x14ac:dyDescent="0.35">
      <c r="A10838" s="1" t="s">
        <v>13970</v>
      </c>
      <c r="B10838" s="1" t="s">
        <v>40625</v>
      </c>
      <c r="C10838" s="1" t="s">
        <v>70</v>
      </c>
      <c r="D10838" s="1" t="s">
        <v>41646</v>
      </c>
      <c r="E10838" s="1" t="s">
        <v>41647</v>
      </c>
      <c r="F10838" s="1" t="s">
        <v>41648</v>
      </c>
      <c r="G10838" s="1" t="s">
        <v>41603</v>
      </c>
      <c r="H10838" s="1" t="s">
        <v>41604</v>
      </c>
      <c r="I10838" s="1" t="s">
        <v>40631</v>
      </c>
      <c r="J10838" s="1" t="s">
        <v>41649</v>
      </c>
    </row>
    <row r="10839" spans="1:10" x14ac:dyDescent="0.35">
      <c r="A10839" s="1" t="s">
        <v>13970</v>
      </c>
      <c r="B10839" s="1" t="s">
        <v>40625</v>
      </c>
      <c r="C10839" s="1" t="s">
        <v>75</v>
      </c>
      <c r="D10839" s="1" t="s">
        <v>41650</v>
      </c>
      <c r="E10839" s="1" t="s">
        <v>21020</v>
      </c>
      <c r="F10839" s="1" t="s">
        <v>41651</v>
      </c>
      <c r="G10839" s="1" t="s">
        <v>41603</v>
      </c>
      <c r="H10839" s="1" t="s">
        <v>41604</v>
      </c>
      <c r="I10839" s="1" t="s">
        <v>40631</v>
      </c>
      <c r="J10839" s="1" t="s">
        <v>41652</v>
      </c>
    </row>
    <row r="10840" spans="1:10" x14ac:dyDescent="0.35">
      <c r="A10840" s="1" t="s">
        <v>13970</v>
      </c>
      <c r="B10840" s="1" t="s">
        <v>40625</v>
      </c>
      <c r="C10840" s="1" t="s">
        <v>80</v>
      </c>
      <c r="D10840" s="1" t="s">
        <v>41653</v>
      </c>
      <c r="E10840" s="1" t="s">
        <v>41654</v>
      </c>
      <c r="F10840" s="1" t="s">
        <v>41655</v>
      </c>
      <c r="G10840" s="1" t="s">
        <v>41603</v>
      </c>
      <c r="H10840" s="1" t="s">
        <v>41604</v>
      </c>
      <c r="I10840" s="1" t="s">
        <v>40631</v>
      </c>
      <c r="J10840" s="1" t="s">
        <v>41656</v>
      </c>
    </row>
    <row r="10841" spans="1:10" x14ac:dyDescent="0.35">
      <c r="A10841" s="1" t="s">
        <v>13970</v>
      </c>
      <c r="B10841" s="1" t="s">
        <v>40625</v>
      </c>
      <c r="C10841" s="1" t="s">
        <v>85</v>
      </c>
      <c r="D10841" s="1" t="s">
        <v>41657</v>
      </c>
      <c r="E10841" s="1" t="s">
        <v>41658</v>
      </c>
      <c r="F10841" s="1" t="s">
        <v>41659</v>
      </c>
      <c r="G10841" s="1" t="s">
        <v>41603</v>
      </c>
      <c r="H10841" s="1" t="s">
        <v>41604</v>
      </c>
      <c r="I10841" s="1" t="s">
        <v>40631</v>
      </c>
      <c r="J10841" s="1" t="s">
        <v>41660</v>
      </c>
    </row>
    <row r="10842" spans="1:10" x14ac:dyDescent="0.35">
      <c r="A10842" s="1" t="s">
        <v>13970</v>
      </c>
      <c r="B10842" s="1" t="s">
        <v>40625</v>
      </c>
      <c r="C10842" s="1" t="s">
        <v>90</v>
      </c>
      <c r="D10842" s="1" t="s">
        <v>41661</v>
      </c>
      <c r="E10842" s="1" t="s">
        <v>41662</v>
      </c>
      <c r="F10842" s="1" t="s">
        <v>41663</v>
      </c>
      <c r="G10842" s="1" t="s">
        <v>41603</v>
      </c>
      <c r="H10842" s="1" t="s">
        <v>41604</v>
      </c>
      <c r="I10842" s="1" t="s">
        <v>40631</v>
      </c>
      <c r="J10842" s="1" t="s">
        <v>41664</v>
      </c>
    </row>
    <row r="10843" spans="1:10" x14ac:dyDescent="0.35">
      <c r="A10843" s="1" t="s">
        <v>13970</v>
      </c>
      <c r="B10843" s="1" t="s">
        <v>40625</v>
      </c>
      <c r="C10843" s="1" t="s">
        <v>95</v>
      </c>
      <c r="D10843" s="1" t="s">
        <v>41665</v>
      </c>
      <c r="E10843" s="1" t="s">
        <v>41666</v>
      </c>
      <c r="F10843" s="1" t="s">
        <v>41667</v>
      </c>
      <c r="G10843" s="1" t="s">
        <v>41603</v>
      </c>
      <c r="H10843" s="1" t="s">
        <v>41604</v>
      </c>
      <c r="I10843" s="1" t="s">
        <v>40631</v>
      </c>
      <c r="J10843" s="1" t="s">
        <v>41668</v>
      </c>
    </row>
    <row r="10844" spans="1:10" x14ac:dyDescent="0.35">
      <c r="A10844" s="1" t="s">
        <v>13970</v>
      </c>
      <c r="B10844" s="1" t="s">
        <v>40625</v>
      </c>
      <c r="C10844" s="1" t="s">
        <v>100</v>
      </c>
      <c r="D10844" s="1" t="s">
        <v>41669</v>
      </c>
      <c r="E10844" s="1" t="s">
        <v>41670</v>
      </c>
      <c r="F10844" s="1" t="s">
        <v>41671</v>
      </c>
      <c r="G10844" s="1" t="s">
        <v>41603</v>
      </c>
      <c r="H10844" s="1" t="s">
        <v>41604</v>
      </c>
      <c r="I10844" s="1" t="s">
        <v>40631</v>
      </c>
      <c r="J10844" s="1" t="s">
        <v>41672</v>
      </c>
    </row>
    <row r="10845" spans="1:10" x14ac:dyDescent="0.35">
      <c r="A10845" s="1" t="s">
        <v>13970</v>
      </c>
      <c r="B10845" s="1" t="s">
        <v>40625</v>
      </c>
      <c r="C10845" s="1" t="s">
        <v>105</v>
      </c>
      <c r="D10845" s="1" t="s">
        <v>20014</v>
      </c>
      <c r="E10845" s="1" t="s">
        <v>41673</v>
      </c>
      <c r="F10845" s="1" t="s">
        <v>41674</v>
      </c>
      <c r="G10845" s="1" t="s">
        <v>41603</v>
      </c>
      <c r="H10845" s="1" t="s">
        <v>41604</v>
      </c>
      <c r="I10845" s="1" t="s">
        <v>40631</v>
      </c>
      <c r="J10845" s="1" t="s">
        <v>41675</v>
      </c>
    </row>
    <row r="10846" spans="1:10" x14ac:dyDescent="0.35">
      <c r="A10846" s="1" t="s">
        <v>13970</v>
      </c>
      <c r="B10846" s="1" t="s">
        <v>40625</v>
      </c>
      <c r="C10846" s="1" t="s">
        <v>110</v>
      </c>
      <c r="D10846" s="1" t="s">
        <v>41676</v>
      </c>
      <c r="E10846" s="1" t="s">
        <v>41677</v>
      </c>
      <c r="F10846" s="1" t="s">
        <v>41678</v>
      </c>
      <c r="G10846" s="1" t="s">
        <v>41603</v>
      </c>
      <c r="H10846" s="1" t="s">
        <v>41604</v>
      </c>
      <c r="I10846" s="1" t="s">
        <v>40631</v>
      </c>
      <c r="J10846" s="1" t="s">
        <v>41679</v>
      </c>
    </row>
    <row r="10847" spans="1:10" x14ac:dyDescent="0.35">
      <c r="A10847" s="1" t="s">
        <v>13970</v>
      </c>
      <c r="B10847" s="1" t="s">
        <v>40625</v>
      </c>
      <c r="C10847" s="1" t="s">
        <v>115</v>
      </c>
      <c r="D10847" s="1" t="s">
        <v>41680</v>
      </c>
      <c r="E10847" s="1" t="s">
        <v>41681</v>
      </c>
      <c r="F10847" s="1" t="s">
        <v>41682</v>
      </c>
      <c r="G10847" s="1" t="s">
        <v>41603</v>
      </c>
      <c r="H10847" s="1" t="s">
        <v>41604</v>
      </c>
      <c r="I10847" s="1" t="s">
        <v>40631</v>
      </c>
      <c r="J10847" s="1" t="s">
        <v>41683</v>
      </c>
    </row>
    <row r="10848" spans="1:10" x14ac:dyDescent="0.35">
      <c r="A10848" s="1" t="s">
        <v>13970</v>
      </c>
      <c r="B10848" s="1" t="s">
        <v>40625</v>
      </c>
      <c r="C10848" s="1" t="s">
        <v>120</v>
      </c>
      <c r="D10848" s="1" t="s">
        <v>41684</v>
      </c>
      <c r="E10848" s="1" t="s">
        <v>41685</v>
      </c>
      <c r="F10848" s="1" t="s">
        <v>41686</v>
      </c>
      <c r="G10848" s="1" t="s">
        <v>41603</v>
      </c>
      <c r="H10848" s="1" t="s">
        <v>41604</v>
      </c>
      <c r="I10848" s="1" t="s">
        <v>40631</v>
      </c>
      <c r="J10848" s="1" t="s">
        <v>41687</v>
      </c>
    </row>
    <row r="10849" spans="1:10" x14ac:dyDescent="0.35">
      <c r="A10849" s="1" t="s">
        <v>13970</v>
      </c>
      <c r="B10849" s="1" t="s">
        <v>40625</v>
      </c>
      <c r="C10849" s="1" t="s">
        <v>125</v>
      </c>
      <c r="D10849" s="1" t="s">
        <v>41688</v>
      </c>
      <c r="E10849" s="1" t="s">
        <v>41689</v>
      </c>
      <c r="F10849" s="1" t="s">
        <v>41690</v>
      </c>
      <c r="G10849" s="1" t="s">
        <v>41603</v>
      </c>
      <c r="H10849" s="1" t="s">
        <v>41604</v>
      </c>
      <c r="I10849" s="1" t="s">
        <v>40631</v>
      </c>
      <c r="J10849" s="1" t="s">
        <v>41691</v>
      </c>
    </row>
    <row r="10850" spans="1:10" x14ac:dyDescent="0.35">
      <c r="A10850" s="1" t="s">
        <v>13970</v>
      </c>
      <c r="B10850" s="1" t="s">
        <v>40625</v>
      </c>
      <c r="C10850" s="1" t="s">
        <v>130</v>
      </c>
      <c r="D10850" s="1" t="s">
        <v>41692</v>
      </c>
      <c r="E10850" s="1" t="s">
        <v>23733</v>
      </c>
      <c r="F10850" s="1" t="s">
        <v>41693</v>
      </c>
      <c r="G10850" s="1" t="s">
        <v>41603</v>
      </c>
      <c r="H10850" s="1" t="s">
        <v>41604</v>
      </c>
      <c r="I10850" s="1" t="s">
        <v>40631</v>
      </c>
      <c r="J10850" s="1" t="s">
        <v>41694</v>
      </c>
    </row>
    <row r="10851" spans="1:10" x14ac:dyDescent="0.35">
      <c r="A10851" s="1" t="s">
        <v>13970</v>
      </c>
      <c r="B10851" s="1" t="s">
        <v>40625</v>
      </c>
      <c r="C10851" s="1" t="s">
        <v>135</v>
      </c>
      <c r="D10851" s="1" t="s">
        <v>23529</v>
      </c>
      <c r="E10851" s="1" t="s">
        <v>41695</v>
      </c>
      <c r="F10851" s="1" t="s">
        <v>41696</v>
      </c>
      <c r="G10851" s="1" t="s">
        <v>41603</v>
      </c>
      <c r="H10851" s="1" t="s">
        <v>41604</v>
      </c>
      <c r="I10851" s="1" t="s">
        <v>40631</v>
      </c>
      <c r="J10851" s="1" t="s">
        <v>41697</v>
      </c>
    </row>
    <row r="10852" spans="1:10" x14ac:dyDescent="0.35">
      <c r="A10852" s="1" t="s">
        <v>13970</v>
      </c>
      <c r="B10852" s="1" t="s">
        <v>40625</v>
      </c>
      <c r="C10852" s="1" t="s">
        <v>140</v>
      </c>
      <c r="D10852" s="1" t="s">
        <v>41698</v>
      </c>
      <c r="E10852" s="1" t="s">
        <v>41699</v>
      </c>
      <c r="F10852" s="1" t="s">
        <v>41700</v>
      </c>
      <c r="G10852" s="1" t="s">
        <v>41603</v>
      </c>
      <c r="H10852" s="1" t="s">
        <v>41604</v>
      </c>
      <c r="I10852" s="1" t="s">
        <v>40631</v>
      </c>
      <c r="J10852" s="1" t="s">
        <v>41701</v>
      </c>
    </row>
    <row r="10853" spans="1:10" x14ac:dyDescent="0.35">
      <c r="A10853" s="1" t="s">
        <v>13970</v>
      </c>
      <c r="B10853" s="1" t="s">
        <v>40625</v>
      </c>
      <c r="C10853" s="1" t="s">
        <v>145</v>
      </c>
      <c r="D10853" s="1" t="s">
        <v>41702</v>
      </c>
      <c r="E10853" s="1" t="s">
        <v>41703</v>
      </c>
      <c r="F10853" s="1" t="s">
        <v>41704</v>
      </c>
      <c r="G10853" s="1" t="s">
        <v>41603</v>
      </c>
      <c r="H10853" s="1" t="s">
        <v>41604</v>
      </c>
      <c r="I10853" s="1" t="s">
        <v>40631</v>
      </c>
      <c r="J10853" s="1" t="s">
        <v>41705</v>
      </c>
    </row>
    <row r="10854" spans="1:10" x14ac:dyDescent="0.35">
      <c r="A10854" s="1" t="s">
        <v>13970</v>
      </c>
      <c r="B10854" s="1" t="s">
        <v>40625</v>
      </c>
      <c r="C10854" s="1" t="s">
        <v>150</v>
      </c>
      <c r="D10854" s="1" t="s">
        <v>41706</v>
      </c>
      <c r="E10854" s="1" t="s">
        <v>23729</v>
      </c>
      <c r="F10854" s="1" t="s">
        <v>41707</v>
      </c>
      <c r="G10854" s="1" t="s">
        <v>41603</v>
      </c>
      <c r="H10854" s="1" t="s">
        <v>41604</v>
      </c>
      <c r="I10854" s="1" t="s">
        <v>40631</v>
      </c>
      <c r="J10854" s="1" t="s">
        <v>41708</v>
      </c>
    </row>
    <row r="10855" spans="1:10" x14ac:dyDescent="0.35">
      <c r="A10855" s="1" t="s">
        <v>13970</v>
      </c>
      <c r="B10855" s="1" t="s">
        <v>40625</v>
      </c>
      <c r="C10855" s="1" t="s">
        <v>155</v>
      </c>
      <c r="D10855" s="1" t="s">
        <v>14485</v>
      </c>
      <c r="E10855" s="1" t="s">
        <v>41709</v>
      </c>
      <c r="F10855" s="1" t="s">
        <v>41710</v>
      </c>
      <c r="G10855" s="1" t="s">
        <v>41603</v>
      </c>
      <c r="H10855" s="1" t="s">
        <v>41604</v>
      </c>
      <c r="I10855" s="1" t="s">
        <v>40631</v>
      </c>
      <c r="J10855" s="1" t="s">
        <v>41711</v>
      </c>
    </row>
    <row r="10856" spans="1:10" x14ac:dyDescent="0.35">
      <c r="A10856" s="1" t="s">
        <v>13970</v>
      </c>
      <c r="B10856" s="1" t="s">
        <v>40625</v>
      </c>
      <c r="C10856" s="1" t="s">
        <v>160</v>
      </c>
      <c r="D10856" s="1" t="s">
        <v>41712</v>
      </c>
      <c r="E10856" s="1" t="s">
        <v>41713</v>
      </c>
      <c r="F10856" s="1" t="s">
        <v>41714</v>
      </c>
      <c r="G10856" s="1" t="s">
        <v>41603</v>
      </c>
      <c r="H10856" s="1" t="s">
        <v>41604</v>
      </c>
      <c r="I10856" s="1" t="s">
        <v>40631</v>
      </c>
      <c r="J10856" s="1" t="s">
        <v>41715</v>
      </c>
    </row>
    <row r="10857" spans="1:10" x14ac:dyDescent="0.35">
      <c r="A10857" s="1" t="s">
        <v>13970</v>
      </c>
      <c r="B10857" s="1" t="s">
        <v>40625</v>
      </c>
      <c r="C10857" s="1" t="s">
        <v>165</v>
      </c>
      <c r="D10857" s="1" t="s">
        <v>7424</v>
      </c>
      <c r="E10857" s="1" t="s">
        <v>41716</v>
      </c>
      <c r="F10857" s="1" t="s">
        <v>41717</v>
      </c>
      <c r="G10857" s="1" t="s">
        <v>41603</v>
      </c>
      <c r="H10857" s="1" t="s">
        <v>41604</v>
      </c>
      <c r="I10857" s="1" t="s">
        <v>40631</v>
      </c>
      <c r="J10857" s="1" t="s">
        <v>41718</v>
      </c>
    </row>
    <row r="10858" spans="1:10" x14ac:dyDescent="0.35">
      <c r="A10858" s="1" t="s">
        <v>13970</v>
      </c>
      <c r="B10858" s="1" t="s">
        <v>40625</v>
      </c>
      <c r="C10858" s="1" t="s">
        <v>170</v>
      </c>
      <c r="D10858" s="1" t="s">
        <v>41719</v>
      </c>
      <c r="E10858" s="1" t="s">
        <v>41720</v>
      </c>
      <c r="F10858" s="1" t="s">
        <v>41721</v>
      </c>
      <c r="G10858" s="1" t="s">
        <v>41603</v>
      </c>
      <c r="H10858" s="1" t="s">
        <v>41604</v>
      </c>
      <c r="I10858" s="1" t="s">
        <v>40631</v>
      </c>
      <c r="J10858" s="1" t="s">
        <v>41722</v>
      </c>
    </row>
    <row r="10859" spans="1:10" x14ac:dyDescent="0.35">
      <c r="A10859" s="1" t="s">
        <v>41723</v>
      </c>
      <c r="B10859" s="1" t="s">
        <v>40625</v>
      </c>
      <c r="C10859" s="1" t="s">
        <v>8</v>
      </c>
      <c r="D10859" s="1" t="s">
        <v>41724</v>
      </c>
      <c r="E10859" s="1" t="s">
        <v>41725</v>
      </c>
      <c r="F10859" s="1" t="s">
        <v>41726</v>
      </c>
      <c r="G10859" s="1" t="s">
        <v>41727</v>
      </c>
      <c r="H10859" s="1" t="s">
        <v>41728</v>
      </c>
      <c r="I10859" s="1" t="s">
        <v>40631</v>
      </c>
      <c r="J10859" s="1" t="s">
        <v>13</v>
      </c>
    </row>
    <row r="10860" spans="1:10" x14ac:dyDescent="0.35">
      <c r="A10860" s="1" t="s">
        <v>41723</v>
      </c>
      <c r="B10860" s="1" t="s">
        <v>40625</v>
      </c>
      <c r="C10860" s="1" t="s">
        <v>15</v>
      </c>
      <c r="D10860" s="1" t="s">
        <v>41729</v>
      </c>
      <c r="E10860" s="1" t="s">
        <v>41730</v>
      </c>
      <c r="F10860" s="1" t="s">
        <v>41731</v>
      </c>
      <c r="G10860" s="1" t="s">
        <v>41727</v>
      </c>
      <c r="H10860" s="1" t="s">
        <v>41728</v>
      </c>
      <c r="I10860" s="1" t="s">
        <v>40631</v>
      </c>
      <c r="J10860" s="1" t="s">
        <v>41732</v>
      </c>
    </row>
    <row r="10861" spans="1:10" x14ac:dyDescent="0.35">
      <c r="A10861" s="1" t="s">
        <v>41723</v>
      </c>
      <c r="B10861" s="1" t="s">
        <v>40625</v>
      </c>
      <c r="C10861" s="1" t="s">
        <v>20</v>
      </c>
      <c r="D10861" s="1" t="s">
        <v>18687</v>
      </c>
      <c r="E10861" s="1" t="s">
        <v>41733</v>
      </c>
      <c r="F10861" s="1" t="s">
        <v>41734</v>
      </c>
      <c r="G10861" s="1" t="s">
        <v>41727</v>
      </c>
      <c r="H10861" s="1" t="s">
        <v>41728</v>
      </c>
      <c r="I10861" s="1" t="s">
        <v>40631</v>
      </c>
      <c r="J10861" s="1" t="s">
        <v>41735</v>
      </c>
    </row>
    <row r="10862" spans="1:10" x14ac:dyDescent="0.35">
      <c r="A10862" s="1" t="s">
        <v>41723</v>
      </c>
      <c r="B10862" s="1" t="s">
        <v>40625</v>
      </c>
      <c r="C10862" s="1" t="s">
        <v>25</v>
      </c>
      <c r="D10862" s="1" t="s">
        <v>22614</v>
      </c>
      <c r="E10862" s="1" t="s">
        <v>41736</v>
      </c>
      <c r="F10862" s="1" t="s">
        <v>41737</v>
      </c>
      <c r="G10862" s="1" t="s">
        <v>41727</v>
      </c>
      <c r="H10862" s="1" t="s">
        <v>41728</v>
      </c>
      <c r="I10862" s="1" t="s">
        <v>40631</v>
      </c>
      <c r="J10862" s="1" t="s">
        <v>41738</v>
      </c>
    </row>
    <row r="10863" spans="1:10" x14ac:dyDescent="0.35">
      <c r="A10863" s="1" t="s">
        <v>41723</v>
      </c>
      <c r="B10863" s="1" t="s">
        <v>40625</v>
      </c>
      <c r="C10863" s="1" t="s">
        <v>30</v>
      </c>
      <c r="D10863" s="1" t="s">
        <v>41739</v>
      </c>
      <c r="E10863" s="1" t="s">
        <v>41740</v>
      </c>
      <c r="F10863" s="1" t="s">
        <v>41741</v>
      </c>
      <c r="G10863" s="1" t="s">
        <v>41727</v>
      </c>
      <c r="H10863" s="1" t="s">
        <v>41728</v>
      </c>
      <c r="I10863" s="1" t="s">
        <v>40631</v>
      </c>
      <c r="J10863" s="1" t="s">
        <v>41742</v>
      </c>
    </row>
    <row r="10864" spans="1:10" x14ac:dyDescent="0.35">
      <c r="A10864" s="1" t="s">
        <v>41723</v>
      </c>
      <c r="B10864" s="1" t="s">
        <v>40625</v>
      </c>
      <c r="C10864" s="1" t="s">
        <v>35</v>
      </c>
      <c r="D10864" s="1" t="s">
        <v>41743</v>
      </c>
      <c r="E10864" s="1" t="s">
        <v>41744</v>
      </c>
      <c r="F10864" s="1" t="s">
        <v>41745</v>
      </c>
      <c r="G10864" s="1" t="s">
        <v>41727</v>
      </c>
      <c r="H10864" s="1" t="s">
        <v>41728</v>
      </c>
      <c r="I10864" s="1" t="s">
        <v>40631</v>
      </c>
      <c r="J10864" s="1" t="s">
        <v>41746</v>
      </c>
    </row>
    <row r="10865" spans="1:10" x14ac:dyDescent="0.35">
      <c r="A10865" s="1" t="s">
        <v>41723</v>
      </c>
      <c r="B10865" s="1" t="s">
        <v>40625</v>
      </c>
      <c r="C10865" s="1" t="s">
        <v>40</v>
      </c>
      <c r="D10865" s="1" t="s">
        <v>41747</v>
      </c>
      <c r="E10865" s="1" t="s">
        <v>41748</v>
      </c>
      <c r="F10865" s="1" t="s">
        <v>41749</v>
      </c>
      <c r="G10865" s="1" t="s">
        <v>41727</v>
      </c>
      <c r="H10865" s="1" t="s">
        <v>41728</v>
      </c>
      <c r="I10865" s="1" t="s">
        <v>40631</v>
      </c>
      <c r="J10865" s="1" t="s">
        <v>41750</v>
      </c>
    </row>
    <row r="10866" spans="1:10" x14ac:dyDescent="0.35">
      <c r="A10866" s="1" t="s">
        <v>41723</v>
      </c>
      <c r="B10866" s="1" t="s">
        <v>40625</v>
      </c>
      <c r="C10866" s="1" t="s">
        <v>45</v>
      </c>
      <c r="D10866" s="1" t="s">
        <v>41751</v>
      </c>
      <c r="E10866" s="1" t="s">
        <v>41752</v>
      </c>
      <c r="F10866" s="1" t="s">
        <v>41753</v>
      </c>
      <c r="G10866" s="1" t="s">
        <v>41727</v>
      </c>
      <c r="H10866" s="1" t="s">
        <v>41728</v>
      </c>
      <c r="I10866" s="1" t="s">
        <v>40631</v>
      </c>
      <c r="J10866" s="1" t="s">
        <v>41754</v>
      </c>
    </row>
    <row r="10867" spans="1:10" x14ac:dyDescent="0.35">
      <c r="A10867" s="1" t="s">
        <v>41723</v>
      </c>
      <c r="B10867" s="1" t="s">
        <v>40625</v>
      </c>
      <c r="C10867" s="1" t="s">
        <v>50</v>
      </c>
      <c r="D10867" s="1" t="s">
        <v>41755</v>
      </c>
      <c r="E10867" s="1" t="s">
        <v>41756</v>
      </c>
      <c r="F10867" s="1" t="s">
        <v>41757</v>
      </c>
      <c r="G10867" s="1" t="s">
        <v>41727</v>
      </c>
      <c r="H10867" s="1" t="s">
        <v>41728</v>
      </c>
      <c r="I10867" s="1" t="s">
        <v>40631</v>
      </c>
      <c r="J10867" s="1" t="s">
        <v>41758</v>
      </c>
    </row>
    <row r="10868" spans="1:10" x14ac:dyDescent="0.35">
      <c r="A10868" s="1" t="s">
        <v>41723</v>
      </c>
      <c r="B10868" s="1" t="s">
        <v>40625</v>
      </c>
      <c r="C10868" s="1" t="s">
        <v>55</v>
      </c>
      <c r="D10868" s="1" t="s">
        <v>41759</v>
      </c>
      <c r="E10868" s="1" t="s">
        <v>41760</v>
      </c>
      <c r="F10868" s="1" t="s">
        <v>41761</v>
      </c>
      <c r="G10868" s="1" t="s">
        <v>41727</v>
      </c>
      <c r="H10868" s="1" t="s">
        <v>41728</v>
      </c>
      <c r="I10868" s="1" t="s">
        <v>40631</v>
      </c>
      <c r="J10868" s="1" t="s">
        <v>41762</v>
      </c>
    </row>
    <row r="10869" spans="1:10" x14ac:dyDescent="0.35">
      <c r="A10869" s="1" t="s">
        <v>41723</v>
      </c>
      <c r="B10869" s="1" t="s">
        <v>40625</v>
      </c>
      <c r="C10869" s="1" t="s">
        <v>60</v>
      </c>
      <c r="D10869" s="1" t="s">
        <v>41763</v>
      </c>
      <c r="E10869" s="1" t="s">
        <v>41764</v>
      </c>
      <c r="F10869" s="1" t="s">
        <v>41765</v>
      </c>
      <c r="G10869" s="1" t="s">
        <v>41727</v>
      </c>
      <c r="H10869" s="1" t="s">
        <v>41728</v>
      </c>
      <c r="I10869" s="1" t="s">
        <v>40631</v>
      </c>
      <c r="J10869" s="1" t="s">
        <v>41766</v>
      </c>
    </row>
    <row r="10870" spans="1:10" x14ac:dyDescent="0.35">
      <c r="A10870" s="1" t="s">
        <v>41723</v>
      </c>
      <c r="B10870" s="1" t="s">
        <v>40625</v>
      </c>
      <c r="C10870" s="1" t="s">
        <v>65</v>
      </c>
      <c r="D10870" s="1" t="s">
        <v>41767</v>
      </c>
      <c r="E10870" s="1" t="s">
        <v>41768</v>
      </c>
      <c r="F10870" s="1" t="s">
        <v>41769</v>
      </c>
      <c r="G10870" s="1" t="s">
        <v>41727</v>
      </c>
      <c r="H10870" s="1" t="s">
        <v>41728</v>
      </c>
      <c r="I10870" s="1" t="s">
        <v>40631</v>
      </c>
      <c r="J10870" s="1" t="s">
        <v>41770</v>
      </c>
    </row>
    <row r="10871" spans="1:10" x14ac:dyDescent="0.35">
      <c r="A10871" s="1" t="s">
        <v>41723</v>
      </c>
      <c r="B10871" s="1" t="s">
        <v>40625</v>
      </c>
      <c r="C10871" s="1" t="s">
        <v>70</v>
      </c>
      <c r="D10871" s="1" t="s">
        <v>41771</v>
      </c>
      <c r="E10871" s="1" t="s">
        <v>41772</v>
      </c>
      <c r="F10871" s="1" t="s">
        <v>41773</v>
      </c>
      <c r="G10871" s="1" t="s">
        <v>41727</v>
      </c>
      <c r="H10871" s="1" t="s">
        <v>41728</v>
      </c>
      <c r="I10871" s="1" t="s">
        <v>40631</v>
      </c>
      <c r="J10871" s="1" t="s">
        <v>41774</v>
      </c>
    </row>
    <row r="10872" spans="1:10" x14ac:dyDescent="0.35">
      <c r="A10872" s="1" t="s">
        <v>41723</v>
      </c>
      <c r="B10872" s="1" t="s">
        <v>40625</v>
      </c>
      <c r="C10872" s="1" t="s">
        <v>75</v>
      </c>
      <c r="D10872" s="1" t="s">
        <v>41775</v>
      </c>
      <c r="E10872" s="1" t="s">
        <v>41776</v>
      </c>
      <c r="F10872" s="1" t="s">
        <v>41777</v>
      </c>
      <c r="G10872" s="1" t="s">
        <v>41727</v>
      </c>
      <c r="H10872" s="1" t="s">
        <v>41728</v>
      </c>
      <c r="I10872" s="1" t="s">
        <v>40631</v>
      </c>
      <c r="J10872" s="1" t="s">
        <v>41778</v>
      </c>
    </row>
    <row r="10873" spans="1:10" x14ac:dyDescent="0.35">
      <c r="A10873" s="1" t="s">
        <v>41723</v>
      </c>
      <c r="B10873" s="1" t="s">
        <v>40625</v>
      </c>
      <c r="C10873" s="1" t="s">
        <v>80</v>
      </c>
      <c r="D10873" s="1" t="s">
        <v>41779</v>
      </c>
      <c r="E10873" s="1" t="s">
        <v>41780</v>
      </c>
      <c r="F10873" s="1" t="s">
        <v>41781</v>
      </c>
      <c r="G10873" s="1" t="s">
        <v>41727</v>
      </c>
      <c r="H10873" s="1" t="s">
        <v>41728</v>
      </c>
      <c r="I10873" s="1" t="s">
        <v>40631</v>
      </c>
      <c r="J10873" s="1" t="s">
        <v>41782</v>
      </c>
    </row>
    <row r="10874" spans="1:10" x14ac:dyDescent="0.35">
      <c r="A10874" s="1" t="s">
        <v>41723</v>
      </c>
      <c r="B10874" s="1" t="s">
        <v>40625</v>
      </c>
      <c r="C10874" s="1" t="s">
        <v>85</v>
      </c>
      <c r="D10874" s="1" t="s">
        <v>41783</v>
      </c>
      <c r="E10874" s="1" t="s">
        <v>41784</v>
      </c>
      <c r="F10874" s="1" t="s">
        <v>41785</v>
      </c>
      <c r="G10874" s="1" t="s">
        <v>41727</v>
      </c>
      <c r="H10874" s="1" t="s">
        <v>41728</v>
      </c>
      <c r="I10874" s="1" t="s">
        <v>40631</v>
      </c>
      <c r="J10874" s="1" t="s">
        <v>41786</v>
      </c>
    </row>
    <row r="10875" spans="1:10" x14ac:dyDescent="0.35">
      <c r="A10875" s="1" t="s">
        <v>41723</v>
      </c>
      <c r="B10875" s="1" t="s">
        <v>40625</v>
      </c>
      <c r="C10875" s="1" t="s">
        <v>90</v>
      </c>
      <c r="D10875" s="1" t="s">
        <v>41787</v>
      </c>
      <c r="E10875" s="1" t="s">
        <v>41788</v>
      </c>
      <c r="F10875" s="1" t="s">
        <v>41789</v>
      </c>
      <c r="G10875" s="1" t="s">
        <v>41727</v>
      </c>
      <c r="H10875" s="1" t="s">
        <v>41728</v>
      </c>
      <c r="I10875" s="1" t="s">
        <v>40631</v>
      </c>
      <c r="J10875" s="1" t="s">
        <v>41790</v>
      </c>
    </row>
    <row r="10876" spans="1:10" x14ac:dyDescent="0.35">
      <c r="A10876" s="1" t="s">
        <v>41723</v>
      </c>
      <c r="B10876" s="1" t="s">
        <v>40625</v>
      </c>
      <c r="C10876" s="1" t="s">
        <v>95</v>
      </c>
      <c r="D10876" s="1" t="s">
        <v>41791</v>
      </c>
      <c r="E10876" s="1" t="s">
        <v>41792</v>
      </c>
      <c r="F10876" s="1" t="s">
        <v>41793</v>
      </c>
      <c r="G10876" s="1" t="s">
        <v>41727</v>
      </c>
      <c r="H10876" s="1" t="s">
        <v>41728</v>
      </c>
      <c r="I10876" s="1" t="s">
        <v>40631</v>
      </c>
      <c r="J10876" s="1" t="s">
        <v>41794</v>
      </c>
    </row>
    <row r="10877" spans="1:10" x14ac:dyDescent="0.35">
      <c r="A10877" s="1" t="s">
        <v>41723</v>
      </c>
      <c r="B10877" s="1" t="s">
        <v>40625</v>
      </c>
      <c r="C10877" s="1" t="s">
        <v>100</v>
      </c>
      <c r="D10877" s="1" t="s">
        <v>41795</v>
      </c>
      <c r="E10877" s="1" t="s">
        <v>41796</v>
      </c>
      <c r="F10877" s="1" t="s">
        <v>41797</v>
      </c>
      <c r="G10877" s="1" t="s">
        <v>41727</v>
      </c>
      <c r="H10877" s="1" t="s">
        <v>41728</v>
      </c>
      <c r="I10877" s="1" t="s">
        <v>40631</v>
      </c>
      <c r="J10877" s="1" t="s">
        <v>41798</v>
      </c>
    </row>
    <row r="10878" spans="1:10" x14ac:dyDescent="0.35">
      <c r="A10878" s="1" t="s">
        <v>41723</v>
      </c>
      <c r="B10878" s="1" t="s">
        <v>40625</v>
      </c>
      <c r="C10878" s="1" t="s">
        <v>105</v>
      </c>
      <c r="D10878" s="1" t="s">
        <v>41799</v>
      </c>
      <c r="E10878" s="1" t="s">
        <v>41800</v>
      </c>
      <c r="F10878" s="1" t="s">
        <v>41801</v>
      </c>
      <c r="G10878" s="1" t="s">
        <v>41727</v>
      </c>
      <c r="H10878" s="1" t="s">
        <v>41728</v>
      </c>
      <c r="I10878" s="1" t="s">
        <v>40631</v>
      </c>
      <c r="J10878" s="1" t="s">
        <v>41802</v>
      </c>
    </row>
    <row r="10879" spans="1:10" x14ac:dyDescent="0.35">
      <c r="A10879" s="1" t="s">
        <v>41723</v>
      </c>
      <c r="B10879" s="1" t="s">
        <v>40625</v>
      </c>
      <c r="C10879" s="1" t="s">
        <v>110</v>
      </c>
      <c r="D10879" s="1" t="s">
        <v>41803</v>
      </c>
      <c r="E10879" s="1" t="s">
        <v>41804</v>
      </c>
      <c r="F10879" s="1" t="s">
        <v>41805</v>
      </c>
      <c r="G10879" s="1" t="s">
        <v>41727</v>
      </c>
      <c r="H10879" s="1" t="s">
        <v>41728</v>
      </c>
      <c r="I10879" s="1" t="s">
        <v>40631</v>
      </c>
      <c r="J10879" s="1" t="s">
        <v>41806</v>
      </c>
    </row>
    <row r="10880" spans="1:10" x14ac:dyDescent="0.35">
      <c r="A10880" s="1" t="s">
        <v>41723</v>
      </c>
      <c r="B10880" s="1" t="s">
        <v>40625</v>
      </c>
      <c r="C10880" s="1" t="s">
        <v>115</v>
      </c>
      <c r="D10880" s="1" t="s">
        <v>41807</v>
      </c>
      <c r="E10880" s="1" t="s">
        <v>41808</v>
      </c>
      <c r="F10880" s="1" t="s">
        <v>41809</v>
      </c>
      <c r="G10880" s="1" t="s">
        <v>41727</v>
      </c>
      <c r="H10880" s="1" t="s">
        <v>41728</v>
      </c>
      <c r="I10880" s="1" t="s">
        <v>40631</v>
      </c>
      <c r="J10880" s="1" t="s">
        <v>41810</v>
      </c>
    </row>
    <row r="10881" spans="1:10" x14ac:dyDescent="0.35">
      <c r="A10881" s="1" t="s">
        <v>41723</v>
      </c>
      <c r="B10881" s="1" t="s">
        <v>40625</v>
      </c>
      <c r="C10881" s="1" t="s">
        <v>120</v>
      </c>
      <c r="D10881" s="1" t="s">
        <v>41811</v>
      </c>
      <c r="E10881" s="1" t="s">
        <v>41812</v>
      </c>
      <c r="F10881" s="1" t="s">
        <v>41813</v>
      </c>
      <c r="G10881" s="1" t="s">
        <v>41727</v>
      </c>
      <c r="H10881" s="1" t="s">
        <v>41728</v>
      </c>
      <c r="I10881" s="1" t="s">
        <v>40631</v>
      </c>
      <c r="J10881" s="1" t="s">
        <v>41814</v>
      </c>
    </row>
    <row r="10882" spans="1:10" x14ac:dyDescent="0.35">
      <c r="A10882" s="1" t="s">
        <v>41723</v>
      </c>
      <c r="B10882" s="1" t="s">
        <v>40625</v>
      </c>
      <c r="C10882" s="1" t="s">
        <v>125</v>
      </c>
      <c r="D10882" s="1" t="s">
        <v>16701</v>
      </c>
      <c r="E10882" s="1" t="s">
        <v>41815</v>
      </c>
      <c r="F10882" s="1" t="s">
        <v>41816</v>
      </c>
      <c r="G10882" s="1" t="s">
        <v>41727</v>
      </c>
      <c r="H10882" s="1" t="s">
        <v>41728</v>
      </c>
      <c r="I10882" s="1" t="s">
        <v>40631</v>
      </c>
      <c r="J10882" s="1" t="s">
        <v>41817</v>
      </c>
    </row>
    <row r="10883" spans="1:10" x14ac:dyDescent="0.35">
      <c r="A10883" s="1" t="s">
        <v>41723</v>
      </c>
      <c r="B10883" s="1" t="s">
        <v>40625</v>
      </c>
      <c r="C10883" s="1" t="s">
        <v>130</v>
      </c>
      <c r="D10883" s="1" t="s">
        <v>41818</v>
      </c>
      <c r="E10883" s="1" t="s">
        <v>41819</v>
      </c>
      <c r="F10883" s="1" t="s">
        <v>41820</v>
      </c>
      <c r="G10883" s="1" t="s">
        <v>41727</v>
      </c>
      <c r="H10883" s="1" t="s">
        <v>41728</v>
      </c>
      <c r="I10883" s="1" t="s">
        <v>40631</v>
      </c>
      <c r="J10883" s="1" t="s">
        <v>41821</v>
      </c>
    </row>
    <row r="10884" spans="1:10" x14ac:dyDescent="0.35">
      <c r="A10884" s="1" t="s">
        <v>41723</v>
      </c>
      <c r="B10884" s="1" t="s">
        <v>40625</v>
      </c>
      <c r="C10884" s="1" t="s">
        <v>135</v>
      </c>
      <c r="D10884" s="1" t="s">
        <v>21154</v>
      </c>
      <c r="E10884" s="1" t="s">
        <v>41822</v>
      </c>
      <c r="F10884" s="1" t="s">
        <v>41823</v>
      </c>
      <c r="G10884" s="1" t="s">
        <v>41727</v>
      </c>
      <c r="H10884" s="1" t="s">
        <v>41728</v>
      </c>
      <c r="I10884" s="1" t="s">
        <v>40631</v>
      </c>
      <c r="J10884" s="1" t="s">
        <v>41824</v>
      </c>
    </row>
    <row r="10885" spans="1:10" x14ac:dyDescent="0.35">
      <c r="A10885" s="1" t="s">
        <v>41723</v>
      </c>
      <c r="B10885" s="1" t="s">
        <v>40625</v>
      </c>
      <c r="C10885" s="1" t="s">
        <v>140</v>
      </c>
      <c r="D10885" s="1" t="s">
        <v>41825</v>
      </c>
      <c r="E10885" s="1" t="s">
        <v>41826</v>
      </c>
      <c r="F10885" s="1" t="s">
        <v>41827</v>
      </c>
      <c r="G10885" s="1" t="s">
        <v>41727</v>
      </c>
      <c r="H10885" s="1" t="s">
        <v>41728</v>
      </c>
      <c r="I10885" s="1" t="s">
        <v>40631</v>
      </c>
      <c r="J10885" s="1" t="s">
        <v>41828</v>
      </c>
    </row>
    <row r="10886" spans="1:10" x14ac:dyDescent="0.35">
      <c r="A10886" s="1" t="s">
        <v>41723</v>
      </c>
      <c r="B10886" s="1" t="s">
        <v>40625</v>
      </c>
      <c r="C10886" s="1" t="s">
        <v>145</v>
      </c>
      <c r="D10886" s="1" t="s">
        <v>41829</v>
      </c>
      <c r="E10886" s="1" t="s">
        <v>41830</v>
      </c>
      <c r="F10886" s="1" t="s">
        <v>41831</v>
      </c>
      <c r="G10886" s="1" t="s">
        <v>41727</v>
      </c>
      <c r="H10886" s="1" t="s">
        <v>41728</v>
      </c>
      <c r="I10886" s="1" t="s">
        <v>40631</v>
      </c>
      <c r="J10886" s="1" t="s">
        <v>41832</v>
      </c>
    </row>
    <row r="10887" spans="1:10" x14ac:dyDescent="0.35">
      <c r="A10887" s="1" t="s">
        <v>41723</v>
      </c>
      <c r="B10887" s="1" t="s">
        <v>40625</v>
      </c>
      <c r="C10887" s="1" t="s">
        <v>150</v>
      </c>
      <c r="D10887" s="1" t="s">
        <v>41833</v>
      </c>
      <c r="E10887" s="1" t="s">
        <v>41834</v>
      </c>
      <c r="F10887" s="1" t="s">
        <v>41835</v>
      </c>
      <c r="G10887" s="1" t="s">
        <v>41727</v>
      </c>
      <c r="H10887" s="1" t="s">
        <v>41728</v>
      </c>
      <c r="I10887" s="1" t="s">
        <v>40631</v>
      </c>
      <c r="J10887" s="1" t="s">
        <v>41836</v>
      </c>
    </row>
    <row r="10888" spans="1:10" x14ac:dyDescent="0.35">
      <c r="A10888" s="1" t="s">
        <v>41723</v>
      </c>
      <c r="B10888" s="1" t="s">
        <v>40625</v>
      </c>
      <c r="C10888" s="1" t="s">
        <v>155</v>
      </c>
      <c r="D10888" s="1" t="s">
        <v>41837</v>
      </c>
      <c r="E10888" s="1" t="s">
        <v>41838</v>
      </c>
      <c r="F10888" s="1" t="s">
        <v>41839</v>
      </c>
      <c r="G10888" s="1" t="s">
        <v>41727</v>
      </c>
      <c r="H10888" s="1" t="s">
        <v>41728</v>
      </c>
      <c r="I10888" s="1" t="s">
        <v>40631</v>
      </c>
      <c r="J10888" s="1" t="s">
        <v>41840</v>
      </c>
    </row>
    <row r="10889" spans="1:10" x14ac:dyDescent="0.35">
      <c r="A10889" s="1" t="s">
        <v>41723</v>
      </c>
      <c r="B10889" s="1" t="s">
        <v>40625</v>
      </c>
      <c r="C10889" s="1" t="s">
        <v>160</v>
      </c>
      <c r="D10889" s="1" t="s">
        <v>41841</v>
      </c>
      <c r="E10889" s="1" t="s">
        <v>41842</v>
      </c>
      <c r="F10889" s="1" t="s">
        <v>41843</v>
      </c>
      <c r="G10889" s="1" t="s">
        <v>41727</v>
      </c>
      <c r="H10889" s="1" t="s">
        <v>41728</v>
      </c>
      <c r="I10889" s="1" t="s">
        <v>40631</v>
      </c>
      <c r="J10889" s="1" t="s">
        <v>41844</v>
      </c>
    </row>
    <row r="10890" spans="1:10" x14ac:dyDescent="0.35">
      <c r="A10890" s="1" t="s">
        <v>41723</v>
      </c>
      <c r="B10890" s="1" t="s">
        <v>40625</v>
      </c>
      <c r="C10890" s="1" t="s">
        <v>165</v>
      </c>
      <c r="D10890" s="1" t="s">
        <v>41845</v>
      </c>
      <c r="E10890" s="1" t="s">
        <v>41846</v>
      </c>
      <c r="F10890" s="1" t="s">
        <v>41847</v>
      </c>
      <c r="G10890" s="1" t="s">
        <v>41727</v>
      </c>
      <c r="H10890" s="1" t="s">
        <v>41728</v>
      </c>
      <c r="I10890" s="1" t="s">
        <v>40631</v>
      </c>
      <c r="J10890" s="1" t="s">
        <v>41848</v>
      </c>
    </row>
    <row r="10891" spans="1:10" x14ac:dyDescent="0.35">
      <c r="A10891" s="1" t="s">
        <v>41723</v>
      </c>
      <c r="B10891" s="1" t="s">
        <v>40625</v>
      </c>
      <c r="C10891" s="1" t="s">
        <v>170</v>
      </c>
      <c r="D10891" s="1" t="s">
        <v>41849</v>
      </c>
      <c r="E10891" s="1" t="s">
        <v>41850</v>
      </c>
      <c r="F10891" s="1" t="s">
        <v>41851</v>
      </c>
      <c r="G10891" s="1" t="s">
        <v>41727</v>
      </c>
      <c r="H10891" s="1" t="s">
        <v>41728</v>
      </c>
      <c r="I10891" s="1" t="s">
        <v>40631</v>
      </c>
      <c r="J10891" s="1" t="s">
        <v>41852</v>
      </c>
    </row>
    <row r="10892" spans="1:10" x14ac:dyDescent="0.35">
      <c r="A10892" s="1" t="s">
        <v>41853</v>
      </c>
      <c r="B10892" s="1" t="s">
        <v>41854</v>
      </c>
      <c r="C10892" s="1" t="s">
        <v>8</v>
      </c>
      <c r="D10892" s="1" t="s">
        <v>41855</v>
      </c>
      <c r="E10892" s="1" t="s">
        <v>41856</v>
      </c>
      <c r="F10892" s="1" t="s">
        <v>41857</v>
      </c>
      <c r="G10892" s="1" t="s">
        <v>41858</v>
      </c>
      <c r="H10892" s="1" t="s">
        <v>41859</v>
      </c>
      <c r="I10892" s="1" t="s">
        <v>41860</v>
      </c>
      <c r="J10892" s="1" t="s">
        <v>13</v>
      </c>
    </row>
    <row r="10893" spans="1:10" x14ac:dyDescent="0.35">
      <c r="A10893" s="1" t="s">
        <v>41853</v>
      </c>
      <c r="B10893" s="1" t="s">
        <v>41854</v>
      </c>
      <c r="C10893" s="1" t="s">
        <v>15</v>
      </c>
      <c r="D10893" s="1" t="s">
        <v>41861</v>
      </c>
      <c r="E10893" s="1" t="s">
        <v>41862</v>
      </c>
      <c r="F10893" s="1" t="s">
        <v>41863</v>
      </c>
      <c r="G10893" s="1" t="s">
        <v>41858</v>
      </c>
      <c r="H10893" s="1" t="s">
        <v>41859</v>
      </c>
      <c r="I10893" s="1" t="s">
        <v>41860</v>
      </c>
      <c r="J10893" s="1" t="s">
        <v>41864</v>
      </c>
    </row>
    <row r="10894" spans="1:10" x14ac:dyDescent="0.35">
      <c r="A10894" s="1" t="s">
        <v>41853</v>
      </c>
      <c r="B10894" s="1" t="s">
        <v>41854</v>
      </c>
      <c r="C10894" s="1" t="s">
        <v>20</v>
      </c>
      <c r="D10894" s="1" t="s">
        <v>41865</v>
      </c>
      <c r="E10894" s="1" t="s">
        <v>41866</v>
      </c>
      <c r="F10894" s="1" t="s">
        <v>41867</v>
      </c>
      <c r="G10894" s="1" t="s">
        <v>41858</v>
      </c>
      <c r="H10894" s="1" t="s">
        <v>41859</v>
      </c>
      <c r="I10894" s="1" t="s">
        <v>41860</v>
      </c>
      <c r="J10894" s="1" t="s">
        <v>41868</v>
      </c>
    </row>
    <row r="10895" spans="1:10" x14ac:dyDescent="0.35">
      <c r="A10895" s="1" t="s">
        <v>41853</v>
      </c>
      <c r="B10895" s="1" t="s">
        <v>41854</v>
      </c>
      <c r="C10895" s="1" t="s">
        <v>25</v>
      </c>
      <c r="D10895" s="1" t="s">
        <v>41869</v>
      </c>
      <c r="E10895" s="1" t="s">
        <v>41870</v>
      </c>
      <c r="F10895" s="1" t="s">
        <v>41871</v>
      </c>
      <c r="G10895" s="1" t="s">
        <v>41858</v>
      </c>
      <c r="H10895" s="1" t="s">
        <v>41859</v>
      </c>
      <c r="I10895" s="1" t="s">
        <v>41860</v>
      </c>
      <c r="J10895" s="1" t="s">
        <v>41872</v>
      </c>
    </row>
    <row r="10896" spans="1:10" x14ac:dyDescent="0.35">
      <c r="A10896" s="1" t="s">
        <v>41853</v>
      </c>
      <c r="B10896" s="1" t="s">
        <v>41854</v>
      </c>
      <c r="C10896" s="1" t="s">
        <v>30</v>
      </c>
      <c r="D10896" s="1" t="s">
        <v>41873</v>
      </c>
      <c r="E10896" s="1" t="s">
        <v>41874</v>
      </c>
      <c r="F10896" s="1" t="s">
        <v>41875</v>
      </c>
      <c r="G10896" s="1" t="s">
        <v>41858</v>
      </c>
      <c r="H10896" s="1" t="s">
        <v>41859</v>
      </c>
      <c r="I10896" s="1" t="s">
        <v>41860</v>
      </c>
      <c r="J10896" s="1" t="s">
        <v>41876</v>
      </c>
    </row>
    <row r="10897" spans="1:10" x14ac:dyDescent="0.35">
      <c r="A10897" s="1" t="s">
        <v>41853</v>
      </c>
      <c r="B10897" s="1" t="s">
        <v>41854</v>
      </c>
      <c r="C10897" s="1" t="s">
        <v>35</v>
      </c>
      <c r="D10897" s="1" t="s">
        <v>41877</v>
      </c>
      <c r="E10897" s="1" t="s">
        <v>41878</v>
      </c>
      <c r="F10897" s="1" t="s">
        <v>41879</v>
      </c>
      <c r="G10897" s="1" t="s">
        <v>41858</v>
      </c>
      <c r="H10897" s="1" t="s">
        <v>41859</v>
      </c>
      <c r="I10897" s="1" t="s">
        <v>41860</v>
      </c>
      <c r="J10897" s="1" t="s">
        <v>41880</v>
      </c>
    </row>
    <row r="10898" spans="1:10" x14ac:dyDescent="0.35">
      <c r="A10898" s="1" t="s">
        <v>41853</v>
      </c>
      <c r="B10898" s="1" t="s">
        <v>41854</v>
      </c>
      <c r="C10898" s="1" t="s">
        <v>40</v>
      </c>
      <c r="D10898" s="1" t="s">
        <v>41881</v>
      </c>
      <c r="E10898" s="1" t="s">
        <v>41882</v>
      </c>
      <c r="F10898" s="1" t="s">
        <v>41883</v>
      </c>
      <c r="G10898" s="1" t="s">
        <v>41858</v>
      </c>
      <c r="H10898" s="1" t="s">
        <v>41859</v>
      </c>
      <c r="I10898" s="1" t="s">
        <v>41860</v>
      </c>
      <c r="J10898" s="1" t="s">
        <v>41884</v>
      </c>
    </row>
    <row r="10899" spans="1:10" x14ac:dyDescent="0.35">
      <c r="A10899" s="1" t="s">
        <v>41853</v>
      </c>
      <c r="B10899" s="1" t="s">
        <v>41854</v>
      </c>
      <c r="C10899" s="1" t="s">
        <v>45</v>
      </c>
      <c r="D10899" s="1" t="s">
        <v>41885</v>
      </c>
      <c r="E10899" s="1" t="s">
        <v>41886</v>
      </c>
      <c r="F10899" s="1" t="s">
        <v>41887</v>
      </c>
      <c r="G10899" s="1" t="s">
        <v>41858</v>
      </c>
      <c r="H10899" s="1" t="s">
        <v>41859</v>
      </c>
      <c r="I10899" s="1" t="s">
        <v>41860</v>
      </c>
      <c r="J10899" s="1" t="s">
        <v>41888</v>
      </c>
    </row>
    <row r="10900" spans="1:10" x14ac:dyDescent="0.35">
      <c r="A10900" s="1" t="s">
        <v>41853</v>
      </c>
      <c r="B10900" s="1" t="s">
        <v>41854</v>
      </c>
      <c r="C10900" s="1" t="s">
        <v>50</v>
      </c>
      <c r="D10900" s="1" t="s">
        <v>41236</v>
      </c>
      <c r="E10900" s="1" t="s">
        <v>41889</v>
      </c>
      <c r="F10900" s="1" t="s">
        <v>41890</v>
      </c>
      <c r="G10900" s="1" t="s">
        <v>41858</v>
      </c>
      <c r="H10900" s="1" t="s">
        <v>41859</v>
      </c>
      <c r="I10900" s="1" t="s">
        <v>41860</v>
      </c>
      <c r="J10900" s="1" t="s">
        <v>41891</v>
      </c>
    </row>
    <row r="10901" spans="1:10" x14ac:dyDescent="0.35">
      <c r="A10901" s="1" t="s">
        <v>41853</v>
      </c>
      <c r="B10901" s="1" t="s">
        <v>41854</v>
      </c>
      <c r="C10901" s="1" t="s">
        <v>55</v>
      </c>
      <c r="D10901" s="1" t="s">
        <v>8565</v>
      </c>
      <c r="E10901" s="1" t="s">
        <v>41892</v>
      </c>
      <c r="F10901" s="1" t="s">
        <v>41893</v>
      </c>
      <c r="G10901" s="1" t="s">
        <v>41858</v>
      </c>
      <c r="H10901" s="1" t="s">
        <v>41859</v>
      </c>
      <c r="I10901" s="1" t="s">
        <v>41860</v>
      </c>
      <c r="J10901" s="1" t="s">
        <v>41894</v>
      </c>
    </row>
    <row r="10902" spans="1:10" x14ac:dyDescent="0.35">
      <c r="A10902" s="1" t="s">
        <v>41853</v>
      </c>
      <c r="B10902" s="1" t="s">
        <v>41854</v>
      </c>
      <c r="C10902" s="1" t="s">
        <v>60</v>
      </c>
      <c r="D10902" s="1" t="s">
        <v>41895</v>
      </c>
      <c r="E10902" s="1" t="s">
        <v>41896</v>
      </c>
      <c r="F10902" s="1" t="s">
        <v>41897</v>
      </c>
      <c r="G10902" s="1" t="s">
        <v>41858</v>
      </c>
      <c r="H10902" s="1" t="s">
        <v>41859</v>
      </c>
      <c r="I10902" s="1" t="s">
        <v>41860</v>
      </c>
      <c r="J10902" s="1" t="s">
        <v>41898</v>
      </c>
    </row>
    <row r="10903" spans="1:10" x14ac:dyDescent="0.35">
      <c r="A10903" s="1" t="s">
        <v>41853</v>
      </c>
      <c r="B10903" s="1" t="s">
        <v>41854</v>
      </c>
      <c r="C10903" s="1" t="s">
        <v>65</v>
      </c>
      <c r="D10903" s="1" t="s">
        <v>41899</v>
      </c>
      <c r="E10903" s="1" t="s">
        <v>41900</v>
      </c>
      <c r="F10903" s="1" t="s">
        <v>41901</v>
      </c>
      <c r="G10903" s="1" t="s">
        <v>41858</v>
      </c>
      <c r="H10903" s="1" t="s">
        <v>41859</v>
      </c>
      <c r="I10903" s="1" t="s">
        <v>41860</v>
      </c>
      <c r="J10903" s="1" t="s">
        <v>41902</v>
      </c>
    </row>
    <row r="10904" spans="1:10" x14ac:dyDescent="0.35">
      <c r="A10904" s="1" t="s">
        <v>41853</v>
      </c>
      <c r="B10904" s="1" t="s">
        <v>41854</v>
      </c>
      <c r="C10904" s="1" t="s">
        <v>70</v>
      </c>
      <c r="D10904" s="1" t="s">
        <v>41903</v>
      </c>
      <c r="E10904" s="1" t="s">
        <v>41904</v>
      </c>
      <c r="F10904" s="1" t="s">
        <v>41905</v>
      </c>
      <c r="G10904" s="1" t="s">
        <v>41858</v>
      </c>
      <c r="H10904" s="1" t="s">
        <v>41859</v>
      </c>
      <c r="I10904" s="1" t="s">
        <v>41860</v>
      </c>
      <c r="J10904" s="1" t="s">
        <v>41906</v>
      </c>
    </row>
    <row r="10905" spans="1:10" x14ac:dyDescent="0.35">
      <c r="A10905" s="1" t="s">
        <v>41853</v>
      </c>
      <c r="B10905" s="1" t="s">
        <v>41854</v>
      </c>
      <c r="C10905" s="1" t="s">
        <v>75</v>
      </c>
      <c r="D10905" s="1" t="s">
        <v>41907</v>
      </c>
      <c r="E10905" s="1" t="s">
        <v>41908</v>
      </c>
      <c r="F10905" s="1" t="s">
        <v>41909</v>
      </c>
      <c r="G10905" s="1" t="s">
        <v>41858</v>
      </c>
      <c r="H10905" s="1" t="s">
        <v>41859</v>
      </c>
      <c r="I10905" s="1" t="s">
        <v>41860</v>
      </c>
      <c r="J10905" s="1" t="s">
        <v>41910</v>
      </c>
    </row>
    <row r="10906" spans="1:10" x14ac:dyDescent="0.35">
      <c r="A10906" s="1" t="s">
        <v>41853</v>
      </c>
      <c r="B10906" s="1" t="s">
        <v>41854</v>
      </c>
      <c r="C10906" s="1" t="s">
        <v>80</v>
      </c>
      <c r="D10906" s="1" t="s">
        <v>41911</v>
      </c>
      <c r="E10906" s="1" t="s">
        <v>41912</v>
      </c>
      <c r="F10906" s="1" t="s">
        <v>41913</v>
      </c>
      <c r="G10906" s="1" t="s">
        <v>41858</v>
      </c>
      <c r="H10906" s="1" t="s">
        <v>41859</v>
      </c>
      <c r="I10906" s="1" t="s">
        <v>41860</v>
      </c>
      <c r="J10906" s="1" t="s">
        <v>41914</v>
      </c>
    </row>
    <row r="10907" spans="1:10" x14ac:dyDescent="0.35">
      <c r="A10907" s="1" t="s">
        <v>41853</v>
      </c>
      <c r="B10907" s="1" t="s">
        <v>41854</v>
      </c>
      <c r="C10907" s="1" t="s">
        <v>85</v>
      </c>
      <c r="D10907" s="1" t="s">
        <v>41915</v>
      </c>
      <c r="E10907" s="1" t="s">
        <v>41916</v>
      </c>
      <c r="F10907" s="1" t="s">
        <v>41917</v>
      </c>
      <c r="G10907" s="1" t="s">
        <v>41858</v>
      </c>
      <c r="H10907" s="1" t="s">
        <v>41859</v>
      </c>
      <c r="I10907" s="1" t="s">
        <v>41860</v>
      </c>
      <c r="J10907" s="1" t="s">
        <v>41918</v>
      </c>
    </row>
    <row r="10908" spans="1:10" x14ac:dyDescent="0.35">
      <c r="A10908" s="1" t="s">
        <v>41853</v>
      </c>
      <c r="B10908" s="1" t="s">
        <v>41854</v>
      </c>
      <c r="C10908" s="1" t="s">
        <v>90</v>
      </c>
      <c r="D10908" s="1" t="s">
        <v>41919</v>
      </c>
      <c r="E10908" s="1" t="s">
        <v>41920</v>
      </c>
      <c r="F10908" s="1" t="s">
        <v>41921</v>
      </c>
      <c r="G10908" s="1" t="s">
        <v>41858</v>
      </c>
      <c r="H10908" s="1" t="s">
        <v>41859</v>
      </c>
      <c r="I10908" s="1" t="s">
        <v>41860</v>
      </c>
      <c r="J10908" s="1" t="s">
        <v>41922</v>
      </c>
    </row>
    <row r="10909" spans="1:10" x14ac:dyDescent="0.35">
      <c r="A10909" s="1" t="s">
        <v>41853</v>
      </c>
      <c r="B10909" s="1" t="s">
        <v>41854</v>
      </c>
      <c r="C10909" s="1" t="s">
        <v>95</v>
      </c>
      <c r="D10909" s="1" t="s">
        <v>41923</v>
      </c>
      <c r="E10909" s="1" t="s">
        <v>41924</v>
      </c>
      <c r="F10909" s="1" t="s">
        <v>41925</v>
      </c>
      <c r="G10909" s="1" t="s">
        <v>41858</v>
      </c>
      <c r="H10909" s="1" t="s">
        <v>41859</v>
      </c>
      <c r="I10909" s="1" t="s">
        <v>41860</v>
      </c>
      <c r="J10909" s="1" t="s">
        <v>41926</v>
      </c>
    </row>
    <row r="10910" spans="1:10" x14ac:dyDescent="0.35">
      <c r="A10910" s="1" t="s">
        <v>41853</v>
      </c>
      <c r="B10910" s="1" t="s">
        <v>41854</v>
      </c>
      <c r="C10910" s="1" t="s">
        <v>100</v>
      </c>
      <c r="D10910" s="1" t="s">
        <v>41927</v>
      </c>
      <c r="E10910" s="1" t="s">
        <v>41928</v>
      </c>
      <c r="F10910" s="1" t="s">
        <v>41929</v>
      </c>
      <c r="G10910" s="1" t="s">
        <v>41858</v>
      </c>
      <c r="H10910" s="1" t="s">
        <v>41859</v>
      </c>
      <c r="I10910" s="1" t="s">
        <v>41860</v>
      </c>
      <c r="J10910" s="1" t="s">
        <v>41930</v>
      </c>
    </row>
    <row r="10911" spans="1:10" x14ac:dyDescent="0.35">
      <c r="A10911" s="1" t="s">
        <v>41853</v>
      </c>
      <c r="B10911" s="1" t="s">
        <v>41854</v>
      </c>
      <c r="C10911" s="1" t="s">
        <v>105</v>
      </c>
      <c r="D10911" s="1" t="s">
        <v>41931</v>
      </c>
      <c r="E10911" s="1" t="s">
        <v>41932</v>
      </c>
      <c r="F10911" s="1" t="s">
        <v>41933</v>
      </c>
      <c r="G10911" s="1" t="s">
        <v>41858</v>
      </c>
      <c r="H10911" s="1" t="s">
        <v>41859</v>
      </c>
      <c r="I10911" s="1" t="s">
        <v>41860</v>
      </c>
      <c r="J10911" s="1" t="s">
        <v>41934</v>
      </c>
    </row>
    <row r="10912" spans="1:10" x14ac:dyDescent="0.35">
      <c r="A10912" s="1" t="s">
        <v>41853</v>
      </c>
      <c r="B10912" s="1" t="s">
        <v>41854</v>
      </c>
      <c r="C10912" s="1" t="s">
        <v>110</v>
      </c>
      <c r="D10912" s="1" t="s">
        <v>41935</v>
      </c>
      <c r="E10912" s="1" t="s">
        <v>41936</v>
      </c>
      <c r="F10912" s="1" t="s">
        <v>41937</v>
      </c>
      <c r="G10912" s="1" t="s">
        <v>41858</v>
      </c>
      <c r="H10912" s="1" t="s">
        <v>41859</v>
      </c>
      <c r="I10912" s="1" t="s">
        <v>41860</v>
      </c>
      <c r="J10912" s="1" t="s">
        <v>41938</v>
      </c>
    </row>
    <row r="10913" spans="1:10" x14ac:dyDescent="0.35">
      <c r="A10913" s="1" t="s">
        <v>41853</v>
      </c>
      <c r="B10913" s="1" t="s">
        <v>41854</v>
      </c>
      <c r="C10913" s="1" t="s">
        <v>115</v>
      </c>
      <c r="D10913" s="1" t="s">
        <v>41939</v>
      </c>
      <c r="E10913" s="1" t="s">
        <v>41940</v>
      </c>
      <c r="F10913" s="1" t="s">
        <v>41941</v>
      </c>
      <c r="G10913" s="1" t="s">
        <v>41858</v>
      </c>
      <c r="H10913" s="1" t="s">
        <v>41859</v>
      </c>
      <c r="I10913" s="1" t="s">
        <v>41860</v>
      </c>
      <c r="J10913" s="1" t="s">
        <v>41942</v>
      </c>
    </row>
    <row r="10914" spans="1:10" x14ac:dyDescent="0.35">
      <c r="A10914" s="1" t="s">
        <v>41853</v>
      </c>
      <c r="B10914" s="1" t="s">
        <v>41854</v>
      </c>
      <c r="C10914" s="1" t="s">
        <v>120</v>
      </c>
      <c r="D10914" s="1" t="s">
        <v>41943</v>
      </c>
      <c r="E10914" s="1" t="s">
        <v>41944</v>
      </c>
      <c r="F10914" s="1" t="s">
        <v>41945</v>
      </c>
      <c r="G10914" s="1" t="s">
        <v>41858</v>
      </c>
      <c r="H10914" s="1" t="s">
        <v>41859</v>
      </c>
      <c r="I10914" s="1" t="s">
        <v>41860</v>
      </c>
      <c r="J10914" s="1" t="s">
        <v>41946</v>
      </c>
    </row>
    <row r="10915" spans="1:10" x14ac:dyDescent="0.35">
      <c r="A10915" s="1" t="s">
        <v>41853</v>
      </c>
      <c r="B10915" s="1" t="s">
        <v>41854</v>
      </c>
      <c r="C10915" s="1" t="s">
        <v>125</v>
      </c>
      <c r="D10915" s="1" t="s">
        <v>41947</v>
      </c>
      <c r="E10915" s="1" t="s">
        <v>41948</v>
      </c>
      <c r="F10915" s="1" t="s">
        <v>41949</v>
      </c>
      <c r="G10915" s="1" t="s">
        <v>41858</v>
      </c>
      <c r="H10915" s="1" t="s">
        <v>41859</v>
      </c>
      <c r="I10915" s="1" t="s">
        <v>41860</v>
      </c>
      <c r="J10915" s="1" t="s">
        <v>41950</v>
      </c>
    </row>
    <row r="10916" spans="1:10" x14ac:dyDescent="0.35">
      <c r="A10916" s="1" t="s">
        <v>41853</v>
      </c>
      <c r="B10916" s="1" t="s">
        <v>41854</v>
      </c>
      <c r="C10916" s="1" t="s">
        <v>130</v>
      </c>
      <c r="D10916" s="1" t="s">
        <v>41951</v>
      </c>
      <c r="E10916" s="1" t="s">
        <v>41952</v>
      </c>
      <c r="F10916" s="1" t="s">
        <v>41953</v>
      </c>
      <c r="G10916" s="1" t="s">
        <v>41858</v>
      </c>
      <c r="H10916" s="1" t="s">
        <v>41859</v>
      </c>
      <c r="I10916" s="1" t="s">
        <v>41860</v>
      </c>
      <c r="J10916" s="1" t="s">
        <v>41954</v>
      </c>
    </row>
    <row r="10917" spans="1:10" x14ac:dyDescent="0.35">
      <c r="A10917" s="1" t="s">
        <v>41853</v>
      </c>
      <c r="B10917" s="1" t="s">
        <v>41854</v>
      </c>
      <c r="C10917" s="1" t="s">
        <v>135</v>
      </c>
      <c r="D10917" s="1" t="s">
        <v>41955</v>
      </c>
      <c r="E10917" s="1" t="s">
        <v>41956</v>
      </c>
      <c r="F10917" s="1" t="s">
        <v>41957</v>
      </c>
      <c r="G10917" s="1" t="s">
        <v>41858</v>
      </c>
      <c r="H10917" s="1" t="s">
        <v>41859</v>
      </c>
      <c r="I10917" s="1" t="s">
        <v>41860</v>
      </c>
      <c r="J10917" s="1" t="s">
        <v>41958</v>
      </c>
    </row>
    <row r="10918" spans="1:10" x14ac:dyDescent="0.35">
      <c r="A10918" s="1" t="s">
        <v>41853</v>
      </c>
      <c r="B10918" s="1" t="s">
        <v>41854</v>
      </c>
      <c r="C10918" s="1" t="s">
        <v>140</v>
      </c>
      <c r="D10918" s="1" t="s">
        <v>26155</v>
      </c>
      <c r="E10918" s="1" t="s">
        <v>41959</v>
      </c>
      <c r="F10918" s="1" t="s">
        <v>41960</v>
      </c>
      <c r="G10918" s="1" t="s">
        <v>41858</v>
      </c>
      <c r="H10918" s="1" t="s">
        <v>41859</v>
      </c>
      <c r="I10918" s="1" t="s">
        <v>41860</v>
      </c>
      <c r="J10918" s="1" t="s">
        <v>41961</v>
      </c>
    </row>
    <row r="10919" spans="1:10" x14ac:dyDescent="0.35">
      <c r="A10919" s="1" t="s">
        <v>41853</v>
      </c>
      <c r="B10919" s="1" t="s">
        <v>41854</v>
      </c>
      <c r="C10919" s="1" t="s">
        <v>145</v>
      </c>
      <c r="D10919" s="1" t="s">
        <v>41962</v>
      </c>
      <c r="E10919" s="1" t="s">
        <v>41963</v>
      </c>
      <c r="F10919" s="1" t="s">
        <v>41964</v>
      </c>
      <c r="G10919" s="1" t="s">
        <v>41858</v>
      </c>
      <c r="H10919" s="1" t="s">
        <v>41859</v>
      </c>
      <c r="I10919" s="1" t="s">
        <v>41860</v>
      </c>
      <c r="J10919" s="1" t="s">
        <v>41965</v>
      </c>
    </row>
    <row r="10920" spans="1:10" x14ac:dyDescent="0.35">
      <c r="A10920" s="1" t="s">
        <v>41853</v>
      </c>
      <c r="B10920" s="1" t="s">
        <v>41854</v>
      </c>
      <c r="C10920" s="1" t="s">
        <v>150</v>
      </c>
      <c r="D10920" s="1" t="s">
        <v>41966</v>
      </c>
      <c r="E10920" s="1" t="s">
        <v>41967</v>
      </c>
      <c r="F10920" s="1" t="s">
        <v>41968</v>
      </c>
      <c r="G10920" s="1" t="s">
        <v>41858</v>
      </c>
      <c r="H10920" s="1" t="s">
        <v>41859</v>
      </c>
      <c r="I10920" s="1" t="s">
        <v>41860</v>
      </c>
      <c r="J10920" s="1" t="s">
        <v>41969</v>
      </c>
    </row>
    <row r="10921" spans="1:10" x14ac:dyDescent="0.35">
      <c r="A10921" s="1" t="s">
        <v>41853</v>
      </c>
      <c r="B10921" s="1" t="s">
        <v>41854</v>
      </c>
      <c r="C10921" s="1" t="s">
        <v>155</v>
      </c>
      <c r="D10921" s="1" t="s">
        <v>41970</v>
      </c>
      <c r="E10921" s="1" t="s">
        <v>41971</v>
      </c>
      <c r="F10921" s="1" t="s">
        <v>41972</v>
      </c>
      <c r="G10921" s="1" t="s">
        <v>41858</v>
      </c>
      <c r="H10921" s="1" t="s">
        <v>41859</v>
      </c>
      <c r="I10921" s="1" t="s">
        <v>41860</v>
      </c>
      <c r="J10921" s="1" t="s">
        <v>41973</v>
      </c>
    </row>
    <row r="10922" spans="1:10" x14ac:dyDescent="0.35">
      <c r="A10922" s="1" t="s">
        <v>41853</v>
      </c>
      <c r="B10922" s="1" t="s">
        <v>41854</v>
      </c>
      <c r="C10922" s="1" t="s">
        <v>160</v>
      </c>
      <c r="D10922" s="1" t="s">
        <v>41974</v>
      </c>
      <c r="E10922" s="1" t="s">
        <v>41975</v>
      </c>
      <c r="F10922" s="1" t="s">
        <v>41976</v>
      </c>
      <c r="G10922" s="1" t="s">
        <v>41858</v>
      </c>
      <c r="H10922" s="1" t="s">
        <v>41859</v>
      </c>
      <c r="I10922" s="1" t="s">
        <v>41860</v>
      </c>
      <c r="J10922" s="1" t="s">
        <v>41977</v>
      </c>
    </row>
    <row r="10923" spans="1:10" x14ac:dyDescent="0.35">
      <c r="A10923" s="1" t="s">
        <v>41853</v>
      </c>
      <c r="B10923" s="1" t="s">
        <v>41854</v>
      </c>
      <c r="C10923" s="1" t="s">
        <v>165</v>
      </c>
      <c r="D10923" s="1" t="s">
        <v>41978</v>
      </c>
      <c r="E10923" s="1" t="s">
        <v>41979</v>
      </c>
      <c r="F10923" s="1" t="s">
        <v>41980</v>
      </c>
      <c r="G10923" s="1" t="s">
        <v>41858</v>
      </c>
      <c r="H10923" s="1" t="s">
        <v>41859</v>
      </c>
      <c r="I10923" s="1" t="s">
        <v>41860</v>
      </c>
      <c r="J10923" s="1" t="s">
        <v>41981</v>
      </c>
    </row>
    <row r="10924" spans="1:10" x14ac:dyDescent="0.35">
      <c r="A10924" s="1" t="s">
        <v>41853</v>
      </c>
      <c r="B10924" s="1" t="s">
        <v>41854</v>
      </c>
      <c r="C10924" s="1" t="s">
        <v>170</v>
      </c>
      <c r="D10924" s="1" t="s">
        <v>41982</v>
      </c>
      <c r="E10924" s="1" t="s">
        <v>41983</v>
      </c>
      <c r="F10924" s="1" t="s">
        <v>41984</v>
      </c>
      <c r="G10924" s="1" t="s">
        <v>41858</v>
      </c>
      <c r="H10924" s="1" t="s">
        <v>41859</v>
      </c>
      <c r="I10924" s="1" t="s">
        <v>41860</v>
      </c>
      <c r="J10924" s="1" t="s">
        <v>41985</v>
      </c>
    </row>
    <row r="10925" spans="1:10" x14ac:dyDescent="0.35">
      <c r="A10925" s="1" t="s">
        <v>41986</v>
      </c>
      <c r="B10925" s="1" t="s">
        <v>41854</v>
      </c>
      <c r="C10925" s="1" t="s">
        <v>8</v>
      </c>
      <c r="D10925" s="1" t="s">
        <v>34835</v>
      </c>
      <c r="E10925" s="1" t="s">
        <v>41987</v>
      </c>
      <c r="F10925" s="1" t="s">
        <v>41988</v>
      </c>
      <c r="G10925" s="1" t="s">
        <v>41989</v>
      </c>
      <c r="H10925" s="1" t="s">
        <v>41990</v>
      </c>
      <c r="I10925" s="1" t="s">
        <v>41860</v>
      </c>
      <c r="J10925" s="1" t="s">
        <v>13</v>
      </c>
    </row>
    <row r="10926" spans="1:10" x14ac:dyDescent="0.35">
      <c r="A10926" s="1" t="s">
        <v>41986</v>
      </c>
      <c r="B10926" s="1" t="s">
        <v>41854</v>
      </c>
      <c r="C10926" s="1" t="s">
        <v>15</v>
      </c>
      <c r="D10926" s="1" t="s">
        <v>225</v>
      </c>
      <c r="E10926" s="1" t="s">
        <v>41991</v>
      </c>
      <c r="F10926" s="1" t="s">
        <v>41992</v>
      </c>
      <c r="G10926" s="1" t="s">
        <v>41989</v>
      </c>
      <c r="H10926" s="1" t="s">
        <v>41990</v>
      </c>
      <c r="I10926" s="1" t="s">
        <v>41860</v>
      </c>
      <c r="J10926" s="1" t="s">
        <v>41993</v>
      </c>
    </row>
    <row r="10927" spans="1:10" x14ac:dyDescent="0.35">
      <c r="A10927" s="1" t="s">
        <v>41986</v>
      </c>
      <c r="B10927" s="1" t="s">
        <v>41854</v>
      </c>
      <c r="C10927" s="1" t="s">
        <v>20</v>
      </c>
      <c r="D10927" s="1" t="s">
        <v>41994</v>
      </c>
      <c r="E10927" s="1" t="s">
        <v>41995</v>
      </c>
      <c r="F10927" s="1" t="s">
        <v>41996</v>
      </c>
      <c r="G10927" s="1" t="s">
        <v>41989</v>
      </c>
      <c r="H10927" s="1" t="s">
        <v>41990</v>
      </c>
      <c r="I10927" s="1" t="s">
        <v>41860</v>
      </c>
      <c r="J10927" s="1" t="s">
        <v>41997</v>
      </c>
    </row>
    <row r="10928" spans="1:10" x14ac:dyDescent="0.35">
      <c r="A10928" s="1" t="s">
        <v>41986</v>
      </c>
      <c r="B10928" s="1" t="s">
        <v>41854</v>
      </c>
      <c r="C10928" s="1" t="s">
        <v>25</v>
      </c>
      <c r="D10928" s="1" t="s">
        <v>41998</v>
      </c>
      <c r="E10928" s="1" t="s">
        <v>41999</v>
      </c>
      <c r="F10928" s="1" t="s">
        <v>42000</v>
      </c>
      <c r="G10928" s="1" t="s">
        <v>41989</v>
      </c>
      <c r="H10928" s="1" t="s">
        <v>41990</v>
      </c>
      <c r="I10928" s="1" t="s">
        <v>41860</v>
      </c>
      <c r="J10928" s="1" t="s">
        <v>42001</v>
      </c>
    </row>
    <row r="10929" spans="1:10" x14ac:dyDescent="0.35">
      <c r="A10929" s="1" t="s">
        <v>41986</v>
      </c>
      <c r="B10929" s="1" t="s">
        <v>41854</v>
      </c>
      <c r="C10929" s="1" t="s">
        <v>30</v>
      </c>
      <c r="D10929" s="1" t="s">
        <v>7992</v>
      </c>
      <c r="E10929" s="1" t="s">
        <v>42002</v>
      </c>
      <c r="F10929" s="1" t="s">
        <v>42003</v>
      </c>
      <c r="G10929" s="1" t="s">
        <v>41989</v>
      </c>
      <c r="H10929" s="1" t="s">
        <v>41990</v>
      </c>
      <c r="I10929" s="1" t="s">
        <v>41860</v>
      </c>
      <c r="J10929" s="1" t="s">
        <v>42004</v>
      </c>
    </row>
    <row r="10930" spans="1:10" x14ac:dyDescent="0.35">
      <c r="A10930" s="1" t="s">
        <v>41986</v>
      </c>
      <c r="B10930" s="1" t="s">
        <v>41854</v>
      </c>
      <c r="C10930" s="1" t="s">
        <v>35</v>
      </c>
      <c r="D10930" s="1" t="s">
        <v>42005</v>
      </c>
      <c r="E10930" s="1" t="s">
        <v>42006</v>
      </c>
      <c r="F10930" s="1" t="s">
        <v>42007</v>
      </c>
      <c r="G10930" s="1" t="s">
        <v>41989</v>
      </c>
      <c r="H10930" s="1" t="s">
        <v>41990</v>
      </c>
      <c r="I10930" s="1" t="s">
        <v>41860</v>
      </c>
      <c r="J10930" s="1" t="s">
        <v>42008</v>
      </c>
    </row>
    <row r="10931" spans="1:10" x14ac:dyDescent="0.35">
      <c r="A10931" s="1" t="s">
        <v>41986</v>
      </c>
      <c r="B10931" s="1" t="s">
        <v>41854</v>
      </c>
      <c r="C10931" s="1" t="s">
        <v>40</v>
      </c>
      <c r="D10931" s="1" t="s">
        <v>42009</v>
      </c>
      <c r="E10931" s="1" t="s">
        <v>42010</v>
      </c>
      <c r="F10931" s="1" t="s">
        <v>42011</v>
      </c>
      <c r="G10931" s="1" t="s">
        <v>41989</v>
      </c>
      <c r="H10931" s="1" t="s">
        <v>41990</v>
      </c>
      <c r="I10931" s="1" t="s">
        <v>41860</v>
      </c>
      <c r="J10931" s="1" t="s">
        <v>42012</v>
      </c>
    </row>
    <row r="10932" spans="1:10" x14ac:dyDescent="0.35">
      <c r="A10932" s="1" t="s">
        <v>41986</v>
      </c>
      <c r="B10932" s="1" t="s">
        <v>41854</v>
      </c>
      <c r="C10932" s="1" t="s">
        <v>45</v>
      </c>
      <c r="D10932" s="1" t="s">
        <v>42013</v>
      </c>
      <c r="E10932" s="1" t="s">
        <v>42014</v>
      </c>
      <c r="F10932" s="1" t="s">
        <v>42015</v>
      </c>
      <c r="G10932" s="1" t="s">
        <v>41989</v>
      </c>
      <c r="H10932" s="1" t="s">
        <v>41990</v>
      </c>
      <c r="I10932" s="1" t="s">
        <v>41860</v>
      </c>
      <c r="J10932" s="1" t="s">
        <v>42016</v>
      </c>
    </row>
    <row r="10933" spans="1:10" x14ac:dyDescent="0.35">
      <c r="A10933" s="1" t="s">
        <v>41986</v>
      </c>
      <c r="B10933" s="1" t="s">
        <v>41854</v>
      </c>
      <c r="C10933" s="1" t="s">
        <v>50</v>
      </c>
      <c r="D10933" s="1" t="s">
        <v>42017</v>
      </c>
      <c r="E10933" s="1" t="s">
        <v>42018</v>
      </c>
      <c r="F10933" s="1" t="s">
        <v>42019</v>
      </c>
      <c r="G10933" s="1" t="s">
        <v>41989</v>
      </c>
      <c r="H10933" s="1" t="s">
        <v>41990</v>
      </c>
      <c r="I10933" s="1" t="s">
        <v>41860</v>
      </c>
      <c r="J10933" s="1" t="s">
        <v>42020</v>
      </c>
    </row>
    <row r="10934" spans="1:10" x14ac:dyDescent="0.35">
      <c r="A10934" s="1" t="s">
        <v>41986</v>
      </c>
      <c r="B10934" s="1" t="s">
        <v>41854</v>
      </c>
      <c r="C10934" s="1" t="s">
        <v>55</v>
      </c>
      <c r="D10934" s="1" t="s">
        <v>33779</v>
      </c>
      <c r="E10934" s="1" t="s">
        <v>42021</v>
      </c>
      <c r="F10934" s="1" t="s">
        <v>42022</v>
      </c>
      <c r="G10934" s="1" t="s">
        <v>41989</v>
      </c>
      <c r="H10934" s="1" t="s">
        <v>41990</v>
      </c>
      <c r="I10934" s="1" t="s">
        <v>41860</v>
      </c>
      <c r="J10934" s="1" t="s">
        <v>42023</v>
      </c>
    </row>
    <row r="10935" spans="1:10" x14ac:dyDescent="0.35">
      <c r="A10935" s="1" t="s">
        <v>41986</v>
      </c>
      <c r="B10935" s="1" t="s">
        <v>41854</v>
      </c>
      <c r="C10935" s="1" t="s">
        <v>60</v>
      </c>
      <c r="D10935" s="1" t="s">
        <v>42024</v>
      </c>
      <c r="E10935" s="1" t="s">
        <v>42025</v>
      </c>
      <c r="F10935" s="1" t="s">
        <v>42026</v>
      </c>
      <c r="G10935" s="1" t="s">
        <v>41989</v>
      </c>
      <c r="H10935" s="1" t="s">
        <v>41990</v>
      </c>
      <c r="I10935" s="1" t="s">
        <v>41860</v>
      </c>
      <c r="J10935" s="1" t="s">
        <v>42027</v>
      </c>
    </row>
    <row r="10936" spans="1:10" x14ac:dyDescent="0.35">
      <c r="A10936" s="1" t="s">
        <v>41986</v>
      </c>
      <c r="B10936" s="1" t="s">
        <v>41854</v>
      </c>
      <c r="C10936" s="1" t="s">
        <v>65</v>
      </c>
      <c r="D10936" s="1" t="s">
        <v>42028</v>
      </c>
      <c r="E10936" s="1" t="s">
        <v>42029</v>
      </c>
      <c r="F10936" s="1" t="s">
        <v>42030</v>
      </c>
      <c r="G10936" s="1" t="s">
        <v>41989</v>
      </c>
      <c r="H10936" s="1" t="s">
        <v>41990</v>
      </c>
      <c r="I10936" s="1" t="s">
        <v>41860</v>
      </c>
      <c r="J10936" s="1" t="s">
        <v>42031</v>
      </c>
    </row>
    <row r="10937" spans="1:10" x14ac:dyDescent="0.35">
      <c r="A10937" s="1" t="s">
        <v>41986</v>
      </c>
      <c r="B10937" s="1" t="s">
        <v>41854</v>
      </c>
      <c r="C10937" s="1" t="s">
        <v>70</v>
      </c>
      <c r="D10937" s="1" t="s">
        <v>42032</v>
      </c>
      <c r="E10937" s="1" t="s">
        <v>42033</v>
      </c>
      <c r="F10937" s="1" t="s">
        <v>42034</v>
      </c>
      <c r="G10937" s="1" t="s">
        <v>41989</v>
      </c>
      <c r="H10937" s="1" t="s">
        <v>41990</v>
      </c>
      <c r="I10937" s="1" t="s">
        <v>41860</v>
      </c>
      <c r="J10937" s="1" t="s">
        <v>42035</v>
      </c>
    </row>
    <row r="10938" spans="1:10" x14ac:dyDescent="0.35">
      <c r="A10938" s="1" t="s">
        <v>41986</v>
      </c>
      <c r="B10938" s="1" t="s">
        <v>41854</v>
      </c>
      <c r="C10938" s="1" t="s">
        <v>75</v>
      </c>
      <c r="D10938" s="1" t="s">
        <v>30629</v>
      </c>
      <c r="E10938" s="1" t="s">
        <v>42036</v>
      </c>
      <c r="F10938" s="1" t="s">
        <v>42037</v>
      </c>
      <c r="G10938" s="1" t="s">
        <v>41989</v>
      </c>
      <c r="H10938" s="1" t="s">
        <v>41990</v>
      </c>
      <c r="I10938" s="1" t="s">
        <v>41860</v>
      </c>
      <c r="J10938" s="1" t="s">
        <v>42038</v>
      </c>
    </row>
    <row r="10939" spans="1:10" x14ac:dyDescent="0.35">
      <c r="A10939" s="1" t="s">
        <v>41986</v>
      </c>
      <c r="B10939" s="1" t="s">
        <v>41854</v>
      </c>
      <c r="C10939" s="1" t="s">
        <v>80</v>
      </c>
      <c r="D10939" s="1" t="s">
        <v>35904</v>
      </c>
      <c r="E10939" s="1" t="s">
        <v>42039</v>
      </c>
      <c r="F10939" s="1" t="s">
        <v>42040</v>
      </c>
      <c r="G10939" s="1" t="s">
        <v>41989</v>
      </c>
      <c r="H10939" s="1" t="s">
        <v>41990</v>
      </c>
      <c r="I10939" s="1" t="s">
        <v>41860</v>
      </c>
      <c r="J10939" s="1" t="s">
        <v>42041</v>
      </c>
    </row>
    <row r="10940" spans="1:10" x14ac:dyDescent="0.35">
      <c r="A10940" s="1" t="s">
        <v>41986</v>
      </c>
      <c r="B10940" s="1" t="s">
        <v>41854</v>
      </c>
      <c r="C10940" s="1" t="s">
        <v>85</v>
      </c>
      <c r="D10940" s="1" t="s">
        <v>42042</v>
      </c>
      <c r="E10940" s="1" t="s">
        <v>42043</v>
      </c>
      <c r="F10940" s="1" t="s">
        <v>42044</v>
      </c>
      <c r="G10940" s="1" t="s">
        <v>41989</v>
      </c>
      <c r="H10940" s="1" t="s">
        <v>41990</v>
      </c>
      <c r="I10940" s="1" t="s">
        <v>41860</v>
      </c>
      <c r="J10940" s="1" t="s">
        <v>42045</v>
      </c>
    </row>
    <row r="10941" spans="1:10" x14ac:dyDescent="0.35">
      <c r="A10941" s="1" t="s">
        <v>41986</v>
      </c>
      <c r="B10941" s="1" t="s">
        <v>41854</v>
      </c>
      <c r="C10941" s="1" t="s">
        <v>90</v>
      </c>
      <c r="D10941" s="1" t="s">
        <v>42046</v>
      </c>
      <c r="E10941" s="1" t="s">
        <v>42047</v>
      </c>
      <c r="F10941" s="1" t="s">
        <v>42048</v>
      </c>
      <c r="G10941" s="1" t="s">
        <v>41989</v>
      </c>
      <c r="H10941" s="1" t="s">
        <v>41990</v>
      </c>
      <c r="I10941" s="1" t="s">
        <v>41860</v>
      </c>
      <c r="J10941" s="1" t="s">
        <v>42049</v>
      </c>
    </row>
    <row r="10942" spans="1:10" x14ac:dyDescent="0.35">
      <c r="A10942" s="1" t="s">
        <v>41986</v>
      </c>
      <c r="B10942" s="1" t="s">
        <v>41854</v>
      </c>
      <c r="C10942" s="1" t="s">
        <v>95</v>
      </c>
      <c r="D10942" s="1" t="s">
        <v>42050</v>
      </c>
      <c r="E10942" s="1" t="s">
        <v>42051</v>
      </c>
      <c r="F10942" s="1" t="s">
        <v>42052</v>
      </c>
      <c r="G10942" s="1" t="s">
        <v>41989</v>
      </c>
      <c r="H10942" s="1" t="s">
        <v>41990</v>
      </c>
      <c r="I10942" s="1" t="s">
        <v>41860</v>
      </c>
      <c r="J10942" s="1" t="s">
        <v>42053</v>
      </c>
    </row>
    <row r="10943" spans="1:10" x14ac:dyDescent="0.35">
      <c r="A10943" s="1" t="s">
        <v>41986</v>
      </c>
      <c r="B10943" s="1" t="s">
        <v>41854</v>
      </c>
      <c r="C10943" s="1" t="s">
        <v>100</v>
      </c>
      <c r="D10943" s="1" t="s">
        <v>42054</v>
      </c>
      <c r="E10943" s="1" t="s">
        <v>42055</v>
      </c>
      <c r="F10943" s="1" t="s">
        <v>42056</v>
      </c>
      <c r="G10943" s="1" t="s">
        <v>41989</v>
      </c>
      <c r="H10943" s="1" t="s">
        <v>41990</v>
      </c>
      <c r="I10943" s="1" t="s">
        <v>41860</v>
      </c>
      <c r="J10943" s="1" t="s">
        <v>42057</v>
      </c>
    </row>
    <row r="10944" spans="1:10" x14ac:dyDescent="0.35">
      <c r="A10944" s="1" t="s">
        <v>41986</v>
      </c>
      <c r="B10944" s="1" t="s">
        <v>41854</v>
      </c>
      <c r="C10944" s="1" t="s">
        <v>105</v>
      </c>
      <c r="D10944" s="1" t="s">
        <v>42058</v>
      </c>
      <c r="E10944" s="1" t="s">
        <v>42059</v>
      </c>
      <c r="F10944" s="1" t="s">
        <v>42060</v>
      </c>
      <c r="G10944" s="1" t="s">
        <v>41989</v>
      </c>
      <c r="H10944" s="1" t="s">
        <v>41990</v>
      </c>
      <c r="I10944" s="1" t="s">
        <v>41860</v>
      </c>
      <c r="J10944" s="1" t="s">
        <v>42061</v>
      </c>
    </row>
    <row r="10945" spans="1:10" x14ac:dyDescent="0.35">
      <c r="A10945" s="1" t="s">
        <v>41986</v>
      </c>
      <c r="B10945" s="1" t="s">
        <v>41854</v>
      </c>
      <c r="C10945" s="1" t="s">
        <v>110</v>
      </c>
      <c r="D10945" s="1" t="s">
        <v>36952</v>
      </c>
      <c r="E10945" s="1" t="s">
        <v>42062</v>
      </c>
      <c r="F10945" s="1" t="s">
        <v>42063</v>
      </c>
      <c r="G10945" s="1" t="s">
        <v>41989</v>
      </c>
      <c r="H10945" s="1" t="s">
        <v>41990</v>
      </c>
      <c r="I10945" s="1" t="s">
        <v>41860</v>
      </c>
      <c r="J10945" s="1" t="s">
        <v>42064</v>
      </c>
    </row>
    <row r="10946" spans="1:10" x14ac:dyDescent="0.35">
      <c r="A10946" s="1" t="s">
        <v>41986</v>
      </c>
      <c r="B10946" s="1" t="s">
        <v>41854</v>
      </c>
      <c r="C10946" s="1" t="s">
        <v>115</v>
      </c>
      <c r="D10946" s="1" t="s">
        <v>171</v>
      </c>
      <c r="E10946" s="1" t="s">
        <v>42065</v>
      </c>
      <c r="F10946" s="1" t="s">
        <v>42066</v>
      </c>
      <c r="G10946" s="1" t="s">
        <v>41989</v>
      </c>
      <c r="H10946" s="1" t="s">
        <v>41990</v>
      </c>
      <c r="I10946" s="1" t="s">
        <v>41860</v>
      </c>
      <c r="J10946" s="1" t="s">
        <v>42067</v>
      </c>
    </row>
    <row r="10947" spans="1:10" x14ac:dyDescent="0.35">
      <c r="A10947" s="1" t="s">
        <v>41986</v>
      </c>
      <c r="B10947" s="1" t="s">
        <v>41854</v>
      </c>
      <c r="C10947" s="1" t="s">
        <v>120</v>
      </c>
      <c r="D10947" s="1" t="s">
        <v>42068</v>
      </c>
      <c r="E10947" s="1" t="s">
        <v>42069</v>
      </c>
      <c r="F10947" s="1" t="s">
        <v>42070</v>
      </c>
      <c r="G10947" s="1" t="s">
        <v>41989</v>
      </c>
      <c r="H10947" s="1" t="s">
        <v>41990</v>
      </c>
      <c r="I10947" s="1" t="s">
        <v>41860</v>
      </c>
      <c r="J10947" s="1" t="s">
        <v>42071</v>
      </c>
    </row>
    <row r="10948" spans="1:10" x14ac:dyDescent="0.35">
      <c r="A10948" s="1" t="s">
        <v>41986</v>
      </c>
      <c r="B10948" s="1" t="s">
        <v>41854</v>
      </c>
      <c r="C10948" s="1" t="s">
        <v>125</v>
      </c>
      <c r="D10948" s="1" t="s">
        <v>42072</v>
      </c>
      <c r="E10948" s="1" t="s">
        <v>42073</v>
      </c>
      <c r="F10948" s="1" t="s">
        <v>42074</v>
      </c>
      <c r="G10948" s="1" t="s">
        <v>41989</v>
      </c>
      <c r="H10948" s="1" t="s">
        <v>41990</v>
      </c>
      <c r="I10948" s="1" t="s">
        <v>41860</v>
      </c>
      <c r="J10948" s="1" t="s">
        <v>42075</v>
      </c>
    </row>
    <row r="10949" spans="1:10" x14ac:dyDescent="0.35">
      <c r="A10949" s="1" t="s">
        <v>41986</v>
      </c>
      <c r="B10949" s="1" t="s">
        <v>41854</v>
      </c>
      <c r="C10949" s="1" t="s">
        <v>130</v>
      </c>
      <c r="D10949" s="1" t="s">
        <v>34105</v>
      </c>
      <c r="E10949" s="1" t="s">
        <v>42076</v>
      </c>
      <c r="F10949" s="1" t="s">
        <v>42077</v>
      </c>
      <c r="G10949" s="1" t="s">
        <v>41989</v>
      </c>
      <c r="H10949" s="1" t="s">
        <v>41990</v>
      </c>
      <c r="I10949" s="1" t="s">
        <v>41860</v>
      </c>
      <c r="J10949" s="1" t="s">
        <v>42078</v>
      </c>
    </row>
    <row r="10950" spans="1:10" x14ac:dyDescent="0.35">
      <c r="A10950" s="1" t="s">
        <v>41986</v>
      </c>
      <c r="B10950" s="1" t="s">
        <v>41854</v>
      </c>
      <c r="C10950" s="1" t="s">
        <v>135</v>
      </c>
      <c r="D10950" s="1" t="s">
        <v>42079</v>
      </c>
      <c r="E10950" s="1" t="s">
        <v>42080</v>
      </c>
      <c r="F10950" s="1" t="s">
        <v>42081</v>
      </c>
      <c r="G10950" s="1" t="s">
        <v>41989</v>
      </c>
      <c r="H10950" s="1" t="s">
        <v>41990</v>
      </c>
      <c r="I10950" s="1" t="s">
        <v>41860</v>
      </c>
      <c r="J10950" s="1" t="s">
        <v>42082</v>
      </c>
    </row>
    <row r="10951" spans="1:10" x14ac:dyDescent="0.35">
      <c r="A10951" s="1" t="s">
        <v>41986</v>
      </c>
      <c r="B10951" s="1" t="s">
        <v>41854</v>
      </c>
      <c r="C10951" s="1" t="s">
        <v>140</v>
      </c>
      <c r="D10951" s="1" t="s">
        <v>42083</v>
      </c>
      <c r="E10951" s="1" t="s">
        <v>42084</v>
      </c>
      <c r="F10951" s="1" t="s">
        <v>42085</v>
      </c>
      <c r="G10951" s="1" t="s">
        <v>41989</v>
      </c>
      <c r="H10951" s="1" t="s">
        <v>41990</v>
      </c>
      <c r="I10951" s="1" t="s">
        <v>41860</v>
      </c>
      <c r="J10951" s="1" t="s">
        <v>42086</v>
      </c>
    </row>
    <row r="10952" spans="1:10" x14ac:dyDescent="0.35">
      <c r="A10952" s="1" t="s">
        <v>41986</v>
      </c>
      <c r="B10952" s="1" t="s">
        <v>41854</v>
      </c>
      <c r="C10952" s="1" t="s">
        <v>145</v>
      </c>
      <c r="D10952" s="1" t="s">
        <v>42087</v>
      </c>
      <c r="E10952" s="1" t="s">
        <v>42088</v>
      </c>
      <c r="F10952" s="1" t="s">
        <v>42089</v>
      </c>
      <c r="G10952" s="1" t="s">
        <v>41989</v>
      </c>
      <c r="H10952" s="1" t="s">
        <v>41990</v>
      </c>
      <c r="I10952" s="1" t="s">
        <v>41860</v>
      </c>
      <c r="J10952" s="1" t="s">
        <v>42090</v>
      </c>
    </row>
    <row r="10953" spans="1:10" x14ac:dyDescent="0.35">
      <c r="A10953" s="1" t="s">
        <v>41986</v>
      </c>
      <c r="B10953" s="1" t="s">
        <v>41854</v>
      </c>
      <c r="C10953" s="1" t="s">
        <v>150</v>
      </c>
      <c r="D10953" s="1" t="s">
        <v>42091</v>
      </c>
      <c r="E10953" s="1" t="s">
        <v>42092</v>
      </c>
      <c r="F10953" s="1" t="s">
        <v>42093</v>
      </c>
      <c r="G10953" s="1" t="s">
        <v>41989</v>
      </c>
      <c r="H10953" s="1" t="s">
        <v>41990</v>
      </c>
      <c r="I10953" s="1" t="s">
        <v>41860</v>
      </c>
      <c r="J10953" s="1" t="s">
        <v>42094</v>
      </c>
    </row>
    <row r="10954" spans="1:10" x14ac:dyDescent="0.35">
      <c r="A10954" s="1" t="s">
        <v>41986</v>
      </c>
      <c r="B10954" s="1" t="s">
        <v>41854</v>
      </c>
      <c r="C10954" s="1" t="s">
        <v>155</v>
      </c>
      <c r="D10954" s="1" t="s">
        <v>42095</v>
      </c>
      <c r="E10954" s="1" t="s">
        <v>42096</v>
      </c>
      <c r="F10954" s="1" t="s">
        <v>42097</v>
      </c>
      <c r="G10954" s="1" t="s">
        <v>41989</v>
      </c>
      <c r="H10954" s="1" t="s">
        <v>41990</v>
      </c>
      <c r="I10954" s="1" t="s">
        <v>41860</v>
      </c>
      <c r="J10954" s="1" t="s">
        <v>42098</v>
      </c>
    </row>
    <row r="10955" spans="1:10" x14ac:dyDescent="0.35">
      <c r="A10955" s="1" t="s">
        <v>41986</v>
      </c>
      <c r="B10955" s="1" t="s">
        <v>41854</v>
      </c>
      <c r="C10955" s="1" t="s">
        <v>160</v>
      </c>
      <c r="D10955" s="1" t="s">
        <v>2473</v>
      </c>
      <c r="E10955" s="1" t="s">
        <v>42099</v>
      </c>
      <c r="F10955" s="1" t="s">
        <v>42100</v>
      </c>
      <c r="G10955" s="1" t="s">
        <v>41989</v>
      </c>
      <c r="H10955" s="1" t="s">
        <v>41990</v>
      </c>
      <c r="I10955" s="1" t="s">
        <v>41860</v>
      </c>
      <c r="J10955" s="1" t="s">
        <v>42101</v>
      </c>
    </row>
    <row r="10956" spans="1:10" x14ac:dyDescent="0.35">
      <c r="A10956" s="1" t="s">
        <v>41986</v>
      </c>
      <c r="B10956" s="1" t="s">
        <v>41854</v>
      </c>
      <c r="C10956" s="1" t="s">
        <v>165</v>
      </c>
      <c r="D10956" s="1" t="s">
        <v>42102</v>
      </c>
      <c r="E10956" s="1" t="s">
        <v>42103</v>
      </c>
      <c r="F10956" s="1" t="s">
        <v>42104</v>
      </c>
      <c r="G10956" s="1" t="s">
        <v>41989</v>
      </c>
      <c r="H10956" s="1" t="s">
        <v>41990</v>
      </c>
      <c r="I10956" s="1" t="s">
        <v>41860</v>
      </c>
      <c r="J10956" s="1" t="s">
        <v>42105</v>
      </c>
    </row>
    <row r="10957" spans="1:10" x14ac:dyDescent="0.35">
      <c r="A10957" s="1" t="s">
        <v>41986</v>
      </c>
      <c r="B10957" s="1" t="s">
        <v>41854</v>
      </c>
      <c r="C10957" s="1" t="s">
        <v>170</v>
      </c>
      <c r="D10957" s="1" t="s">
        <v>42106</v>
      </c>
      <c r="E10957" s="1" t="s">
        <v>42107</v>
      </c>
      <c r="F10957" s="1" t="s">
        <v>42108</v>
      </c>
      <c r="G10957" s="1" t="s">
        <v>41989</v>
      </c>
      <c r="H10957" s="1" t="s">
        <v>41990</v>
      </c>
      <c r="I10957" s="1" t="s">
        <v>41860</v>
      </c>
      <c r="J10957" s="1" t="s">
        <v>42109</v>
      </c>
    </row>
    <row r="10958" spans="1:10" x14ac:dyDescent="0.35">
      <c r="A10958" s="1" t="s">
        <v>42110</v>
      </c>
      <c r="B10958" s="1" t="s">
        <v>41854</v>
      </c>
      <c r="C10958" s="1" t="s">
        <v>8</v>
      </c>
      <c r="D10958" s="1" t="s">
        <v>35571</v>
      </c>
      <c r="E10958" s="1" t="s">
        <v>42111</v>
      </c>
      <c r="F10958" s="1" t="s">
        <v>42112</v>
      </c>
      <c r="G10958" s="1" t="s">
        <v>42113</v>
      </c>
      <c r="H10958" s="1" t="s">
        <v>42114</v>
      </c>
      <c r="I10958" s="1" t="s">
        <v>41860</v>
      </c>
      <c r="J10958" s="1" t="s">
        <v>13</v>
      </c>
    </row>
    <row r="10959" spans="1:10" x14ac:dyDescent="0.35">
      <c r="A10959" s="1" t="s">
        <v>42110</v>
      </c>
      <c r="B10959" s="1" t="s">
        <v>41854</v>
      </c>
      <c r="C10959" s="1" t="s">
        <v>15</v>
      </c>
      <c r="D10959" s="1" t="s">
        <v>31104</v>
      </c>
      <c r="E10959" s="1" t="s">
        <v>42115</v>
      </c>
      <c r="F10959" s="1" t="s">
        <v>42116</v>
      </c>
      <c r="G10959" s="1" t="s">
        <v>42113</v>
      </c>
      <c r="H10959" s="1" t="s">
        <v>42114</v>
      </c>
      <c r="I10959" s="1" t="s">
        <v>41860</v>
      </c>
      <c r="J10959" s="1" t="s">
        <v>42117</v>
      </c>
    </row>
    <row r="10960" spans="1:10" x14ac:dyDescent="0.35">
      <c r="A10960" s="1" t="s">
        <v>42110</v>
      </c>
      <c r="B10960" s="1" t="s">
        <v>41854</v>
      </c>
      <c r="C10960" s="1" t="s">
        <v>20</v>
      </c>
      <c r="D10960" s="1" t="s">
        <v>42118</v>
      </c>
      <c r="E10960" s="1" t="s">
        <v>42119</v>
      </c>
      <c r="F10960" s="1" t="s">
        <v>42120</v>
      </c>
      <c r="G10960" s="1" t="s">
        <v>42113</v>
      </c>
      <c r="H10960" s="1" t="s">
        <v>42114</v>
      </c>
      <c r="I10960" s="1" t="s">
        <v>41860</v>
      </c>
      <c r="J10960" s="1" t="s">
        <v>42121</v>
      </c>
    </row>
    <row r="10961" spans="1:10" x14ac:dyDescent="0.35">
      <c r="A10961" s="1" t="s">
        <v>42110</v>
      </c>
      <c r="B10961" s="1" t="s">
        <v>41854</v>
      </c>
      <c r="C10961" s="1" t="s">
        <v>25</v>
      </c>
      <c r="D10961" s="1" t="s">
        <v>42122</v>
      </c>
      <c r="E10961" s="1" t="s">
        <v>42123</v>
      </c>
      <c r="F10961" s="1" t="s">
        <v>42124</v>
      </c>
      <c r="G10961" s="1" t="s">
        <v>42113</v>
      </c>
      <c r="H10961" s="1" t="s">
        <v>42114</v>
      </c>
      <c r="I10961" s="1" t="s">
        <v>41860</v>
      </c>
      <c r="J10961" s="1" t="s">
        <v>42125</v>
      </c>
    </row>
    <row r="10962" spans="1:10" x14ac:dyDescent="0.35">
      <c r="A10962" s="1" t="s">
        <v>42110</v>
      </c>
      <c r="B10962" s="1" t="s">
        <v>41854</v>
      </c>
      <c r="C10962" s="1" t="s">
        <v>30</v>
      </c>
      <c r="D10962" s="1" t="s">
        <v>42126</v>
      </c>
      <c r="E10962" s="1" t="s">
        <v>42127</v>
      </c>
      <c r="F10962" s="1" t="s">
        <v>42128</v>
      </c>
      <c r="G10962" s="1" t="s">
        <v>42113</v>
      </c>
      <c r="H10962" s="1" t="s">
        <v>42114</v>
      </c>
      <c r="I10962" s="1" t="s">
        <v>41860</v>
      </c>
      <c r="J10962" s="1" t="s">
        <v>42129</v>
      </c>
    </row>
    <row r="10963" spans="1:10" x14ac:dyDescent="0.35">
      <c r="A10963" s="1" t="s">
        <v>42110</v>
      </c>
      <c r="B10963" s="1" t="s">
        <v>41854</v>
      </c>
      <c r="C10963" s="1" t="s">
        <v>35</v>
      </c>
      <c r="D10963" s="1" t="s">
        <v>42130</v>
      </c>
      <c r="E10963" s="1" t="s">
        <v>42131</v>
      </c>
      <c r="F10963" s="1" t="s">
        <v>42132</v>
      </c>
      <c r="G10963" s="1" t="s">
        <v>42113</v>
      </c>
      <c r="H10963" s="1" t="s">
        <v>42114</v>
      </c>
      <c r="I10963" s="1" t="s">
        <v>41860</v>
      </c>
      <c r="J10963" s="1" t="s">
        <v>42133</v>
      </c>
    </row>
    <row r="10964" spans="1:10" x14ac:dyDescent="0.35">
      <c r="A10964" s="1" t="s">
        <v>42110</v>
      </c>
      <c r="B10964" s="1" t="s">
        <v>41854</v>
      </c>
      <c r="C10964" s="1" t="s">
        <v>40</v>
      </c>
      <c r="D10964" s="1" t="s">
        <v>42134</v>
      </c>
      <c r="E10964" s="1" t="s">
        <v>42135</v>
      </c>
      <c r="F10964" s="1" t="s">
        <v>42136</v>
      </c>
      <c r="G10964" s="1" t="s">
        <v>42113</v>
      </c>
      <c r="H10964" s="1" t="s">
        <v>42114</v>
      </c>
      <c r="I10964" s="1" t="s">
        <v>41860</v>
      </c>
      <c r="J10964" s="1" t="s">
        <v>42137</v>
      </c>
    </row>
    <row r="10965" spans="1:10" x14ac:dyDescent="0.35">
      <c r="A10965" s="1" t="s">
        <v>42110</v>
      </c>
      <c r="B10965" s="1" t="s">
        <v>41854</v>
      </c>
      <c r="C10965" s="1" t="s">
        <v>45</v>
      </c>
      <c r="D10965" s="1" t="s">
        <v>42138</v>
      </c>
      <c r="E10965" s="1" t="s">
        <v>42139</v>
      </c>
      <c r="F10965" s="1" t="s">
        <v>42140</v>
      </c>
      <c r="G10965" s="1" t="s">
        <v>42113</v>
      </c>
      <c r="H10965" s="1" t="s">
        <v>42114</v>
      </c>
      <c r="I10965" s="1" t="s">
        <v>41860</v>
      </c>
      <c r="J10965" s="1" t="s">
        <v>42141</v>
      </c>
    </row>
    <row r="10966" spans="1:10" x14ac:dyDescent="0.35">
      <c r="A10966" s="1" t="s">
        <v>42110</v>
      </c>
      <c r="B10966" s="1" t="s">
        <v>41854</v>
      </c>
      <c r="C10966" s="1" t="s">
        <v>50</v>
      </c>
      <c r="D10966" s="1" t="s">
        <v>42142</v>
      </c>
      <c r="E10966" s="1" t="s">
        <v>42143</v>
      </c>
      <c r="F10966" s="1" t="s">
        <v>42144</v>
      </c>
      <c r="G10966" s="1" t="s">
        <v>42113</v>
      </c>
      <c r="H10966" s="1" t="s">
        <v>42114</v>
      </c>
      <c r="I10966" s="1" t="s">
        <v>41860</v>
      </c>
      <c r="J10966" s="1" t="s">
        <v>42145</v>
      </c>
    </row>
    <row r="10967" spans="1:10" x14ac:dyDescent="0.35">
      <c r="A10967" s="1" t="s">
        <v>42110</v>
      </c>
      <c r="B10967" s="1" t="s">
        <v>41854</v>
      </c>
      <c r="C10967" s="1" t="s">
        <v>55</v>
      </c>
      <c r="D10967" s="1" t="s">
        <v>42146</v>
      </c>
      <c r="E10967" s="1" t="s">
        <v>42147</v>
      </c>
      <c r="F10967" s="1" t="s">
        <v>42148</v>
      </c>
      <c r="G10967" s="1" t="s">
        <v>42113</v>
      </c>
      <c r="H10967" s="1" t="s">
        <v>42114</v>
      </c>
      <c r="I10967" s="1" t="s">
        <v>41860</v>
      </c>
      <c r="J10967" s="1" t="s">
        <v>42149</v>
      </c>
    </row>
    <row r="10968" spans="1:10" x14ac:dyDescent="0.35">
      <c r="A10968" s="1" t="s">
        <v>42110</v>
      </c>
      <c r="B10968" s="1" t="s">
        <v>41854</v>
      </c>
      <c r="C10968" s="1" t="s">
        <v>60</v>
      </c>
      <c r="D10968" s="1" t="s">
        <v>42150</v>
      </c>
      <c r="E10968" s="1" t="s">
        <v>42151</v>
      </c>
      <c r="F10968" s="1" t="s">
        <v>42152</v>
      </c>
      <c r="G10968" s="1" t="s">
        <v>42113</v>
      </c>
      <c r="H10968" s="1" t="s">
        <v>42114</v>
      </c>
      <c r="I10968" s="1" t="s">
        <v>41860</v>
      </c>
      <c r="J10968" s="1" t="s">
        <v>42153</v>
      </c>
    </row>
    <row r="10969" spans="1:10" x14ac:dyDescent="0.35">
      <c r="A10969" s="1" t="s">
        <v>42110</v>
      </c>
      <c r="B10969" s="1" t="s">
        <v>41854</v>
      </c>
      <c r="C10969" s="1" t="s">
        <v>65</v>
      </c>
      <c r="D10969" s="1" t="s">
        <v>42154</v>
      </c>
      <c r="E10969" s="1" t="s">
        <v>42155</v>
      </c>
      <c r="F10969" s="1" t="s">
        <v>42156</v>
      </c>
      <c r="G10969" s="1" t="s">
        <v>42113</v>
      </c>
      <c r="H10969" s="1" t="s">
        <v>42114</v>
      </c>
      <c r="I10969" s="1" t="s">
        <v>41860</v>
      </c>
      <c r="J10969" s="1" t="s">
        <v>41902</v>
      </c>
    </row>
    <row r="10970" spans="1:10" x14ac:dyDescent="0.35">
      <c r="A10970" s="1" t="s">
        <v>42110</v>
      </c>
      <c r="B10970" s="1" t="s">
        <v>41854</v>
      </c>
      <c r="C10970" s="1" t="s">
        <v>70</v>
      </c>
      <c r="D10970" s="1" t="s">
        <v>42157</v>
      </c>
      <c r="E10970" s="1" t="s">
        <v>42158</v>
      </c>
      <c r="F10970" s="1" t="s">
        <v>42159</v>
      </c>
      <c r="G10970" s="1" t="s">
        <v>42113</v>
      </c>
      <c r="H10970" s="1" t="s">
        <v>42114</v>
      </c>
      <c r="I10970" s="1" t="s">
        <v>41860</v>
      </c>
      <c r="J10970" s="1" t="s">
        <v>42160</v>
      </c>
    </row>
    <row r="10971" spans="1:10" x14ac:dyDescent="0.35">
      <c r="A10971" s="1" t="s">
        <v>42110</v>
      </c>
      <c r="B10971" s="1" t="s">
        <v>41854</v>
      </c>
      <c r="C10971" s="1" t="s">
        <v>75</v>
      </c>
      <c r="D10971" s="1" t="s">
        <v>42161</v>
      </c>
      <c r="E10971" s="1" t="s">
        <v>42162</v>
      </c>
      <c r="F10971" s="1" t="s">
        <v>42163</v>
      </c>
      <c r="G10971" s="1" t="s">
        <v>42113</v>
      </c>
      <c r="H10971" s="1" t="s">
        <v>42114</v>
      </c>
      <c r="I10971" s="1" t="s">
        <v>41860</v>
      </c>
      <c r="J10971" s="1" t="s">
        <v>42164</v>
      </c>
    </row>
    <row r="10972" spans="1:10" x14ac:dyDescent="0.35">
      <c r="A10972" s="1" t="s">
        <v>42110</v>
      </c>
      <c r="B10972" s="1" t="s">
        <v>41854</v>
      </c>
      <c r="C10972" s="1" t="s">
        <v>80</v>
      </c>
      <c r="D10972" s="1" t="s">
        <v>42165</v>
      </c>
      <c r="E10972" s="1" t="s">
        <v>42166</v>
      </c>
      <c r="F10972" s="1" t="s">
        <v>42167</v>
      </c>
      <c r="G10972" s="1" t="s">
        <v>42113</v>
      </c>
      <c r="H10972" s="1" t="s">
        <v>42114</v>
      </c>
      <c r="I10972" s="1" t="s">
        <v>41860</v>
      </c>
      <c r="J10972" s="1" t="s">
        <v>42168</v>
      </c>
    </row>
    <row r="10973" spans="1:10" x14ac:dyDescent="0.35">
      <c r="A10973" s="1" t="s">
        <v>42110</v>
      </c>
      <c r="B10973" s="1" t="s">
        <v>41854</v>
      </c>
      <c r="C10973" s="1" t="s">
        <v>85</v>
      </c>
      <c r="D10973" s="1" t="s">
        <v>18026</v>
      </c>
      <c r="E10973" s="1" t="s">
        <v>42169</v>
      </c>
      <c r="F10973" s="1" t="s">
        <v>42170</v>
      </c>
      <c r="G10973" s="1" t="s">
        <v>42113</v>
      </c>
      <c r="H10973" s="1" t="s">
        <v>42114</v>
      </c>
      <c r="I10973" s="1" t="s">
        <v>41860</v>
      </c>
      <c r="J10973" s="1" t="s">
        <v>42171</v>
      </c>
    </row>
    <row r="10974" spans="1:10" x14ac:dyDescent="0.35">
      <c r="A10974" s="1" t="s">
        <v>42110</v>
      </c>
      <c r="B10974" s="1" t="s">
        <v>41854</v>
      </c>
      <c r="C10974" s="1" t="s">
        <v>90</v>
      </c>
      <c r="D10974" s="1" t="s">
        <v>42172</v>
      </c>
      <c r="E10974" s="1" t="s">
        <v>42173</v>
      </c>
      <c r="F10974" s="1" t="s">
        <v>42174</v>
      </c>
      <c r="G10974" s="1" t="s">
        <v>42113</v>
      </c>
      <c r="H10974" s="1" t="s">
        <v>42114</v>
      </c>
      <c r="I10974" s="1" t="s">
        <v>41860</v>
      </c>
      <c r="J10974" s="1" t="s">
        <v>42175</v>
      </c>
    </row>
    <row r="10975" spans="1:10" x14ac:dyDescent="0.35">
      <c r="A10975" s="1" t="s">
        <v>42110</v>
      </c>
      <c r="B10975" s="1" t="s">
        <v>41854</v>
      </c>
      <c r="C10975" s="1" t="s">
        <v>95</v>
      </c>
      <c r="D10975" s="1" t="s">
        <v>42176</v>
      </c>
      <c r="E10975" s="1" t="s">
        <v>42177</v>
      </c>
      <c r="F10975" s="1" t="s">
        <v>42178</v>
      </c>
      <c r="G10975" s="1" t="s">
        <v>42113</v>
      </c>
      <c r="H10975" s="1" t="s">
        <v>42114</v>
      </c>
      <c r="I10975" s="1" t="s">
        <v>41860</v>
      </c>
      <c r="J10975" s="1" t="s">
        <v>42179</v>
      </c>
    </row>
    <row r="10976" spans="1:10" x14ac:dyDescent="0.35">
      <c r="A10976" s="1" t="s">
        <v>42110</v>
      </c>
      <c r="B10976" s="1" t="s">
        <v>41854</v>
      </c>
      <c r="C10976" s="1" t="s">
        <v>100</v>
      </c>
      <c r="D10976" s="1" t="s">
        <v>42180</v>
      </c>
      <c r="E10976" s="1" t="s">
        <v>42181</v>
      </c>
      <c r="F10976" s="1" t="s">
        <v>42182</v>
      </c>
      <c r="G10976" s="1" t="s">
        <v>42113</v>
      </c>
      <c r="H10976" s="1" t="s">
        <v>42114</v>
      </c>
      <c r="I10976" s="1" t="s">
        <v>41860</v>
      </c>
      <c r="J10976" s="1" t="s">
        <v>42183</v>
      </c>
    </row>
    <row r="10977" spans="1:10" x14ac:dyDescent="0.35">
      <c r="A10977" s="1" t="s">
        <v>42110</v>
      </c>
      <c r="B10977" s="1" t="s">
        <v>41854</v>
      </c>
      <c r="C10977" s="1" t="s">
        <v>105</v>
      </c>
      <c r="D10977" s="1" t="s">
        <v>42184</v>
      </c>
      <c r="E10977" s="1" t="s">
        <v>42185</v>
      </c>
      <c r="F10977" s="1" t="s">
        <v>42186</v>
      </c>
      <c r="G10977" s="1" t="s">
        <v>42113</v>
      </c>
      <c r="H10977" s="1" t="s">
        <v>42114</v>
      </c>
      <c r="I10977" s="1" t="s">
        <v>41860</v>
      </c>
      <c r="J10977" s="1" t="s">
        <v>42187</v>
      </c>
    </row>
    <row r="10978" spans="1:10" x14ac:dyDescent="0.35">
      <c r="A10978" s="1" t="s">
        <v>42110</v>
      </c>
      <c r="B10978" s="1" t="s">
        <v>41854</v>
      </c>
      <c r="C10978" s="1" t="s">
        <v>110</v>
      </c>
      <c r="D10978" s="1" t="s">
        <v>42188</v>
      </c>
      <c r="E10978" s="1" t="s">
        <v>42189</v>
      </c>
      <c r="F10978" s="1" t="s">
        <v>42190</v>
      </c>
      <c r="G10978" s="1" t="s">
        <v>42113</v>
      </c>
      <c r="H10978" s="1" t="s">
        <v>42114</v>
      </c>
      <c r="I10978" s="1" t="s">
        <v>41860</v>
      </c>
      <c r="J10978" s="1" t="s">
        <v>42191</v>
      </c>
    </row>
    <row r="10979" spans="1:10" x14ac:dyDescent="0.35">
      <c r="A10979" s="1" t="s">
        <v>42110</v>
      </c>
      <c r="B10979" s="1" t="s">
        <v>41854</v>
      </c>
      <c r="C10979" s="1" t="s">
        <v>115</v>
      </c>
      <c r="D10979" s="1" t="s">
        <v>3858</v>
      </c>
      <c r="E10979" s="1" t="s">
        <v>42192</v>
      </c>
      <c r="F10979" s="1" t="s">
        <v>42193</v>
      </c>
      <c r="G10979" s="1" t="s">
        <v>42113</v>
      </c>
      <c r="H10979" s="1" t="s">
        <v>42114</v>
      </c>
      <c r="I10979" s="1" t="s">
        <v>41860</v>
      </c>
      <c r="J10979" s="1" t="s">
        <v>42194</v>
      </c>
    </row>
    <row r="10980" spans="1:10" x14ac:dyDescent="0.35">
      <c r="A10980" s="1" t="s">
        <v>42110</v>
      </c>
      <c r="B10980" s="1" t="s">
        <v>41854</v>
      </c>
      <c r="C10980" s="1" t="s">
        <v>120</v>
      </c>
      <c r="D10980" s="1" t="s">
        <v>42195</v>
      </c>
      <c r="E10980" s="1" t="s">
        <v>42196</v>
      </c>
      <c r="F10980" s="1" t="s">
        <v>42197</v>
      </c>
      <c r="G10980" s="1" t="s">
        <v>42113</v>
      </c>
      <c r="H10980" s="1" t="s">
        <v>42114</v>
      </c>
      <c r="I10980" s="1" t="s">
        <v>41860</v>
      </c>
      <c r="J10980" s="1" t="s">
        <v>42198</v>
      </c>
    </row>
    <row r="10981" spans="1:10" x14ac:dyDescent="0.35">
      <c r="A10981" s="1" t="s">
        <v>42110</v>
      </c>
      <c r="B10981" s="1" t="s">
        <v>41854</v>
      </c>
      <c r="C10981" s="1" t="s">
        <v>125</v>
      </c>
      <c r="D10981" s="1" t="s">
        <v>16271</v>
      </c>
      <c r="E10981" s="1" t="s">
        <v>42199</v>
      </c>
      <c r="F10981" s="1" t="s">
        <v>42200</v>
      </c>
      <c r="G10981" s="1" t="s">
        <v>42113</v>
      </c>
      <c r="H10981" s="1" t="s">
        <v>42114</v>
      </c>
      <c r="I10981" s="1" t="s">
        <v>41860</v>
      </c>
      <c r="J10981" s="1" t="s">
        <v>42201</v>
      </c>
    </row>
    <row r="10982" spans="1:10" x14ac:dyDescent="0.35">
      <c r="A10982" s="1" t="s">
        <v>42110</v>
      </c>
      <c r="B10982" s="1" t="s">
        <v>41854</v>
      </c>
      <c r="C10982" s="1" t="s">
        <v>130</v>
      </c>
      <c r="D10982" s="1" t="s">
        <v>42202</v>
      </c>
      <c r="E10982" s="1" t="s">
        <v>42203</v>
      </c>
      <c r="F10982" s="1" t="s">
        <v>42204</v>
      </c>
      <c r="G10982" s="1" t="s">
        <v>42113</v>
      </c>
      <c r="H10982" s="1" t="s">
        <v>42114</v>
      </c>
      <c r="I10982" s="1" t="s">
        <v>41860</v>
      </c>
      <c r="J10982" s="1" t="s">
        <v>42205</v>
      </c>
    </row>
    <row r="10983" spans="1:10" x14ac:dyDescent="0.35">
      <c r="A10983" s="1" t="s">
        <v>42110</v>
      </c>
      <c r="B10983" s="1" t="s">
        <v>41854</v>
      </c>
      <c r="C10983" s="1" t="s">
        <v>135</v>
      </c>
      <c r="D10983" s="1" t="s">
        <v>42206</v>
      </c>
      <c r="E10983" s="1" t="s">
        <v>42207</v>
      </c>
      <c r="F10983" s="1" t="s">
        <v>42208</v>
      </c>
      <c r="G10983" s="1" t="s">
        <v>42113</v>
      </c>
      <c r="H10983" s="1" t="s">
        <v>42114</v>
      </c>
      <c r="I10983" s="1" t="s">
        <v>41860</v>
      </c>
      <c r="J10983" s="1" t="s">
        <v>42209</v>
      </c>
    </row>
    <row r="10984" spans="1:10" x14ac:dyDescent="0.35">
      <c r="A10984" s="1" t="s">
        <v>42110</v>
      </c>
      <c r="B10984" s="1" t="s">
        <v>41854</v>
      </c>
      <c r="C10984" s="1" t="s">
        <v>140</v>
      </c>
      <c r="D10984" s="1" t="s">
        <v>42210</v>
      </c>
      <c r="E10984" s="1" t="s">
        <v>42211</v>
      </c>
      <c r="F10984" s="1" t="s">
        <v>42212</v>
      </c>
      <c r="G10984" s="1" t="s">
        <v>42113</v>
      </c>
      <c r="H10984" s="1" t="s">
        <v>42114</v>
      </c>
      <c r="I10984" s="1" t="s">
        <v>41860</v>
      </c>
      <c r="J10984" s="1" t="s">
        <v>42213</v>
      </c>
    </row>
    <row r="10985" spans="1:10" x14ac:dyDescent="0.35">
      <c r="A10985" s="1" t="s">
        <v>42110</v>
      </c>
      <c r="B10985" s="1" t="s">
        <v>41854</v>
      </c>
      <c r="C10985" s="1" t="s">
        <v>145</v>
      </c>
      <c r="D10985" s="1" t="s">
        <v>42214</v>
      </c>
      <c r="E10985" s="1" t="s">
        <v>42215</v>
      </c>
      <c r="F10985" s="1" t="s">
        <v>42216</v>
      </c>
      <c r="G10985" s="1" t="s">
        <v>42113</v>
      </c>
      <c r="H10985" s="1" t="s">
        <v>42114</v>
      </c>
      <c r="I10985" s="1" t="s">
        <v>41860</v>
      </c>
      <c r="J10985" s="1" t="s">
        <v>42217</v>
      </c>
    </row>
    <row r="10986" spans="1:10" x14ac:dyDescent="0.35">
      <c r="A10986" s="1" t="s">
        <v>42110</v>
      </c>
      <c r="B10986" s="1" t="s">
        <v>41854</v>
      </c>
      <c r="C10986" s="1" t="s">
        <v>150</v>
      </c>
      <c r="D10986" s="1" t="s">
        <v>42218</v>
      </c>
      <c r="E10986" s="1" t="s">
        <v>42219</v>
      </c>
      <c r="F10986" s="1" t="s">
        <v>42220</v>
      </c>
      <c r="G10986" s="1" t="s">
        <v>42113</v>
      </c>
      <c r="H10986" s="1" t="s">
        <v>42114</v>
      </c>
      <c r="I10986" s="1" t="s">
        <v>41860</v>
      </c>
      <c r="J10986" s="1" t="s">
        <v>42221</v>
      </c>
    </row>
    <row r="10987" spans="1:10" x14ac:dyDescent="0.35">
      <c r="A10987" s="1" t="s">
        <v>42110</v>
      </c>
      <c r="B10987" s="1" t="s">
        <v>41854</v>
      </c>
      <c r="C10987" s="1" t="s">
        <v>155</v>
      </c>
      <c r="D10987" s="1" t="s">
        <v>36868</v>
      </c>
      <c r="E10987" s="1" t="s">
        <v>42222</v>
      </c>
      <c r="F10987" s="1" t="s">
        <v>42223</v>
      </c>
      <c r="G10987" s="1" t="s">
        <v>42113</v>
      </c>
      <c r="H10987" s="1" t="s">
        <v>42114</v>
      </c>
      <c r="I10987" s="1" t="s">
        <v>41860</v>
      </c>
      <c r="J10987" s="1" t="s">
        <v>42224</v>
      </c>
    </row>
    <row r="10988" spans="1:10" x14ac:dyDescent="0.35">
      <c r="A10988" s="1" t="s">
        <v>42110</v>
      </c>
      <c r="B10988" s="1" t="s">
        <v>41854</v>
      </c>
      <c r="C10988" s="1" t="s">
        <v>160</v>
      </c>
      <c r="D10988" s="1" t="s">
        <v>42225</v>
      </c>
      <c r="E10988" s="1" t="s">
        <v>42226</v>
      </c>
      <c r="F10988" s="1" t="s">
        <v>42227</v>
      </c>
      <c r="G10988" s="1" t="s">
        <v>42113</v>
      </c>
      <c r="H10988" s="1" t="s">
        <v>42114</v>
      </c>
      <c r="I10988" s="1" t="s">
        <v>41860</v>
      </c>
      <c r="J10988" s="1" t="s">
        <v>42228</v>
      </c>
    </row>
    <row r="10989" spans="1:10" x14ac:dyDescent="0.35">
      <c r="A10989" s="1" t="s">
        <v>42110</v>
      </c>
      <c r="B10989" s="1" t="s">
        <v>41854</v>
      </c>
      <c r="C10989" s="1" t="s">
        <v>165</v>
      </c>
      <c r="D10989" s="1" t="s">
        <v>42229</v>
      </c>
      <c r="E10989" s="1" t="s">
        <v>42230</v>
      </c>
      <c r="F10989" s="1" t="s">
        <v>42231</v>
      </c>
      <c r="G10989" s="1" t="s">
        <v>42113</v>
      </c>
      <c r="H10989" s="1" t="s">
        <v>42114</v>
      </c>
      <c r="I10989" s="1" t="s">
        <v>41860</v>
      </c>
      <c r="J10989" s="1" t="s">
        <v>42232</v>
      </c>
    </row>
    <row r="10990" spans="1:10" x14ac:dyDescent="0.35">
      <c r="A10990" s="1" t="s">
        <v>42110</v>
      </c>
      <c r="B10990" s="1" t="s">
        <v>41854</v>
      </c>
      <c r="C10990" s="1" t="s">
        <v>170</v>
      </c>
      <c r="D10990" s="1" t="s">
        <v>42233</v>
      </c>
      <c r="E10990" s="1" t="s">
        <v>42234</v>
      </c>
      <c r="F10990" s="1" t="s">
        <v>42235</v>
      </c>
      <c r="G10990" s="1" t="s">
        <v>42113</v>
      </c>
      <c r="H10990" s="1" t="s">
        <v>42114</v>
      </c>
      <c r="I10990" s="1" t="s">
        <v>41860</v>
      </c>
      <c r="J10990" s="1" t="s">
        <v>42236</v>
      </c>
    </row>
    <row r="10991" spans="1:10" x14ac:dyDescent="0.35">
      <c r="A10991" s="1" t="s">
        <v>42237</v>
      </c>
      <c r="B10991" s="1" t="s">
        <v>41854</v>
      </c>
      <c r="C10991" s="1" t="s">
        <v>8</v>
      </c>
      <c r="D10991" s="1" t="s">
        <v>42238</v>
      </c>
      <c r="E10991" s="1" t="s">
        <v>42239</v>
      </c>
      <c r="F10991" s="1" t="s">
        <v>42240</v>
      </c>
      <c r="G10991" s="1" t="s">
        <v>42241</v>
      </c>
      <c r="H10991" s="1" t="s">
        <v>42242</v>
      </c>
      <c r="I10991" s="1" t="s">
        <v>41860</v>
      </c>
      <c r="J10991" s="1" t="s">
        <v>13</v>
      </c>
    </row>
    <row r="10992" spans="1:10" x14ac:dyDescent="0.35">
      <c r="A10992" s="1" t="s">
        <v>42237</v>
      </c>
      <c r="B10992" s="1" t="s">
        <v>41854</v>
      </c>
      <c r="C10992" s="1" t="s">
        <v>15</v>
      </c>
      <c r="D10992" s="1" t="s">
        <v>33061</v>
      </c>
      <c r="E10992" s="1" t="s">
        <v>42243</v>
      </c>
      <c r="F10992" s="1" t="s">
        <v>42244</v>
      </c>
      <c r="G10992" s="1" t="s">
        <v>42241</v>
      </c>
      <c r="H10992" s="1" t="s">
        <v>42242</v>
      </c>
      <c r="I10992" s="1" t="s">
        <v>41860</v>
      </c>
      <c r="J10992" s="1" t="s">
        <v>42245</v>
      </c>
    </row>
    <row r="10993" spans="1:10" x14ac:dyDescent="0.35">
      <c r="A10993" s="1" t="s">
        <v>42237</v>
      </c>
      <c r="B10993" s="1" t="s">
        <v>41854</v>
      </c>
      <c r="C10993" s="1" t="s">
        <v>20</v>
      </c>
      <c r="D10993" s="1" t="s">
        <v>42246</v>
      </c>
      <c r="E10993" s="1" t="s">
        <v>42247</v>
      </c>
      <c r="F10993" s="1" t="s">
        <v>42248</v>
      </c>
      <c r="G10993" s="1" t="s">
        <v>42241</v>
      </c>
      <c r="H10993" s="1" t="s">
        <v>42242</v>
      </c>
      <c r="I10993" s="1" t="s">
        <v>41860</v>
      </c>
      <c r="J10993" s="1" t="s">
        <v>42249</v>
      </c>
    </row>
    <row r="10994" spans="1:10" x14ac:dyDescent="0.35">
      <c r="A10994" s="1" t="s">
        <v>42237</v>
      </c>
      <c r="B10994" s="1" t="s">
        <v>41854</v>
      </c>
      <c r="C10994" s="1" t="s">
        <v>25</v>
      </c>
      <c r="D10994" s="1" t="s">
        <v>42250</v>
      </c>
      <c r="E10994" s="1" t="s">
        <v>42251</v>
      </c>
      <c r="F10994" s="1" t="s">
        <v>42252</v>
      </c>
      <c r="G10994" s="1" t="s">
        <v>42241</v>
      </c>
      <c r="H10994" s="1" t="s">
        <v>42242</v>
      </c>
      <c r="I10994" s="1" t="s">
        <v>41860</v>
      </c>
      <c r="J10994" s="1" t="s">
        <v>42253</v>
      </c>
    </row>
    <row r="10995" spans="1:10" x14ac:dyDescent="0.35">
      <c r="A10995" s="1" t="s">
        <v>42237</v>
      </c>
      <c r="B10995" s="1" t="s">
        <v>41854</v>
      </c>
      <c r="C10995" s="1" t="s">
        <v>30</v>
      </c>
      <c r="D10995" s="1" t="s">
        <v>42254</v>
      </c>
      <c r="E10995" s="1" t="s">
        <v>42255</v>
      </c>
      <c r="F10995" s="1" t="s">
        <v>42256</v>
      </c>
      <c r="G10995" s="1" t="s">
        <v>42241</v>
      </c>
      <c r="H10995" s="1" t="s">
        <v>42242</v>
      </c>
      <c r="I10995" s="1" t="s">
        <v>41860</v>
      </c>
      <c r="J10995" s="1" t="s">
        <v>42257</v>
      </c>
    </row>
    <row r="10996" spans="1:10" x14ac:dyDescent="0.35">
      <c r="A10996" s="1" t="s">
        <v>42237</v>
      </c>
      <c r="B10996" s="1" t="s">
        <v>41854</v>
      </c>
      <c r="C10996" s="1" t="s">
        <v>35</v>
      </c>
      <c r="D10996" s="1" t="s">
        <v>42258</v>
      </c>
      <c r="E10996" s="1" t="s">
        <v>42259</v>
      </c>
      <c r="F10996" s="1" t="s">
        <v>42260</v>
      </c>
      <c r="G10996" s="1" t="s">
        <v>42241</v>
      </c>
      <c r="H10996" s="1" t="s">
        <v>42242</v>
      </c>
      <c r="I10996" s="1" t="s">
        <v>41860</v>
      </c>
      <c r="J10996" s="1" t="s">
        <v>42261</v>
      </c>
    </row>
    <row r="10997" spans="1:10" x14ac:dyDescent="0.35">
      <c r="A10997" s="1" t="s">
        <v>42237</v>
      </c>
      <c r="B10997" s="1" t="s">
        <v>41854</v>
      </c>
      <c r="C10997" s="1" t="s">
        <v>40</v>
      </c>
      <c r="D10997" s="1" t="s">
        <v>42262</v>
      </c>
      <c r="E10997" s="1" t="s">
        <v>42263</v>
      </c>
      <c r="F10997" s="1" t="s">
        <v>42264</v>
      </c>
      <c r="G10997" s="1" t="s">
        <v>42241</v>
      </c>
      <c r="H10997" s="1" t="s">
        <v>42242</v>
      </c>
      <c r="I10997" s="1" t="s">
        <v>41860</v>
      </c>
      <c r="J10997" s="1" t="s">
        <v>42265</v>
      </c>
    </row>
    <row r="10998" spans="1:10" x14ac:dyDescent="0.35">
      <c r="A10998" s="1" t="s">
        <v>42237</v>
      </c>
      <c r="B10998" s="1" t="s">
        <v>41854</v>
      </c>
      <c r="C10998" s="1" t="s">
        <v>45</v>
      </c>
      <c r="D10998" s="1" t="s">
        <v>42266</v>
      </c>
      <c r="E10998" s="1" t="s">
        <v>42267</v>
      </c>
      <c r="F10998" s="1" t="s">
        <v>42268</v>
      </c>
      <c r="G10998" s="1" t="s">
        <v>42241</v>
      </c>
      <c r="H10998" s="1" t="s">
        <v>42242</v>
      </c>
      <c r="I10998" s="1" t="s">
        <v>41860</v>
      </c>
      <c r="J10998" s="1" t="s">
        <v>42269</v>
      </c>
    </row>
    <row r="10999" spans="1:10" x14ac:dyDescent="0.35">
      <c r="A10999" s="1" t="s">
        <v>42237</v>
      </c>
      <c r="B10999" s="1" t="s">
        <v>41854</v>
      </c>
      <c r="C10999" s="1" t="s">
        <v>50</v>
      </c>
      <c r="D10999" s="1" t="s">
        <v>42270</v>
      </c>
      <c r="E10999" s="1" t="s">
        <v>42271</v>
      </c>
      <c r="F10999" s="1" t="s">
        <v>42272</v>
      </c>
      <c r="G10999" s="1" t="s">
        <v>42241</v>
      </c>
      <c r="H10999" s="1" t="s">
        <v>42242</v>
      </c>
      <c r="I10999" s="1" t="s">
        <v>41860</v>
      </c>
      <c r="J10999" s="1" t="s">
        <v>42273</v>
      </c>
    </row>
    <row r="11000" spans="1:10" x14ac:dyDescent="0.35">
      <c r="A11000" s="1" t="s">
        <v>42237</v>
      </c>
      <c r="B11000" s="1" t="s">
        <v>41854</v>
      </c>
      <c r="C11000" s="1" t="s">
        <v>55</v>
      </c>
      <c r="D11000" s="1" t="s">
        <v>42274</v>
      </c>
      <c r="E11000" s="1" t="s">
        <v>42275</v>
      </c>
      <c r="F11000" s="1" t="s">
        <v>42276</v>
      </c>
      <c r="G11000" s="1" t="s">
        <v>42241</v>
      </c>
      <c r="H11000" s="1" t="s">
        <v>42242</v>
      </c>
      <c r="I11000" s="1" t="s">
        <v>41860</v>
      </c>
      <c r="J11000" s="1" t="s">
        <v>42277</v>
      </c>
    </row>
    <row r="11001" spans="1:10" x14ac:dyDescent="0.35">
      <c r="A11001" s="1" t="s">
        <v>42237</v>
      </c>
      <c r="B11001" s="1" t="s">
        <v>41854</v>
      </c>
      <c r="C11001" s="1" t="s">
        <v>60</v>
      </c>
      <c r="D11001" s="1" t="s">
        <v>42278</v>
      </c>
      <c r="E11001" s="1" t="s">
        <v>42279</v>
      </c>
      <c r="F11001" s="1" t="s">
        <v>42280</v>
      </c>
      <c r="G11001" s="1" t="s">
        <v>42241</v>
      </c>
      <c r="H11001" s="1" t="s">
        <v>42242</v>
      </c>
      <c r="I11001" s="1" t="s">
        <v>41860</v>
      </c>
      <c r="J11001" s="1" t="s">
        <v>42281</v>
      </c>
    </row>
    <row r="11002" spans="1:10" x14ac:dyDescent="0.35">
      <c r="A11002" s="1" t="s">
        <v>42237</v>
      </c>
      <c r="B11002" s="1" t="s">
        <v>41854</v>
      </c>
      <c r="C11002" s="1" t="s">
        <v>65</v>
      </c>
      <c r="D11002" s="1" t="s">
        <v>42282</v>
      </c>
      <c r="E11002" s="1" t="s">
        <v>42283</v>
      </c>
      <c r="F11002" s="1" t="s">
        <v>42284</v>
      </c>
      <c r="G11002" s="1" t="s">
        <v>42241</v>
      </c>
      <c r="H11002" s="1" t="s">
        <v>42242</v>
      </c>
      <c r="I11002" s="1" t="s">
        <v>41860</v>
      </c>
      <c r="J11002" s="1" t="s">
        <v>42285</v>
      </c>
    </row>
    <row r="11003" spans="1:10" x14ac:dyDescent="0.35">
      <c r="A11003" s="1" t="s">
        <v>42237</v>
      </c>
      <c r="B11003" s="1" t="s">
        <v>41854</v>
      </c>
      <c r="C11003" s="1" t="s">
        <v>70</v>
      </c>
      <c r="D11003" s="1" t="s">
        <v>42286</v>
      </c>
      <c r="E11003" s="1" t="s">
        <v>42287</v>
      </c>
      <c r="F11003" s="1" t="s">
        <v>42288</v>
      </c>
      <c r="G11003" s="1" t="s">
        <v>42241</v>
      </c>
      <c r="H11003" s="1" t="s">
        <v>42242</v>
      </c>
      <c r="I11003" s="1" t="s">
        <v>41860</v>
      </c>
      <c r="J11003" s="1" t="s">
        <v>42289</v>
      </c>
    </row>
    <row r="11004" spans="1:10" x14ac:dyDescent="0.35">
      <c r="A11004" s="1" t="s">
        <v>42237</v>
      </c>
      <c r="B11004" s="1" t="s">
        <v>41854</v>
      </c>
      <c r="C11004" s="1" t="s">
        <v>75</v>
      </c>
      <c r="D11004" s="1" t="s">
        <v>42290</v>
      </c>
      <c r="E11004" s="1" t="s">
        <v>42291</v>
      </c>
      <c r="F11004" s="1" t="s">
        <v>42292</v>
      </c>
      <c r="G11004" s="1" t="s">
        <v>42241</v>
      </c>
      <c r="H11004" s="1" t="s">
        <v>42242</v>
      </c>
      <c r="I11004" s="1" t="s">
        <v>41860</v>
      </c>
      <c r="J11004" s="1" t="s">
        <v>42293</v>
      </c>
    </row>
    <row r="11005" spans="1:10" x14ac:dyDescent="0.35">
      <c r="A11005" s="1" t="s">
        <v>42237</v>
      </c>
      <c r="B11005" s="1" t="s">
        <v>41854</v>
      </c>
      <c r="C11005" s="1" t="s">
        <v>80</v>
      </c>
      <c r="D11005" s="1" t="s">
        <v>42294</v>
      </c>
      <c r="E11005" s="1" t="s">
        <v>42295</v>
      </c>
      <c r="F11005" s="1" t="s">
        <v>42296</v>
      </c>
      <c r="G11005" s="1" t="s">
        <v>42241</v>
      </c>
      <c r="H11005" s="1" t="s">
        <v>42242</v>
      </c>
      <c r="I11005" s="1" t="s">
        <v>41860</v>
      </c>
      <c r="J11005" s="1" t="s">
        <v>42297</v>
      </c>
    </row>
    <row r="11006" spans="1:10" x14ac:dyDescent="0.35">
      <c r="A11006" s="1" t="s">
        <v>42237</v>
      </c>
      <c r="B11006" s="1" t="s">
        <v>41854</v>
      </c>
      <c r="C11006" s="1" t="s">
        <v>85</v>
      </c>
      <c r="D11006" s="1" t="s">
        <v>42298</v>
      </c>
      <c r="E11006" s="1" t="s">
        <v>42299</v>
      </c>
      <c r="F11006" s="1" t="s">
        <v>42300</v>
      </c>
      <c r="G11006" s="1" t="s">
        <v>42241</v>
      </c>
      <c r="H11006" s="1" t="s">
        <v>42242</v>
      </c>
      <c r="I11006" s="1" t="s">
        <v>41860</v>
      </c>
      <c r="J11006" s="1" t="s">
        <v>42301</v>
      </c>
    </row>
    <row r="11007" spans="1:10" x14ac:dyDescent="0.35">
      <c r="A11007" s="1" t="s">
        <v>42237</v>
      </c>
      <c r="B11007" s="1" t="s">
        <v>41854</v>
      </c>
      <c r="C11007" s="1" t="s">
        <v>90</v>
      </c>
      <c r="D11007" s="1" t="s">
        <v>18362</v>
      </c>
      <c r="E11007" s="1" t="s">
        <v>42302</v>
      </c>
      <c r="F11007" s="1" t="s">
        <v>42303</v>
      </c>
      <c r="G11007" s="1" t="s">
        <v>42241</v>
      </c>
      <c r="H11007" s="1" t="s">
        <v>42242</v>
      </c>
      <c r="I11007" s="1" t="s">
        <v>41860</v>
      </c>
      <c r="J11007" s="1" t="s">
        <v>42304</v>
      </c>
    </row>
    <row r="11008" spans="1:10" x14ac:dyDescent="0.35">
      <c r="A11008" s="1" t="s">
        <v>42237</v>
      </c>
      <c r="B11008" s="1" t="s">
        <v>41854</v>
      </c>
      <c r="C11008" s="1" t="s">
        <v>95</v>
      </c>
      <c r="D11008" s="1" t="s">
        <v>42305</v>
      </c>
      <c r="E11008" s="1" t="s">
        <v>42306</v>
      </c>
      <c r="F11008" s="1" t="s">
        <v>42307</v>
      </c>
      <c r="G11008" s="1" t="s">
        <v>42241</v>
      </c>
      <c r="H11008" s="1" t="s">
        <v>42242</v>
      </c>
      <c r="I11008" s="1" t="s">
        <v>41860</v>
      </c>
      <c r="J11008" s="1" t="s">
        <v>42308</v>
      </c>
    </row>
    <row r="11009" spans="1:10" x14ac:dyDescent="0.35">
      <c r="A11009" s="1" t="s">
        <v>42237</v>
      </c>
      <c r="B11009" s="1" t="s">
        <v>41854</v>
      </c>
      <c r="C11009" s="1" t="s">
        <v>100</v>
      </c>
      <c r="D11009" s="1" t="s">
        <v>21338</v>
      </c>
      <c r="E11009" s="1" t="s">
        <v>42309</v>
      </c>
      <c r="F11009" s="1" t="s">
        <v>42310</v>
      </c>
      <c r="G11009" s="1" t="s">
        <v>42241</v>
      </c>
      <c r="H11009" s="1" t="s">
        <v>42242</v>
      </c>
      <c r="I11009" s="1" t="s">
        <v>41860</v>
      </c>
      <c r="J11009" s="1" t="s">
        <v>42311</v>
      </c>
    </row>
    <row r="11010" spans="1:10" x14ac:dyDescent="0.35">
      <c r="A11010" s="1" t="s">
        <v>42237</v>
      </c>
      <c r="B11010" s="1" t="s">
        <v>41854</v>
      </c>
      <c r="C11010" s="1" t="s">
        <v>105</v>
      </c>
      <c r="D11010" s="1" t="s">
        <v>42312</v>
      </c>
      <c r="E11010" s="1" t="s">
        <v>42313</v>
      </c>
      <c r="F11010" s="1" t="s">
        <v>42314</v>
      </c>
      <c r="G11010" s="1" t="s">
        <v>42241</v>
      </c>
      <c r="H11010" s="1" t="s">
        <v>42242</v>
      </c>
      <c r="I11010" s="1" t="s">
        <v>41860</v>
      </c>
      <c r="J11010" s="1" t="s">
        <v>42315</v>
      </c>
    </row>
    <row r="11011" spans="1:10" x14ac:dyDescent="0.35">
      <c r="A11011" s="1" t="s">
        <v>42237</v>
      </c>
      <c r="B11011" s="1" t="s">
        <v>41854</v>
      </c>
      <c r="C11011" s="1" t="s">
        <v>110</v>
      </c>
      <c r="D11011" s="1" t="s">
        <v>42316</v>
      </c>
      <c r="E11011" s="1" t="s">
        <v>42317</v>
      </c>
      <c r="F11011" s="1" t="s">
        <v>42318</v>
      </c>
      <c r="G11011" s="1" t="s">
        <v>42241</v>
      </c>
      <c r="H11011" s="1" t="s">
        <v>42242</v>
      </c>
      <c r="I11011" s="1" t="s">
        <v>41860</v>
      </c>
      <c r="J11011" s="1" t="s">
        <v>42319</v>
      </c>
    </row>
    <row r="11012" spans="1:10" x14ac:dyDescent="0.35">
      <c r="A11012" s="1" t="s">
        <v>42237</v>
      </c>
      <c r="B11012" s="1" t="s">
        <v>41854</v>
      </c>
      <c r="C11012" s="1" t="s">
        <v>115</v>
      </c>
      <c r="D11012" s="1" t="s">
        <v>42320</v>
      </c>
      <c r="E11012" s="1" t="s">
        <v>42321</v>
      </c>
      <c r="F11012" s="1" t="s">
        <v>42322</v>
      </c>
      <c r="G11012" s="1" t="s">
        <v>42241</v>
      </c>
      <c r="H11012" s="1" t="s">
        <v>42242</v>
      </c>
      <c r="I11012" s="1" t="s">
        <v>41860</v>
      </c>
      <c r="J11012" s="1" t="s">
        <v>42323</v>
      </c>
    </row>
    <row r="11013" spans="1:10" x14ac:dyDescent="0.35">
      <c r="A11013" s="1" t="s">
        <v>42237</v>
      </c>
      <c r="B11013" s="1" t="s">
        <v>41854</v>
      </c>
      <c r="C11013" s="1" t="s">
        <v>120</v>
      </c>
      <c r="D11013" s="1" t="s">
        <v>42324</v>
      </c>
      <c r="E11013" s="1" t="s">
        <v>42325</v>
      </c>
      <c r="F11013" s="1" t="s">
        <v>42326</v>
      </c>
      <c r="G11013" s="1" t="s">
        <v>42241</v>
      </c>
      <c r="H11013" s="1" t="s">
        <v>42242</v>
      </c>
      <c r="I11013" s="1" t="s">
        <v>41860</v>
      </c>
      <c r="J11013" s="1" t="s">
        <v>42327</v>
      </c>
    </row>
    <row r="11014" spans="1:10" x14ac:dyDescent="0.35">
      <c r="A11014" s="1" t="s">
        <v>42237</v>
      </c>
      <c r="B11014" s="1" t="s">
        <v>41854</v>
      </c>
      <c r="C11014" s="1" t="s">
        <v>125</v>
      </c>
      <c r="D11014" s="1" t="s">
        <v>42328</v>
      </c>
      <c r="E11014" s="1" t="s">
        <v>42329</v>
      </c>
      <c r="F11014" s="1" t="s">
        <v>42330</v>
      </c>
      <c r="G11014" s="1" t="s">
        <v>42241</v>
      </c>
      <c r="H11014" s="1" t="s">
        <v>42242</v>
      </c>
      <c r="I11014" s="1" t="s">
        <v>41860</v>
      </c>
      <c r="J11014" s="1" t="s">
        <v>42331</v>
      </c>
    </row>
    <row r="11015" spans="1:10" x14ac:dyDescent="0.35">
      <c r="A11015" s="1" t="s">
        <v>42237</v>
      </c>
      <c r="B11015" s="1" t="s">
        <v>41854</v>
      </c>
      <c r="C11015" s="1" t="s">
        <v>130</v>
      </c>
      <c r="D11015" s="1" t="s">
        <v>42332</v>
      </c>
      <c r="E11015" s="1" t="s">
        <v>42333</v>
      </c>
      <c r="F11015" s="1" t="s">
        <v>42334</v>
      </c>
      <c r="G11015" s="1" t="s">
        <v>42241</v>
      </c>
      <c r="H11015" s="1" t="s">
        <v>42242</v>
      </c>
      <c r="I11015" s="1" t="s">
        <v>41860</v>
      </c>
      <c r="J11015" s="1" t="s">
        <v>42335</v>
      </c>
    </row>
    <row r="11016" spans="1:10" x14ac:dyDescent="0.35">
      <c r="A11016" s="1" t="s">
        <v>42237</v>
      </c>
      <c r="B11016" s="1" t="s">
        <v>41854</v>
      </c>
      <c r="C11016" s="1" t="s">
        <v>135</v>
      </c>
      <c r="D11016" s="1" t="s">
        <v>42336</v>
      </c>
      <c r="E11016" s="1" t="s">
        <v>42337</v>
      </c>
      <c r="F11016" s="1" t="s">
        <v>42338</v>
      </c>
      <c r="G11016" s="1" t="s">
        <v>42241</v>
      </c>
      <c r="H11016" s="1" t="s">
        <v>42242</v>
      </c>
      <c r="I11016" s="1" t="s">
        <v>41860</v>
      </c>
      <c r="J11016" s="1" t="s">
        <v>42339</v>
      </c>
    </row>
    <row r="11017" spans="1:10" x14ac:dyDescent="0.35">
      <c r="A11017" s="1" t="s">
        <v>42237</v>
      </c>
      <c r="B11017" s="1" t="s">
        <v>41854</v>
      </c>
      <c r="C11017" s="1" t="s">
        <v>140</v>
      </c>
      <c r="D11017" s="1" t="s">
        <v>42340</v>
      </c>
      <c r="E11017" s="1" t="s">
        <v>42341</v>
      </c>
      <c r="F11017" s="1" t="s">
        <v>42342</v>
      </c>
      <c r="G11017" s="1" t="s">
        <v>42241</v>
      </c>
      <c r="H11017" s="1" t="s">
        <v>42242</v>
      </c>
      <c r="I11017" s="1" t="s">
        <v>41860</v>
      </c>
      <c r="J11017" s="1" t="s">
        <v>42343</v>
      </c>
    </row>
    <row r="11018" spans="1:10" x14ac:dyDescent="0.35">
      <c r="A11018" s="1" t="s">
        <v>42237</v>
      </c>
      <c r="B11018" s="1" t="s">
        <v>41854</v>
      </c>
      <c r="C11018" s="1" t="s">
        <v>145</v>
      </c>
      <c r="D11018" s="1" t="s">
        <v>42344</v>
      </c>
      <c r="E11018" s="1" t="s">
        <v>42345</v>
      </c>
      <c r="F11018" s="1" t="s">
        <v>42346</v>
      </c>
      <c r="G11018" s="1" t="s">
        <v>42241</v>
      </c>
      <c r="H11018" s="1" t="s">
        <v>42242</v>
      </c>
      <c r="I11018" s="1" t="s">
        <v>41860</v>
      </c>
      <c r="J11018" s="1" t="s">
        <v>42347</v>
      </c>
    </row>
    <row r="11019" spans="1:10" x14ac:dyDescent="0.35">
      <c r="A11019" s="1" t="s">
        <v>42237</v>
      </c>
      <c r="B11019" s="1" t="s">
        <v>41854</v>
      </c>
      <c r="C11019" s="1" t="s">
        <v>150</v>
      </c>
      <c r="D11019" s="1" t="s">
        <v>42348</v>
      </c>
      <c r="E11019" s="1" t="s">
        <v>42349</v>
      </c>
      <c r="F11019" s="1" t="s">
        <v>42350</v>
      </c>
      <c r="G11019" s="1" t="s">
        <v>42241</v>
      </c>
      <c r="H11019" s="1" t="s">
        <v>42242</v>
      </c>
      <c r="I11019" s="1" t="s">
        <v>41860</v>
      </c>
      <c r="J11019" s="1" t="s">
        <v>42351</v>
      </c>
    </row>
    <row r="11020" spans="1:10" x14ac:dyDescent="0.35">
      <c r="A11020" s="1" t="s">
        <v>42237</v>
      </c>
      <c r="B11020" s="1" t="s">
        <v>41854</v>
      </c>
      <c r="C11020" s="1" t="s">
        <v>155</v>
      </c>
      <c r="D11020" s="1" t="s">
        <v>42352</v>
      </c>
      <c r="E11020" s="1" t="s">
        <v>42353</v>
      </c>
      <c r="F11020" s="1" t="s">
        <v>42354</v>
      </c>
      <c r="G11020" s="1" t="s">
        <v>42241</v>
      </c>
      <c r="H11020" s="1" t="s">
        <v>42242</v>
      </c>
      <c r="I11020" s="1" t="s">
        <v>41860</v>
      </c>
      <c r="J11020" s="1" t="s">
        <v>42355</v>
      </c>
    </row>
    <row r="11021" spans="1:10" x14ac:dyDescent="0.35">
      <c r="A11021" s="1" t="s">
        <v>42237</v>
      </c>
      <c r="B11021" s="1" t="s">
        <v>41854</v>
      </c>
      <c r="C11021" s="1" t="s">
        <v>160</v>
      </c>
      <c r="D11021" s="1" t="s">
        <v>42356</v>
      </c>
      <c r="E11021" s="1" t="s">
        <v>42357</v>
      </c>
      <c r="F11021" s="1" t="s">
        <v>42358</v>
      </c>
      <c r="G11021" s="1" t="s">
        <v>42241</v>
      </c>
      <c r="H11021" s="1" t="s">
        <v>42242</v>
      </c>
      <c r="I11021" s="1" t="s">
        <v>41860</v>
      </c>
      <c r="J11021" s="1" t="s">
        <v>42359</v>
      </c>
    </row>
    <row r="11022" spans="1:10" x14ac:dyDescent="0.35">
      <c r="A11022" s="1" t="s">
        <v>42237</v>
      </c>
      <c r="B11022" s="1" t="s">
        <v>41854</v>
      </c>
      <c r="C11022" s="1" t="s">
        <v>165</v>
      </c>
      <c r="D11022" s="1" t="s">
        <v>42360</v>
      </c>
      <c r="E11022" s="1" t="s">
        <v>42361</v>
      </c>
      <c r="F11022" s="1" t="s">
        <v>42362</v>
      </c>
      <c r="G11022" s="1" t="s">
        <v>42241</v>
      </c>
      <c r="H11022" s="1" t="s">
        <v>42242</v>
      </c>
      <c r="I11022" s="1" t="s">
        <v>41860</v>
      </c>
      <c r="J11022" s="1" t="s">
        <v>42363</v>
      </c>
    </row>
    <row r="11023" spans="1:10" x14ac:dyDescent="0.35">
      <c r="A11023" s="1" t="s">
        <v>42237</v>
      </c>
      <c r="B11023" s="1" t="s">
        <v>41854</v>
      </c>
      <c r="C11023" s="1" t="s">
        <v>170</v>
      </c>
      <c r="D11023" s="1" t="s">
        <v>26657</v>
      </c>
      <c r="E11023" s="1" t="s">
        <v>42364</v>
      </c>
      <c r="F11023" s="1" t="s">
        <v>42365</v>
      </c>
      <c r="G11023" s="1" t="s">
        <v>42241</v>
      </c>
      <c r="H11023" s="1" t="s">
        <v>42242</v>
      </c>
      <c r="I11023" s="1" t="s">
        <v>41860</v>
      </c>
      <c r="J11023" s="1" t="s">
        <v>42366</v>
      </c>
    </row>
    <row r="11024" spans="1:10" x14ac:dyDescent="0.35">
      <c r="A11024" s="1" t="s">
        <v>13974</v>
      </c>
      <c r="B11024" s="1" t="s">
        <v>41854</v>
      </c>
      <c r="C11024" s="1" t="s">
        <v>8</v>
      </c>
      <c r="D11024" s="1" t="s">
        <v>4610</v>
      </c>
      <c r="E11024" s="1" t="s">
        <v>42367</v>
      </c>
      <c r="F11024" s="1" t="s">
        <v>42368</v>
      </c>
      <c r="G11024" s="1" t="s">
        <v>42369</v>
      </c>
      <c r="H11024" s="1" t="s">
        <v>42370</v>
      </c>
      <c r="I11024" s="1" t="s">
        <v>41860</v>
      </c>
      <c r="J11024" s="1" t="s">
        <v>13</v>
      </c>
    </row>
    <row r="11025" spans="1:10" x14ac:dyDescent="0.35">
      <c r="A11025" s="1" t="s">
        <v>13974</v>
      </c>
      <c r="B11025" s="1" t="s">
        <v>41854</v>
      </c>
      <c r="C11025" s="1" t="s">
        <v>15</v>
      </c>
      <c r="D11025" s="1" t="s">
        <v>42371</v>
      </c>
      <c r="E11025" s="1" t="s">
        <v>42372</v>
      </c>
      <c r="F11025" s="1" t="s">
        <v>42373</v>
      </c>
      <c r="G11025" s="1" t="s">
        <v>42369</v>
      </c>
      <c r="H11025" s="1" t="s">
        <v>42370</v>
      </c>
      <c r="I11025" s="1" t="s">
        <v>41860</v>
      </c>
      <c r="J11025" s="1" t="s">
        <v>42374</v>
      </c>
    </row>
    <row r="11026" spans="1:10" x14ac:dyDescent="0.35">
      <c r="A11026" s="1" t="s">
        <v>13974</v>
      </c>
      <c r="B11026" s="1" t="s">
        <v>41854</v>
      </c>
      <c r="C11026" s="1" t="s">
        <v>20</v>
      </c>
      <c r="D11026" s="1" t="s">
        <v>35998</v>
      </c>
      <c r="E11026" s="1" t="s">
        <v>42375</v>
      </c>
      <c r="F11026" s="1" t="s">
        <v>42376</v>
      </c>
      <c r="G11026" s="1" t="s">
        <v>42369</v>
      </c>
      <c r="H11026" s="1" t="s">
        <v>42370</v>
      </c>
      <c r="I11026" s="1" t="s">
        <v>41860</v>
      </c>
      <c r="J11026" s="1" t="s">
        <v>42377</v>
      </c>
    </row>
    <row r="11027" spans="1:10" x14ac:dyDescent="0.35">
      <c r="A11027" s="1" t="s">
        <v>13974</v>
      </c>
      <c r="B11027" s="1" t="s">
        <v>41854</v>
      </c>
      <c r="C11027" s="1" t="s">
        <v>25</v>
      </c>
      <c r="D11027" s="1" t="s">
        <v>42378</v>
      </c>
      <c r="E11027" s="1" t="s">
        <v>42379</v>
      </c>
      <c r="F11027" s="1" t="s">
        <v>42380</v>
      </c>
      <c r="G11027" s="1" t="s">
        <v>42369</v>
      </c>
      <c r="H11027" s="1" t="s">
        <v>42370</v>
      </c>
      <c r="I11027" s="1" t="s">
        <v>41860</v>
      </c>
      <c r="J11027" s="1" t="s">
        <v>42381</v>
      </c>
    </row>
    <row r="11028" spans="1:10" x14ac:dyDescent="0.35">
      <c r="A11028" s="1" t="s">
        <v>13974</v>
      </c>
      <c r="B11028" s="1" t="s">
        <v>41854</v>
      </c>
      <c r="C11028" s="1" t="s">
        <v>30</v>
      </c>
      <c r="D11028" s="1" t="s">
        <v>42382</v>
      </c>
      <c r="E11028" s="1" t="s">
        <v>42383</v>
      </c>
      <c r="F11028" s="1" t="s">
        <v>42384</v>
      </c>
      <c r="G11028" s="1" t="s">
        <v>42369</v>
      </c>
      <c r="H11028" s="1" t="s">
        <v>42370</v>
      </c>
      <c r="I11028" s="1" t="s">
        <v>41860</v>
      </c>
      <c r="J11028" s="1" t="s">
        <v>42385</v>
      </c>
    </row>
    <row r="11029" spans="1:10" x14ac:dyDescent="0.35">
      <c r="A11029" s="1" t="s">
        <v>13974</v>
      </c>
      <c r="B11029" s="1" t="s">
        <v>41854</v>
      </c>
      <c r="C11029" s="1" t="s">
        <v>35</v>
      </c>
      <c r="D11029" s="1" t="s">
        <v>37199</v>
      </c>
      <c r="E11029" s="1" t="s">
        <v>42386</v>
      </c>
      <c r="F11029" s="1" t="s">
        <v>42387</v>
      </c>
      <c r="G11029" s="1" t="s">
        <v>42369</v>
      </c>
      <c r="H11029" s="1" t="s">
        <v>42370</v>
      </c>
      <c r="I11029" s="1" t="s">
        <v>41860</v>
      </c>
      <c r="J11029" s="1" t="s">
        <v>42388</v>
      </c>
    </row>
    <row r="11030" spans="1:10" x14ac:dyDescent="0.35">
      <c r="A11030" s="1" t="s">
        <v>13974</v>
      </c>
      <c r="B11030" s="1" t="s">
        <v>41854</v>
      </c>
      <c r="C11030" s="1" t="s">
        <v>40</v>
      </c>
      <c r="D11030" s="1" t="s">
        <v>42389</v>
      </c>
      <c r="E11030" s="1" t="s">
        <v>42390</v>
      </c>
      <c r="F11030" s="1" t="s">
        <v>42391</v>
      </c>
      <c r="G11030" s="1" t="s">
        <v>42369</v>
      </c>
      <c r="H11030" s="1" t="s">
        <v>42370</v>
      </c>
      <c r="I11030" s="1" t="s">
        <v>41860</v>
      </c>
      <c r="J11030" s="1" t="s">
        <v>42392</v>
      </c>
    </row>
    <row r="11031" spans="1:10" x14ac:dyDescent="0.35">
      <c r="A11031" s="1" t="s">
        <v>13974</v>
      </c>
      <c r="B11031" s="1" t="s">
        <v>41854</v>
      </c>
      <c r="C11031" s="1" t="s">
        <v>45</v>
      </c>
      <c r="D11031" s="1" t="s">
        <v>42393</v>
      </c>
      <c r="E11031" s="1" t="s">
        <v>42394</v>
      </c>
      <c r="F11031" s="1" t="s">
        <v>42395</v>
      </c>
      <c r="G11031" s="1" t="s">
        <v>42369</v>
      </c>
      <c r="H11031" s="1" t="s">
        <v>42370</v>
      </c>
      <c r="I11031" s="1" t="s">
        <v>41860</v>
      </c>
      <c r="J11031" s="1" t="s">
        <v>42396</v>
      </c>
    </row>
    <row r="11032" spans="1:10" x14ac:dyDescent="0.35">
      <c r="A11032" s="1" t="s">
        <v>13974</v>
      </c>
      <c r="B11032" s="1" t="s">
        <v>41854</v>
      </c>
      <c r="C11032" s="1" t="s">
        <v>50</v>
      </c>
      <c r="D11032" s="1" t="s">
        <v>42397</v>
      </c>
      <c r="E11032" s="1" t="s">
        <v>42398</v>
      </c>
      <c r="F11032" s="1" t="s">
        <v>42399</v>
      </c>
      <c r="G11032" s="1" t="s">
        <v>42369</v>
      </c>
      <c r="H11032" s="1" t="s">
        <v>42370</v>
      </c>
      <c r="I11032" s="1" t="s">
        <v>41860</v>
      </c>
      <c r="J11032" s="1" t="s">
        <v>42400</v>
      </c>
    </row>
    <row r="11033" spans="1:10" x14ac:dyDescent="0.35">
      <c r="A11033" s="1" t="s">
        <v>13974</v>
      </c>
      <c r="B11033" s="1" t="s">
        <v>41854</v>
      </c>
      <c r="C11033" s="1" t="s">
        <v>55</v>
      </c>
      <c r="D11033" s="1" t="s">
        <v>30314</v>
      </c>
      <c r="E11033" s="1" t="s">
        <v>42401</v>
      </c>
      <c r="F11033" s="1" t="s">
        <v>42402</v>
      </c>
      <c r="G11033" s="1" t="s">
        <v>42369</v>
      </c>
      <c r="H11033" s="1" t="s">
        <v>42370</v>
      </c>
      <c r="I11033" s="1" t="s">
        <v>41860</v>
      </c>
      <c r="J11033" s="1" t="s">
        <v>42403</v>
      </c>
    </row>
    <row r="11034" spans="1:10" x14ac:dyDescent="0.35">
      <c r="A11034" s="1" t="s">
        <v>13974</v>
      </c>
      <c r="B11034" s="1" t="s">
        <v>41854</v>
      </c>
      <c r="C11034" s="1" t="s">
        <v>60</v>
      </c>
      <c r="D11034" s="1" t="s">
        <v>42404</v>
      </c>
      <c r="E11034" s="1" t="s">
        <v>42405</v>
      </c>
      <c r="F11034" s="1" t="s">
        <v>42406</v>
      </c>
      <c r="G11034" s="1" t="s">
        <v>42369</v>
      </c>
      <c r="H11034" s="1" t="s">
        <v>42370</v>
      </c>
      <c r="I11034" s="1" t="s">
        <v>41860</v>
      </c>
      <c r="J11034" s="1" t="s">
        <v>42407</v>
      </c>
    </row>
    <row r="11035" spans="1:10" x14ac:dyDescent="0.35">
      <c r="A11035" s="1" t="s">
        <v>13974</v>
      </c>
      <c r="B11035" s="1" t="s">
        <v>41854</v>
      </c>
      <c r="C11035" s="1" t="s">
        <v>65</v>
      </c>
      <c r="D11035" s="1" t="s">
        <v>42408</v>
      </c>
      <c r="E11035" s="1" t="s">
        <v>42409</v>
      </c>
      <c r="F11035" s="1" t="s">
        <v>42410</v>
      </c>
      <c r="G11035" s="1" t="s">
        <v>42369</v>
      </c>
      <c r="H11035" s="1" t="s">
        <v>42370</v>
      </c>
      <c r="I11035" s="1" t="s">
        <v>41860</v>
      </c>
      <c r="J11035" s="1" t="s">
        <v>42411</v>
      </c>
    </row>
    <row r="11036" spans="1:10" x14ac:dyDescent="0.35">
      <c r="A11036" s="1" t="s">
        <v>13974</v>
      </c>
      <c r="B11036" s="1" t="s">
        <v>41854</v>
      </c>
      <c r="C11036" s="1" t="s">
        <v>70</v>
      </c>
      <c r="D11036" s="1" t="s">
        <v>42412</v>
      </c>
      <c r="E11036" s="1" t="s">
        <v>42413</v>
      </c>
      <c r="F11036" s="1" t="s">
        <v>42414</v>
      </c>
      <c r="G11036" s="1" t="s">
        <v>42369</v>
      </c>
      <c r="H11036" s="1" t="s">
        <v>42370</v>
      </c>
      <c r="I11036" s="1" t="s">
        <v>41860</v>
      </c>
      <c r="J11036" s="1" t="s">
        <v>42415</v>
      </c>
    </row>
    <row r="11037" spans="1:10" x14ac:dyDescent="0.35">
      <c r="A11037" s="1" t="s">
        <v>13974</v>
      </c>
      <c r="B11037" s="1" t="s">
        <v>41854</v>
      </c>
      <c r="C11037" s="1" t="s">
        <v>75</v>
      </c>
      <c r="D11037" s="1" t="s">
        <v>42416</v>
      </c>
      <c r="E11037" s="1" t="s">
        <v>42417</v>
      </c>
      <c r="F11037" s="1" t="s">
        <v>42418</v>
      </c>
      <c r="G11037" s="1" t="s">
        <v>42369</v>
      </c>
      <c r="H11037" s="1" t="s">
        <v>42370</v>
      </c>
      <c r="I11037" s="1" t="s">
        <v>41860</v>
      </c>
      <c r="J11037" s="1" t="s">
        <v>42419</v>
      </c>
    </row>
    <row r="11038" spans="1:10" x14ac:dyDescent="0.35">
      <c r="A11038" s="1" t="s">
        <v>13974</v>
      </c>
      <c r="B11038" s="1" t="s">
        <v>41854</v>
      </c>
      <c r="C11038" s="1" t="s">
        <v>80</v>
      </c>
      <c r="D11038" s="1" t="s">
        <v>42420</v>
      </c>
      <c r="E11038" s="1" t="s">
        <v>42421</v>
      </c>
      <c r="F11038" s="1" t="s">
        <v>42422</v>
      </c>
      <c r="G11038" s="1" t="s">
        <v>42369</v>
      </c>
      <c r="H11038" s="1" t="s">
        <v>42370</v>
      </c>
      <c r="I11038" s="1" t="s">
        <v>41860</v>
      </c>
      <c r="J11038" s="1" t="s">
        <v>42423</v>
      </c>
    </row>
    <row r="11039" spans="1:10" x14ac:dyDescent="0.35">
      <c r="A11039" s="1" t="s">
        <v>13974</v>
      </c>
      <c r="B11039" s="1" t="s">
        <v>41854</v>
      </c>
      <c r="C11039" s="1" t="s">
        <v>85</v>
      </c>
      <c r="D11039" s="1" t="s">
        <v>42424</v>
      </c>
      <c r="E11039" s="1" t="s">
        <v>42425</v>
      </c>
      <c r="F11039" s="1" t="s">
        <v>42426</v>
      </c>
      <c r="G11039" s="1" t="s">
        <v>42369</v>
      </c>
      <c r="H11039" s="1" t="s">
        <v>42370</v>
      </c>
      <c r="I11039" s="1" t="s">
        <v>41860</v>
      </c>
      <c r="J11039" s="1" t="s">
        <v>42427</v>
      </c>
    </row>
    <row r="11040" spans="1:10" x14ac:dyDescent="0.35">
      <c r="A11040" s="1" t="s">
        <v>13974</v>
      </c>
      <c r="B11040" s="1" t="s">
        <v>41854</v>
      </c>
      <c r="C11040" s="1" t="s">
        <v>90</v>
      </c>
      <c r="D11040" s="1" t="s">
        <v>42428</v>
      </c>
      <c r="E11040" s="1" t="s">
        <v>42429</v>
      </c>
      <c r="F11040" s="1" t="s">
        <v>42430</v>
      </c>
      <c r="G11040" s="1" t="s">
        <v>42369</v>
      </c>
      <c r="H11040" s="1" t="s">
        <v>42370</v>
      </c>
      <c r="I11040" s="1" t="s">
        <v>41860</v>
      </c>
      <c r="J11040" s="1" t="s">
        <v>42431</v>
      </c>
    </row>
    <row r="11041" spans="1:10" x14ac:dyDescent="0.35">
      <c r="A11041" s="1" t="s">
        <v>13974</v>
      </c>
      <c r="B11041" s="1" t="s">
        <v>41854</v>
      </c>
      <c r="C11041" s="1" t="s">
        <v>95</v>
      </c>
      <c r="D11041" s="1" t="s">
        <v>11656</v>
      </c>
      <c r="E11041" s="1" t="s">
        <v>42432</v>
      </c>
      <c r="F11041" s="1" t="s">
        <v>42433</v>
      </c>
      <c r="G11041" s="1" t="s">
        <v>42369</v>
      </c>
      <c r="H11041" s="1" t="s">
        <v>42370</v>
      </c>
      <c r="I11041" s="1" t="s">
        <v>41860</v>
      </c>
      <c r="J11041" s="1" t="s">
        <v>42434</v>
      </c>
    </row>
    <row r="11042" spans="1:10" x14ac:dyDescent="0.35">
      <c r="A11042" s="1" t="s">
        <v>13974</v>
      </c>
      <c r="B11042" s="1" t="s">
        <v>41854</v>
      </c>
      <c r="C11042" s="1" t="s">
        <v>100</v>
      </c>
      <c r="D11042" s="1" t="s">
        <v>42435</v>
      </c>
      <c r="E11042" s="1" t="s">
        <v>42436</v>
      </c>
      <c r="F11042" s="1" t="s">
        <v>42437</v>
      </c>
      <c r="G11042" s="1" t="s">
        <v>42369</v>
      </c>
      <c r="H11042" s="1" t="s">
        <v>42370</v>
      </c>
      <c r="I11042" s="1" t="s">
        <v>41860</v>
      </c>
      <c r="J11042" s="1" t="s">
        <v>42438</v>
      </c>
    </row>
    <row r="11043" spans="1:10" x14ac:dyDescent="0.35">
      <c r="A11043" s="1" t="s">
        <v>13974</v>
      </c>
      <c r="B11043" s="1" t="s">
        <v>41854</v>
      </c>
      <c r="C11043" s="1" t="s">
        <v>105</v>
      </c>
      <c r="D11043" s="1" t="s">
        <v>42439</v>
      </c>
      <c r="E11043" s="1" t="s">
        <v>42440</v>
      </c>
      <c r="F11043" s="1" t="s">
        <v>42441</v>
      </c>
      <c r="G11043" s="1" t="s">
        <v>42369</v>
      </c>
      <c r="H11043" s="1" t="s">
        <v>42370</v>
      </c>
      <c r="I11043" s="1" t="s">
        <v>41860</v>
      </c>
      <c r="J11043" s="1" t="s">
        <v>42442</v>
      </c>
    </row>
    <row r="11044" spans="1:10" x14ac:dyDescent="0.35">
      <c r="A11044" s="1" t="s">
        <v>13974</v>
      </c>
      <c r="B11044" s="1" t="s">
        <v>41854</v>
      </c>
      <c r="C11044" s="1" t="s">
        <v>110</v>
      </c>
      <c r="D11044" s="1" t="s">
        <v>42443</v>
      </c>
      <c r="E11044" s="1" t="s">
        <v>42444</v>
      </c>
      <c r="F11044" s="1" t="s">
        <v>42445</v>
      </c>
      <c r="G11044" s="1" t="s">
        <v>42369</v>
      </c>
      <c r="H11044" s="1" t="s">
        <v>42370</v>
      </c>
      <c r="I11044" s="1" t="s">
        <v>41860</v>
      </c>
      <c r="J11044" s="1" t="s">
        <v>42446</v>
      </c>
    </row>
    <row r="11045" spans="1:10" x14ac:dyDescent="0.35">
      <c r="A11045" s="1" t="s">
        <v>13974</v>
      </c>
      <c r="B11045" s="1" t="s">
        <v>41854</v>
      </c>
      <c r="C11045" s="1" t="s">
        <v>115</v>
      </c>
      <c r="D11045" s="1" t="s">
        <v>11519</v>
      </c>
      <c r="E11045" s="1" t="s">
        <v>42447</v>
      </c>
      <c r="F11045" s="1" t="s">
        <v>42448</v>
      </c>
      <c r="G11045" s="1" t="s">
        <v>42369</v>
      </c>
      <c r="H11045" s="1" t="s">
        <v>42370</v>
      </c>
      <c r="I11045" s="1" t="s">
        <v>41860</v>
      </c>
      <c r="J11045" s="1" t="s">
        <v>42449</v>
      </c>
    </row>
    <row r="11046" spans="1:10" x14ac:dyDescent="0.35">
      <c r="A11046" s="1" t="s">
        <v>13974</v>
      </c>
      <c r="B11046" s="1" t="s">
        <v>41854</v>
      </c>
      <c r="C11046" s="1" t="s">
        <v>120</v>
      </c>
      <c r="D11046" s="1" t="s">
        <v>42450</v>
      </c>
      <c r="E11046" s="1" t="s">
        <v>42451</v>
      </c>
      <c r="F11046" s="1" t="s">
        <v>42452</v>
      </c>
      <c r="G11046" s="1" t="s">
        <v>42369</v>
      </c>
      <c r="H11046" s="1" t="s">
        <v>42370</v>
      </c>
      <c r="I11046" s="1" t="s">
        <v>41860</v>
      </c>
      <c r="J11046" s="1" t="s">
        <v>42453</v>
      </c>
    </row>
    <row r="11047" spans="1:10" x14ac:dyDescent="0.35">
      <c r="A11047" s="1" t="s">
        <v>13974</v>
      </c>
      <c r="B11047" s="1" t="s">
        <v>41854</v>
      </c>
      <c r="C11047" s="1" t="s">
        <v>125</v>
      </c>
      <c r="D11047" s="1" t="s">
        <v>42454</v>
      </c>
      <c r="E11047" s="1" t="s">
        <v>42455</v>
      </c>
      <c r="F11047" s="1" t="s">
        <v>42456</v>
      </c>
      <c r="G11047" s="1" t="s">
        <v>42369</v>
      </c>
      <c r="H11047" s="1" t="s">
        <v>42370</v>
      </c>
      <c r="I11047" s="1" t="s">
        <v>41860</v>
      </c>
      <c r="J11047" s="1" t="s">
        <v>42457</v>
      </c>
    </row>
    <row r="11048" spans="1:10" x14ac:dyDescent="0.35">
      <c r="A11048" s="1" t="s">
        <v>13974</v>
      </c>
      <c r="B11048" s="1" t="s">
        <v>41854</v>
      </c>
      <c r="C11048" s="1" t="s">
        <v>130</v>
      </c>
      <c r="D11048" s="1" t="s">
        <v>23951</v>
      </c>
      <c r="E11048" s="1" t="s">
        <v>42458</v>
      </c>
      <c r="F11048" s="1" t="s">
        <v>42459</v>
      </c>
      <c r="G11048" s="1" t="s">
        <v>42369</v>
      </c>
      <c r="H11048" s="1" t="s">
        <v>42370</v>
      </c>
      <c r="I11048" s="1" t="s">
        <v>41860</v>
      </c>
      <c r="J11048" s="1" t="s">
        <v>42460</v>
      </c>
    </row>
    <row r="11049" spans="1:10" x14ac:dyDescent="0.35">
      <c r="A11049" s="1" t="s">
        <v>13974</v>
      </c>
      <c r="B11049" s="1" t="s">
        <v>41854</v>
      </c>
      <c r="C11049" s="1" t="s">
        <v>135</v>
      </c>
      <c r="D11049" s="1" t="s">
        <v>42461</v>
      </c>
      <c r="E11049" s="1" t="s">
        <v>42462</v>
      </c>
      <c r="F11049" s="1" t="s">
        <v>42463</v>
      </c>
      <c r="G11049" s="1" t="s">
        <v>42369</v>
      </c>
      <c r="H11049" s="1" t="s">
        <v>42370</v>
      </c>
      <c r="I11049" s="1" t="s">
        <v>41860</v>
      </c>
      <c r="J11049" s="1" t="s">
        <v>42464</v>
      </c>
    </row>
    <row r="11050" spans="1:10" x14ac:dyDescent="0.35">
      <c r="A11050" s="1" t="s">
        <v>13974</v>
      </c>
      <c r="B11050" s="1" t="s">
        <v>41854</v>
      </c>
      <c r="C11050" s="1" t="s">
        <v>140</v>
      </c>
      <c r="D11050" s="1" t="s">
        <v>42465</v>
      </c>
      <c r="E11050" s="1" t="s">
        <v>42466</v>
      </c>
      <c r="F11050" s="1" t="s">
        <v>42467</v>
      </c>
      <c r="G11050" s="1" t="s">
        <v>42369</v>
      </c>
      <c r="H11050" s="1" t="s">
        <v>42370</v>
      </c>
      <c r="I11050" s="1" t="s">
        <v>41860</v>
      </c>
      <c r="J11050" s="1" t="s">
        <v>42468</v>
      </c>
    </row>
    <row r="11051" spans="1:10" x14ac:dyDescent="0.35">
      <c r="A11051" s="1" t="s">
        <v>13974</v>
      </c>
      <c r="B11051" s="1" t="s">
        <v>41854</v>
      </c>
      <c r="C11051" s="1" t="s">
        <v>145</v>
      </c>
      <c r="D11051" s="1" t="s">
        <v>42469</v>
      </c>
      <c r="E11051" s="1" t="s">
        <v>42470</v>
      </c>
      <c r="F11051" s="1" t="s">
        <v>42471</v>
      </c>
      <c r="G11051" s="1" t="s">
        <v>42369</v>
      </c>
      <c r="H11051" s="1" t="s">
        <v>42370</v>
      </c>
      <c r="I11051" s="1" t="s">
        <v>41860</v>
      </c>
      <c r="J11051" s="1" t="s">
        <v>42472</v>
      </c>
    </row>
    <row r="11052" spans="1:10" x14ac:dyDescent="0.35">
      <c r="A11052" s="1" t="s">
        <v>13974</v>
      </c>
      <c r="B11052" s="1" t="s">
        <v>41854</v>
      </c>
      <c r="C11052" s="1" t="s">
        <v>150</v>
      </c>
      <c r="D11052" s="1" t="s">
        <v>42473</v>
      </c>
      <c r="E11052" s="1" t="s">
        <v>42474</v>
      </c>
      <c r="F11052" s="1" t="s">
        <v>42475</v>
      </c>
      <c r="G11052" s="1" t="s">
        <v>42369</v>
      </c>
      <c r="H11052" s="1" t="s">
        <v>42370</v>
      </c>
      <c r="I11052" s="1" t="s">
        <v>41860</v>
      </c>
      <c r="J11052" s="1" t="s">
        <v>42476</v>
      </c>
    </row>
    <row r="11053" spans="1:10" x14ac:dyDescent="0.35">
      <c r="A11053" s="1" t="s">
        <v>13974</v>
      </c>
      <c r="B11053" s="1" t="s">
        <v>41854</v>
      </c>
      <c r="C11053" s="1" t="s">
        <v>155</v>
      </c>
      <c r="D11053" s="1" t="s">
        <v>42477</v>
      </c>
      <c r="E11053" s="1" t="s">
        <v>42478</v>
      </c>
      <c r="F11053" s="1" t="s">
        <v>42479</v>
      </c>
      <c r="G11053" s="1" t="s">
        <v>42369</v>
      </c>
      <c r="H11053" s="1" t="s">
        <v>42370</v>
      </c>
      <c r="I11053" s="1" t="s">
        <v>41860</v>
      </c>
      <c r="J11053" s="1" t="s">
        <v>42480</v>
      </c>
    </row>
    <row r="11054" spans="1:10" x14ac:dyDescent="0.35">
      <c r="A11054" s="1" t="s">
        <v>13974</v>
      </c>
      <c r="B11054" s="1" t="s">
        <v>41854</v>
      </c>
      <c r="C11054" s="1" t="s">
        <v>160</v>
      </c>
      <c r="D11054" s="1" t="s">
        <v>42481</v>
      </c>
      <c r="E11054" s="1" t="s">
        <v>42482</v>
      </c>
      <c r="F11054" s="1" t="s">
        <v>42483</v>
      </c>
      <c r="G11054" s="1" t="s">
        <v>42369</v>
      </c>
      <c r="H11054" s="1" t="s">
        <v>42370</v>
      </c>
      <c r="I11054" s="1" t="s">
        <v>41860</v>
      </c>
      <c r="J11054" s="1" t="s">
        <v>42484</v>
      </c>
    </row>
    <row r="11055" spans="1:10" x14ac:dyDescent="0.35">
      <c r="A11055" s="1" t="s">
        <v>13974</v>
      </c>
      <c r="B11055" s="1" t="s">
        <v>41854</v>
      </c>
      <c r="C11055" s="1" t="s">
        <v>165</v>
      </c>
      <c r="D11055" s="1" t="s">
        <v>42485</v>
      </c>
      <c r="E11055" s="1" t="s">
        <v>42486</v>
      </c>
      <c r="F11055" s="1" t="s">
        <v>42487</v>
      </c>
      <c r="G11055" s="1" t="s">
        <v>42369</v>
      </c>
      <c r="H11055" s="1" t="s">
        <v>42370</v>
      </c>
      <c r="I11055" s="1" t="s">
        <v>41860</v>
      </c>
      <c r="J11055" s="1" t="s">
        <v>42488</v>
      </c>
    </row>
    <row r="11056" spans="1:10" x14ac:dyDescent="0.35">
      <c r="A11056" s="1" t="s">
        <v>13974</v>
      </c>
      <c r="B11056" s="1" t="s">
        <v>41854</v>
      </c>
      <c r="C11056" s="1" t="s">
        <v>170</v>
      </c>
      <c r="D11056" s="1" t="s">
        <v>42489</v>
      </c>
      <c r="E11056" s="1" t="s">
        <v>42490</v>
      </c>
      <c r="F11056" s="1" t="s">
        <v>42491</v>
      </c>
      <c r="G11056" s="1" t="s">
        <v>42369</v>
      </c>
      <c r="H11056" s="1" t="s">
        <v>42370</v>
      </c>
      <c r="I11056" s="1" t="s">
        <v>41860</v>
      </c>
      <c r="J11056" s="1" t="s">
        <v>42492</v>
      </c>
    </row>
    <row r="11057" spans="1:10" x14ac:dyDescent="0.35">
      <c r="A11057" s="1" t="s">
        <v>42493</v>
      </c>
      <c r="B11057" s="1" t="s">
        <v>41854</v>
      </c>
      <c r="C11057" s="1" t="s">
        <v>8</v>
      </c>
      <c r="D11057" s="1" t="s">
        <v>42494</v>
      </c>
      <c r="E11057" s="1" t="s">
        <v>42495</v>
      </c>
      <c r="F11057" s="1" t="s">
        <v>42496</v>
      </c>
      <c r="G11057" s="1" t="s">
        <v>42497</v>
      </c>
      <c r="H11057" s="1" t="s">
        <v>42498</v>
      </c>
      <c r="I11057" s="1" t="s">
        <v>41860</v>
      </c>
      <c r="J11057" s="1" t="s">
        <v>13</v>
      </c>
    </row>
    <row r="11058" spans="1:10" x14ac:dyDescent="0.35">
      <c r="A11058" s="1" t="s">
        <v>42493</v>
      </c>
      <c r="B11058" s="1" t="s">
        <v>41854</v>
      </c>
      <c r="C11058" s="1" t="s">
        <v>15</v>
      </c>
      <c r="D11058" s="1" t="s">
        <v>16027</v>
      </c>
      <c r="E11058" s="1" t="s">
        <v>42499</v>
      </c>
      <c r="F11058" s="1" t="s">
        <v>42500</v>
      </c>
      <c r="G11058" s="1" t="s">
        <v>42497</v>
      </c>
      <c r="H11058" s="1" t="s">
        <v>42498</v>
      </c>
      <c r="I11058" s="1" t="s">
        <v>41860</v>
      </c>
      <c r="J11058" s="1" t="s">
        <v>42501</v>
      </c>
    </row>
    <row r="11059" spans="1:10" x14ac:dyDescent="0.35">
      <c r="A11059" s="1" t="s">
        <v>42493</v>
      </c>
      <c r="B11059" s="1" t="s">
        <v>41854</v>
      </c>
      <c r="C11059" s="1" t="s">
        <v>20</v>
      </c>
      <c r="D11059" s="1" t="s">
        <v>42502</v>
      </c>
      <c r="E11059" s="1" t="s">
        <v>42503</v>
      </c>
      <c r="F11059" s="1" t="s">
        <v>42504</v>
      </c>
      <c r="G11059" s="1" t="s">
        <v>42497</v>
      </c>
      <c r="H11059" s="1" t="s">
        <v>42498</v>
      </c>
      <c r="I11059" s="1" t="s">
        <v>41860</v>
      </c>
      <c r="J11059" s="1" t="s">
        <v>42505</v>
      </c>
    </row>
    <row r="11060" spans="1:10" x14ac:dyDescent="0.35">
      <c r="A11060" s="1" t="s">
        <v>42493</v>
      </c>
      <c r="B11060" s="1" t="s">
        <v>41854</v>
      </c>
      <c r="C11060" s="1" t="s">
        <v>25</v>
      </c>
      <c r="D11060" s="1" t="s">
        <v>19802</v>
      </c>
      <c r="E11060" s="1" t="s">
        <v>42506</v>
      </c>
      <c r="F11060" s="1" t="s">
        <v>42507</v>
      </c>
      <c r="G11060" s="1" t="s">
        <v>42497</v>
      </c>
      <c r="H11060" s="1" t="s">
        <v>42498</v>
      </c>
      <c r="I11060" s="1" t="s">
        <v>41860</v>
      </c>
      <c r="J11060" s="1" t="s">
        <v>42508</v>
      </c>
    </row>
    <row r="11061" spans="1:10" x14ac:dyDescent="0.35">
      <c r="A11061" s="1" t="s">
        <v>42493</v>
      </c>
      <c r="B11061" s="1" t="s">
        <v>41854</v>
      </c>
      <c r="C11061" s="1" t="s">
        <v>30</v>
      </c>
      <c r="D11061" s="1" t="s">
        <v>42509</v>
      </c>
      <c r="E11061" s="1" t="s">
        <v>42510</v>
      </c>
      <c r="F11061" s="1" t="s">
        <v>42511</v>
      </c>
      <c r="G11061" s="1" t="s">
        <v>42497</v>
      </c>
      <c r="H11061" s="1" t="s">
        <v>42498</v>
      </c>
      <c r="I11061" s="1" t="s">
        <v>41860</v>
      </c>
      <c r="J11061" s="1" t="s">
        <v>42512</v>
      </c>
    </row>
    <row r="11062" spans="1:10" x14ac:dyDescent="0.35">
      <c r="A11062" s="1" t="s">
        <v>42493</v>
      </c>
      <c r="B11062" s="1" t="s">
        <v>41854</v>
      </c>
      <c r="C11062" s="1" t="s">
        <v>35</v>
      </c>
      <c r="D11062" s="1" t="s">
        <v>42513</v>
      </c>
      <c r="E11062" s="1" t="s">
        <v>42514</v>
      </c>
      <c r="F11062" s="1" t="s">
        <v>42515</v>
      </c>
      <c r="G11062" s="1" t="s">
        <v>42497</v>
      </c>
      <c r="H11062" s="1" t="s">
        <v>42498</v>
      </c>
      <c r="I11062" s="1" t="s">
        <v>41860</v>
      </c>
      <c r="J11062" s="1" t="s">
        <v>42516</v>
      </c>
    </row>
    <row r="11063" spans="1:10" x14ac:dyDescent="0.35">
      <c r="A11063" s="1" t="s">
        <v>42493</v>
      </c>
      <c r="B11063" s="1" t="s">
        <v>41854</v>
      </c>
      <c r="C11063" s="1" t="s">
        <v>40</v>
      </c>
      <c r="D11063" s="1" t="s">
        <v>42517</v>
      </c>
      <c r="E11063" s="1" t="s">
        <v>42518</v>
      </c>
      <c r="F11063" s="1" t="s">
        <v>42519</v>
      </c>
      <c r="G11063" s="1" t="s">
        <v>42497</v>
      </c>
      <c r="H11063" s="1" t="s">
        <v>42498</v>
      </c>
      <c r="I11063" s="1" t="s">
        <v>41860</v>
      </c>
      <c r="J11063" s="1" t="s">
        <v>42520</v>
      </c>
    </row>
    <row r="11064" spans="1:10" x14ac:dyDescent="0.35">
      <c r="A11064" s="1" t="s">
        <v>42493</v>
      </c>
      <c r="B11064" s="1" t="s">
        <v>41854</v>
      </c>
      <c r="C11064" s="1" t="s">
        <v>45</v>
      </c>
      <c r="D11064" s="1" t="s">
        <v>42521</v>
      </c>
      <c r="E11064" s="1" t="s">
        <v>42522</v>
      </c>
      <c r="F11064" s="1" t="s">
        <v>42523</v>
      </c>
      <c r="G11064" s="1" t="s">
        <v>42497</v>
      </c>
      <c r="H11064" s="1" t="s">
        <v>42498</v>
      </c>
      <c r="I11064" s="1" t="s">
        <v>41860</v>
      </c>
      <c r="J11064" s="1" t="s">
        <v>42524</v>
      </c>
    </row>
    <row r="11065" spans="1:10" x14ac:dyDescent="0.35">
      <c r="A11065" s="1" t="s">
        <v>42493</v>
      </c>
      <c r="B11065" s="1" t="s">
        <v>41854</v>
      </c>
      <c r="C11065" s="1" t="s">
        <v>50</v>
      </c>
      <c r="D11065" s="1" t="s">
        <v>30659</v>
      </c>
      <c r="E11065" s="1" t="s">
        <v>42525</v>
      </c>
      <c r="F11065" s="1" t="s">
        <v>42526</v>
      </c>
      <c r="G11065" s="1" t="s">
        <v>42497</v>
      </c>
      <c r="H11065" s="1" t="s">
        <v>42498</v>
      </c>
      <c r="I11065" s="1" t="s">
        <v>41860</v>
      </c>
      <c r="J11065" s="1" t="s">
        <v>42527</v>
      </c>
    </row>
    <row r="11066" spans="1:10" x14ac:dyDescent="0.35">
      <c r="A11066" s="1" t="s">
        <v>42493</v>
      </c>
      <c r="B11066" s="1" t="s">
        <v>41854</v>
      </c>
      <c r="C11066" s="1" t="s">
        <v>55</v>
      </c>
      <c r="D11066" s="1" t="s">
        <v>42528</v>
      </c>
      <c r="E11066" s="1" t="s">
        <v>42529</v>
      </c>
      <c r="F11066" s="1" t="s">
        <v>42530</v>
      </c>
      <c r="G11066" s="1" t="s">
        <v>42497</v>
      </c>
      <c r="H11066" s="1" t="s">
        <v>42498</v>
      </c>
      <c r="I11066" s="1" t="s">
        <v>41860</v>
      </c>
      <c r="J11066" s="1" t="s">
        <v>42531</v>
      </c>
    </row>
    <row r="11067" spans="1:10" x14ac:dyDescent="0.35">
      <c r="A11067" s="1" t="s">
        <v>42493</v>
      </c>
      <c r="B11067" s="1" t="s">
        <v>41854</v>
      </c>
      <c r="C11067" s="1" t="s">
        <v>60</v>
      </c>
      <c r="D11067" s="1" t="s">
        <v>42532</v>
      </c>
      <c r="E11067" s="1" t="s">
        <v>42533</v>
      </c>
      <c r="F11067" s="1" t="s">
        <v>42534</v>
      </c>
      <c r="G11067" s="1" t="s">
        <v>42497</v>
      </c>
      <c r="H11067" s="1" t="s">
        <v>42498</v>
      </c>
      <c r="I11067" s="1" t="s">
        <v>41860</v>
      </c>
      <c r="J11067" s="1" t="s">
        <v>42535</v>
      </c>
    </row>
    <row r="11068" spans="1:10" x14ac:dyDescent="0.35">
      <c r="A11068" s="1" t="s">
        <v>42493</v>
      </c>
      <c r="B11068" s="1" t="s">
        <v>41854</v>
      </c>
      <c r="C11068" s="1" t="s">
        <v>65</v>
      </c>
      <c r="D11068" s="1" t="s">
        <v>42536</v>
      </c>
      <c r="E11068" s="1" t="s">
        <v>42537</v>
      </c>
      <c r="F11068" s="1" t="s">
        <v>42538</v>
      </c>
      <c r="G11068" s="1" t="s">
        <v>42497</v>
      </c>
      <c r="H11068" s="1" t="s">
        <v>42498</v>
      </c>
      <c r="I11068" s="1" t="s">
        <v>41860</v>
      </c>
      <c r="J11068" s="1" t="s">
        <v>42539</v>
      </c>
    </row>
    <row r="11069" spans="1:10" x14ac:dyDescent="0.35">
      <c r="A11069" s="1" t="s">
        <v>42493</v>
      </c>
      <c r="B11069" s="1" t="s">
        <v>41854</v>
      </c>
      <c r="C11069" s="1" t="s">
        <v>70</v>
      </c>
      <c r="D11069" s="1" t="s">
        <v>4188</v>
      </c>
      <c r="E11069" s="1" t="s">
        <v>42540</v>
      </c>
      <c r="F11069" s="1" t="s">
        <v>42541</v>
      </c>
      <c r="G11069" s="1" t="s">
        <v>42497</v>
      </c>
      <c r="H11069" s="1" t="s">
        <v>42498</v>
      </c>
      <c r="I11069" s="1" t="s">
        <v>41860</v>
      </c>
      <c r="J11069" s="1" t="s">
        <v>42542</v>
      </c>
    </row>
    <row r="11070" spans="1:10" x14ac:dyDescent="0.35">
      <c r="A11070" s="1" t="s">
        <v>42493</v>
      </c>
      <c r="B11070" s="1" t="s">
        <v>41854</v>
      </c>
      <c r="C11070" s="1" t="s">
        <v>75</v>
      </c>
      <c r="D11070" s="1" t="s">
        <v>36593</v>
      </c>
      <c r="E11070" s="1" t="s">
        <v>42543</v>
      </c>
      <c r="F11070" s="1" t="s">
        <v>42544</v>
      </c>
      <c r="G11070" s="1" t="s">
        <v>42497</v>
      </c>
      <c r="H11070" s="1" t="s">
        <v>42498</v>
      </c>
      <c r="I11070" s="1" t="s">
        <v>41860</v>
      </c>
      <c r="J11070" s="1" t="s">
        <v>42545</v>
      </c>
    </row>
    <row r="11071" spans="1:10" x14ac:dyDescent="0.35">
      <c r="A11071" s="1" t="s">
        <v>42493</v>
      </c>
      <c r="B11071" s="1" t="s">
        <v>41854</v>
      </c>
      <c r="C11071" s="1" t="s">
        <v>80</v>
      </c>
      <c r="D11071" s="1" t="s">
        <v>42546</v>
      </c>
      <c r="E11071" s="1" t="s">
        <v>42547</v>
      </c>
      <c r="F11071" s="1" t="s">
        <v>42548</v>
      </c>
      <c r="G11071" s="1" t="s">
        <v>42497</v>
      </c>
      <c r="H11071" s="1" t="s">
        <v>42498</v>
      </c>
      <c r="I11071" s="1" t="s">
        <v>41860</v>
      </c>
      <c r="J11071" s="1" t="s">
        <v>42549</v>
      </c>
    </row>
    <row r="11072" spans="1:10" x14ac:dyDescent="0.35">
      <c r="A11072" s="1" t="s">
        <v>42493</v>
      </c>
      <c r="B11072" s="1" t="s">
        <v>41854</v>
      </c>
      <c r="C11072" s="1" t="s">
        <v>85</v>
      </c>
      <c r="D11072" s="1" t="s">
        <v>42550</v>
      </c>
      <c r="E11072" s="1" t="s">
        <v>42551</v>
      </c>
      <c r="F11072" s="1" t="s">
        <v>42552</v>
      </c>
      <c r="G11072" s="1" t="s">
        <v>42497</v>
      </c>
      <c r="H11072" s="1" t="s">
        <v>42498</v>
      </c>
      <c r="I11072" s="1" t="s">
        <v>41860</v>
      </c>
      <c r="J11072" s="1" t="s">
        <v>42553</v>
      </c>
    </row>
    <row r="11073" spans="1:10" x14ac:dyDescent="0.35">
      <c r="A11073" s="1" t="s">
        <v>42493</v>
      </c>
      <c r="B11073" s="1" t="s">
        <v>41854</v>
      </c>
      <c r="C11073" s="1" t="s">
        <v>90</v>
      </c>
      <c r="D11073" s="1" t="s">
        <v>42554</v>
      </c>
      <c r="E11073" s="1" t="s">
        <v>42555</v>
      </c>
      <c r="F11073" s="1" t="s">
        <v>42556</v>
      </c>
      <c r="G11073" s="1" t="s">
        <v>42497</v>
      </c>
      <c r="H11073" s="1" t="s">
        <v>42498</v>
      </c>
      <c r="I11073" s="1" t="s">
        <v>41860</v>
      </c>
      <c r="J11073" s="1" t="s">
        <v>42557</v>
      </c>
    </row>
    <row r="11074" spans="1:10" x14ac:dyDescent="0.35">
      <c r="A11074" s="1" t="s">
        <v>42493</v>
      </c>
      <c r="B11074" s="1" t="s">
        <v>41854</v>
      </c>
      <c r="C11074" s="1" t="s">
        <v>95</v>
      </c>
      <c r="D11074" s="1" t="s">
        <v>42558</v>
      </c>
      <c r="E11074" s="1" t="s">
        <v>42559</v>
      </c>
      <c r="F11074" s="1" t="s">
        <v>42560</v>
      </c>
      <c r="G11074" s="1" t="s">
        <v>42497</v>
      </c>
      <c r="H11074" s="1" t="s">
        <v>42498</v>
      </c>
      <c r="I11074" s="1" t="s">
        <v>41860</v>
      </c>
      <c r="J11074" s="1" t="s">
        <v>42561</v>
      </c>
    </row>
    <row r="11075" spans="1:10" x14ac:dyDescent="0.35">
      <c r="A11075" s="1" t="s">
        <v>42493</v>
      </c>
      <c r="B11075" s="1" t="s">
        <v>41854</v>
      </c>
      <c r="C11075" s="1" t="s">
        <v>100</v>
      </c>
      <c r="D11075" s="1" t="s">
        <v>42562</v>
      </c>
      <c r="E11075" s="1" t="s">
        <v>42563</v>
      </c>
      <c r="F11075" s="1" t="s">
        <v>42564</v>
      </c>
      <c r="G11075" s="1" t="s">
        <v>42497</v>
      </c>
      <c r="H11075" s="1" t="s">
        <v>42498</v>
      </c>
      <c r="I11075" s="1" t="s">
        <v>41860</v>
      </c>
      <c r="J11075" s="1" t="s">
        <v>42565</v>
      </c>
    </row>
    <row r="11076" spans="1:10" x14ac:dyDescent="0.35">
      <c r="A11076" s="1" t="s">
        <v>42493</v>
      </c>
      <c r="B11076" s="1" t="s">
        <v>41854</v>
      </c>
      <c r="C11076" s="1" t="s">
        <v>105</v>
      </c>
      <c r="D11076" s="1" t="s">
        <v>42566</v>
      </c>
      <c r="E11076" s="1" t="s">
        <v>42567</v>
      </c>
      <c r="F11076" s="1" t="s">
        <v>42568</v>
      </c>
      <c r="G11076" s="1" t="s">
        <v>42497</v>
      </c>
      <c r="H11076" s="1" t="s">
        <v>42498</v>
      </c>
      <c r="I11076" s="1" t="s">
        <v>41860</v>
      </c>
      <c r="J11076" s="1" t="s">
        <v>42569</v>
      </c>
    </row>
    <row r="11077" spans="1:10" x14ac:dyDescent="0.35">
      <c r="A11077" s="1" t="s">
        <v>42493</v>
      </c>
      <c r="B11077" s="1" t="s">
        <v>41854</v>
      </c>
      <c r="C11077" s="1" t="s">
        <v>110</v>
      </c>
      <c r="D11077" s="1" t="s">
        <v>32630</v>
      </c>
      <c r="E11077" s="1" t="s">
        <v>42570</v>
      </c>
      <c r="F11077" s="1" t="s">
        <v>42571</v>
      </c>
      <c r="G11077" s="1" t="s">
        <v>42497</v>
      </c>
      <c r="H11077" s="1" t="s">
        <v>42498</v>
      </c>
      <c r="I11077" s="1" t="s">
        <v>41860</v>
      </c>
      <c r="J11077" s="1" t="s">
        <v>42572</v>
      </c>
    </row>
    <row r="11078" spans="1:10" x14ac:dyDescent="0.35">
      <c r="A11078" s="1" t="s">
        <v>42493</v>
      </c>
      <c r="B11078" s="1" t="s">
        <v>41854</v>
      </c>
      <c r="C11078" s="1" t="s">
        <v>115</v>
      </c>
      <c r="D11078" s="1" t="s">
        <v>11620</v>
      </c>
      <c r="E11078" s="1" t="s">
        <v>42573</v>
      </c>
      <c r="F11078" s="1" t="s">
        <v>42574</v>
      </c>
      <c r="G11078" s="1" t="s">
        <v>42497</v>
      </c>
      <c r="H11078" s="1" t="s">
        <v>42498</v>
      </c>
      <c r="I11078" s="1" t="s">
        <v>41860</v>
      </c>
      <c r="J11078" s="1" t="s">
        <v>42575</v>
      </c>
    </row>
    <row r="11079" spans="1:10" x14ac:dyDescent="0.35">
      <c r="A11079" s="1" t="s">
        <v>42493</v>
      </c>
      <c r="B11079" s="1" t="s">
        <v>41854</v>
      </c>
      <c r="C11079" s="1" t="s">
        <v>120</v>
      </c>
      <c r="D11079" s="1" t="s">
        <v>42576</v>
      </c>
      <c r="E11079" s="1" t="s">
        <v>42577</v>
      </c>
      <c r="F11079" s="1" t="s">
        <v>42578</v>
      </c>
      <c r="G11079" s="1" t="s">
        <v>42497</v>
      </c>
      <c r="H11079" s="1" t="s">
        <v>42498</v>
      </c>
      <c r="I11079" s="1" t="s">
        <v>41860</v>
      </c>
      <c r="J11079" s="1" t="s">
        <v>42579</v>
      </c>
    </row>
    <row r="11080" spans="1:10" x14ac:dyDescent="0.35">
      <c r="A11080" s="1" t="s">
        <v>42493</v>
      </c>
      <c r="B11080" s="1" t="s">
        <v>41854</v>
      </c>
      <c r="C11080" s="1" t="s">
        <v>125</v>
      </c>
      <c r="D11080" s="1" t="s">
        <v>42580</v>
      </c>
      <c r="E11080" s="1" t="s">
        <v>42581</v>
      </c>
      <c r="F11080" s="1" t="s">
        <v>42582</v>
      </c>
      <c r="G11080" s="1" t="s">
        <v>42497</v>
      </c>
      <c r="H11080" s="1" t="s">
        <v>42498</v>
      </c>
      <c r="I11080" s="1" t="s">
        <v>41860</v>
      </c>
      <c r="J11080" s="1" t="s">
        <v>42583</v>
      </c>
    </row>
    <row r="11081" spans="1:10" x14ac:dyDescent="0.35">
      <c r="A11081" s="1" t="s">
        <v>42493</v>
      </c>
      <c r="B11081" s="1" t="s">
        <v>41854</v>
      </c>
      <c r="C11081" s="1" t="s">
        <v>130</v>
      </c>
      <c r="D11081" s="1" t="s">
        <v>42584</v>
      </c>
      <c r="E11081" s="1" t="s">
        <v>42585</v>
      </c>
      <c r="F11081" s="1" t="s">
        <v>42586</v>
      </c>
      <c r="G11081" s="1" t="s">
        <v>42497</v>
      </c>
      <c r="H11081" s="1" t="s">
        <v>42498</v>
      </c>
      <c r="I11081" s="1" t="s">
        <v>41860</v>
      </c>
      <c r="J11081" s="1" t="s">
        <v>42587</v>
      </c>
    </row>
    <row r="11082" spans="1:10" x14ac:dyDescent="0.35">
      <c r="A11082" s="1" t="s">
        <v>42493</v>
      </c>
      <c r="B11082" s="1" t="s">
        <v>41854</v>
      </c>
      <c r="C11082" s="1" t="s">
        <v>135</v>
      </c>
      <c r="D11082" s="1" t="s">
        <v>42588</v>
      </c>
      <c r="E11082" s="1" t="s">
        <v>42589</v>
      </c>
      <c r="F11082" s="1" t="s">
        <v>42590</v>
      </c>
      <c r="G11082" s="1" t="s">
        <v>42497</v>
      </c>
      <c r="H11082" s="1" t="s">
        <v>42498</v>
      </c>
      <c r="I11082" s="1" t="s">
        <v>41860</v>
      </c>
      <c r="J11082" s="1" t="s">
        <v>42591</v>
      </c>
    </row>
    <row r="11083" spans="1:10" x14ac:dyDescent="0.35">
      <c r="A11083" s="1" t="s">
        <v>42493</v>
      </c>
      <c r="B11083" s="1" t="s">
        <v>41854</v>
      </c>
      <c r="C11083" s="1" t="s">
        <v>140</v>
      </c>
      <c r="D11083" s="1" t="s">
        <v>42592</v>
      </c>
      <c r="E11083" s="1" t="s">
        <v>42593</v>
      </c>
      <c r="F11083" s="1" t="s">
        <v>42594</v>
      </c>
      <c r="G11083" s="1" t="s">
        <v>42497</v>
      </c>
      <c r="H11083" s="1" t="s">
        <v>42498</v>
      </c>
      <c r="I11083" s="1" t="s">
        <v>41860</v>
      </c>
      <c r="J11083" s="1" t="s">
        <v>42595</v>
      </c>
    </row>
    <row r="11084" spans="1:10" x14ac:dyDescent="0.35">
      <c r="A11084" s="1" t="s">
        <v>42493</v>
      </c>
      <c r="B11084" s="1" t="s">
        <v>41854</v>
      </c>
      <c r="C11084" s="1" t="s">
        <v>145</v>
      </c>
      <c r="D11084" s="1" t="s">
        <v>42596</v>
      </c>
      <c r="E11084" s="1" t="s">
        <v>42597</v>
      </c>
      <c r="F11084" s="1" t="s">
        <v>42598</v>
      </c>
      <c r="G11084" s="1" t="s">
        <v>42497</v>
      </c>
      <c r="H11084" s="1" t="s">
        <v>42498</v>
      </c>
      <c r="I11084" s="1" t="s">
        <v>41860</v>
      </c>
      <c r="J11084" s="1" t="s">
        <v>42599</v>
      </c>
    </row>
    <row r="11085" spans="1:10" x14ac:dyDescent="0.35">
      <c r="A11085" s="1" t="s">
        <v>42493</v>
      </c>
      <c r="B11085" s="1" t="s">
        <v>41854</v>
      </c>
      <c r="C11085" s="1" t="s">
        <v>150</v>
      </c>
      <c r="D11085" s="1" t="s">
        <v>42600</v>
      </c>
      <c r="E11085" s="1" t="s">
        <v>42601</v>
      </c>
      <c r="F11085" s="1" t="s">
        <v>42602</v>
      </c>
      <c r="G11085" s="1" t="s">
        <v>42497</v>
      </c>
      <c r="H11085" s="1" t="s">
        <v>42498</v>
      </c>
      <c r="I11085" s="1" t="s">
        <v>41860</v>
      </c>
      <c r="J11085" s="1" t="s">
        <v>42603</v>
      </c>
    </row>
    <row r="11086" spans="1:10" x14ac:dyDescent="0.35">
      <c r="A11086" s="1" t="s">
        <v>42493</v>
      </c>
      <c r="B11086" s="1" t="s">
        <v>41854</v>
      </c>
      <c r="C11086" s="1" t="s">
        <v>155</v>
      </c>
      <c r="D11086" s="1" t="s">
        <v>42604</v>
      </c>
      <c r="E11086" s="1" t="s">
        <v>42605</v>
      </c>
      <c r="F11086" s="1" t="s">
        <v>42606</v>
      </c>
      <c r="G11086" s="1" t="s">
        <v>42497</v>
      </c>
      <c r="H11086" s="1" t="s">
        <v>42498</v>
      </c>
      <c r="I11086" s="1" t="s">
        <v>41860</v>
      </c>
      <c r="J11086" s="1" t="s">
        <v>42607</v>
      </c>
    </row>
    <row r="11087" spans="1:10" x14ac:dyDescent="0.35">
      <c r="A11087" s="1" t="s">
        <v>42493</v>
      </c>
      <c r="B11087" s="1" t="s">
        <v>41854</v>
      </c>
      <c r="C11087" s="1" t="s">
        <v>160</v>
      </c>
      <c r="D11087" s="1" t="s">
        <v>42608</v>
      </c>
      <c r="E11087" s="1" t="s">
        <v>42609</v>
      </c>
      <c r="F11087" s="1" t="s">
        <v>42610</v>
      </c>
      <c r="G11087" s="1" t="s">
        <v>42497</v>
      </c>
      <c r="H11087" s="1" t="s">
        <v>42498</v>
      </c>
      <c r="I11087" s="1" t="s">
        <v>41860</v>
      </c>
      <c r="J11087" s="1" t="s">
        <v>42611</v>
      </c>
    </row>
    <row r="11088" spans="1:10" x14ac:dyDescent="0.35">
      <c r="A11088" s="1" t="s">
        <v>42493</v>
      </c>
      <c r="B11088" s="1" t="s">
        <v>41854</v>
      </c>
      <c r="C11088" s="1" t="s">
        <v>165</v>
      </c>
      <c r="D11088" s="1" t="s">
        <v>42612</v>
      </c>
      <c r="E11088" s="1" t="s">
        <v>42613</v>
      </c>
      <c r="F11088" s="1" t="s">
        <v>42614</v>
      </c>
      <c r="G11088" s="1" t="s">
        <v>42497</v>
      </c>
      <c r="H11088" s="1" t="s">
        <v>42498</v>
      </c>
      <c r="I11088" s="1" t="s">
        <v>41860</v>
      </c>
      <c r="J11088" s="1" t="s">
        <v>42615</v>
      </c>
    </row>
    <row r="11089" spans="1:10" x14ac:dyDescent="0.35">
      <c r="A11089" s="1" t="s">
        <v>42493</v>
      </c>
      <c r="B11089" s="1" t="s">
        <v>41854</v>
      </c>
      <c r="C11089" s="1" t="s">
        <v>170</v>
      </c>
      <c r="D11089" s="1" t="s">
        <v>42616</v>
      </c>
      <c r="E11089" s="1" t="s">
        <v>42617</v>
      </c>
      <c r="F11089" s="1" t="s">
        <v>42618</v>
      </c>
      <c r="G11089" s="1" t="s">
        <v>42497</v>
      </c>
      <c r="H11089" s="1" t="s">
        <v>42498</v>
      </c>
      <c r="I11089" s="1" t="s">
        <v>41860</v>
      </c>
      <c r="J11089" s="1" t="s">
        <v>42619</v>
      </c>
    </row>
    <row r="11090" spans="1:10" x14ac:dyDescent="0.35">
      <c r="A11090" s="1" t="s">
        <v>42620</v>
      </c>
      <c r="B11090" s="1" t="s">
        <v>41854</v>
      </c>
      <c r="C11090" s="1" t="s">
        <v>8</v>
      </c>
      <c r="D11090" s="1" t="s">
        <v>42621</v>
      </c>
      <c r="E11090" s="1" t="s">
        <v>42622</v>
      </c>
      <c r="F11090" s="1" t="s">
        <v>42623</v>
      </c>
      <c r="G11090" s="1" t="s">
        <v>42624</v>
      </c>
      <c r="H11090" s="1" t="s">
        <v>42625</v>
      </c>
      <c r="I11090" s="1" t="s">
        <v>41860</v>
      </c>
      <c r="J11090" s="1" t="s">
        <v>13</v>
      </c>
    </row>
    <row r="11091" spans="1:10" x14ac:dyDescent="0.35">
      <c r="A11091" s="1" t="s">
        <v>42620</v>
      </c>
      <c r="B11091" s="1" t="s">
        <v>41854</v>
      </c>
      <c r="C11091" s="1" t="s">
        <v>15</v>
      </c>
      <c r="D11091" s="1" t="s">
        <v>42626</v>
      </c>
      <c r="E11091" s="1" t="s">
        <v>42627</v>
      </c>
      <c r="F11091" s="1" t="s">
        <v>42628</v>
      </c>
      <c r="G11091" s="1" t="s">
        <v>42624</v>
      </c>
      <c r="H11091" s="1" t="s">
        <v>42625</v>
      </c>
      <c r="I11091" s="1" t="s">
        <v>41860</v>
      </c>
      <c r="J11091" s="1" t="s">
        <v>42629</v>
      </c>
    </row>
    <row r="11092" spans="1:10" x14ac:dyDescent="0.35">
      <c r="A11092" s="1" t="s">
        <v>42620</v>
      </c>
      <c r="B11092" s="1" t="s">
        <v>41854</v>
      </c>
      <c r="C11092" s="1" t="s">
        <v>20</v>
      </c>
      <c r="D11092" s="1" t="s">
        <v>42630</v>
      </c>
      <c r="E11092" s="1" t="s">
        <v>42631</v>
      </c>
      <c r="F11092" s="1" t="s">
        <v>42632</v>
      </c>
      <c r="G11092" s="1" t="s">
        <v>42624</v>
      </c>
      <c r="H11092" s="1" t="s">
        <v>42625</v>
      </c>
      <c r="I11092" s="1" t="s">
        <v>41860</v>
      </c>
      <c r="J11092" s="1" t="s">
        <v>42633</v>
      </c>
    </row>
    <row r="11093" spans="1:10" x14ac:dyDescent="0.35">
      <c r="A11093" s="1" t="s">
        <v>42620</v>
      </c>
      <c r="B11093" s="1" t="s">
        <v>41854</v>
      </c>
      <c r="C11093" s="1" t="s">
        <v>25</v>
      </c>
      <c r="D11093" s="1" t="s">
        <v>42634</v>
      </c>
      <c r="E11093" s="1" t="s">
        <v>42635</v>
      </c>
      <c r="F11093" s="1" t="s">
        <v>42636</v>
      </c>
      <c r="G11093" s="1" t="s">
        <v>42624</v>
      </c>
      <c r="H11093" s="1" t="s">
        <v>42625</v>
      </c>
      <c r="I11093" s="1" t="s">
        <v>41860</v>
      </c>
      <c r="J11093" s="1" t="s">
        <v>42637</v>
      </c>
    </row>
    <row r="11094" spans="1:10" x14ac:dyDescent="0.35">
      <c r="A11094" s="1" t="s">
        <v>42620</v>
      </c>
      <c r="B11094" s="1" t="s">
        <v>41854</v>
      </c>
      <c r="C11094" s="1" t="s">
        <v>30</v>
      </c>
      <c r="D11094" s="1" t="s">
        <v>42638</v>
      </c>
      <c r="E11094" s="1" t="s">
        <v>42639</v>
      </c>
      <c r="F11094" s="1" t="s">
        <v>42640</v>
      </c>
      <c r="G11094" s="1" t="s">
        <v>42624</v>
      </c>
      <c r="H11094" s="1" t="s">
        <v>42625</v>
      </c>
      <c r="I11094" s="1" t="s">
        <v>41860</v>
      </c>
      <c r="J11094" s="1" t="s">
        <v>42641</v>
      </c>
    </row>
    <row r="11095" spans="1:10" x14ac:dyDescent="0.35">
      <c r="A11095" s="1" t="s">
        <v>42620</v>
      </c>
      <c r="B11095" s="1" t="s">
        <v>41854</v>
      </c>
      <c r="C11095" s="1" t="s">
        <v>35</v>
      </c>
      <c r="D11095" s="1" t="s">
        <v>42642</v>
      </c>
      <c r="E11095" s="1" t="s">
        <v>42643</v>
      </c>
      <c r="F11095" s="1" t="s">
        <v>42644</v>
      </c>
      <c r="G11095" s="1" t="s">
        <v>42624</v>
      </c>
      <c r="H11095" s="1" t="s">
        <v>42625</v>
      </c>
      <c r="I11095" s="1" t="s">
        <v>41860</v>
      </c>
      <c r="J11095" s="1" t="s">
        <v>42645</v>
      </c>
    </row>
    <row r="11096" spans="1:10" x14ac:dyDescent="0.35">
      <c r="A11096" s="1" t="s">
        <v>42620</v>
      </c>
      <c r="B11096" s="1" t="s">
        <v>41854</v>
      </c>
      <c r="C11096" s="1" t="s">
        <v>40</v>
      </c>
      <c r="D11096" s="1" t="s">
        <v>42646</v>
      </c>
      <c r="E11096" s="1" t="s">
        <v>42647</v>
      </c>
      <c r="F11096" s="1" t="s">
        <v>42648</v>
      </c>
      <c r="G11096" s="1" t="s">
        <v>42624</v>
      </c>
      <c r="H11096" s="1" t="s">
        <v>42625</v>
      </c>
      <c r="I11096" s="1" t="s">
        <v>41860</v>
      </c>
      <c r="J11096" s="1" t="s">
        <v>42649</v>
      </c>
    </row>
    <row r="11097" spans="1:10" x14ac:dyDescent="0.35">
      <c r="A11097" s="1" t="s">
        <v>42620</v>
      </c>
      <c r="B11097" s="1" t="s">
        <v>41854</v>
      </c>
      <c r="C11097" s="1" t="s">
        <v>45</v>
      </c>
      <c r="D11097" s="1" t="s">
        <v>42650</v>
      </c>
      <c r="E11097" s="1" t="s">
        <v>42651</v>
      </c>
      <c r="F11097" s="1" t="s">
        <v>42652</v>
      </c>
      <c r="G11097" s="1" t="s">
        <v>42624</v>
      </c>
      <c r="H11097" s="1" t="s">
        <v>42625</v>
      </c>
      <c r="I11097" s="1" t="s">
        <v>41860</v>
      </c>
      <c r="J11097" s="1" t="s">
        <v>42653</v>
      </c>
    </row>
    <row r="11098" spans="1:10" x14ac:dyDescent="0.35">
      <c r="A11098" s="1" t="s">
        <v>42620</v>
      </c>
      <c r="B11098" s="1" t="s">
        <v>41854</v>
      </c>
      <c r="C11098" s="1" t="s">
        <v>50</v>
      </c>
      <c r="D11098" s="1" t="s">
        <v>42654</v>
      </c>
      <c r="E11098" s="1" t="s">
        <v>42655</v>
      </c>
      <c r="F11098" s="1" t="s">
        <v>42656</v>
      </c>
      <c r="G11098" s="1" t="s">
        <v>42624</v>
      </c>
      <c r="H11098" s="1" t="s">
        <v>42625</v>
      </c>
      <c r="I11098" s="1" t="s">
        <v>41860</v>
      </c>
      <c r="J11098" s="1" t="s">
        <v>42657</v>
      </c>
    </row>
    <row r="11099" spans="1:10" x14ac:dyDescent="0.35">
      <c r="A11099" s="1" t="s">
        <v>42620</v>
      </c>
      <c r="B11099" s="1" t="s">
        <v>41854</v>
      </c>
      <c r="C11099" s="1" t="s">
        <v>55</v>
      </c>
      <c r="D11099" s="1" t="s">
        <v>42658</v>
      </c>
      <c r="E11099" s="1" t="s">
        <v>42659</v>
      </c>
      <c r="F11099" s="1" t="s">
        <v>42660</v>
      </c>
      <c r="G11099" s="1" t="s">
        <v>42624</v>
      </c>
      <c r="H11099" s="1" t="s">
        <v>42625</v>
      </c>
      <c r="I11099" s="1" t="s">
        <v>41860</v>
      </c>
      <c r="J11099" s="1" t="s">
        <v>42661</v>
      </c>
    </row>
    <row r="11100" spans="1:10" x14ac:dyDescent="0.35">
      <c r="A11100" s="1" t="s">
        <v>42620</v>
      </c>
      <c r="B11100" s="1" t="s">
        <v>41854</v>
      </c>
      <c r="C11100" s="1" t="s">
        <v>60</v>
      </c>
      <c r="D11100" s="1" t="s">
        <v>42662</v>
      </c>
      <c r="E11100" s="1" t="s">
        <v>42663</v>
      </c>
      <c r="F11100" s="1" t="s">
        <v>42664</v>
      </c>
      <c r="G11100" s="1" t="s">
        <v>42624</v>
      </c>
      <c r="H11100" s="1" t="s">
        <v>42625</v>
      </c>
      <c r="I11100" s="1" t="s">
        <v>41860</v>
      </c>
      <c r="J11100" s="1" t="s">
        <v>42665</v>
      </c>
    </row>
    <row r="11101" spans="1:10" x14ac:dyDescent="0.35">
      <c r="A11101" s="1" t="s">
        <v>42620</v>
      </c>
      <c r="B11101" s="1" t="s">
        <v>41854</v>
      </c>
      <c r="C11101" s="1" t="s">
        <v>65</v>
      </c>
      <c r="D11101" s="1" t="s">
        <v>42666</v>
      </c>
      <c r="E11101" s="1" t="s">
        <v>42667</v>
      </c>
      <c r="F11101" s="1" t="s">
        <v>42668</v>
      </c>
      <c r="G11101" s="1" t="s">
        <v>42624</v>
      </c>
      <c r="H11101" s="1" t="s">
        <v>42625</v>
      </c>
      <c r="I11101" s="1" t="s">
        <v>41860</v>
      </c>
      <c r="J11101" s="1" t="s">
        <v>42669</v>
      </c>
    </row>
    <row r="11102" spans="1:10" x14ac:dyDescent="0.35">
      <c r="A11102" s="1" t="s">
        <v>42620</v>
      </c>
      <c r="B11102" s="1" t="s">
        <v>41854</v>
      </c>
      <c r="C11102" s="1" t="s">
        <v>70</v>
      </c>
      <c r="D11102" s="1" t="s">
        <v>42670</v>
      </c>
      <c r="E11102" s="1" t="s">
        <v>42671</v>
      </c>
      <c r="F11102" s="1" t="s">
        <v>42672</v>
      </c>
      <c r="G11102" s="1" t="s">
        <v>42624</v>
      </c>
      <c r="H11102" s="1" t="s">
        <v>42625</v>
      </c>
      <c r="I11102" s="1" t="s">
        <v>41860</v>
      </c>
      <c r="J11102" s="1" t="s">
        <v>42673</v>
      </c>
    </row>
    <row r="11103" spans="1:10" x14ac:dyDescent="0.35">
      <c r="A11103" s="1" t="s">
        <v>42620</v>
      </c>
      <c r="B11103" s="1" t="s">
        <v>41854</v>
      </c>
      <c r="C11103" s="1" t="s">
        <v>75</v>
      </c>
      <c r="D11103" s="1" t="s">
        <v>42674</v>
      </c>
      <c r="E11103" s="1" t="s">
        <v>42675</v>
      </c>
      <c r="F11103" s="1" t="s">
        <v>42676</v>
      </c>
      <c r="G11103" s="1" t="s">
        <v>42624</v>
      </c>
      <c r="H11103" s="1" t="s">
        <v>42625</v>
      </c>
      <c r="I11103" s="1" t="s">
        <v>41860</v>
      </c>
      <c r="J11103" s="1" t="s">
        <v>42677</v>
      </c>
    </row>
    <row r="11104" spans="1:10" x14ac:dyDescent="0.35">
      <c r="A11104" s="1" t="s">
        <v>42620</v>
      </c>
      <c r="B11104" s="1" t="s">
        <v>41854</v>
      </c>
      <c r="C11104" s="1" t="s">
        <v>80</v>
      </c>
      <c r="D11104" s="1" t="s">
        <v>42678</v>
      </c>
      <c r="E11104" s="1" t="s">
        <v>42679</v>
      </c>
      <c r="F11104" s="1" t="s">
        <v>42680</v>
      </c>
      <c r="G11104" s="1" t="s">
        <v>42624</v>
      </c>
      <c r="H11104" s="1" t="s">
        <v>42625</v>
      </c>
      <c r="I11104" s="1" t="s">
        <v>41860</v>
      </c>
      <c r="J11104" s="1" t="s">
        <v>42681</v>
      </c>
    </row>
    <row r="11105" spans="1:10" x14ac:dyDescent="0.35">
      <c r="A11105" s="1" t="s">
        <v>42620</v>
      </c>
      <c r="B11105" s="1" t="s">
        <v>41854</v>
      </c>
      <c r="C11105" s="1" t="s">
        <v>85</v>
      </c>
      <c r="D11105" s="1" t="s">
        <v>42682</v>
      </c>
      <c r="E11105" s="1" t="s">
        <v>42683</v>
      </c>
      <c r="F11105" s="1" t="s">
        <v>42684</v>
      </c>
      <c r="G11105" s="1" t="s">
        <v>42624</v>
      </c>
      <c r="H11105" s="1" t="s">
        <v>42625</v>
      </c>
      <c r="I11105" s="1" t="s">
        <v>41860</v>
      </c>
      <c r="J11105" s="1" t="s">
        <v>42685</v>
      </c>
    </row>
    <row r="11106" spans="1:10" x14ac:dyDescent="0.35">
      <c r="A11106" s="1" t="s">
        <v>42620</v>
      </c>
      <c r="B11106" s="1" t="s">
        <v>41854</v>
      </c>
      <c r="C11106" s="1" t="s">
        <v>90</v>
      </c>
      <c r="D11106" s="1" t="s">
        <v>6799</v>
      </c>
      <c r="E11106" s="1" t="s">
        <v>42686</v>
      </c>
      <c r="F11106" s="1" t="s">
        <v>42687</v>
      </c>
      <c r="G11106" s="1" t="s">
        <v>42624</v>
      </c>
      <c r="H11106" s="1" t="s">
        <v>42625</v>
      </c>
      <c r="I11106" s="1" t="s">
        <v>41860</v>
      </c>
      <c r="J11106" s="1" t="s">
        <v>42688</v>
      </c>
    </row>
    <row r="11107" spans="1:10" x14ac:dyDescent="0.35">
      <c r="A11107" s="1" t="s">
        <v>42620</v>
      </c>
      <c r="B11107" s="1" t="s">
        <v>41854</v>
      </c>
      <c r="C11107" s="1" t="s">
        <v>95</v>
      </c>
      <c r="D11107" s="1" t="s">
        <v>12789</v>
      </c>
      <c r="E11107" s="1" t="s">
        <v>42689</v>
      </c>
      <c r="F11107" s="1" t="s">
        <v>42690</v>
      </c>
      <c r="G11107" s="1" t="s">
        <v>42624</v>
      </c>
      <c r="H11107" s="1" t="s">
        <v>42625</v>
      </c>
      <c r="I11107" s="1" t="s">
        <v>41860</v>
      </c>
      <c r="J11107" s="1" t="s">
        <v>42691</v>
      </c>
    </row>
    <row r="11108" spans="1:10" x14ac:dyDescent="0.35">
      <c r="A11108" s="1" t="s">
        <v>42620</v>
      </c>
      <c r="B11108" s="1" t="s">
        <v>41854</v>
      </c>
      <c r="C11108" s="1" t="s">
        <v>100</v>
      </c>
      <c r="D11108" s="1" t="s">
        <v>42692</v>
      </c>
      <c r="E11108" s="1" t="s">
        <v>42693</v>
      </c>
      <c r="F11108" s="1" t="s">
        <v>42694</v>
      </c>
      <c r="G11108" s="1" t="s">
        <v>42624</v>
      </c>
      <c r="H11108" s="1" t="s">
        <v>42625</v>
      </c>
      <c r="I11108" s="1" t="s">
        <v>41860</v>
      </c>
      <c r="J11108" s="1" t="s">
        <v>42695</v>
      </c>
    </row>
    <row r="11109" spans="1:10" x14ac:dyDescent="0.35">
      <c r="A11109" s="1" t="s">
        <v>42620</v>
      </c>
      <c r="B11109" s="1" t="s">
        <v>41854</v>
      </c>
      <c r="C11109" s="1" t="s">
        <v>105</v>
      </c>
      <c r="D11109" s="1" t="s">
        <v>42696</v>
      </c>
      <c r="E11109" s="1" t="s">
        <v>42697</v>
      </c>
      <c r="F11109" s="1" t="s">
        <v>42698</v>
      </c>
      <c r="G11109" s="1" t="s">
        <v>42624</v>
      </c>
      <c r="H11109" s="1" t="s">
        <v>42625</v>
      </c>
      <c r="I11109" s="1" t="s">
        <v>41860</v>
      </c>
      <c r="J11109" s="1" t="s">
        <v>42699</v>
      </c>
    </row>
    <row r="11110" spans="1:10" x14ac:dyDescent="0.35">
      <c r="A11110" s="1" t="s">
        <v>42620</v>
      </c>
      <c r="B11110" s="1" t="s">
        <v>41854</v>
      </c>
      <c r="C11110" s="1" t="s">
        <v>110</v>
      </c>
      <c r="D11110" s="1" t="s">
        <v>42282</v>
      </c>
      <c r="E11110" s="1" t="s">
        <v>42700</v>
      </c>
      <c r="F11110" s="1" t="s">
        <v>42701</v>
      </c>
      <c r="G11110" s="1" t="s">
        <v>42624</v>
      </c>
      <c r="H11110" s="1" t="s">
        <v>42625</v>
      </c>
      <c r="I11110" s="1" t="s">
        <v>41860</v>
      </c>
      <c r="J11110" s="1" t="s">
        <v>42702</v>
      </c>
    </row>
    <row r="11111" spans="1:10" x14ac:dyDescent="0.35">
      <c r="A11111" s="1" t="s">
        <v>42620</v>
      </c>
      <c r="B11111" s="1" t="s">
        <v>41854</v>
      </c>
      <c r="C11111" s="1" t="s">
        <v>115</v>
      </c>
      <c r="D11111" s="1" t="s">
        <v>38754</v>
      </c>
      <c r="E11111" s="1" t="s">
        <v>42703</v>
      </c>
      <c r="F11111" s="1" t="s">
        <v>42704</v>
      </c>
      <c r="G11111" s="1" t="s">
        <v>42624</v>
      </c>
      <c r="H11111" s="1" t="s">
        <v>42625</v>
      </c>
      <c r="I11111" s="1" t="s">
        <v>41860</v>
      </c>
      <c r="J11111" s="1" t="s">
        <v>42705</v>
      </c>
    </row>
    <row r="11112" spans="1:10" x14ac:dyDescent="0.35">
      <c r="A11112" s="1" t="s">
        <v>42620</v>
      </c>
      <c r="B11112" s="1" t="s">
        <v>41854</v>
      </c>
      <c r="C11112" s="1" t="s">
        <v>120</v>
      </c>
      <c r="D11112" s="1" t="s">
        <v>42706</v>
      </c>
      <c r="E11112" s="1" t="s">
        <v>42707</v>
      </c>
      <c r="F11112" s="1" t="s">
        <v>42708</v>
      </c>
      <c r="G11112" s="1" t="s">
        <v>42624</v>
      </c>
      <c r="H11112" s="1" t="s">
        <v>42625</v>
      </c>
      <c r="I11112" s="1" t="s">
        <v>41860</v>
      </c>
      <c r="J11112" s="1" t="s">
        <v>42709</v>
      </c>
    </row>
    <row r="11113" spans="1:10" x14ac:dyDescent="0.35">
      <c r="A11113" s="1" t="s">
        <v>42620</v>
      </c>
      <c r="B11113" s="1" t="s">
        <v>41854</v>
      </c>
      <c r="C11113" s="1" t="s">
        <v>125</v>
      </c>
      <c r="D11113" s="1" t="s">
        <v>42710</v>
      </c>
      <c r="E11113" s="1" t="s">
        <v>42711</v>
      </c>
      <c r="F11113" s="1" t="s">
        <v>42712</v>
      </c>
      <c r="G11113" s="1" t="s">
        <v>42624</v>
      </c>
      <c r="H11113" s="1" t="s">
        <v>42625</v>
      </c>
      <c r="I11113" s="1" t="s">
        <v>41860</v>
      </c>
      <c r="J11113" s="1" t="s">
        <v>42713</v>
      </c>
    </row>
    <row r="11114" spans="1:10" x14ac:dyDescent="0.35">
      <c r="A11114" s="1" t="s">
        <v>42620</v>
      </c>
      <c r="B11114" s="1" t="s">
        <v>41854</v>
      </c>
      <c r="C11114" s="1" t="s">
        <v>130</v>
      </c>
      <c r="D11114" s="1" t="s">
        <v>42714</v>
      </c>
      <c r="E11114" s="1" t="s">
        <v>42715</v>
      </c>
      <c r="F11114" s="1" t="s">
        <v>42716</v>
      </c>
      <c r="G11114" s="1" t="s">
        <v>42624</v>
      </c>
      <c r="H11114" s="1" t="s">
        <v>42625</v>
      </c>
      <c r="I11114" s="1" t="s">
        <v>41860</v>
      </c>
      <c r="J11114" s="1" t="s">
        <v>42717</v>
      </c>
    </row>
    <row r="11115" spans="1:10" x14ac:dyDescent="0.35">
      <c r="A11115" s="1" t="s">
        <v>42620</v>
      </c>
      <c r="B11115" s="1" t="s">
        <v>41854</v>
      </c>
      <c r="C11115" s="1" t="s">
        <v>135</v>
      </c>
      <c r="D11115" s="1" t="s">
        <v>42718</v>
      </c>
      <c r="E11115" s="1" t="s">
        <v>42719</v>
      </c>
      <c r="F11115" s="1" t="s">
        <v>42720</v>
      </c>
      <c r="G11115" s="1" t="s">
        <v>42624</v>
      </c>
      <c r="H11115" s="1" t="s">
        <v>42625</v>
      </c>
      <c r="I11115" s="1" t="s">
        <v>41860</v>
      </c>
      <c r="J11115" s="1" t="s">
        <v>42721</v>
      </c>
    </row>
    <row r="11116" spans="1:10" x14ac:dyDescent="0.35">
      <c r="A11116" s="1" t="s">
        <v>42620</v>
      </c>
      <c r="B11116" s="1" t="s">
        <v>41854</v>
      </c>
      <c r="C11116" s="1" t="s">
        <v>140</v>
      </c>
      <c r="D11116" s="1" t="s">
        <v>42722</v>
      </c>
      <c r="E11116" s="1" t="s">
        <v>42723</v>
      </c>
      <c r="F11116" s="1" t="s">
        <v>42724</v>
      </c>
      <c r="G11116" s="1" t="s">
        <v>42624</v>
      </c>
      <c r="H11116" s="1" t="s">
        <v>42625</v>
      </c>
      <c r="I11116" s="1" t="s">
        <v>41860</v>
      </c>
      <c r="J11116" s="1" t="s">
        <v>42725</v>
      </c>
    </row>
    <row r="11117" spans="1:10" x14ac:dyDescent="0.35">
      <c r="A11117" s="1" t="s">
        <v>42620</v>
      </c>
      <c r="B11117" s="1" t="s">
        <v>41854</v>
      </c>
      <c r="C11117" s="1" t="s">
        <v>145</v>
      </c>
      <c r="D11117" s="1" t="s">
        <v>42726</v>
      </c>
      <c r="E11117" s="1" t="s">
        <v>42727</v>
      </c>
      <c r="F11117" s="1" t="s">
        <v>42728</v>
      </c>
      <c r="G11117" s="1" t="s">
        <v>42624</v>
      </c>
      <c r="H11117" s="1" t="s">
        <v>42625</v>
      </c>
      <c r="I11117" s="1" t="s">
        <v>41860</v>
      </c>
      <c r="J11117" s="1" t="s">
        <v>42729</v>
      </c>
    </row>
    <row r="11118" spans="1:10" x14ac:dyDescent="0.35">
      <c r="A11118" s="1" t="s">
        <v>42620</v>
      </c>
      <c r="B11118" s="1" t="s">
        <v>41854</v>
      </c>
      <c r="C11118" s="1" t="s">
        <v>150</v>
      </c>
      <c r="D11118" s="1" t="s">
        <v>42730</v>
      </c>
      <c r="E11118" s="1" t="s">
        <v>42731</v>
      </c>
      <c r="F11118" s="1" t="s">
        <v>42732</v>
      </c>
      <c r="G11118" s="1" t="s">
        <v>42624</v>
      </c>
      <c r="H11118" s="1" t="s">
        <v>42625</v>
      </c>
      <c r="I11118" s="1" t="s">
        <v>41860</v>
      </c>
      <c r="J11118" s="1" t="s">
        <v>42733</v>
      </c>
    </row>
    <row r="11119" spans="1:10" x14ac:dyDescent="0.35">
      <c r="A11119" s="1" t="s">
        <v>42620</v>
      </c>
      <c r="B11119" s="1" t="s">
        <v>41854</v>
      </c>
      <c r="C11119" s="1" t="s">
        <v>155</v>
      </c>
      <c r="D11119" s="1" t="s">
        <v>42734</v>
      </c>
      <c r="E11119" s="1" t="s">
        <v>42735</v>
      </c>
      <c r="F11119" s="1" t="s">
        <v>42736</v>
      </c>
      <c r="G11119" s="1" t="s">
        <v>42624</v>
      </c>
      <c r="H11119" s="1" t="s">
        <v>42625</v>
      </c>
      <c r="I11119" s="1" t="s">
        <v>41860</v>
      </c>
      <c r="J11119" s="1" t="s">
        <v>42737</v>
      </c>
    </row>
    <row r="11120" spans="1:10" x14ac:dyDescent="0.35">
      <c r="A11120" s="1" t="s">
        <v>42620</v>
      </c>
      <c r="B11120" s="1" t="s">
        <v>41854</v>
      </c>
      <c r="C11120" s="1" t="s">
        <v>160</v>
      </c>
      <c r="D11120" s="1" t="s">
        <v>42738</v>
      </c>
      <c r="E11120" s="1" t="s">
        <v>42739</v>
      </c>
      <c r="F11120" s="1" t="s">
        <v>42740</v>
      </c>
      <c r="G11120" s="1" t="s">
        <v>42624</v>
      </c>
      <c r="H11120" s="1" t="s">
        <v>42625</v>
      </c>
      <c r="I11120" s="1" t="s">
        <v>41860</v>
      </c>
      <c r="J11120" s="1" t="s">
        <v>42741</v>
      </c>
    </row>
    <row r="11121" spans="1:10" x14ac:dyDescent="0.35">
      <c r="A11121" s="1" t="s">
        <v>42620</v>
      </c>
      <c r="B11121" s="1" t="s">
        <v>41854</v>
      </c>
      <c r="C11121" s="1" t="s">
        <v>165</v>
      </c>
      <c r="D11121" s="1" t="s">
        <v>42742</v>
      </c>
      <c r="E11121" s="1" t="s">
        <v>42743</v>
      </c>
      <c r="F11121" s="1" t="s">
        <v>42744</v>
      </c>
      <c r="G11121" s="1" t="s">
        <v>42624</v>
      </c>
      <c r="H11121" s="1" t="s">
        <v>42625</v>
      </c>
      <c r="I11121" s="1" t="s">
        <v>41860</v>
      </c>
      <c r="J11121" s="1" t="s">
        <v>42745</v>
      </c>
    </row>
    <row r="11122" spans="1:10" x14ac:dyDescent="0.35">
      <c r="A11122" s="1" t="s">
        <v>42620</v>
      </c>
      <c r="B11122" s="1" t="s">
        <v>41854</v>
      </c>
      <c r="C11122" s="1" t="s">
        <v>170</v>
      </c>
      <c r="D11122" s="1" t="s">
        <v>42746</v>
      </c>
      <c r="E11122" s="1" t="s">
        <v>42747</v>
      </c>
      <c r="F11122" s="1" t="s">
        <v>42748</v>
      </c>
      <c r="G11122" s="1" t="s">
        <v>42624</v>
      </c>
      <c r="H11122" s="1" t="s">
        <v>42625</v>
      </c>
      <c r="I11122" s="1" t="s">
        <v>41860</v>
      </c>
      <c r="J11122" s="1" t="s">
        <v>42749</v>
      </c>
    </row>
    <row r="11123" spans="1:10" x14ac:dyDescent="0.35">
      <c r="A11123" s="1" t="s">
        <v>42750</v>
      </c>
      <c r="B11123" s="1" t="s">
        <v>41854</v>
      </c>
      <c r="C11123" s="1" t="s">
        <v>8</v>
      </c>
      <c r="D11123" s="1" t="s">
        <v>42751</v>
      </c>
      <c r="E11123" s="1" t="s">
        <v>42752</v>
      </c>
      <c r="F11123" s="1" t="s">
        <v>42753</v>
      </c>
      <c r="G11123" s="1" t="s">
        <v>42754</v>
      </c>
      <c r="H11123" s="1" t="s">
        <v>42755</v>
      </c>
      <c r="I11123" s="1" t="s">
        <v>41860</v>
      </c>
      <c r="J11123" s="1" t="s">
        <v>13</v>
      </c>
    </row>
    <row r="11124" spans="1:10" x14ac:dyDescent="0.35">
      <c r="A11124" s="1" t="s">
        <v>42750</v>
      </c>
      <c r="B11124" s="1" t="s">
        <v>41854</v>
      </c>
      <c r="C11124" s="1" t="s">
        <v>15</v>
      </c>
      <c r="D11124" s="1" t="s">
        <v>37462</v>
      </c>
      <c r="E11124" s="1" t="s">
        <v>42756</v>
      </c>
      <c r="F11124" s="1" t="s">
        <v>42757</v>
      </c>
      <c r="G11124" s="1" t="s">
        <v>42754</v>
      </c>
      <c r="H11124" s="1" t="s">
        <v>42755</v>
      </c>
      <c r="I11124" s="1" t="s">
        <v>41860</v>
      </c>
      <c r="J11124" s="1" t="s">
        <v>42758</v>
      </c>
    </row>
    <row r="11125" spans="1:10" x14ac:dyDescent="0.35">
      <c r="A11125" s="1" t="s">
        <v>42750</v>
      </c>
      <c r="B11125" s="1" t="s">
        <v>41854</v>
      </c>
      <c r="C11125" s="1" t="s">
        <v>20</v>
      </c>
      <c r="D11125" s="1" t="s">
        <v>42759</v>
      </c>
      <c r="E11125" s="1" t="s">
        <v>42760</v>
      </c>
      <c r="F11125" s="1" t="s">
        <v>42761</v>
      </c>
      <c r="G11125" s="1" t="s">
        <v>42754</v>
      </c>
      <c r="H11125" s="1" t="s">
        <v>42755</v>
      </c>
      <c r="I11125" s="1" t="s">
        <v>41860</v>
      </c>
      <c r="J11125" s="1" t="s">
        <v>42762</v>
      </c>
    </row>
    <row r="11126" spans="1:10" x14ac:dyDescent="0.35">
      <c r="A11126" s="1" t="s">
        <v>42750</v>
      </c>
      <c r="B11126" s="1" t="s">
        <v>41854</v>
      </c>
      <c r="C11126" s="1" t="s">
        <v>25</v>
      </c>
      <c r="D11126" s="1" t="s">
        <v>42763</v>
      </c>
      <c r="E11126" s="1" t="s">
        <v>42764</v>
      </c>
      <c r="F11126" s="1" t="s">
        <v>42765</v>
      </c>
      <c r="G11126" s="1" t="s">
        <v>42754</v>
      </c>
      <c r="H11126" s="1" t="s">
        <v>42755</v>
      </c>
      <c r="I11126" s="1" t="s">
        <v>41860</v>
      </c>
      <c r="J11126" s="1" t="s">
        <v>42766</v>
      </c>
    </row>
    <row r="11127" spans="1:10" x14ac:dyDescent="0.35">
      <c r="A11127" s="1" t="s">
        <v>42750</v>
      </c>
      <c r="B11127" s="1" t="s">
        <v>41854</v>
      </c>
      <c r="C11127" s="1" t="s">
        <v>30</v>
      </c>
      <c r="D11127" s="1" t="s">
        <v>31108</v>
      </c>
      <c r="E11127" s="1" t="s">
        <v>42767</v>
      </c>
      <c r="F11127" s="1" t="s">
        <v>42768</v>
      </c>
      <c r="G11127" s="1" t="s">
        <v>42754</v>
      </c>
      <c r="H11127" s="1" t="s">
        <v>42755</v>
      </c>
      <c r="I11127" s="1" t="s">
        <v>41860</v>
      </c>
      <c r="J11127" s="1" t="s">
        <v>42769</v>
      </c>
    </row>
    <row r="11128" spans="1:10" x14ac:dyDescent="0.35">
      <c r="A11128" s="1" t="s">
        <v>42750</v>
      </c>
      <c r="B11128" s="1" t="s">
        <v>41854</v>
      </c>
      <c r="C11128" s="1" t="s">
        <v>35</v>
      </c>
      <c r="D11128" s="1" t="s">
        <v>3614</v>
      </c>
      <c r="E11128" s="1" t="s">
        <v>42770</v>
      </c>
      <c r="F11128" s="1" t="s">
        <v>42771</v>
      </c>
      <c r="G11128" s="1" t="s">
        <v>42754</v>
      </c>
      <c r="H11128" s="1" t="s">
        <v>42755</v>
      </c>
      <c r="I11128" s="1" t="s">
        <v>41860</v>
      </c>
      <c r="J11128" s="1" t="s">
        <v>42772</v>
      </c>
    </row>
    <row r="11129" spans="1:10" x14ac:dyDescent="0.35">
      <c r="A11129" s="1" t="s">
        <v>42750</v>
      </c>
      <c r="B11129" s="1" t="s">
        <v>41854</v>
      </c>
      <c r="C11129" s="1" t="s">
        <v>40</v>
      </c>
      <c r="D11129" s="1" t="s">
        <v>42773</v>
      </c>
      <c r="E11129" s="1" t="s">
        <v>42774</v>
      </c>
      <c r="F11129" s="1" t="s">
        <v>42775</v>
      </c>
      <c r="G11129" s="1" t="s">
        <v>42754</v>
      </c>
      <c r="H11129" s="1" t="s">
        <v>42755</v>
      </c>
      <c r="I11129" s="1" t="s">
        <v>41860</v>
      </c>
      <c r="J11129" s="1" t="s">
        <v>42776</v>
      </c>
    </row>
    <row r="11130" spans="1:10" x14ac:dyDescent="0.35">
      <c r="A11130" s="1" t="s">
        <v>42750</v>
      </c>
      <c r="B11130" s="1" t="s">
        <v>41854</v>
      </c>
      <c r="C11130" s="1" t="s">
        <v>45</v>
      </c>
      <c r="D11130" s="1" t="s">
        <v>38622</v>
      </c>
      <c r="E11130" s="1" t="s">
        <v>42777</v>
      </c>
      <c r="F11130" s="1" t="s">
        <v>42778</v>
      </c>
      <c r="G11130" s="1" t="s">
        <v>42754</v>
      </c>
      <c r="H11130" s="1" t="s">
        <v>42755</v>
      </c>
      <c r="I11130" s="1" t="s">
        <v>41860</v>
      </c>
      <c r="J11130" s="1" t="s">
        <v>42779</v>
      </c>
    </row>
    <row r="11131" spans="1:10" x14ac:dyDescent="0.35">
      <c r="A11131" s="1" t="s">
        <v>42750</v>
      </c>
      <c r="B11131" s="1" t="s">
        <v>41854</v>
      </c>
      <c r="C11131" s="1" t="s">
        <v>50</v>
      </c>
      <c r="D11131" s="1" t="s">
        <v>4610</v>
      </c>
      <c r="E11131" s="1" t="s">
        <v>42780</v>
      </c>
      <c r="F11131" s="1" t="s">
        <v>42781</v>
      </c>
      <c r="G11131" s="1" t="s">
        <v>42754</v>
      </c>
      <c r="H11131" s="1" t="s">
        <v>42755</v>
      </c>
      <c r="I11131" s="1" t="s">
        <v>41860</v>
      </c>
      <c r="J11131" s="1" t="s">
        <v>42782</v>
      </c>
    </row>
    <row r="11132" spans="1:10" x14ac:dyDescent="0.35">
      <c r="A11132" s="1" t="s">
        <v>42750</v>
      </c>
      <c r="B11132" s="1" t="s">
        <v>41854</v>
      </c>
      <c r="C11132" s="1" t="s">
        <v>55</v>
      </c>
      <c r="D11132" s="1" t="s">
        <v>42783</v>
      </c>
      <c r="E11132" s="1" t="s">
        <v>42784</v>
      </c>
      <c r="F11132" s="1" t="s">
        <v>42785</v>
      </c>
      <c r="G11132" s="1" t="s">
        <v>42754</v>
      </c>
      <c r="H11132" s="1" t="s">
        <v>42755</v>
      </c>
      <c r="I11132" s="1" t="s">
        <v>41860</v>
      </c>
      <c r="J11132" s="1" t="s">
        <v>11847</v>
      </c>
    </row>
    <row r="11133" spans="1:10" x14ac:dyDescent="0.35">
      <c r="A11133" s="1" t="s">
        <v>42750</v>
      </c>
      <c r="B11133" s="1" t="s">
        <v>41854</v>
      </c>
      <c r="C11133" s="1" t="s">
        <v>60</v>
      </c>
      <c r="D11133" s="1" t="s">
        <v>42786</v>
      </c>
      <c r="E11133" s="1" t="s">
        <v>42787</v>
      </c>
      <c r="F11133" s="1" t="s">
        <v>42788</v>
      </c>
      <c r="G11133" s="1" t="s">
        <v>42754</v>
      </c>
      <c r="H11133" s="1" t="s">
        <v>42755</v>
      </c>
      <c r="I11133" s="1" t="s">
        <v>41860</v>
      </c>
      <c r="J11133" s="1" t="s">
        <v>42789</v>
      </c>
    </row>
    <row r="11134" spans="1:10" x14ac:dyDescent="0.35">
      <c r="A11134" s="1" t="s">
        <v>42750</v>
      </c>
      <c r="B11134" s="1" t="s">
        <v>41854</v>
      </c>
      <c r="C11134" s="1" t="s">
        <v>65</v>
      </c>
      <c r="D11134" s="1" t="s">
        <v>14832</v>
      </c>
      <c r="E11134" s="1" t="s">
        <v>42790</v>
      </c>
      <c r="F11134" s="1" t="s">
        <v>42791</v>
      </c>
      <c r="G11134" s="1" t="s">
        <v>42754</v>
      </c>
      <c r="H11134" s="1" t="s">
        <v>42755</v>
      </c>
      <c r="I11134" s="1" t="s">
        <v>41860</v>
      </c>
      <c r="J11134" s="1" t="s">
        <v>42792</v>
      </c>
    </row>
    <row r="11135" spans="1:10" x14ac:dyDescent="0.35">
      <c r="A11135" s="1" t="s">
        <v>42750</v>
      </c>
      <c r="B11135" s="1" t="s">
        <v>41854</v>
      </c>
      <c r="C11135" s="1" t="s">
        <v>70</v>
      </c>
      <c r="D11135" s="1" t="s">
        <v>42793</v>
      </c>
      <c r="E11135" s="1" t="s">
        <v>42794</v>
      </c>
      <c r="F11135" s="1" t="s">
        <v>42795</v>
      </c>
      <c r="G11135" s="1" t="s">
        <v>42754</v>
      </c>
      <c r="H11135" s="1" t="s">
        <v>42755</v>
      </c>
      <c r="I11135" s="1" t="s">
        <v>41860</v>
      </c>
      <c r="J11135" s="1" t="s">
        <v>42796</v>
      </c>
    </row>
    <row r="11136" spans="1:10" x14ac:dyDescent="0.35">
      <c r="A11136" s="1" t="s">
        <v>42750</v>
      </c>
      <c r="B11136" s="1" t="s">
        <v>41854</v>
      </c>
      <c r="C11136" s="1" t="s">
        <v>75</v>
      </c>
      <c r="D11136" s="1" t="s">
        <v>5361</v>
      </c>
      <c r="E11136" s="1" t="s">
        <v>42797</v>
      </c>
      <c r="F11136" s="1" t="s">
        <v>42798</v>
      </c>
      <c r="G11136" s="1" t="s">
        <v>42754</v>
      </c>
      <c r="H11136" s="1" t="s">
        <v>42755</v>
      </c>
      <c r="I11136" s="1" t="s">
        <v>41860</v>
      </c>
      <c r="J11136" s="1" t="s">
        <v>42799</v>
      </c>
    </row>
    <row r="11137" spans="1:10" x14ac:dyDescent="0.35">
      <c r="A11137" s="1" t="s">
        <v>42750</v>
      </c>
      <c r="B11137" s="1" t="s">
        <v>41854</v>
      </c>
      <c r="C11137" s="1" t="s">
        <v>80</v>
      </c>
      <c r="D11137" s="1" t="s">
        <v>42800</v>
      </c>
      <c r="E11137" s="1" t="s">
        <v>42801</v>
      </c>
      <c r="F11137" s="1" t="s">
        <v>42802</v>
      </c>
      <c r="G11137" s="1" t="s">
        <v>42754</v>
      </c>
      <c r="H11137" s="1" t="s">
        <v>42755</v>
      </c>
      <c r="I11137" s="1" t="s">
        <v>41860</v>
      </c>
      <c r="J11137" s="1" t="s">
        <v>42803</v>
      </c>
    </row>
    <row r="11138" spans="1:10" x14ac:dyDescent="0.35">
      <c r="A11138" s="1" t="s">
        <v>42750</v>
      </c>
      <c r="B11138" s="1" t="s">
        <v>41854</v>
      </c>
      <c r="C11138" s="1" t="s">
        <v>85</v>
      </c>
      <c r="D11138" s="1" t="s">
        <v>42804</v>
      </c>
      <c r="E11138" s="1" t="s">
        <v>42805</v>
      </c>
      <c r="F11138" s="1" t="s">
        <v>42806</v>
      </c>
      <c r="G11138" s="1" t="s">
        <v>42754</v>
      </c>
      <c r="H11138" s="1" t="s">
        <v>42755</v>
      </c>
      <c r="I11138" s="1" t="s">
        <v>41860</v>
      </c>
      <c r="J11138" s="1" t="s">
        <v>42807</v>
      </c>
    </row>
    <row r="11139" spans="1:10" x14ac:dyDescent="0.35">
      <c r="A11139" s="1" t="s">
        <v>42750</v>
      </c>
      <c r="B11139" s="1" t="s">
        <v>41854</v>
      </c>
      <c r="C11139" s="1" t="s">
        <v>90</v>
      </c>
      <c r="D11139" s="1" t="s">
        <v>412</v>
      </c>
      <c r="E11139" s="1" t="s">
        <v>42808</v>
      </c>
      <c r="F11139" s="1" t="s">
        <v>42809</v>
      </c>
      <c r="G11139" s="1" t="s">
        <v>42754</v>
      </c>
      <c r="H11139" s="1" t="s">
        <v>42755</v>
      </c>
      <c r="I11139" s="1" t="s">
        <v>41860</v>
      </c>
      <c r="J11139" s="1" t="s">
        <v>42810</v>
      </c>
    </row>
    <row r="11140" spans="1:10" x14ac:dyDescent="0.35">
      <c r="A11140" s="1" t="s">
        <v>42750</v>
      </c>
      <c r="B11140" s="1" t="s">
        <v>41854</v>
      </c>
      <c r="C11140" s="1" t="s">
        <v>95</v>
      </c>
      <c r="D11140" s="1" t="s">
        <v>30530</v>
      </c>
      <c r="E11140" s="1" t="s">
        <v>42811</v>
      </c>
      <c r="F11140" s="1" t="s">
        <v>42812</v>
      </c>
      <c r="G11140" s="1" t="s">
        <v>42754</v>
      </c>
      <c r="H11140" s="1" t="s">
        <v>42755</v>
      </c>
      <c r="I11140" s="1" t="s">
        <v>41860</v>
      </c>
      <c r="J11140" s="1" t="s">
        <v>42813</v>
      </c>
    </row>
    <row r="11141" spans="1:10" x14ac:dyDescent="0.35">
      <c r="A11141" s="1" t="s">
        <v>42750</v>
      </c>
      <c r="B11141" s="1" t="s">
        <v>41854</v>
      </c>
      <c r="C11141" s="1" t="s">
        <v>100</v>
      </c>
      <c r="D11141" s="1" t="s">
        <v>42814</v>
      </c>
      <c r="E11141" s="1" t="s">
        <v>42815</v>
      </c>
      <c r="F11141" s="1" t="s">
        <v>42816</v>
      </c>
      <c r="G11141" s="1" t="s">
        <v>42754</v>
      </c>
      <c r="H11141" s="1" t="s">
        <v>42755</v>
      </c>
      <c r="I11141" s="1" t="s">
        <v>41860</v>
      </c>
      <c r="J11141" s="1" t="s">
        <v>42817</v>
      </c>
    </row>
    <row r="11142" spans="1:10" x14ac:dyDescent="0.35">
      <c r="A11142" s="1" t="s">
        <v>42750</v>
      </c>
      <c r="B11142" s="1" t="s">
        <v>41854</v>
      </c>
      <c r="C11142" s="1" t="s">
        <v>105</v>
      </c>
      <c r="D11142" s="1" t="s">
        <v>3028</v>
      </c>
      <c r="E11142" s="1" t="s">
        <v>42818</v>
      </c>
      <c r="F11142" s="1" t="s">
        <v>42819</v>
      </c>
      <c r="G11142" s="1" t="s">
        <v>42754</v>
      </c>
      <c r="H11142" s="1" t="s">
        <v>42755</v>
      </c>
      <c r="I11142" s="1" t="s">
        <v>41860</v>
      </c>
      <c r="J11142" s="1" t="s">
        <v>42820</v>
      </c>
    </row>
    <row r="11143" spans="1:10" x14ac:dyDescent="0.35">
      <c r="A11143" s="1" t="s">
        <v>42750</v>
      </c>
      <c r="B11143" s="1" t="s">
        <v>41854</v>
      </c>
      <c r="C11143" s="1" t="s">
        <v>110</v>
      </c>
      <c r="D11143" s="1" t="s">
        <v>42821</v>
      </c>
      <c r="E11143" s="1" t="s">
        <v>42822</v>
      </c>
      <c r="F11143" s="1" t="s">
        <v>42823</v>
      </c>
      <c r="G11143" s="1" t="s">
        <v>42754</v>
      </c>
      <c r="H11143" s="1" t="s">
        <v>42755</v>
      </c>
      <c r="I11143" s="1" t="s">
        <v>41860</v>
      </c>
      <c r="J11143" s="1" t="s">
        <v>42824</v>
      </c>
    </row>
    <row r="11144" spans="1:10" x14ac:dyDescent="0.35">
      <c r="A11144" s="1" t="s">
        <v>42750</v>
      </c>
      <c r="B11144" s="1" t="s">
        <v>41854</v>
      </c>
      <c r="C11144" s="1" t="s">
        <v>115</v>
      </c>
      <c r="D11144" s="1" t="s">
        <v>42825</v>
      </c>
      <c r="E11144" s="1" t="s">
        <v>42826</v>
      </c>
      <c r="F11144" s="1" t="s">
        <v>42827</v>
      </c>
      <c r="G11144" s="1" t="s">
        <v>42754</v>
      </c>
      <c r="H11144" s="1" t="s">
        <v>42755</v>
      </c>
      <c r="I11144" s="1" t="s">
        <v>41860</v>
      </c>
      <c r="J11144" s="1" t="s">
        <v>42828</v>
      </c>
    </row>
    <row r="11145" spans="1:10" x14ac:dyDescent="0.35">
      <c r="A11145" s="1" t="s">
        <v>42750</v>
      </c>
      <c r="B11145" s="1" t="s">
        <v>41854</v>
      </c>
      <c r="C11145" s="1" t="s">
        <v>120</v>
      </c>
      <c r="D11145" s="1" t="s">
        <v>42829</v>
      </c>
      <c r="E11145" s="1" t="s">
        <v>42830</v>
      </c>
      <c r="F11145" s="1" t="s">
        <v>42831</v>
      </c>
      <c r="G11145" s="1" t="s">
        <v>42754</v>
      </c>
      <c r="H11145" s="1" t="s">
        <v>42755</v>
      </c>
      <c r="I11145" s="1" t="s">
        <v>41860</v>
      </c>
      <c r="J11145" s="1" t="s">
        <v>42832</v>
      </c>
    </row>
    <row r="11146" spans="1:10" x14ac:dyDescent="0.35">
      <c r="A11146" s="1" t="s">
        <v>42750</v>
      </c>
      <c r="B11146" s="1" t="s">
        <v>41854</v>
      </c>
      <c r="C11146" s="1" t="s">
        <v>125</v>
      </c>
      <c r="D11146" s="1" t="s">
        <v>42833</v>
      </c>
      <c r="E11146" s="1" t="s">
        <v>42834</v>
      </c>
      <c r="F11146" s="1" t="s">
        <v>42835</v>
      </c>
      <c r="G11146" s="1" t="s">
        <v>42754</v>
      </c>
      <c r="H11146" s="1" t="s">
        <v>42755</v>
      </c>
      <c r="I11146" s="1" t="s">
        <v>41860</v>
      </c>
      <c r="J11146" s="1" t="s">
        <v>42836</v>
      </c>
    </row>
    <row r="11147" spans="1:10" x14ac:dyDescent="0.35">
      <c r="A11147" s="1" t="s">
        <v>42750</v>
      </c>
      <c r="B11147" s="1" t="s">
        <v>41854</v>
      </c>
      <c r="C11147" s="1" t="s">
        <v>130</v>
      </c>
      <c r="D11147" s="1" t="s">
        <v>42837</v>
      </c>
      <c r="E11147" s="1" t="s">
        <v>42838</v>
      </c>
      <c r="F11147" s="1" t="s">
        <v>42839</v>
      </c>
      <c r="G11147" s="1" t="s">
        <v>42754</v>
      </c>
      <c r="H11147" s="1" t="s">
        <v>42755</v>
      </c>
      <c r="I11147" s="1" t="s">
        <v>41860</v>
      </c>
      <c r="J11147" s="1" t="s">
        <v>42840</v>
      </c>
    </row>
    <row r="11148" spans="1:10" x14ac:dyDescent="0.35">
      <c r="A11148" s="1" t="s">
        <v>42750</v>
      </c>
      <c r="B11148" s="1" t="s">
        <v>41854</v>
      </c>
      <c r="C11148" s="1" t="s">
        <v>135</v>
      </c>
      <c r="D11148" s="1" t="s">
        <v>42841</v>
      </c>
      <c r="E11148" s="1" t="s">
        <v>42842</v>
      </c>
      <c r="F11148" s="1" t="s">
        <v>42843</v>
      </c>
      <c r="G11148" s="1" t="s">
        <v>42754</v>
      </c>
      <c r="H11148" s="1" t="s">
        <v>42755</v>
      </c>
      <c r="I11148" s="1" t="s">
        <v>41860</v>
      </c>
      <c r="J11148" s="1" t="s">
        <v>42844</v>
      </c>
    </row>
    <row r="11149" spans="1:10" x14ac:dyDescent="0.35">
      <c r="A11149" s="1" t="s">
        <v>42750</v>
      </c>
      <c r="B11149" s="1" t="s">
        <v>41854</v>
      </c>
      <c r="C11149" s="1" t="s">
        <v>140</v>
      </c>
      <c r="D11149" s="1" t="s">
        <v>42845</v>
      </c>
      <c r="E11149" s="1" t="s">
        <v>42846</v>
      </c>
      <c r="F11149" s="1" t="s">
        <v>42847</v>
      </c>
      <c r="G11149" s="1" t="s">
        <v>42754</v>
      </c>
      <c r="H11149" s="1" t="s">
        <v>42755</v>
      </c>
      <c r="I11149" s="1" t="s">
        <v>41860</v>
      </c>
      <c r="J11149" s="1" t="s">
        <v>42848</v>
      </c>
    </row>
    <row r="11150" spans="1:10" x14ac:dyDescent="0.35">
      <c r="A11150" s="1" t="s">
        <v>42750</v>
      </c>
      <c r="B11150" s="1" t="s">
        <v>41854</v>
      </c>
      <c r="C11150" s="1" t="s">
        <v>145</v>
      </c>
      <c r="D11150" s="1" t="s">
        <v>42849</v>
      </c>
      <c r="E11150" s="1" t="s">
        <v>42850</v>
      </c>
      <c r="F11150" s="1" t="s">
        <v>42851</v>
      </c>
      <c r="G11150" s="1" t="s">
        <v>42754</v>
      </c>
      <c r="H11150" s="1" t="s">
        <v>42755</v>
      </c>
      <c r="I11150" s="1" t="s">
        <v>41860</v>
      </c>
      <c r="J11150" s="1" t="s">
        <v>42852</v>
      </c>
    </row>
    <row r="11151" spans="1:10" x14ac:dyDescent="0.35">
      <c r="A11151" s="1" t="s">
        <v>42750</v>
      </c>
      <c r="B11151" s="1" t="s">
        <v>41854</v>
      </c>
      <c r="C11151" s="1" t="s">
        <v>150</v>
      </c>
      <c r="D11151" s="1" t="s">
        <v>17578</v>
      </c>
      <c r="E11151" s="1" t="s">
        <v>42853</v>
      </c>
      <c r="F11151" s="1" t="s">
        <v>42854</v>
      </c>
      <c r="G11151" s="1" t="s">
        <v>42754</v>
      </c>
      <c r="H11151" s="1" t="s">
        <v>42755</v>
      </c>
      <c r="I11151" s="1" t="s">
        <v>41860</v>
      </c>
      <c r="J11151" s="1" t="s">
        <v>42855</v>
      </c>
    </row>
    <row r="11152" spans="1:10" x14ac:dyDescent="0.35">
      <c r="A11152" s="1" t="s">
        <v>42750</v>
      </c>
      <c r="B11152" s="1" t="s">
        <v>41854</v>
      </c>
      <c r="C11152" s="1" t="s">
        <v>155</v>
      </c>
      <c r="D11152" s="1" t="s">
        <v>42856</v>
      </c>
      <c r="E11152" s="1" t="s">
        <v>42857</v>
      </c>
      <c r="F11152" s="1" t="s">
        <v>42858</v>
      </c>
      <c r="G11152" s="1" t="s">
        <v>42754</v>
      </c>
      <c r="H11152" s="1" t="s">
        <v>42755</v>
      </c>
      <c r="I11152" s="1" t="s">
        <v>41860</v>
      </c>
      <c r="J11152" s="1" t="s">
        <v>42859</v>
      </c>
    </row>
    <row r="11153" spans="1:10" x14ac:dyDescent="0.35">
      <c r="A11153" s="1" t="s">
        <v>42750</v>
      </c>
      <c r="B11153" s="1" t="s">
        <v>41854</v>
      </c>
      <c r="C11153" s="1" t="s">
        <v>160</v>
      </c>
      <c r="D11153" s="1" t="s">
        <v>42860</v>
      </c>
      <c r="E11153" s="1" t="s">
        <v>42861</v>
      </c>
      <c r="F11153" s="1" t="s">
        <v>42862</v>
      </c>
      <c r="G11153" s="1" t="s">
        <v>42754</v>
      </c>
      <c r="H11153" s="1" t="s">
        <v>42755</v>
      </c>
      <c r="I11153" s="1" t="s">
        <v>41860</v>
      </c>
      <c r="J11153" s="1" t="s">
        <v>42863</v>
      </c>
    </row>
    <row r="11154" spans="1:10" x14ac:dyDescent="0.35">
      <c r="A11154" s="1" t="s">
        <v>42750</v>
      </c>
      <c r="B11154" s="1" t="s">
        <v>41854</v>
      </c>
      <c r="C11154" s="1" t="s">
        <v>165</v>
      </c>
      <c r="D11154" s="1" t="s">
        <v>42864</v>
      </c>
      <c r="E11154" s="1" t="s">
        <v>42865</v>
      </c>
      <c r="F11154" s="1" t="s">
        <v>42866</v>
      </c>
      <c r="G11154" s="1" t="s">
        <v>42754</v>
      </c>
      <c r="H11154" s="1" t="s">
        <v>42755</v>
      </c>
      <c r="I11154" s="1" t="s">
        <v>41860</v>
      </c>
      <c r="J11154" s="1" t="s">
        <v>42867</v>
      </c>
    </row>
    <row r="11155" spans="1:10" x14ac:dyDescent="0.35">
      <c r="A11155" s="1" t="s">
        <v>42750</v>
      </c>
      <c r="B11155" s="1" t="s">
        <v>41854</v>
      </c>
      <c r="C11155" s="1" t="s">
        <v>170</v>
      </c>
      <c r="D11155" s="1" t="s">
        <v>42868</v>
      </c>
      <c r="E11155" s="1" t="s">
        <v>42869</v>
      </c>
      <c r="F11155" s="1" t="s">
        <v>42870</v>
      </c>
      <c r="G11155" s="1" t="s">
        <v>42754</v>
      </c>
      <c r="H11155" s="1" t="s">
        <v>42755</v>
      </c>
      <c r="I11155" s="1" t="s">
        <v>41860</v>
      </c>
      <c r="J11155" s="1" t="s">
        <v>42871</v>
      </c>
    </row>
    <row r="11156" spans="1:10" x14ac:dyDescent="0.35">
      <c r="A11156" s="1" t="s">
        <v>42872</v>
      </c>
      <c r="B11156" s="1" t="s">
        <v>41854</v>
      </c>
      <c r="C11156" s="1" t="s">
        <v>8</v>
      </c>
      <c r="D11156" s="1" t="s">
        <v>42873</v>
      </c>
      <c r="E11156" s="1" t="s">
        <v>42874</v>
      </c>
      <c r="F11156" s="1" t="s">
        <v>42875</v>
      </c>
      <c r="G11156" s="1" t="s">
        <v>42876</v>
      </c>
      <c r="H11156" s="1" t="s">
        <v>42877</v>
      </c>
      <c r="I11156" s="1" t="s">
        <v>41860</v>
      </c>
      <c r="J11156" s="1" t="s">
        <v>13</v>
      </c>
    </row>
    <row r="11157" spans="1:10" x14ac:dyDescent="0.35">
      <c r="A11157" s="1" t="s">
        <v>42872</v>
      </c>
      <c r="B11157" s="1" t="s">
        <v>41854</v>
      </c>
      <c r="C11157" s="1" t="s">
        <v>15</v>
      </c>
      <c r="D11157" s="1" t="s">
        <v>42878</v>
      </c>
      <c r="E11157" s="1" t="s">
        <v>42879</v>
      </c>
      <c r="F11157" s="1" t="s">
        <v>42880</v>
      </c>
      <c r="G11157" s="1" t="s">
        <v>42876</v>
      </c>
      <c r="H11157" s="1" t="s">
        <v>42877</v>
      </c>
      <c r="I11157" s="1" t="s">
        <v>41860</v>
      </c>
      <c r="J11157" s="1" t="s">
        <v>42881</v>
      </c>
    </row>
    <row r="11158" spans="1:10" x14ac:dyDescent="0.35">
      <c r="A11158" s="1" t="s">
        <v>42872</v>
      </c>
      <c r="B11158" s="1" t="s">
        <v>41854</v>
      </c>
      <c r="C11158" s="1" t="s">
        <v>20</v>
      </c>
      <c r="D11158" s="1" t="s">
        <v>1460</v>
      </c>
      <c r="E11158" s="1" t="s">
        <v>42882</v>
      </c>
      <c r="F11158" s="1" t="s">
        <v>42883</v>
      </c>
      <c r="G11158" s="1" t="s">
        <v>42876</v>
      </c>
      <c r="H11158" s="1" t="s">
        <v>42877</v>
      </c>
      <c r="I11158" s="1" t="s">
        <v>41860</v>
      </c>
      <c r="J11158" s="1" t="s">
        <v>42884</v>
      </c>
    </row>
    <row r="11159" spans="1:10" x14ac:dyDescent="0.35">
      <c r="A11159" s="1" t="s">
        <v>42872</v>
      </c>
      <c r="B11159" s="1" t="s">
        <v>41854</v>
      </c>
      <c r="C11159" s="1" t="s">
        <v>25</v>
      </c>
      <c r="D11159" s="1" t="s">
        <v>42885</v>
      </c>
      <c r="E11159" s="1" t="s">
        <v>42886</v>
      </c>
      <c r="F11159" s="1" t="s">
        <v>42887</v>
      </c>
      <c r="G11159" s="1" t="s">
        <v>42876</v>
      </c>
      <c r="H11159" s="1" t="s">
        <v>42877</v>
      </c>
      <c r="I11159" s="1" t="s">
        <v>41860</v>
      </c>
      <c r="J11159" s="1" t="s">
        <v>42888</v>
      </c>
    </row>
    <row r="11160" spans="1:10" x14ac:dyDescent="0.35">
      <c r="A11160" s="1" t="s">
        <v>42872</v>
      </c>
      <c r="B11160" s="1" t="s">
        <v>41854</v>
      </c>
      <c r="C11160" s="1" t="s">
        <v>30</v>
      </c>
      <c r="D11160" s="1" t="s">
        <v>42889</v>
      </c>
      <c r="E11160" s="1" t="s">
        <v>42890</v>
      </c>
      <c r="F11160" s="1" t="s">
        <v>42891</v>
      </c>
      <c r="G11160" s="1" t="s">
        <v>42876</v>
      </c>
      <c r="H11160" s="1" t="s">
        <v>42877</v>
      </c>
      <c r="I11160" s="1" t="s">
        <v>41860</v>
      </c>
      <c r="J11160" s="1" t="s">
        <v>42892</v>
      </c>
    </row>
    <row r="11161" spans="1:10" x14ac:dyDescent="0.35">
      <c r="A11161" s="1" t="s">
        <v>42872</v>
      </c>
      <c r="B11161" s="1" t="s">
        <v>41854</v>
      </c>
      <c r="C11161" s="1" t="s">
        <v>35</v>
      </c>
      <c r="D11161" s="1" t="s">
        <v>35129</v>
      </c>
      <c r="E11161" s="1" t="s">
        <v>42893</v>
      </c>
      <c r="F11161" s="1" t="s">
        <v>42894</v>
      </c>
      <c r="G11161" s="1" t="s">
        <v>42876</v>
      </c>
      <c r="H11161" s="1" t="s">
        <v>42877</v>
      </c>
      <c r="I11161" s="1" t="s">
        <v>41860</v>
      </c>
      <c r="J11161" s="1" t="s">
        <v>42895</v>
      </c>
    </row>
    <row r="11162" spans="1:10" x14ac:dyDescent="0.35">
      <c r="A11162" s="1" t="s">
        <v>42872</v>
      </c>
      <c r="B11162" s="1" t="s">
        <v>41854</v>
      </c>
      <c r="C11162" s="1" t="s">
        <v>40</v>
      </c>
      <c r="D11162" s="1" t="s">
        <v>42896</v>
      </c>
      <c r="E11162" s="1" t="s">
        <v>42897</v>
      </c>
      <c r="F11162" s="1" t="s">
        <v>42898</v>
      </c>
      <c r="G11162" s="1" t="s">
        <v>42876</v>
      </c>
      <c r="H11162" s="1" t="s">
        <v>42877</v>
      </c>
      <c r="I11162" s="1" t="s">
        <v>41860</v>
      </c>
      <c r="J11162" s="1" t="s">
        <v>42899</v>
      </c>
    </row>
    <row r="11163" spans="1:10" x14ac:dyDescent="0.35">
      <c r="A11163" s="1" t="s">
        <v>42872</v>
      </c>
      <c r="B11163" s="1" t="s">
        <v>41854</v>
      </c>
      <c r="C11163" s="1" t="s">
        <v>45</v>
      </c>
      <c r="D11163" s="1" t="s">
        <v>38338</v>
      </c>
      <c r="E11163" s="1" t="s">
        <v>42900</v>
      </c>
      <c r="F11163" s="1" t="s">
        <v>42901</v>
      </c>
      <c r="G11163" s="1" t="s">
        <v>42876</v>
      </c>
      <c r="H11163" s="1" t="s">
        <v>42877</v>
      </c>
      <c r="I11163" s="1" t="s">
        <v>41860</v>
      </c>
      <c r="J11163" s="1" t="s">
        <v>12282</v>
      </c>
    </row>
    <row r="11164" spans="1:10" x14ac:dyDescent="0.35">
      <c r="A11164" s="1" t="s">
        <v>42872</v>
      </c>
      <c r="B11164" s="1" t="s">
        <v>41854</v>
      </c>
      <c r="C11164" s="1" t="s">
        <v>50</v>
      </c>
      <c r="D11164" s="1" t="s">
        <v>42902</v>
      </c>
      <c r="E11164" s="1" t="s">
        <v>42903</v>
      </c>
      <c r="F11164" s="1" t="s">
        <v>42904</v>
      </c>
      <c r="G11164" s="1" t="s">
        <v>42876</v>
      </c>
      <c r="H11164" s="1" t="s">
        <v>42877</v>
      </c>
      <c r="I11164" s="1" t="s">
        <v>41860</v>
      </c>
      <c r="J11164" s="1" t="s">
        <v>42905</v>
      </c>
    </row>
    <row r="11165" spans="1:10" x14ac:dyDescent="0.35">
      <c r="A11165" s="1" t="s">
        <v>42872</v>
      </c>
      <c r="B11165" s="1" t="s">
        <v>41854</v>
      </c>
      <c r="C11165" s="1" t="s">
        <v>55</v>
      </c>
      <c r="D11165" s="1" t="s">
        <v>42906</v>
      </c>
      <c r="E11165" s="1" t="s">
        <v>42907</v>
      </c>
      <c r="F11165" s="1" t="s">
        <v>42908</v>
      </c>
      <c r="G11165" s="1" t="s">
        <v>42876</v>
      </c>
      <c r="H11165" s="1" t="s">
        <v>42877</v>
      </c>
      <c r="I11165" s="1" t="s">
        <v>41860</v>
      </c>
      <c r="J11165" s="1" t="s">
        <v>42909</v>
      </c>
    </row>
    <row r="11166" spans="1:10" x14ac:dyDescent="0.35">
      <c r="A11166" s="1" t="s">
        <v>42872</v>
      </c>
      <c r="B11166" s="1" t="s">
        <v>41854</v>
      </c>
      <c r="C11166" s="1" t="s">
        <v>60</v>
      </c>
      <c r="D11166" s="1" t="s">
        <v>42910</v>
      </c>
      <c r="E11166" s="1" t="s">
        <v>42911</v>
      </c>
      <c r="F11166" s="1" t="s">
        <v>42912</v>
      </c>
      <c r="G11166" s="1" t="s">
        <v>42876</v>
      </c>
      <c r="H11166" s="1" t="s">
        <v>42877</v>
      </c>
      <c r="I11166" s="1" t="s">
        <v>41860</v>
      </c>
      <c r="J11166" s="1" t="s">
        <v>42913</v>
      </c>
    </row>
    <row r="11167" spans="1:10" x14ac:dyDescent="0.35">
      <c r="A11167" s="1" t="s">
        <v>42872</v>
      </c>
      <c r="B11167" s="1" t="s">
        <v>41854</v>
      </c>
      <c r="C11167" s="1" t="s">
        <v>65</v>
      </c>
      <c r="D11167" s="1" t="s">
        <v>32587</v>
      </c>
      <c r="E11167" s="1" t="s">
        <v>42914</v>
      </c>
      <c r="F11167" s="1" t="s">
        <v>42915</v>
      </c>
      <c r="G11167" s="1" t="s">
        <v>42876</v>
      </c>
      <c r="H11167" s="1" t="s">
        <v>42877</v>
      </c>
      <c r="I11167" s="1" t="s">
        <v>41860</v>
      </c>
      <c r="J11167" s="1" t="s">
        <v>42916</v>
      </c>
    </row>
    <row r="11168" spans="1:10" x14ac:dyDescent="0.35">
      <c r="A11168" s="1" t="s">
        <v>42872</v>
      </c>
      <c r="B11168" s="1" t="s">
        <v>41854</v>
      </c>
      <c r="C11168" s="1" t="s">
        <v>70</v>
      </c>
      <c r="D11168" s="1" t="s">
        <v>42917</v>
      </c>
      <c r="E11168" s="1" t="s">
        <v>42918</v>
      </c>
      <c r="F11168" s="1" t="s">
        <v>42919</v>
      </c>
      <c r="G11168" s="1" t="s">
        <v>42876</v>
      </c>
      <c r="H11168" s="1" t="s">
        <v>42877</v>
      </c>
      <c r="I11168" s="1" t="s">
        <v>41860</v>
      </c>
      <c r="J11168" s="1" t="s">
        <v>42920</v>
      </c>
    </row>
    <row r="11169" spans="1:10" x14ac:dyDescent="0.35">
      <c r="A11169" s="1" t="s">
        <v>42872</v>
      </c>
      <c r="B11169" s="1" t="s">
        <v>41854</v>
      </c>
      <c r="C11169" s="1" t="s">
        <v>75</v>
      </c>
      <c r="D11169" s="1" t="s">
        <v>42921</v>
      </c>
      <c r="E11169" s="1" t="s">
        <v>42922</v>
      </c>
      <c r="F11169" s="1" t="s">
        <v>42923</v>
      </c>
      <c r="G11169" s="1" t="s">
        <v>42876</v>
      </c>
      <c r="H11169" s="1" t="s">
        <v>42877</v>
      </c>
      <c r="I11169" s="1" t="s">
        <v>41860</v>
      </c>
      <c r="J11169" s="1" t="s">
        <v>42924</v>
      </c>
    </row>
    <row r="11170" spans="1:10" x14ac:dyDescent="0.35">
      <c r="A11170" s="1" t="s">
        <v>42872</v>
      </c>
      <c r="B11170" s="1" t="s">
        <v>41854</v>
      </c>
      <c r="C11170" s="1" t="s">
        <v>80</v>
      </c>
      <c r="D11170" s="1" t="s">
        <v>42925</v>
      </c>
      <c r="E11170" s="1" t="s">
        <v>42926</v>
      </c>
      <c r="F11170" s="1" t="s">
        <v>42927</v>
      </c>
      <c r="G11170" s="1" t="s">
        <v>42876</v>
      </c>
      <c r="H11170" s="1" t="s">
        <v>42877</v>
      </c>
      <c r="I11170" s="1" t="s">
        <v>41860</v>
      </c>
      <c r="J11170" s="1" t="s">
        <v>42928</v>
      </c>
    </row>
    <row r="11171" spans="1:10" x14ac:dyDescent="0.35">
      <c r="A11171" s="1" t="s">
        <v>42872</v>
      </c>
      <c r="B11171" s="1" t="s">
        <v>41854</v>
      </c>
      <c r="C11171" s="1" t="s">
        <v>85</v>
      </c>
      <c r="D11171" s="1" t="s">
        <v>42929</v>
      </c>
      <c r="E11171" s="1" t="s">
        <v>42930</v>
      </c>
      <c r="F11171" s="1" t="s">
        <v>42931</v>
      </c>
      <c r="G11171" s="1" t="s">
        <v>42876</v>
      </c>
      <c r="H11171" s="1" t="s">
        <v>42877</v>
      </c>
      <c r="I11171" s="1" t="s">
        <v>41860</v>
      </c>
      <c r="J11171" s="1" t="s">
        <v>42932</v>
      </c>
    </row>
    <row r="11172" spans="1:10" x14ac:dyDescent="0.35">
      <c r="A11172" s="1" t="s">
        <v>42872</v>
      </c>
      <c r="B11172" s="1" t="s">
        <v>41854</v>
      </c>
      <c r="C11172" s="1" t="s">
        <v>90</v>
      </c>
      <c r="D11172" s="1" t="s">
        <v>42933</v>
      </c>
      <c r="E11172" s="1" t="s">
        <v>42934</v>
      </c>
      <c r="F11172" s="1" t="s">
        <v>42935</v>
      </c>
      <c r="G11172" s="1" t="s">
        <v>42876</v>
      </c>
      <c r="H11172" s="1" t="s">
        <v>42877</v>
      </c>
      <c r="I11172" s="1" t="s">
        <v>41860</v>
      </c>
      <c r="J11172" s="1" t="s">
        <v>42936</v>
      </c>
    </row>
    <row r="11173" spans="1:10" x14ac:dyDescent="0.35">
      <c r="A11173" s="1" t="s">
        <v>42872</v>
      </c>
      <c r="B11173" s="1" t="s">
        <v>41854</v>
      </c>
      <c r="C11173" s="1" t="s">
        <v>95</v>
      </c>
      <c r="D11173" s="1" t="s">
        <v>42937</v>
      </c>
      <c r="E11173" s="1" t="s">
        <v>42938</v>
      </c>
      <c r="F11173" s="1" t="s">
        <v>42939</v>
      </c>
      <c r="G11173" s="1" t="s">
        <v>42876</v>
      </c>
      <c r="H11173" s="1" t="s">
        <v>42877</v>
      </c>
      <c r="I11173" s="1" t="s">
        <v>41860</v>
      </c>
      <c r="J11173" s="1" t="s">
        <v>42940</v>
      </c>
    </row>
    <row r="11174" spans="1:10" x14ac:dyDescent="0.35">
      <c r="A11174" s="1" t="s">
        <v>42872</v>
      </c>
      <c r="B11174" s="1" t="s">
        <v>41854</v>
      </c>
      <c r="C11174" s="1" t="s">
        <v>100</v>
      </c>
      <c r="D11174" s="1" t="s">
        <v>42941</v>
      </c>
      <c r="E11174" s="1" t="s">
        <v>42942</v>
      </c>
      <c r="F11174" s="1" t="s">
        <v>42943</v>
      </c>
      <c r="G11174" s="1" t="s">
        <v>42876</v>
      </c>
      <c r="H11174" s="1" t="s">
        <v>42877</v>
      </c>
      <c r="I11174" s="1" t="s">
        <v>41860</v>
      </c>
      <c r="J11174" s="1" t="s">
        <v>42944</v>
      </c>
    </row>
    <row r="11175" spans="1:10" x14ac:dyDescent="0.35">
      <c r="A11175" s="1" t="s">
        <v>42872</v>
      </c>
      <c r="B11175" s="1" t="s">
        <v>41854</v>
      </c>
      <c r="C11175" s="1" t="s">
        <v>105</v>
      </c>
      <c r="D11175" s="1" t="s">
        <v>42945</v>
      </c>
      <c r="E11175" s="1" t="s">
        <v>42946</v>
      </c>
      <c r="F11175" s="1" t="s">
        <v>42947</v>
      </c>
      <c r="G11175" s="1" t="s">
        <v>42876</v>
      </c>
      <c r="H11175" s="1" t="s">
        <v>42877</v>
      </c>
      <c r="I11175" s="1" t="s">
        <v>41860</v>
      </c>
      <c r="J11175" s="1" t="s">
        <v>42948</v>
      </c>
    </row>
    <row r="11176" spans="1:10" x14ac:dyDescent="0.35">
      <c r="A11176" s="1" t="s">
        <v>42872</v>
      </c>
      <c r="B11176" s="1" t="s">
        <v>41854</v>
      </c>
      <c r="C11176" s="1" t="s">
        <v>110</v>
      </c>
      <c r="D11176" s="1" t="s">
        <v>42949</v>
      </c>
      <c r="E11176" s="1" t="s">
        <v>42950</v>
      </c>
      <c r="F11176" s="1" t="s">
        <v>42951</v>
      </c>
      <c r="G11176" s="1" t="s">
        <v>42876</v>
      </c>
      <c r="H11176" s="1" t="s">
        <v>42877</v>
      </c>
      <c r="I11176" s="1" t="s">
        <v>41860</v>
      </c>
      <c r="J11176" s="1" t="s">
        <v>42952</v>
      </c>
    </row>
    <row r="11177" spans="1:10" x14ac:dyDescent="0.35">
      <c r="A11177" s="1" t="s">
        <v>42872</v>
      </c>
      <c r="B11177" s="1" t="s">
        <v>41854</v>
      </c>
      <c r="C11177" s="1" t="s">
        <v>115</v>
      </c>
      <c r="D11177" s="1" t="s">
        <v>9047</v>
      </c>
      <c r="E11177" s="1" t="s">
        <v>42953</v>
      </c>
      <c r="F11177" s="1" t="s">
        <v>42954</v>
      </c>
      <c r="G11177" s="1" t="s">
        <v>42876</v>
      </c>
      <c r="H11177" s="1" t="s">
        <v>42877</v>
      </c>
      <c r="I11177" s="1" t="s">
        <v>41860</v>
      </c>
      <c r="J11177" s="1" t="s">
        <v>42955</v>
      </c>
    </row>
    <row r="11178" spans="1:10" x14ac:dyDescent="0.35">
      <c r="A11178" s="1" t="s">
        <v>42872</v>
      </c>
      <c r="B11178" s="1" t="s">
        <v>41854</v>
      </c>
      <c r="C11178" s="1" t="s">
        <v>120</v>
      </c>
      <c r="D11178" s="1" t="s">
        <v>42956</v>
      </c>
      <c r="E11178" s="1" t="s">
        <v>42957</v>
      </c>
      <c r="F11178" s="1" t="s">
        <v>42958</v>
      </c>
      <c r="G11178" s="1" t="s">
        <v>42876</v>
      </c>
      <c r="H11178" s="1" t="s">
        <v>42877</v>
      </c>
      <c r="I11178" s="1" t="s">
        <v>41860</v>
      </c>
      <c r="J11178" s="1" t="s">
        <v>42959</v>
      </c>
    </row>
    <row r="11179" spans="1:10" x14ac:dyDescent="0.35">
      <c r="A11179" s="1" t="s">
        <v>42872</v>
      </c>
      <c r="B11179" s="1" t="s">
        <v>41854</v>
      </c>
      <c r="C11179" s="1" t="s">
        <v>125</v>
      </c>
      <c r="D11179" s="1" t="s">
        <v>42960</v>
      </c>
      <c r="E11179" s="1" t="s">
        <v>42961</v>
      </c>
      <c r="F11179" s="1" t="s">
        <v>42962</v>
      </c>
      <c r="G11179" s="1" t="s">
        <v>42876</v>
      </c>
      <c r="H11179" s="1" t="s">
        <v>42877</v>
      </c>
      <c r="I11179" s="1" t="s">
        <v>41860</v>
      </c>
      <c r="J11179" s="1" t="s">
        <v>42963</v>
      </c>
    </row>
    <row r="11180" spans="1:10" x14ac:dyDescent="0.35">
      <c r="A11180" s="1" t="s">
        <v>42872</v>
      </c>
      <c r="B11180" s="1" t="s">
        <v>41854</v>
      </c>
      <c r="C11180" s="1" t="s">
        <v>130</v>
      </c>
      <c r="D11180" s="1" t="s">
        <v>42964</v>
      </c>
      <c r="E11180" s="1" t="s">
        <v>42965</v>
      </c>
      <c r="F11180" s="1" t="s">
        <v>42966</v>
      </c>
      <c r="G11180" s="1" t="s">
        <v>42876</v>
      </c>
      <c r="H11180" s="1" t="s">
        <v>42877</v>
      </c>
      <c r="I11180" s="1" t="s">
        <v>41860</v>
      </c>
      <c r="J11180" s="1" t="s">
        <v>42967</v>
      </c>
    </row>
    <row r="11181" spans="1:10" x14ac:dyDescent="0.35">
      <c r="A11181" s="1" t="s">
        <v>42872</v>
      </c>
      <c r="B11181" s="1" t="s">
        <v>41854</v>
      </c>
      <c r="C11181" s="1" t="s">
        <v>135</v>
      </c>
      <c r="D11181" s="1" t="s">
        <v>42968</v>
      </c>
      <c r="E11181" s="1" t="s">
        <v>42969</v>
      </c>
      <c r="F11181" s="1" t="s">
        <v>42970</v>
      </c>
      <c r="G11181" s="1" t="s">
        <v>42876</v>
      </c>
      <c r="H11181" s="1" t="s">
        <v>42877</v>
      </c>
      <c r="I11181" s="1" t="s">
        <v>41860</v>
      </c>
      <c r="J11181" s="1" t="s">
        <v>42971</v>
      </c>
    </row>
    <row r="11182" spans="1:10" x14ac:dyDescent="0.35">
      <c r="A11182" s="1" t="s">
        <v>42872</v>
      </c>
      <c r="B11182" s="1" t="s">
        <v>41854</v>
      </c>
      <c r="C11182" s="1" t="s">
        <v>140</v>
      </c>
      <c r="D11182" s="1" t="s">
        <v>42972</v>
      </c>
      <c r="E11182" s="1" t="s">
        <v>42973</v>
      </c>
      <c r="F11182" s="1" t="s">
        <v>42974</v>
      </c>
      <c r="G11182" s="1" t="s">
        <v>42876</v>
      </c>
      <c r="H11182" s="1" t="s">
        <v>42877</v>
      </c>
      <c r="I11182" s="1" t="s">
        <v>41860</v>
      </c>
      <c r="J11182" s="1" t="s">
        <v>42975</v>
      </c>
    </row>
    <row r="11183" spans="1:10" x14ac:dyDescent="0.35">
      <c r="A11183" s="1" t="s">
        <v>42872</v>
      </c>
      <c r="B11183" s="1" t="s">
        <v>41854</v>
      </c>
      <c r="C11183" s="1" t="s">
        <v>145</v>
      </c>
      <c r="D11183" s="1" t="s">
        <v>42976</v>
      </c>
      <c r="E11183" s="1" t="s">
        <v>42977</v>
      </c>
      <c r="F11183" s="1" t="s">
        <v>42978</v>
      </c>
      <c r="G11183" s="1" t="s">
        <v>42876</v>
      </c>
      <c r="H11183" s="1" t="s">
        <v>42877</v>
      </c>
      <c r="I11183" s="1" t="s">
        <v>41860</v>
      </c>
      <c r="J11183" s="1" t="s">
        <v>42979</v>
      </c>
    </row>
    <row r="11184" spans="1:10" x14ac:dyDescent="0.35">
      <c r="A11184" s="1" t="s">
        <v>42872</v>
      </c>
      <c r="B11184" s="1" t="s">
        <v>41854</v>
      </c>
      <c r="C11184" s="1" t="s">
        <v>150</v>
      </c>
      <c r="D11184" s="1" t="s">
        <v>17550</v>
      </c>
      <c r="E11184" s="1" t="s">
        <v>42980</v>
      </c>
      <c r="F11184" s="1" t="s">
        <v>42981</v>
      </c>
      <c r="G11184" s="1" t="s">
        <v>42876</v>
      </c>
      <c r="H11184" s="1" t="s">
        <v>42877</v>
      </c>
      <c r="I11184" s="1" t="s">
        <v>41860</v>
      </c>
      <c r="J11184" s="1" t="s">
        <v>42982</v>
      </c>
    </row>
    <row r="11185" spans="1:10" x14ac:dyDescent="0.35">
      <c r="A11185" s="1" t="s">
        <v>42872</v>
      </c>
      <c r="B11185" s="1" t="s">
        <v>41854</v>
      </c>
      <c r="C11185" s="1" t="s">
        <v>155</v>
      </c>
      <c r="D11185" s="1" t="s">
        <v>19403</v>
      </c>
      <c r="E11185" s="1" t="s">
        <v>42983</v>
      </c>
      <c r="F11185" s="1" t="s">
        <v>42984</v>
      </c>
      <c r="G11185" s="1" t="s">
        <v>42876</v>
      </c>
      <c r="H11185" s="1" t="s">
        <v>42877</v>
      </c>
      <c r="I11185" s="1" t="s">
        <v>41860</v>
      </c>
      <c r="J11185" s="1" t="s">
        <v>42985</v>
      </c>
    </row>
    <row r="11186" spans="1:10" x14ac:dyDescent="0.35">
      <c r="A11186" s="1" t="s">
        <v>42872</v>
      </c>
      <c r="B11186" s="1" t="s">
        <v>41854</v>
      </c>
      <c r="C11186" s="1" t="s">
        <v>160</v>
      </c>
      <c r="D11186" s="1" t="s">
        <v>42986</v>
      </c>
      <c r="E11186" s="1" t="s">
        <v>42987</v>
      </c>
      <c r="F11186" s="1" t="s">
        <v>42988</v>
      </c>
      <c r="G11186" s="1" t="s">
        <v>42876</v>
      </c>
      <c r="H11186" s="1" t="s">
        <v>42877</v>
      </c>
      <c r="I11186" s="1" t="s">
        <v>41860</v>
      </c>
      <c r="J11186" s="1" t="s">
        <v>42989</v>
      </c>
    </row>
    <row r="11187" spans="1:10" x14ac:dyDescent="0.35">
      <c r="A11187" s="1" t="s">
        <v>42872</v>
      </c>
      <c r="B11187" s="1" t="s">
        <v>41854</v>
      </c>
      <c r="C11187" s="1" t="s">
        <v>165</v>
      </c>
      <c r="D11187" s="1" t="s">
        <v>42990</v>
      </c>
      <c r="E11187" s="1" t="s">
        <v>42991</v>
      </c>
      <c r="F11187" s="1" t="s">
        <v>42992</v>
      </c>
      <c r="G11187" s="1" t="s">
        <v>42876</v>
      </c>
      <c r="H11187" s="1" t="s">
        <v>42877</v>
      </c>
      <c r="I11187" s="1" t="s">
        <v>41860</v>
      </c>
      <c r="J11187" s="1" t="s">
        <v>42993</v>
      </c>
    </row>
    <row r="11188" spans="1:10" x14ac:dyDescent="0.35">
      <c r="A11188" s="1" t="s">
        <v>42872</v>
      </c>
      <c r="B11188" s="1" t="s">
        <v>41854</v>
      </c>
      <c r="C11188" s="1" t="s">
        <v>170</v>
      </c>
      <c r="D11188" s="1" t="s">
        <v>42994</v>
      </c>
      <c r="E11188" s="1" t="s">
        <v>42995</v>
      </c>
      <c r="F11188" s="1" t="s">
        <v>42996</v>
      </c>
      <c r="G11188" s="1" t="s">
        <v>42876</v>
      </c>
      <c r="H11188" s="1" t="s">
        <v>42877</v>
      </c>
      <c r="I11188" s="1" t="s">
        <v>41860</v>
      </c>
      <c r="J11188" s="1" t="s">
        <v>42997</v>
      </c>
    </row>
    <row r="11189" spans="1:10" x14ac:dyDescent="0.35">
      <c r="A11189" s="1" t="s">
        <v>42998</v>
      </c>
      <c r="B11189" s="1" t="s">
        <v>41854</v>
      </c>
      <c r="C11189" s="1" t="s">
        <v>8</v>
      </c>
      <c r="D11189" s="1" t="s">
        <v>42999</v>
      </c>
      <c r="E11189" s="1" t="s">
        <v>43000</v>
      </c>
      <c r="F11189" s="1" t="s">
        <v>43001</v>
      </c>
      <c r="G11189" s="1" t="s">
        <v>43002</v>
      </c>
      <c r="H11189" s="1" t="s">
        <v>43003</v>
      </c>
      <c r="I11189" s="1" t="s">
        <v>41860</v>
      </c>
      <c r="J11189" s="1" t="s">
        <v>13</v>
      </c>
    </row>
    <row r="11190" spans="1:10" x14ac:dyDescent="0.35">
      <c r="A11190" s="1" t="s">
        <v>42998</v>
      </c>
      <c r="B11190" s="1" t="s">
        <v>41854</v>
      </c>
      <c r="C11190" s="1" t="s">
        <v>15</v>
      </c>
      <c r="D11190" s="1" t="s">
        <v>43004</v>
      </c>
      <c r="E11190" s="1" t="s">
        <v>43005</v>
      </c>
      <c r="F11190" s="1" t="s">
        <v>43006</v>
      </c>
      <c r="G11190" s="1" t="s">
        <v>43002</v>
      </c>
      <c r="H11190" s="1" t="s">
        <v>43003</v>
      </c>
      <c r="I11190" s="1" t="s">
        <v>41860</v>
      </c>
      <c r="J11190" s="1" t="s">
        <v>43007</v>
      </c>
    </row>
    <row r="11191" spans="1:10" x14ac:dyDescent="0.35">
      <c r="A11191" s="1" t="s">
        <v>42998</v>
      </c>
      <c r="B11191" s="1" t="s">
        <v>41854</v>
      </c>
      <c r="C11191" s="1" t="s">
        <v>20</v>
      </c>
      <c r="D11191" s="1" t="s">
        <v>31455</v>
      </c>
      <c r="E11191" s="1" t="s">
        <v>43008</v>
      </c>
      <c r="F11191" s="1" t="s">
        <v>43009</v>
      </c>
      <c r="G11191" s="1" t="s">
        <v>43002</v>
      </c>
      <c r="H11191" s="1" t="s">
        <v>43003</v>
      </c>
      <c r="I11191" s="1" t="s">
        <v>41860</v>
      </c>
      <c r="J11191" s="1" t="s">
        <v>43010</v>
      </c>
    </row>
    <row r="11192" spans="1:10" x14ac:dyDescent="0.35">
      <c r="A11192" s="1" t="s">
        <v>42998</v>
      </c>
      <c r="B11192" s="1" t="s">
        <v>41854</v>
      </c>
      <c r="C11192" s="1" t="s">
        <v>25</v>
      </c>
      <c r="D11192" s="1" t="s">
        <v>43011</v>
      </c>
      <c r="E11192" s="1" t="s">
        <v>43012</v>
      </c>
      <c r="F11192" s="1" t="s">
        <v>43013</v>
      </c>
      <c r="G11192" s="1" t="s">
        <v>43002</v>
      </c>
      <c r="H11192" s="1" t="s">
        <v>43003</v>
      </c>
      <c r="I11192" s="1" t="s">
        <v>41860</v>
      </c>
      <c r="J11192" s="1" t="s">
        <v>43014</v>
      </c>
    </row>
    <row r="11193" spans="1:10" x14ac:dyDescent="0.35">
      <c r="A11193" s="1" t="s">
        <v>42998</v>
      </c>
      <c r="B11193" s="1" t="s">
        <v>41854</v>
      </c>
      <c r="C11193" s="1" t="s">
        <v>30</v>
      </c>
      <c r="D11193" s="1" t="s">
        <v>43015</v>
      </c>
      <c r="E11193" s="1" t="s">
        <v>43016</v>
      </c>
      <c r="F11193" s="1" t="s">
        <v>43017</v>
      </c>
      <c r="G11193" s="1" t="s">
        <v>43002</v>
      </c>
      <c r="H11193" s="1" t="s">
        <v>43003</v>
      </c>
      <c r="I11193" s="1" t="s">
        <v>41860</v>
      </c>
      <c r="J11193" s="1" t="s">
        <v>43018</v>
      </c>
    </row>
    <row r="11194" spans="1:10" x14ac:dyDescent="0.35">
      <c r="A11194" s="1" t="s">
        <v>42998</v>
      </c>
      <c r="B11194" s="1" t="s">
        <v>41854</v>
      </c>
      <c r="C11194" s="1" t="s">
        <v>35</v>
      </c>
      <c r="D11194" s="1" t="s">
        <v>33757</v>
      </c>
      <c r="E11194" s="1" t="s">
        <v>43019</v>
      </c>
      <c r="F11194" s="1" t="s">
        <v>43020</v>
      </c>
      <c r="G11194" s="1" t="s">
        <v>43002</v>
      </c>
      <c r="H11194" s="1" t="s">
        <v>43003</v>
      </c>
      <c r="I11194" s="1" t="s">
        <v>41860</v>
      </c>
      <c r="J11194" s="1" t="s">
        <v>43021</v>
      </c>
    </row>
    <row r="11195" spans="1:10" x14ac:dyDescent="0.35">
      <c r="A11195" s="1" t="s">
        <v>42998</v>
      </c>
      <c r="B11195" s="1" t="s">
        <v>41854</v>
      </c>
      <c r="C11195" s="1" t="s">
        <v>40</v>
      </c>
      <c r="D11195" s="1" t="s">
        <v>43022</v>
      </c>
      <c r="E11195" s="1" t="s">
        <v>43023</v>
      </c>
      <c r="F11195" s="1" t="s">
        <v>43024</v>
      </c>
      <c r="G11195" s="1" t="s">
        <v>43002</v>
      </c>
      <c r="H11195" s="1" t="s">
        <v>43003</v>
      </c>
      <c r="I11195" s="1" t="s">
        <v>41860</v>
      </c>
      <c r="J11195" s="1" t="s">
        <v>43025</v>
      </c>
    </row>
    <row r="11196" spans="1:10" x14ac:dyDescent="0.35">
      <c r="A11196" s="1" t="s">
        <v>42998</v>
      </c>
      <c r="B11196" s="1" t="s">
        <v>41854</v>
      </c>
      <c r="C11196" s="1" t="s">
        <v>45</v>
      </c>
      <c r="D11196" s="1" t="s">
        <v>43026</v>
      </c>
      <c r="E11196" s="1" t="s">
        <v>43027</v>
      </c>
      <c r="F11196" s="1" t="s">
        <v>43028</v>
      </c>
      <c r="G11196" s="1" t="s">
        <v>43002</v>
      </c>
      <c r="H11196" s="1" t="s">
        <v>43003</v>
      </c>
      <c r="I11196" s="1" t="s">
        <v>41860</v>
      </c>
      <c r="J11196" s="1" t="s">
        <v>43029</v>
      </c>
    </row>
    <row r="11197" spans="1:10" x14ac:dyDescent="0.35">
      <c r="A11197" s="1" t="s">
        <v>42998</v>
      </c>
      <c r="B11197" s="1" t="s">
        <v>41854</v>
      </c>
      <c r="C11197" s="1" t="s">
        <v>50</v>
      </c>
      <c r="D11197" s="1" t="s">
        <v>43030</v>
      </c>
      <c r="E11197" s="1" t="s">
        <v>43031</v>
      </c>
      <c r="F11197" s="1" t="s">
        <v>43032</v>
      </c>
      <c r="G11197" s="1" t="s">
        <v>43002</v>
      </c>
      <c r="H11197" s="1" t="s">
        <v>43003</v>
      </c>
      <c r="I11197" s="1" t="s">
        <v>41860</v>
      </c>
      <c r="J11197" s="1" t="s">
        <v>43033</v>
      </c>
    </row>
    <row r="11198" spans="1:10" x14ac:dyDescent="0.35">
      <c r="A11198" s="1" t="s">
        <v>42998</v>
      </c>
      <c r="B11198" s="1" t="s">
        <v>41854</v>
      </c>
      <c r="C11198" s="1" t="s">
        <v>55</v>
      </c>
      <c r="D11198" s="1" t="s">
        <v>42841</v>
      </c>
      <c r="E11198" s="1" t="s">
        <v>43034</v>
      </c>
      <c r="F11198" s="1" t="s">
        <v>43035</v>
      </c>
      <c r="G11198" s="1" t="s">
        <v>43002</v>
      </c>
      <c r="H11198" s="1" t="s">
        <v>43003</v>
      </c>
      <c r="I11198" s="1" t="s">
        <v>41860</v>
      </c>
      <c r="J11198" s="1" t="s">
        <v>43036</v>
      </c>
    </row>
    <row r="11199" spans="1:10" x14ac:dyDescent="0.35">
      <c r="A11199" s="1" t="s">
        <v>42998</v>
      </c>
      <c r="B11199" s="1" t="s">
        <v>41854</v>
      </c>
      <c r="C11199" s="1" t="s">
        <v>60</v>
      </c>
      <c r="D11199" s="1" t="s">
        <v>43037</v>
      </c>
      <c r="E11199" s="1" t="s">
        <v>43038</v>
      </c>
      <c r="F11199" s="1" t="s">
        <v>43039</v>
      </c>
      <c r="G11199" s="1" t="s">
        <v>43002</v>
      </c>
      <c r="H11199" s="1" t="s">
        <v>43003</v>
      </c>
      <c r="I11199" s="1" t="s">
        <v>41860</v>
      </c>
      <c r="J11199" s="1" t="s">
        <v>43040</v>
      </c>
    </row>
    <row r="11200" spans="1:10" x14ac:dyDescent="0.35">
      <c r="A11200" s="1" t="s">
        <v>42998</v>
      </c>
      <c r="B11200" s="1" t="s">
        <v>41854</v>
      </c>
      <c r="C11200" s="1" t="s">
        <v>65</v>
      </c>
      <c r="D11200" s="1" t="s">
        <v>16297</v>
      </c>
      <c r="E11200" s="1" t="s">
        <v>43041</v>
      </c>
      <c r="F11200" s="1" t="s">
        <v>43042</v>
      </c>
      <c r="G11200" s="1" t="s">
        <v>43002</v>
      </c>
      <c r="H11200" s="1" t="s">
        <v>43003</v>
      </c>
      <c r="I11200" s="1" t="s">
        <v>41860</v>
      </c>
      <c r="J11200" s="1" t="s">
        <v>43043</v>
      </c>
    </row>
    <row r="11201" spans="1:10" x14ac:dyDescent="0.35">
      <c r="A11201" s="1" t="s">
        <v>42998</v>
      </c>
      <c r="B11201" s="1" t="s">
        <v>41854</v>
      </c>
      <c r="C11201" s="1" t="s">
        <v>70</v>
      </c>
      <c r="D11201" s="1" t="s">
        <v>43044</v>
      </c>
      <c r="E11201" s="1" t="s">
        <v>43045</v>
      </c>
      <c r="F11201" s="1" t="s">
        <v>43046</v>
      </c>
      <c r="G11201" s="1" t="s">
        <v>43002</v>
      </c>
      <c r="H11201" s="1" t="s">
        <v>43003</v>
      </c>
      <c r="I11201" s="1" t="s">
        <v>41860</v>
      </c>
      <c r="J11201" s="1" t="s">
        <v>43047</v>
      </c>
    </row>
    <row r="11202" spans="1:10" x14ac:dyDescent="0.35">
      <c r="A11202" s="1" t="s">
        <v>42998</v>
      </c>
      <c r="B11202" s="1" t="s">
        <v>41854</v>
      </c>
      <c r="C11202" s="1" t="s">
        <v>75</v>
      </c>
      <c r="D11202" s="1" t="s">
        <v>43048</v>
      </c>
      <c r="E11202" s="1" t="s">
        <v>43049</v>
      </c>
      <c r="F11202" s="1" t="s">
        <v>43050</v>
      </c>
      <c r="G11202" s="1" t="s">
        <v>43002</v>
      </c>
      <c r="H11202" s="1" t="s">
        <v>43003</v>
      </c>
      <c r="I11202" s="1" t="s">
        <v>41860</v>
      </c>
      <c r="J11202" s="1" t="s">
        <v>43051</v>
      </c>
    </row>
    <row r="11203" spans="1:10" x14ac:dyDescent="0.35">
      <c r="A11203" s="1" t="s">
        <v>42998</v>
      </c>
      <c r="B11203" s="1" t="s">
        <v>41854</v>
      </c>
      <c r="C11203" s="1" t="s">
        <v>80</v>
      </c>
      <c r="D11203" s="1" t="s">
        <v>43052</v>
      </c>
      <c r="E11203" s="1" t="s">
        <v>43053</v>
      </c>
      <c r="F11203" s="1" t="s">
        <v>43054</v>
      </c>
      <c r="G11203" s="1" t="s">
        <v>43002</v>
      </c>
      <c r="H11203" s="1" t="s">
        <v>43003</v>
      </c>
      <c r="I11203" s="1" t="s">
        <v>41860</v>
      </c>
      <c r="J11203" s="1" t="s">
        <v>43055</v>
      </c>
    </row>
    <row r="11204" spans="1:10" x14ac:dyDescent="0.35">
      <c r="A11204" s="1" t="s">
        <v>42998</v>
      </c>
      <c r="B11204" s="1" t="s">
        <v>41854</v>
      </c>
      <c r="C11204" s="1" t="s">
        <v>85</v>
      </c>
      <c r="D11204" s="1" t="s">
        <v>43056</v>
      </c>
      <c r="E11204" s="1" t="s">
        <v>43057</v>
      </c>
      <c r="F11204" s="1" t="s">
        <v>43058</v>
      </c>
      <c r="G11204" s="1" t="s">
        <v>43002</v>
      </c>
      <c r="H11204" s="1" t="s">
        <v>43003</v>
      </c>
      <c r="I11204" s="1" t="s">
        <v>41860</v>
      </c>
      <c r="J11204" s="1" t="s">
        <v>43059</v>
      </c>
    </row>
    <row r="11205" spans="1:10" x14ac:dyDescent="0.35">
      <c r="A11205" s="1" t="s">
        <v>42998</v>
      </c>
      <c r="B11205" s="1" t="s">
        <v>41854</v>
      </c>
      <c r="C11205" s="1" t="s">
        <v>90</v>
      </c>
      <c r="D11205" s="1" t="s">
        <v>43060</v>
      </c>
      <c r="E11205" s="1" t="s">
        <v>43061</v>
      </c>
      <c r="F11205" s="1" t="s">
        <v>43062</v>
      </c>
      <c r="G11205" s="1" t="s">
        <v>43002</v>
      </c>
      <c r="H11205" s="1" t="s">
        <v>43003</v>
      </c>
      <c r="I11205" s="1" t="s">
        <v>41860</v>
      </c>
      <c r="J11205" s="1" t="s">
        <v>43063</v>
      </c>
    </row>
    <row r="11206" spans="1:10" x14ac:dyDescent="0.35">
      <c r="A11206" s="1" t="s">
        <v>42998</v>
      </c>
      <c r="B11206" s="1" t="s">
        <v>41854</v>
      </c>
      <c r="C11206" s="1" t="s">
        <v>95</v>
      </c>
      <c r="D11206" s="1" t="s">
        <v>43064</v>
      </c>
      <c r="E11206" s="1" t="s">
        <v>43065</v>
      </c>
      <c r="F11206" s="1" t="s">
        <v>43066</v>
      </c>
      <c r="G11206" s="1" t="s">
        <v>43002</v>
      </c>
      <c r="H11206" s="1" t="s">
        <v>43003</v>
      </c>
      <c r="I11206" s="1" t="s">
        <v>41860</v>
      </c>
      <c r="J11206" s="1" t="s">
        <v>43067</v>
      </c>
    </row>
    <row r="11207" spans="1:10" x14ac:dyDescent="0.35">
      <c r="A11207" s="1" t="s">
        <v>42998</v>
      </c>
      <c r="B11207" s="1" t="s">
        <v>41854</v>
      </c>
      <c r="C11207" s="1" t="s">
        <v>100</v>
      </c>
      <c r="D11207" s="1" t="s">
        <v>39457</v>
      </c>
      <c r="E11207" s="1" t="s">
        <v>43068</v>
      </c>
      <c r="F11207" s="1" t="s">
        <v>43069</v>
      </c>
      <c r="G11207" s="1" t="s">
        <v>43002</v>
      </c>
      <c r="H11207" s="1" t="s">
        <v>43003</v>
      </c>
      <c r="I11207" s="1" t="s">
        <v>41860</v>
      </c>
      <c r="J11207" s="1" t="s">
        <v>43070</v>
      </c>
    </row>
    <row r="11208" spans="1:10" x14ac:dyDescent="0.35">
      <c r="A11208" s="1" t="s">
        <v>42998</v>
      </c>
      <c r="B11208" s="1" t="s">
        <v>41854</v>
      </c>
      <c r="C11208" s="1" t="s">
        <v>105</v>
      </c>
      <c r="D11208" s="1" t="s">
        <v>43071</v>
      </c>
      <c r="E11208" s="1" t="s">
        <v>43072</v>
      </c>
      <c r="F11208" s="1" t="s">
        <v>43073</v>
      </c>
      <c r="G11208" s="1" t="s">
        <v>43002</v>
      </c>
      <c r="H11208" s="1" t="s">
        <v>43003</v>
      </c>
      <c r="I11208" s="1" t="s">
        <v>41860</v>
      </c>
      <c r="J11208" s="1" t="s">
        <v>43074</v>
      </c>
    </row>
    <row r="11209" spans="1:10" x14ac:dyDescent="0.35">
      <c r="A11209" s="1" t="s">
        <v>42998</v>
      </c>
      <c r="B11209" s="1" t="s">
        <v>41854</v>
      </c>
      <c r="C11209" s="1" t="s">
        <v>110</v>
      </c>
      <c r="D11209" s="1" t="s">
        <v>43075</v>
      </c>
      <c r="E11209" s="1" t="s">
        <v>43076</v>
      </c>
      <c r="F11209" s="1" t="s">
        <v>43077</v>
      </c>
      <c r="G11209" s="1" t="s">
        <v>43002</v>
      </c>
      <c r="H11209" s="1" t="s">
        <v>43003</v>
      </c>
      <c r="I11209" s="1" t="s">
        <v>41860</v>
      </c>
      <c r="J11209" s="1" t="s">
        <v>43078</v>
      </c>
    </row>
    <row r="11210" spans="1:10" x14ac:dyDescent="0.35">
      <c r="A11210" s="1" t="s">
        <v>42998</v>
      </c>
      <c r="B11210" s="1" t="s">
        <v>41854</v>
      </c>
      <c r="C11210" s="1" t="s">
        <v>115</v>
      </c>
      <c r="D11210" s="1" t="s">
        <v>43079</v>
      </c>
      <c r="E11210" s="1" t="s">
        <v>43080</v>
      </c>
      <c r="F11210" s="1" t="s">
        <v>43081</v>
      </c>
      <c r="G11210" s="1" t="s">
        <v>43002</v>
      </c>
      <c r="H11210" s="1" t="s">
        <v>43003</v>
      </c>
      <c r="I11210" s="1" t="s">
        <v>41860</v>
      </c>
      <c r="J11210" s="1" t="s">
        <v>43082</v>
      </c>
    </row>
    <row r="11211" spans="1:10" x14ac:dyDescent="0.35">
      <c r="A11211" s="1" t="s">
        <v>42998</v>
      </c>
      <c r="B11211" s="1" t="s">
        <v>41854</v>
      </c>
      <c r="C11211" s="1" t="s">
        <v>120</v>
      </c>
      <c r="D11211" s="1" t="s">
        <v>43083</v>
      </c>
      <c r="E11211" s="1" t="s">
        <v>43084</v>
      </c>
      <c r="F11211" s="1" t="s">
        <v>43085</v>
      </c>
      <c r="G11211" s="1" t="s">
        <v>43002</v>
      </c>
      <c r="H11211" s="1" t="s">
        <v>43003</v>
      </c>
      <c r="I11211" s="1" t="s">
        <v>41860</v>
      </c>
      <c r="J11211" s="1" t="s">
        <v>43086</v>
      </c>
    </row>
    <row r="11212" spans="1:10" x14ac:dyDescent="0.35">
      <c r="A11212" s="1" t="s">
        <v>42998</v>
      </c>
      <c r="B11212" s="1" t="s">
        <v>41854</v>
      </c>
      <c r="C11212" s="1" t="s">
        <v>125</v>
      </c>
      <c r="D11212" s="1" t="s">
        <v>43087</v>
      </c>
      <c r="E11212" s="1" t="s">
        <v>43088</v>
      </c>
      <c r="F11212" s="1" t="s">
        <v>43089</v>
      </c>
      <c r="G11212" s="1" t="s">
        <v>43002</v>
      </c>
      <c r="H11212" s="1" t="s">
        <v>43003</v>
      </c>
      <c r="I11212" s="1" t="s">
        <v>41860</v>
      </c>
      <c r="J11212" s="1" t="s">
        <v>43090</v>
      </c>
    </row>
    <row r="11213" spans="1:10" x14ac:dyDescent="0.35">
      <c r="A11213" s="1" t="s">
        <v>42998</v>
      </c>
      <c r="B11213" s="1" t="s">
        <v>41854</v>
      </c>
      <c r="C11213" s="1" t="s">
        <v>130</v>
      </c>
      <c r="D11213" s="1" t="s">
        <v>43091</v>
      </c>
      <c r="E11213" s="1" t="s">
        <v>43092</v>
      </c>
      <c r="F11213" s="1" t="s">
        <v>43093</v>
      </c>
      <c r="G11213" s="1" t="s">
        <v>43002</v>
      </c>
      <c r="H11213" s="1" t="s">
        <v>43003</v>
      </c>
      <c r="I11213" s="1" t="s">
        <v>41860</v>
      </c>
      <c r="J11213" s="1" t="s">
        <v>43094</v>
      </c>
    </row>
    <row r="11214" spans="1:10" x14ac:dyDescent="0.35">
      <c r="A11214" s="1" t="s">
        <v>42998</v>
      </c>
      <c r="B11214" s="1" t="s">
        <v>41854</v>
      </c>
      <c r="C11214" s="1" t="s">
        <v>135</v>
      </c>
      <c r="D11214" s="1" t="s">
        <v>43095</v>
      </c>
      <c r="E11214" s="1" t="s">
        <v>43096</v>
      </c>
      <c r="F11214" s="1" t="s">
        <v>43097</v>
      </c>
      <c r="G11214" s="1" t="s">
        <v>43002</v>
      </c>
      <c r="H11214" s="1" t="s">
        <v>43003</v>
      </c>
      <c r="I11214" s="1" t="s">
        <v>41860</v>
      </c>
      <c r="J11214" s="1" t="s">
        <v>43098</v>
      </c>
    </row>
    <row r="11215" spans="1:10" x14ac:dyDescent="0.35">
      <c r="A11215" s="1" t="s">
        <v>42998</v>
      </c>
      <c r="B11215" s="1" t="s">
        <v>41854</v>
      </c>
      <c r="C11215" s="1" t="s">
        <v>140</v>
      </c>
      <c r="D11215" s="1" t="s">
        <v>43099</v>
      </c>
      <c r="E11215" s="1" t="s">
        <v>43100</v>
      </c>
      <c r="F11215" s="1" t="s">
        <v>43101</v>
      </c>
      <c r="G11215" s="1" t="s">
        <v>43002</v>
      </c>
      <c r="H11215" s="1" t="s">
        <v>43003</v>
      </c>
      <c r="I11215" s="1" t="s">
        <v>41860</v>
      </c>
      <c r="J11215" s="1" t="s">
        <v>43102</v>
      </c>
    </row>
    <row r="11216" spans="1:10" x14ac:dyDescent="0.35">
      <c r="A11216" s="1" t="s">
        <v>42998</v>
      </c>
      <c r="B11216" s="1" t="s">
        <v>41854</v>
      </c>
      <c r="C11216" s="1" t="s">
        <v>145</v>
      </c>
      <c r="D11216" s="1" t="s">
        <v>43103</v>
      </c>
      <c r="E11216" s="1" t="s">
        <v>43104</v>
      </c>
      <c r="F11216" s="1" t="s">
        <v>43105</v>
      </c>
      <c r="G11216" s="1" t="s">
        <v>43002</v>
      </c>
      <c r="H11216" s="1" t="s">
        <v>43003</v>
      </c>
      <c r="I11216" s="1" t="s">
        <v>41860</v>
      </c>
      <c r="J11216" s="1" t="s">
        <v>43106</v>
      </c>
    </row>
    <row r="11217" spans="1:10" x14ac:dyDescent="0.35">
      <c r="A11217" s="1" t="s">
        <v>42998</v>
      </c>
      <c r="B11217" s="1" t="s">
        <v>41854</v>
      </c>
      <c r="C11217" s="1" t="s">
        <v>150</v>
      </c>
      <c r="D11217" s="1" t="s">
        <v>43107</v>
      </c>
      <c r="E11217" s="1" t="s">
        <v>43108</v>
      </c>
      <c r="F11217" s="1" t="s">
        <v>43109</v>
      </c>
      <c r="G11217" s="1" t="s">
        <v>43002</v>
      </c>
      <c r="H11217" s="1" t="s">
        <v>43003</v>
      </c>
      <c r="I11217" s="1" t="s">
        <v>41860</v>
      </c>
      <c r="J11217" s="1" t="s">
        <v>43110</v>
      </c>
    </row>
    <row r="11218" spans="1:10" x14ac:dyDescent="0.35">
      <c r="A11218" s="1" t="s">
        <v>42998</v>
      </c>
      <c r="B11218" s="1" t="s">
        <v>41854</v>
      </c>
      <c r="C11218" s="1" t="s">
        <v>155</v>
      </c>
      <c r="D11218" s="1" t="s">
        <v>43111</v>
      </c>
      <c r="E11218" s="1" t="s">
        <v>43112</v>
      </c>
      <c r="F11218" s="1" t="s">
        <v>35867</v>
      </c>
      <c r="G11218" s="1" t="s">
        <v>43002</v>
      </c>
      <c r="H11218" s="1" t="s">
        <v>43003</v>
      </c>
      <c r="I11218" s="1" t="s">
        <v>41860</v>
      </c>
      <c r="J11218" s="1" t="s">
        <v>43113</v>
      </c>
    </row>
    <row r="11219" spans="1:10" x14ac:dyDescent="0.35">
      <c r="A11219" s="1" t="s">
        <v>42998</v>
      </c>
      <c r="B11219" s="1" t="s">
        <v>41854</v>
      </c>
      <c r="C11219" s="1" t="s">
        <v>160</v>
      </c>
      <c r="D11219" s="1" t="s">
        <v>43114</v>
      </c>
      <c r="E11219" s="1" t="s">
        <v>43115</v>
      </c>
      <c r="F11219" s="1" t="s">
        <v>43116</v>
      </c>
      <c r="G11219" s="1" t="s">
        <v>43002</v>
      </c>
      <c r="H11219" s="1" t="s">
        <v>43003</v>
      </c>
      <c r="I11219" s="1" t="s">
        <v>41860</v>
      </c>
      <c r="J11219" s="1" t="s">
        <v>43117</v>
      </c>
    </row>
    <row r="11220" spans="1:10" x14ac:dyDescent="0.35">
      <c r="A11220" s="1" t="s">
        <v>42998</v>
      </c>
      <c r="B11220" s="1" t="s">
        <v>41854</v>
      </c>
      <c r="C11220" s="1" t="s">
        <v>165</v>
      </c>
      <c r="D11220" s="1" t="s">
        <v>43118</v>
      </c>
      <c r="E11220" s="1" t="s">
        <v>43119</v>
      </c>
      <c r="F11220" s="1" t="s">
        <v>43120</v>
      </c>
      <c r="G11220" s="1" t="s">
        <v>43002</v>
      </c>
      <c r="H11220" s="1" t="s">
        <v>43003</v>
      </c>
      <c r="I11220" s="1" t="s">
        <v>41860</v>
      </c>
      <c r="J11220" s="1" t="s">
        <v>43121</v>
      </c>
    </row>
    <row r="11221" spans="1:10" x14ac:dyDescent="0.35">
      <c r="A11221" s="1" t="s">
        <v>42998</v>
      </c>
      <c r="B11221" s="1" t="s">
        <v>41854</v>
      </c>
      <c r="C11221" s="1" t="s">
        <v>170</v>
      </c>
      <c r="D11221" s="1" t="s">
        <v>43122</v>
      </c>
      <c r="E11221" s="1" t="s">
        <v>43123</v>
      </c>
      <c r="F11221" s="1" t="s">
        <v>43124</v>
      </c>
      <c r="G11221" s="1" t="s">
        <v>43002</v>
      </c>
      <c r="H11221" s="1" t="s">
        <v>43003</v>
      </c>
      <c r="I11221" s="1" t="s">
        <v>41860</v>
      </c>
      <c r="J11221" s="1" t="s">
        <v>43125</v>
      </c>
    </row>
    <row r="11222" spans="1:10" x14ac:dyDescent="0.35">
      <c r="A11222" s="1" t="s">
        <v>43126</v>
      </c>
      <c r="B11222" s="1" t="s">
        <v>41854</v>
      </c>
      <c r="C11222" s="1" t="s">
        <v>8</v>
      </c>
      <c r="D11222" s="1" t="s">
        <v>43127</v>
      </c>
      <c r="E11222" s="1" t="s">
        <v>43128</v>
      </c>
      <c r="F11222" s="1" t="s">
        <v>43129</v>
      </c>
      <c r="G11222" s="1" t="s">
        <v>43130</v>
      </c>
      <c r="H11222" s="1" t="s">
        <v>43131</v>
      </c>
      <c r="I11222" s="1" t="s">
        <v>41860</v>
      </c>
      <c r="J11222" s="1" t="s">
        <v>13</v>
      </c>
    </row>
    <row r="11223" spans="1:10" x14ac:dyDescent="0.35">
      <c r="A11223" s="1" t="s">
        <v>43126</v>
      </c>
      <c r="B11223" s="1" t="s">
        <v>41854</v>
      </c>
      <c r="C11223" s="1" t="s">
        <v>15</v>
      </c>
      <c r="D11223" s="1" t="s">
        <v>43132</v>
      </c>
      <c r="E11223" s="1" t="s">
        <v>43133</v>
      </c>
      <c r="F11223" s="1" t="s">
        <v>43134</v>
      </c>
      <c r="G11223" s="1" t="s">
        <v>43130</v>
      </c>
      <c r="H11223" s="1" t="s">
        <v>43131</v>
      </c>
      <c r="I11223" s="1" t="s">
        <v>41860</v>
      </c>
      <c r="J11223" s="1" t="s">
        <v>43135</v>
      </c>
    </row>
    <row r="11224" spans="1:10" x14ac:dyDescent="0.35">
      <c r="A11224" s="1" t="s">
        <v>43126</v>
      </c>
      <c r="B11224" s="1" t="s">
        <v>41854</v>
      </c>
      <c r="C11224" s="1" t="s">
        <v>20</v>
      </c>
      <c r="D11224" s="1" t="s">
        <v>43136</v>
      </c>
      <c r="E11224" s="1" t="s">
        <v>43137</v>
      </c>
      <c r="F11224" s="1" t="s">
        <v>43138</v>
      </c>
      <c r="G11224" s="1" t="s">
        <v>43130</v>
      </c>
      <c r="H11224" s="1" t="s">
        <v>43131</v>
      </c>
      <c r="I11224" s="1" t="s">
        <v>41860</v>
      </c>
      <c r="J11224" s="1" t="s">
        <v>43139</v>
      </c>
    </row>
    <row r="11225" spans="1:10" x14ac:dyDescent="0.35">
      <c r="A11225" s="1" t="s">
        <v>43126</v>
      </c>
      <c r="B11225" s="1" t="s">
        <v>41854</v>
      </c>
      <c r="C11225" s="1" t="s">
        <v>25</v>
      </c>
      <c r="D11225" s="1" t="s">
        <v>17955</v>
      </c>
      <c r="E11225" s="1" t="s">
        <v>43140</v>
      </c>
      <c r="F11225" s="1" t="s">
        <v>43141</v>
      </c>
      <c r="G11225" s="1" t="s">
        <v>43130</v>
      </c>
      <c r="H11225" s="1" t="s">
        <v>43131</v>
      </c>
      <c r="I11225" s="1" t="s">
        <v>41860</v>
      </c>
      <c r="J11225" s="1" t="s">
        <v>43142</v>
      </c>
    </row>
    <row r="11226" spans="1:10" x14ac:dyDescent="0.35">
      <c r="A11226" s="1" t="s">
        <v>43126</v>
      </c>
      <c r="B11226" s="1" t="s">
        <v>41854</v>
      </c>
      <c r="C11226" s="1" t="s">
        <v>30</v>
      </c>
      <c r="D11226" s="1" t="s">
        <v>43143</v>
      </c>
      <c r="E11226" s="1" t="s">
        <v>43144</v>
      </c>
      <c r="F11226" s="1" t="s">
        <v>43145</v>
      </c>
      <c r="G11226" s="1" t="s">
        <v>43130</v>
      </c>
      <c r="H11226" s="1" t="s">
        <v>43131</v>
      </c>
      <c r="I11226" s="1" t="s">
        <v>41860</v>
      </c>
      <c r="J11226" s="1" t="s">
        <v>43146</v>
      </c>
    </row>
    <row r="11227" spans="1:10" x14ac:dyDescent="0.35">
      <c r="A11227" s="1" t="s">
        <v>43126</v>
      </c>
      <c r="B11227" s="1" t="s">
        <v>41854</v>
      </c>
      <c r="C11227" s="1" t="s">
        <v>35</v>
      </c>
      <c r="D11227" s="1" t="s">
        <v>43147</v>
      </c>
      <c r="E11227" s="1" t="s">
        <v>43148</v>
      </c>
      <c r="F11227" s="1" t="s">
        <v>43149</v>
      </c>
      <c r="G11227" s="1" t="s">
        <v>43130</v>
      </c>
      <c r="H11227" s="1" t="s">
        <v>43131</v>
      </c>
      <c r="I11227" s="1" t="s">
        <v>41860</v>
      </c>
      <c r="J11227" s="1" t="s">
        <v>43150</v>
      </c>
    </row>
    <row r="11228" spans="1:10" x14ac:dyDescent="0.35">
      <c r="A11228" s="1" t="s">
        <v>43126</v>
      </c>
      <c r="B11228" s="1" t="s">
        <v>41854</v>
      </c>
      <c r="C11228" s="1" t="s">
        <v>40</v>
      </c>
      <c r="D11228" s="1" t="s">
        <v>18879</v>
      </c>
      <c r="E11228" s="1" t="s">
        <v>43151</v>
      </c>
      <c r="F11228" s="1" t="s">
        <v>43152</v>
      </c>
      <c r="G11228" s="1" t="s">
        <v>43130</v>
      </c>
      <c r="H11228" s="1" t="s">
        <v>43131</v>
      </c>
      <c r="I11228" s="1" t="s">
        <v>41860</v>
      </c>
      <c r="J11228" s="1" t="s">
        <v>43153</v>
      </c>
    </row>
    <row r="11229" spans="1:10" x14ac:dyDescent="0.35">
      <c r="A11229" s="1" t="s">
        <v>43126</v>
      </c>
      <c r="B11229" s="1" t="s">
        <v>41854</v>
      </c>
      <c r="C11229" s="1" t="s">
        <v>45</v>
      </c>
      <c r="D11229" s="1" t="s">
        <v>42638</v>
      </c>
      <c r="E11229" s="1" t="s">
        <v>43154</v>
      </c>
      <c r="F11229" s="1" t="s">
        <v>43155</v>
      </c>
      <c r="G11229" s="1" t="s">
        <v>43130</v>
      </c>
      <c r="H11229" s="1" t="s">
        <v>43131</v>
      </c>
      <c r="I11229" s="1" t="s">
        <v>41860</v>
      </c>
      <c r="J11229" s="1" t="s">
        <v>43156</v>
      </c>
    </row>
    <row r="11230" spans="1:10" x14ac:dyDescent="0.35">
      <c r="A11230" s="1" t="s">
        <v>43126</v>
      </c>
      <c r="B11230" s="1" t="s">
        <v>41854</v>
      </c>
      <c r="C11230" s="1" t="s">
        <v>50</v>
      </c>
      <c r="D11230" s="1" t="s">
        <v>30261</v>
      </c>
      <c r="E11230" s="1" t="s">
        <v>43157</v>
      </c>
      <c r="F11230" s="1" t="s">
        <v>43158</v>
      </c>
      <c r="G11230" s="1" t="s">
        <v>43130</v>
      </c>
      <c r="H11230" s="1" t="s">
        <v>43131</v>
      </c>
      <c r="I11230" s="1" t="s">
        <v>41860</v>
      </c>
      <c r="J11230" s="1" t="s">
        <v>43159</v>
      </c>
    </row>
    <row r="11231" spans="1:10" x14ac:dyDescent="0.35">
      <c r="A11231" s="1" t="s">
        <v>43126</v>
      </c>
      <c r="B11231" s="1" t="s">
        <v>41854</v>
      </c>
      <c r="C11231" s="1" t="s">
        <v>55</v>
      </c>
      <c r="D11231" s="1" t="s">
        <v>43160</v>
      </c>
      <c r="E11231" s="1" t="s">
        <v>43161</v>
      </c>
      <c r="F11231" s="1" t="s">
        <v>43162</v>
      </c>
      <c r="G11231" s="1" t="s">
        <v>43130</v>
      </c>
      <c r="H11231" s="1" t="s">
        <v>43131</v>
      </c>
      <c r="I11231" s="1" t="s">
        <v>41860</v>
      </c>
      <c r="J11231" s="1" t="s">
        <v>43163</v>
      </c>
    </row>
    <row r="11232" spans="1:10" x14ac:dyDescent="0.35">
      <c r="A11232" s="1" t="s">
        <v>43126</v>
      </c>
      <c r="B11232" s="1" t="s">
        <v>41854</v>
      </c>
      <c r="C11232" s="1" t="s">
        <v>60</v>
      </c>
      <c r="D11232" s="1" t="s">
        <v>32009</v>
      </c>
      <c r="E11232" s="1" t="s">
        <v>43164</v>
      </c>
      <c r="F11232" s="1" t="s">
        <v>43165</v>
      </c>
      <c r="G11232" s="1" t="s">
        <v>43130</v>
      </c>
      <c r="H11232" s="1" t="s">
        <v>43131</v>
      </c>
      <c r="I11232" s="1" t="s">
        <v>41860</v>
      </c>
      <c r="J11232" s="1" t="s">
        <v>43166</v>
      </c>
    </row>
    <row r="11233" spans="1:10" x14ac:dyDescent="0.35">
      <c r="A11233" s="1" t="s">
        <v>43126</v>
      </c>
      <c r="B11233" s="1" t="s">
        <v>41854</v>
      </c>
      <c r="C11233" s="1" t="s">
        <v>65</v>
      </c>
      <c r="D11233" s="1" t="s">
        <v>43167</v>
      </c>
      <c r="E11233" s="1" t="s">
        <v>43168</v>
      </c>
      <c r="F11233" s="1" t="s">
        <v>43169</v>
      </c>
      <c r="G11233" s="1" t="s">
        <v>43130</v>
      </c>
      <c r="H11233" s="1" t="s">
        <v>43131</v>
      </c>
      <c r="I11233" s="1" t="s">
        <v>41860</v>
      </c>
      <c r="J11233" s="1" t="s">
        <v>43170</v>
      </c>
    </row>
    <row r="11234" spans="1:10" x14ac:dyDescent="0.35">
      <c r="A11234" s="1" t="s">
        <v>43126</v>
      </c>
      <c r="B11234" s="1" t="s">
        <v>41854</v>
      </c>
      <c r="C11234" s="1" t="s">
        <v>70</v>
      </c>
      <c r="D11234" s="1" t="s">
        <v>43171</v>
      </c>
      <c r="E11234" s="1" t="s">
        <v>43172</v>
      </c>
      <c r="F11234" s="1" t="s">
        <v>43173</v>
      </c>
      <c r="G11234" s="1" t="s">
        <v>43130</v>
      </c>
      <c r="H11234" s="1" t="s">
        <v>43131</v>
      </c>
      <c r="I11234" s="1" t="s">
        <v>41860</v>
      </c>
      <c r="J11234" s="1" t="s">
        <v>43174</v>
      </c>
    </row>
    <row r="11235" spans="1:10" x14ac:dyDescent="0.35">
      <c r="A11235" s="1" t="s">
        <v>43126</v>
      </c>
      <c r="B11235" s="1" t="s">
        <v>41854</v>
      </c>
      <c r="C11235" s="1" t="s">
        <v>75</v>
      </c>
      <c r="D11235" s="1" t="s">
        <v>43175</v>
      </c>
      <c r="E11235" s="1" t="s">
        <v>43176</v>
      </c>
      <c r="F11235" s="1" t="s">
        <v>43177</v>
      </c>
      <c r="G11235" s="1" t="s">
        <v>43130</v>
      </c>
      <c r="H11235" s="1" t="s">
        <v>43131</v>
      </c>
      <c r="I11235" s="1" t="s">
        <v>41860</v>
      </c>
      <c r="J11235" s="1" t="s">
        <v>43178</v>
      </c>
    </row>
    <row r="11236" spans="1:10" x14ac:dyDescent="0.35">
      <c r="A11236" s="1" t="s">
        <v>43126</v>
      </c>
      <c r="B11236" s="1" t="s">
        <v>41854</v>
      </c>
      <c r="C11236" s="1" t="s">
        <v>80</v>
      </c>
      <c r="D11236" s="1" t="s">
        <v>43179</v>
      </c>
      <c r="E11236" s="1" t="s">
        <v>43180</v>
      </c>
      <c r="F11236" s="1" t="s">
        <v>43181</v>
      </c>
      <c r="G11236" s="1" t="s">
        <v>43130</v>
      </c>
      <c r="H11236" s="1" t="s">
        <v>43131</v>
      </c>
      <c r="I11236" s="1" t="s">
        <v>41860</v>
      </c>
      <c r="J11236" s="1" t="s">
        <v>43182</v>
      </c>
    </row>
    <row r="11237" spans="1:10" x14ac:dyDescent="0.35">
      <c r="A11237" s="1" t="s">
        <v>43126</v>
      </c>
      <c r="B11237" s="1" t="s">
        <v>41854</v>
      </c>
      <c r="C11237" s="1" t="s">
        <v>85</v>
      </c>
      <c r="D11237" s="1" t="s">
        <v>43183</v>
      </c>
      <c r="E11237" s="1" t="s">
        <v>43184</v>
      </c>
      <c r="F11237" s="1" t="s">
        <v>43185</v>
      </c>
      <c r="G11237" s="1" t="s">
        <v>43130</v>
      </c>
      <c r="H11237" s="1" t="s">
        <v>43131</v>
      </c>
      <c r="I11237" s="1" t="s">
        <v>41860</v>
      </c>
      <c r="J11237" s="1" t="s">
        <v>43186</v>
      </c>
    </row>
    <row r="11238" spans="1:10" x14ac:dyDescent="0.35">
      <c r="A11238" s="1" t="s">
        <v>43126</v>
      </c>
      <c r="B11238" s="1" t="s">
        <v>41854</v>
      </c>
      <c r="C11238" s="1" t="s">
        <v>90</v>
      </c>
      <c r="D11238" s="1" t="s">
        <v>42176</v>
      </c>
      <c r="E11238" s="1" t="s">
        <v>43187</v>
      </c>
      <c r="F11238" s="1" t="s">
        <v>43188</v>
      </c>
      <c r="G11238" s="1" t="s">
        <v>43130</v>
      </c>
      <c r="H11238" s="1" t="s">
        <v>43131</v>
      </c>
      <c r="I11238" s="1" t="s">
        <v>41860</v>
      </c>
      <c r="J11238" s="1" t="s">
        <v>43189</v>
      </c>
    </row>
    <row r="11239" spans="1:10" x14ac:dyDescent="0.35">
      <c r="A11239" s="1" t="s">
        <v>43126</v>
      </c>
      <c r="B11239" s="1" t="s">
        <v>41854</v>
      </c>
      <c r="C11239" s="1" t="s">
        <v>95</v>
      </c>
      <c r="D11239" s="1" t="s">
        <v>43190</v>
      </c>
      <c r="E11239" s="1" t="s">
        <v>43191</v>
      </c>
      <c r="F11239" s="1" t="s">
        <v>43192</v>
      </c>
      <c r="G11239" s="1" t="s">
        <v>43130</v>
      </c>
      <c r="H11239" s="1" t="s">
        <v>43131</v>
      </c>
      <c r="I11239" s="1" t="s">
        <v>41860</v>
      </c>
      <c r="J11239" s="1" t="s">
        <v>43193</v>
      </c>
    </row>
    <row r="11240" spans="1:10" x14ac:dyDescent="0.35">
      <c r="A11240" s="1" t="s">
        <v>43126</v>
      </c>
      <c r="B11240" s="1" t="s">
        <v>41854</v>
      </c>
      <c r="C11240" s="1" t="s">
        <v>100</v>
      </c>
      <c r="D11240" s="1" t="s">
        <v>43194</v>
      </c>
      <c r="E11240" s="1" t="s">
        <v>43195</v>
      </c>
      <c r="F11240" s="1" t="s">
        <v>43196</v>
      </c>
      <c r="G11240" s="1" t="s">
        <v>43130</v>
      </c>
      <c r="H11240" s="1" t="s">
        <v>43131</v>
      </c>
      <c r="I11240" s="1" t="s">
        <v>41860</v>
      </c>
      <c r="J11240" s="1" t="s">
        <v>43197</v>
      </c>
    </row>
    <row r="11241" spans="1:10" x14ac:dyDescent="0.35">
      <c r="A11241" s="1" t="s">
        <v>43126</v>
      </c>
      <c r="B11241" s="1" t="s">
        <v>41854</v>
      </c>
      <c r="C11241" s="1" t="s">
        <v>105</v>
      </c>
      <c r="D11241" s="1" t="s">
        <v>33635</v>
      </c>
      <c r="E11241" s="1" t="s">
        <v>43198</v>
      </c>
      <c r="F11241" s="1" t="s">
        <v>43199</v>
      </c>
      <c r="G11241" s="1" t="s">
        <v>43130</v>
      </c>
      <c r="H11241" s="1" t="s">
        <v>43131</v>
      </c>
      <c r="I11241" s="1" t="s">
        <v>41860</v>
      </c>
      <c r="J11241" s="1" t="s">
        <v>43200</v>
      </c>
    </row>
    <row r="11242" spans="1:10" x14ac:dyDescent="0.35">
      <c r="A11242" s="1" t="s">
        <v>43126</v>
      </c>
      <c r="B11242" s="1" t="s">
        <v>41854</v>
      </c>
      <c r="C11242" s="1" t="s">
        <v>110</v>
      </c>
      <c r="D11242" s="1" t="s">
        <v>43201</v>
      </c>
      <c r="E11242" s="1" t="s">
        <v>43202</v>
      </c>
      <c r="F11242" s="1" t="s">
        <v>43203</v>
      </c>
      <c r="G11242" s="1" t="s">
        <v>43130</v>
      </c>
      <c r="H11242" s="1" t="s">
        <v>43131</v>
      </c>
      <c r="I11242" s="1" t="s">
        <v>41860</v>
      </c>
      <c r="J11242" s="1" t="s">
        <v>43204</v>
      </c>
    </row>
    <row r="11243" spans="1:10" x14ac:dyDescent="0.35">
      <c r="A11243" s="1" t="s">
        <v>43126</v>
      </c>
      <c r="B11243" s="1" t="s">
        <v>41854</v>
      </c>
      <c r="C11243" s="1" t="s">
        <v>115</v>
      </c>
      <c r="D11243" s="1" t="s">
        <v>43205</v>
      </c>
      <c r="E11243" s="1" t="s">
        <v>43206</v>
      </c>
      <c r="F11243" s="1" t="s">
        <v>43207</v>
      </c>
      <c r="G11243" s="1" t="s">
        <v>43130</v>
      </c>
      <c r="H11243" s="1" t="s">
        <v>43131</v>
      </c>
      <c r="I11243" s="1" t="s">
        <v>41860</v>
      </c>
      <c r="J11243" s="1" t="s">
        <v>43208</v>
      </c>
    </row>
    <row r="11244" spans="1:10" x14ac:dyDescent="0.35">
      <c r="A11244" s="1" t="s">
        <v>43126</v>
      </c>
      <c r="B11244" s="1" t="s">
        <v>41854</v>
      </c>
      <c r="C11244" s="1" t="s">
        <v>120</v>
      </c>
      <c r="D11244" s="1" t="s">
        <v>43209</v>
      </c>
      <c r="E11244" s="1" t="s">
        <v>43210</v>
      </c>
      <c r="F11244" s="1" t="s">
        <v>43211</v>
      </c>
      <c r="G11244" s="1" t="s">
        <v>43130</v>
      </c>
      <c r="H11244" s="1" t="s">
        <v>43131</v>
      </c>
      <c r="I11244" s="1" t="s">
        <v>41860</v>
      </c>
      <c r="J11244" s="1" t="s">
        <v>43212</v>
      </c>
    </row>
    <row r="11245" spans="1:10" x14ac:dyDescent="0.35">
      <c r="A11245" s="1" t="s">
        <v>43126</v>
      </c>
      <c r="B11245" s="1" t="s">
        <v>41854</v>
      </c>
      <c r="C11245" s="1" t="s">
        <v>125</v>
      </c>
      <c r="D11245" s="1" t="s">
        <v>33761</v>
      </c>
      <c r="E11245" s="1" t="s">
        <v>43213</v>
      </c>
      <c r="F11245" s="1" t="s">
        <v>43214</v>
      </c>
      <c r="G11245" s="1" t="s">
        <v>43130</v>
      </c>
      <c r="H11245" s="1" t="s">
        <v>43131</v>
      </c>
      <c r="I11245" s="1" t="s">
        <v>41860</v>
      </c>
      <c r="J11245" s="1" t="s">
        <v>43215</v>
      </c>
    </row>
    <row r="11246" spans="1:10" x14ac:dyDescent="0.35">
      <c r="A11246" s="1" t="s">
        <v>43126</v>
      </c>
      <c r="B11246" s="1" t="s">
        <v>41854</v>
      </c>
      <c r="C11246" s="1" t="s">
        <v>130</v>
      </c>
      <c r="D11246" s="1" t="s">
        <v>43216</v>
      </c>
      <c r="E11246" s="1" t="s">
        <v>43217</v>
      </c>
      <c r="F11246" s="1" t="s">
        <v>43218</v>
      </c>
      <c r="G11246" s="1" t="s">
        <v>43130</v>
      </c>
      <c r="H11246" s="1" t="s">
        <v>43131</v>
      </c>
      <c r="I11246" s="1" t="s">
        <v>41860</v>
      </c>
      <c r="J11246" s="1" t="s">
        <v>43219</v>
      </c>
    </row>
    <row r="11247" spans="1:10" x14ac:dyDescent="0.35">
      <c r="A11247" s="1" t="s">
        <v>43126</v>
      </c>
      <c r="B11247" s="1" t="s">
        <v>41854</v>
      </c>
      <c r="C11247" s="1" t="s">
        <v>135</v>
      </c>
      <c r="D11247" s="1" t="s">
        <v>43220</v>
      </c>
      <c r="E11247" s="1" t="s">
        <v>43221</v>
      </c>
      <c r="F11247" s="1" t="s">
        <v>43222</v>
      </c>
      <c r="G11247" s="1" t="s">
        <v>43130</v>
      </c>
      <c r="H11247" s="1" t="s">
        <v>43131</v>
      </c>
      <c r="I11247" s="1" t="s">
        <v>41860</v>
      </c>
      <c r="J11247" s="1" t="s">
        <v>43223</v>
      </c>
    </row>
    <row r="11248" spans="1:10" x14ac:dyDescent="0.35">
      <c r="A11248" s="1" t="s">
        <v>43126</v>
      </c>
      <c r="B11248" s="1" t="s">
        <v>41854</v>
      </c>
      <c r="C11248" s="1" t="s">
        <v>140</v>
      </c>
      <c r="D11248" s="1" t="s">
        <v>43224</v>
      </c>
      <c r="E11248" s="1" t="s">
        <v>43225</v>
      </c>
      <c r="F11248" s="1" t="s">
        <v>43226</v>
      </c>
      <c r="G11248" s="1" t="s">
        <v>43130</v>
      </c>
      <c r="H11248" s="1" t="s">
        <v>43131</v>
      </c>
      <c r="I11248" s="1" t="s">
        <v>41860</v>
      </c>
      <c r="J11248" s="1" t="s">
        <v>43227</v>
      </c>
    </row>
    <row r="11249" spans="1:10" x14ac:dyDescent="0.35">
      <c r="A11249" s="1" t="s">
        <v>43126</v>
      </c>
      <c r="B11249" s="1" t="s">
        <v>41854</v>
      </c>
      <c r="C11249" s="1" t="s">
        <v>145</v>
      </c>
      <c r="D11249" s="1" t="s">
        <v>43228</v>
      </c>
      <c r="E11249" s="1" t="s">
        <v>43229</v>
      </c>
      <c r="F11249" s="1" t="s">
        <v>43230</v>
      </c>
      <c r="G11249" s="1" t="s">
        <v>43130</v>
      </c>
      <c r="H11249" s="1" t="s">
        <v>43131</v>
      </c>
      <c r="I11249" s="1" t="s">
        <v>41860</v>
      </c>
      <c r="J11249" s="1" t="s">
        <v>43231</v>
      </c>
    </row>
    <row r="11250" spans="1:10" x14ac:dyDescent="0.35">
      <c r="A11250" s="1" t="s">
        <v>43126</v>
      </c>
      <c r="B11250" s="1" t="s">
        <v>41854</v>
      </c>
      <c r="C11250" s="1" t="s">
        <v>150</v>
      </c>
      <c r="D11250" s="1" t="s">
        <v>38009</v>
      </c>
      <c r="E11250" s="1" t="s">
        <v>43232</v>
      </c>
      <c r="F11250" s="1" t="s">
        <v>43233</v>
      </c>
      <c r="G11250" s="1" t="s">
        <v>43130</v>
      </c>
      <c r="H11250" s="1" t="s">
        <v>43131</v>
      </c>
      <c r="I11250" s="1" t="s">
        <v>41860</v>
      </c>
      <c r="J11250" s="1" t="s">
        <v>43234</v>
      </c>
    </row>
    <row r="11251" spans="1:10" x14ac:dyDescent="0.35">
      <c r="A11251" s="1" t="s">
        <v>43126</v>
      </c>
      <c r="B11251" s="1" t="s">
        <v>41854</v>
      </c>
      <c r="C11251" s="1" t="s">
        <v>155</v>
      </c>
      <c r="D11251" s="1" t="s">
        <v>19171</v>
      </c>
      <c r="E11251" s="1" t="s">
        <v>43235</v>
      </c>
      <c r="F11251" s="1" t="s">
        <v>43236</v>
      </c>
      <c r="G11251" s="1" t="s">
        <v>43130</v>
      </c>
      <c r="H11251" s="1" t="s">
        <v>43131</v>
      </c>
      <c r="I11251" s="1" t="s">
        <v>41860</v>
      </c>
      <c r="J11251" s="1" t="s">
        <v>43237</v>
      </c>
    </row>
    <row r="11252" spans="1:10" x14ac:dyDescent="0.35">
      <c r="A11252" s="1" t="s">
        <v>43126</v>
      </c>
      <c r="B11252" s="1" t="s">
        <v>41854</v>
      </c>
      <c r="C11252" s="1" t="s">
        <v>160</v>
      </c>
      <c r="D11252" s="1" t="s">
        <v>43238</v>
      </c>
      <c r="E11252" s="1" t="s">
        <v>43239</v>
      </c>
      <c r="F11252" s="1" t="s">
        <v>43240</v>
      </c>
      <c r="G11252" s="1" t="s">
        <v>43130</v>
      </c>
      <c r="H11252" s="1" t="s">
        <v>43131</v>
      </c>
      <c r="I11252" s="1" t="s">
        <v>41860</v>
      </c>
      <c r="J11252" s="1" t="s">
        <v>43241</v>
      </c>
    </row>
    <row r="11253" spans="1:10" x14ac:dyDescent="0.35">
      <c r="A11253" s="1" t="s">
        <v>43126</v>
      </c>
      <c r="B11253" s="1" t="s">
        <v>41854</v>
      </c>
      <c r="C11253" s="1" t="s">
        <v>165</v>
      </c>
      <c r="D11253" s="1" t="s">
        <v>43242</v>
      </c>
      <c r="E11253" s="1" t="s">
        <v>43243</v>
      </c>
      <c r="F11253" s="1" t="s">
        <v>43244</v>
      </c>
      <c r="G11253" s="1" t="s">
        <v>43130</v>
      </c>
      <c r="H11253" s="1" t="s">
        <v>43131</v>
      </c>
      <c r="I11253" s="1" t="s">
        <v>41860</v>
      </c>
      <c r="J11253" s="1" t="s">
        <v>43245</v>
      </c>
    </row>
    <row r="11254" spans="1:10" x14ac:dyDescent="0.35">
      <c r="A11254" s="1" t="s">
        <v>43126</v>
      </c>
      <c r="B11254" s="1" t="s">
        <v>41854</v>
      </c>
      <c r="C11254" s="1" t="s">
        <v>170</v>
      </c>
      <c r="D11254" s="1" t="s">
        <v>14422</v>
      </c>
      <c r="E11254" s="1" t="s">
        <v>43246</v>
      </c>
      <c r="F11254" s="1" t="s">
        <v>43247</v>
      </c>
      <c r="G11254" s="1" t="s">
        <v>43130</v>
      </c>
      <c r="H11254" s="1" t="s">
        <v>43131</v>
      </c>
      <c r="I11254" s="1" t="s">
        <v>41860</v>
      </c>
      <c r="J11254" s="1" t="s">
        <v>43248</v>
      </c>
    </row>
    <row r="11255" spans="1:10" x14ac:dyDescent="0.35">
      <c r="A11255" s="1" t="s">
        <v>43249</v>
      </c>
      <c r="B11255" s="1" t="s">
        <v>41854</v>
      </c>
      <c r="C11255" s="1" t="s">
        <v>8</v>
      </c>
      <c r="D11255" s="1" t="s">
        <v>43250</v>
      </c>
      <c r="E11255" s="1" t="s">
        <v>43251</v>
      </c>
      <c r="F11255" s="1" t="s">
        <v>43252</v>
      </c>
      <c r="G11255" s="1" t="s">
        <v>43253</v>
      </c>
      <c r="H11255" s="1" t="s">
        <v>43254</v>
      </c>
      <c r="I11255" s="1" t="s">
        <v>41860</v>
      </c>
      <c r="J11255" s="1" t="s">
        <v>13</v>
      </c>
    </row>
    <row r="11256" spans="1:10" x14ac:dyDescent="0.35">
      <c r="A11256" s="1" t="s">
        <v>43249</v>
      </c>
      <c r="B11256" s="1" t="s">
        <v>41854</v>
      </c>
      <c r="C11256" s="1" t="s">
        <v>15</v>
      </c>
      <c r="D11256" s="1" t="s">
        <v>43255</v>
      </c>
      <c r="E11256" s="1" t="s">
        <v>43256</v>
      </c>
      <c r="F11256" s="1" t="s">
        <v>43257</v>
      </c>
      <c r="G11256" s="1" t="s">
        <v>43253</v>
      </c>
      <c r="H11256" s="1" t="s">
        <v>43254</v>
      </c>
      <c r="I11256" s="1" t="s">
        <v>41860</v>
      </c>
      <c r="J11256" s="1" t="s">
        <v>43258</v>
      </c>
    </row>
    <row r="11257" spans="1:10" x14ac:dyDescent="0.35">
      <c r="A11257" s="1" t="s">
        <v>43249</v>
      </c>
      <c r="B11257" s="1" t="s">
        <v>41854</v>
      </c>
      <c r="C11257" s="1" t="s">
        <v>20</v>
      </c>
      <c r="D11257" s="1" t="s">
        <v>43259</v>
      </c>
      <c r="E11257" s="1" t="s">
        <v>43260</v>
      </c>
      <c r="F11257" s="1" t="s">
        <v>43261</v>
      </c>
      <c r="G11257" s="1" t="s">
        <v>43253</v>
      </c>
      <c r="H11257" s="1" t="s">
        <v>43254</v>
      </c>
      <c r="I11257" s="1" t="s">
        <v>41860</v>
      </c>
      <c r="J11257" s="1" t="s">
        <v>43262</v>
      </c>
    </row>
    <row r="11258" spans="1:10" x14ac:dyDescent="0.35">
      <c r="A11258" s="1" t="s">
        <v>43249</v>
      </c>
      <c r="B11258" s="1" t="s">
        <v>41854</v>
      </c>
      <c r="C11258" s="1" t="s">
        <v>25</v>
      </c>
      <c r="D11258" s="1" t="s">
        <v>91</v>
      </c>
      <c r="E11258" s="1" t="s">
        <v>43263</v>
      </c>
      <c r="F11258" s="1" t="s">
        <v>43264</v>
      </c>
      <c r="G11258" s="1" t="s">
        <v>43253</v>
      </c>
      <c r="H11258" s="1" t="s">
        <v>43254</v>
      </c>
      <c r="I11258" s="1" t="s">
        <v>41860</v>
      </c>
      <c r="J11258" s="1" t="s">
        <v>43265</v>
      </c>
    </row>
    <row r="11259" spans="1:10" x14ac:dyDescent="0.35">
      <c r="A11259" s="1" t="s">
        <v>43249</v>
      </c>
      <c r="B11259" s="1" t="s">
        <v>41854</v>
      </c>
      <c r="C11259" s="1" t="s">
        <v>30</v>
      </c>
      <c r="D11259" s="1" t="s">
        <v>43266</v>
      </c>
      <c r="E11259" s="1" t="s">
        <v>43267</v>
      </c>
      <c r="F11259" s="1" t="s">
        <v>43268</v>
      </c>
      <c r="G11259" s="1" t="s">
        <v>43253</v>
      </c>
      <c r="H11259" s="1" t="s">
        <v>43254</v>
      </c>
      <c r="I11259" s="1" t="s">
        <v>41860</v>
      </c>
      <c r="J11259" s="1" t="s">
        <v>43269</v>
      </c>
    </row>
    <row r="11260" spans="1:10" x14ac:dyDescent="0.35">
      <c r="A11260" s="1" t="s">
        <v>43249</v>
      </c>
      <c r="B11260" s="1" t="s">
        <v>41854</v>
      </c>
      <c r="C11260" s="1" t="s">
        <v>35</v>
      </c>
      <c r="D11260" s="1" t="s">
        <v>43270</v>
      </c>
      <c r="E11260" s="1" t="s">
        <v>43271</v>
      </c>
      <c r="F11260" s="1" t="s">
        <v>43272</v>
      </c>
      <c r="G11260" s="1" t="s">
        <v>43253</v>
      </c>
      <c r="H11260" s="1" t="s">
        <v>43254</v>
      </c>
      <c r="I11260" s="1" t="s">
        <v>41860</v>
      </c>
      <c r="J11260" s="1" t="s">
        <v>43273</v>
      </c>
    </row>
    <row r="11261" spans="1:10" x14ac:dyDescent="0.35">
      <c r="A11261" s="1" t="s">
        <v>43249</v>
      </c>
      <c r="B11261" s="1" t="s">
        <v>41854</v>
      </c>
      <c r="C11261" s="1" t="s">
        <v>40</v>
      </c>
      <c r="D11261" s="1" t="s">
        <v>43274</v>
      </c>
      <c r="E11261" s="1" t="s">
        <v>43275</v>
      </c>
      <c r="F11261" s="1" t="s">
        <v>43276</v>
      </c>
      <c r="G11261" s="1" t="s">
        <v>43253</v>
      </c>
      <c r="H11261" s="1" t="s">
        <v>43254</v>
      </c>
      <c r="I11261" s="1" t="s">
        <v>41860</v>
      </c>
      <c r="J11261" s="1" t="s">
        <v>43277</v>
      </c>
    </row>
    <row r="11262" spans="1:10" x14ac:dyDescent="0.35">
      <c r="A11262" s="1" t="s">
        <v>43249</v>
      </c>
      <c r="B11262" s="1" t="s">
        <v>41854</v>
      </c>
      <c r="C11262" s="1" t="s">
        <v>45</v>
      </c>
      <c r="D11262" s="1" t="s">
        <v>18002</v>
      </c>
      <c r="E11262" s="1" t="s">
        <v>43278</v>
      </c>
      <c r="F11262" s="1" t="s">
        <v>43279</v>
      </c>
      <c r="G11262" s="1" t="s">
        <v>43253</v>
      </c>
      <c r="H11262" s="1" t="s">
        <v>43254</v>
      </c>
      <c r="I11262" s="1" t="s">
        <v>41860</v>
      </c>
      <c r="J11262" s="1" t="s">
        <v>43280</v>
      </c>
    </row>
    <row r="11263" spans="1:10" x14ac:dyDescent="0.35">
      <c r="A11263" s="1" t="s">
        <v>43249</v>
      </c>
      <c r="B11263" s="1" t="s">
        <v>41854</v>
      </c>
      <c r="C11263" s="1" t="s">
        <v>50</v>
      </c>
      <c r="D11263" s="1" t="s">
        <v>43281</v>
      </c>
      <c r="E11263" s="1" t="s">
        <v>43282</v>
      </c>
      <c r="F11263" s="1" t="s">
        <v>43283</v>
      </c>
      <c r="G11263" s="1" t="s">
        <v>43253</v>
      </c>
      <c r="H11263" s="1" t="s">
        <v>43254</v>
      </c>
      <c r="I11263" s="1" t="s">
        <v>41860</v>
      </c>
      <c r="J11263" s="1" t="s">
        <v>43284</v>
      </c>
    </row>
    <row r="11264" spans="1:10" x14ac:dyDescent="0.35">
      <c r="A11264" s="1" t="s">
        <v>43249</v>
      </c>
      <c r="B11264" s="1" t="s">
        <v>41854</v>
      </c>
      <c r="C11264" s="1" t="s">
        <v>55</v>
      </c>
      <c r="D11264" s="1" t="s">
        <v>43285</v>
      </c>
      <c r="E11264" s="1" t="s">
        <v>43286</v>
      </c>
      <c r="F11264" s="1" t="s">
        <v>43287</v>
      </c>
      <c r="G11264" s="1" t="s">
        <v>43253</v>
      </c>
      <c r="H11264" s="1" t="s">
        <v>43254</v>
      </c>
      <c r="I11264" s="1" t="s">
        <v>41860</v>
      </c>
      <c r="J11264" s="1" t="s">
        <v>43288</v>
      </c>
    </row>
    <row r="11265" spans="1:10" x14ac:dyDescent="0.35">
      <c r="A11265" s="1" t="s">
        <v>43249</v>
      </c>
      <c r="B11265" s="1" t="s">
        <v>41854</v>
      </c>
      <c r="C11265" s="1" t="s">
        <v>60</v>
      </c>
      <c r="D11265" s="1" t="s">
        <v>43289</v>
      </c>
      <c r="E11265" s="1" t="s">
        <v>43290</v>
      </c>
      <c r="F11265" s="1" t="s">
        <v>43291</v>
      </c>
      <c r="G11265" s="1" t="s">
        <v>43253</v>
      </c>
      <c r="H11265" s="1" t="s">
        <v>43254</v>
      </c>
      <c r="I11265" s="1" t="s">
        <v>41860</v>
      </c>
      <c r="J11265" s="1" t="s">
        <v>43292</v>
      </c>
    </row>
    <row r="11266" spans="1:10" x14ac:dyDescent="0.35">
      <c r="A11266" s="1" t="s">
        <v>43249</v>
      </c>
      <c r="B11266" s="1" t="s">
        <v>41854</v>
      </c>
      <c r="C11266" s="1" t="s">
        <v>65</v>
      </c>
      <c r="D11266" s="1" t="s">
        <v>43293</v>
      </c>
      <c r="E11266" s="1" t="s">
        <v>43294</v>
      </c>
      <c r="F11266" s="1" t="s">
        <v>43295</v>
      </c>
      <c r="G11266" s="1" t="s">
        <v>43253</v>
      </c>
      <c r="H11266" s="1" t="s">
        <v>43254</v>
      </c>
      <c r="I11266" s="1" t="s">
        <v>41860</v>
      </c>
      <c r="J11266" s="1" t="s">
        <v>43296</v>
      </c>
    </row>
    <row r="11267" spans="1:10" x14ac:dyDescent="0.35">
      <c r="A11267" s="1" t="s">
        <v>43249</v>
      </c>
      <c r="B11267" s="1" t="s">
        <v>41854</v>
      </c>
      <c r="C11267" s="1" t="s">
        <v>70</v>
      </c>
      <c r="D11267" s="1" t="s">
        <v>43297</v>
      </c>
      <c r="E11267" s="1" t="s">
        <v>43298</v>
      </c>
      <c r="F11267" s="1" t="s">
        <v>43299</v>
      </c>
      <c r="G11267" s="1" t="s">
        <v>43253</v>
      </c>
      <c r="H11267" s="1" t="s">
        <v>43254</v>
      </c>
      <c r="I11267" s="1" t="s">
        <v>41860</v>
      </c>
      <c r="J11267" s="1" t="s">
        <v>43300</v>
      </c>
    </row>
    <row r="11268" spans="1:10" x14ac:dyDescent="0.35">
      <c r="A11268" s="1" t="s">
        <v>43249</v>
      </c>
      <c r="B11268" s="1" t="s">
        <v>41854</v>
      </c>
      <c r="C11268" s="1" t="s">
        <v>75</v>
      </c>
      <c r="D11268" s="1" t="s">
        <v>3846</v>
      </c>
      <c r="E11268" s="1" t="s">
        <v>43301</v>
      </c>
      <c r="F11268" s="1" t="s">
        <v>43302</v>
      </c>
      <c r="G11268" s="1" t="s">
        <v>43253</v>
      </c>
      <c r="H11268" s="1" t="s">
        <v>43254</v>
      </c>
      <c r="I11268" s="1" t="s">
        <v>41860</v>
      </c>
      <c r="J11268" s="1" t="s">
        <v>43303</v>
      </c>
    </row>
    <row r="11269" spans="1:10" x14ac:dyDescent="0.35">
      <c r="A11269" s="1" t="s">
        <v>43249</v>
      </c>
      <c r="B11269" s="1" t="s">
        <v>41854</v>
      </c>
      <c r="C11269" s="1" t="s">
        <v>80</v>
      </c>
      <c r="D11269" s="1" t="s">
        <v>43304</v>
      </c>
      <c r="E11269" s="1" t="s">
        <v>43305</v>
      </c>
      <c r="F11269" s="1" t="s">
        <v>43306</v>
      </c>
      <c r="G11269" s="1" t="s">
        <v>43253</v>
      </c>
      <c r="H11269" s="1" t="s">
        <v>43254</v>
      </c>
      <c r="I11269" s="1" t="s">
        <v>41860</v>
      </c>
      <c r="J11269" s="1" t="s">
        <v>43307</v>
      </c>
    </row>
    <row r="11270" spans="1:10" x14ac:dyDescent="0.35">
      <c r="A11270" s="1" t="s">
        <v>43249</v>
      </c>
      <c r="B11270" s="1" t="s">
        <v>41854</v>
      </c>
      <c r="C11270" s="1" t="s">
        <v>85</v>
      </c>
      <c r="D11270" s="1" t="s">
        <v>43308</v>
      </c>
      <c r="E11270" s="1" t="s">
        <v>43309</v>
      </c>
      <c r="F11270" s="1" t="s">
        <v>43310</v>
      </c>
      <c r="G11270" s="1" t="s">
        <v>43253</v>
      </c>
      <c r="H11270" s="1" t="s">
        <v>43254</v>
      </c>
      <c r="I11270" s="1" t="s">
        <v>41860</v>
      </c>
      <c r="J11270" s="1" t="s">
        <v>43311</v>
      </c>
    </row>
    <row r="11271" spans="1:10" x14ac:dyDescent="0.35">
      <c r="A11271" s="1" t="s">
        <v>43249</v>
      </c>
      <c r="B11271" s="1" t="s">
        <v>41854</v>
      </c>
      <c r="C11271" s="1" t="s">
        <v>90</v>
      </c>
      <c r="D11271" s="1" t="s">
        <v>43312</v>
      </c>
      <c r="E11271" s="1" t="s">
        <v>43313</v>
      </c>
      <c r="F11271" s="1" t="s">
        <v>43314</v>
      </c>
      <c r="G11271" s="1" t="s">
        <v>43253</v>
      </c>
      <c r="H11271" s="1" t="s">
        <v>43254</v>
      </c>
      <c r="I11271" s="1" t="s">
        <v>41860</v>
      </c>
      <c r="J11271" s="1" t="s">
        <v>43315</v>
      </c>
    </row>
    <row r="11272" spans="1:10" x14ac:dyDescent="0.35">
      <c r="A11272" s="1" t="s">
        <v>43249</v>
      </c>
      <c r="B11272" s="1" t="s">
        <v>41854</v>
      </c>
      <c r="C11272" s="1" t="s">
        <v>95</v>
      </c>
      <c r="D11272" s="1" t="s">
        <v>43316</v>
      </c>
      <c r="E11272" s="1" t="s">
        <v>43317</v>
      </c>
      <c r="F11272" s="1" t="s">
        <v>43318</v>
      </c>
      <c r="G11272" s="1" t="s">
        <v>43253</v>
      </c>
      <c r="H11272" s="1" t="s">
        <v>43254</v>
      </c>
      <c r="I11272" s="1" t="s">
        <v>41860</v>
      </c>
      <c r="J11272" s="1" t="s">
        <v>43319</v>
      </c>
    </row>
    <row r="11273" spans="1:10" x14ac:dyDescent="0.35">
      <c r="A11273" s="1" t="s">
        <v>43249</v>
      </c>
      <c r="B11273" s="1" t="s">
        <v>41854</v>
      </c>
      <c r="C11273" s="1" t="s">
        <v>100</v>
      </c>
      <c r="D11273" s="1" t="s">
        <v>43320</v>
      </c>
      <c r="E11273" s="1" t="s">
        <v>43321</v>
      </c>
      <c r="F11273" s="1" t="s">
        <v>43322</v>
      </c>
      <c r="G11273" s="1" t="s">
        <v>43253</v>
      </c>
      <c r="H11273" s="1" t="s">
        <v>43254</v>
      </c>
      <c r="I11273" s="1" t="s">
        <v>41860</v>
      </c>
      <c r="J11273" s="1" t="s">
        <v>43323</v>
      </c>
    </row>
    <row r="11274" spans="1:10" x14ac:dyDescent="0.35">
      <c r="A11274" s="1" t="s">
        <v>43249</v>
      </c>
      <c r="B11274" s="1" t="s">
        <v>41854</v>
      </c>
      <c r="C11274" s="1" t="s">
        <v>105</v>
      </c>
      <c r="D11274" s="1" t="s">
        <v>43324</v>
      </c>
      <c r="E11274" s="1" t="s">
        <v>43325</v>
      </c>
      <c r="F11274" s="1" t="s">
        <v>43326</v>
      </c>
      <c r="G11274" s="1" t="s">
        <v>43253</v>
      </c>
      <c r="H11274" s="1" t="s">
        <v>43254</v>
      </c>
      <c r="I11274" s="1" t="s">
        <v>41860</v>
      </c>
      <c r="J11274" s="1" t="s">
        <v>43327</v>
      </c>
    </row>
    <row r="11275" spans="1:10" x14ac:dyDescent="0.35">
      <c r="A11275" s="1" t="s">
        <v>43249</v>
      </c>
      <c r="B11275" s="1" t="s">
        <v>41854</v>
      </c>
      <c r="C11275" s="1" t="s">
        <v>110</v>
      </c>
      <c r="D11275" s="1" t="s">
        <v>43328</v>
      </c>
      <c r="E11275" s="1" t="s">
        <v>43329</v>
      </c>
      <c r="F11275" s="1" t="s">
        <v>43330</v>
      </c>
      <c r="G11275" s="1" t="s">
        <v>43253</v>
      </c>
      <c r="H11275" s="1" t="s">
        <v>43254</v>
      </c>
      <c r="I11275" s="1" t="s">
        <v>41860</v>
      </c>
      <c r="J11275" s="1" t="s">
        <v>43331</v>
      </c>
    </row>
    <row r="11276" spans="1:10" x14ac:dyDescent="0.35">
      <c r="A11276" s="1" t="s">
        <v>43249</v>
      </c>
      <c r="B11276" s="1" t="s">
        <v>41854</v>
      </c>
      <c r="C11276" s="1" t="s">
        <v>115</v>
      </c>
      <c r="D11276" s="1" t="s">
        <v>43332</v>
      </c>
      <c r="E11276" s="1" t="s">
        <v>43333</v>
      </c>
      <c r="F11276" s="1" t="s">
        <v>43334</v>
      </c>
      <c r="G11276" s="1" t="s">
        <v>43253</v>
      </c>
      <c r="H11276" s="1" t="s">
        <v>43254</v>
      </c>
      <c r="I11276" s="1" t="s">
        <v>41860</v>
      </c>
      <c r="J11276" s="1" t="s">
        <v>43335</v>
      </c>
    </row>
    <row r="11277" spans="1:10" x14ac:dyDescent="0.35">
      <c r="A11277" s="1" t="s">
        <v>43249</v>
      </c>
      <c r="B11277" s="1" t="s">
        <v>41854</v>
      </c>
      <c r="C11277" s="1" t="s">
        <v>120</v>
      </c>
      <c r="D11277" s="1" t="s">
        <v>43336</v>
      </c>
      <c r="E11277" s="1" t="s">
        <v>43337</v>
      </c>
      <c r="F11277" s="1" t="s">
        <v>43338</v>
      </c>
      <c r="G11277" s="1" t="s">
        <v>43253</v>
      </c>
      <c r="H11277" s="1" t="s">
        <v>43254</v>
      </c>
      <c r="I11277" s="1" t="s">
        <v>41860</v>
      </c>
      <c r="J11277" s="1" t="s">
        <v>43339</v>
      </c>
    </row>
    <row r="11278" spans="1:10" x14ac:dyDescent="0.35">
      <c r="A11278" s="1" t="s">
        <v>43249</v>
      </c>
      <c r="B11278" s="1" t="s">
        <v>41854</v>
      </c>
      <c r="C11278" s="1" t="s">
        <v>125</v>
      </c>
      <c r="D11278" s="1" t="s">
        <v>43340</v>
      </c>
      <c r="E11278" s="1" t="s">
        <v>43341</v>
      </c>
      <c r="F11278" s="1" t="s">
        <v>43342</v>
      </c>
      <c r="G11278" s="1" t="s">
        <v>43253</v>
      </c>
      <c r="H11278" s="1" t="s">
        <v>43254</v>
      </c>
      <c r="I11278" s="1" t="s">
        <v>41860</v>
      </c>
      <c r="J11278" s="1" t="s">
        <v>43343</v>
      </c>
    </row>
    <row r="11279" spans="1:10" x14ac:dyDescent="0.35">
      <c r="A11279" s="1" t="s">
        <v>43249</v>
      </c>
      <c r="B11279" s="1" t="s">
        <v>41854</v>
      </c>
      <c r="C11279" s="1" t="s">
        <v>130</v>
      </c>
      <c r="D11279" s="1" t="s">
        <v>36904</v>
      </c>
      <c r="E11279" s="1" t="s">
        <v>43344</v>
      </c>
      <c r="F11279" s="1" t="s">
        <v>43345</v>
      </c>
      <c r="G11279" s="1" t="s">
        <v>43253</v>
      </c>
      <c r="H11279" s="1" t="s">
        <v>43254</v>
      </c>
      <c r="I11279" s="1" t="s">
        <v>41860</v>
      </c>
      <c r="J11279" s="1" t="s">
        <v>43346</v>
      </c>
    </row>
    <row r="11280" spans="1:10" x14ac:dyDescent="0.35">
      <c r="A11280" s="1" t="s">
        <v>43249</v>
      </c>
      <c r="B11280" s="1" t="s">
        <v>41854</v>
      </c>
      <c r="C11280" s="1" t="s">
        <v>135</v>
      </c>
      <c r="D11280" s="1" t="s">
        <v>2545</v>
      </c>
      <c r="E11280" s="1" t="s">
        <v>43347</v>
      </c>
      <c r="F11280" s="1" t="s">
        <v>43348</v>
      </c>
      <c r="G11280" s="1" t="s">
        <v>43253</v>
      </c>
      <c r="H11280" s="1" t="s">
        <v>43254</v>
      </c>
      <c r="I11280" s="1" t="s">
        <v>41860</v>
      </c>
      <c r="J11280" s="1" t="s">
        <v>43349</v>
      </c>
    </row>
    <row r="11281" spans="1:10" x14ac:dyDescent="0.35">
      <c r="A11281" s="1" t="s">
        <v>43249</v>
      </c>
      <c r="B11281" s="1" t="s">
        <v>41854</v>
      </c>
      <c r="C11281" s="1" t="s">
        <v>140</v>
      </c>
      <c r="D11281" s="1" t="s">
        <v>43350</v>
      </c>
      <c r="E11281" s="1" t="s">
        <v>43351</v>
      </c>
      <c r="F11281" s="1" t="s">
        <v>43352</v>
      </c>
      <c r="G11281" s="1" t="s">
        <v>43253</v>
      </c>
      <c r="H11281" s="1" t="s">
        <v>43254</v>
      </c>
      <c r="I11281" s="1" t="s">
        <v>41860</v>
      </c>
      <c r="J11281" s="1" t="s">
        <v>43353</v>
      </c>
    </row>
    <row r="11282" spans="1:10" x14ac:dyDescent="0.35">
      <c r="A11282" s="1" t="s">
        <v>43249</v>
      </c>
      <c r="B11282" s="1" t="s">
        <v>41854</v>
      </c>
      <c r="C11282" s="1" t="s">
        <v>145</v>
      </c>
      <c r="D11282" s="1" t="s">
        <v>43354</v>
      </c>
      <c r="E11282" s="1" t="s">
        <v>43355</v>
      </c>
      <c r="F11282" s="1" t="s">
        <v>43356</v>
      </c>
      <c r="G11282" s="1" t="s">
        <v>43253</v>
      </c>
      <c r="H11282" s="1" t="s">
        <v>43254</v>
      </c>
      <c r="I11282" s="1" t="s">
        <v>41860</v>
      </c>
      <c r="J11282" s="1" t="s">
        <v>43357</v>
      </c>
    </row>
    <row r="11283" spans="1:10" x14ac:dyDescent="0.35">
      <c r="A11283" s="1" t="s">
        <v>43249</v>
      </c>
      <c r="B11283" s="1" t="s">
        <v>41854</v>
      </c>
      <c r="C11283" s="1" t="s">
        <v>150</v>
      </c>
      <c r="D11283" s="1" t="s">
        <v>43358</v>
      </c>
      <c r="E11283" s="1" t="s">
        <v>43359</v>
      </c>
      <c r="F11283" s="1" t="s">
        <v>43360</v>
      </c>
      <c r="G11283" s="1" t="s">
        <v>43253</v>
      </c>
      <c r="H11283" s="1" t="s">
        <v>43254</v>
      </c>
      <c r="I11283" s="1" t="s">
        <v>41860</v>
      </c>
      <c r="J11283" s="1" t="s">
        <v>43361</v>
      </c>
    </row>
    <row r="11284" spans="1:10" x14ac:dyDescent="0.35">
      <c r="A11284" s="1" t="s">
        <v>43249</v>
      </c>
      <c r="B11284" s="1" t="s">
        <v>41854</v>
      </c>
      <c r="C11284" s="1" t="s">
        <v>155</v>
      </c>
      <c r="D11284" s="1" t="s">
        <v>43362</v>
      </c>
      <c r="E11284" s="1" t="s">
        <v>43363</v>
      </c>
      <c r="F11284" s="1" t="s">
        <v>43364</v>
      </c>
      <c r="G11284" s="1" t="s">
        <v>43253</v>
      </c>
      <c r="H11284" s="1" t="s">
        <v>43254</v>
      </c>
      <c r="I11284" s="1" t="s">
        <v>41860</v>
      </c>
      <c r="J11284" s="1" t="s">
        <v>43365</v>
      </c>
    </row>
    <row r="11285" spans="1:10" x14ac:dyDescent="0.35">
      <c r="A11285" s="1" t="s">
        <v>43249</v>
      </c>
      <c r="B11285" s="1" t="s">
        <v>41854</v>
      </c>
      <c r="C11285" s="1" t="s">
        <v>160</v>
      </c>
      <c r="D11285" s="1" t="s">
        <v>43366</v>
      </c>
      <c r="E11285" s="1" t="s">
        <v>43367</v>
      </c>
      <c r="F11285" s="1" t="s">
        <v>43368</v>
      </c>
      <c r="G11285" s="1" t="s">
        <v>43253</v>
      </c>
      <c r="H11285" s="1" t="s">
        <v>43254</v>
      </c>
      <c r="I11285" s="1" t="s">
        <v>41860</v>
      </c>
      <c r="J11285" s="1" t="s">
        <v>43369</v>
      </c>
    </row>
    <row r="11286" spans="1:10" x14ac:dyDescent="0.35">
      <c r="A11286" s="1" t="s">
        <v>43249</v>
      </c>
      <c r="B11286" s="1" t="s">
        <v>41854</v>
      </c>
      <c r="C11286" s="1" t="s">
        <v>165</v>
      </c>
      <c r="D11286" s="1" t="s">
        <v>43370</v>
      </c>
      <c r="E11286" s="1" t="s">
        <v>43371</v>
      </c>
      <c r="F11286" s="1" t="s">
        <v>43372</v>
      </c>
      <c r="G11286" s="1" t="s">
        <v>43253</v>
      </c>
      <c r="H11286" s="1" t="s">
        <v>43254</v>
      </c>
      <c r="I11286" s="1" t="s">
        <v>41860</v>
      </c>
      <c r="J11286" s="1" t="s">
        <v>43373</v>
      </c>
    </row>
    <row r="11287" spans="1:10" x14ac:dyDescent="0.35">
      <c r="A11287" s="1" t="s">
        <v>43249</v>
      </c>
      <c r="B11287" s="1" t="s">
        <v>41854</v>
      </c>
      <c r="C11287" s="1" t="s">
        <v>170</v>
      </c>
      <c r="D11287" s="1" t="s">
        <v>43374</v>
      </c>
      <c r="E11287" s="1" t="s">
        <v>43375</v>
      </c>
      <c r="F11287" s="1" t="s">
        <v>43376</v>
      </c>
      <c r="G11287" s="1" t="s">
        <v>43253</v>
      </c>
      <c r="H11287" s="1" t="s">
        <v>43254</v>
      </c>
      <c r="I11287" s="1" t="s">
        <v>41860</v>
      </c>
      <c r="J11287" s="1" t="s">
        <v>43377</v>
      </c>
    </row>
    <row r="11288" spans="1:10" x14ac:dyDescent="0.35">
      <c r="A11288" s="1" t="s">
        <v>43378</v>
      </c>
      <c r="B11288" s="1" t="s">
        <v>41854</v>
      </c>
      <c r="C11288" s="1" t="s">
        <v>8</v>
      </c>
      <c r="D11288" s="1" t="s">
        <v>9648</v>
      </c>
      <c r="E11288" s="1" t="s">
        <v>43379</v>
      </c>
      <c r="F11288" s="1" t="s">
        <v>43380</v>
      </c>
      <c r="G11288" s="1" t="s">
        <v>43381</v>
      </c>
      <c r="H11288" s="1" t="s">
        <v>43382</v>
      </c>
      <c r="I11288" s="1" t="s">
        <v>41860</v>
      </c>
      <c r="J11288" s="1" t="s">
        <v>13</v>
      </c>
    </row>
    <row r="11289" spans="1:10" x14ac:dyDescent="0.35">
      <c r="A11289" s="1" t="s">
        <v>43378</v>
      </c>
      <c r="B11289" s="1" t="s">
        <v>41854</v>
      </c>
      <c r="C11289" s="1" t="s">
        <v>15</v>
      </c>
      <c r="D11289" s="1" t="s">
        <v>43383</v>
      </c>
      <c r="E11289" s="1" t="s">
        <v>43384</v>
      </c>
      <c r="F11289" s="1" t="s">
        <v>43385</v>
      </c>
      <c r="G11289" s="1" t="s">
        <v>43381</v>
      </c>
      <c r="H11289" s="1" t="s">
        <v>43382</v>
      </c>
      <c r="I11289" s="1" t="s">
        <v>41860</v>
      </c>
      <c r="J11289" s="1" t="s">
        <v>43386</v>
      </c>
    </row>
    <row r="11290" spans="1:10" x14ac:dyDescent="0.35">
      <c r="A11290" s="1" t="s">
        <v>43378</v>
      </c>
      <c r="B11290" s="1" t="s">
        <v>41854</v>
      </c>
      <c r="C11290" s="1" t="s">
        <v>20</v>
      </c>
      <c r="D11290" s="1" t="s">
        <v>43387</v>
      </c>
      <c r="E11290" s="1" t="s">
        <v>43388</v>
      </c>
      <c r="F11290" s="1" t="s">
        <v>43389</v>
      </c>
      <c r="G11290" s="1" t="s">
        <v>43381</v>
      </c>
      <c r="H11290" s="1" t="s">
        <v>43382</v>
      </c>
      <c r="I11290" s="1" t="s">
        <v>41860</v>
      </c>
      <c r="J11290" s="1" t="s">
        <v>43390</v>
      </c>
    </row>
    <row r="11291" spans="1:10" x14ac:dyDescent="0.35">
      <c r="A11291" s="1" t="s">
        <v>43378</v>
      </c>
      <c r="B11291" s="1" t="s">
        <v>41854</v>
      </c>
      <c r="C11291" s="1" t="s">
        <v>25</v>
      </c>
      <c r="D11291" s="1" t="s">
        <v>4241</v>
      </c>
      <c r="E11291" s="1" t="s">
        <v>43391</v>
      </c>
      <c r="F11291" s="1" t="s">
        <v>43392</v>
      </c>
      <c r="G11291" s="1" t="s">
        <v>43381</v>
      </c>
      <c r="H11291" s="1" t="s">
        <v>43382</v>
      </c>
      <c r="I11291" s="1" t="s">
        <v>41860</v>
      </c>
      <c r="J11291" s="1" t="s">
        <v>43393</v>
      </c>
    </row>
    <row r="11292" spans="1:10" x14ac:dyDescent="0.35">
      <c r="A11292" s="1" t="s">
        <v>43378</v>
      </c>
      <c r="B11292" s="1" t="s">
        <v>41854</v>
      </c>
      <c r="C11292" s="1" t="s">
        <v>30</v>
      </c>
      <c r="D11292" s="1" t="s">
        <v>43394</v>
      </c>
      <c r="E11292" s="1" t="s">
        <v>43395</v>
      </c>
      <c r="F11292" s="1" t="s">
        <v>43396</v>
      </c>
      <c r="G11292" s="1" t="s">
        <v>43381</v>
      </c>
      <c r="H11292" s="1" t="s">
        <v>43382</v>
      </c>
      <c r="I11292" s="1" t="s">
        <v>41860</v>
      </c>
      <c r="J11292" s="1" t="s">
        <v>43397</v>
      </c>
    </row>
    <row r="11293" spans="1:10" x14ac:dyDescent="0.35">
      <c r="A11293" s="1" t="s">
        <v>43378</v>
      </c>
      <c r="B11293" s="1" t="s">
        <v>41854</v>
      </c>
      <c r="C11293" s="1" t="s">
        <v>35</v>
      </c>
      <c r="D11293" s="1" t="s">
        <v>43398</v>
      </c>
      <c r="E11293" s="1" t="s">
        <v>43399</v>
      </c>
      <c r="F11293" s="1" t="s">
        <v>43400</v>
      </c>
      <c r="G11293" s="1" t="s">
        <v>43381</v>
      </c>
      <c r="H11293" s="1" t="s">
        <v>43382</v>
      </c>
      <c r="I11293" s="1" t="s">
        <v>41860</v>
      </c>
      <c r="J11293" s="1" t="s">
        <v>43401</v>
      </c>
    </row>
    <row r="11294" spans="1:10" x14ac:dyDescent="0.35">
      <c r="A11294" s="1" t="s">
        <v>43378</v>
      </c>
      <c r="B11294" s="1" t="s">
        <v>41854</v>
      </c>
      <c r="C11294" s="1" t="s">
        <v>40</v>
      </c>
      <c r="D11294" s="1" t="s">
        <v>43402</v>
      </c>
      <c r="E11294" s="1" t="s">
        <v>43403</v>
      </c>
      <c r="F11294" s="1" t="s">
        <v>43404</v>
      </c>
      <c r="G11294" s="1" t="s">
        <v>43381</v>
      </c>
      <c r="H11294" s="1" t="s">
        <v>43382</v>
      </c>
      <c r="I11294" s="1" t="s">
        <v>41860</v>
      </c>
      <c r="J11294" s="1" t="s">
        <v>43405</v>
      </c>
    </row>
    <row r="11295" spans="1:10" x14ac:dyDescent="0.35">
      <c r="A11295" s="1" t="s">
        <v>43378</v>
      </c>
      <c r="B11295" s="1" t="s">
        <v>41854</v>
      </c>
      <c r="C11295" s="1" t="s">
        <v>45</v>
      </c>
      <c r="D11295" s="1" t="s">
        <v>32248</v>
      </c>
      <c r="E11295" s="1" t="s">
        <v>43406</v>
      </c>
      <c r="F11295" s="1" t="s">
        <v>43407</v>
      </c>
      <c r="G11295" s="1" t="s">
        <v>43381</v>
      </c>
      <c r="H11295" s="1" t="s">
        <v>43382</v>
      </c>
      <c r="I11295" s="1" t="s">
        <v>41860</v>
      </c>
      <c r="J11295" s="1" t="s">
        <v>43408</v>
      </c>
    </row>
    <row r="11296" spans="1:10" x14ac:dyDescent="0.35">
      <c r="A11296" s="1" t="s">
        <v>43378</v>
      </c>
      <c r="B11296" s="1" t="s">
        <v>41854</v>
      </c>
      <c r="C11296" s="1" t="s">
        <v>50</v>
      </c>
      <c r="D11296" s="1" t="s">
        <v>43409</v>
      </c>
      <c r="E11296" s="1" t="s">
        <v>43410</v>
      </c>
      <c r="F11296" s="1" t="s">
        <v>43411</v>
      </c>
      <c r="G11296" s="1" t="s">
        <v>43381</v>
      </c>
      <c r="H11296" s="1" t="s">
        <v>43382</v>
      </c>
      <c r="I11296" s="1" t="s">
        <v>41860</v>
      </c>
      <c r="J11296" s="1" t="s">
        <v>43412</v>
      </c>
    </row>
    <row r="11297" spans="1:10" x14ac:dyDescent="0.35">
      <c r="A11297" s="1" t="s">
        <v>43378</v>
      </c>
      <c r="B11297" s="1" t="s">
        <v>41854</v>
      </c>
      <c r="C11297" s="1" t="s">
        <v>55</v>
      </c>
      <c r="D11297" s="1" t="s">
        <v>43413</v>
      </c>
      <c r="E11297" s="1" t="s">
        <v>43414</v>
      </c>
      <c r="F11297" s="1" t="s">
        <v>43415</v>
      </c>
      <c r="G11297" s="1" t="s">
        <v>43381</v>
      </c>
      <c r="H11297" s="1" t="s">
        <v>43382</v>
      </c>
      <c r="I11297" s="1" t="s">
        <v>41860</v>
      </c>
      <c r="J11297" s="1" t="s">
        <v>43416</v>
      </c>
    </row>
    <row r="11298" spans="1:10" x14ac:dyDescent="0.35">
      <c r="A11298" s="1" t="s">
        <v>43378</v>
      </c>
      <c r="B11298" s="1" t="s">
        <v>41854</v>
      </c>
      <c r="C11298" s="1" t="s">
        <v>60</v>
      </c>
      <c r="D11298" s="1" t="s">
        <v>43417</v>
      </c>
      <c r="E11298" s="1" t="s">
        <v>43418</v>
      </c>
      <c r="F11298" s="1" t="s">
        <v>43419</v>
      </c>
      <c r="G11298" s="1" t="s">
        <v>43381</v>
      </c>
      <c r="H11298" s="1" t="s">
        <v>43382</v>
      </c>
      <c r="I11298" s="1" t="s">
        <v>41860</v>
      </c>
      <c r="J11298" s="1" t="s">
        <v>43420</v>
      </c>
    </row>
    <row r="11299" spans="1:10" x14ac:dyDescent="0.35">
      <c r="A11299" s="1" t="s">
        <v>43378</v>
      </c>
      <c r="B11299" s="1" t="s">
        <v>41854</v>
      </c>
      <c r="C11299" s="1" t="s">
        <v>65</v>
      </c>
      <c r="D11299" s="1" t="s">
        <v>43421</v>
      </c>
      <c r="E11299" s="1" t="s">
        <v>43422</v>
      </c>
      <c r="F11299" s="1" t="s">
        <v>43423</v>
      </c>
      <c r="G11299" s="1" t="s">
        <v>43381</v>
      </c>
      <c r="H11299" s="1" t="s">
        <v>43382</v>
      </c>
      <c r="I11299" s="1" t="s">
        <v>41860</v>
      </c>
      <c r="J11299" s="1" t="s">
        <v>43424</v>
      </c>
    </row>
    <row r="11300" spans="1:10" x14ac:dyDescent="0.35">
      <c r="A11300" s="1" t="s">
        <v>43378</v>
      </c>
      <c r="B11300" s="1" t="s">
        <v>41854</v>
      </c>
      <c r="C11300" s="1" t="s">
        <v>70</v>
      </c>
      <c r="D11300" s="1" t="s">
        <v>43425</v>
      </c>
      <c r="E11300" s="1" t="s">
        <v>43426</v>
      </c>
      <c r="F11300" s="1" t="s">
        <v>43427</v>
      </c>
      <c r="G11300" s="1" t="s">
        <v>43381</v>
      </c>
      <c r="H11300" s="1" t="s">
        <v>43382</v>
      </c>
      <c r="I11300" s="1" t="s">
        <v>41860</v>
      </c>
      <c r="J11300" s="1" t="s">
        <v>43428</v>
      </c>
    </row>
    <row r="11301" spans="1:10" x14ac:dyDescent="0.35">
      <c r="A11301" s="1" t="s">
        <v>43378</v>
      </c>
      <c r="B11301" s="1" t="s">
        <v>41854</v>
      </c>
      <c r="C11301" s="1" t="s">
        <v>75</v>
      </c>
      <c r="D11301" s="1" t="s">
        <v>43429</v>
      </c>
      <c r="E11301" s="1" t="s">
        <v>43430</v>
      </c>
      <c r="F11301" s="1" t="s">
        <v>43431</v>
      </c>
      <c r="G11301" s="1" t="s">
        <v>43381</v>
      </c>
      <c r="H11301" s="1" t="s">
        <v>43382</v>
      </c>
      <c r="I11301" s="1" t="s">
        <v>41860</v>
      </c>
      <c r="J11301" s="1" t="s">
        <v>43432</v>
      </c>
    </row>
    <row r="11302" spans="1:10" x14ac:dyDescent="0.35">
      <c r="A11302" s="1" t="s">
        <v>43378</v>
      </c>
      <c r="B11302" s="1" t="s">
        <v>41854</v>
      </c>
      <c r="C11302" s="1" t="s">
        <v>80</v>
      </c>
      <c r="D11302" s="1" t="s">
        <v>43433</v>
      </c>
      <c r="E11302" s="1" t="s">
        <v>43434</v>
      </c>
      <c r="F11302" s="1" t="s">
        <v>43435</v>
      </c>
      <c r="G11302" s="1" t="s">
        <v>43381</v>
      </c>
      <c r="H11302" s="1" t="s">
        <v>43382</v>
      </c>
      <c r="I11302" s="1" t="s">
        <v>41860</v>
      </c>
      <c r="J11302" s="1" t="s">
        <v>43436</v>
      </c>
    </row>
    <row r="11303" spans="1:10" x14ac:dyDescent="0.35">
      <c r="A11303" s="1" t="s">
        <v>43378</v>
      </c>
      <c r="B11303" s="1" t="s">
        <v>41854</v>
      </c>
      <c r="C11303" s="1" t="s">
        <v>85</v>
      </c>
      <c r="D11303" s="1" t="s">
        <v>43437</v>
      </c>
      <c r="E11303" s="1" t="s">
        <v>43438</v>
      </c>
      <c r="F11303" s="1" t="s">
        <v>43439</v>
      </c>
      <c r="G11303" s="1" t="s">
        <v>43381</v>
      </c>
      <c r="H11303" s="1" t="s">
        <v>43382</v>
      </c>
      <c r="I11303" s="1" t="s">
        <v>41860</v>
      </c>
      <c r="J11303" s="1" t="s">
        <v>43440</v>
      </c>
    </row>
    <row r="11304" spans="1:10" x14ac:dyDescent="0.35">
      <c r="A11304" s="1" t="s">
        <v>43378</v>
      </c>
      <c r="B11304" s="1" t="s">
        <v>41854</v>
      </c>
      <c r="C11304" s="1" t="s">
        <v>90</v>
      </c>
      <c r="D11304" s="1" t="s">
        <v>43441</v>
      </c>
      <c r="E11304" s="1" t="s">
        <v>43442</v>
      </c>
      <c r="F11304" s="1" t="s">
        <v>43443</v>
      </c>
      <c r="G11304" s="1" t="s">
        <v>43381</v>
      </c>
      <c r="H11304" s="1" t="s">
        <v>43382</v>
      </c>
      <c r="I11304" s="1" t="s">
        <v>41860</v>
      </c>
      <c r="J11304" s="1" t="s">
        <v>43444</v>
      </c>
    </row>
    <row r="11305" spans="1:10" x14ac:dyDescent="0.35">
      <c r="A11305" s="1" t="s">
        <v>43378</v>
      </c>
      <c r="B11305" s="1" t="s">
        <v>41854</v>
      </c>
      <c r="C11305" s="1" t="s">
        <v>95</v>
      </c>
      <c r="D11305" s="1" t="s">
        <v>43445</v>
      </c>
      <c r="E11305" s="1" t="s">
        <v>43446</v>
      </c>
      <c r="F11305" s="1" t="s">
        <v>43447</v>
      </c>
      <c r="G11305" s="1" t="s">
        <v>43381</v>
      </c>
      <c r="H11305" s="1" t="s">
        <v>43382</v>
      </c>
      <c r="I11305" s="1" t="s">
        <v>41860</v>
      </c>
      <c r="J11305" s="1" t="s">
        <v>43448</v>
      </c>
    </row>
    <row r="11306" spans="1:10" x14ac:dyDescent="0.35">
      <c r="A11306" s="1" t="s">
        <v>43378</v>
      </c>
      <c r="B11306" s="1" t="s">
        <v>41854</v>
      </c>
      <c r="C11306" s="1" t="s">
        <v>100</v>
      </c>
      <c r="D11306" s="1" t="s">
        <v>43449</v>
      </c>
      <c r="E11306" s="1" t="s">
        <v>43450</v>
      </c>
      <c r="F11306" s="1" t="s">
        <v>43451</v>
      </c>
      <c r="G11306" s="1" t="s">
        <v>43381</v>
      </c>
      <c r="H11306" s="1" t="s">
        <v>43382</v>
      </c>
      <c r="I11306" s="1" t="s">
        <v>41860</v>
      </c>
      <c r="J11306" s="1" t="s">
        <v>43452</v>
      </c>
    </row>
    <row r="11307" spans="1:10" x14ac:dyDescent="0.35">
      <c r="A11307" s="1" t="s">
        <v>43378</v>
      </c>
      <c r="B11307" s="1" t="s">
        <v>41854</v>
      </c>
      <c r="C11307" s="1" t="s">
        <v>105</v>
      </c>
      <c r="D11307" s="1" t="s">
        <v>43453</v>
      </c>
      <c r="E11307" s="1" t="s">
        <v>43454</v>
      </c>
      <c r="F11307" s="1" t="s">
        <v>43455</v>
      </c>
      <c r="G11307" s="1" t="s">
        <v>43381</v>
      </c>
      <c r="H11307" s="1" t="s">
        <v>43382</v>
      </c>
      <c r="I11307" s="1" t="s">
        <v>41860</v>
      </c>
      <c r="J11307" s="1" t="s">
        <v>43456</v>
      </c>
    </row>
    <row r="11308" spans="1:10" x14ac:dyDescent="0.35">
      <c r="A11308" s="1" t="s">
        <v>43378</v>
      </c>
      <c r="B11308" s="1" t="s">
        <v>41854</v>
      </c>
      <c r="C11308" s="1" t="s">
        <v>110</v>
      </c>
      <c r="D11308" s="1" t="s">
        <v>43457</v>
      </c>
      <c r="E11308" s="1" t="s">
        <v>43458</v>
      </c>
      <c r="F11308" s="1" t="s">
        <v>43459</v>
      </c>
      <c r="G11308" s="1" t="s">
        <v>43381</v>
      </c>
      <c r="H11308" s="1" t="s">
        <v>43382</v>
      </c>
      <c r="I11308" s="1" t="s">
        <v>41860</v>
      </c>
      <c r="J11308" s="1" t="s">
        <v>43460</v>
      </c>
    </row>
    <row r="11309" spans="1:10" x14ac:dyDescent="0.35">
      <c r="A11309" s="1" t="s">
        <v>43378</v>
      </c>
      <c r="B11309" s="1" t="s">
        <v>41854</v>
      </c>
      <c r="C11309" s="1" t="s">
        <v>115</v>
      </c>
      <c r="D11309" s="1" t="s">
        <v>24208</v>
      </c>
      <c r="E11309" s="1" t="s">
        <v>43461</v>
      </c>
      <c r="F11309" s="1" t="s">
        <v>43462</v>
      </c>
      <c r="G11309" s="1" t="s">
        <v>43381</v>
      </c>
      <c r="H11309" s="1" t="s">
        <v>43382</v>
      </c>
      <c r="I11309" s="1" t="s">
        <v>41860</v>
      </c>
      <c r="J11309" s="1" t="s">
        <v>43463</v>
      </c>
    </row>
    <row r="11310" spans="1:10" x14ac:dyDescent="0.35">
      <c r="A11310" s="1" t="s">
        <v>43378</v>
      </c>
      <c r="B11310" s="1" t="s">
        <v>41854</v>
      </c>
      <c r="C11310" s="1" t="s">
        <v>120</v>
      </c>
      <c r="D11310" s="1" t="s">
        <v>43464</v>
      </c>
      <c r="E11310" s="1" t="s">
        <v>43465</v>
      </c>
      <c r="F11310" s="1" t="s">
        <v>43466</v>
      </c>
      <c r="G11310" s="1" t="s">
        <v>43381</v>
      </c>
      <c r="H11310" s="1" t="s">
        <v>43382</v>
      </c>
      <c r="I11310" s="1" t="s">
        <v>41860</v>
      </c>
      <c r="J11310" s="1" t="s">
        <v>43467</v>
      </c>
    </row>
    <row r="11311" spans="1:10" x14ac:dyDescent="0.35">
      <c r="A11311" s="1" t="s">
        <v>43378</v>
      </c>
      <c r="B11311" s="1" t="s">
        <v>41854</v>
      </c>
      <c r="C11311" s="1" t="s">
        <v>125</v>
      </c>
      <c r="D11311" s="1" t="s">
        <v>43468</v>
      </c>
      <c r="E11311" s="1" t="s">
        <v>43469</v>
      </c>
      <c r="F11311" s="1" t="s">
        <v>43470</v>
      </c>
      <c r="G11311" s="1" t="s">
        <v>43381</v>
      </c>
      <c r="H11311" s="1" t="s">
        <v>43382</v>
      </c>
      <c r="I11311" s="1" t="s">
        <v>41860</v>
      </c>
      <c r="J11311" s="1" t="s">
        <v>43471</v>
      </c>
    </row>
    <row r="11312" spans="1:10" x14ac:dyDescent="0.35">
      <c r="A11312" s="1" t="s">
        <v>43378</v>
      </c>
      <c r="B11312" s="1" t="s">
        <v>41854</v>
      </c>
      <c r="C11312" s="1" t="s">
        <v>130</v>
      </c>
      <c r="D11312" s="1" t="s">
        <v>43472</v>
      </c>
      <c r="E11312" s="1" t="s">
        <v>43473</v>
      </c>
      <c r="F11312" s="1" t="s">
        <v>43474</v>
      </c>
      <c r="G11312" s="1" t="s">
        <v>43381</v>
      </c>
      <c r="H11312" s="1" t="s">
        <v>43382</v>
      </c>
      <c r="I11312" s="1" t="s">
        <v>41860</v>
      </c>
      <c r="J11312" s="1" t="s">
        <v>43475</v>
      </c>
    </row>
    <row r="11313" spans="1:10" x14ac:dyDescent="0.35">
      <c r="A11313" s="1" t="s">
        <v>43378</v>
      </c>
      <c r="B11313" s="1" t="s">
        <v>41854</v>
      </c>
      <c r="C11313" s="1" t="s">
        <v>135</v>
      </c>
      <c r="D11313" s="1" t="s">
        <v>43476</v>
      </c>
      <c r="E11313" s="1" t="s">
        <v>43477</v>
      </c>
      <c r="F11313" s="1" t="s">
        <v>43478</v>
      </c>
      <c r="G11313" s="1" t="s">
        <v>43381</v>
      </c>
      <c r="H11313" s="1" t="s">
        <v>43382</v>
      </c>
      <c r="I11313" s="1" t="s">
        <v>41860</v>
      </c>
      <c r="J11313" s="1" t="s">
        <v>43479</v>
      </c>
    </row>
    <row r="11314" spans="1:10" x14ac:dyDescent="0.35">
      <c r="A11314" s="1" t="s">
        <v>43378</v>
      </c>
      <c r="B11314" s="1" t="s">
        <v>41854</v>
      </c>
      <c r="C11314" s="1" t="s">
        <v>140</v>
      </c>
      <c r="D11314" s="1" t="s">
        <v>43480</v>
      </c>
      <c r="E11314" s="1" t="s">
        <v>43481</v>
      </c>
      <c r="F11314" s="1" t="s">
        <v>43482</v>
      </c>
      <c r="G11314" s="1" t="s">
        <v>43381</v>
      </c>
      <c r="H11314" s="1" t="s">
        <v>43382</v>
      </c>
      <c r="I11314" s="1" t="s">
        <v>41860</v>
      </c>
      <c r="J11314" s="1" t="s">
        <v>43483</v>
      </c>
    </row>
    <row r="11315" spans="1:10" x14ac:dyDescent="0.35">
      <c r="A11315" s="1" t="s">
        <v>43378</v>
      </c>
      <c r="B11315" s="1" t="s">
        <v>41854</v>
      </c>
      <c r="C11315" s="1" t="s">
        <v>145</v>
      </c>
      <c r="D11315" s="1" t="s">
        <v>43484</v>
      </c>
      <c r="E11315" s="1" t="s">
        <v>43485</v>
      </c>
      <c r="F11315" s="1" t="s">
        <v>43486</v>
      </c>
      <c r="G11315" s="1" t="s">
        <v>43381</v>
      </c>
      <c r="H11315" s="1" t="s">
        <v>43382</v>
      </c>
      <c r="I11315" s="1" t="s">
        <v>41860</v>
      </c>
      <c r="J11315" s="1" t="s">
        <v>43487</v>
      </c>
    </row>
    <row r="11316" spans="1:10" x14ac:dyDescent="0.35">
      <c r="A11316" s="1" t="s">
        <v>43378</v>
      </c>
      <c r="B11316" s="1" t="s">
        <v>41854</v>
      </c>
      <c r="C11316" s="1" t="s">
        <v>150</v>
      </c>
      <c r="D11316" s="1" t="s">
        <v>43488</v>
      </c>
      <c r="E11316" s="1" t="s">
        <v>43489</v>
      </c>
      <c r="F11316" s="1" t="s">
        <v>43490</v>
      </c>
      <c r="G11316" s="1" t="s">
        <v>43381</v>
      </c>
      <c r="H11316" s="1" t="s">
        <v>43382</v>
      </c>
      <c r="I11316" s="1" t="s">
        <v>41860</v>
      </c>
      <c r="J11316" s="1" t="s">
        <v>43491</v>
      </c>
    </row>
    <row r="11317" spans="1:10" x14ac:dyDescent="0.35">
      <c r="A11317" s="1" t="s">
        <v>43378</v>
      </c>
      <c r="B11317" s="1" t="s">
        <v>41854</v>
      </c>
      <c r="C11317" s="1" t="s">
        <v>155</v>
      </c>
      <c r="D11317" s="1" t="s">
        <v>43492</v>
      </c>
      <c r="E11317" s="1" t="s">
        <v>43493</v>
      </c>
      <c r="F11317" s="1" t="s">
        <v>43494</v>
      </c>
      <c r="G11317" s="1" t="s">
        <v>43381</v>
      </c>
      <c r="H11317" s="1" t="s">
        <v>43382</v>
      </c>
      <c r="I11317" s="1" t="s">
        <v>41860</v>
      </c>
      <c r="J11317" s="1" t="s">
        <v>43495</v>
      </c>
    </row>
    <row r="11318" spans="1:10" x14ac:dyDescent="0.35">
      <c r="A11318" s="1" t="s">
        <v>43378</v>
      </c>
      <c r="B11318" s="1" t="s">
        <v>41854</v>
      </c>
      <c r="C11318" s="1" t="s">
        <v>160</v>
      </c>
      <c r="D11318" s="1" t="s">
        <v>42454</v>
      </c>
      <c r="E11318" s="1" t="s">
        <v>43496</v>
      </c>
      <c r="F11318" s="1" t="s">
        <v>43497</v>
      </c>
      <c r="G11318" s="1" t="s">
        <v>43381</v>
      </c>
      <c r="H11318" s="1" t="s">
        <v>43382</v>
      </c>
      <c r="I11318" s="1" t="s">
        <v>41860</v>
      </c>
      <c r="J11318" s="1" t="s">
        <v>43498</v>
      </c>
    </row>
    <row r="11319" spans="1:10" x14ac:dyDescent="0.35">
      <c r="A11319" s="1" t="s">
        <v>43378</v>
      </c>
      <c r="B11319" s="1" t="s">
        <v>41854</v>
      </c>
      <c r="C11319" s="1" t="s">
        <v>165</v>
      </c>
      <c r="D11319" s="1" t="s">
        <v>5230</v>
      </c>
      <c r="E11319" s="1" t="s">
        <v>43499</v>
      </c>
      <c r="F11319" s="1" t="s">
        <v>43500</v>
      </c>
      <c r="G11319" s="1" t="s">
        <v>43381</v>
      </c>
      <c r="H11319" s="1" t="s">
        <v>43382</v>
      </c>
      <c r="I11319" s="1" t="s">
        <v>41860</v>
      </c>
      <c r="J11319" s="1" t="s">
        <v>43501</v>
      </c>
    </row>
    <row r="11320" spans="1:10" x14ac:dyDescent="0.35">
      <c r="A11320" s="1" t="s">
        <v>43378</v>
      </c>
      <c r="B11320" s="1" t="s">
        <v>41854</v>
      </c>
      <c r="C11320" s="1" t="s">
        <v>170</v>
      </c>
      <c r="D11320" s="1" t="s">
        <v>43502</v>
      </c>
      <c r="E11320" s="1" t="s">
        <v>43503</v>
      </c>
      <c r="F11320" s="1" t="s">
        <v>43504</v>
      </c>
      <c r="G11320" s="1" t="s">
        <v>43381</v>
      </c>
      <c r="H11320" s="1" t="s">
        <v>43382</v>
      </c>
      <c r="I11320" s="1" t="s">
        <v>41860</v>
      </c>
      <c r="J11320" s="1" t="s">
        <v>43505</v>
      </c>
    </row>
    <row r="11321" spans="1:10" x14ac:dyDescent="0.35">
      <c r="A11321" s="1" t="s">
        <v>43506</v>
      </c>
      <c r="B11321" s="1" t="s">
        <v>41854</v>
      </c>
      <c r="C11321" s="1" t="s">
        <v>8</v>
      </c>
      <c r="D11321" s="1" t="s">
        <v>12797</v>
      </c>
      <c r="E11321" s="1" t="s">
        <v>43507</v>
      </c>
      <c r="F11321" s="1" t="s">
        <v>43508</v>
      </c>
      <c r="G11321" s="1" t="s">
        <v>43509</v>
      </c>
      <c r="H11321" s="1" t="s">
        <v>43510</v>
      </c>
      <c r="I11321" s="1" t="s">
        <v>41860</v>
      </c>
      <c r="J11321" s="1" t="s">
        <v>13</v>
      </c>
    </row>
    <row r="11322" spans="1:10" x14ac:dyDescent="0.35">
      <c r="A11322" s="1" t="s">
        <v>43506</v>
      </c>
      <c r="B11322" s="1" t="s">
        <v>41854</v>
      </c>
      <c r="C11322" s="1" t="s">
        <v>15</v>
      </c>
      <c r="D11322" s="1" t="s">
        <v>43511</v>
      </c>
      <c r="E11322" s="1" t="s">
        <v>43512</v>
      </c>
      <c r="F11322" s="1" t="s">
        <v>43513</v>
      </c>
      <c r="G11322" s="1" t="s">
        <v>43509</v>
      </c>
      <c r="H11322" s="1" t="s">
        <v>43510</v>
      </c>
      <c r="I11322" s="1" t="s">
        <v>41860</v>
      </c>
      <c r="J11322" s="1" t="s">
        <v>43514</v>
      </c>
    </row>
    <row r="11323" spans="1:10" x14ac:dyDescent="0.35">
      <c r="A11323" s="1" t="s">
        <v>43506</v>
      </c>
      <c r="B11323" s="1" t="s">
        <v>41854</v>
      </c>
      <c r="C11323" s="1" t="s">
        <v>20</v>
      </c>
      <c r="D11323" s="1" t="s">
        <v>43515</v>
      </c>
      <c r="E11323" s="1" t="s">
        <v>43516</v>
      </c>
      <c r="F11323" s="1" t="s">
        <v>43517</v>
      </c>
      <c r="G11323" s="1" t="s">
        <v>43509</v>
      </c>
      <c r="H11323" s="1" t="s">
        <v>43510</v>
      </c>
      <c r="I11323" s="1" t="s">
        <v>41860</v>
      </c>
      <c r="J11323" s="1" t="s">
        <v>43518</v>
      </c>
    </row>
    <row r="11324" spans="1:10" x14ac:dyDescent="0.35">
      <c r="A11324" s="1" t="s">
        <v>43506</v>
      </c>
      <c r="B11324" s="1" t="s">
        <v>41854</v>
      </c>
      <c r="C11324" s="1" t="s">
        <v>25</v>
      </c>
      <c r="D11324" s="1" t="s">
        <v>43519</v>
      </c>
      <c r="E11324" s="1" t="s">
        <v>43520</v>
      </c>
      <c r="F11324" s="1" t="s">
        <v>43521</v>
      </c>
      <c r="G11324" s="1" t="s">
        <v>43509</v>
      </c>
      <c r="H11324" s="1" t="s">
        <v>43510</v>
      </c>
      <c r="I11324" s="1" t="s">
        <v>41860</v>
      </c>
      <c r="J11324" s="1" t="s">
        <v>43522</v>
      </c>
    </row>
    <row r="11325" spans="1:10" x14ac:dyDescent="0.35">
      <c r="A11325" s="1" t="s">
        <v>43506</v>
      </c>
      <c r="B11325" s="1" t="s">
        <v>41854</v>
      </c>
      <c r="C11325" s="1" t="s">
        <v>30</v>
      </c>
      <c r="D11325" s="1" t="s">
        <v>43523</v>
      </c>
      <c r="E11325" s="1" t="s">
        <v>43524</v>
      </c>
      <c r="F11325" s="1" t="s">
        <v>43525</v>
      </c>
      <c r="G11325" s="1" t="s">
        <v>43509</v>
      </c>
      <c r="H11325" s="1" t="s">
        <v>43510</v>
      </c>
      <c r="I11325" s="1" t="s">
        <v>41860</v>
      </c>
      <c r="J11325" s="1" t="s">
        <v>43526</v>
      </c>
    </row>
    <row r="11326" spans="1:10" x14ac:dyDescent="0.35">
      <c r="A11326" s="1" t="s">
        <v>43506</v>
      </c>
      <c r="B11326" s="1" t="s">
        <v>41854</v>
      </c>
      <c r="C11326" s="1" t="s">
        <v>35</v>
      </c>
      <c r="D11326" s="1" t="s">
        <v>43527</v>
      </c>
      <c r="E11326" s="1" t="s">
        <v>43528</v>
      </c>
      <c r="F11326" s="1" t="s">
        <v>43529</v>
      </c>
      <c r="G11326" s="1" t="s">
        <v>43509</v>
      </c>
      <c r="H11326" s="1" t="s">
        <v>43510</v>
      </c>
      <c r="I11326" s="1" t="s">
        <v>41860</v>
      </c>
      <c r="J11326" s="1" t="s">
        <v>43530</v>
      </c>
    </row>
    <row r="11327" spans="1:10" x14ac:dyDescent="0.35">
      <c r="A11327" s="1" t="s">
        <v>43506</v>
      </c>
      <c r="B11327" s="1" t="s">
        <v>41854</v>
      </c>
      <c r="C11327" s="1" t="s">
        <v>40</v>
      </c>
      <c r="D11327" s="1" t="s">
        <v>43531</v>
      </c>
      <c r="E11327" s="1" t="s">
        <v>43532</v>
      </c>
      <c r="F11327" s="1" t="s">
        <v>43533</v>
      </c>
      <c r="G11327" s="1" t="s">
        <v>43509</v>
      </c>
      <c r="H11327" s="1" t="s">
        <v>43510</v>
      </c>
      <c r="I11327" s="1" t="s">
        <v>41860</v>
      </c>
      <c r="J11327" s="1" t="s">
        <v>43534</v>
      </c>
    </row>
    <row r="11328" spans="1:10" x14ac:dyDescent="0.35">
      <c r="A11328" s="1" t="s">
        <v>43506</v>
      </c>
      <c r="B11328" s="1" t="s">
        <v>41854</v>
      </c>
      <c r="C11328" s="1" t="s">
        <v>45</v>
      </c>
      <c r="D11328" s="1" t="s">
        <v>43535</v>
      </c>
      <c r="E11328" s="1" t="s">
        <v>43536</v>
      </c>
      <c r="F11328" s="1" t="s">
        <v>43537</v>
      </c>
      <c r="G11328" s="1" t="s">
        <v>43509</v>
      </c>
      <c r="H11328" s="1" t="s">
        <v>43510</v>
      </c>
      <c r="I11328" s="1" t="s">
        <v>41860</v>
      </c>
      <c r="J11328" s="1" t="s">
        <v>43538</v>
      </c>
    </row>
    <row r="11329" spans="1:10" x14ac:dyDescent="0.35">
      <c r="A11329" s="1" t="s">
        <v>43506</v>
      </c>
      <c r="B11329" s="1" t="s">
        <v>41854</v>
      </c>
      <c r="C11329" s="1" t="s">
        <v>50</v>
      </c>
      <c r="D11329" s="1" t="s">
        <v>43539</v>
      </c>
      <c r="E11329" s="1" t="s">
        <v>43540</v>
      </c>
      <c r="F11329" s="1" t="s">
        <v>43541</v>
      </c>
      <c r="G11329" s="1" t="s">
        <v>43509</v>
      </c>
      <c r="H11329" s="1" t="s">
        <v>43510</v>
      </c>
      <c r="I11329" s="1" t="s">
        <v>41860</v>
      </c>
      <c r="J11329" s="1" t="s">
        <v>43542</v>
      </c>
    </row>
    <row r="11330" spans="1:10" x14ac:dyDescent="0.35">
      <c r="A11330" s="1" t="s">
        <v>43506</v>
      </c>
      <c r="B11330" s="1" t="s">
        <v>41854</v>
      </c>
      <c r="C11330" s="1" t="s">
        <v>55</v>
      </c>
      <c r="D11330" s="1" t="s">
        <v>20594</v>
      </c>
      <c r="E11330" s="1" t="s">
        <v>43543</v>
      </c>
      <c r="F11330" s="1" t="s">
        <v>43544</v>
      </c>
      <c r="G11330" s="1" t="s">
        <v>43509</v>
      </c>
      <c r="H11330" s="1" t="s">
        <v>43510</v>
      </c>
      <c r="I11330" s="1" t="s">
        <v>41860</v>
      </c>
      <c r="J11330" s="1" t="s">
        <v>43545</v>
      </c>
    </row>
    <row r="11331" spans="1:10" x14ac:dyDescent="0.35">
      <c r="A11331" s="1" t="s">
        <v>43506</v>
      </c>
      <c r="B11331" s="1" t="s">
        <v>41854</v>
      </c>
      <c r="C11331" s="1" t="s">
        <v>60</v>
      </c>
      <c r="D11331" s="1" t="s">
        <v>43546</v>
      </c>
      <c r="E11331" s="1" t="s">
        <v>43547</v>
      </c>
      <c r="F11331" s="1" t="s">
        <v>43548</v>
      </c>
      <c r="G11331" s="1" t="s">
        <v>43509</v>
      </c>
      <c r="H11331" s="1" t="s">
        <v>43510</v>
      </c>
      <c r="I11331" s="1" t="s">
        <v>41860</v>
      </c>
      <c r="J11331" s="1" t="s">
        <v>43549</v>
      </c>
    </row>
    <row r="11332" spans="1:10" x14ac:dyDescent="0.35">
      <c r="A11332" s="1" t="s">
        <v>43506</v>
      </c>
      <c r="B11332" s="1" t="s">
        <v>41854</v>
      </c>
      <c r="C11332" s="1" t="s">
        <v>65</v>
      </c>
      <c r="D11332" s="1" t="s">
        <v>43550</v>
      </c>
      <c r="E11332" s="1" t="s">
        <v>43551</v>
      </c>
      <c r="F11332" s="1" t="s">
        <v>43552</v>
      </c>
      <c r="G11332" s="1" t="s">
        <v>43509</v>
      </c>
      <c r="H11332" s="1" t="s">
        <v>43510</v>
      </c>
      <c r="I11332" s="1" t="s">
        <v>41860</v>
      </c>
      <c r="J11332" s="1" t="s">
        <v>43553</v>
      </c>
    </row>
    <row r="11333" spans="1:10" x14ac:dyDescent="0.35">
      <c r="A11333" s="1" t="s">
        <v>43506</v>
      </c>
      <c r="B11333" s="1" t="s">
        <v>41854</v>
      </c>
      <c r="C11333" s="1" t="s">
        <v>70</v>
      </c>
      <c r="D11333" s="1" t="s">
        <v>43554</v>
      </c>
      <c r="E11333" s="1" t="s">
        <v>43555</v>
      </c>
      <c r="F11333" s="1" t="s">
        <v>43556</v>
      </c>
      <c r="G11333" s="1" t="s">
        <v>43509</v>
      </c>
      <c r="H11333" s="1" t="s">
        <v>43510</v>
      </c>
      <c r="I11333" s="1" t="s">
        <v>41860</v>
      </c>
      <c r="J11333" s="1" t="s">
        <v>43557</v>
      </c>
    </row>
    <row r="11334" spans="1:10" x14ac:dyDescent="0.35">
      <c r="A11334" s="1" t="s">
        <v>43506</v>
      </c>
      <c r="B11334" s="1" t="s">
        <v>41854</v>
      </c>
      <c r="C11334" s="1" t="s">
        <v>75</v>
      </c>
      <c r="D11334" s="1" t="s">
        <v>43558</v>
      </c>
      <c r="E11334" s="1" t="s">
        <v>43559</v>
      </c>
      <c r="F11334" s="1" t="s">
        <v>43560</v>
      </c>
      <c r="G11334" s="1" t="s">
        <v>43509</v>
      </c>
      <c r="H11334" s="1" t="s">
        <v>43510</v>
      </c>
      <c r="I11334" s="1" t="s">
        <v>41860</v>
      </c>
      <c r="J11334" s="1" t="s">
        <v>43561</v>
      </c>
    </row>
    <row r="11335" spans="1:10" x14ac:dyDescent="0.35">
      <c r="A11335" s="1" t="s">
        <v>43506</v>
      </c>
      <c r="B11335" s="1" t="s">
        <v>41854</v>
      </c>
      <c r="C11335" s="1" t="s">
        <v>80</v>
      </c>
      <c r="D11335" s="1" t="s">
        <v>43562</v>
      </c>
      <c r="E11335" s="1" t="s">
        <v>43563</v>
      </c>
      <c r="F11335" s="1" t="s">
        <v>43564</v>
      </c>
      <c r="G11335" s="1" t="s">
        <v>43509</v>
      </c>
      <c r="H11335" s="1" t="s">
        <v>43510</v>
      </c>
      <c r="I11335" s="1" t="s">
        <v>41860</v>
      </c>
      <c r="J11335" s="1" t="s">
        <v>43565</v>
      </c>
    </row>
    <row r="11336" spans="1:10" x14ac:dyDescent="0.35">
      <c r="A11336" s="1" t="s">
        <v>43506</v>
      </c>
      <c r="B11336" s="1" t="s">
        <v>41854</v>
      </c>
      <c r="C11336" s="1" t="s">
        <v>85</v>
      </c>
      <c r="D11336" s="1" t="s">
        <v>43566</v>
      </c>
      <c r="E11336" s="1" t="s">
        <v>43567</v>
      </c>
      <c r="F11336" s="1" t="s">
        <v>43568</v>
      </c>
      <c r="G11336" s="1" t="s">
        <v>43509</v>
      </c>
      <c r="H11336" s="1" t="s">
        <v>43510</v>
      </c>
      <c r="I11336" s="1" t="s">
        <v>41860</v>
      </c>
      <c r="J11336" s="1" t="s">
        <v>43569</v>
      </c>
    </row>
    <row r="11337" spans="1:10" x14ac:dyDescent="0.35">
      <c r="A11337" s="1" t="s">
        <v>43506</v>
      </c>
      <c r="B11337" s="1" t="s">
        <v>41854</v>
      </c>
      <c r="C11337" s="1" t="s">
        <v>90</v>
      </c>
      <c r="D11337" s="1" t="s">
        <v>43570</v>
      </c>
      <c r="E11337" s="1" t="s">
        <v>43571</v>
      </c>
      <c r="F11337" s="1" t="s">
        <v>43572</v>
      </c>
      <c r="G11337" s="1" t="s">
        <v>43509</v>
      </c>
      <c r="H11337" s="1" t="s">
        <v>43510</v>
      </c>
      <c r="I11337" s="1" t="s">
        <v>41860</v>
      </c>
      <c r="J11337" s="1" t="s">
        <v>43573</v>
      </c>
    </row>
    <row r="11338" spans="1:10" x14ac:dyDescent="0.35">
      <c r="A11338" s="1" t="s">
        <v>43506</v>
      </c>
      <c r="B11338" s="1" t="s">
        <v>41854</v>
      </c>
      <c r="C11338" s="1" t="s">
        <v>95</v>
      </c>
      <c r="D11338" s="1" t="s">
        <v>43574</v>
      </c>
      <c r="E11338" s="1" t="s">
        <v>43575</v>
      </c>
      <c r="F11338" s="1" t="s">
        <v>43576</v>
      </c>
      <c r="G11338" s="1" t="s">
        <v>43509</v>
      </c>
      <c r="H11338" s="1" t="s">
        <v>43510</v>
      </c>
      <c r="I11338" s="1" t="s">
        <v>41860</v>
      </c>
      <c r="J11338" s="1" t="s">
        <v>43577</v>
      </c>
    </row>
    <row r="11339" spans="1:10" x14ac:dyDescent="0.35">
      <c r="A11339" s="1" t="s">
        <v>43506</v>
      </c>
      <c r="B11339" s="1" t="s">
        <v>41854</v>
      </c>
      <c r="C11339" s="1" t="s">
        <v>100</v>
      </c>
      <c r="D11339" s="1" t="s">
        <v>43578</v>
      </c>
      <c r="E11339" s="1" t="s">
        <v>43579</v>
      </c>
      <c r="F11339" s="1" t="s">
        <v>43580</v>
      </c>
      <c r="G11339" s="1" t="s">
        <v>43509</v>
      </c>
      <c r="H11339" s="1" t="s">
        <v>43510</v>
      </c>
      <c r="I11339" s="1" t="s">
        <v>41860</v>
      </c>
      <c r="J11339" s="1" t="s">
        <v>43581</v>
      </c>
    </row>
    <row r="11340" spans="1:10" x14ac:dyDescent="0.35">
      <c r="A11340" s="1" t="s">
        <v>43506</v>
      </c>
      <c r="B11340" s="1" t="s">
        <v>41854</v>
      </c>
      <c r="C11340" s="1" t="s">
        <v>105</v>
      </c>
      <c r="D11340" s="1" t="s">
        <v>43582</v>
      </c>
      <c r="E11340" s="1" t="s">
        <v>43583</v>
      </c>
      <c r="F11340" s="1" t="s">
        <v>43584</v>
      </c>
      <c r="G11340" s="1" t="s">
        <v>43509</v>
      </c>
      <c r="H11340" s="1" t="s">
        <v>43510</v>
      </c>
      <c r="I11340" s="1" t="s">
        <v>41860</v>
      </c>
      <c r="J11340" s="1" t="s">
        <v>43585</v>
      </c>
    </row>
    <row r="11341" spans="1:10" x14ac:dyDescent="0.35">
      <c r="A11341" s="1" t="s">
        <v>43506</v>
      </c>
      <c r="B11341" s="1" t="s">
        <v>41854</v>
      </c>
      <c r="C11341" s="1" t="s">
        <v>110</v>
      </c>
      <c r="D11341" s="1" t="s">
        <v>43586</v>
      </c>
      <c r="E11341" s="1" t="s">
        <v>43587</v>
      </c>
      <c r="F11341" s="1" t="s">
        <v>43588</v>
      </c>
      <c r="G11341" s="1" t="s">
        <v>43509</v>
      </c>
      <c r="H11341" s="1" t="s">
        <v>43510</v>
      </c>
      <c r="I11341" s="1" t="s">
        <v>41860</v>
      </c>
      <c r="J11341" s="1" t="s">
        <v>43589</v>
      </c>
    </row>
    <row r="11342" spans="1:10" x14ac:dyDescent="0.35">
      <c r="A11342" s="1" t="s">
        <v>43506</v>
      </c>
      <c r="B11342" s="1" t="s">
        <v>41854</v>
      </c>
      <c r="C11342" s="1" t="s">
        <v>115</v>
      </c>
      <c r="D11342" s="1" t="s">
        <v>43590</v>
      </c>
      <c r="E11342" s="1" t="s">
        <v>43591</v>
      </c>
      <c r="F11342" s="1" t="s">
        <v>43592</v>
      </c>
      <c r="G11342" s="1" t="s">
        <v>43509</v>
      </c>
      <c r="H11342" s="1" t="s">
        <v>43510</v>
      </c>
      <c r="I11342" s="1" t="s">
        <v>41860</v>
      </c>
      <c r="J11342" s="1" t="s">
        <v>43593</v>
      </c>
    </row>
    <row r="11343" spans="1:10" x14ac:dyDescent="0.35">
      <c r="A11343" s="1" t="s">
        <v>43506</v>
      </c>
      <c r="B11343" s="1" t="s">
        <v>41854</v>
      </c>
      <c r="C11343" s="1" t="s">
        <v>120</v>
      </c>
      <c r="D11343" s="1" t="s">
        <v>7720</v>
      </c>
      <c r="E11343" s="1" t="s">
        <v>43594</v>
      </c>
      <c r="F11343" s="1" t="s">
        <v>43595</v>
      </c>
      <c r="G11343" s="1" t="s">
        <v>43509</v>
      </c>
      <c r="H11343" s="1" t="s">
        <v>43510</v>
      </c>
      <c r="I11343" s="1" t="s">
        <v>41860</v>
      </c>
      <c r="J11343" s="1" t="s">
        <v>43596</v>
      </c>
    </row>
    <row r="11344" spans="1:10" x14ac:dyDescent="0.35">
      <c r="A11344" s="1" t="s">
        <v>43506</v>
      </c>
      <c r="B11344" s="1" t="s">
        <v>41854</v>
      </c>
      <c r="C11344" s="1" t="s">
        <v>125</v>
      </c>
      <c r="D11344" s="1" t="s">
        <v>43597</v>
      </c>
      <c r="E11344" s="1" t="s">
        <v>43598</v>
      </c>
      <c r="F11344" s="1" t="s">
        <v>43599</v>
      </c>
      <c r="G11344" s="1" t="s">
        <v>43509</v>
      </c>
      <c r="H11344" s="1" t="s">
        <v>43510</v>
      </c>
      <c r="I11344" s="1" t="s">
        <v>41860</v>
      </c>
      <c r="J11344" s="1" t="s">
        <v>43600</v>
      </c>
    </row>
    <row r="11345" spans="1:10" x14ac:dyDescent="0.35">
      <c r="A11345" s="1" t="s">
        <v>43506</v>
      </c>
      <c r="B11345" s="1" t="s">
        <v>41854</v>
      </c>
      <c r="C11345" s="1" t="s">
        <v>130</v>
      </c>
      <c r="D11345" s="1" t="s">
        <v>43601</v>
      </c>
      <c r="E11345" s="1" t="s">
        <v>43602</v>
      </c>
      <c r="F11345" s="1" t="s">
        <v>43603</v>
      </c>
      <c r="G11345" s="1" t="s">
        <v>43509</v>
      </c>
      <c r="H11345" s="1" t="s">
        <v>43510</v>
      </c>
      <c r="I11345" s="1" t="s">
        <v>41860</v>
      </c>
      <c r="J11345" s="1" t="s">
        <v>43604</v>
      </c>
    </row>
    <row r="11346" spans="1:10" x14ac:dyDescent="0.35">
      <c r="A11346" s="1" t="s">
        <v>43506</v>
      </c>
      <c r="B11346" s="1" t="s">
        <v>41854</v>
      </c>
      <c r="C11346" s="1" t="s">
        <v>135</v>
      </c>
      <c r="D11346" s="1" t="s">
        <v>43605</v>
      </c>
      <c r="E11346" s="1" t="s">
        <v>43606</v>
      </c>
      <c r="F11346" s="1" t="s">
        <v>43607</v>
      </c>
      <c r="G11346" s="1" t="s">
        <v>43509</v>
      </c>
      <c r="H11346" s="1" t="s">
        <v>43510</v>
      </c>
      <c r="I11346" s="1" t="s">
        <v>41860</v>
      </c>
      <c r="J11346" s="1" t="s">
        <v>43608</v>
      </c>
    </row>
    <row r="11347" spans="1:10" x14ac:dyDescent="0.35">
      <c r="A11347" s="1" t="s">
        <v>43506</v>
      </c>
      <c r="B11347" s="1" t="s">
        <v>41854</v>
      </c>
      <c r="C11347" s="1" t="s">
        <v>140</v>
      </c>
      <c r="D11347" s="1" t="s">
        <v>43609</v>
      </c>
      <c r="E11347" s="1" t="s">
        <v>43610</v>
      </c>
      <c r="F11347" s="1" t="s">
        <v>43611</v>
      </c>
      <c r="G11347" s="1" t="s">
        <v>43509</v>
      </c>
      <c r="H11347" s="1" t="s">
        <v>43510</v>
      </c>
      <c r="I11347" s="1" t="s">
        <v>41860</v>
      </c>
      <c r="J11347" s="1" t="s">
        <v>43612</v>
      </c>
    </row>
    <row r="11348" spans="1:10" x14ac:dyDescent="0.35">
      <c r="A11348" s="1" t="s">
        <v>43506</v>
      </c>
      <c r="B11348" s="1" t="s">
        <v>41854</v>
      </c>
      <c r="C11348" s="1" t="s">
        <v>145</v>
      </c>
      <c r="D11348" s="1" t="s">
        <v>43613</v>
      </c>
      <c r="E11348" s="1" t="s">
        <v>43614</v>
      </c>
      <c r="F11348" s="1" t="s">
        <v>43615</v>
      </c>
      <c r="G11348" s="1" t="s">
        <v>43509</v>
      </c>
      <c r="H11348" s="1" t="s">
        <v>43510</v>
      </c>
      <c r="I11348" s="1" t="s">
        <v>41860</v>
      </c>
      <c r="J11348" s="1" t="s">
        <v>43616</v>
      </c>
    </row>
    <row r="11349" spans="1:10" x14ac:dyDescent="0.35">
      <c r="A11349" s="1" t="s">
        <v>43506</v>
      </c>
      <c r="B11349" s="1" t="s">
        <v>41854</v>
      </c>
      <c r="C11349" s="1" t="s">
        <v>150</v>
      </c>
      <c r="D11349" s="1" t="s">
        <v>43617</v>
      </c>
      <c r="E11349" s="1" t="s">
        <v>43618</v>
      </c>
      <c r="F11349" s="1" t="s">
        <v>43619</v>
      </c>
      <c r="G11349" s="1" t="s">
        <v>43509</v>
      </c>
      <c r="H11349" s="1" t="s">
        <v>43510</v>
      </c>
      <c r="I11349" s="1" t="s">
        <v>41860</v>
      </c>
      <c r="J11349" s="1" t="s">
        <v>43620</v>
      </c>
    </row>
    <row r="11350" spans="1:10" x14ac:dyDescent="0.35">
      <c r="A11350" s="1" t="s">
        <v>43506</v>
      </c>
      <c r="B11350" s="1" t="s">
        <v>41854</v>
      </c>
      <c r="C11350" s="1" t="s">
        <v>155</v>
      </c>
      <c r="D11350" s="1" t="s">
        <v>43621</v>
      </c>
      <c r="E11350" s="1" t="s">
        <v>43622</v>
      </c>
      <c r="F11350" s="1" t="s">
        <v>43623</v>
      </c>
      <c r="G11350" s="1" t="s">
        <v>43509</v>
      </c>
      <c r="H11350" s="1" t="s">
        <v>43510</v>
      </c>
      <c r="I11350" s="1" t="s">
        <v>41860</v>
      </c>
      <c r="J11350" s="1" t="s">
        <v>43624</v>
      </c>
    </row>
    <row r="11351" spans="1:10" x14ac:dyDescent="0.35">
      <c r="A11351" s="1" t="s">
        <v>43506</v>
      </c>
      <c r="B11351" s="1" t="s">
        <v>41854</v>
      </c>
      <c r="C11351" s="1" t="s">
        <v>160</v>
      </c>
      <c r="D11351" s="1" t="s">
        <v>43625</v>
      </c>
      <c r="E11351" s="1" t="s">
        <v>43626</v>
      </c>
      <c r="F11351" s="1" t="s">
        <v>43627</v>
      </c>
      <c r="G11351" s="1" t="s">
        <v>43509</v>
      </c>
      <c r="H11351" s="1" t="s">
        <v>43510</v>
      </c>
      <c r="I11351" s="1" t="s">
        <v>41860</v>
      </c>
      <c r="J11351" s="1" t="s">
        <v>43628</v>
      </c>
    </row>
    <row r="11352" spans="1:10" x14ac:dyDescent="0.35">
      <c r="A11352" s="1" t="s">
        <v>43506</v>
      </c>
      <c r="B11352" s="1" t="s">
        <v>41854</v>
      </c>
      <c r="C11352" s="1" t="s">
        <v>165</v>
      </c>
      <c r="D11352" s="1" t="s">
        <v>43629</v>
      </c>
      <c r="E11352" s="1" t="s">
        <v>43630</v>
      </c>
      <c r="F11352" s="1" t="s">
        <v>43631</v>
      </c>
      <c r="G11352" s="1" t="s">
        <v>43509</v>
      </c>
      <c r="H11352" s="1" t="s">
        <v>43510</v>
      </c>
      <c r="I11352" s="1" t="s">
        <v>41860</v>
      </c>
      <c r="J11352" s="1" t="s">
        <v>43632</v>
      </c>
    </row>
    <row r="11353" spans="1:10" x14ac:dyDescent="0.35">
      <c r="A11353" s="1" t="s">
        <v>43506</v>
      </c>
      <c r="B11353" s="1" t="s">
        <v>41854</v>
      </c>
      <c r="C11353" s="1" t="s">
        <v>170</v>
      </c>
      <c r="D11353" s="1" t="s">
        <v>43633</v>
      </c>
      <c r="E11353" s="1" t="s">
        <v>43634</v>
      </c>
      <c r="F11353" s="1" t="s">
        <v>43635</v>
      </c>
      <c r="G11353" s="1" t="s">
        <v>43509</v>
      </c>
      <c r="H11353" s="1" t="s">
        <v>43510</v>
      </c>
      <c r="I11353" s="1" t="s">
        <v>41860</v>
      </c>
      <c r="J11353" s="1" t="s">
        <v>43636</v>
      </c>
    </row>
    <row r="11354" spans="1:10" x14ac:dyDescent="0.35">
      <c r="A11354" s="1" t="s">
        <v>43637</v>
      </c>
      <c r="B11354" s="1" t="s">
        <v>41854</v>
      </c>
      <c r="C11354" s="1" t="s">
        <v>8</v>
      </c>
      <c r="D11354" s="1" t="s">
        <v>43638</v>
      </c>
      <c r="E11354" s="1" t="s">
        <v>43639</v>
      </c>
      <c r="F11354" s="1" t="s">
        <v>43640</v>
      </c>
      <c r="G11354" s="1" t="s">
        <v>43641</v>
      </c>
      <c r="H11354" s="1" t="s">
        <v>43642</v>
      </c>
      <c r="I11354" s="1" t="s">
        <v>41860</v>
      </c>
      <c r="J11354" s="1" t="s">
        <v>13</v>
      </c>
    </row>
    <row r="11355" spans="1:10" x14ac:dyDescent="0.35">
      <c r="A11355" s="1" t="s">
        <v>43637</v>
      </c>
      <c r="B11355" s="1" t="s">
        <v>41854</v>
      </c>
      <c r="C11355" s="1" t="s">
        <v>15</v>
      </c>
      <c r="D11355" s="1" t="s">
        <v>43250</v>
      </c>
      <c r="E11355" s="1" t="s">
        <v>43643</v>
      </c>
      <c r="F11355" s="1" t="s">
        <v>43644</v>
      </c>
      <c r="G11355" s="1" t="s">
        <v>43641</v>
      </c>
      <c r="H11355" s="1" t="s">
        <v>43642</v>
      </c>
      <c r="I11355" s="1" t="s">
        <v>41860</v>
      </c>
      <c r="J11355" s="1" t="s">
        <v>43645</v>
      </c>
    </row>
    <row r="11356" spans="1:10" x14ac:dyDescent="0.35">
      <c r="A11356" s="1" t="s">
        <v>43637</v>
      </c>
      <c r="B11356" s="1" t="s">
        <v>41854</v>
      </c>
      <c r="C11356" s="1" t="s">
        <v>20</v>
      </c>
      <c r="D11356" s="1" t="s">
        <v>43646</v>
      </c>
      <c r="E11356" s="1" t="s">
        <v>43647</v>
      </c>
      <c r="F11356" s="1" t="s">
        <v>43648</v>
      </c>
      <c r="G11356" s="1" t="s">
        <v>43641</v>
      </c>
      <c r="H11356" s="1" t="s">
        <v>43642</v>
      </c>
      <c r="I11356" s="1" t="s">
        <v>41860</v>
      </c>
      <c r="J11356" s="1" t="s">
        <v>43649</v>
      </c>
    </row>
    <row r="11357" spans="1:10" x14ac:dyDescent="0.35">
      <c r="A11357" s="1" t="s">
        <v>43637</v>
      </c>
      <c r="B11357" s="1" t="s">
        <v>41854</v>
      </c>
      <c r="C11357" s="1" t="s">
        <v>25</v>
      </c>
      <c r="D11357" s="1" t="s">
        <v>43650</v>
      </c>
      <c r="E11357" s="1" t="s">
        <v>43651</v>
      </c>
      <c r="F11357" s="1" t="s">
        <v>43652</v>
      </c>
      <c r="G11357" s="1" t="s">
        <v>43641</v>
      </c>
      <c r="H11357" s="1" t="s">
        <v>43642</v>
      </c>
      <c r="I11357" s="1" t="s">
        <v>41860</v>
      </c>
      <c r="J11357" s="1" t="s">
        <v>43653</v>
      </c>
    </row>
    <row r="11358" spans="1:10" x14ac:dyDescent="0.35">
      <c r="A11358" s="1" t="s">
        <v>43637</v>
      </c>
      <c r="B11358" s="1" t="s">
        <v>41854</v>
      </c>
      <c r="C11358" s="1" t="s">
        <v>30</v>
      </c>
      <c r="D11358" s="1" t="s">
        <v>43654</v>
      </c>
      <c r="E11358" s="1" t="s">
        <v>43655</v>
      </c>
      <c r="F11358" s="1" t="s">
        <v>43656</v>
      </c>
      <c r="G11358" s="1" t="s">
        <v>43641</v>
      </c>
      <c r="H11358" s="1" t="s">
        <v>43642</v>
      </c>
      <c r="I11358" s="1" t="s">
        <v>41860</v>
      </c>
      <c r="J11358" s="1" t="s">
        <v>43657</v>
      </c>
    </row>
    <row r="11359" spans="1:10" x14ac:dyDescent="0.35">
      <c r="A11359" s="1" t="s">
        <v>43637</v>
      </c>
      <c r="B11359" s="1" t="s">
        <v>41854</v>
      </c>
      <c r="C11359" s="1" t="s">
        <v>35</v>
      </c>
      <c r="D11359" s="1" t="s">
        <v>43658</v>
      </c>
      <c r="E11359" s="1" t="s">
        <v>43659</v>
      </c>
      <c r="F11359" s="1" t="s">
        <v>43660</v>
      </c>
      <c r="G11359" s="1" t="s">
        <v>43641</v>
      </c>
      <c r="H11359" s="1" t="s">
        <v>43642</v>
      </c>
      <c r="I11359" s="1" t="s">
        <v>41860</v>
      </c>
      <c r="J11359" s="1" t="s">
        <v>43661</v>
      </c>
    </row>
    <row r="11360" spans="1:10" x14ac:dyDescent="0.35">
      <c r="A11360" s="1" t="s">
        <v>43637</v>
      </c>
      <c r="B11360" s="1" t="s">
        <v>41854</v>
      </c>
      <c r="C11360" s="1" t="s">
        <v>40</v>
      </c>
      <c r="D11360" s="1" t="s">
        <v>43662</v>
      </c>
      <c r="E11360" s="1" t="s">
        <v>43663</v>
      </c>
      <c r="F11360" s="1" t="s">
        <v>43664</v>
      </c>
      <c r="G11360" s="1" t="s">
        <v>43641</v>
      </c>
      <c r="H11360" s="1" t="s">
        <v>43642</v>
      </c>
      <c r="I11360" s="1" t="s">
        <v>41860</v>
      </c>
      <c r="J11360" s="1" t="s">
        <v>43665</v>
      </c>
    </row>
    <row r="11361" spans="1:10" x14ac:dyDescent="0.35">
      <c r="A11361" s="1" t="s">
        <v>43637</v>
      </c>
      <c r="B11361" s="1" t="s">
        <v>41854</v>
      </c>
      <c r="C11361" s="1" t="s">
        <v>45</v>
      </c>
      <c r="D11361" s="1" t="s">
        <v>43666</v>
      </c>
      <c r="E11361" s="1" t="s">
        <v>43667</v>
      </c>
      <c r="F11361" s="1" t="s">
        <v>43668</v>
      </c>
      <c r="G11361" s="1" t="s">
        <v>43641</v>
      </c>
      <c r="H11361" s="1" t="s">
        <v>43642</v>
      </c>
      <c r="I11361" s="1" t="s">
        <v>41860</v>
      </c>
      <c r="J11361" s="1" t="s">
        <v>43669</v>
      </c>
    </row>
    <row r="11362" spans="1:10" x14ac:dyDescent="0.35">
      <c r="A11362" s="1" t="s">
        <v>43637</v>
      </c>
      <c r="B11362" s="1" t="s">
        <v>41854</v>
      </c>
      <c r="C11362" s="1" t="s">
        <v>50</v>
      </c>
      <c r="D11362" s="1" t="s">
        <v>43670</v>
      </c>
      <c r="E11362" s="1" t="s">
        <v>43671</v>
      </c>
      <c r="F11362" s="1" t="s">
        <v>43672</v>
      </c>
      <c r="G11362" s="1" t="s">
        <v>43641</v>
      </c>
      <c r="H11362" s="1" t="s">
        <v>43642</v>
      </c>
      <c r="I11362" s="1" t="s">
        <v>41860</v>
      </c>
      <c r="J11362" s="1" t="s">
        <v>43673</v>
      </c>
    </row>
    <row r="11363" spans="1:10" x14ac:dyDescent="0.35">
      <c r="A11363" s="1" t="s">
        <v>43637</v>
      </c>
      <c r="B11363" s="1" t="s">
        <v>41854</v>
      </c>
      <c r="C11363" s="1" t="s">
        <v>55</v>
      </c>
      <c r="D11363" s="1" t="s">
        <v>43674</v>
      </c>
      <c r="E11363" s="1" t="s">
        <v>43675</v>
      </c>
      <c r="F11363" s="1" t="s">
        <v>43676</v>
      </c>
      <c r="G11363" s="1" t="s">
        <v>43641</v>
      </c>
      <c r="H11363" s="1" t="s">
        <v>43642</v>
      </c>
      <c r="I11363" s="1" t="s">
        <v>41860</v>
      </c>
      <c r="J11363" s="1" t="s">
        <v>43677</v>
      </c>
    </row>
    <row r="11364" spans="1:10" x14ac:dyDescent="0.35">
      <c r="A11364" s="1" t="s">
        <v>43637</v>
      </c>
      <c r="B11364" s="1" t="s">
        <v>41854</v>
      </c>
      <c r="C11364" s="1" t="s">
        <v>60</v>
      </c>
      <c r="D11364" s="1" t="s">
        <v>43678</v>
      </c>
      <c r="E11364" s="1" t="s">
        <v>43679</v>
      </c>
      <c r="F11364" s="1" t="s">
        <v>43680</v>
      </c>
      <c r="G11364" s="1" t="s">
        <v>43641</v>
      </c>
      <c r="H11364" s="1" t="s">
        <v>43642</v>
      </c>
      <c r="I11364" s="1" t="s">
        <v>41860</v>
      </c>
      <c r="J11364" s="1" t="s">
        <v>43681</v>
      </c>
    </row>
    <row r="11365" spans="1:10" x14ac:dyDescent="0.35">
      <c r="A11365" s="1" t="s">
        <v>43637</v>
      </c>
      <c r="B11365" s="1" t="s">
        <v>41854</v>
      </c>
      <c r="C11365" s="1" t="s">
        <v>65</v>
      </c>
      <c r="D11365" s="1" t="s">
        <v>43682</v>
      </c>
      <c r="E11365" s="1" t="s">
        <v>43683</v>
      </c>
      <c r="F11365" s="1" t="s">
        <v>43684</v>
      </c>
      <c r="G11365" s="1" t="s">
        <v>43641</v>
      </c>
      <c r="H11365" s="1" t="s">
        <v>43642</v>
      </c>
      <c r="I11365" s="1" t="s">
        <v>41860</v>
      </c>
      <c r="J11365" s="1" t="s">
        <v>43685</v>
      </c>
    </row>
    <row r="11366" spans="1:10" x14ac:dyDescent="0.35">
      <c r="A11366" s="1" t="s">
        <v>43637</v>
      </c>
      <c r="B11366" s="1" t="s">
        <v>41854</v>
      </c>
      <c r="C11366" s="1" t="s">
        <v>70</v>
      </c>
      <c r="D11366" s="1" t="s">
        <v>43686</v>
      </c>
      <c r="E11366" s="1" t="s">
        <v>43687</v>
      </c>
      <c r="F11366" s="1" t="s">
        <v>43688</v>
      </c>
      <c r="G11366" s="1" t="s">
        <v>43641</v>
      </c>
      <c r="H11366" s="1" t="s">
        <v>43642</v>
      </c>
      <c r="I11366" s="1" t="s">
        <v>41860</v>
      </c>
      <c r="J11366" s="1" t="s">
        <v>43689</v>
      </c>
    </row>
    <row r="11367" spans="1:10" x14ac:dyDescent="0.35">
      <c r="A11367" s="1" t="s">
        <v>43637</v>
      </c>
      <c r="B11367" s="1" t="s">
        <v>41854</v>
      </c>
      <c r="C11367" s="1" t="s">
        <v>75</v>
      </c>
      <c r="D11367" s="1" t="s">
        <v>43690</v>
      </c>
      <c r="E11367" s="1" t="s">
        <v>43691</v>
      </c>
      <c r="F11367" s="1" t="s">
        <v>43692</v>
      </c>
      <c r="G11367" s="1" t="s">
        <v>43641</v>
      </c>
      <c r="H11367" s="1" t="s">
        <v>43642</v>
      </c>
      <c r="I11367" s="1" t="s">
        <v>41860</v>
      </c>
      <c r="J11367" s="1" t="s">
        <v>43693</v>
      </c>
    </row>
    <row r="11368" spans="1:10" x14ac:dyDescent="0.35">
      <c r="A11368" s="1" t="s">
        <v>43637</v>
      </c>
      <c r="B11368" s="1" t="s">
        <v>41854</v>
      </c>
      <c r="C11368" s="1" t="s">
        <v>80</v>
      </c>
      <c r="D11368" s="1" t="s">
        <v>43694</v>
      </c>
      <c r="E11368" s="1" t="s">
        <v>43695</v>
      </c>
      <c r="F11368" s="1" t="s">
        <v>43696</v>
      </c>
      <c r="G11368" s="1" t="s">
        <v>43641</v>
      </c>
      <c r="H11368" s="1" t="s">
        <v>43642</v>
      </c>
      <c r="I11368" s="1" t="s">
        <v>41860</v>
      </c>
      <c r="J11368" s="1" t="s">
        <v>43697</v>
      </c>
    </row>
    <row r="11369" spans="1:10" x14ac:dyDescent="0.35">
      <c r="A11369" s="1" t="s">
        <v>43637</v>
      </c>
      <c r="B11369" s="1" t="s">
        <v>41854</v>
      </c>
      <c r="C11369" s="1" t="s">
        <v>85</v>
      </c>
      <c r="D11369" s="1" t="s">
        <v>14390</v>
      </c>
      <c r="E11369" s="1" t="s">
        <v>43698</v>
      </c>
      <c r="F11369" s="1" t="s">
        <v>43699</v>
      </c>
      <c r="G11369" s="1" t="s">
        <v>43641</v>
      </c>
      <c r="H11369" s="1" t="s">
        <v>43642</v>
      </c>
      <c r="I11369" s="1" t="s">
        <v>41860</v>
      </c>
      <c r="J11369" s="1" t="s">
        <v>43700</v>
      </c>
    </row>
    <row r="11370" spans="1:10" x14ac:dyDescent="0.35">
      <c r="A11370" s="1" t="s">
        <v>43637</v>
      </c>
      <c r="B11370" s="1" t="s">
        <v>41854</v>
      </c>
      <c r="C11370" s="1" t="s">
        <v>90</v>
      </c>
      <c r="D11370" s="1" t="s">
        <v>43701</v>
      </c>
      <c r="E11370" s="1" t="s">
        <v>43702</v>
      </c>
      <c r="F11370" s="1" t="s">
        <v>43703</v>
      </c>
      <c r="G11370" s="1" t="s">
        <v>43641</v>
      </c>
      <c r="H11370" s="1" t="s">
        <v>43642</v>
      </c>
      <c r="I11370" s="1" t="s">
        <v>41860</v>
      </c>
      <c r="J11370" s="1" t="s">
        <v>43704</v>
      </c>
    </row>
    <row r="11371" spans="1:10" x14ac:dyDescent="0.35">
      <c r="A11371" s="1" t="s">
        <v>43637</v>
      </c>
      <c r="B11371" s="1" t="s">
        <v>41854</v>
      </c>
      <c r="C11371" s="1" t="s">
        <v>95</v>
      </c>
      <c r="D11371" s="1" t="s">
        <v>43705</v>
      </c>
      <c r="E11371" s="1" t="s">
        <v>43706</v>
      </c>
      <c r="F11371" s="1" t="s">
        <v>43707</v>
      </c>
      <c r="G11371" s="1" t="s">
        <v>43641</v>
      </c>
      <c r="H11371" s="1" t="s">
        <v>43642</v>
      </c>
      <c r="I11371" s="1" t="s">
        <v>41860</v>
      </c>
      <c r="J11371" s="1" t="s">
        <v>43708</v>
      </c>
    </row>
    <row r="11372" spans="1:10" x14ac:dyDescent="0.35">
      <c r="A11372" s="1" t="s">
        <v>43637</v>
      </c>
      <c r="B11372" s="1" t="s">
        <v>41854</v>
      </c>
      <c r="C11372" s="1" t="s">
        <v>100</v>
      </c>
      <c r="D11372" s="1" t="s">
        <v>43709</v>
      </c>
      <c r="E11372" s="1" t="s">
        <v>43710</v>
      </c>
      <c r="F11372" s="1" t="s">
        <v>43711</v>
      </c>
      <c r="G11372" s="1" t="s">
        <v>43641</v>
      </c>
      <c r="H11372" s="1" t="s">
        <v>43642</v>
      </c>
      <c r="I11372" s="1" t="s">
        <v>41860</v>
      </c>
      <c r="J11372" s="1" t="s">
        <v>43712</v>
      </c>
    </row>
    <row r="11373" spans="1:10" x14ac:dyDescent="0.35">
      <c r="A11373" s="1" t="s">
        <v>43637</v>
      </c>
      <c r="B11373" s="1" t="s">
        <v>41854</v>
      </c>
      <c r="C11373" s="1" t="s">
        <v>105</v>
      </c>
      <c r="D11373" s="1" t="s">
        <v>43713</v>
      </c>
      <c r="E11373" s="1" t="s">
        <v>43714</v>
      </c>
      <c r="F11373" s="1" t="s">
        <v>43715</v>
      </c>
      <c r="G11373" s="1" t="s">
        <v>43641</v>
      </c>
      <c r="H11373" s="1" t="s">
        <v>43642</v>
      </c>
      <c r="I11373" s="1" t="s">
        <v>41860</v>
      </c>
      <c r="J11373" s="1" t="s">
        <v>43716</v>
      </c>
    </row>
    <row r="11374" spans="1:10" x14ac:dyDescent="0.35">
      <c r="A11374" s="1" t="s">
        <v>43637</v>
      </c>
      <c r="B11374" s="1" t="s">
        <v>41854</v>
      </c>
      <c r="C11374" s="1" t="s">
        <v>110</v>
      </c>
      <c r="D11374" s="1" t="s">
        <v>43717</v>
      </c>
      <c r="E11374" s="1" t="s">
        <v>43718</v>
      </c>
      <c r="F11374" s="1" t="s">
        <v>43719</v>
      </c>
      <c r="G11374" s="1" t="s">
        <v>43641</v>
      </c>
      <c r="H11374" s="1" t="s">
        <v>43642</v>
      </c>
      <c r="I11374" s="1" t="s">
        <v>41860</v>
      </c>
      <c r="J11374" s="1" t="s">
        <v>43720</v>
      </c>
    </row>
    <row r="11375" spans="1:10" x14ac:dyDescent="0.35">
      <c r="A11375" s="1" t="s">
        <v>43637</v>
      </c>
      <c r="B11375" s="1" t="s">
        <v>41854</v>
      </c>
      <c r="C11375" s="1" t="s">
        <v>115</v>
      </c>
      <c r="D11375" s="1" t="s">
        <v>43721</v>
      </c>
      <c r="E11375" s="1" t="s">
        <v>43722</v>
      </c>
      <c r="F11375" s="1" t="s">
        <v>43723</v>
      </c>
      <c r="G11375" s="1" t="s">
        <v>43641</v>
      </c>
      <c r="H11375" s="1" t="s">
        <v>43642</v>
      </c>
      <c r="I11375" s="1" t="s">
        <v>41860</v>
      </c>
      <c r="J11375" s="1" t="s">
        <v>43724</v>
      </c>
    </row>
    <row r="11376" spans="1:10" x14ac:dyDescent="0.35">
      <c r="A11376" s="1" t="s">
        <v>43637</v>
      </c>
      <c r="B11376" s="1" t="s">
        <v>41854</v>
      </c>
      <c r="C11376" s="1" t="s">
        <v>120</v>
      </c>
      <c r="D11376" s="1" t="s">
        <v>43725</v>
      </c>
      <c r="E11376" s="1" t="s">
        <v>43726</v>
      </c>
      <c r="F11376" s="1" t="s">
        <v>43727</v>
      </c>
      <c r="G11376" s="1" t="s">
        <v>43641</v>
      </c>
      <c r="H11376" s="1" t="s">
        <v>43642</v>
      </c>
      <c r="I11376" s="1" t="s">
        <v>41860</v>
      </c>
      <c r="J11376" s="1" t="s">
        <v>43728</v>
      </c>
    </row>
    <row r="11377" spans="1:10" x14ac:dyDescent="0.35">
      <c r="A11377" s="1" t="s">
        <v>43637</v>
      </c>
      <c r="B11377" s="1" t="s">
        <v>41854</v>
      </c>
      <c r="C11377" s="1" t="s">
        <v>125</v>
      </c>
      <c r="D11377" s="1" t="s">
        <v>6844</v>
      </c>
      <c r="E11377" s="1" t="s">
        <v>43729</v>
      </c>
      <c r="F11377" s="1" t="s">
        <v>43730</v>
      </c>
      <c r="G11377" s="1" t="s">
        <v>43641</v>
      </c>
      <c r="H11377" s="1" t="s">
        <v>43642</v>
      </c>
      <c r="I11377" s="1" t="s">
        <v>41860</v>
      </c>
      <c r="J11377" s="1" t="s">
        <v>43731</v>
      </c>
    </row>
    <row r="11378" spans="1:10" x14ac:dyDescent="0.35">
      <c r="A11378" s="1" t="s">
        <v>43637</v>
      </c>
      <c r="B11378" s="1" t="s">
        <v>41854</v>
      </c>
      <c r="C11378" s="1" t="s">
        <v>130</v>
      </c>
      <c r="D11378" s="1" t="s">
        <v>11507</v>
      </c>
      <c r="E11378" s="1" t="s">
        <v>43732</v>
      </c>
      <c r="F11378" s="1" t="s">
        <v>43733</v>
      </c>
      <c r="G11378" s="1" t="s">
        <v>43641</v>
      </c>
      <c r="H11378" s="1" t="s">
        <v>43642</v>
      </c>
      <c r="I11378" s="1" t="s">
        <v>41860</v>
      </c>
      <c r="J11378" s="1" t="s">
        <v>43734</v>
      </c>
    </row>
    <row r="11379" spans="1:10" x14ac:dyDescent="0.35">
      <c r="A11379" s="1" t="s">
        <v>43637</v>
      </c>
      <c r="B11379" s="1" t="s">
        <v>41854</v>
      </c>
      <c r="C11379" s="1" t="s">
        <v>135</v>
      </c>
      <c r="D11379" s="1" t="s">
        <v>43735</v>
      </c>
      <c r="E11379" s="1" t="s">
        <v>43736</v>
      </c>
      <c r="F11379" s="1" t="s">
        <v>43737</v>
      </c>
      <c r="G11379" s="1" t="s">
        <v>43641</v>
      </c>
      <c r="H11379" s="1" t="s">
        <v>43642</v>
      </c>
      <c r="I11379" s="1" t="s">
        <v>41860</v>
      </c>
      <c r="J11379" s="1" t="s">
        <v>43738</v>
      </c>
    </row>
    <row r="11380" spans="1:10" x14ac:dyDescent="0.35">
      <c r="A11380" s="1" t="s">
        <v>43637</v>
      </c>
      <c r="B11380" s="1" t="s">
        <v>41854</v>
      </c>
      <c r="C11380" s="1" t="s">
        <v>140</v>
      </c>
      <c r="D11380" s="1" t="s">
        <v>42710</v>
      </c>
      <c r="E11380" s="1" t="s">
        <v>43739</v>
      </c>
      <c r="F11380" s="1" t="s">
        <v>43740</v>
      </c>
      <c r="G11380" s="1" t="s">
        <v>43641</v>
      </c>
      <c r="H11380" s="1" t="s">
        <v>43642</v>
      </c>
      <c r="I11380" s="1" t="s">
        <v>41860</v>
      </c>
      <c r="J11380" s="1" t="s">
        <v>43741</v>
      </c>
    </row>
    <row r="11381" spans="1:10" x14ac:dyDescent="0.35">
      <c r="A11381" s="1" t="s">
        <v>43637</v>
      </c>
      <c r="B11381" s="1" t="s">
        <v>41854</v>
      </c>
      <c r="C11381" s="1" t="s">
        <v>145</v>
      </c>
      <c r="D11381" s="1" t="s">
        <v>43742</v>
      </c>
      <c r="E11381" s="1" t="s">
        <v>43743</v>
      </c>
      <c r="F11381" s="1" t="s">
        <v>43744</v>
      </c>
      <c r="G11381" s="1" t="s">
        <v>43641</v>
      </c>
      <c r="H11381" s="1" t="s">
        <v>43642</v>
      </c>
      <c r="I11381" s="1" t="s">
        <v>41860</v>
      </c>
      <c r="J11381" s="1" t="s">
        <v>43745</v>
      </c>
    </row>
    <row r="11382" spans="1:10" x14ac:dyDescent="0.35">
      <c r="A11382" s="1" t="s">
        <v>43637</v>
      </c>
      <c r="B11382" s="1" t="s">
        <v>41854</v>
      </c>
      <c r="C11382" s="1" t="s">
        <v>150</v>
      </c>
      <c r="D11382" s="1" t="s">
        <v>43746</v>
      </c>
      <c r="E11382" s="1" t="s">
        <v>43747</v>
      </c>
      <c r="F11382" s="1" t="s">
        <v>43748</v>
      </c>
      <c r="G11382" s="1" t="s">
        <v>43641</v>
      </c>
      <c r="H11382" s="1" t="s">
        <v>43642</v>
      </c>
      <c r="I11382" s="1" t="s">
        <v>41860</v>
      </c>
      <c r="J11382" s="1" t="s">
        <v>43749</v>
      </c>
    </row>
    <row r="11383" spans="1:10" x14ac:dyDescent="0.35">
      <c r="A11383" s="1" t="s">
        <v>43637</v>
      </c>
      <c r="B11383" s="1" t="s">
        <v>41854</v>
      </c>
      <c r="C11383" s="1" t="s">
        <v>155</v>
      </c>
      <c r="D11383" s="1" t="s">
        <v>42278</v>
      </c>
      <c r="E11383" s="1" t="s">
        <v>43750</v>
      </c>
      <c r="F11383" s="1" t="s">
        <v>43751</v>
      </c>
      <c r="G11383" s="1" t="s">
        <v>43641</v>
      </c>
      <c r="H11383" s="1" t="s">
        <v>43642</v>
      </c>
      <c r="I11383" s="1" t="s">
        <v>41860</v>
      </c>
      <c r="J11383" s="1" t="s">
        <v>43752</v>
      </c>
    </row>
    <row r="11384" spans="1:10" x14ac:dyDescent="0.35">
      <c r="A11384" s="1" t="s">
        <v>43637</v>
      </c>
      <c r="B11384" s="1" t="s">
        <v>41854</v>
      </c>
      <c r="C11384" s="1" t="s">
        <v>160</v>
      </c>
      <c r="D11384" s="1" t="s">
        <v>43753</v>
      </c>
      <c r="E11384" s="1" t="s">
        <v>43754</v>
      </c>
      <c r="F11384" s="1" t="s">
        <v>43755</v>
      </c>
      <c r="G11384" s="1" t="s">
        <v>43641</v>
      </c>
      <c r="H11384" s="1" t="s">
        <v>43642</v>
      </c>
      <c r="I11384" s="1" t="s">
        <v>41860</v>
      </c>
      <c r="J11384" s="1" t="s">
        <v>43756</v>
      </c>
    </row>
    <row r="11385" spans="1:10" x14ac:dyDescent="0.35">
      <c r="A11385" s="1" t="s">
        <v>43637</v>
      </c>
      <c r="B11385" s="1" t="s">
        <v>41854</v>
      </c>
      <c r="C11385" s="1" t="s">
        <v>165</v>
      </c>
      <c r="D11385" s="1" t="s">
        <v>43757</v>
      </c>
      <c r="E11385" s="1" t="s">
        <v>43758</v>
      </c>
      <c r="F11385" s="1" t="s">
        <v>43759</v>
      </c>
      <c r="G11385" s="1" t="s">
        <v>43641</v>
      </c>
      <c r="H11385" s="1" t="s">
        <v>43642</v>
      </c>
      <c r="I11385" s="1" t="s">
        <v>41860</v>
      </c>
      <c r="J11385" s="1" t="s">
        <v>43760</v>
      </c>
    </row>
    <row r="11386" spans="1:10" x14ac:dyDescent="0.35">
      <c r="A11386" s="1" t="s">
        <v>43637</v>
      </c>
      <c r="B11386" s="1" t="s">
        <v>41854</v>
      </c>
      <c r="C11386" s="1" t="s">
        <v>170</v>
      </c>
      <c r="D11386" s="1" t="s">
        <v>43761</v>
      </c>
      <c r="E11386" s="1" t="s">
        <v>43762</v>
      </c>
      <c r="F11386" s="1" t="s">
        <v>43763</v>
      </c>
      <c r="G11386" s="1" t="s">
        <v>43641</v>
      </c>
      <c r="H11386" s="1" t="s">
        <v>43642</v>
      </c>
      <c r="I11386" s="1" t="s">
        <v>41860</v>
      </c>
      <c r="J11386" s="1" t="s">
        <v>43764</v>
      </c>
    </row>
    <row r="11387" spans="1:10" x14ac:dyDescent="0.35">
      <c r="A11387" s="1" t="s">
        <v>43765</v>
      </c>
      <c r="B11387" s="1" t="s">
        <v>43766</v>
      </c>
      <c r="C11387" s="1" t="s">
        <v>8</v>
      </c>
      <c r="D11387" s="1" t="s">
        <v>43767</v>
      </c>
      <c r="E11387" s="1" t="s">
        <v>43768</v>
      </c>
      <c r="F11387" s="1" t="s">
        <v>43769</v>
      </c>
      <c r="G11387" s="1" t="s">
        <v>43770</v>
      </c>
      <c r="H11387" s="1" t="s">
        <v>43771</v>
      </c>
      <c r="I11387" s="1" t="s">
        <v>43772</v>
      </c>
      <c r="J11387" s="1" t="s">
        <v>13</v>
      </c>
    </row>
    <row r="11388" spans="1:10" x14ac:dyDescent="0.35">
      <c r="A11388" s="1" t="s">
        <v>43765</v>
      </c>
      <c r="B11388" s="1" t="s">
        <v>43766</v>
      </c>
      <c r="C11388" s="1" t="s">
        <v>15</v>
      </c>
      <c r="D11388" s="1" t="s">
        <v>43773</v>
      </c>
      <c r="E11388" s="1" t="s">
        <v>43774</v>
      </c>
      <c r="F11388" s="1" t="s">
        <v>43775</v>
      </c>
      <c r="G11388" s="1" t="s">
        <v>43770</v>
      </c>
      <c r="H11388" s="1" t="s">
        <v>43771</v>
      </c>
      <c r="I11388" s="1" t="s">
        <v>43772</v>
      </c>
      <c r="J11388" s="1" t="s">
        <v>43776</v>
      </c>
    </row>
    <row r="11389" spans="1:10" x14ac:dyDescent="0.35">
      <c r="A11389" s="1" t="s">
        <v>43765</v>
      </c>
      <c r="B11389" s="1" t="s">
        <v>43766</v>
      </c>
      <c r="C11389" s="1" t="s">
        <v>20</v>
      </c>
      <c r="D11389" s="1" t="s">
        <v>9190</v>
      </c>
      <c r="E11389" s="1" t="s">
        <v>43777</v>
      </c>
      <c r="F11389" s="1" t="s">
        <v>43778</v>
      </c>
      <c r="G11389" s="1" t="s">
        <v>43770</v>
      </c>
      <c r="H11389" s="1" t="s">
        <v>43771</v>
      </c>
      <c r="I11389" s="1" t="s">
        <v>43772</v>
      </c>
      <c r="J11389" s="1" t="s">
        <v>43779</v>
      </c>
    </row>
    <row r="11390" spans="1:10" x14ac:dyDescent="0.35">
      <c r="A11390" s="1" t="s">
        <v>43765</v>
      </c>
      <c r="B11390" s="1" t="s">
        <v>43766</v>
      </c>
      <c r="C11390" s="1" t="s">
        <v>25</v>
      </c>
      <c r="D11390" s="1" t="s">
        <v>43780</v>
      </c>
      <c r="E11390" s="1" t="s">
        <v>43781</v>
      </c>
      <c r="F11390" s="1" t="s">
        <v>43782</v>
      </c>
      <c r="G11390" s="1" t="s">
        <v>43770</v>
      </c>
      <c r="H11390" s="1" t="s">
        <v>43771</v>
      </c>
      <c r="I11390" s="1" t="s">
        <v>43772</v>
      </c>
      <c r="J11390" s="1" t="s">
        <v>43783</v>
      </c>
    </row>
    <row r="11391" spans="1:10" x14ac:dyDescent="0.35">
      <c r="A11391" s="1" t="s">
        <v>43765</v>
      </c>
      <c r="B11391" s="1" t="s">
        <v>43766</v>
      </c>
      <c r="C11391" s="1" t="s">
        <v>30</v>
      </c>
      <c r="D11391" s="1" t="s">
        <v>43784</v>
      </c>
      <c r="E11391" s="1" t="s">
        <v>43785</v>
      </c>
      <c r="F11391" s="1" t="s">
        <v>43786</v>
      </c>
      <c r="G11391" s="1" t="s">
        <v>43770</v>
      </c>
      <c r="H11391" s="1" t="s">
        <v>43771</v>
      </c>
      <c r="I11391" s="1" t="s">
        <v>43772</v>
      </c>
      <c r="J11391" s="1" t="s">
        <v>43787</v>
      </c>
    </row>
    <row r="11392" spans="1:10" x14ac:dyDescent="0.35">
      <c r="A11392" s="1" t="s">
        <v>43765</v>
      </c>
      <c r="B11392" s="1" t="s">
        <v>43766</v>
      </c>
      <c r="C11392" s="1" t="s">
        <v>35</v>
      </c>
      <c r="D11392" s="1" t="s">
        <v>28842</v>
      </c>
      <c r="E11392" s="1" t="s">
        <v>43788</v>
      </c>
      <c r="F11392" s="1" t="s">
        <v>43789</v>
      </c>
      <c r="G11392" s="1" t="s">
        <v>43770</v>
      </c>
      <c r="H11392" s="1" t="s">
        <v>43771</v>
      </c>
      <c r="I11392" s="1" t="s">
        <v>43772</v>
      </c>
      <c r="J11392" s="1" t="s">
        <v>43790</v>
      </c>
    </row>
    <row r="11393" spans="1:10" x14ac:dyDescent="0.35">
      <c r="A11393" s="1" t="s">
        <v>43765</v>
      </c>
      <c r="B11393" s="1" t="s">
        <v>43766</v>
      </c>
      <c r="C11393" s="1" t="s">
        <v>40</v>
      </c>
      <c r="D11393" s="1" t="s">
        <v>2155</v>
      </c>
      <c r="E11393" s="1" t="s">
        <v>43791</v>
      </c>
      <c r="F11393" s="1" t="s">
        <v>43792</v>
      </c>
      <c r="G11393" s="1" t="s">
        <v>43770</v>
      </c>
      <c r="H11393" s="1" t="s">
        <v>43771</v>
      </c>
      <c r="I11393" s="1" t="s">
        <v>43772</v>
      </c>
      <c r="J11393" s="1" t="s">
        <v>43793</v>
      </c>
    </row>
    <row r="11394" spans="1:10" x14ac:dyDescent="0.35">
      <c r="A11394" s="1" t="s">
        <v>43765</v>
      </c>
      <c r="B11394" s="1" t="s">
        <v>43766</v>
      </c>
      <c r="C11394" s="1" t="s">
        <v>45</v>
      </c>
      <c r="D11394" s="1" t="s">
        <v>4520</v>
      </c>
      <c r="E11394" s="1" t="s">
        <v>43794</v>
      </c>
      <c r="F11394" s="1" t="s">
        <v>43795</v>
      </c>
      <c r="G11394" s="1" t="s">
        <v>43770</v>
      </c>
      <c r="H11394" s="1" t="s">
        <v>43771</v>
      </c>
      <c r="I11394" s="1" t="s">
        <v>43772</v>
      </c>
      <c r="J11394" s="1" t="s">
        <v>43796</v>
      </c>
    </row>
    <row r="11395" spans="1:10" x14ac:dyDescent="0.35">
      <c r="A11395" s="1" t="s">
        <v>43765</v>
      </c>
      <c r="B11395" s="1" t="s">
        <v>43766</v>
      </c>
      <c r="C11395" s="1" t="s">
        <v>50</v>
      </c>
      <c r="D11395" s="1" t="s">
        <v>3920</v>
      </c>
      <c r="E11395" s="1" t="s">
        <v>43797</v>
      </c>
      <c r="F11395" s="1" t="s">
        <v>43798</v>
      </c>
      <c r="G11395" s="1" t="s">
        <v>43770</v>
      </c>
      <c r="H11395" s="1" t="s">
        <v>43771</v>
      </c>
      <c r="I11395" s="1" t="s">
        <v>43772</v>
      </c>
      <c r="J11395" s="1" t="s">
        <v>43799</v>
      </c>
    </row>
    <row r="11396" spans="1:10" x14ac:dyDescent="0.35">
      <c r="A11396" s="1" t="s">
        <v>43765</v>
      </c>
      <c r="B11396" s="1" t="s">
        <v>43766</v>
      </c>
      <c r="C11396" s="1" t="s">
        <v>55</v>
      </c>
      <c r="D11396" s="1" t="s">
        <v>28759</v>
      </c>
      <c r="E11396" s="1" t="s">
        <v>43800</v>
      </c>
      <c r="F11396" s="1" t="s">
        <v>43801</v>
      </c>
      <c r="G11396" s="1" t="s">
        <v>43770</v>
      </c>
      <c r="H11396" s="1" t="s">
        <v>43771</v>
      </c>
      <c r="I11396" s="1" t="s">
        <v>43772</v>
      </c>
      <c r="J11396" s="1" t="s">
        <v>43802</v>
      </c>
    </row>
    <row r="11397" spans="1:10" x14ac:dyDescent="0.35">
      <c r="A11397" s="1" t="s">
        <v>43765</v>
      </c>
      <c r="B11397" s="1" t="s">
        <v>43766</v>
      </c>
      <c r="C11397" s="1" t="s">
        <v>60</v>
      </c>
      <c r="D11397" s="1" t="s">
        <v>8772</v>
      </c>
      <c r="E11397" s="1" t="s">
        <v>43803</v>
      </c>
      <c r="F11397" s="1" t="s">
        <v>43804</v>
      </c>
      <c r="G11397" s="1" t="s">
        <v>43770</v>
      </c>
      <c r="H11397" s="1" t="s">
        <v>43771</v>
      </c>
      <c r="I11397" s="1" t="s">
        <v>43772</v>
      </c>
      <c r="J11397" s="1" t="s">
        <v>43805</v>
      </c>
    </row>
    <row r="11398" spans="1:10" x14ac:dyDescent="0.35">
      <c r="A11398" s="1" t="s">
        <v>43765</v>
      </c>
      <c r="B11398" s="1" t="s">
        <v>43766</v>
      </c>
      <c r="C11398" s="1" t="s">
        <v>65</v>
      </c>
      <c r="D11398" s="1" t="s">
        <v>43806</v>
      </c>
      <c r="E11398" s="1" t="s">
        <v>43807</v>
      </c>
      <c r="F11398" s="1" t="s">
        <v>43808</v>
      </c>
      <c r="G11398" s="1" t="s">
        <v>43770</v>
      </c>
      <c r="H11398" s="1" t="s">
        <v>43771</v>
      </c>
      <c r="I11398" s="1" t="s">
        <v>43772</v>
      </c>
      <c r="J11398" s="1" t="s">
        <v>43809</v>
      </c>
    </row>
    <row r="11399" spans="1:10" x14ac:dyDescent="0.35">
      <c r="A11399" s="1" t="s">
        <v>43765</v>
      </c>
      <c r="B11399" s="1" t="s">
        <v>43766</v>
      </c>
      <c r="C11399" s="1" t="s">
        <v>70</v>
      </c>
      <c r="D11399" s="1" t="s">
        <v>43810</v>
      </c>
      <c r="E11399" s="1" t="s">
        <v>43811</v>
      </c>
      <c r="F11399" s="1" t="s">
        <v>43812</v>
      </c>
      <c r="G11399" s="1" t="s">
        <v>43770</v>
      </c>
      <c r="H11399" s="1" t="s">
        <v>43771</v>
      </c>
      <c r="I11399" s="1" t="s">
        <v>43772</v>
      </c>
      <c r="J11399" s="1" t="s">
        <v>43813</v>
      </c>
    </row>
    <row r="11400" spans="1:10" x14ac:dyDescent="0.35">
      <c r="A11400" s="1" t="s">
        <v>43765</v>
      </c>
      <c r="B11400" s="1" t="s">
        <v>43766</v>
      </c>
      <c r="C11400" s="1" t="s">
        <v>75</v>
      </c>
      <c r="D11400" s="1" t="s">
        <v>43814</v>
      </c>
      <c r="E11400" s="1" t="s">
        <v>43815</v>
      </c>
      <c r="F11400" s="1" t="s">
        <v>43816</v>
      </c>
      <c r="G11400" s="1" t="s">
        <v>43770</v>
      </c>
      <c r="H11400" s="1" t="s">
        <v>43771</v>
      </c>
      <c r="I11400" s="1" t="s">
        <v>43772</v>
      </c>
      <c r="J11400" s="1" t="s">
        <v>43817</v>
      </c>
    </row>
    <row r="11401" spans="1:10" x14ac:dyDescent="0.35">
      <c r="A11401" s="1" t="s">
        <v>43765</v>
      </c>
      <c r="B11401" s="1" t="s">
        <v>43766</v>
      </c>
      <c r="C11401" s="1" t="s">
        <v>80</v>
      </c>
      <c r="D11401" s="1" t="s">
        <v>4765</v>
      </c>
      <c r="E11401" s="1" t="s">
        <v>43818</v>
      </c>
      <c r="F11401" s="1" t="s">
        <v>43819</v>
      </c>
      <c r="G11401" s="1" t="s">
        <v>43770</v>
      </c>
      <c r="H11401" s="1" t="s">
        <v>43771</v>
      </c>
      <c r="I11401" s="1" t="s">
        <v>43772</v>
      </c>
      <c r="J11401" s="1" t="s">
        <v>43820</v>
      </c>
    </row>
    <row r="11402" spans="1:10" x14ac:dyDescent="0.35">
      <c r="A11402" s="1" t="s">
        <v>43765</v>
      </c>
      <c r="B11402" s="1" t="s">
        <v>43766</v>
      </c>
      <c r="C11402" s="1" t="s">
        <v>85</v>
      </c>
      <c r="D11402" s="1" t="s">
        <v>43821</v>
      </c>
      <c r="E11402" s="1" t="s">
        <v>43822</v>
      </c>
      <c r="F11402" s="1" t="s">
        <v>43823</v>
      </c>
      <c r="G11402" s="1" t="s">
        <v>43770</v>
      </c>
      <c r="H11402" s="1" t="s">
        <v>43771</v>
      </c>
      <c r="I11402" s="1" t="s">
        <v>43772</v>
      </c>
      <c r="J11402" s="1" t="s">
        <v>43824</v>
      </c>
    </row>
    <row r="11403" spans="1:10" x14ac:dyDescent="0.35">
      <c r="A11403" s="1" t="s">
        <v>43765</v>
      </c>
      <c r="B11403" s="1" t="s">
        <v>43766</v>
      </c>
      <c r="C11403" s="1" t="s">
        <v>90</v>
      </c>
      <c r="D11403" s="1" t="s">
        <v>11028</v>
      </c>
      <c r="E11403" s="1" t="s">
        <v>43825</v>
      </c>
      <c r="F11403" s="1" t="s">
        <v>43826</v>
      </c>
      <c r="G11403" s="1" t="s">
        <v>43770</v>
      </c>
      <c r="H11403" s="1" t="s">
        <v>43771</v>
      </c>
      <c r="I11403" s="1" t="s">
        <v>43772</v>
      </c>
      <c r="J11403" s="1" t="s">
        <v>43827</v>
      </c>
    </row>
    <row r="11404" spans="1:10" x14ac:dyDescent="0.35">
      <c r="A11404" s="1" t="s">
        <v>43765</v>
      </c>
      <c r="B11404" s="1" t="s">
        <v>43766</v>
      </c>
      <c r="C11404" s="1" t="s">
        <v>95</v>
      </c>
      <c r="D11404" s="1" t="s">
        <v>43828</v>
      </c>
      <c r="E11404" s="1" t="s">
        <v>43829</v>
      </c>
      <c r="F11404" s="1" t="s">
        <v>43830</v>
      </c>
      <c r="G11404" s="1" t="s">
        <v>43770</v>
      </c>
      <c r="H11404" s="1" t="s">
        <v>43771</v>
      </c>
      <c r="I11404" s="1" t="s">
        <v>43772</v>
      </c>
      <c r="J11404" s="1" t="s">
        <v>43831</v>
      </c>
    </row>
    <row r="11405" spans="1:10" x14ac:dyDescent="0.35">
      <c r="A11405" s="1" t="s">
        <v>43765</v>
      </c>
      <c r="B11405" s="1" t="s">
        <v>43766</v>
      </c>
      <c r="C11405" s="1" t="s">
        <v>100</v>
      </c>
      <c r="D11405" s="1" t="s">
        <v>43832</v>
      </c>
      <c r="E11405" s="1" t="s">
        <v>43833</v>
      </c>
      <c r="F11405" s="1" t="s">
        <v>43834</v>
      </c>
      <c r="G11405" s="1" t="s">
        <v>43770</v>
      </c>
      <c r="H11405" s="1" t="s">
        <v>43771</v>
      </c>
      <c r="I11405" s="1" t="s">
        <v>43772</v>
      </c>
      <c r="J11405" s="1" t="s">
        <v>43835</v>
      </c>
    </row>
    <row r="11406" spans="1:10" x14ac:dyDescent="0.35">
      <c r="A11406" s="1" t="s">
        <v>43765</v>
      </c>
      <c r="B11406" s="1" t="s">
        <v>43766</v>
      </c>
      <c r="C11406" s="1" t="s">
        <v>105</v>
      </c>
      <c r="D11406" s="1" t="s">
        <v>14232</v>
      </c>
      <c r="E11406" s="1" t="s">
        <v>43836</v>
      </c>
      <c r="F11406" s="1" t="s">
        <v>43837</v>
      </c>
      <c r="G11406" s="1" t="s">
        <v>43770</v>
      </c>
      <c r="H11406" s="1" t="s">
        <v>43771</v>
      </c>
      <c r="I11406" s="1" t="s">
        <v>43772</v>
      </c>
      <c r="J11406" s="1" t="s">
        <v>43838</v>
      </c>
    </row>
    <row r="11407" spans="1:10" x14ac:dyDescent="0.35">
      <c r="A11407" s="1" t="s">
        <v>43765</v>
      </c>
      <c r="B11407" s="1" t="s">
        <v>43766</v>
      </c>
      <c r="C11407" s="1" t="s">
        <v>110</v>
      </c>
      <c r="D11407" s="1" t="s">
        <v>37743</v>
      </c>
      <c r="E11407" s="1" t="s">
        <v>43839</v>
      </c>
      <c r="F11407" s="1" t="s">
        <v>43840</v>
      </c>
      <c r="G11407" s="1" t="s">
        <v>43770</v>
      </c>
      <c r="H11407" s="1" t="s">
        <v>43771</v>
      </c>
      <c r="I11407" s="1" t="s">
        <v>43772</v>
      </c>
      <c r="J11407" s="1" t="s">
        <v>43841</v>
      </c>
    </row>
    <row r="11408" spans="1:10" x14ac:dyDescent="0.35">
      <c r="A11408" s="1" t="s">
        <v>43765</v>
      </c>
      <c r="B11408" s="1" t="s">
        <v>43766</v>
      </c>
      <c r="C11408" s="1" t="s">
        <v>115</v>
      </c>
      <c r="D11408" s="1" t="s">
        <v>43842</v>
      </c>
      <c r="E11408" s="1" t="s">
        <v>43843</v>
      </c>
      <c r="F11408" s="1" t="s">
        <v>43844</v>
      </c>
      <c r="G11408" s="1" t="s">
        <v>43770</v>
      </c>
      <c r="H11408" s="1" t="s">
        <v>43771</v>
      </c>
      <c r="I11408" s="1" t="s">
        <v>43772</v>
      </c>
      <c r="J11408" s="1" t="s">
        <v>43845</v>
      </c>
    </row>
    <row r="11409" spans="1:10" x14ac:dyDescent="0.35">
      <c r="A11409" s="1" t="s">
        <v>43765</v>
      </c>
      <c r="B11409" s="1" t="s">
        <v>43766</v>
      </c>
      <c r="C11409" s="1" t="s">
        <v>120</v>
      </c>
      <c r="D11409" s="1" t="s">
        <v>43846</v>
      </c>
      <c r="E11409" s="1" t="s">
        <v>43847</v>
      </c>
      <c r="F11409" s="1" t="s">
        <v>43848</v>
      </c>
      <c r="G11409" s="1" t="s">
        <v>43770</v>
      </c>
      <c r="H11409" s="1" t="s">
        <v>43771</v>
      </c>
      <c r="I11409" s="1" t="s">
        <v>43772</v>
      </c>
      <c r="J11409" s="1" t="s">
        <v>43849</v>
      </c>
    </row>
    <row r="11410" spans="1:10" x14ac:dyDescent="0.35">
      <c r="A11410" s="1" t="s">
        <v>43765</v>
      </c>
      <c r="B11410" s="1" t="s">
        <v>43766</v>
      </c>
      <c r="C11410" s="1" t="s">
        <v>125</v>
      </c>
      <c r="D11410" s="1" t="s">
        <v>17805</v>
      </c>
      <c r="E11410" s="1" t="s">
        <v>43850</v>
      </c>
      <c r="F11410" s="1" t="s">
        <v>43851</v>
      </c>
      <c r="G11410" s="1" t="s">
        <v>43770</v>
      </c>
      <c r="H11410" s="1" t="s">
        <v>43771</v>
      </c>
      <c r="I11410" s="1" t="s">
        <v>43772</v>
      </c>
      <c r="J11410" s="1" t="s">
        <v>43852</v>
      </c>
    </row>
    <row r="11411" spans="1:10" x14ac:dyDescent="0.35">
      <c r="A11411" s="1" t="s">
        <v>43765</v>
      </c>
      <c r="B11411" s="1" t="s">
        <v>43766</v>
      </c>
      <c r="C11411" s="1" t="s">
        <v>130</v>
      </c>
      <c r="D11411" s="1" t="s">
        <v>43853</v>
      </c>
      <c r="E11411" s="1" t="s">
        <v>43854</v>
      </c>
      <c r="F11411" s="1" t="s">
        <v>43855</v>
      </c>
      <c r="G11411" s="1" t="s">
        <v>43770</v>
      </c>
      <c r="H11411" s="1" t="s">
        <v>43771</v>
      </c>
      <c r="I11411" s="1" t="s">
        <v>43772</v>
      </c>
      <c r="J11411" s="1" t="s">
        <v>43856</v>
      </c>
    </row>
    <row r="11412" spans="1:10" x14ac:dyDescent="0.35">
      <c r="A11412" s="1" t="s">
        <v>43765</v>
      </c>
      <c r="B11412" s="1" t="s">
        <v>43766</v>
      </c>
      <c r="C11412" s="1" t="s">
        <v>135</v>
      </c>
      <c r="D11412" s="1" t="s">
        <v>43857</v>
      </c>
      <c r="E11412" s="1" t="s">
        <v>43858</v>
      </c>
      <c r="F11412" s="1" t="s">
        <v>43859</v>
      </c>
      <c r="G11412" s="1" t="s">
        <v>43770</v>
      </c>
      <c r="H11412" s="1" t="s">
        <v>43771</v>
      </c>
      <c r="I11412" s="1" t="s">
        <v>43772</v>
      </c>
      <c r="J11412" s="1" t="s">
        <v>43860</v>
      </c>
    </row>
    <row r="11413" spans="1:10" x14ac:dyDescent="0.35">
      <c r="A11413" s="1" t="s">
        <v>43765</v>
      </c>
      <c r="B11413" s="1" t="s">
        <v>43766</v>
      </c>
      <c r="C11413" s="1" t="s">
        <v>140</v>
      </c>
      <c r="D11413" s="1" t="s">
        <v>43861</v>
      </c>
      <c r="E11413" s="1" t="s">
        <v>43862</v>
      </c>
      <c r="F11413" s="1" t="s">
        <v>43863</v>
      </c>
      <c r="G11413" s="1" t="s">
        <v>43770</v>
      </c>
      <c r="H11413" s="1" t="s">
        <v>43771</v>
      </c>
      <c r="I11413" s="1" t="s">
        <v>43772</v>
      </c>
      <c r="J11413" s="1" t="s">
        <v>43864</v>
      </c>
    </row>
    <row r="11414" spans="1:10" x14ac:dyDescent="0.35">
      <c r="A11414" s="1" t="s">
        <v>43765</v>
      </c>
      <c r="B11414" s="1" t="s">
        <v>43766</v>
      </c>
      <c r="C11414" s="1" t="s">
        <v>145</v>
      </c>
      <c r="D11414" s="1" t="s">
        <v>18989</v>
      </c>
      <c r="E11414" s="1" t="s">
        <v>43865</v>
      </c>
      <c r="F11414" s="1" t="s">
        <v>43866</v>
      </c>
      <c r="G11414" s="1" t="s">
        <v>43770</v>
      </c>
      <c r="H11414" s="1" t="s">
        <v>43771</v>
      </c>
      <c r="I11414" s="1" t="s">
        <v>43772</v>
      </c>
      <c r="J11414" s="1" t="s">
        <v>43867</v>
      </c>
    </row>
    <row r="11415" spans="1:10" x14ac:dyDescent="0.35">
      <c r="A11415" s="1" t="s">
        <v>43765</v>
      </c>
      <c r="B11415" s="1" t="s">
        <v>43766</v>
      </c>
      <c r="C11415" s="1" t="s">
        <v>150</v>
      </c>
      <c r="D11415" s="1" t="s">
        <v>33624</v>
      </c>
      <c r="E11415" s="1" t="s">
        <v>43868</v>
      </c>
      <c r="F11415" s="1" t="s">
        <v>43869</v>
      </c>
      <c r="G11415" s="1" t="s">
        <v>43770</v>
      </c>
      <c r="H11415" s="1" t="s">
        <v>43771</v>
      </c>
      <c r="I11415" s="1" t="s">
        <v>43772</v>
      </c>
      <c r="J11415" s="1" t="s">
        <v>43870</v>
      </c>
    </row>
    <row r="11416" spans="1:10" x14ac:dyDescent="0.35">
      <c r="A11416" s="1" t="s">
        <v>43765</v>
      </c>
      <c r="B11416" s="1" t="s">
        <v>43766</v>
      </c>
      <c r="C11416" s="1" t="s">
        <v>155</v>
      </c>
      <c r="D11416" s="1" t="s">
        <v>43871</v>
      </c>
      <c r="E11416" s="1" t="s">
        <v>43872</v>
      </c>
      <c r="F11416" s="1" t="s">
        <v>43873</v>
      </c>
      <c r="G11416" s="1" t="s">
        <v>43770</v>
      </c>
      <c r="H11416" s="1" t="s">
        <v>43771</v>
      </c>
      <c r="I11416" s="1" t="s">
        <v>43772</v>
      </c>
      <c r="J11416" s="1" t="s">
        <v>43874</v>
      </c>
    </row>
    <row r="11417" spans="1:10" x14ac:dyDescent="0.35">
      <c r="A11417" s="1" t="s">
        <v>43765</v>
      </c>
      <c r="B11417" s="1" t="s">
        <v>43766</v>
      </c>
      <c r="C11417" s="1" t="s">
        <v>160</v>
      </c>
      <c r="D11417" s="1" t="s">
        <v>43875</v>
      </c>
      <c r="E11417" s="1" t="s">
        <v>43876</v>
      </c>
      <c r="F11417" s="1" t="s">
        <v>43877</v>
      </c>
      <c r="G11417" s="1" t="s">
        <v>43770</v>
      </c>
      <c r="H11417" s="1" t="s">
        <v>43771</v>
      </c>
      <c r="I11417" s="1" t="s">
        <v>43772</v>
      </c>
      <c r="J11417" s="1" t="s">
        <v>43878</v>
      </c>
    </row>
    <row r="11418" spans="1:10" x14ac:dyDescent="0.35">
      <c r="A11418" s="1" t="s">
        <v>43765</v>
      </c>
      <c r="B11418" s="1" t="s">
        <v>43766</v>
      </c>
      <c r="C11418" s="1" t="s">
        <v>165</v>
      </c>
      <c r="D11418" s="1" t="s">
        <v>43879</v>
      </c>
      <c r="E11418" s="1" t="s">
        <v>43880</v>
      </c>
      <c r="F11418" s="1" t="s">
        <v>43881</v>
      </c>
      <c r="G11418" s="1" t="s">
        <v>43770</v>
      </c>
      <c r="H11418" s="1" t="s">
        <v>43771</v>
      </c>
      <c r="I11418" s="1" t="s">
        <v>43772</v>
      </c>
      <c r="J11418" s="1" t="s">
        <v>43882</v>
      </c>
    </row>
    <row r="11419" spans="1:10" x14ac:dyDescent="0.35">
      <c r="A11419" s="1" t="s">
        <v>43765</v>
      </c>
      <c r="B11419" s="1" t="s">
        <v>43766</v>
      </c>
      <c r="C11419" s="1" t="s">
        <v>170</v>
      </c>
      <c r="D11419" s="1" t="s">
        <v>43883</v>
      </c>
      <c r="E11419" s="1" t="s">
        <v>43884</v>
      </c>
      <c r="F11419" s="1" t="s">
        <v>43885</v>
      </c>
      <c r="G11419" s="1" t="s">
        <v>43770</v>
      </c>
      <c r="H11419" s="1" t="s">
        <v>43771</v>
      </c>
      <c r="I11419" s="1" t="s">
        <v>43772</v>
      </c>
      <c r="J11419" s="1" t="s">
        <v>43886</v>
      </c>
    </row>
    <row r="11420" spans="1:10" x14ac:dyDescent="0.35">
      <c r="A11420" s="1" t="s">
        <v>43887</v>
      </c>
      <c r="B11420" s="1" t="s">
        <v>43766</v>
      </c>
      <c r="C11420" s="1" t="s">
        <v>8</v>
      </c>
      <c r="D11420" s="1" t="s">
        <v>43888</v>
      </c>
      <c r="E11420" s="1" t="s">
        <v>43889</v>
      </c>
      <c r="F11420" s="1" t="s">
        <v>43890</v>
      </c>
      <c r="G11420" s="1" t="s">
        <v>43891</v>
      </c>
      <c r="H11420" s="1" t="s">
        <v>43892</v>
      </c>
      <c r="I11420" s="1" t="s">
        <v>43772</v>
      </c>
      <c r="J11420" s="1" t="s">
        <v>13</v>
      </c>
    </row>
    <row r="11421" spans="1:10" x14ac:dyDescent="0.35">
      <c r="A11421" s="1" t="s">
        <v>43887</v>
      </c>
      <c r="B11421" s="1" t="s">
        <v>43766</v>
      </c>
      <c r="C11421" s="1" t="s">
        <v>15</v>
      </c>
      <c r="D11421" s="1" t="s">
        <v>43893</v>
      </c>
      <c r="E11421" s="1" t="s">
        <v>43894</v>
      </c>
      <c r="F11421" s="1" t="s">
        <v>43895</v>
      </c>
      <c r="G11421" s="1" t="s">
        <v>43891</v>
      </c>
      <c r="H11421" s="1" t="s">
        <v>43892</v>
      </c>
      <c r="I11421" s="1" t="s">
        <v>43772</v>
      </c>
      <c r="J11421" s="1" t="s">
        <v>43896</v>
      </c>
    </row>
    <row r="11422" spans="1:10" x14ac:dyDescent="0.35">
      <c r="A11422" s="1" t="s">
        <v>43887</v>
      </c>
      <c r="B11422" s="1" t="s">
        <v>43766</v>
      </c>
      <c r="C11422" s="1" t="s">
        <v>20</v>
      </c>
      <c r="D11422" s="1" t="s">
        <v>43897</v>
      </c>
      <c r="E11422" s="1" t="s">
        <v>43898</v>
      </c>
      <c r="F11422" s="1" t="s">
        <v>43899</v>
      </c>
      <c r="G11422" s="1" t="s">
        <v>43891</v>
      </c>
      <c r="H11422" s="1" t="s">
        <v>43892</v>
      </c>
      <c r="I11422" s="1" t="s">
        <v>43772</v>
      </c>
      <c r="J11422" s="1" t="s">
        <v>43900</v>
      </c>
    </row>
    <row r="11423" spans="1:10" x14ac:dyDescent="0.35">
      <c r="A11423" s="1" t="s">
        <v>43887</v>
      </c>
      <c r="B11423" s="1" t="s">
        <v>43766</v>
      </c>
      <c r="C11423" s="1" t="s">
        <v>25</v>
      </c>
      <c r="D11423" s="1" t="s">
        <v>43901</v>
      </c>
      <c r="E11423" s="1" t="s">
        <v>43902</v>
      </c>
      <c r="F11423" s="1" t="s">
        <v>43903</v>
      </c>
      <c r="G11423" s="1" t="s">
        <v>43891</v>
      </c>
      <c r="H11423" s="1" t="s">
        <v>43892</v>
      </c>
      <c r="I11423" s="1" t="s">
        <v>43772</v>
      </c>
      <c r="J11423" s="1" t="s">
        <v>43904</v>
      </c>
    </row>
    <row r="11424" spans="1:10" x14ac:dyDescent="0.35">
      <c r="A11424" s="1" t="s">
        <v>43887</v>
      </c>
      <c r="B11424" s="1" t="s">
        <v>43766</v>
      </c>
      <c r="C11424" s="1" t="s">
        <v>30</v>
      </c>
      <c r="D11424" s="1" t="s">
        <v>43905</v>
      </c>
      <c r="E11424" s="1" t="s">
        <v>43906</v>
      </c>
      <c r="F11424" s="1" t="s">
        <v>43907</v>
      </c>
      <c r="G11424" s="1" t="s">
        <v>43891</v>
      </c>
      <c r="H11424" s="1" t="s">
        <v>43892</v>
      </c>
      <c r="I11424" s="1" t="s">
        <v>43772</v>
      </c>
      <c r="J11424" s="1" t="s">
        <v>43908</v>
      </c>
    </row>
    <row r="11425" spans="1:10" x14ac:dyDescent="0.35">
      <c r="A11425" s="1" t="s">
        <v>43887</v>
      </c>
      <c r="B11425" s="1" t="s">
        <v>43766</v>
      </c>
      <c r="C11425" s="1" t="s">
        <v>35</v>
      </c>
      <c r="D11425" s="1" t="s">
        <v>17825</v>
      </c>
      <c r="E11425" s="1" t="s">
        <v>43909</v>
      </c>
      <c r="F11425" s="1" t="s">
        <v>43910</v>
      </c>
      <c r="G11425" s="1" t="s">
        <v>43891</v>
      </c>
      <c r="H11425" s="1" t="s">
        <v>43892</v>
      </c>
      <c r="I11425" s="1" t="s">
        <v>43772</v>
      </c>
      <c r="J11425" s="1" t="s">
        <v>43911</v>
      </c>
    </row>
    <row r="11426" spans="1:10" x14ac:dyDescent="0.35">
      <c r="A11426" s="1" t="s">
        <v>43887</v>
      </c>
      <c r="B11426" s="1" t="s">
        <v>43766</v>
      </c>
      <c r="C11426" s="1" t="s">
        <v>40</v>
      </c>
      <c r="D11426" s="1" t="s">
        <v>5782</v>
      </c>
      <c r="E11426" s="1" t="s">
        <v>43912</v>
      </c>
      <c r="F11426" s="1" t="s">
        <v>43913</v>
      </c>
      <c r="G11426" s="1" t="s">
        <v>43891</v>
      </c>
      <c r="H11426" s="1" t="s">
        <v>43892</v>
      </c>
      <c r="I11426" s="1" t="s">
        <v>43772</v>
      </c>
      <c r="J11426" s="1" t="s">
        <v>43914</v>
      </c>
    </row>
    <row r="11427" spans="1:10" x14ac:dyDescent="0.35">
      <c r="A11427" s="1" t="s">
        <v>43887</v>
      </c>
      <c r="B11427" s="1" t="s">
        <v>43766</v>
      </c>
      <c r="C11427" s="1" t="s">
        <v>45</v>
      </c>
      <c r="D11427" s="1" t="s">
        <v>38642</v>
      </c>
      <c r="E11427" s="1" t="s">
        <v>43915</v>
      </c>
      <c r="F11427" s="1" t="s">
        <v>43916</v>
      </c>
      <c r="G11427" s="1" t="s">
        <v>43891</v>
      </c>
      <c r="H11427" s="1" t="s">
        <v>43892</v>
      </c>
      <c r="I11427" s="1" t="s">
        <v>43772</v>
      </c>
      <c r="J11427" s="1" t="s">
        <v>43917</v>
      </c>
    </row>
    <row r="11428" spans="1:10" x14ac:dyDescent="0.35">
      <c r="A11428" s="1" t="s">
        <v>43887</v>
      </c>
      <c r="B11428" s="1" t="s">
        <v>43766</v>
      </c>
      <c r="C11428" s="1" t="s">
        <v>50</v>
      </c>
      <c r="D11428" s="1" t="s">
        <v>43918</v>
      </c>
      <c r="E11428" s="1" t="s">
        <v>43919</v>
      </c>
      <c r="F11428" s="1" t="s">
        <v>43920</v>
      </c>
      <c r="G11428" s="1" t="s">
        <v>43891</v>
      </c>
      <c r="H11428" s="1" t="s">
        <v>43892</v>
      </c>
      <c r="I11428" s="1" t="s">
        <v>43772</v>
      </c>
      <c r="J11428" s="1" t="s">
        <v>43921</v>
      </c>
    </row>
    <row r="11429" spans="1:10" x14ac:dyDescent="0.35">
      <c r="A11429" s="1" t="s">
        <v>43887</v>
      </c>
      <c r="B11429" s="1" t="s">
        <v>43766</v>
      </c>
      <c r="C11429" s="1" t="s">
        <v>55</v>
      </c>
      <c r="D11429" s="1" t="s">
        <v>3683</v>
      </c>
      <c r="E11429" s="1" t="s">
        <v>43922</v>
      </c>
      <c r="F11429" s="1" t="s">
        <v>43923</v>
      </c>
      <c r="G11429" s="1" t="s">
        <v>43891</v>
      </c>
      <c r="H11429" s="1" t="s">
        <v>43892</v>
      </c>
      <c r="I11429" s="1" t="s">
        <v>43772</v>
      </c>
      <c r="J11429" s="1" t="s">
        <v>43924</v>
      </c>
    </row>
    <row r="11430" spans="1:10" x14ac:dyDescent="0.35">
      <c r="A11430" s="1" t="s">
        <v>43887</v>
      </c>
      <c r="B11430" s="1" t="s">
        <v>43766</v>
      </c>
      <c r="C11430" s="1" t="s">
        <v>60</v>
      </c>
      <c r="D11430" s="1" t="s">
        <v>37162</v>
      </c>
      <c r="E11430" s="1" t="s">
        <v>43925</v>
      </c>
      <c r="F11430" s="1" t="s">
        <v>43926</v>
      </c>
      <c r="G11430" s="1" t="s">
        <v>43891</v>
      </c>
      <c r="H11430" s="1" t="s">
        <v>43892</v>
      </c>
      <c r="I11430" s="1" t="s">
        <v>43772</v>
      </c>
      <c r="J11430" s="1" t="s">
        <v>43927</v>
      </c>
    </row>
    <row r="11431" spans="1:10" x14ac:dyDescent="0.35">
      <c r="A11431" s="1" t="s">
        <v>43887</v>
      </c>
      <c r="B11431" s="1" t="s">
        <v>43766</v>
      </c>
      <c r="C11431" s="1" t="s">
        <v>65</v>
      </c>
      <c r="D11431" s="1" t="s">
        <v>43928</v>
      </c>
      <c r="E11431" s="1" t="s">
        <v>43929</v>
      </c>
      <c r="F11431" s="1" t="s">
        <v>43930</v>
      </c>
      <c r="G11431" s="1" t="s">
        <v>43891</v>
      </c>
      <c r="H11431" s="1" t="s">
        <v>43892</v>
      </c>
      <c r="I11431" s="1" t="s">
        <v>43772</v>
      </c>
      <c r="J11431" s="1" t="s">
        <v>43931</v>
      </c>
    </row>
    <row r="11432" spans="1:10" x14ac:dyDescent="0.35">
      <c r="A11432" s="1" t="s">
        <v>43887</v>
      </c>
      <c r="B11432" s="1" t="s">
        <v>43766</v>
      </c>
      <c r="C11432" s="1" t="s">
        <v>70</v>
      </c>
      <c r="D11432" s="1" t="s">
        <v>43932</v>
      </c>
      <c r="E11432" s="1" t="s">
        <v>43933</v>
      </c>
      <c r="F11432" s="1" t="s">
        <v>43934</v>
      </c>
      <c r="G11432" s="1" t="s">
        <v>43891</v>
      </c>
      <c r="H11432" s="1" t="s">
        <v>43892</v>
      </c>
      <c r="I11432" s="1" t="s">
        <v>43772</v>
      </c>
      <c r="J11432" s="1" t="s">
        <v>43935</v>
      </c>
    </row>
    <row r="11433" spans="1:10" x14ac:dyDescent="0.35">
      <c r="A11433" s="1" t="s">
        <v>43887</v>
      </c>
      <c r="B11433" s="1" t="s">
        <v>43766</v>
      </c>
      <c r="C11433" s="1" t="s">
        <v>75</v>
      </c>
      <c r="D11433" s="1" t="s">
        <v>43936</v>
      </c>
      <c r="E11433" s="1" t="s">
        <v>43937</v>
      </c>
      <c r="F11433" s="1" t="s">
        <v>43938</v>
      </c>
      <c r="G11433" s="1" t="s">
        <v>43891</v>
      </c>
      <c r="H11433" s="1" t="s">
        <v>43892</v>
      </c>
      <c r="I11433" s="1" t="s">
        <v>43772</v>
      </c>
      <c r="J11433" s="1" t="s">
        <v>43939</v>
      </c>
    </row>
    <row r="11434" spans="1:10" x14ac:dyDescent="0.35">
      <c r="A11434" s="1" t="s">
        <v>43887</v>
      </c>
      <c r="B11434" s="1" t="s">
        <v>43766</v>
      </c>
      <c r="C11434" s="1" t="s">
        <v>80</v>
      </c>
      <c r="D11434" s="1" t="s">
        <v>43940</v>
      </c>
      <c r="E11434" s="1" t="s">
        <v>43941</v>
      </c>
      <c r="F11434" s="1" t="s">
        <v>43942</v>
      </c>
      <c r="G11434" s="1" t="s">
        <v>43891</v>
      </c>
      <c r="H11434" s="1" t="s">
        <v>43892</v>
      </c>
      <c r="I11434" s="1" t="s">
        <v>43772</v>
      </c>
      <c r="J11434" s="1" t="s">
        <v>43943</v>
      </c>
    </row>
    <row r="11435" spans="1:10" x14ac:dyDescent="0.35">
      <c r="A11435" s="1" t="s">
        <v>43887</v>
      </c>
      <c r="B11435" s="1" t="s">
        <v>43766</v>
      </c>
      <c r="C11435" s="1" t="s">
        <v>85</v>
      </c>
      <c r="D11435" s="1" t="s">
        <v>43944</v>
      </c>
      <c r="E11435" s="1" t="s">
        <v>43945</v>
      </c>
      <c r="F11435" s="1" t="s">
        <v>43946</v>
      </c>
      <c r="G11435" s="1" t="s">
        <v>43891</v>
      </c>
      <c r="H11435" s="1" t="s">
        <v>43892</v>
      </c>
      <c r="I11435" s="1" t="s">
        <v>43772</v>
      </c>
      <c r="J11435" s="1" t="s">
        <v>43947</v>
      </c>
    </row>
    <row r="11436" spans="1:10" x14ac:dyDescent="0.35">
      <c r="A11436" s="1" t="s">
        <v>43887</v>
      </c>
      <c r="B11436" s="1" t="s">
        <v>43766</v>
      </c>
      <c r="C11436" s="1" t="s">
        <v>90</v>
      </c>
      <c r="D11436" s="1" t="s">
        <v>6810</v>
      </c>
      <c r="E11436" s="1" t="s">
        <v>43948</v>
      </c>
      <c r="F11436" s="1" t="s">
        <v>43949</v>
      </c>
      <c r="G11436" s="1" t="s">
        <v>43891</v>
      </c>
      <c r="H11436" s="1" t="s">
        <v>43892</v>
      </c>
      <c r="I11436" s="1" t="s">
        <v>43772</v>
      </c>
      <c r="J11436" s="1" t="s">
        <v>43950</v>
      </c>
    </row>
    <row r="11437" spans="1:10" x14ac:dyDescent="0.35">
      <c r="A11437" s="1" t="s">
        <v>43887</v>
      </c>
      <c r="B11437" s="1" t="s">
        <v>43766</v>
      </c>
      <c r="C11437" s="1" t="s">
        <v>95</v>
      </c>
      <c r="D11437" s="1" t="s">
        <v>43951</v>
      </c>
      <c r="E11437" s="1" t="s">
        <v>43952</v>
      </c>
      <c r="F11437" s="1" t="s">
        <v>43953</v>
      </c>
      <c r="G11437" s="1" t="s">
        <v>43891</v>
      </c>
      <c r="H11437" s="1" t="s">
        <v>43892</v>
      </c>
      <c r="I11437" s="1" t="s">
        <v>43772</v>
      </c>
      <c r="J11437" s="1" t="s">
        <v>43954</v>
      </c>
    </row>
    <row r="11438" spans="1:10" x14ac:dyDescent="0.35">
      <c r="A11438" s="1" t="s">
        <v>43887</v>
      </c>
      <c r="B11438" s="1" t="s">
        <v>43766</v>
      </c>
      <c r="C11438" s="1" t="s">
        <v>100</v>
      </c>
      <c r="D11438" s="1" t="s">
        <v>43955</v>
      </c>
      <c r="E11438" s="1" t="s">
        <v>43956</v>
      </c>
      <c r="F11438" s="1" t="s">
        <v>43957</v>
      </c>
      <c r="G11438" s="1" t="s">
        <v>43891</v>
      </c>
      <c r="H11438" s="1" t="s">
        <v>43892</v>
      </c>
      <c r="I11438" s="1" t="s">
        <v>43772</v>
      </c>
      <c r="J11438" s="1" t="s">
        <v>43958</v>
      </c>
    </row>
    <row r="11439" spans="1:10" x14ac:dyDescent="0.35">
      <c r="A11439" s="1" t="s">
        <v>43887</v>
      </c>
      <c r="B11439" s="1" t="s">
        <v>43766</v>
      </c>
      <c r="C11439" s="1" t="s">
        <v>105</v>
      </c>
      <c r="D11439" s="1" t="s">
        <v>7624</v>
      </c>
      <c r="E11439" s="1" t="s">
        <v>43959</v>
      </c>
      <c r="F11439" s="1" t="s">
        <v>43960</v>
      </c>
      <c r="G11439" s="1" t="s">
        <v>43891</v>
      </c>
      <c r="H11439" s="1" t="s">
        <v>43892</v>
      </c>
      <c r="I11439" s="1" t="s">
        <v>43772</v>
      </c>
      <c r="J11439" s="1" t="s">
        <v>43961</v>
      </c>
    </row>
    <row r="11440" spans="1:10" x14ac:dyDescent="0.35">
      <c r="A11440" s="1" t="s">
        <v>43887</v>
      </c>
      <c r="B11440" s="1" t="s">
        <v>43766</v>
      </c>
      <c r="C11440" s="1" t="s">
        <v>110</v>
      </c>
      <c r="D11440" s="1" t="s">
        <v>43962</v>
      </c>
      <c r="E11440" s="1" t="s">
        <v>43963</v>
      </c>
      <c r="F11440" s="1" t="s">
        <v>43964</v>
      </c>
      <c r="G11440" s="1" t="s">
        <v>43891</v>
      </c>
      <c r="H11440" s="1" t="s">
        <v>43892</v>
      </c>
      <c r="I11440" s="1" t="s">
        <v>43772</v>
      </c>
      <c r="J11440" s="1" t="s">
        <v>43965</v>
      </c>
    </row>
    <row r="11441" spans="1:10" x14ac:dyDescent="0.35">
      <c r="A11441" s="1" t="s">
        <v>43887</v>
      </c>
      <c r="B11441" s="1" t="s">
        <v>43766</v>
      </c>
      <c r="C11441" s="1" t="s">
        <v>115</v>
      </c>
      <c r="D11441" s="1" t="s">
        <v>43966</v>
      </c>
      <c r="E11441" s="1" t="s">
        <v>43967</v>
      </c>
      <c r="F11441" s="1" t="s">
        <v>43968</v>
      </c>
      <c r="G11441" s="1" t="s">
        <v>43891</v>
      </c>
      <c r="H11441" s="1" t="s">
        <v>43892</v>
      </c>
      <c r="I11441" s="1" t="s">
        <v>43772</v>
      </c>
      <c r="J11441" s="1" t="s">
        <v>43969</v>
      </c>
    </row>
    <row r="11442" spans="1:10" x14ac:dyDescent="0.35">
      <c r="A11442" s="1" t="s">
        <v>43887</v>
      </c>
      <c r="B11442" s="1" t="s">
        <v>43766</v>
      </c>
      <c r="C11442" s="1" t="s">
        <v>120</v>
      </c>
      <c r="D11442" s="1" t="s">
        <v>43970</v>
      </c>
      <c r="E11442" s="1" t="s">
        <v>43971</v>
      </c>
      <c r="F11442" s="1" t="s">
        <v>43972</v>
      </c>
      <c r="G11442" s="1" t="s">
        <v>43891</v>
      </c>
      <c r="H11442" s="1" t="s">
        <v>43892</v>
      </c>
      <c r="I11442" s="1" t="s">
        <v>43772</v>
      </c>
      <c r="J11442" s="1" t="s">
        <v>43973</v>
      </c>
    </row>
    <row r="11443" spans="1:10" x14ac:dyDescent="0.35">
      <c r="A11443" s="1" t="s">
        <v>43887</v>
      </c>
      <c r="B11443" s="1" t="s">
        <v>43766</v>
      </c>
      <c r="C11443" s="1" t="s">
        <v>125</v>
      </c>
      <c r="D11443" s="1" t="s">
        <v>43974</v>
      </c>
      <c r="E11443" s="1" t="s">
        <v>43975</v>
      </c>
      <c r="F11443" s="1" t="s">
        <v>43976</v>
      </c>
      <c r="G11443" s="1" t="s">
        <v>43891</v>
      </c>
      <c r="H11443" s="1" t="s">
        <v>43892</v>
      </c>
      <c r="I11443" s="1" t="s">
        <v>43772</v>
      </c>
      <c r="J11443" s="1" t="s">
        <v>43977</v>
      </c>
    </row>
    <row r="11444" spans="1:10" x14ac:dyDescent="0.35">
      <c r="A11444" s="1" t="s">
        <v>43887</v>
      </c>
      <c r="B11444" s="1" t="s">
        <v>43766</v>
      </c>
      <c r="C11444" s="1" t="s">
        <v>130</v>
      </c>
      <c r="D11444" s="1" t="s">
        <v>43978</v>
      </c>
      <c r="E11444" s="1" t="s">
        <v>43979</v>
      </c>
      <c r="F11444" s="1" t="s">
        <v>43980</v>
      </c>
      <c r="G11444" s="1" t="s">
        <v>43891</v>
      </c>
      <c r="H11444" s="1" t="s">
        <v>43892</v>
      </c>
      <c r="I11444" s="1" t="s">
        <v>43772</v>
      </c>
      <c r="J11444" s="1" t="s">
        <v>43981</v>
      </c>
    </row>
    <row r="11445" spans="1:10" x14ac:dyDescent="0.35">
      <c r="A11445" s="1" t="s">
        <v>43887</v>
      </c>
      <c r="B11445" s="1" t="s">
        <v>43766</v>
      </c>
      <c r="C11445" s="1" t="s">
        <v>135</v>
      </c>
      <c r="D11445" s="1" t="s">
        <v>43982</v>
      </c>
      <c r="E11445" s="1" t="s">
        <v>43983</v>
      </c>
      <c r="F11445" s="1" t="s">
        <v>43984</v>
      </c>
      <c r="G11445" s="1" t="s">
        <v>43891</v>
      </c>
      <c r="H11445" s="1" t="s">
        <v>43892</v>
      </c>
      <c r="I11445" s="1" t="s">
        <v>43772</v>
      </c>
      <c r="J11445" s="1" t="s">
        <v>43985</v>
      </c>
    </row>
    <row r="11446" spans="1:10" x14ac:dyDescent="0.35">
      <c r="A11446" s="1" t="s">
        <v>43887</v>
      </c>
      <c r="B11446" s="1" t="s">
        <v>43766</v>
      </c>
      <c r="C11446" s="1" t="s">
        <v>140</v>
      </c>
      <c r="D11446" s="1" t="s">
        <v>43986</v>
      </c>
      <c r="E11446" s="1" t="s">
        <v>43987</v>
      </c>
      <c r="F11446" s="1" t="s">
        <v>43988</v>
      </c>
      <c r="G11446" s="1" t="s">
        <v>43891</v>
      </c>
      <c r="H11446" s="1" t="s">
        <v>43892</v>
      </c>
      <c r="I11446" s="1" t="s">
        <v>43772</v>
      </c>
      <c r="J11446" s="1" t="s">
        <v>43989</v>
      </c>
    </row>
    <row r="11447" spans="1:10" x14ac:dyDescent="0.35">
      <c r="A11447" s="1" t="s">
        <v>43887</v>
      </c>
      <c r="B11447" s="1" t="s">
        <v>43766</v>
      </c>
      <c r="C11447" s="1" t="s">
        <v>145</v>
      </c>
      <c r="D11447" s="1" t="s">
        <v>43990</v>
      </c>
      <c r="E11447" s="1" t="s">
        <v>43991</v>
      </c>
      <c r="F11447" s="1" t="s">
        <v>43992</v>
      </c>
      <c r="G11447" s="1" t="s">
        <v>43891</v>
      </c>
      <c r="H11447" s="1" t="s">
        <v>43892</v>
      </c>
      <c r="I11447" s="1" t="s">
        <v>43772</v>
      </c>
      <c r="J11447" s="1" t="s">
        <v>43993</v>
      </c>
    </row>
    <row r="11448" spans="1:10" x14ac:dyDescent="0.35">
      <c r="A11448" s="1" t="s">
        <v>43887</v>
      </c>
      <c r="B11448" s="1" t="s">
        <v>43766</v>
      </c>
      <c r="C11448" s="1" t="s">
        <v>150</v>
      </c>
      <c r="D11448" s="1" t="s">
        <v>43994</v>
      </c>
      <c r="E11448" s="1" t="s">
        <v>43995</v>
      </c>
      <c r="F11448" s="1" t="s">
        <v>43996</v>
      </c>
      <c r="G11448" s="1" t="s">
        <v>43891</v>
      </c>
      <c r="H11448" s="1" t="s">
        <v>43892</v>
      </c>
      <c r="I11448" s="1" t="s">
        <v>43772</v>
      </c>
      <c r="J11448" s="1" t="s">
        <v>43997</v>
      </c>
    </row>
    <row r="11449" spans="1:10" x14ac:dyDescent="0.35">
      <c r="A11449" s="1" t="s">
        <v>43887</v>
      </c>
      <c r="B11449" s="1" t="s">
        <v>43766</v>
      </c>
      <c r="C11449" s="1" t="s">
        <v>155</v>
      </c>
      <c r="D11449" s="1" t="s">
        <v>43998</v>
      </c>
      <c r="E11449" s="1" t="s">
        <v>43999</v>
      </c>
      <c r="F11449" s="1" t="s">
        <v>44000</v>
      </c>
      <c r="G11449" s="1" t="s">
        <v>43891</v>
      </c>
      <c r="H11449" s="1" t="s">
        <v>43892</v>
      </c>
      <c r="I11449" s="1" t="s">
        <v>43772</v>
      </c>
      <c r="J11449" s="1" t="s">
        <v>44001</v>
      </c>
    </row>
    <row r="11450" spans="1:10" x14ac:dyDescent="0.35">
      <c r="A11450" s="1" t="s">
        <v>43887</v>
      </c>
      <c r="B11450" s="1" t="s">
        <v>43766</v>
      </c>
      <c r="C11450" s="1" t="s">
        <v>160</v>
      </c>
      <c r="D11450" s="1" t="s">
        <v>44002</v>
      </c>
      <c r="E11450" s="1" t="s">
        <v>44003</v>
      </c>
      <c r="F11450" s="1" t="s">
        <v>44004</v>
      </c>
      <c r="G11450" s="1" t="s">
        <v>43891</v>
      </c>
      <c r="H11450" s="1" t="s">
        <v>43892</v>
      </c>
      <c r="I11450" s="1" t="s">
        <v>43772</v>
      </c>
      <c r="J11450" s="1" t="s">
        <v>44005</v>
      </c>
    </row>
    <row r="11451" spans="1:10" x14ac:dyDescent="0.35">
      <c r="A11451" s="1" t="s">
        <v>43887</v>
      </c>
      <c r="B11451" s="1" t="s">
        <v>43766</v>
      </c>
      <c r="C11451" s="1" t="s">
        <v>165</v>
      </c>
      <c r="D11451" s="1" t="s">
        <v>44006</v>
      </c>
      <c r="E11451" s="1" t="s">
        <v>44007</v>
      </c>
      <c r="F11451" s="1" t="s">
        <v>44008</v>
      </c>
      <c r="G11451" s="1" t="s">
        <v>43891</v>
      </c>
      <c r="H11451" s="1" t="s">
        <v>43892</v>
      </c>
      <c r="I11451" s="1" t="s">
        <v>43772</v>
      </c>
      <c r="J11451" s="1" t="s">
        <v>44009</v>
      </c>
    </row>
    <row r="11452" spans="1:10" x14ac:dyDescent="0.35">
      <c r="A11452" s="1" t="s">
        <v>43887</v>
      </c>
      <c r="B11452" s="1" t="s">
        <v>43766</v>
      </c>
      <c r="C11452" s="1" t="s">
        <v>170</v>
      </c>
      <c r="D11452" s="1" t="s">
        <v>44010</v>
      </c>
      <c r="E11452" s="1" t="s">
        <v>44011</v>
      </c>
      <c r="F11452" s="1" t="s">
        <v>44012</v>
      </c>
      <c r="G11452" s="1" t="s">
        <v>43891</v>
      </c>
      <c r="H11452" s="1" t="s">
        <v>43892</v>
      </c>
      <c r="I11452" s="1" t="s">
        <v>43772</v>
      </c>
      <c r="J11452" s="1" t="s">
        <v>44013</v>
      </c>
    </row>
    <row r="11453" spans="1:10" x14ac:dyDescent="0.35">
      <c r="A11453" s="1" t="s">
        <v>44014</v>
      </c>
      <c r="B11453" s="1" t="s">
        <v>43766</v>
      </c>
      <c r="C11453" s="1" t="s">
        <v>8</v>
      </c>
      <c r="D11453" s="1" t="s">
        <v>7010</v>
      </c>
      <c r="E11453" s="1" t="s">
        <v>44015</v>
      </c>
      <c r="F11453" s="1" t="s">
        <v>44016</v>
      </c>
      <c r="G11453" s="1" t="s">
        <v>44017</v>
      </c>
      <c r="H11453" s="1" t="s">
        <v>44018</v>
      </c>
      <c r="I11453" s="1" t="s">
        <v>43772</v>
      </c>
      <c r="J11453" s="1" t="s">
        <v>13</v>
      </c>
    </row>
    <row r="11454" spans="1:10" x14ac:dyDescent="0.35">
      <c r="A11454" s="1" t="s">
        <v>44014</v>
      </c>
      <c r="B11454" s="1" t="s">
        <v>43766</v>
      </c>
      <c r="C11454" s="1" t="s">
        <v>15</v>
      </c>
      <c r="D11454" s="1" t="s">
        <v>44019</v>
      </c>
      <c r="E11454" s="1" t="s">
        <v>44020</v>
      </c>
      <c r="F11454" s="1" t="s">
        <v>44021</v>
      </c>
      <c r="G11454" s="1" t="s">
        <v>44017</v>
      </c>
      <c r="H11454" s="1" t="s">
        <v>44018</v>
      </c>
      <c r="I11454" s="1" t="s">
        <v>43772</v>
      </c>
      <c r="J11454" s="1" t="s">
        <v>44022</v>
      </c>
    </row>
    <row r="11455" spans="1:10" x14ac:dyDescent="0.35">
      <c r="A11455" s="1" t="s">
        <v>44014</v>
      </c>
      <c r="B11455" s="1" t="s">
        <v>43766</v>
      </c>
      <c r="C11455" s="1" t="s">
        <v>20</v>
      </c>
      <c r="D11455" s="1" t="s">
        <v>44023</v>
      </c>
      <c r="E11455" s="1" t="s">
        <v>44024</v>
      </c>
      <c r="F11455" s="1" t="s">
        <v>44025</v>
      </c>
      <c r="G11455" s="1" t="s">
        <v>44017</v>
      </c>
      <c r="H11455" s="1" t="s">
        <v>44018</v>
      </c>
      <c r="I11455" s="1" t="s">
        <v>43772</v>
      </c>
      <c r="J11455" s="1" t="s">
        <v>44026</v>
      </c>
    </row>
    <row r="11456" spans="1:10" x14ac:dyDescent="0.35">
      <c r="A11456" s="1" t="s">
        <v>44014</v>
      </c>
      <c r="B11456" s="1" t="s">
        <v>43766</v>
      </c>
      <c r="C11456" s="1" t="s">
        <v>25</v>
      </c>
      <c r="D11456" s="1" t="s">
        <v>44027</v>
      </c>
      <c r="E11456" s="1" t="s">
        <v>44028</v>
      </c>
      <c r="F11456" s="1" t="s">
        <v>44029</v>
      </c>
      <c r="G11456" s="1" t="s">
        <v>44017</v>
      </c>
      <c r="H11456" s="1" t="s">
        <v>44018</v>
      </c>
      <c r="I11456" s="1" t="s">
        <v>43772</v>
      </c>
      <c r="J11456" s="1" t="s">
        <v>44030</v>
      </c>
    </row>
    <row r="11457" spans="1:10" x14ac:dyDescent="0.35">
      <c r="A11457" s="1" t="s">
        <v>44014</v>
      </c>
      <c r="B11457" s="1" t="s">
        <v>43766</v>
      </c>
      <c r="C11457" s="1" t="s">
        <v>30</v>
      </c>
      <c r="D11457" s="1" t="s">
        <v>10537</v>
      </c>
      <c r="E11457" s="1" t="s">
        <v>44031</v>
      </c>
      <c r="F11457" s="1" t="s">
        <v>44032</v>
      </c>
      <c r="G11457" s="1" t="s">
        <v>44017</v>
      </c>
      <c r="H11457" s="1" t="s">
        <v>44018</v>
      </c>
      <c r="I11457" s="1" t="s">
        <v>43772</v>
      </c>
      <c r="J11457" s="1" t="s">
        <v>44033</v>
      </c>
    </row>
    <row r="11458" spans="1:10" x14ac:dyDescent="0.35">
      <c r="A11458" s="1" t="s">
        <v>44014</v>
      </c>
      <c r="B11458" s="1" t="s">
        <v>43766</v>
      </c>
      <c r="C11458" s="1" t="s">
        <v>35</v>
      </c>
      <c r="D11458" s="1" t="s">
        <v>135</v>
      </c>
      <c r="E11458" s="1" t="s">
        <v>44034</v>
      </c>
      <c r="F11458" s="1" t="s">
        <v>44035</v>
      </c>
      <c r="G11458" s="1" t="s">
        <v>44017</v>
      </c>
      <c r="H11458" s="1" t="s">
        <v>44018</v>
      </c>
      <c r="I11458" s="1" t="s">
        <v>43772</v>
      </c>
      <c r="J11458" s="1" t="s">
        <v>44036</v>
      </c>
    </row>
    <row r="11459" spans="1:10" x14ac:dyDescent="0.35">
      <c r="A11459" s="1" t="s">
        <v>44014</v>
      </c>
      <c r="B11459" s="1" t="s">
        <v>43766</v>
      </c>
      <c r="C11459" s="1" t="s">
        <v>40</v>
      </c>
      <c r="D11459" s="1" t="s">
        <v>44037</v>
      </c>
      <c r="E11459" s="1" t="s">
        <v>44038</v>
      </c>
      <c r="F11459" s="1" t="s">
        <v>44039</v>
      </c>
      <c r="G11459" s="1" t="s">
        <v>44017</v>
      </c>
      <c r="H11459" s="1" t="s">
        <v>44018</v>
      </c>
      <c r="I11459" s="1" t="s">
        <v>43772</v>
      </c>
      <c r="J11459" s="1" t="s">
        <v>44040</v>
      </c>
    </row>
    <row r="11460" spans="1:10" x14ac:dyDescent="0.35">
      <c r="A11460" s="1" t="s">
        <v>44014</v>
      </c>
      <c r="B11460" s="1" t="s">
        <v>43766</v>
      </c>
      <c r="C11460" s="1" t="s">
        <v>45</v>
      </c>
      <c r="D11460" s="1" t="s">
        <v>27573</v>
      </c>
      <c r="E11460" s="1" t="s">
        <v>44041</v>
      </c>
      <c r="F11460" s="1" t="s">
        <v>44042</v>
      </c>
      <c r="G11460" s="1" t="s">
        <v>44017</v>
      </c>
      <c r="H11460" s="1" t="s">
        <v>44018</v>
      </c>
      <c r="I11460" s="1" t="s">
        <v>43772</v>
      </c>
      <c r="J11460" s="1" t="s">
        <v>44043</v>
      </c>
    </row>
    <row r="11461" spans="1:10" x14ac:dyDescent="0.35">
      <c r="A11461" s="1" t="s">
        <v>44014</v>
      </c>
      <c r="B11461" s="1" t="s">
        <v>43766</v>
      </c>
      <c r="C11461" s="1" t="s">
        <v>50</v>
      </c>
      <c r="D11461" s="1" t="s">
        <v>44044</v>
      </c>
      <c r="E11461" s="1" t="s">
        <v>44045</v>
      </c>
      <c r="F11461" s="1" t="s">
        <v>44046</v>
      </c>
      <c r="G11461" s="1" t="s">
        <v>44017</v>
      </c>
      <c r="H11461" s="1" t="s">
        <v>44018</v>
      </c>
      <c r="I11461" s="1" t="s">
        <v>43772</v>
      </c>
      <c r="J11461" s="1" t="s">
        <v>44047</v>
      </c>
    </row>
    <row r="11462" spans="1:10" x14ac:dyDescent="0.35">
      <c r="A11462" s="1" t="s">
        <v>44014</v>
      </c>
      <c r="B11462" s="1" t="s">
        <v>43766</v>
      </c>
      <c r="C11462" s="1" t="s">
        <v>55</v>
      </c>
      <c r="D11462" s="1" t="s">
        <v>44048</v>
      </c>
      <c r="E11462" s="1" t="s">
        <v>44049</v>
      </c>
      <c r="F11462" s="1" t="s">
        <v>44050</v>
      </c>
      <c r="G11462" s="1" t="s">
        <v>44017</v>
      </c>
      <c r="H11462" s="1" t="s">
        <v>44018</v>
      </c>
      <c r="I11462" s="1" t="s">
        <v>43772</v>
      </c>
      <c r="J11462" s="1" t="s">
        <v>44051</v>
      </c>
    </row>
    <row r="11463" spans="1:10" x14ac:dyDescent="0.35">
      <c r="A11463" s="1" t="s">
        <v>44014</v>
      </c>
      <c r="B11463" s="1" t="s">
        <v>43766</v>
      </c>
      <c r="C11463" s="1" t="s">
        <v>60</v>
      </c>
      <c r="D11463" s="1" t="s">
        <v>8337</v>
      </c>
      <c r="E11463" s="1" t="s">
        <v>44052</v>
      </c>
      <c r="F11463" s="1" t="s">
        <v>44053</v>
      </c>
      <c r="G11463" s="1" t="s">
        <v>44017</v>
      </c>
      <c r="H11463" s="1" t="s">
        <v>44018</v>
      </c>
      <c r="I11463" s="1" t="s">
        <v>43772</v>
      </c>
      <c r="J11463" s="1" t="s">
        <v>44054</v>
      </c>
    </row>
    <row r="11464" spans="1:10" x14ac:dyDescent="0.35">
      <c r="A11464" s="1" t="s">
        <v>44014</v>
      </c>
      <c r="B11464" s="1" t="s">
        <v>43766</v>
      </c>
      <c r="C11464" s="1" t="s">
        <v>65</v>
      </c>
      <c r="D11464" s="1" t="s">
        <v>44055</v>
      </c>
      <c r="E11464" s="1" t="s">
        <v>44056</v>
      </c>
      <c r="F11464" s="1" t="s">
        <v>44057</v>
      </c>
      <c r="G11464" s="1" t="s">
        <v>44017</v>
      </c>
      <c r="H11464" s="1" t="s">
        <v>44018</v>
      </c>
      <c r="I11464" s="1" t="s">
        <v>43772</v>
      </c>
      <c r="J11464" s="1" t="s">
        <v>44058</v>
      </c>
    </row>
    <row r="11465" spans="1:10" x14ac:dyDescent="0.35">
      <c r="A11465" s="1" t="s">
        <v>44014</v>
      </c>
      <c r="B11465" s="1" t="s">
        <v>43766</v>
      </c>
      <c r="C11465" s="1" t="s">
        <v>70</v>
      </c>
      <c r="D11465" s="1" t="s">
        <v>15331</v>
      </c>
      <c r="E11465" s="1" t="s">
        <v>44059</v>
      </c>
      <c r="F11465" s="1" t="s">
        <v>44060</v>
      </c>
      <c r="G11465" s="1" t="s">
        <v>44017</v>
      </c>
      <c r="H11465" s="1" t="s">
        <v>44018</v>
      </c>
      <c r="I11465" s="1" t="s">
        <v>43772</v>
      </c>
      <c r="J11465" s="1" t="s">
        <v>44061</v>
      </c>
    </row>
    <row r="11466" spans="1:10" x14ac:dyDescent="0.35">
      <c r="A11466" s="1" t="s">
        <v>44014</v>
      </c>
      <c r="B11466" s="1" t="s">
        <v>43766</v>
      </c>
      <c r="C11466" s="1" t="s">
        <v>75</v>
      </c>
      <c r="D11466" s="1" t="s">
        <v>44062</v>
      </c>
      <c r="E11466" s="1" t="s">
        <v>44063</v>
      </c>
      <c r="F11466" s="1" t="s">
        <v>44064</v>
      </c>
      <c r="G11466" s="1" t="s">
        <v>44017</v>
      </c>
      <c r="H11466" s="1" t="s">
        <v>44018</v>
      </c>
      <c r="I11466" s="1" t="s">
        <v>43772</v>
      </c>
      <c r="J11466" s="1" t="s">
        <v>44065</v>
      </c>
    </row>
    <row r="11467" spans="1:10" x14ac:dyDescent="0.35">
      <c r="A11467" s="1" t="s">
        <v>44014</v>
      </c>
      <c r="B11467" s="1" t="s">
        <v>43766</v>
      </c>
      <c r="C11467" s="1" t="s">
        <v>80</v>
      </c>
      <c r="D11467" s="1" t="s">
        <v>44066</v>
      </c>
      <c r="E11467" s="1" t="s">
        <v>44067</v>
      </c>
      <c r="F11467" s="1" t="s">
        <v>44068</v>
      </c>
      <c r="G11467" s="1" t="s">
        <v>44017</v>
      </c>
      <c r="H11467" s="1" t="s">
        <v>44018</v>
      </c>
      <c r="I11467" s="1" t="s">
        <v>43772</v>
      </c>
      <c r="J11467" s="1" t="s">
        <v>44069</v>
      </c>
    </row>
    <row r="11468" spans="1:10" x14ac:dyDescent="0.35">
      <c r="A11468" s="1" t="s">
        <v>44014</v>
      </c>
      <c r="B11468" s="1" t="s">
        <v>43766</v>
      </c>
      <c r="C11468" s="1" t="s">
        <v>85</v>
      </c>
      <c r="D11468" s="1" t="s">
        <v>1419</v>
      </c>
      <c r="E11468" s="1" t="s">
        <v>44070</v>
      </c>
      <c r="F11468" s="1" t="s">
        <v>44071</v>
      </c>
      <c r="G11468" s="1" t="s">
        <v>44017</v>
      </c>
      <c r="H11468" s="1" t="s">
        <v>44018</v>
      </c>
      <c r="I11468" s="1" t="s">
        <v>43772</v>
      </c>
      <c r="J11468" s="1" t="s">
        <v>44072</v>
      </c>
    </row>
    <row r="11469" spans="1:10" x14ac:dyDescent="0.35">
      <c r="A11469" s="1" t="s">
        <v>44014</v>
      </c>
      <c r="B11469" s="1" t="s">
        <v>43766</v>
      </c>
      <c r="C11469" s="1" t="s">
        <v>90</v>
      </c>
      <c r="D11469" s="1" t="s">
        <v>44073</v>
      </c>
      <c r="E11469" s="1" t="s">
        <v>44074</v>
      </c>
      <c r="F11469" s="1" t="s">
        <v>44075</v>
      </c>
      <c r="G11469" s="1" t="s">
        <v>44017</v>
      </c>
      <c r="H11469" s="1" t="s">
        <v>44018</v>
      </c>
      <c r="I11469" s="1" t="s">
        <v>43772</v>
      </c>
      <c r="J11469" s="1" t="s">
        <v>44076</v>
      </c>
    </row>
    <row r="11470" spans="1:10" x14ac:dyDescent="0.35">
      <c r="A11470" s="1" t="s">
        <v>44014</v>
      </c>
      <c r="B11470" s="1" t="s">
        <v>43766</v>
      </c>
      <c r="C11470" s="1" t="s">
        <v>95</v>
      </c>
      <c r="D11470" s="1" t="s">
        <v>43901</v>
      </c>
      <c r="E11470" s="1" t="s">
        <v>44077</v>
      </c>
      <c r="F11470" s="1" t="s">
        <v>44078</v>
      </c>
      <c r="G11470" s="1" t="s">
        <v>44017</v>
      </c>
      <c r="H11470" s="1" t="s">
        <v>44018</v>
      </c>
      <c r="I11470" s="1" t="s">
        <v>43772</v>
      </c>
      <c r="J11470" s="1" t="s">
        <v>44079</v>
      </c>
    </row>
    <row r="11471" spans="1:10" x14ac:dyDescent="0.35">
      <c r="A11471" s="1" t="s">
        <v>44014</v>
      </c>
      <c r="B11471" s="1" t="s">
        <v>43766</v>
      </c>
      <c r="C11471" s="1" t="s">
        <v>100</v>
      </c>
      <c r="D11471" s="1" t="s">
        <v>13043</v>
      </c>
      <c r="E11471" s="1" t="s">
        <v>44080</v>
      </c>
      <c r="F11471" s="1" t="s">
        <v>44081</v>
      </c>
      <c r="G11471" s="1" t="s">
        <v>44017</v>
      </c>
      <c r="H11471" s="1" t="s">
        <v>44018</v>
      </c>
      <c r="I11471" s="1" t="s">
        <v>43772</v>
      </c>
      <c r="J11471" s="1" t="s">
        <v>44082</v>
      </c>
    </row>
    <row r="11472" spans="1:10" x14ac:dyDescent="0.35">
      <c r="A11472" s="1" t="s">
        <v>44014</v>
      </c>
      <c r="B11472" s="1" t="s">
        <v>43766</v>
      </c>
      <c r="C11472" s="1" t="s">
        <v>105</v>
      </c>
      <c r="D11472" s="1" t="s">
        <v>35017</v>
      </c>
      <c r="E11472" s="1" t="s">
        <v>44083</v>
      </c>
      <c r="F11472" s="1" t="s">
        <v>44084</v>
      </c>
      <c r="G11472" s="1" t="s">
        <v>44017</v>
      </c>
      <c r="H11472" s="1" t="s">
        <v>44018</v>
      </c>
      <c r="I11472" s="1" t="s">
        <v>43772</v>
      </c>
      <c r="J11472" s="1" t="s">
        <v>44085</v>
      </c>
    </row>
    <row r="11473" spans="1:10" x14ac:dyDescent="0.35">
      <c r="A11473" s="1" t="s">
        <v>44014</v>
      </c>
      <c r="B11473" s="1" t="s">
        <v>43766</v>
      </c>
      <c r="C11473" s="1" t="s">
        <v>110</v>
      </c>
      <c r="D11473" s="1" t="s">
        <v>44086</v>
      </c>
      <c r="E11473" s="1" t="s">
        <v>44087</v>
      </c>
      <c r="F11473" s="1" t="s">
        <v>44088</v>
      </c>
      <c r="G11473" s="1" t="s">
        <v>44017</v>
      </c>
      <c r="H11473" s="1" t="s">
        <v>44018</v>
      </c>
      <c r="I11473" s="1" t="s">
        <v>43772</v>
      </c>
      <c r="J11473" s="1" t="s">
        <v>44089</v>
      </c>
    </row>
    <row r="11474" spans="1:10" x14ac:dyDescent="0.35">
      <c r="A11474" s="1" t="s">
        <v>44014</v>
      </c>
      <c r="B11474" s="1" t="s">
        <v>43766</v>
      </c>
      <c r="C11474" s="1" t="s">
        <v>115</v>
      </c>
      <c r="D11474" s="1" t="s">
        <v>43255</v>
      </c>
      <c r="E11474" s="1" t="s">
        <v>44090</v>
      </c>
      <c r="F11474" s="1" t="s">
        <v>44091</v>
      </c>
      <c r="G11474" s="1" t="s">
        <v>44017</v>
      </c>
      <c r="H11474" s="1" t="s">
        <v>44018</v>
      </c>
      <c r="I11474" s="1" t="s">
        <v>43772</v>
      </c>
      <c r="J11474" s="1" t="s">
        <v>44092</v>
      </c>
    </row>
    <row r="11475" spans="1:10" x14ac:dyDescent="0.35">
      <c r="A11475" s="1" t="s">
        <v>44014</v>
      </c>
      <c r="B11475" s="1" t="s">
        <v>43766</v>
      </c>
      <c r="C11475" s="1" t="s">
        <v>120</v>
      </c>
      <c r="D11475" s="1" t="s">
        <v>44093</v>
      </c>
      <c r="E11475" s="1" t="s">
        <v>44094</v>
      </c>
      <c r="F11475" s="1" t="s">
        <v>44095</v>
      </c>
      <c r="G11475" s="1" t="s">
        <v>44017</v>
      </c>
      <c r="H11475" s="1" t="s">
        <v>44018</v>
      </c>
      <c r="I11475" s="1" t="s">
        <v>43772</v>
      </c>
      <c r="J11475" s="1" t="s">
        <v>44096</v>
      </c>
    </row>
    <row r="11476" spans="1:10" x14ac:dyDescent="0.35">
      <c r="A11476" s="1" t="s">
        <v>44014</v>
      </c>
      <c r="B11476" s="1" t="s">
        <v>43766</v>
      </c>
      <c r="C11476" s="1" t="s">
        <v>125</v>
      </c>
      <c r="D11476" s="1" t="s">
        <v>44097</v>
      </c>
      <c r="E11476" s="1" t="s">
        <v>44098</v>
      </c>
      <c r="F11476" s="1" t="s">
        <v>44099</v>
      </c>
      <c r="G11476" s="1" t="s">
        <v>44017</v>
      </c>
      <c r="H11476" s="1" t="s">
        <v>44018</v>
      </c>
      <c r="I11476" s="1" t="s">
        <v>43772</v>
      </c>
      <c r="J11476" s="1" t="s">
        <v>44100</v>
      </c>
    </row>
    <row r="11477" spans="1:10" x14ac:dyDescent="0.35">
      <c r="A11477" s="1" t="s">
        <v>44014</v>
      </c>
      <c r="B11477" s="1" t="s">
        <v>43766</v>
      </c>
      <c r="C11477" s="1" t="s">
        <v>130</v>
      </c>
      <c r="D11477" s="1" t="s">
        <v>42165</v>
      </c>
      <c r="E11477" s="1" t="s">
        <v>44101</v>
      </c>
      <c r="F11477" s="1" t="s">
        <v>44102</v>
      </c>
      <c r="G11477" s="1" t="s">
        <v>44017</v>
      </c>
      <c r="H11477" s="1" t="s">
        <v>44018</v>
      </c>
      <c r="I11477" s="1" t="s">
        <v>43772</v>
      </c>
      <c r="J11477" s="1" t="s">
        <v>44103</v>
      </c>
    </row>
    <row r="11478" spans="1:10" x14ac:dyDescent="0.35">
      <c r="A11478" s="1" t="s">
        <v>44014</v>
      </c>
      <c r="B11478" s="1" t="s">
        <v>43766</v>
      </c>
      <c r="C11478" s="1" t="s">
        <v>135</v>
      </c>
      <c r="D11478" s="1" t="s">
        <v>44104</v>
      </c>
      <c r="E11478" s="1" t="s">
        <v>44105</v>
      </c>
      <c r="F11478" s="1" t="s">
        <v>44106</v>
      </c>
      <c r="G11478" s="1" t="s">
        <v>44017</v>
      </c>
      <c r="H11478" s="1" t="s">
        <v>44018</v>
      </c>
      <c r="I11478" s="1" t="s">
        <v>43772</v>
      </c>
      <c r="J11478" s="1" t="s">
        <v>44107</v>
      </c>
    </row>
    <row r="11479" spans="1:10" x14ac:dyDescent="0.35">
      <c r="A11479" s="1" t="s">
        <v>44014</v>
      </c>
      <c r="B11479" s="1" t="s">
        <v>43766</v>
      </c>
      <c r="C11479" s="1" t="s">
        <v>140</v>
      </c>
      <c r="D11479" s="1" t="s">
        <v>44108</v>
      </c>
      <c r="E11479" s="1" t="s">
        <v>44109</v>
      </c>
      <c r="F11479" s="1" t="s">
        <v>44110</v>
      </c>
      <c r="G11479" s="1" t="s">
        <v>44017</v>
      </c>
      <c r="H11479" s="1" t="s">
        <v>44018</v>
      </c>
      <c r="I11479" s="1" t="s">
        <v>43772</v>
      </c>
      <c r="J11479" s="1" t="s">
        <v>44111</v>
      </c>
    </row>
    <row r="11480" spans="1:10" x14ac:dyDescent="0.35">
      <c r="A11480" s="1" t="s">
        <v>44014</v>
      </c>
      <c r="B11480" s="1" t="s">
        <v>43766</v>
      </c>
      <c r="C11480" s="1" t="s">
        <v>145</v>
      </c>
      <c r="D11480" s="1" t="s">
        <v>44112</v>
      </c>
      <c r="E11480" s="1" t="s">
        <v>44113</v>
      </c>
      <c r="F11480" s="1" t="s">
        <v>44114</v>
      </c>
      <c r="G11480" s="1" t="s">
        <v>44017</v>
      </c>
      <c r="H11480" s="1" t="s">
        <v>44018</v>
      </c>
      <c r="I11480" s="1" t="s">
        <v>43772</v>
      </c>
      <c r="J11480" s="1" t="s">
        <v>44115</v>
      </c>
    </row>
    <row r="11481" spans="1:10" x14ac:dyDescent="0.35">
      <c r="A11481" s="1" t="s">
        <v>44014</v>
      </c>
      <c r="B11481" s="1" t="s">
        <v>43766</v>
      </c>
      <c r="C11481" s="1" t="s">
        <v>150</v>
      </c>
      <c r="D11481" s="1" t="s">
        <v>44116</v>
      </c>
      <c r="E11481" s="1" t="s">
        <v>44117</v>
      </c>
      <c r="F11481" s="1" t="s">
        <v>44118</v>
      </c>
      <c r="G11481" s="1" t="s">
        <v>44017</v>
      </c>
      <c r="H11481" s="1" t="s">
        <v>44018</v>
      </c>
      <c r="I11481" s="1" t="s">
        <v>43772</v>
      </c>
      <c r="J11481" s="1" t="s">
        <v>44119</v>
      </c>
    </row>
    <row r="11482" spans="1:10" x14ac:dyDescent="0.35">
      <c r="A11482" s="1" t="s">
        <v>44014</v>
      </c>
      <c r="B11482" s="1" t="s">
        <v>43766</v>
      </c>
      <c r="C11482" s="1" t="s">
        <v>155</v>
      </c>
      <c r="D11482" s="1" t="s">
        <v>44120</v>
      </c>
      <c r="E11482" s="1" t="s">
        <v>44121</v>
      </c>
      <c r="F11482" s="1" t="s">
        <v>44122</v>
      </c>
      <c r="G11482" s="1" t="s">
        <v>44017</v>
      </c>
      <c r="H11482" s="1" t="s">
        <v>44018</v>
      </c>
      <c r="I11482" s="1" t="s">
        <v>43772</v>
      </c>
      <c r="J11482" s="1" t="s">
        <v>44123</v>
      </c>
    </row>
    <row r="11483" spans="1:10" x14ac:dyDescent="0.35">
      <c r="A11483" s="1" t="s">
        <v>44014</v>
      </c>
      <c r="B11483" s="1" t="s">
        <v>43766</v>
      </c>
      <c r="C11483" s="1" t="s">
        <v>160</v>
      </c>
      <c r="D11483" s="1" t="s">
        <v>13715</v>
      </c>
      <c r="E11483" s="1" t="s">
        <v>44124</v>
      </c>
      <c r="F11483" s="1" t="s">
        <v>44125</v>
      </c>
      <c r="G11483" s="1" t="s">
        <v>44017</v>
      </c>
      <c r="H11483" s="1" t="s">
        <v>44018</v>
      </c>
      <c r="I11483" s="1" t="s">
        <v>43772</v>
      </c>
      <c r="J11483" s="1" t="s">
        <v>44126</v>
      </c>
    </row>
    <row r="11484" spans="1:10" x14ac:dyDescent="0.35">
      <c r="A11484" s="1" t="s">
        <v>44014</v>
      </c>
      <c r="B11484" s="1" t="s">
        <v>43766</v>
      </c>
      <c r="C11484" s="1" t="s">
        <v>165</v>
      </c>
      <c r="D11484" s="1" t="s">
        <v>44127</v>
      </c>
      <c r="E11484" s="1" t="s">
        <v>44128</v>
      </c>
      <c r="F11484" s="1" t="s">
        <v>44129</v>
      </c>
      <c r="G11484" s="1" t="s">
        <v>44017</v>
      </c>
      <c r="H11484" s="1" t="s">
        <v>44018</v>
      </c>
      <c r="I11484" s="1" t="s">
        <v>43772</v>
      </c>
      <c r="J11484" s="1" t="s">
        <v>44130</v>
      </c>
    </row>
    <row r="11485" spans="1:10" x14ac:dyDescent="0.35">
      <c r="A11485" s="1" t="s">
        <v>44014</v>
      </c>
      <c r="B11485" s="1" t="s">
        <v>43766</v>
      </c>
      <c r="C11485" s="1" t="s">
        <v>170</v>
      </c>
      <c r="D11485" s="1" t="s">
        <v>44131</v>
      </c>
      <c r="E11485" s="1" t="s">
        <v>44132</v>
      </c>
      <c r="F11485" s="1" t="s">
        <v>44133</v>
      </c>
      <c r="G11485" s="1" t="s">
        <v>44017</v>
      </c>
      <c r="H11485" s="1" t="s">
        <v>44018</v>
      </c>
      <c r="I11485" s="1" t="s">
        <v>43772</v>
      </c>
      <c r="J11485" s="1" t="s">
        <v>44134</v>
      </c>
    </row>
    <row r="11486" spans="1:10" x14ac:dyDescent="0.35">
      <c r="A11486" s="1" t="s">
        <v>44135</v>
      </c>
      <c r="B11486" s="1" t="s">
        <v>43766</v>
      </c>
      <c r="C11486" s="1" t="s">
        <v>8</v>
      </c>
      <c r="D11486" s="1" t="s">
        <v>10444</v>
      </c>
      <c r="E11486" s="1" t="s">
        <v>44136</v>
      </c>
      <c r="F11486" s="1" t="s">
        <v>44137</v>
      </c>
      <c r="G11486" s="1" t="s">
        <v>44138</v>
      </c>
      <c r="H11486" s="1" t="s">
        <v>44139</v>
      </c>
      <c r="I11486" s="1" t="s">
        <v>43772</v>
      </c>
      <c r="J11486" s="1" t="s">
        <v>13</v>
      </c>
    </row>
    <row r="11487" spans="1:10" x14ac:dyDescent="0.35">
      <c r="A11487" s="1" t="s">
        <v>44135</v>
      </c>
      <c r="B11487" s="1" t="s">
        <v>43766</v>
      </c>
      <c r="C11487" s="1" t="s">
        <v>15</v>
      </c>
      <c r="D11487" s="1" t="s">
        <v>30106</v>
      </c>
      <c r="E11487" s="1" t="s">
        <v>44140</v>
      </c>
      <c r="F11487" s="1" t="s">
        <v>44141</v>
      </c>
      <c r="G11487" s="1" t="s">
        <v>44138</v>
      </c>
      <c r="H11487" s="1" t="s">
        <v>44139</v>
      </c>
      <c r="I11487" s="1" t="s">
        <v>43772</v>
      </c>
      <c r="J11487" s="1" t="s">
        <v>44142</v>
      </c>
    </row>
    <row r="11488" spans="1:10" x14ac:dyDescent="0.35">
      <c r="A11488" s="1" t="s">
        <v>44135</v>
      </c>
      <c r="B11488" s="1" t="s">
        <v>43766</v>
      </c>
      <c r="C11488" s="1" t="s">
        <v>20</v>
      </c>
      <c r="D11488" s="1" t="s">
        <v>110</v>
      </c>
      <c r="E11488" s="1" t="s">
        <v>44143</v>
      </c>
      <c r="F11488" s="1" t="s">
        <v>44144</v>
      </c>
      <c r="G11488" s="1" t="s">
        <v>44138</v>
      </c>
      <c r="H11488" s="1" t="s">
        <v>44139</v>
      </c>
      <c r="I11488" s="1" t="s">
        <v>43772</v>
      </c>
      <c r="J11488" s="1" t="s">
        <v>44145</v>
      </c>
    </row>
    <row r="11489" spans="1:10" x14ac:dyDescent="0.35">
      <c r="A11489" s="1" t="s">
        <v>44135</v>
      </c>
      <c r="B11489" s="1" t="s">
        <v>43766</v>
      </c>
      <c r="C11489" s="1" t="s">
        <v>25</v>
      </c>
      <c r="D11489" s="1" t="s">
        <v>44146</v>
      </c>
      <c r="E11489" s="1" t="s">
        <v>44147</v>
      </c>
      <c r="F11489" s="1" t="s">
        <v>44148</v>
      </c>
      <c r="G11489" s="1" t="s">
        <v>44138</v>
      </c>
      <c r="H11489" s="1" t="s">
        <v>44139</v>
      </c>
      <c r="I11489" s="1" t="s">
        <v>43772</v>
      </c>
      <c r="J11489" s="1" t="s">
        <v>44149</v>
      </c>
    </row>
    <row r="11490" spans="1:10" x14ac:dyDescent="0.35">
      <c r="A11490" s="1" t="s">
        <v>44135</v>
      </c>
      <c r="B11490" s="1" t="s">
        <v>43766</v>
      </c>
      <c r="C11490" s="1" t="s">
        <v>30</v>
      </c>
      <c r="D11490" s="1" t="s">
        <v>44150</v>
      </c>
      <c r="E11490" s="1" t="s">
        <v>44151</v>
      </c>
      <c r="F11490" s="1" t="s">
        <v>44152</v>
      </c>
      <c r="G11490" s="1" t="s">
        <v>44138</v>
      </c>
      <c r="H11490" s="1" t="s">
        <v>44139</v>
      </c>
      <c r="I11490" s="1" t="s">
        <v>43772</v>
      </c>
      <c r="J11490" s="1" t="s">
        <v>44153</v>
      </c>
    </row>
    <row r="11491" spans="1:10" x14ac:dyDescent="0.35">
      <c r="A11491" s="1" t="s">
        <v>44135</v>
      </c>
      <c r="B11491" s="1" t="s">
        <v>43766</v>
      </c>
      <c r="C11491" s="1" t="s">
        <v>35</v>
      </c>
      <c r="D11491" s="1" t="s">
        <v>36658</v>
      </c>
      <c r="E11491" s="1" t="s">
        <v>44154</v>
      </c>
      <c r="F11491" s="1" t="s">
        <v>44155</v>
      </c>
      <c r="G11491" s="1" t="s">
        <v>44138</v>
      </c>
      <c r="H11491" s="1" t="s">
        <v>44139</v>
      </c>
      <c r="I11491" s="1" t="s">
        <v>43772</v>
      </c>
      <c r="J11491" s="1" t="s">
        <v>44156</v>
      </c>
    </row>
    <row r="11492" spans="1:10" x14ac:dyDescent="0.35">
      <c r="A11492" s="1" t="s">
        <v>44135</v>
      </c>
      <c r="B11492" s="1" t="s">
        <v>43766</v>
      </c>
      <c r="C11492" s="1" t="s">
        <v>40</v>
      </c>
      <c r="D11492" s="1" t="s">
        <v>44157</v>
      </c>
      <c r="E11492" s="1" t="s">
        <v>44158</v>
      </c>
      <c r="F11492" s="1" t="s">
        <v>44159</v>
      </c>
      <c r="G11492" s="1" t="s">
        <v>44138</v>
      </c>
      <c r="H11492" s="1" t="s">
        <v>44139</v>
      </c>
      <c r="I11492" s="1" t="s">
        <v>43772</v>
      </c>
      <c r="J11492" s="1" t="s">
        <v>44160</v>
      </c>
    </row>
    <row r="11493" spans="1:10" x14ac:dyDescent="0.35">
      <c r="A11493" s="1" t="s">
        <v>44135</v>
      </c>
      <c r="B11493" s="1" t="s">
        <v>43766</v>
      </c>
      <c r="C11493" s="1" t="s">
        <v>45</v>
      </c>
      <c r="D11493" s="1" t="s">
        <v>44161</v>
      </c>
      <c r="E11493" s="1" t="s">
        <v>44162</v>
      </c>
      <c r="F11493" s="1" t="s">
        <v>44163</v>
      </c>
      <c r="G11493" s="1" t="s">
        <v>44138</v>
      </c>
      <c r="H11493" s="1" t="s">
        <v>44139</v>
      </c>
      <c r="I11493" s="1" t="s">
        <v>43772</v>
      </c>
      <c r="J11493" s="1" t="s">
        <v>44164</v>
      </c>
    </row>
    <row r="11494" spans="1:10" x14ac:dyDescent="0.35">
      <c r="A11494" s="1" t="s">
        <v>44135</v>
      </c>
      <c r="B11494" s="1" t="s">
        <v>43766</v>
      </c>
      <c r="C11494" s="1" t="s">
        <v>50</v>
      </c>
      <c r="D11494" s="1" t="s">
        <v>44165</v>
      </c>
      <c r="E11494" s="1" t="s">
        <v>44166</v>
      </c>
      <c r="F11494" s="1" t="s">
        <v>44167</v>
      </c>
      <c r="G11494" s="1" t="s">
        <v>44138</v>
      </c>
      <c r="H11494" s="1" t="s">
        <v>44139</v>
      </c>
      <c r="I11494" s="1" t="s">
        <v>43772</v>
      </c>
      <c r="J11494" s="1" t="s">
        <v>44168</v>
      </c>
    </row>
    <row r="11495" spans="1:10" x14ac:dyDescent="0.35">
      <c r="A11495" s="1" t="s">
        <v>44135</v>
      </c>
      <c r="B11495" s="1" t="s">
        <v>43766</v>
      </c>
      <c r="C11495" s="1" t="s">
        <v>55</v>
      </c>
      <c r="D11495" s="1" t="s">
        <v>9722</v>
      </c>
      <c r="E11495" s="1" t="s">
        <v>44169</v>
      </c>
      <c r="F11495" s="1" t="s">
        <v>44170</v>
      </c>
      <c r="G11495" s="1" t="s">
        <v>44138</v>
      </c>
      <c r="H11495" s="1" t="s">
        <v>44139</v>
      </c>
      <c r="I11495" s="1" t="s">
        <v>43772</v>
      </c>
      <c r="J11495" s="1" t="s">
        <v>44171</v>
      </c>
    </row>
    <row r="11496" spans="1:10" x14ac:dyDescent="0.35">
      <c r="A11496" s="1" t="s">
        <v>44135</v>
      </c>
      <c r="B11496" s="1" t="s">
        <v>43766</v>
      </c>
      <c r="C11496" s="1" t="s">
        <v>60</v>
      </c>
      <c r="D11496" s="1" t="s">
        <v>44172</v>
      </c>
      <c r="E11496" s="1" t="s">
        <v>44173</v>
      </c>
      <c r="F11496" s="1" t="s">
        <v>44174</v>
      </c>
      <c r="G11496" s="1" t="s">
        <v>44138</v>
      </c>
      <c r="H11496" s="1" t="s">
        <v>44139</v>
      </c>
      <c r="I11496" s="1" t="s">
        <v>43772</v>
      </c>
      <c r="J11496" s="1" t="s">
        <v>44175</v>
      </c>
    </row>
    <row r="11497" spans="1:10" x14ac:dyDescent="0.35">
      <c r="A11497" s="1" t="s">
        <v>44135</v>
      </c>
      <c r="B11497" s="1" t="s">
        <v>43766</v>
      </c>
      <c r="C11497" s="1" t="s">
        <v>65</v>
      </c>
      <c r="D11497" s="1" t="s">
        <v>44176</v>
      </c>
      <c r="E11497" s="1" t="s">
        <v>44177</v>
      </c>
      <c r="F11497" s="1" t="s">
        <v>44178</v>
      </c>
      <c r="G11497" s="1" t="s">
        <v>44138</v>
      </c>
      <c r="H11497" s="1" t="s">
        <v>44139</v>
      </c>
      <c r="I11497" s="1" t="s">
        <v>43772</v>
      </c>
      <c r="J11497" s="1" t="s">
        <v>44179</v>
      </c>
    </row>
    <row r="11498" spans="1:10" x14ac:dyDescent="0.35">
      <c r="A11498" s="1" t="s">
        <v>44135</v>
      </c>
      <c r="B11498" s="1" t="s">
        <v>43766</v>
      </c>
      <c r="C11498" s="1" t="s">
        <v>70</v>
      </c>
      <c r="D11498" s="1" t="s">
        <v>44180</v>
      </c>
      <c r="E11498" s="1" t="s">
        <v>44181</v>
      </c>
      <c r="F11498" s="1" t="s">
        <v>44182</v>
      </c>
      <c r="G11498" s="1" t="s">
        <v>44138</v>
      </c>
      <c r="H11498" s="1" t="s">
        <v>44139</v>
      </c>
      <c r="I11498" s="1" t="s">
        <v>43772</v>
      </c>
      <c r="J11498" s="1" t="s">
        <v>44183</v>
      </c>
    </row>
    <row r="11499" spans="1:10" x14ac:dyDescent="0.35">
      <c r="A11499" s="1" t="s">
        <v>44135</v>
      </c>
      <c r="B11499" s="1" t="s">
        <v>43766</v>
      </c>
      <c r="C11499" s="1" t="s">
        <v>75</v>
      </c>
      <c r="D11499" s="1" t="s">
        <v>44184</v>
      </c>
      <c r="E11499" s="1" t="s">
        <v>44185</v>
      </c>
      <c r="F11499" s="1" t="s">
        <v>44186</v>
      </c>
      <c r="G11499" s="1" t="s">
        <v>44138</v>
      </c>
      <c r="H11499" s="1" t="s">
        <v>44139</v>
      </c>
      <c r="I11499" s="1" t="s">
        <v>43772</v>
      </c>
      <c r="J11499" s="1" t="s">
        <v>44187</v>
      </c>
    </row>
    <row r="11500" spans="1:10" x14ac:dyDescent="0.35">
      <c r="A11500" s="1" t="s">
        <v>44135</v>
      </c>
      <c r="B11500" s="1" t="s">
        <v>43766</v>
      </c>
      <c r="C11500" s="1" t="s">
        <v>80</v>
      </c>
      <c r="D11500" s="1" t="s">
        <v>44188</v>
      </c>
      <c r="E11500" s="1" t="s">
        <v>44189</v>
      </c>
      <c r="F11500" s="1" t="s">
        <v>44190</v>
      </c>
      <c r="G11500" s="1" t="s">
        <v>44138</v>
      </c>
      <c r="H11500" s="1" t="s">
        <v>44139</v>
      </c>
      <c r="I11500" s="1" t="s">
        <v>43772</v>
      </c>
      <c r="J11500" s="1" t="s">
        <v>44191</v>
      </c>
    </row>
    <row r="11501" spans="1:10" x14ac:dyDescent="0.35">
      <c r="A11501" s="1" t="s">
        <v>44135</v>
      </c>
      <c r="B11501" s="1" t="s">
        <v>43766</v>
      </c>
      <c r="C11501" s="1" t="s">
        <v>85</v>
      </c>
      <c r="D11501" s="1" t="s">
        <v>7104</v>
      </c>
      <c r="E11501" s="1" t="s">
        <v>44192</v>
      </c>
      <c r="F11501" s="1" t="s">
        <v>44193</v>
      </c>
      <c r="G11501" s="1" t="s">
        <v>44138</v>
      </c>
      <c r="H11501" s="1" t="s">
        <v>44139</v>
      </c>
      <c r="I11501" s="1" t="s">
        <v>43772</v>
      </c>
      <c r="J11501" s="1" t="s">
        <v>44194</v>
      </c>
    </row>
    <row r="11502" spans="1:10" x14ac:dyDescent="0.35">
      <c r="A11502" s="1" t="s">
        <v>44135</v>
      </c>
      <c r="B11502" s="1" t="s">
        <v>43766</v>
      </c>
      <c r="C11502" s="1" t="s">
        <v>90</v>
      </c>
      <c r="D11502" s="1" t="s">
        <v>44195</v>
      </c>
      <c r="E11502" s="1" t="s">
        <v>44196</v>
      </c>
      <c r="F11502" s="1" t="s">
        <v>44197</v>
      </c>
      <c r="G11502" s="1" t="s">
        <v>44138</v>
      </c>
      <c r="H11502" s="1" t="s">
        <v>44139</v>
      </c>
      <c r="I11502" s="1" t="s">
        <v>43772</v>
      </c>
      <c r="J11502" s="1" t="s">
        <v>44198</v>
      </c>
    </row>
    <row r="11503" spans="1:10" x14ac:dyDescent="0.35">
      <c r="A11503" s="1" t="s">
        <v>44135</v>
      </c>
      <c r="B11503" s="1" t="s">
        <v>43766</v>
      </c>
      <c r="C11503" s="1" t="s">
        <v>95</v>
      </c>
      <c r="D11503" s="1" t="s">
        <v>38280</v>
      </c>
      <c r="E11503" s="1" t="s">
        <v>44199</v>
      </c>
      <c r="F11503" s="1" t="s">
        <v>44200</v>
      </c>
      <c r="G11503" s="1" t="s">
        <v>44138</v>
      </c>
      <c r="H11503" s="1" t="s">
        <v>44139</v>
      </c>
      <c r="I11503" s="1" t="s">
        <v>43772</v>
      </c>
      <c r="J11503" s="1" t="s">
        <v>44201</v>
      </c>
    </row>
    <row r="11504" spans="1:10" x14ac:dyDescent="0.35">
      <c r="A11504" s="1" t="s">
        <v>44135</v>
      </c>
      <c r="B11504" s="1" t="s">
        <v>43766</v>
      </c>
      <c r="C11504" s="1" t="s">
        <v>100</v>
      </c>
      <c r="D11504" s="1" t="s">
        <v>12385</v>
      </c>
      <c r="E11504" s="1" t="s">
        <v>44202</v>
      </c>
      <c r="F11504" s="1" t="s">
        <v>44203</v>
      </c>
      <c r="G11504" s="1" t="s">
        <v>44138</v>
      </c>
      <c r="H11504" s="1" t="s">
        <v>44139</v>
      </c>
      <c r="I11504" s="1" t="s">
        <v>43772</v>
      </c>
      <c r="J11504" s="1" t="s">
        <v>44204</v>
      </c>
    </row>
    <row r="11505" spans="1:10" x14ac:dyDescent="0.35">
      <c r="A11505" s="1" t="s">
        <v>44135</v>
      </c>
      <c r="B11505" s="1" t="s">
        <v>43766</v>
      </c>
      <c r="C11505" s="1" t="s">
        <v>105</v>
      </c>
      <c r="D11505" s="1" t="s">
        <v>44205</v>
      </c>
      <c r="E11505" s="1" t="s">
        <v>44206</v>
      </c>
      <c r="F11505" s="1" t="s">
        <v>44207</v>
      </c>
      <c r="G11505" s="1" t="s">
        <v>44138</v>
      </c>
      <c r="H11505" s="1" t="s">
        <v>44139</v>
      </c>
      <c r="I11505" s="1" t="s">
        <v>43772</v>
      </c>
      <c r="J11505" s="1" t="s">
        <v>44208</v>
      </c>
    </row>
    <row r="11506" spans="1:10" x14ac:dyDescent="0.35">
      <c r="A11506" s="1" t="s">
        <v>44135</v>
      </c>
      <c r="B11506" s="1" t="s">
        <v>43766</v>
      </c>
      <c r="C11506" s="1" t="s">
        <v>110</v>
      </c>
      <c r="D11506" s="1" t="s">
        <v>44209</v>
      </c>
      <c r="E11506" s="1" t="s">
        <v>44210</v>
      </c>
      <c r="F11506" s="1" t="s">
        <v>44211</v>
      </c>
      <c r="G11506" s="1" t="s">
        <v>44138</v>
      </c>
      <c r="H11506" s="1" t="s">
        <v>44139</v>
      </c>
      <c r="I11506" s="1" t="s">
        <v>43772</v>
      </c>
      <c r="J11506" s="1" t="s">
        <v>44212</v>
      </c>
    </row>
    <row r="11507" spans="1:10" x14ac:dyDescent="0.35">
      <c r="A11507" s="1" t="s">
        <v>44135</v>
      </c>
      <c r="B11507" s="1" t="s">
        <v>43766</v>
      </c>
      <c r="C11507" s="1" t="s">
        <v>115</v>
      </c>
      <c r="D11507" s="1" t="s">
        <v>44213</v>
      </c>
      <c r="E11507" s="1" t="s">
        <v>44214</v>
      </c>
      <c r="F11507" s="1" t="s">
        <v>44215</v>
      </c>
      <c r="G11507" s="1" t="s">
        <v>44138</v>
      </c>
      <c r="H11507" s="1" t="s">
        <v>44139</v>
      </c>
      <c r="I11507" s="1" t="s">
        <v>43772</v>
      </c>
      <c r="J11507" s="1" t="s">
        <v>44216</v>
      </c>
    </row>
    <row r="11508" spans="1:10" x14ac:dyDescent="0.35">
      <c r="A11508" s="1" t="s">
        <v>44135</v>
      </c>
      <c r="B11508" s="1" t="s">
        <v>43766</v>
      </c>
      <c r="C11508" s="1" t="s">
        <v>120</v>
      </c>
      <c r="D11508" s="1" t="s">
        <v>34153</v>
      </c>
      <c r="E11508" s="1" t="s">
        <v>44217</v>
      </c>
      <c r="F11508" s="1" t="s">
        <v>44218</v>
      </c>
      <c r="G11508" s="1" t="s">
        <v>44138</v>
      </c>
      <c r="H11508" s="1" t="s">
        <v>44139</v>
      </c>
      <c r="I11508" s="1" t="s">
        <v>43772</v>
      </c>
      <c r="J11508" s="1" t="s">
        <v>44219</v>
      </c>
    </row>
    <row r="11509" spans="1:10" x14ac:dyDescent="0.35">
      <c r="A11509" s="1" t="s">
        <v>44135</v>
      </c>
      <c r="B11509" s="1" t="s">
        <v>43766</v>
      </c>
      <c r="C11509" s="1" t="s">
        <v>125</v>
      </c>
      <c r="D11509" s="1" t="s">
        <v>44220</v>
      </c>
      <c r="E11509" s="1" t="s">
        <v>44221</v>
      </c>
      <c r="F11509" s="1" t="s">
        <v>44222</v>
      </c>
      <c r="G11509" s="1" t="s">
        <v>44138</v>
      </c>
      <c r="H11509" s="1" t="s">
        <v>44139</v>
      </c>
      <c r="I11509" s="1" t="s">
        <v>43772</v>
      </c>
      <c r="J11509" s="1" t="s">
        <v>44223</v>
      </c>
    </row>
    <row r="11510" spans="1:10" x14ac:dyDescent="0.35">
      <c r="A11510" s="1" t="s">
        <v>44135</v>
      </c>
      <c r="B11510" s="1" t="s">
        <v>43766</v>
      </c>
      <c r="C11510" s="1" t="s">
        <v>130</v>
      </c>
      <c r="D11510" s="1" t="s">
        <v>42206</v>
      </c>
      <c r="E11510" s="1" t="s">
        <v>44224</v>
      </c>
      <c r="F11510" s="1" t="s">
        <v>44225</v>
      </c>
      <c r="G11510" s="1" t="s">
        <v>44138</v>
      </c>
      <c r="H11510" s="1" t="s">
        <v>44139</v>
      </c>
      <c r="I11510" s="1" t="s">
        <v>43772</v>
      </c>
      <c r="J11510" s="1" t="s">
        <v>44226</v>
      </c>
    </row>
    <row r="11511" spans="1:10" x14ac:dyDescent="0.35">
      <c r="A11511" s="1" t="s">
        <v>44135</v>
      </c>
      <c r="B11511" s="1" t="s">
        <v>43766</v>
      </c>
      <c r="C11511" s="1" t="s">
        <v>135</v>
      </c>
      <c r="D11511" s="1" t="s">
        <v>44227</v>
      </c>
      <c r="E11511" s="1" t="s">
        <v>44228</v>
      </c>
      <c r="F11511" s="1" t="s">
        <v>44229</v>
      </c>
      <c r="G11511" s="1" t="s">
        <v>44138</v>
      </c>
      <c r="H11511" s="1" t="s">
        <v>44139</v>
      </c>
      <c r="I11511" s="1" t="s">
        <v>43772</v>
      </c>
      <c r="J11511" s="1" t="s">
        <v>44230</v>
      </c>
    </row>
    <row r="11512" spans="1:10" x14ac:dyDescent="0.35">
      <c r="A11512" s="1" t="s">
        <v>44135</v>
      </c>
      <c r="B11512" s="1" t="s">
        <v>43766</v>
      </c>
      <c r="C11512" s="1" t="s">
        <v>140</v>
      </c>
      <c r="D11512" s="1" t="s">
        <v>44231</v>
      </c>
      <c r="E11512" s="1" t="s">
        <v>44232</v>
      </c>
      <c r="F11512" s="1" t="s">
        <v>44233</v>
      </c>
      <c r="G11512" s="1" t="s">
        <v>44138</v>
      </c>
      <c r="H11512" s="1" t="s">
        <v>44139</v>
      </c>
      <c r="I11512" s="1" t="s">
        <v>43772</v>
      </c>
      <c r="J11512" s="1" t="s">
        <v>44234</v>
      </c>
    </row>
    <row r="11513" spans="1:10" x14ac:dyDescent="0.35">
      <c r="A11513" s="1" t="s">
        <v>44135</v>
      </c>
      <c r="B11513" s="1" t="s">
        <v>43766</v>
      </c>
      <c r="C11513" s="1" t="s">
        <v>145</v>
      </c>
      <c r="D11513" s="1" t="s">
        <v>44235</v>
      </c>
      <c r="E11513" s="1" t="s">
        <v>44236</v>
      </c>
      <c r="F11513" s="1" t="s">
        <v>44237</v>
      </c>
      <c r="G11513" s="1" t="s">
        <v>44138</v>
      </c>
      <c r="H11513" s="1" t="s">
        <v>44139</v>
      </c>
      <c r="I11513" s="1" t="s">
        <v>43772</v>
      </c>
      <c r="J11513" s="1" t="s">
        <v>44238</v>
      </c>
    </row>
    <row r="11514" spans="1:10" x14ac:dyDescent="0.35">
      <c r="A11514" s="1" t="s">
        <v>44135</v>
      </c>
      <c r="B11514" s="1" t="s">
        <v>43766</v>
      </c>
      <c r="C11514" s="1" t="s">
        <v>150</v>
      </c>
      <c r="D11514" s="1" t="s">
        <v>44239</v>
      </c>
      <c r="E11514" s="1" t="s">
        <v>44240</v>
      </c>
      <c r="F11514" s="1" t="s">
        <v>44241</v>
      </c>
      <c r="G11514" s="1" t="s">
        <v>44138</v>
      </c>
      <c r="H11514" s="1" t="s">
        <v>44139</v>
      </c>
      <c r="I11514" s="1" t="s">
        <v>43772</v>
      </c>
      <c r="J11514" s="1" t="s">
        <v>44242</v>
      </c>
    </row>
    <row r="11515" spans="1:10" x14ac:dyDescent="0.35">
      <c r="A11515" s="1" t="s">
        <v>44135</v>
      </c>
      <c r="B11515" s="1" t="s">
        <v>43766</v>
      </c>
      <c r="C11515" s="1" t="s">
        <v>155</v>
      </c>
      <c r="D11515" s="1" t="s">
        <v>44243</v>
      </c>
      <c r="E11515" s="1" t="s">
        <v>44244</v>
      </c>
      <c r="F11515" s="1" t="s">
        <v>44245</v>
      </c>
      <c r="G11515" s="1" t="s">
        <v>44138</v>
      </c>
      <c r="H11515" s="1" t="s">
        <v>44139</v>
      </c>
      <c r="I11515" s="1" t="s">
        <v>43772</v>
      </c>
      <c r="J11515" s="1" t="s">
        <v>44246</v>
      </c>
    </row>
    <row r="11516" spans="1:10" x14ac:dyDescent="0.35">
      <c r="A11516" s="1" t="s">
        <v>44135</v>
      </c>
      <c r="B11516" s="1" t="s">
        <v>43766</v>
      </c>
      <c r="C11516" s="1" t="s">
        <v>160</v>
      </c>
      <c r="D11516" s="1" t="s">
        <v>44247</v>
      </c>
      <c r="E11516" s="1" t="s">
        <v>44248</v>
      </c>
      <c r="F11516" s="1" t="s">
        <v>44249</v>
      </c>
      <c r="G11516" s="1" t="s">
        <v>44138</v>
      </c>
      <c r="H11516" s="1" t="s">
        <v>44139</v>
      </c>
      <c r="I11516" s="1" t="s">
        <v>43772</v>
      </c>
      <c r="J11516" s="1" t="s">
        <v>44250</v>
      </c>
    </row>
    <row r="11517" spans="1:10" x14ac:dyDescent="0.35">
      <c r="A11517" s="1" t="s">
        <v>44135</v>
      </c>
      <c r="B11517" s="1" t="s">
        <v>43766</v>
      </c>
      <c r="C11517" s="1" t="s">
        <v>165</v>
      </c>
      <c r="D11517" s="1" t="s">
        <v>44251</v>
      </c>
      <c r="E11517" s="1" t="s">
        <v>44252</v>
      </c>
      <c r="F11517" s="1" t="s">
        <v>44253</v>
      </c>
      <c r="G11517" s="1" t="s">
        <v>44138</v>
      </c>
      <c r="H11517" s="1" t="s">
        <v>44139</v>
      </c>
      <c r="I11517" s="1" t="s">
        <v>43772</v>
      </c>
      <c r="J11517" s="1" t="s">
        <v>44254</v>
      </c>
    </row>
    <row r="11518" spans="1:10" x14ac:dyDescent="0.35">
      <c r="A11518" s="1" t="s">
        <v>44135</v>
      </c>
      <c r="B11518" s="1" t="s">
        <v>43766</v>
      </c>
      <c r="C11518" s="1" t="s">
        <v>170</v>
      </c>
      <c r="D11518" s="1" t="s">
        <v>44255</v>
      </c>
      <c r="E11518" s="1" t="s">
        <v>44256</v>
      </c>
      <c r="F11518" s="1" t="s">
        <v>44257</v>
      </c>
      <c r="G11518" s="1" t="s">
        <v>44138</v>
      </c>
      <c r="H11518" s="1" t="s">
        <v>44139</v>
      </c>
      <c r="I11518" s="1" t="s">
        <v>43772</v>
      </c>
      <c r="J11518" s="1" t="s">
        <v>44258</v>
      </c>
    </row>
    <row r="11519" spans="1:10" x14ac:dyDescent="0.35">
      <c r="A11519" s="1" t="s">
        <v>44259</v>
      </c>
      <c r="B11519" s="1" t="s">
        <v>43766</v>
      </c>
      <c r="C11519" s="1" t="s">
        <v>8</v>
      </c>
      <c r="D11519" s="1" t="s">
        <v>7271</v>
      </c>
      <c r="E11519" s="1" t="s">
        <v>44260</v>
      </c>
      <c r="F11519" s="1" t="s">
        <v>44261</v>
      </c>
      <c r="G11519" s="1" t="s">
        <v>44262</v>
      </c>
      <c r="H11519" s="1" t="s">
        <v>44263</v>
      </c>
      <c r="I11519" s="1" t="s">
        <v>43772</v>
      </c>
      <c r="J11519" s="1" t="s">
        <v>13</v>
      </c>
    </row>
    <row r="11520" spans="1:10" x14ac:dyDescent="0.35">
      <c r="A11520" s="1" t="s">
        <v>44259</v>
      </c>
      <c r="B11520" s="1" t="s">
        <v>43766</v>
      </c>
      <c r="C11520" s="1" t="s">
        <v>15</v>
      </c>
      <c r="D11520" s="1" t="s">
        <v>44264</v>
      </c>
      <c r="E11520" s="1" t="s">
        <v>44265</v>
      </c>
      <c r="F11520" s="1" t="s">
        <v>44266</v>
      </c>
      <c r="G11520" s="1" t="s">
        <v>44262</v>
      </c>
      <c r="H11520" s="1" t="s">
        <v>44263</v>
      </c>
      <c r="I11520" s="1" t="s">
        <v>43772</v>
      </c>
      <c r="J11520" s="1" t="s">
        <v>44267</v>
      </c>
    </row>
    <row r="11521" spans="1:10" x14ac:dyDescent="0.35">
      <c r="A11521" s="1" t="s">
        <v>44259</v>
      </c>
      <c r="B11521" s="1" t="s">
        <v>43766</v>
      </c>
      <c r="C11521" s="1" t="s">
        <v>20</v>
      </c>
      <c r="D11521" s="1" t="s">
        <v>6239</v>
      </c>
      <c r="E11521" s="1" t="s">
        <v>44268</v>
      </c>
      <c r="F11521" s="1" t="s">
        <v>44269</v>
      </c>
      <c r="G11521" s="1" t="s">
        <v>44262</v>
      </c>
      <c r="H11521" s="1" t="s">
        <v>44263</v>
      </c>
      <c r="I11521" s="1" t="s">
        <v>43772</v>
      </c>
      <c r="J11521" s="1" t="s">
        <v>44270</v>
      </c>
    </row>
    <row r="11522" spans="1:10" x14ac:dyDescent="0.35">
      <c r="A11522" s="1" t="s">
        <v>44259</v>
      </c>
      <c r="B11522" s="1" t="s">
        <v>43766</v>
      </c>
      <c r="C11522" s="1" t="s">
        <v>25</v>
      </c>
      <c r="D11522" s="1" t="s">
        <v>6239</v>
      </c>
      <c r="E11522" s="1" t="s">
        <v>44271</v>
      </c>
      <c r="F11522" s="1" t="s">
        <v>44272</v>
      </c>
      <c r="G11522" s="1" t="s">
        <v>44262</v>
      </c>
      <c r="H11522" s="1" t="s">
        <v>44263</v>
      </c>
      <c r="I11522" s="1" t="s">
        <v>43772</v>
      </c>
      <c r="J11522" s="1" t="s">
        <v>1180</v>
      </c>
    </row>
    <row r="11523" spans="1:10" x14ac:dyDescent="0.35">
      <c r="A11523" s="1" t="s">
        <v>44259</v>
      </c>
      <c r="B11523" s="1" t="s">
        <v>43766</v>
      </c>
      <c r="C11523" s="1" t="s">
        <v>30</v>
      </c>
      <c r="D11523" s="1" t="s">
        <v>44273</v>
      </c>
      <c r="E11523" s="1" t="s">
        <v>44274</v>
      </c>
      <c r="F11523" s="1" t="s">
        <v>44275</v>
      </c>
      <c r="G11523" s="1" t="s">
        <v>44262</v>
      </c>
      <c r="H11523" s="1" t="s">
        <v>44263</v>
      </c>
      <c r="I11523" s="1" t="s">
        <v>43772</v>
      </c>
      <c r="J11523" s="1" t="s">
        <v>44276</v>
      </c>
    </row>
    <row r="11524" spans="1:10" x14ac:dyDescent="0.35">
      <c r="A11524" s="1" t="s">
        <v>44259</v>
      </c>
      <c r="B11524" s="1" t="s">
        <v>43766</v>
      </c>
      <c r="C11524" s="1" t="s">
        <v>35</v>
      </c>
      <c r="D11524" s="1" t="s">
        <v>44277</v>
      </c>
      <c r="E11524" s="1" t="s">
        <v>44278</v>
      </c>
      <c r="F11524" s="1" t="s">
        <v>44279</v>
      </c>
      <c r="G11524" s="1" t="s">
        <v>44262</v>
      </c>
      <c r="H11524" s="1" t="s">
        <v>44263</v>
      </c>
      <c r="I11524" s="1" t="s">
        <v>43772</v>
      </c>
      <c r="J11524" s="1" t="s">
        <v>44280</v>
      </c>
    </row>
    <row r="11525" spans="1:10" x14ac:dyDescent="0.35">
      <c r="A11525" s="1" t="s">
        <v>44259</v>
      </c>
      <c r="B11525" s="1" t="s">
        <v>43766</v>
      </c>
      <c r="C11525" s="1" t="s">
        <v>40</v>
      </c>
      <c r="D11525" s="1" t="s">
        <v>44281</v>
      </c>
      <c r="E11525" s="1" t="s">
        <v>44282</v>
      </c>
      <c r="F11525" s="1" t="s">
        <v>44283</v>
      </c>
      <c r="G11525" s="1" t="s">
        <v>44262</v>
      </c>
      <c r="H11525" s="1" t="s">
        <v>44263</v>
      </c>
      <c r="I11525" s="1" t="s">
        <v>43772</v>
      </c>
      <c r="J11525" s="1" t="s">
        <v>44284</v>
      </c>
    </row>
    <row r="11526" spans="1:10" x14ac:dyDescent="0.35">
      <c r="A11526" s="1" t="s">
        <v>44259</v>
      </c>
      <c r="B11526" s="1" t="s">
        <v>43766</v>
      </c>
      <c r="C11526" s="1" t="s">
        <v>45</v>
      </c>
      <c r="D11526" s="1" t="s">
        <v>44285</v>
      </c>
      <c r="E11526" s="1" t="s">
        <v>44286</v>
      </c>
      <c r="F11526" s="1" t="s">
        <v>44287</v>
      </c>
      <c r="G11526" s="1" t="s">
        <v>44262</v>
      </c>
      <c r="H11526" s="1" t="s">
        <v>44263</v>
      </c>
      <c r="I11526" s="1" t="s">
        <v>43772</v>
      </c>
      <c r="J11526" s="1" t="s">
        <v>44288</v>
      </c>
    </row>
    <row r="11527" spans="1:10" x14ac:dyDescent="0.35">
      <c r="A11527" s="1" t="s">
        <v>44259</v>
      </c>
      <c r="B11527" s="1" t="s">
        <v>43766</v>
      </c>
      <c r="C11527" s="1" t="s">
        <v>50</v>
      </c>
      <c r="D11527" s="1" t="s">
        <v>10511</v>
      </c>
      <c r="E11527" s="1" t="s">
        <v>44289</v>
      </c>
      <c r="F11527" s="1" t="s">
        <v>44290</v>
      </c>
      <c r="G11527" s="1" t="s">
        <v>44262</v>
      </c>
      <c r="H11527" s="1" t="s">
        <v>44263</v>
      </c>
      <c r="I11527" s="1" t="s">
        <v>43772</v>
      </c>
      <c r="J11527" s="1" t="s">
        <v>44291</v>
      </c>
    </row>
    <row r="11528" spans="1:10" x14ac:dyDescent="0.35">
      <c r="A11528" s="1" t="s">
        <v>44259</v>
      </c>
      <c r="B11528" s="1" t="s">
        <v>43766</v>
      </c>
      <c r="C11528" s="1" t="s">
        <v>55</v>
      </c>
      <c r="D11528" s="1" t="s">
        <v>44292</v>
      </c>
      <c r="E11528" s="1" t="s">
        <v>44293</v>
      </c>
      <c r="F11528" s="1" t="s">
        <v>44294</v>
      </c>
      <c r="G11528" s="1" t="s">
        <v>44262</v>
      </c>
      <c r="H11528" s="1" t="s">
        <v>44263</v>
      </c>
      <c r="I11528" s="1" t="s">
        <v>43772</v>
      </c>
      <c r="J11528" s="1" t="s">
        <v>44295</v>
      </c>
    </row>
    <row r="11529" spans="1:10" x14ac:dyDescent="0.35">
      <c r="A11529" s="1" t="s">
        <v>44259</v>
      </c>
      <c r="B11529" s="1" t="s">
        <v>43766</v>
      </c>
      <c r="C11529" s="1" t="s">
        <v>60</v>
      </c>
      <c r="D11529" s="1" t="s">
        <v>27898</v>
      </c>
      <c r="E11529" s="1" t="s">
        <v>44296</v>
      </c>
      <c r="F11529" s="1" t="s">
        <v>44297</v>
      </c>
      <c r="G11529" s="1" t="s">
        <v>44262</v>
      </c>
      <c r="H11529" s="1" t="s">
        <v>44263</v>
      </c>
      <c r="I11529" s="1" t="s">
        <v>43772</v>
      </c>
      <c r="J11529" s="1" t="s">
        <v>44298</v>
      </c>
    </row>
    <row r="11530" spans="1:10" x14ac:dyDescent="0.35">
      <c r="A11530" s="1" t="s">
        <v>44259</v>
      </c>
      <c r="B11530" s="1" t="s">
        <v>43766</v>
      </c>
      <c r="C11530" s="1" t="s">
        <v>65</v>
      </c>
      <c r="D11530" s="1" t="s">
        <v>44299</v>
      </c>
      <c r="E11530" s="1" t="s">
        <v>44300</v>
      </c>
      <c r="F11530" s="1" t="s">
        <v>44301</v>
      </c>
      <c r="G11530" s="1" t="s">
        <v>44262</v>
      </c>
      <c r="H11530" s="1" t="s">
        <v>44263</v>
      </c>
      <c r="I11530" s="1" t="s">
        <v>43772</v>
      </c>
      <c r="J11530" s="1" t="s">
        <v>44302</v>
      </c>
    </row>
    <row r="11531" spans="1:10" x14ac:dyDescent="0.35">
      <c r="A11531" s="1" t="s">
        <v>44259</v>
      </c>
      <c r="B11531" s="1" t="s">
        <v>43766</v>
      </c>
      <c r="C11531" s="1" t="s">
        <v>70</v>
      </c>
      <c r="D11531" s="1" t="s">
        <v>25488</v>
      </c>
      <c r="E11531" s="1" t="s">
        <v>44303</v>
      </c>
      <c r="F11531" s="1" t="s">
        <v>44304</v>
      </c>
      <c r="G11531" s="1" t="s">
        <v>44262</v>
      </c>
      <c r="H11531" s="1" t="s">
        <v>44263</v>
      </c>
      <c r="I11531" s="1" t="s">
        <v>43772</v>
      </c>
      <c r="J11531" s="1" t="s">
        <v>44305</v>
      </c>
    </row>
    <row r="11532" spans="1:10" x14ac:dyDescent="0.35">
      <c r="A11532" s="1" t="s">
        <v>44259</v>
      </c>
      <c r="B11532" s="1" t="s">
        <v>43766</v>
      </c>
      <c r="C11532" s="1" t="s">
        <v>75</v>
      </c>
      <c r="D11532" s="1" t="s">
        <v>44306</v>
      </c>
      <c r="E11532" s="1" t="s">
        <v>44307</v>
      </c>
      <c r="F11532" s="1" t="s">
        <v>44308</v>
      </c>
      <c r="G11532" s="1" t="s">
        <v>44262</v>
      </c>
      <c r="H11532" s="1" t="s">
        <v>44263</v>
      </c>
      <c r="I11532" s="1" t="s">
        <v>43772</v>
      </c>
      <c r="J11532" s="1" t="s">
        <v>44309</v>
      </c>
    </row>
    <row r="11533" spans="1:10" x14ac:dyDescent="0.35">
      <c r="A11533" s="1" t="s">
        <v>44259</v>
      </c>
      <c r="B11533" s="1" t="s">
        <v>43766</v>
      </c>
      <c r="C11533" s="1" t="s">
        <v>80</v>
      </c>
      <c r="D11533" s="1" t="s">
        <v>4026</v>
      </c>
      <c r="E11533" s="1" t="s">
        <v>44310</v>
      </c>
      <c r="F11533" s="1" t="s">
        <v>44311</v>
      </c>
      <c r="G11533" s="1" t="s">
        <v>44262</v>
      </c>
      <c r="H11533" s="1" t="s">
        <v>44263</v>
      </c>
      <c r="I11533" s="1" t="s">
        <v>43772</v>
      </c>
      <c r="J11533" s="1" t="s">
        <v>44312</v>
      </c>
    </row>
    <row r="11534" spans="1:10" x14ac:dyDescent="0.35">
      <c r="A11534" s="1" t="s">
        <v>44259</v>
      </c>
      <c r="B11534" s="1" t="s">
        <v>43766</v>
      </c>
      <c r="C11534" s="1" t="s">
        <v>85</v>
      </c>
      <c r="D11534" s="1" t="s">
        <v>2055</v>
      </c>
      <c r="E11534" s="1" t="s">
        <v>44313</v>
      </c>
      <c r="F11534" s="1" t="s">
        <v>44314</v>
      </c>
      <c r="G11534" s="1" t="s">
        <v>44262</v>
      </c>
      <c r="H11534" s="1" t="s">
        <v>44263</v>
      </c>
      <c r="I11534" s="1" t="s">
        <v>43772</v>
      </c>
      <c r="J11534" s="1" t="s">
        <v>44315</v>
      </c>
    </row>
    <row r="11535" spans="1:10" x14ac:dyDescent="0.35">
      <c r="A11535" s="1" t="s">
        <v>44259</v>
      </c>
      <c r="B11535" s="1" t="s">
        <v>43766</v>
      </c>
      <c r="C11535" s="1" t="s">
        <v>90</v>
      </c>
      <c r="D11535" s="1" t="s">
        <v>10002</v>
      </c>
      <c r="E11535" s="1" t="s">
        <v>44316</v>
      </c>
      <c r="F11535" s="1" t="s">
        <v>44317</v>
      </c>
      <c r="G11535" s="1" t="s">
        <v>44262</v>
      </c>
      <c r="H11535" s="1" t="s">
        <v>44263</v>
      </c>
      <c r="I11535" s="1" t="s">
        <v>43772</v>
      </c>
      <c r="J11535" s="1" t="s">
        <v>44318</v>
      </c>
    </row>
    <row r="11536" spans="1:10" x14ac:dyDescent="0.35">
      <c r="A11536" s="1" t="s">
        <v>44259</v>
      </c>
      <c r="B11536" s="1" t="s">
        <v>43766</v>
      </c>
      <c r="C11536" s="1" t="s">
        <v>95</v>
      </c>
      <c r="D11536" s="1" t="s">
        <v>28281</v>
      </c>
      <c r="E11536" s="1" t="s">
        <v>44319</v>
      </c>
      <c r="F11536" s="1" t="s">
        <v>44320</v>
      </c>
      <c r="G11536" s="1" t="s">
        <v>44262</v>
      </c>
      <c r="H11536" s="1" t="s">
        <v>44263</v>
      </c>
      <c r="I11536" s="1" t="s">
        <v>43772</v>
      </c>
      <c r="J11536" s="1" t="s">
        <v>44321</v>
      </c>
    </row>
    <row r="11537" spans="1:10" x14ac:dyDescent="0.35">
      <c r="A11537" s="1" t="s">
        <v>44259</v>
      </c>
      <c r="B11537" s="1" t="s">
        <v>43766</v>
      </c>
      <c r="C11537" s="1" t="s">
        <v>100</v>
      </c>
      <c r="D11537" s="1" t="s">
        <v>44322</v>
      </c>
      <c r="E11537" s="1" t="s">
        <v>44323</v>
      </c>
      <c r="F11537" s="1" t="s">
        <v>44324</v>
      </c>
      <c r="G11537" s="1" t="s">
        <v>44262</v>
      </c>
      <c r="H11537" s="1" t="s">
        <v>44263</v>
      </c>
      <c r="I11537" s="1" t="s">
        <v>43772</v>
      </c>
      <c r="J11537" s="1" t="s">
        <v>44325</v>
      </c>
    </row>
    <row r="11538" spans="1:10" x14ac:dyDescent="0.35">
      <c r="A11538" s="1" t="s">
        <v>44259</v>
      </c>
      <c r="B11538" s="1" t="s">
        <v>43766</v>
      </c>
      <c r="C11538" s="1" t="s">
        <v>105</v>
      </c>
      <c r="D11538" s="1" t="s">
        <v>27480</v>
      </c>
      <c r="E11538" s="1" t="s">
        <v>44326</v>
      </c>
      <c r="F11538" s="1" t="s">
        <v>44327</v>
      </c>
      <c r="G11538" s="1" t="s">
        <v>44262</v>
      </c>
      <c r="H11538" s="1" t="s">
        <v>44263</v>
      </c>
      <c r="I11538" s="1" t="s">
        <v>43772</v>
      </c>
      <c r="J11538" s="1" t="s">
        <v>44328</v>
      </c>
    </row>
    <row r="11539" spans="1:10" x14ac:dyDescent="0.35">
      <c r="A11539" s="1" t="s">
        <v>44259</v>
      </c>
      <c r="B11539" s="1" t="s">
        <v>43766</v>
      </c>
      <c r="C11539" s="1" t="s">
        <v>110</v>
      </c>
      <c r="D11539" s="1" t="s">
        <v>44329</v>
      </c>
      <c r="E11539" s="1" t="s">
        <v>44330</v>
      </c>
      <c r="F11539" s="1" t="s">
        <v>44331</v>
      </c>
      <c r="G11539" s="1" t="s">
        <v>44262</v>
      </c>
      <c r="H11539" s="1" t="s">
        <v>44263</v>
      </c>
      <c r="I11539" s="1" t="s">
        <v>43772</v>
      </c>
      <c r="J11539" s="1" t="s">
        <v>44332</v>
      </c>
    </row>
    <row r="11540" spans="1:10" x14ac:dyDescent="0.35">
      <c r="A11540" s="1" t="s">
        <v>44259</v>
      </c>
      <c r="B11540" s="1" t="s">
        <v>43766</v>
      </c>
      <c r="C11540" s="1" t="s">
        <v>115</v>
      </c>
      <c r="D11540" s="1" t="s">
        <v>8971</v>
      </c>
      <c r="E11540" s="1" t="s">
        <v>44333</v>
      </c>
      <c r="F11540" s="1" t="s">
        <v>44334</v>
      </c>
      <c r="G11540" s="1" t="s">
        <v>44262</v>
      </c>
      <c r="H11540" s="1" t="s">
        <v>44263</v>
      </c>
      <c r="I11540" s="1" t="s">
        <v>43772</v>
      </c>
      <c r="J11540" s="1" t="s">
        <v>44335</v>
      </c>
    </row>
    <row r="11541" spans="1:10" x14ac:dyDescent="0.35">
      <c r="A11541" s="1" t="s">
        <v>44259</v>
      </c>
      <c r="B11541" s="1" t="s">
        <v>43766</v>
      </c>
      <c r="C11541" s="1" t="s">
        <v>120</v>
      </c>
      <c r="D11541" s="1" t="s">
        <v>44336</v>
      </c>
      <c r="E11541" s="1" t="s">
        <v>44337</v>
      </c>
      <c r="F11541" s="1" t="s">
        <v>44338</v>
      </c>
      <c r="G11541" s="1" t="s">
        <v>44262</v>
      </c>
      <c r="H11541" s="1" t="s">
        <v>44263</v>
      </c>
      <c r="I11541" s="1" t="s">
        <v>43772</v>
      </c>
      <c r="J11541" s="1" t="s">
        <v>44339</v>
      </c>
    </row>
    <row r="11542" spans="1:10" x14ac:dyDescent="0.35">
      <c r="A11542" s="1" t="s">
        <v>44259</v>
      </c>
      <c r="B11542" s="1" t="s">
        <v>43766</v>
      </c>
      <c r="C11542" s="1" t="s">
        <v>125</v>
      </c>
      <c r="D11542" s="1" t="s">
        <v>6586</v>
      </c>
      <c r="E11542" s="1" t="s">
        <v>44340</v>
      </c>
      <c r="F11542" s="1" t="s">
        <v>44341</v>
      </c>
      <c r="G11542" s="1" t="s">
        <v>44262</v>
      </c>
      <c r="H11542" s="1" t="s">
        <v>44263</v>
      </c>
      <c r="I11542" s="1" t="s">
        <v>43772</v>
      </c>
      <c r="J11542" s="1" t="s">
        <v>44342</v>
      </c>
    </row>
    <row r="11543" spans="1:10" x14ac:dyDescent="0.35">
      <c r="A11543" s="1" t="s">
        <v>44259</v>
      </c>
      <c r="B11543" s="1" t="s">
        <v>43766</v>
      </c>
      <c r="C11543" s="1" t="s">
        <v>130</v>
      </c>
      <c r="D11543" s="1" t="s">
        <v>37470</v>
      </c>
      <c r="E11543" s="1" t="s">
        <v>44343</v>
      </c>
      <c r="F11543" s="1" t="s">
        <v>44344</v>
      </c>
      <c r="G11543" s="1" t="s">
        <v>44262</v>
      </c>
      <c r="H11543" s="1" t="s">
        <v>44263</v>
      </c>
      <c r="I11543" s="1" t="s">
        <v>43772</v>
      </c>
      <c r="J11543" s="1" t="s">
        <v>44345</v>
      </c>
    </row>
    <row r="11544" spans="1:10" x14ac:dyDescent="0.35">
      <c r="A11544" s="1" t="s">
        <v>44259</v>
      </c>
      <c r="B11544" s="1" t="s">
        <v>43766</v>
      </c>
      <c r="C11544" s="1" t="s">
        <v>135</v>
      </c>
      <c r="D11544" s="1" t="s">
        <v>44346</v>
      </c>
      <c r="E11544" s="1" t="s">
        <v>44347</v>
      </c>
      <c r="F11544" s="1" t="s">
        <v>44348</v>
      </c>
      <c r="G11544" s="1" t="s">
        <v>44262</v>
      </c>
      <c r="H11544" s="1" t="s">
        <v>44263</v>
      </c>
      <c r="I11544" s="1" t="s">
        <v>43772</v>
      </c>
      <c r="J11544" s="1" t="s">
        <v>44349</v>
      </c>
    </row>
    <row r="11545" spans="1:10" x14ac:dyDescent="0.35">
      <c r="A11545" s="1" t="s">
        <v>44259</v>
      </c>
      <c r="B11545" s="1" t="s">
        <v>43766</v>
      </c>
      <c r="C11545" s="1" t="s">
        <v>140</v>
      </c>
      <c r="D11545" s="1" t="s">
        <v>44350</v>
      </c>
      <c r="E11545" s="1" t="s">
        <v>44351</v>
      </c>
      <c r="F11545" s="1" t="s">
        <v>44352</v>
      </c>
      <c r="G11545" s="1" t="s">
        <v>44262</v>
      </c>
      <c r="H11545" s="1" t="s">
        <v>44263</v>
      </c>
      <c r="I11545" s="1" t="s">
        <v>43772</v>
      </c>
      <c r="J11545" s="1" t="s">
        <v>44353</v>
      </c>
    </row>
    <row r="11546" spans="1:10" x14ac:dyDescent="0.35">
      <c r="A11546" s="1" t="s">
        <v>44259</v>
      </c>
      <c r="B11546" s="1" t="s">
        <v>43766</v>
      </c>
      <c r="C11546" s="1" t="s">
        <v>145</v>
      </c>
      <c r="D11546" s="1" t="s">
        <v>32089</v>
      </c>
      <c r="E11546" s="1" t="s">
        <v>44354</v>
      </c>
      <c r="F11546" s="1" t="s">
        <v>44355</v>
      </c>
      <c r="G11546" s="1" t="s">
        <v>44262</v>
      </c>
      <c r="H11546" s="1" t="s">
        <v>44263</v>
      </c>
      <c r="I11546" s="1" t="s">
        <v>43772</v>
      </c>
      <c r="J11546" s="1" t="s">
        <v>44356</v>
      </c>
    </row>
    <row r="11547" spans="1:10" x14ac:dyDescent="0.35">
      <c r="A11547" s="1" t="s">
        <v>44259</v>
      </c>
      <c r="B11547" s="1" t="s">
        <v>43766</v>
      </c>
      <c r="C11547" s="1" t="s">
        <v>150</v>
      </c>
      <c r="D11547" s="1" t="s">
        <v>44357</v>
      </c>
      <c r="E11547" s="1" t="s">
        <v>44358</v>
      </c>
      <c r="F11547" s="1" t="s">
        <v>44359</v>
      </c>
      <c r="G11547" s="1" t="s">
        <v>44262</v>
      </c>
      <c r="H11547" s="1" t="s">
        <v>44263</v>
      </c>
      <c r="I11547" s="1" t="s">
        <v>43772</v>
      </c>
      <c r="J11547" s="1" t="s">
        <v>44360</v>
      </c>
    </row>
    <row r="11548" spans="1:10" x14ac:dyDescent="0.35">
      <c r="A11548" s="1" t="s">
        <v>44259</v>
      </c>
      <c r="B11548" s="1" t="s">
        <v>43766</v>
      </c>
      <c r="C11548" s="1" t="s">
        <v>155</v>
      </c>
      <c r="D11548" s="1" t="s">
        <v>36100</v>
      </c>
      <c r="E11548" s="1" t="s">
        <v>44361</v>
      </c>
      <c r="F11548" s="1" t="s">
        <v>44362</v>
      </c>
      <c r="G11548" s="1" t="s">
        <v>44262</v>
      </c>
      <c r="H11548" s="1" t="s">
        <v>44263</v>
      </c>
      <c r="I11548" s="1" t="s">
        <v>43772</v>
      </c>
      <c r="J11548" s="1" t="s">
        <v>44363</v>
      </c>
    </row>
    <row r="11549" spans="1:10" x14ac:dyDescent="0.35">
      <c r="A11549" s="1" t="s">
        <v>44259</v>
      </c>
      <c r="B11549" s="1" t="s">
        <v>43766</v>
      </c>
      <c r="C11549" s="1" t="s">
        <v>160</v>
      </c>
      <c r="D11549" s="1" t="s">
        <v>44364</v>
      </c>
      <c r="E11549" s="1" t="s">
        <v>44365</v>
      </c>
      <c r="F11549" s="1" t="s">
        <v>44366</v>
      </c>
      <c r="G11549" s="1" t="s">
        <v>44262</v>
      </c>
      <c r="H11549" s="1" t="s">
        <v>44263</v>
      </c>
      <c r="I11549" s="1" t="s">
        <v>43772</v>
      </c>
      <c r="J11549" s="1" t="s">
        <v>44367</v>
      </c>
    </row>
    <row r="11550" spans="1:10" x14ac:dyDescent="0.35">
      <c r="A11550" s="1" t="s">
        <v>44259</v>
      </c>
      <c r="B11550" s="1" t="s">
        <v>43766</v>
      </c>
      <c r="C11550" s="1" t="s">
        <v>165</v>
      </c>
      <c r="D11550" s="1" t="s">
        <v>10768</v>
      </c>
      <c r="E11550" s="1" t="s">
        <v>44368</v>
      </c>
      <c r="F11550" s="1" t="s">
        <v>44369</v>
      </c>
      <c r="G11550" s="1" t="s">
        <v>44262</v>
      </c>
      <c r="H11550" s="1" t="s">
        <v>44263</v>
      </c>
      <c r="I11550" s="1" t="s">
        <v>43772</v>
      </c>
      <c r="J11550" s="1" t="s">
        <v>44370</v>
      </c>
    </row>
    <row r="11551" spans="1:10" x14ac:dyDescent="0.35">
      <c r="A11551" s="1" t="s">
        <v>44259</v>
      </c>
      <c r="B11551" s="1" t="s">
        <v>43766</v>
      </c>
      <c r="C11551" s="1" t="s">
        <v>170</v>
      </c>
      <c r="D11551" s="1" t="s">
        <v>44371</v>
      </c>
      <c r="E11551" s="1" t="s">
        <v>44372</v>
      </c>
      <c r="F11551" s="1" t="s">
        <v>44373</v>
      </c>
      <c r="G11551" s="1" t="s">
        <v>44262</v>
      </c>
      <c r="H11551" s="1" t="s">
        <v>44263</v>
      </c>
      <c r="I11551" s="1" t="s">
        <v>43772</v>
      </c>
      <c r="J11551" s="1" t="s">
        <v>44374</v>
      </c>
    </row>
    <row r="11552" spans="1:10" x14ac:dyDescent="0.35">
      <c r="A11552" s="1" t="s">
        <v>44375</v>
      </c>
      <c r="B11552" s="1" t="s">
        <v>43766</v>
      </c>
      <c r="C11552" s="1" t="s">
        <v>8</v>
      </c>
      <c r="D11552" s="1" t="s">
        <v>27626</v>
      </c>
      <c r="E11552" s="1" t="s">
        <v>44376</v>
      </c>
      <c r="F11552" s="1" t="s">
        <v>44377</v>
      </c>
      <c r="G11552" s="1" t="s">
        <v>44378</v>
      </c>
      <c r="H11552" s="1" t="s">
        <v>44379</v>
      </c>
      <c r="I11552" s="1" t="s">
        <v>43772</v>
      </c>
      <c r="J11552" s="1" t="s">
        <v>13</v>
      </c>
    </row>
    <row r="11553" spans="1:10" x14ac:dyDescent="0.35">
      <c r="A11553" s="1" t="s">
        <v>44375</v>
      </c>
      <c r="B11553" s="1" t="s">
        <v>43766</v>
      </c>
      <c r="C11553" s="1" t="s">
        <v>15</v>
      </c>
      <c r="D11553" s="1" t="s">
        <v>44380</v>
      </c>
      <c r="E11553" s="1" t="s">
        <v>44381</v>
      </c>
      <c r="F11553" s="1" t="s">
        <v>44382</v>
      </c>
      <c r="G11553" s="1" t="s">
        <v>44378</v>
      </c>
      <c r="H11553" s="1" t="s">
        <v>44379</v>
      </c>
      <c r="I11553" s="1" t="s">
        <v>43772</v>
      </c>
      <c r="J11553" s="1" t="s">
        <v>44383</v>
      </c>
    </row>
    <row r="11554" spans="1:10" x14ac:dyDescent="0.35">
      <c r="A11554" s="1" t="s">
        <v>44375</v>
      </c>
      <c r="B11554" s="1" t="s">
        <v>43766</v>
      </c>
      <c r="C11554" s="1" t="s">
        <v>20</v>
      </c>
      <c r="D11554" s="1" t="s">
        <v>7556</v>
      </c>
      <c r="E11554" s="1" t="s">
        <v>44384</v>
      </c>
      <c r="F11554" s="1" t="s">
        <v>44385</v>
      </c>
      <c r="G11554" s="1" t="s">
        <v>44378</v>
      </c>
      <c r="H11554" s="1" t="s">
        <v>44379</v>
      </c>
      <c r="I11554" s="1" t="s">
        <v>43772</v>
      </c>
      <c r="J11554" s="1" t="s">
        <v>44386</v>
      </c>
    </row>
    <row r="11555" spans="1:10" x14ac:dyDescent="0.35">
      <c r="A11555" s="1" t="s">
        <v>44375</v>
      </c>
      <c r="B11555" s="1" t="s">
        <v>43766</v>
      </c>
      <c r="C11555" s="1" t="s">
        <v>25</v>
      </c>
      <c r="D11555" s="1" t="s">
        <v>29806</v>
      </c>
      <c r="E11555" s="1" t="s">
        <v>44387</v>
      </c>
      <c r="F11555" s="1" t="s">
        <v>44388</v>
      </c>
      <c r="G11555" s="1" t="s">
        <v>44378</v>
      </c>
      <c r="H11555" s="1" t="s">
        <v>44379</v>
      </c>
      <c r="I11555" s="1" t="s">
        <v>43772</v>
      </c>
      <c r="J11555" s="1" t="s">
        <v>44389</v>
      </c>
    </row>
    <row r="11556" spans="1:10" x14ac:dyDescent="0.35">
      <c r="A11556" s="1" t="s">
        <v>44375</v>
      </c>
      <c r="B11556" s="1" t="s">
        <v>43766</v>
      </c>
      <c r="C11556" s="1" t="s">
        <v>30</v>
      </c>
      <c r="D11556" s="1" t="s">
        <v>44390</v>
      </c>
      <c r="E11556" s="1" t="s">
        <v>44391</v>
      </c>
      <c r="F11556" s="1" t="s">
        <v>44392</v>
      </c>
      <c r="G11556" s="1" t="s">
        <v>44378</v>
      </c>
      <c r="H11556" s="1" t="s">
        <v>44379</v>
      </c>
      <c r="I11556" s="1" t="s">
        <v>43772</v>
      </c>
      <c r="J11556" s="1" t="s">
        <v>44393</v>
      </c>
    </row>
    <row r="11557" spans="1:10" x14ac:dyDescent="0.35">
      <c r="A11557" s="1" t="s">
        <v>44375</v>
      </c>
      <c r="B11557" s="1" t="s">
        <v>43766</v>
      </c>
      <c r="C11557" s="1" t="s">
        <v>35</v>
      </c>
      <c r="D11557" s="1" t="s">
        <v>2394</v>
      </c>
      <c r="E11557" s="1" t="s">
        <v>44394</v>
      </c>
      <c r="F11557" s="1" t="s">
        <v>44395</v>
      </c>
      <c r="G11557" s="1" t="s">
        <v>44378</v>
      </c>
      <c r="H11557" s="1" t="s">
        <v>44379</v>
      </c>
      <c r="I11557" s="1" t="s">
        <v>43772</v>
      </c>
      <c r="J11557" s="1" t="s">
        <v>44396</v>
      </c>
    </row>
    <row r="11558" spans="1:10" x14ac:dyDescent="0.35">
      <c r="A11558" s="1" t="s">
        <v>44375</v>
      </c>
      <c r="B11558" s="1" t="s">
        <v>43766</v>
      </c>
      <c r="C11558" s="1" t="s">
        <v>40</v>
      </c>
      <c r="D11558" s="1" t="s">
        <v>37292</v>
      </c>
      <c r="E11558" s="1" t="s">
        <v>44397</v>
      </c>
      <c r="F11558" s="1" t="s">
        <v>44398</v>
      </c>
      <c r="G11558" s="1" t="s">
        <v>44378</v>
      </c>
      <c r="H11558" s="1" t="s">
        <v>44379</v>
      </c>
      <c r="I11558" s="1" t="s">
        <v>43772</v>
      </c>
      <c r="J11558" s="1" t="s">
        <v>44399</v>
      </c>
    </row>
    <row r="11559" spans="1:10" x14ac:dyDescent="0.35">
      <c r="A11559" s="1" t="s">
        <v>44375</v>
      </c>
      <c r="B11559" s="1" t="s">
        <v>43766</v>
      </c>
      <c r="C11559" s="1" t="s">
        <v>45</v>
      </c>
      <c r="D11559" s="1" t="s">
        <v>4114</v>
      </c>
      <c r="E11559" s="1" t="s">
        <v>44400</v>
      </c>
      <c r="F11559" s="1" t="s">
        <v>44401</v>
      </c>
      <c r="G11559" s="1" t="s">
        <v>44378</v>
      </c>
      <c r="H11559" s="1" t="s">
        <v>44379</v>
      </c>
      <c r="I11559" s="1" t="s">
        <v>43772</v>
      </c>
      <c r="J11559" s="1" t="s">
        <v>44402</v>
      </c>
    </row>
    <row r="11560" spans="1:10" x14ac:dyDescent="0.35">
      <c r="A11560" s="1" t="s">
        <v>44375</v>
      </c>
      <c r="B11560" s="1" t="s">
        <v>43766</v>
      </c>
      <c r="C11560" s="1" t="s">
        <v>50</v>
      </c>
      <c r="D11560" s="1" t="s">
        <v>44403</v>
      </c>
      <c r="E11560" s="1" t="s">
        <v>44404</v>
      </c>
      <c r="F11560" s="1" t="s">
        <v>44405</v>
      </c>
      <c r="G11560" s="1" t="s">
        <v>44378</v>
      </c>
      <c r="H11560" s="1" t="s">
        <v>44379</v>
      </c>
      <c r="I11560" s="1" t="s">
        <v>43772</v>
      </c>
      <c r="J11560" s="1" t="s">
        <v>44406</v>
      </c>
    </row>
    <row r="11561" spans="1:10" x14ac:dyDescent="0.35">
      <c r="A11561" s="1" t="s">
        <v>44375</v>
      </c>
      <c r="B11561" s="1" t="s">
        <v>43766</v>
      </c>
      <c r="C11561" s="1" t="s">
        <v>55</v>
      </c>
      <c r="D11561" s="1" t="s">
        <v>44407</v>
      </c>
      <c r="E11561" s="1" t="s">
        <v>44408</v>
      </c>
      <c r="F11561" s="1" t="s">
        <v>44409</v>
      </c>
      <c r="G11561" s="1" t="s">
        <v>44378</v>
      </c>
      <c r="H11561" s="1" t="s">
        <v>44379</v>
      </c>
      <c r="I11561" s="1" t="s">
        <v>43772</v>
      </c>
      <c r="J11561" s="1" t="s">
        <v>44410</v>
      </c>
    </row>
    <row r="11562" spans="1:10" x14ac:dyDescent="0.35">
      <c r="A11562" s="1" t="s">
        <v>44375</v>
      </c>
      <c r="B11562" s="1" t="s">
        <v>43766</v>
      </c>
      <c r="C11562" s="1" t="s">
        <v>60</v>
      </c>
      <c r="D11562" s="1" t="s">
        <v>44411</v>
      </c>
      <c r="E11562" s="1" t="s">
        <v>44412</v>
      </c>
      <c r="F11562" s="1" t="s">
        <v>44413</v>
      </c>
      <c r="G11562" s="1" t="s">
        <v>44378</v>
      </c>
      <c r="H11562" s="1" t="s">
        <v>44379</v>
      </c>
      <c r="I11562" s="1" t="s">
        <v>43772</v>
      </c>
      <c r="J11562" s="1" t="s">
        <v>44414</v>
      </c>
    </row>
    <row r="11563" spans="1:10" x14ac:dyDescent="0.35">
      <c r="A11563" s="1" t="s">
        <v>44375</v>
      </c>
      <c r="B11563" s="1" t="s">
        <v>43766</v>
      </c>
      <c r="C11563" s="1" t="s">
        <v>65</v>
      </c>
      <c r="D11563" s="1" t="s">
        <v>44415</v>
      </c>
      <c r="E11563" s="1" t="s">
        <v>44416</v>
      </c>
      <c r="F11563" s="1" t="s">
        <v>44417</v>
      </c>
      <c r="G11563" s="1" t="s">
        <v>44378</v>
      </c>
      <c r="H11563" s="1" t="s">
        <v>44379</v>
      </c>
      <c r="I11563" s="1" t="s">
        <v>43772</v>
      </c>
      <c r="J11563" s="1" t="s">
        <v>44418</v>
      </c>
    </row>
    <row r="11564" spans="1:10" x14ac:dyDescent="0.35">
      <c r="A11564" s="1" t="s">
        <v>44375</v>
      </c>
      <c r="B11564" s="1" t="s">
        <v>43766</v>
      </c>
      <c r="C11564" s="1" t="s">
        <v>70</v>
      </c>
      <c r="D11564" s="1" t="s">
        <v>44419</v>
      </c>
      <c r="E11564" s="1" t="s">
        <v>44420</v>
      </c>
      <c r="F11564" s="1" t="s">
        <v>44421</v>
      </c>
      <c r="G11564" s="1" t="s">
        <v>44378</v>
      </c>
      <c r="H11564" s="1" t="s">
        <v>44379</v>
      </c>
      <c r="I11564" s="1" t="s">
        <v>43772</v>
      </c>
      <c r="J11564" s="1" t="s">
        <v>44422</v>
      </c>
    </row>
    <row r="11565" spans="1:10" x14ac:dyDescent="0.35">
      <c r="A11565" s="1" t="s">
        <v>44375</v>
      </c>
      <c r="B11565" s="1" t="s">
        <v>43766</v>
      </c>
      <c r="C11565" s="1" t="s">
        <v>75</v>
      </c>
      <c r="D11565" s="1" t="s">
        <v>35636</v>
      </c>
      <c r="E11565" s="1" t="s">
        <v>44423</v>
      </c>
      <c r="F11565" s="1" t="s">
        <v>44424</v>
      </c>
      <c r="G11565" s="1" t="s">
        <v>44378</v>
      </c>
      <c r="H11565" s="1" t="s">
        <v>44379</v>
      </c>
      <c r="I11565" s="1" t="s">
        <v>43772</v>
      </c>
      <c r="J11565" s="1" t="s">
        <v>44425</v>
      </c>
    </row>
    <row r="11566" spans="1:10" x14ac:dyDescent="0.35">
      <c r="A11566" s="1" t="s">
        <v>44375</v>
      </c>
      <c r="B11566" s="1" t="s">
        <v>43766</v>
      </c>
      <c r="C11566" s="1" t="s">
        <v>80</v>
      </c>
      <c r="D11566" s="1" t="s">
        <v>31136</v>
      </c>
      <c r="E11566" s="1" t="s">
        <v>44426</v>
      </c>
      <c r="F11566" s="1" t="s">
        <v>44427</v>
      </c>
      <c r="G11566" s="1" t="s">
        <v>44378</v>
      </c>
      <c r="H11566" s="1" t="s">
        <v>44379</v>
      </c>
      <c r="I11566" s="1" t="s">
        <v>43772</v>
      </c>
      <c r="J11566" s="1" t="s">
        <v>44428</v>
      </c>
    </row>
    <row r="11567" spans="1:10" x14ac:dyDescent="0.35">
      <c r="A11567" s="1" t="s">
        <v>44375</v>
      </c>
      <c r="B11567" s="1" t="s">
        <v>43766</v>
      </c>
      <c r="C11567" s="1" t="s">
        <v>85</v>
      </c>
      <c r="D11567" s="1" t="s">
        <v>44429</v>
      </c>
      <c r="E11567" s="1" t="s">
        <v>44430</v>
      </c>
      <c r="F11567" s="1" t="s">
        <v>44431</v>
      </c>
      <c r="G11567" s="1" t="s">
        <v>44378</v>
      </c>
      <c r="H11567" s="1" t="s">
        <v>44379</v>
      </c>
      <c r="I11567" s="1" t="s">
        <v>43772</v>
      </c>
      <c r="J11567" s="1" t="s">
        <v>44432</v>
      </c>
    </row>
    <row r="11568" spans="1:10" x14ac:dyDescent="0.35">
      <c r="A11568" s="1" t="s">
        <v>44375</v>
      </c>
      <c r="B11568" s="1" t="s">
        <v>43766</v>
      </c>
      <c r="C11568" s="1" t="s">
        <v>90</v>
      </c>
      <c r="D11568" s="1" t="s">
        <v>44433</v>
      </c>
      <c r="E11568" s="1" t="s">
        <v>44434</v>
      </c>
      <c r="F11568" s="1" t="s">
        <v>44435</v>
      </c>
      <c r="G11568" s="1" t="s">
        <v>44378</v>
      </c>
      <c r="H11568" s="1" t="s">
        <v>44379</v>
      </c>
      <c r="I11568" s="1" t="s">
        <v>43772</v>
      </c>
      <c r="J11568" s="1" t="s">
        <v>44436</v>
      </c>
    </row>
    <row r="11569" spans="1:10" x14ac:dyDescent="0.35">
      <c r="A11569" s="1" t="s">
        <v>44375</v>
      </c>
      <c r="B11569" s="1" t="s">
        <v>43766</v>
      </c>
      <c r="C11569" s="1" t="s">
        <v>95</v>
      </c>
      <c r="D11569" s="1" t="s">
        <v>44437</v>
      </c>
      <c r="E11569" s="1" t="s">
        <v>44438</v>
      </c>
      <c r="F11569" s="1" t="s">
        <v>44439</v>
      </c>
      <c r="G11569" s="1" t="s">
        <v>44378</v>
      </c>
      <c r="H11569" s="1" t="s">
        <v>44379</v>
      </c>
      <c r="I11569" s="1" t="s">
        <v>43772</v>
      </c>
      <c r="J11569" s="1" t="s">
        <v>44440</v>
      </c>
    </row>
    <row r="11570" spans="1:10" x14ac:dyDescent="0.35">
      <c r="A11570" s="1" t="s">
        <v>44375</v>
      </c>
      <c r="B11570" s="1" t="s">
        <v>43766</v>
      </c>
      <c r="C11570" s="1" t="s">
        <v>100</v>
      </c>
      <c r="D11570" s="1" t="s">
        <v>18526</v>
      </c>
      <c r="E11570" s="1" t="s">
        <v>44441</v>
      </c>
      <c r="F11570" s="1" t="s">
        <v>44442</v>
      </c>
      <c r="G11570" s="1" t="s">
        <v>44378</v>
      </c>
      <c r="H11570" s="1" t="s">
        <v>44379</v>
      </c>
      <c r="I11570" s="1" t="s">
        <v>43772</v>
      </c>
      <c r="J11570" s="1" t="s">
        <v>44443</v>
      </c>
    </row>
    <row r="11571" spans="1:10" x14ac:dyDescent="0.35">
      <c r="A11571" s="1" t="s">
        <v>44375</v>
      </c>
      <c r="B11571" s="1" t="s">
        <v>43766</v>
      </c>
      <c r="C11571" s="1" t="s">
        <v>105</v>
      </c>
      <c r="D11571" s="1" t="s">
        <v>44444</v>
      </c>
      <c r="E11571" s="1" t="s">
        <v>44445</v>
      </c>
      <c r="F11571" s="1" t="s">
        <v>44446</v>
      </c>
      <c r="G11571" s="1" t="s">
        <v>44378</v>
      </c>
      <c r="H11571" s="1" t="s">
        <v>44379</v>
      </c>
      <c r="I11571" s="1" t="s">
        <v>43772</v>
      </c>
      <c r="J11571" s="1" t="s">
        <v>44447</v>
      </c>
    </row>
    <row r="11572" spans="1:10" x14ac:dyDescent="0.35">
      <c r="A11572" s="1" t="s">
        <v>44375</v>
      </c>
      <c r="B11572" s="1" t="s">
        <v>43766</v>
      </c>
      <c r="C11572" s="1" t="s">
        <v>110</v>
      </c>
      <c r="D11572" s="1" t="s">
        <v>44448</v>
      </c>
      <c r="E11572" s="1" t="s">
        <v>44449</v>
      </c>
      <c r="F11572" s="1" t="s">
        <v>44450</v>
      </c>
      <c r="G11572" s="1" t="s">
        <v>44378</v>
      </c>
      <c r="H11572" s="1" t="s">
        <v>44379</v>
      </c>
      <c r="I11572" s="1" t="s">
        <v>43772</v>
      </c>
      <c r="J11572" s="1" t="s">
        <v>44451</v>
      </c>
    </row>
    <row r="11573" spans="1:10" x14ac:dyDescent="0.35">
      <c r="A11573" s="1" t="s">
        <v>44375</v>
      </c>
      <c r="B11573" s="1" t="s">
        <v>43766</v>
      </c>
      <c r="C11573" s="1" t="s">
        <v>115</v>
      </c>
      <c r="D11573" s="1" t="s">
        <v>44452</v>
      </c>
      <c r="E11573" s="1" t="s">
        <v>44453</v>
      </c>
      <c r="F11573" s="1" t="s">
        <v>44454</v>
      </c>
      <c r="G11573" s="1" t="s">
        <v>44378</v>
      </c>
      <c r="H11573" s="1" t="s">
        <v>44379</v>
      </c>
      <c r="I11573" s="1" t="s">
        <v>43772</v>
      </c>
      <c r="J11573" s="1" t="s">
        <v>44455</v>
      </c>
    </row>
    <row r="11574" spans="1:10" x14ac:dyDescent="0.35">
      <c r="A11574" s="1" t="s">
        <v>44375</v>
      </c>
      <c r="B11574" s="1" t="s">
        <v>43766</v>
      </c>
      <c r="C11574" s="1" t="s">
        <v>120</v>
      </c>
      <c r="D11574" s="1" t="s">
        <v>15558</v>
      </c>
      <c r="E11574" s="1" t="s">
        <v>44456</v>
      </c>
      <c r="F11574" s="1" t="s">
        <v>44457</v>
      </c>
      <c r="G11574" s="1" t="s">
        <v>44378</v>
      </c>
      <c r="H11574" s="1" t="s">
        <v>44379</v>
      </c>
      <c r="I11574" s="1" t="s">
        <v>43772</v>
      </c>
      <c r="J11574" s="1" t="s">
        <v>44458</v>
      </c>
    </row>
    <row r="11575" spans="1:10" x14ac:dyDescent="0.35">
      <c r="A11575" s="1" t="s">
        <v>44375</v>
      </c>
      <c r="B11575" s="1" t="s">
        <v>43766</v>
      </c>
      <c r="C11575" s="1" t="s">
        <v>125</v>
      </c>
      <c r="D11575" s="1" t="s">
        <v>44459</v>
      </c>
      <c r="E11575" s="1" t="s">
        <v>44460</v>
      </c>
      <c r="F11575" s="1" t="s">
        <v>44461</v>
      </c>
      <c r="G11575" s="1" t="s">
        <v>44378</v>
      </c>
      <c r="H11575" s="1" t="s">
        <v>44379</v>
      </c>
      <c r="I11575" s="1" t="s">
        <v>43772</v>
      </c>
      <c r="J11575" s="1" t="s">
        <v>44462</v>
      </c>
    </row>
    <row r="11576" spans="1:10" x14ac:dyDescent="0.35">
      <c r="A11576" s="1" t="s">
        <v>44375</v>
      </c>
      <c r="B11576" s="1" t="s">
        <v>43766</v>
      </c>
      <c r="C11576" s="1" t="s">
        <v>130</v>
      </c>
      <c r="D11576" s="1" t="s">
        <v>44463</v>
      </c>
      <c r="E11576" s="1" t="s">
        <v>44464</v>
      </c>
      <c r="F11576" s="1" t="s">
        <v>44465</v>
      </c>
      <c r="G11576" s="1" t="s">
        <v>44378</v>
      </c>
      <c r="H11576" s="1" t="s">
        <v>44379</v>
      </c>
      <c r="I11576" s="1" t="s">
        <v>43772</v>
      </c>
      <c r="J11576" s="1" t="s">
        <v>44466</v>
      </c>
    </row>
    <row r="11577" spans="1:10" x14ac:dyDescent="0.35">
      <c r="A11577" s="1" t="s">
        <v>44375</v>
      </c>
      <c r="B11577" s="1" t="s">
        <v>43766</v>
      </c>
      <c r="C11577" s="1" t="s">
        <v>135</v>
      </c>
      <c r="D11577" s="1" t="s">
        <v>44467</v>
      </c>
      <c r="E11577" s="1" t="s">
        <v>44468</v>
      </c>
      <c r="F11577" s="1" t="s">
        <v>44469</v>
      </c>
      <c r="G11577" s="1" t="s">
        <v>44378</v>
      </c>
      <c r="H11577" s="1" t="s">
        <v>44379</v>
      </c>
      <c r="I11577" s="1" t="s">
        <v>43772</v>
      </c>
      <c r="J11577" s="1" t="s">
        <v>44470</v>
      </c>
    </row>
    <row r="11578" spans="1:10" x14ac:dyDescent="0.35">
      <c r="A11578" s="1" t="s">
        <v>44375</v>
      </c>
      <c r="B11578" s="1" t="s">
        <v>43766</v>
      </c>
      <c r="C11578" s="1" t="s">
        <v>140</v>
      </c>
      <c r="D11578" s="1" t="s">
        <v>32715</v>
      </c>
      <c r="E11578" s="1" t="s">
        <v>44471</v>
      </c>
      <c r="F11578" s="1" t="s">
        <v>44472</v>
      </c>
      <c r="G11578" s="1" t="s">
        <v>44378</v>
      </c>
      <c r="H11578" s="1" t="s">
        <v>44379</v>
      </c>
      <c r="I11578" s="1" t="s">
        <v>43772</v>
      </c>
      <c r="J11578" s="1" t="s">
        <v>44473</v>
      </c>
    </row>
    <row r="11579" spans="1:10" x14ac:dyDescent="0.35">
      <c r="A11579" s="1" t="s">
        <v>44375</v>
      </c>
      <c r="B11579" s="1" t="s">
        <v>43766</v>
      </c>
      <c r="C11579" s="1" t="s">
        <v>145</v>
      </c>
      <c r="D11579" s="1" t="s">
        <v>44474</v>
      </c>
      <c r="E11579" s="1" t="s">
        <v>44475</v>
      </c>
      <c r="F11579" s="1" t="s">
        <v>44476</v>
      </c>
      <c r="G11579" s="1" t="s">
        <v>44378</v>
      </c>
      <c r="H11579" s="1" t="s">
        <v>44379</v>
      </c>
      <c r="I11579" s="1" t="s">
        <v>43772</v>
      </c>
      <c r="J11579" s="1" t="s">
        <v>44477</v>
      </c>
    </row>
    <row r="11580" spans="1:10" x14ac:dyDescent="0.35">
      <c r="A11580" s="1" t="s">
        <v>44375</v>
      </c>
      <c r="B11580" s="1" t="s">
        <v>43766</v>
      </c>
      <c r="C11580" s="1" t="s">
        <v>150</v>
      </c>
      <c r="D11580" s="1" t="s">
        <v>44478</v>
      </c>
      <c r="E11580" s="1" t="s">
        <v>44479</v>
      </c>
      <c r="F11580" s="1" t="s">
        <v>44480</v>
      </c>
      <c r="G11580" s="1" t="s">
        <v>44378</v>
      </c>
      <c r="H11580" s="1" t="s">
        <v>44379</v>
      </c>
      <c r="I11580" s="1" t="s">
        <v>43772</v>
      </c>
      <c r="J11580" s="1" t="s">
        <v>44481</v>
      </c>
    </row>
    <row r="11581" spans="1:10" x14ac:dyDescent="0.35">
      <c r="A11581" s="1" t="s">
        <v>44375</v>
      </c>
      <c r="B11581" s="1" t="s">
        <v>43766</v>
      </c>
      <c r="C11581" s="1" t="s">
        <v>155</v>
      </c>
      <c r="D11581" s="1" t="s">
        <v>44482</v>
      </c>
      <c r="E11581" s="1" t="s">
        <v>44483</v>
      </c>
      <c r="F11581" s="1" t="s">
        <v>44484</v>
      </c>
      <c r="G11581" s="1" t="s">
        <v>44378</v>
      </c>
      <c r="H11581" s="1" t="s">
        <v>44379</v>
      </c>
      <c r="I11581" s="1" t="s">
        <v>43772</v>
      </c>
      <c r="J11581" s="1" t="s">
        <v>44485</v>
      </c>
    </row>
    <row r="11582" spans="1:10" x14ac:dyDescent="0.35">
      <c r="A11582" s="1" t="s">
        <v>44375</v>
      </c>
      <c r="B11582" s="1" t="s">
        <v>43766</v>
      </c>
      <c r="C11582" s="1" t="s">
        <v>160</v>
      </c>
      <c r="D11582" s="1" t="s">
        <v>44486</v>
      </c>
      <c r="E11582" s="1" t="s">
        <v>44487</v>
      </c>
      <c r="F11582" s="1" t="s">
        <v>44488</v>
      </c>
      <c r="G11582" s="1" t="s">
        <v>44378</v>
      </c>
      <c r="H11582" s="1" t="s">
        <v>44379</v>
      </c>
      <c r="I11582" s="1" t="s">
        <v>43772</v>
      </c>
      <c r="J11582" s="1" t="s">
        <v>44489</v>
      </c>
    </row>
    <row r="11583" spans="1:10" x14ac:dyDescent="0.35">
      <c r="A11583" s="1" t="s">
        <v>44375</v>
      </c>
      <c r="B11583" s="1" t="s">
        <v>43766</v>
      </c>
      <c r="C11583" s="1" t="s">
        <v>165</v>
      </c>
      <c r="D11583" s="1" t="s">
        <v>44490</v>
      </c>
      <c r="E11583" s="1" t="s">
        <v>44491</v>
      </c>
      <c r="F11583" s="1" t="s">
        <v>44492</v>
      </c>
      <c r="G11583" s="1" t="s">
        <v>44378</v>
      </c>
      <c r="H11583" s="1" t="s">
        <v>44379</v>
      </c>
      <c r="I11583" s="1" t="s">
        <v>43772</v>
      </c>
      <c r="J11583" s="1" t="s">
        <v>44493</v>
      </c>
    </row>
    <row r="11584" spans="1:10" x14ac:dyDescent="0.35">
      <c r="A11584" s="1" t="s">
        <v>44375</v>
      </c>
      <c r="B11584" s="1" t="s">
        <v>43766</v>
      </c>
      <c r="C11584" s="1" t="s">
        <v>170</v>
      </c>
      <c r="D11584" s="1" t="s">
        <v>44494</v>
      </c>
      <c r="E11584" s="1" t="s">
        <v>44495</v>
      </c>
      <c r="F11584" s="1" t="s">
        <v>44496</v>
      </c>
      <c r="G11584" s="1" t="s">
        <v>44378</v>
      </c>
      <c r="H11584" s="1" t="s">
        <v>44379</v>
      </c>
      <c r="I11584" s="1" t="s">
        <v>43772</v>
      </c>
      <c r="J11584" s="1" t="s">
        <v>44497</v>
      </c>
    </row>
    <row r="11585" spans="1:10" x14ac:dyDescent="0.35">
      <c r="A11585" s="1" t="s">
        <v>44498</v>
      </c>
      <c r="B11585" s="1" t="s">
        <v>43766</v>
      </c>
      <c r="C11585" s="1" t="s">
        <v>8</v>
      </c>
      <c r="D11585" s="1" t="s">
        <v>13740</v>
      </c>
      <c r="E11585" s="1" t="s">
        <v>44499</v>
      </c>
      <c r="F11585" s="1" t="s">
        <v>44500</v>
      </c>
      <c r="G11585" s="1" t="s">
        <v>44501</v>
      </c>
      <c r="H11585" s="1" t="s">
        <v>44502</v>
      </c>
      <c r="I11585" s="1" t="s">
        <v>43772</v>
      </c>
      <c r="J11585" s="1" t="s">
        <v>13</v>
      </c>
    </row>
    <row r="11586" spans="1:10" x14ac:dyDescent="0.35">
      <c r="A11586" s="1" t="s">
        <v>44498</v>
      </c>
      <c r="B11586" s="1" t="s">
        <v>43766</v>
      </c>
      <c r="C11586" s="1" t="s">
        <v>15</v>
      </c>
      <c r="D11586" s="1" t="s">
        <v>44503</v>
      </c>
      <c r="E11586" s="1" t="s">
        <v>44504</v>
      </c>
      <c r="F11586" s="1" t="s">
        <v>44505</v>
      </c>
      <c r="G11586" s="1" t="s">
        <v>44501</v>
      </c>
      <c r="H11586" s="1" t="s">
        <v>44502</v>
      </c>
      <c r="I11586" s="1" t="s">
        <v>43772</v>
      </c>
      <c r="J11586" s="1" t="s">
        <v>44506</v>
      </c>
    </row>
    <row r="11587" spans="1:10" x14ac:dyDescent="0.35">
      <c r="A11587" s="1" t="s">
        <v>44498</v>
      </c>
      <c r="B11587" s="1" t="s">
        <v>43766</v>
      </c>
      <c r="C11587" s="1" t="s">
        <v>20</v>
      </c>
      <c r="D11587" s="1" t="s">
        <v>44507</v>
      </c>
      <c r="E11587" s="1" t="s">
        <v>44508</v>
      </c>
      <c r="F11587" s="1" t="s">
        <v>44509</v>
      </c>
      <c r="G11587" s="1" t="s">
        <v>44501</v>
      </c>
      <c r="H11587" s="1" t="s">
        <v>44502</v>
      </c>
      <c r="I11587" s="1" t="s">
        <v>43772</v>
      </c>
      <c r="J11587" s="1" t="s">
        <v>44510</v>
      </c>
    </row>
    <row r="11588" spans="1:10" x14ac:dyDescent="0.35">
      <c r="A11588" s="1" t="s">
        <v>44498</v>
      </c>
      <c r="B11588" s="1" t="s">
        <v>43766</v>
      </c>
      <c r="C11588" s="1" t="s">
        <v>25</v>
      </c>
      <c r="D11588" s="1" t="s">
        <v>44511</v>
      </c>
      <c r="E11588" s="1" t="s">
        <v>44512</v>
      </c>
      <c r="F11588" s="1" t="s">
        <v>44513</v>
      </c>
      <c r="G11588" s="1" t="s">
        <v>44501</v>
      </c>
      <c r="H11588" s="1" t="s">
        <v>44502</v>
      </c>
      <c r="I11588" s="1" t="s">
        <v>43772</v>
      </c>
      <c r="J11588" s="1" t="s">
        <v>44514</v>
      </c>
    </row>
    <row r="11589" spans="1:10" x14ac:dyDescent="0.35">
      <c r="A11589" s="1" t="s">
        <v>44498</v>
      </c>
      <c r="B11589" s="1" t="s">
        <v>43766</v>
      </c>
      <c r="C11589" s="1" t="s">
        <v>30</v>
      </c>
      <c r="D11589" s="1" t="s">
        <v>44515</v>
      </c>
      <c r="E11589" s="1" t="s">
        <v>44516</v>
      </c>
      <c r="F11589" s="1" t="s">
        <v>44517</v>
      </c>
      <c r="G11589" s="1" t="s">
        <v>44501</v>
      </c>
      <c r="H11589" s="1" t="s">
        <v>44502</v>
      </c>
      <c r="I11589" s="1" t="s">
        <v>43772</v>
      </c>
      <c r="J11589" s="1" t="s">
        <v>44518</v>
      </c>
    </row>
    <row r="11590" spans="1:10" x14ac:dyDescent="0.35">
      <c r="A11590" s="1" t="s">
        <v>44498</v>
      </c>
      <c r="B11590" s="1" t="s">
        <v>43766</v>
      </c>
      <c r="C11590" s="1" t="s">
        <v>35</v>
      </c>
      <c r="D11590" s="1" t="s">
        <v>1973</v>
      </c>
      <c r="E11590" s="1" t="s">
        <v>44519</v>
      </c>
      <c r="F11590" s="1" t="s">
        <v>44520</v>
      </c>
      <c r="G11590" s="1" t="s">
        <v>44501</v>
      </c>
      <c r="H11590" s="1" t="s">
        <v>44502</v>
      </c>
      <c r="I11590" s="1" t="s">
        <v>43772</v>
      </c>
      <c r="J11590" s="1" t="s">
        <v>44521</v>
      </c>
    </row>
    <row r="11591" spans="1:10" x14ac:dyDescent="0.35">
      <c r="A11591" s="1" t="s">
        <v>44498</v>
      </c>
      <c r="B11591" s="1" t="s">
        <v>43766</v>
      </c>
      <c r="C11591" s="1" t="s">
        <v>40</v>
      </c>
      <c r="D11591" s="1" t="s">
        <v>12959</v>
      </c>
      <c r="E11591" s="1" t="s">
        <v>44522</v>
      </c>
      <c r="F11591" s="1" t="s">
        <v>44523</v>
      </c>
      <c r="G11591" s="1" t="s">
        <v>44501</v>
      </c>
      <c r="H11591" s="1" t="s">
        <v>44502</v>
      </c>
      <c r="I11591" s="1" t="s">
        <v>43772</v>
      </c>
      <c r="J11591" s="1" t="s">
        <v>44524</v>
      </c>
    </row>
    <row r="11592" spans="1:10" x14ac:dyDescent="0.35">
      <c r="A11592" s="1" t="s">
        <v>44498</v>
      </c>
      <c r="B11592" s="1" t="s">
        <v>43766</v>
      </c>
      <c r="C11592" s="1" t="s">
        <v>45</v>
      </c>
      <c r="D11592" s="1" t="s">
        <v>4325</v>
      </c>
      <c r="E11592" s="1" t="s">
        <v>44525</v>
      </c>
      <c r="F11592" s="1" t="s">
        <v>44526</v>
      </c>
      <c r="G11592" s="1" t="s">
        <v>44501</v>
      </c>
      <c r="H11592" s="1" t="s">
        <v>44502</v>
      </c>
      <c r="I11592" s="1" t="s">
        <v>43772</v>
      </c>
      <c r="J11592" s="1" t="s">
        <v>44527</v>
      </c>
    </row>
    <row r="11593" spans="1:10" x14ac:dyDescent="0.35">
      <c r="A11593" s="1" t="s">
        <v>44498</v>
      </c>
      <c r="B11593" s="1" t="s">
        <v>43766</v>
      </c>
      <c r="C11593" s="1" t="s">
        <v>50</v>
      </c>
      <c r="D11593" s="1" t="s">
        <v>44528</v>
      </c>
      <c r="E11593" s="1" t="s">
        <v>44529</v>
      </c>
      <c r="F11593" s="1" t="s">
        <v>44530</v>
      </c>
      <c r="G11593" s="1" t="s">
        <v>44501</v>
      </c>
      <c r="H11593" s="1" t="s">
        <v>44502</v>
      </c>
      <c r="I11593" s="1" t="s">
        <v>43772</v>
      </c>
      <c r="J11593" s="1" t="s">
        <v>44531</v>
      </c>
    </row>
    <row r="11594" spans="1:10" x14ac:dyDescent="0.35">
      <c r="A11594" s="1" t="s">
        <v>44498</v>
      </c>
      <c r="B11594" s="1" t="s">
        <v>43766</v>
      </c>
      <c r="C11594" s="1" t="s">
        <v>55</v>
      </c>
      <c r="D11594" s="1" t="s">
        <v>60</v>
      </c>
      <c r="E11594" s="1" t="s">
        <v>44532</v>
      </c>
      <c r="F11594" s="1" t="s">
        <v>44533</v>
      </c>
      <c r="G11594" s="1" t="s">
        <v>44501</v>
      </c>
      <c r="H11594" s="1" t="s">
        <v>44502</v>
      </c>
      <c r="I11594" s="1" t="s">
        <v>43772</v>
      </c>
      <c r="J11594" s="1" t="s">
        <v>44534</v>
      </c>
    </row>
    <row r="11595" spans="1:10" x14ac:dyDescent="0.35">
      <c r="A11595" s="1" t="s">
        <v>44498</v>
      </c>
      <c r="B11595" s="1" t="s">
        <v>43766</v>
      </c>
      <c r="C11595" s="1" t="s">
        <v>60</v>
      </c>
      <c r="D11595" s="1" t="s">
        <v>27727</v>
      </c>
      <c r="E11595" s="1" t="s">
        <v>44535</v>
      </c>
      <c r="F11595" s="1" t="s">
        <v>44536</v>
      </c>
      <c r="G11595" s="1" t="s">
        <v>44501</v>
      </c>
      <c r="H11595" s="1" t="s">
        <v>44502</v>
      </c>
      <c r="I11595" s="1" t="s">
        <v>43772</v>
      </c>
      <c r="J11595" s="1" t="s">
        <v>44537</v>
      </c>
    </row>
    <row r="11596" spans="1:10" x14ac:dyDescent="0.35">
      <c r="A11596" s="1" t="s">
        <v>44498</v>
      </c>
      <c r="B11596" s="1" t="s">
        <v>43766</v>
      </c>
      <c r="C11596" s="1" t="s">
        <v>65</v>
      </c>
      <c r="D11596" s="1" t="s">
        <v>44538</v>
      </c>
      <c r="E11596" s="1" t="s">
        <v>44539</v>
      </c>
      <c r="F11596" s="1" t="s">
        <v>44540</v>
      </c>
      <c r="G11596" s="1" t="s">
        <v>44501</v>
      </c>
      <c r="H11596" s="1" t="s">
        <v>44502</v>
      </c>
      <c r="I11596" s="1" t="s">
        <v>43772</v>
      </c>
      <c r="J11596" s="1" t="s">
        <v>44541</v>
      </c>
    </row>
    <row r="11597" spans="1:10" x14ac:dyDescent="0.35">
      <c r="A11597" s="1" t="s">
        <v>44498</v>
      </c>
      <c r="B11597" s="1" t="s">
        <v>43766</v>
      </c>
      <c r="C11597" s="1" t="s">
        <v>70</v>
      </c>
      <c r="D11597" s="1" t="s">
        <v>44542</v>
      </c>
      <c r="E11597" s="1" t="s">
        <v>44543</v>
      </c>
      <c r="F11597" s="1" t="s">
        <v>44544</v>
      </c>
      <c r="G11597" s="1" t="s">
        <v>44501</v>
      </c>
      <c r="H11597" s="1" t="s">
        <v>44502</v>
      </c>
      <c r="I11597" s="1" t="s">
        <v>43772</v>
      </c>
      <c r="J11597" s="1" t="s">
        <v>44545</v>
      </c>
    </row>
    <row r="11598" spans="1:10" x14ac:dyDescent="0.35">
      <c r="A11598" s="1" t="s">
        <v>44498</v>
      </c>
      <c r="B11598" s="1" t="s">
        <v>43766</v>
      </c>
      <c r="C11598" s="1" t="s">
        <v>75</v>
      </c>
      <c r="D11598" s="1" t="s">
        <v>44546</v>
      </c>
      <c r="E11598" s="1" t="s">
        <v>44547</v>
      </c>
      <c r="F11598" s="1" t="s">
        <v>44548</v>
      </c>
      <c r="G11598" s="1" t="s">
        <v>44501</v>
      </c>
      <c r="H11598" s="1" t="s">
        <v>44502</v>
      </c>
      <c r="I11598" s="1" t="s">
        <v>43772</v>
      </c>
      <c r="J11598" s="1" t="s">
        <v>44549</v>
      </c>
    </row>
    <row r="11599" spans="1:10" x14ac:dyDescent="0.35">
      <c r="A11599" s="1" t="s">
        <v>44498</v>
      </c>
      <c r="B11599" s="1" t="s">
        <v>43766</v>
      </c>
      <c r="C11599" s="1" t="s">
        <v>80</v>
      </c>
      <c r="D11599" s="1" t="s">
        <v>4404</v>
      </c>
      <c r="E11599" s="1" t="s">
        <v>44550</v>
      </c>
      <c r="F11599" s="1" t="s">
        <v>44551</v>
      </c>
      <c r="G11599" s="1" t="s">
        <v>44501</v>
      </c>
      <c r="H11599" s="1" t="s">
        <v>44502</v>
      </c>
      <c r="I11599" s="1" t="s">
        <v>43772</v>
      </c>
      <c r="J11599" s="1" t="s">
        <v>44552</v>
      </c>
    </row>
    <row r="11600" spans="1:10" x14ac:dyDescent="0.35">
      <c r="A11600" s="1" t="s">
        <v>44498</v>
      </c>
      <c r="B11600" s="1" t="s">
        <v>43766</v>
      </c>
      <c r="C11600" s="1" t="s">
        <v>85</v>
      </c>
      <c r="D11600" s="1" t="s">
        <v>4066</v>
      </c>
      <c r="E11600" s="1" t="s">
        <v>44553</v>
      </c>
      <c r="F11600" s="1" t="s">
        <v>44554</v>
      </c>
      <c r="G11600" s="1" t="s">
        <v>44501</v>
      </c>
      <c r="H11600" s="1" t="s">
        <v>44502</v>
      </c>
      <c r="I11600" s="1" t="s">
        <v>43772</v>
      </c>
      <c r="J11600" s="1" t="s">
        <v>44555</v>
      </c>
    </row>
    <row r="11601" spans="1:10" x14ac:dyDescent="0.35">
      <c r="A11601" s="1" t="s">
        <v>44498</v>
      </c>
      <c r="B11601" s="1" t="s">
        <v>43766</v>
      </c>
      <c r="C11601" s="1" t="s">
        <v>90</v>
      </c>
      <c r="D11601" s="1" t="s">
        <v>44556</v>
      </c>
      <c r="E11601" s="1" t="s">
        <v>44557</v>
      </c>
      <c r="F11601" s="1" t="s">
        <v>44558</v>
      </c>
      <c r="G11601" s="1" t="s">
        <v>44501</v>
      </c>
      <c r="H11601" s="1" t="s">
        <v>44502</v>
      </c>
      <c r="I11601" s="1" t="s">
        <v>43772</v>
      </c>
      <c r="J11601" s="1" t="s">
        <v>44559</v>
      </c>
    </row>
    <row r="11602" spans="1:10" x14ac:dyDescent="0.35">
      <c r="A11602" s="1" t="s">
        <v>44498</v>
      </c>
      <c r="B11602" s="1" t="s">
        <v>43766</v>
      </c>
      <c r="C11602" s="1" t="s">
        <v>95</v>
      </c>
      <c r="D11602" s="1" t="s">
        <v>44560</v>
      </c>
      <c r="E11602" s="1" t="s">
        <v>44561</v>
      </c>
      <c r="F11602" s="1" t="s">
        <v>44562</v>
      </c>
      <c r="G11602" s="1" t="s">
        <v>44501</v>
      </c>
      <c r="H11602" s="1" t="s">
        <v>44502</v>
      </c>
      <c r="I11602" s="1" t="s">
        <v>43772</v>
      </c>
      <c r="J11602" s="1" t="s">
        <v>44563</v>
      </c>
    </row>
    <row r="11603" spans="1:10" x14ac:dyDescent="0.35">
      <c r="A11603" s="1" t="s">
        <v>44498</v>
      </c>
      <c r="B11603" s="1" t="s">
        <v>43766</v>
      </c>
      <c r="C11603" s="1" t="s">
        <v>100</v>
      </c>
      <c r="D11603" s="1" t="s">
        <v>28631</v>
      </c>
      <c r="E11603" s="1" t="s">
        <v>44564</v>
      </c>
      <c r="F11603" s="1" t="s">
        <v>44565</v>
      </c>
      <c r="G11603" s="1" t="s">
        <v>44501</v>
      </c>
      <c r="H11603" s="1" t="s">
        <v>44502</v>
      </c>
      <c r="I11603" s="1" t="s">
        <v>43772</v>
      </c>
      <c r="J11603" s="1" t="s">
        <v>44566</v>
      </c>
    </row>
    <row r="11604" spans="1:10" x14ac:dyDescent="0.35">
      <c r="A11604" s="1" t="s">
        <v>44498</v>
      </c>
      <c r="B11604" s="1" t="s">
        <v>43766</v>
      </c>
      <c r="C11604" s="1" t="s">
        <v>105</v>
      </c>
      <c r="D11604" s="1" t="s">
        <v>44567</v>
      </c>
      <c r="E11604" s="1" t="s">
        <v>44568</v>
      </c>
      <c r="F11604" s="1" t="s">
        <v>44569</v>
      </c>
      <c r="G11604" s="1" t="s">
        <v>44501</v>
      </c>
      <c r="H11604" s="1" t="s">
        <v>44502</v>
      </c>
      <c r="I11604" s="1" t="s">
        <v>43772</v>
      </c>
      <c r="J11604" s="1" t="s">
        <v>44570</v>
      </c>
    </row>
    <row r="11605" spans="1:10" x14ac:dyDescent="0.35">
      <c r="A11605" s="1" t="s">
        <v>44498</v>
      </c>
      <c r="B11605" s="1" t="s">
        <v>43766</v>
      </c>
      <c r="C11605" s="1" t="s">
        <v>110</v>
      </c>
      <c r="D11605" s="1" t="s">
        <v>6689</v>
      </c>
      <c r="E11605" s="1" t="s">
        <v>44571</v>
      </c>
      <c r="F11605" s="1" t="s">
        <v>44572</v>
      </c>
      <c r="G11605" s="1" t="s">
        <v>44501</v>
      </c>
      <c r="H11605" s="1" t="s">
        <v>44502</v>
      </c>
      <c r="I11605" s="1" t="s">
        <v>43772</v>
      </c>
      <c r="J11605" s="1" t="s">
        <v>44573</v>
      </c>
    </row>
    <row r="11606" spans="1:10" x14ac:dyDescent="0.35">
      <c r="A11606" s="1" t="s">
        <v>44498</v>
      </c>
      <c r="B11606" s="1" t="s">
        <v>43766</v>
      </c>
      <c r="C11606" s="1" t="s">
        <v>115</v>
      </c>
      <c r="D11606" s="1" t="s">
        <v>44574</v>
      </c>
      <c r="E11606" s="1" t="s">
        <v>44575</v>
      </c>
      <c r="F11606" s="1" t="s">
        <v>44576</v>
      </c>
      <c r="G11606" s="1" t="s">
        <v>44501</v>
      </c>
      <c r="H11606" s="1" t="s">
        <v>44502</v>
      </c>
      <c r="I11606" s="1" t="s">
        <v>43772</v>
      </c>
      <c r="J11606" s="1" t="s">
        <v>44577</v>
      </c>
    </row>
    <row r="11607" spans="1:10" x14ac:dyDescent="0.35">
      <c r="A11607" s="1" t="s">
        <v>44498</v>
      </c>
      <c r="B11607" s="1" t="s">
        <v>43766</v>
      </c>
      <c r="C11607" s="1" t="s">
        <v>120</v>
      </c>
      <c r="D11607" s="1" t="s">
        <v>33690</v>
      </c>
      <c r="E11607" s="1" t="s">
        <v>44578</v>
      </c>
      <c r="F11607" s="1" t="s">
        <v>44579</v>
      </c>
      <c r="G11607" s="1" t="s">
        <v>44501</v>
      </c>
      <c r="H11607" s="1" t="s">
        <v>44502</v>
      </c>
      <c r="I11607" s="1" t="s">
        <v>43772</v>
      </c>
      <c r="J11607" s="1" t="s">
        <v>44580</v>
      </c>
    </row>
    <row r="11608" spans="1:10" x14ac:dyDescent="0.35">
      <c r="A11608" s="1" t="s">
        <v>44498</v>
      </c>
      <c r="B11608" s="1" t="s">
        <v>43766</v>
      </c>
      <c r="C11608" s="1" t="s">
        <v>125</v>
      </c>
      <c r="D11608" s="1" t="s">
        <v>44581</v>
      </c>
      <c r="E11608" s="1" t="s">
        <v>44582</v>
      </c>
      <c r="F11608" s="1" t="s">
        <v>44583</v>
      </c>
      <c r="G11608" s="1" t="s">
        <v>44501</v>
      </c>
      <c r="H11608" s="1" t="s">
        <v>44502</v>
      </c>
      <c r="I11608" s="1" t="s">
        <v>43772</v>
      </c>
      <c r="J11608" s="1" t="s">
        <v>44584</v>
      </c>
    </row>
    <row r="11609" spans="1:10" x14ac:dyDescent="0.35">
      <c r="A11609" s="1" t="s">
        <v>44498</v>
      </c>
      <c r="B11609" s="1" t="s">
        <v>43766</v>
      </c>
      <c r="C11609" s="1" t="s">
        <v>130</v>
      </c>
      <c r="D11609" s="1" t="s">
        <v>36089</v>
      </c>
      <c r="E11609" s="1" t="s">
        <v>44585</v>
      </c>
      <c r="F11609" s="1" t="s">
        <v>44586</v>
      </c>
      <c r="G11609" s="1" t="s">
        <v>44501</v>
      </c>
      <c r="H11609" s="1" t="s">
        <v>44502</v>
      </c>
      <c r="I11609" s="1" t="s">
        <v>43772</v>
      </c>
      <c r="J11609" s="1" t="s">
        <v>44587</v>
      </c>
    </row>
    <row r="11610" spans="1:10" x14ac:dyDescent="0.35">
      <c r="A11610" s="1" t="s">
        <v>44498</v>
      </c>
      <c r="B11610" s="1" t="s">
        <v>43766</v>
      </c>
      <c r="C11610" s="1" t="s">
        <v>135</v>
      </c>
      <c r="D11610" s="1" t="s">
        <v>44588</v>
      </c>
      <c r="E11610" s="1" t="s">
        <v>44589</v>
      </c>
      <c r="F11610" s="1" t="s">
        <v>44590</v>
      </c>
      <c r="G11610" s="1" t="s">
        <v>44501</v>
      </c>
      <c r="H11610" s="1" t="s">
        <v>44502</v>
      </c>
      <c r="I11610" s="1" t="s">
        <v>43772</v>
      </c>
      <c r="J11610" s="1" t="s">
        <v>44591</v>
      </c>
    </row>
    <row r="11611" spans="1:10" x14ac:dyDescent="0.35">
      <c r="A11611" s="1" t="s">
        <v>44498</v>
      </c>
      <c r="B11611" s="1" t="s">
        <v>43766</v>
      </c>
      <c r="C11611" s="1" t="s">
        <v>140</v>
      </c>
      <c r="D11611" s="1" t="s">
        <v>34973</v>
      </c>
      <c r="E11611" s="1" t="s">
        <v>44592</v>
      </c>
      <c r="F11611" s="1" t="s">
        <v>44593</v>
      </c>
      <c r="G11611" s="1" t="s">
        <v>44501</v>
      </c>
      <c r="H11611" s="1" t="s">
        <v>44502</v>
      </c>
      <c r="I11611" s="1" t="s">
        <v>43772</v>
      </c>
      <c r="J11611" s="1" t="s">
        <v>44594</v>
      </c>
    </row>
    <row r="11612" spans="1:10" x14ac:dyDescent="0.35">
      <c r="A11612" s="1" t="s">
        <v>44498</v>
      </c>
      <c r="B11612" s="1" t="s">
        <v>43766</v>
      </c>
      <c r="C11612" s="1" t="s">
        <v>145</v>
      </c>
      <c r="D11612" s="1" t="s">
        <v>32902</v>
      </c>
      <c r="E11612" s="1" t="s">
        <v>44595</v>
      </c>
      <c r="F11612" s="1" t="s">
        <v>44596</v>
      </c>
      <c r="G11612" s="1" t="s">
        <v>44501</v>
      </c>
      <c r="H11612" s="1" t="s">
        <v>44502</v>
      </c>
      <c r="I11612" s="1" t="s">
        <v>43772</v>
      </c>
      <c r="J11612" s="1" t="s">
        <v>44597</v>
      </c>
    </row>
    <row r="11613" spans="1:10" x14ac:dyDescent="0.35">
      <c r="A11613" s="1" t="s">
        <v>44498</v>
      </c>
      <c r="B11613" s="1" t="s">
        <v>43766</v>
      </c>
      <c r="C11613" s="1" t="s">
        <v>150</v>
      </c>
      <c r="D11613" s="1" t="s">
        <v>44598</v>
      </c>
      <c r="E11613" s="1" t="s">
        <v>44599</v>
      </c>
      <c r="F11613" s="1" t="s">
        <v>44600</v>
      </c>
      <c r="G11613" s="1" t="s">
        <v>44501</v>
      </c>
      <c r="H11613" s="1" t="s">
        <v>44502</v>
      </c>
      <c r="I11613" s="1" t="s">
        <v>43772</v>
      </c>
      <c r="J11613" s="1" t="s">
        <v>44601</v>
      </c>
    </row>
    <row r="11614" spans="1:10" x14ac:dyDescent="0.35">
      <c r="A11614" s="1" t="s">
        <v>44498</v>
      </c>
      <c r="B11614" s="1" t="s">
        <v>43766</v>
      </c>
      <c r="C11614" s="1" t="s">
        <v>155</v>
      </c>
      <c r="D11614" s="1" t="s">
        <v>44602</v>
      </c>
      <c r="E11614" s="1" t="s">
        <v>44603</v>
      </c>
      <c r="F11614" s="1" t="s">
        <v>44604</v>
      </c>
      <c r="G11614" s="1" t="s">
        <v>44501</v>
      </c>
      <c r="H11614" s="1" t="s">
        <v>44502</v>
      </c>
      <c r="I11614" s="1" t="s">
        <v>43772</v>
      </c>
      <c r="J11614" s="1" t="s">
        <v>44605</v>
      </c>
    </row>
    <row r="11615" spans="1:10" x14ac:dyDescent="0.35">
      <c r="A11615" s="1" t="s">
        <v>44498</v>
      </c>
      <c r="B11615" s="1" t="s">
        <v>43766</v>
      </c>
      <c r="C11615" s="1" t="s">
        <v>160</v>
      </c>
      <c r="D11615" s="1" t="s">
        <v>18857</v>
      </c>
      <c r="E11615" s="1" t="s">
        <v>44606</v>
      </c>
      <c r="F11615" s="1" t="s">
        <v>44607</v>
      </c>
      <c r="G11615" s="1" t="s">
        <v>44501</v>
      </c>
      <c r="H11615" s="1" t="s">
        <v>44502</v>
      </c>
      <c r="I11615" s="1" t="s">
        <v>43772</v>
      </c>
      <c r="J11615" s="1" t="s">
        <v>44608</v>
      </c>
    </row>
    <row r="11616" spans="1:10" x14ac:dyDescent="0.35">
      <c r="A11616" s="1" t="s">
        <v>44498</v>
      </c>
      <c r="B11616" s="1" t="s">
        <v>43766</v>
      </c>
      <c r="C11616" s="1" t="s">
        <v>165</v>
      </c>
      <c r="D11616" s="1" t="s">
        <v>44609</v>
      </c>
      <c r="E11616" s="1" t="s">
        <v>44610</v>
      </c>
      <c r="F11616" s="1" t="s">
        <v>44611</v>
      </c>
      <c r="G11616" s="1" t="s">
        <v>44501</v>
      </c>
      <c r="H11616" s="1" t="s">
        <v>44502</v>
      </c>
      <c r="I11616" s="1" t="s">
        <v>43772</v>
      </c>
      <c r="J11616" s="1" t="s">
        <v>44612</v>
      </c>
    </row>
    <row r="11617" spans="1:10" x14ac:dyDescent="0.35">
      <c r="A11617" s="1" t="s">
        <v>44498</v>
      </c>
      <c r="B11617" s="1" t="s">
        <v>43766</v>
      </c>
      <c r="C11617" s="1" t="s">
        <v>170</v>
      </c>
      <c r="D11617" s="1" t="s">
        <v>33001</v>
      </c>
      <c r="E11617" s="1" t="s">
        <v>44613</v>
      </c>
      <c r="F11617" s="1" t="s">
        <v>44614</v>
      </c>
      <c r="G11617" s="1" t="s">
        <v>44501</v>
      </c>
      <c r="H11617" s="1" t="s">
        <v>44502</v>
      </c>
      <c r="I11617" s="1" t="s">
        <v>43772</v>
      </c>
      <c r="J11617" s="1" t="s">
        <v>44615</v>
      </c>
    </row>
    <row r="11618" spans="1:10" x14ac:dyDescent="0.35">
      <c r="A11618" s="1" t="s">
        <v>44616</v>
      </c>
      <c r="B11618" s="1" t="s">
        <v>43766</v>
      </c>
      <c r="C11618" s="1" t="s">
        <v>8</v>
      </c>
      <c r="D11618" s="1" t="s">
        <v>44617</v>
      </c>
      <c r="E11618" s="1" t="s">
        <v>44618</v>
      </c>
      <c r="F11618" s="1" t="s">
        <v>44619</v>
      </c>
      <c r="G11618" s="1" t="s">
        <v>44620</v>
      </c>
      <c r="H11618" s="1" t="s">
        <v>44621</v>
      </c>
      <c r="I11618" s="1" t="s">
        <v>43772</v>
      </c>
      <c r="J11618" s="1" t="s">
        <v>13</v>
      </c>
    </row>
    <row r="11619" spans="1:10" x14ac:dyDescent="0.35">
      <c r="A11619" s="1" t="s">
        <v>44616</v>
      </c>
      <c r="B11619" s="1" t="s">
        <v>43766</v>
      </c>
      <c r="C11619" s="1" t="s">
        <v>15</v>
      </c>
      <c r="D11619" s="1" t="s">
        <v>3522</v>
      </c>
      <c r="E11619" s="1" t="s">
        <v>44622</v>
      </c>
      <c r="F11619" s="1" t="s">
        <v>44623</v>
      </c>
      <c r="G11619" s="1" t="s">
        <v>44620</v>
      </c>
      <c r="H11619" s="1" t="s">
        <v>44621</v>
      </c>
      <c r="I11619" s="1" t="s">
        <v>43772</v>
      </c>
      <c r="J11619" s="1" t="s">
        <v>44624</v>
      </c>
    </row>
    <row r="11620" spans="1:10" x14ac:dyDescent="0.35">
      <c r="A11620" s="1" t="s">
        <v>44616</v>
      </c>
      <c r="B11620" s="1" t="s">
        <v>43766</v>
      </c>
      <c r="C11620" s="1" t="s">
        <v>20</v>
      </c>
      <c r="D11620" s="1" t="s">
        <v>1320</v>
      </c>
      <c r="E11620" s="1" t="s">
        <v>44625</v>
      </c>
      <c r="F11620" s="1" t="s">
        <v>44626</v>
      </c>
      <c r="G11620" s="1" t="s">
        <v>44620</v>
      </c>
      <c r="H11620" s="1" t="s">
        <v>44621</v>
      </c>
      <c r="I11620" s="1" t="s">
        <v>43772</v>
      </c>
      <c r="J11620" s="1" t="s">
        <v>44627</v>
      </c>
    </row>
    <row r="11621" spans="1:10" x14ac:dyDescent="0.35">
      <c r="A11621" s="1" t="s">
        <v>44616</v>
      </c>
      <c r="B11621" s="1" t="s">
        <v>43766</v>
      </c>
      <c r="C11621" s="1" t="s">
        <v>25</v>
      </c>
      <c r="D11621" s="1" t="s">
        <v>1877</v>
      </c>
      <c r="E11621" s="1" t="s">
        <v>44628</v>
      </c>
      <c r="F11621" s="1" t="s">
        <v>44629</v>
      </c>
      <c r="G11621" s="1" t="s">
        <v>44620</v>
      </c>
      <c r="H11621" s="1" t="s">
        <v>44621</v>
      </c>
      <c r="I11621" s="1" t="s">
        <v>43772</v>
      </c>
      <c r="J11621" s="1" t="s">
        <v>44630</v>
      </c>
    </row>
    <row r="11622" spans="1:10" x14ac:dyDescent="0.35">
      <c r="A11622" s="1" t="s">
        <v>44616</v>
      </c>
      <c r="B11622" s="1" t="s">
        <v>43766</v>
      </c>
      <c r="C11622" s="1" t="s">
        <v>30</v>
      </c>
      <c r="D11622" s="1" t="s">
        <v>44631</v>
      </c>
      <c r="E11622" s="1" t="s">
        <v>44632</v>
      </c>
      <c r="F11622" s="1" t="s">
        <v>44633</v>
      </c>
      <c r="G11622" s="1" t="s">
        <v>44620</v>
      </c>
      <c r="H11622" s="1" t="s">
        <v>44621</v>
      </c>
      <c r="I11622" s="1" t="s">
        <v>43772</v>
      </c>
      <c r="J11622" s="1" t="s">
        <v>44634</v>
      </c>
    </row>
    <row r="11623" spans="1:10" x14ac:dyDescent="0.35">
      <c r="A11623" s="1" t="s">
        <v>44616</v>
      </c>
      <c r="B11623" s="1" t="s">
        <v>43766</v>
      </c>
      <c r="C11623" s="1" t="s">
        <v>35</v>
      </c>
      <c r="D11623" s="1" t="s">
        <v>44635</v>
      </c>
      <c r="E11623" s="1" t="s">
        <v>44636</v>
      </c>
      <c r="F11623" s="1" t="s">
        <v>44637</v>
      </c>
      <c r="G11623" s="1" t="s">
        <v>44620</v>
      </c>
      <c r="H11623" s="1" t="s">
        <v>44621</v>
      </c>
      <c r="I11623" s="1" t="s">
        <v>43772</v>
      </c>
      <c r="J11623" s="1" t="s">
        <v>44638</v>
      </c>
    </row>
    <row r="11624" spans="1:10" x14ac:dyDescent="0.35">
      <c r="A11624" s="1" t="s">
        <v>44616</v>
      </c>
      <c r="B11624" s="1" t="s">
        <v>43766</v>
      </c>
      <c r="C11624" s="1" t="s">
        <v>40</v>
      </c>
      <c r="D11624" s="1" t="s">
        <v>25084</v>
      </c>
      <c r="E11624" s="1" t="s">
        <v>44639</v>
      </c>
      <c r="F11624" s="1" t="s">
        <v>44640</v>
      </c>
      <c r="G11624" s="1" t="s">
        <v>44620</v>
      </c>
      <c r="H11624" s="1" t="s">
        <v>44621</v>
      </c>
      <c r="I11624" s="1" t="s">
        <v>43772</v>
      </c>
      <c r="J11624" s="1" t="s">
        <v>44641</v>
      </c>
    </row>
    <row r="11625" spans="1:10" x14ac:dyDescent="0.35">
      <c r="A11625" s="1" t="s">
        <v>44616</v>
      </c>
      <c r="B11625" s="1" t="s">
        <v>43766</v>
      </c>
      <c r="C11625" s="1" t="s">
        <v>45</v>
      </c>
      <c r="D11625" s="1" t="s">
        <v>44642</v>
      </c>
      <c r="E11625" s="1" t="s">
        <v>44643</v>
      </c>
      <c r="F11625" s="1" t="s">
        <v>44644</v>
      </c>
      <c r="G11625" s="1" t="s">
        <v>44620</v>
      </c>
      <c r="H11625" s="1" t="s">
        <v>44621</v>
      </c>
      <c r="I11625" s="1" t="s">
        <v>43772</v>
      </c>
      <c r="J11625" s="1" t="s">
        <v>44645</v>
      </c>
    </row>
    <row r="11626" spans="1:10" x14ac:dyDescent="0.35">
      <c r="A11626" s="1" t="s">
        <v>44616</v>
      </c>
      <c r="B11626" s="1" t="s">
        <v>43766</v>
      </c>
      <c r="C11626" s="1" t="s">
        <v>50</v>
      </c>
      <c r="D11626" s="1" t="s">
        <v>44646</v>
      </c>
      <c r="E11626" s="1" t="s">
        <v>44647</v>
      </c>
      <c r="F11626" s="1" t="s">
        <v>44648</v>
      </c>
      <c r="G11626" s="1" t="s">
        <v>44620</v>
      </c>
      <c r="H11626" s="1" t="s">
        <v>44621</v>
      </c>
      <c r="I11626" s="1" t="s">
        <v>43772</v>
      </c>
      <c r="J11626" s="1" t="s">
        <v>44649</v>
      </c>
    </row>
    <row r="11627" spans="1:10" x14ac:dyDescent="0.35">
      <c r="A11627" s="1" t="s">
        <v>44616</v>
      </c>
      <c r="B11627" s="1" t="s">
        <v>43766</v>
      </c>
      <c r="C11627" s="1" t="s">
        <v>55</v>
      </c>
      <c r="D11627" s="1" t="s">
        <v>44650</v>
      </c>
      <c r="E11627" s="1" t="s">
        <v>44651</v>
      </c>
      <c r="F11627" s="1" t="s">
        <v>44652</v>
      </c>
      <c r="G11627" s="1" t="s">
        <v>44620</v>
      </c>
      <c r="H11627" s="1" t="s">
        <v>44621</v>
      </c>
      <c r="I11627" s="1" t="s">
        <v>43772</v>
      </c>
      <c r="J11627" s="1" t="s">
        <v>44653</v>
      </c>
    </row>
    <row r="11628" spans="1:10" x14ac:dyDescent="0.35">
      <c r="A11628" s="1" t="s">
        <v>44616</v>
      </c>
      <c r="B11628" s="1" t="s">
        <v>43766</v>
      </c>
      <c r="C11628" s="1" t="s">
        <v>60</v>
      </c>
      <c r="D11628" s="1" t="s">
        <v>44654</v>
      </c>
      <c r="E11628" s="1" t="s">
        <v>44655</v>
      </c>
      <c r="F11628" s="1" t="s">
        <v>44656</v>
      </c>
      <c r="G11628" s="1" t="s">
        <v>44620</v>
      </c>
      <c r="H11628" s="1" t="s">
        <v>44621</v>
      </c>
      <c r="I11628" s="1" t="s">
        <v>43772</v>
      </c>
      <c r="J11628" s="1" t="s">
        <v>44657</v>
      </c>
    </row>
    <row r="11629" spans="1:10" x14ac:dyDescent="0.35">
      <c r="A11629" s="1" t="s">
        <v>44616</v>
      </c>
      <c r="B11629" s="1" t="s">
        <v>43766</v>
      </c>
      <c r="C11629" s="1" t="s">
        <v>65</v>
      </c>
      <c r="D11629" s="1" t="s">
        <v>44658</v>
      </c>
      <c r="E11629" s="1" t="s">
        <v>44659</v>
      </c>
      <c r="F11629" s="1" t="s">
        <v>44660</v>
      </c>
      <c r="G11629" s="1" t="s">
        <v>44620</v>
      </c>
      <c r="H11629" s="1" t="s">
        <v>44621</v>
      </c>
      <c r="I11629" s="1" t="s">
        <v>43772</v>
      </c>
      <c r="J11629" s="1" t="s">
        <v>44661</v>
      </c>
    </row>
    <row r="11630" spans="1:10" x14ac:dyDescent="0.35">
      <c r="A11630" s="1" t="s">
        <v>44616</v>
      </c>
      <c r="B11630" s="1" t="s">
        <v>43766</v>
      </c>
      <c r="C11630" s="1" t="s">
        <v>70</v>
      </c>
      <c r="D11630" s="1" t="s">
        <v>44662</v>
      </c>
      <c r="E11630" s="1" t="s">
        <v>44663</v>
      </c>
      <c r="F11630" s="1" t="s">
        <v>44664</v>
      </c>
      <c r="G11630" s="1" t="s">
        <v>44620</v>
      </c>
      <c r="H11630" s="1" t="s">
        <v>44621</v>
      </c>
      <c r="I11630" s="1" t="s">
        <v>43772</v>
      </c>
      <c r="J11630" s="1" t="s">
        <v>44665</v>
      </c>
    </row>
    <row r="11631" spans="1:10" x14ac:dyDescent="0.35">
      <c r="A11631" s="1" t="s">
        <v>44616</v>
      </c>
      <c r="B11631" s="1" t="s">
        <v>43766</v>
      </c>
      <c r="C11631" s="1" t="s">
        <v>75</v>
      </c>
      <c r="D11631" s="1" t="s">
        <v>6167</v>
      </c>
      <c r="E11631" s="1" t="s">
        <v>44666</v>
      </c>
      <c r="F11631" s="1" t="s">
        <v>44667</v>
      </c>
      <c r="G11631" s="1" t="s">
        <v>44620</v>
      </c>
      <c r="H11631" s="1" t="s">
        <v>44621</v>
      </c>
      <c r="I11631" s="1" t="s">
        <v>43772</v>
      </c>
      <c r="J11631" s="1" t="s">
        <v>44668</v>
      </c>
    </row>
    <row r="11632" spans="1:10" x14ac:dyDescent="0.35">
      <c r="A11632" s="1" t="s">
        <v>44616</v>
      </c>
      <c r="B11632" s="1" t="s">
        <v>43766</v>
      </c>
      <c r="C11632" s="1" t="s">
        <v>80</v>
      </c>
      <c r="D11632" s="1" t="s">
        <v>44669</v>
      </c>
      <c r="E11632" s="1" t="s">
        <v>44670</v>
      </c>
      <c r="F11632" s="1" t="s">
        <v>44671</v>
      </c>
      <c r="G11632" s="1" t="s">
        <v>44620</v>
      </c>
      <c r="H11632" s="1" t="s">
        <v>44621</v>
      </c>
      <c r="I11632" s="1" t="s">
        <v>43772</v>
      </c>
      <c r="J11632" s="1" t="s">
        <v>44672</v>
      </c>
    </row>
    <row r="11633" spans="1:10" x14ac:dyDescent="0.35">
      <c r="A11633" s="1" t="s">
        <v>44616</v>
      </c>
      <c r="B11633" s="1" t="s">
        <v>43766</v>
      </c>
      <c r="C11633" s="1" t="s">
        <v>85</v>
      </c>
      <c r="D11633" s="1" t="s">
        <v>44673</v>
      </c>
      <c r="E11633" s="1" t="s">
        <v>44674</v>
      </c>
      <c r="F11633" s="1" t="s">
        <v>44675</v>
      </c>
      <c r="G11633" s="1" t="s">
        <v>44620</v>
      </c>
      <c r="H11633" s="1" t="s">
        <v>44621</v>
      </c>
      <c r="I11633" s="1" t="s">
        <v>43772</v>
      </c>
      <c r="J11633" s="1" t="s">
        <v>44676</v>
      </c>
    </row>
    <row r="11634" spans="1:10" x14ac:dyDescent="0.35">
      <c r="A11634" s="1" t="s">
        <v>44616</v>
      </c>
      <c r="B11634" s="1" t="s">
        <v>43766</v>
      </c>
      <c r="C11634" s="1" t="s">
        <v>90</v>
      </c>
      <c r="D11634" s="1" t="s">
        <v>29650</v>
      </c>
      <c r="E11634" s="1" t="s">
        <v>44677</v>
      </c>
      <c r="F11634" s="1" t="s">
        <v>44678</v>
      </c>
      <c r="G11634" s="1" t="s">
        <v>44620</v>
      </c>
      <c r="H11634" s="1" t="s">
        <v>44621</v>
      </c>
      <c r="I11634" s="1" t="s">
        <v>43772</v>
      </c>
      <c r="J11634" s="1" t="s">
        <v>44679</v>
      </c>
    </row>
    <row r="11635" spans="1:10" x14ac:dyDescent="0.35">
      <c r="A11635" s="1" t="s">
        <v>44616</v>
      </c>
      <c r="B11635" s="1" t="s">
        <v>43766</v>
      </c>
      <c r="C11635" s="1" t="s">
        <v>95</v>
      </c>
      <c r="D11635" s="1" t="s">
        <v>8745</v>
      </c>
      <c r="E11635" s="1" t="s">
        <v>44680</v>
      </c>
      <c r="F11635" s="1" t="s">
        <v>44681</v>
      </c>
      <c r="G11635" s="1" t="s">
        <v>44620</v>
      </c>
      <c r="H11635" s="1" t="s">
        <v>44621</v>
      </c>
      <c r="I11635" s="1" t="s">
        <v>43772</v>
      </c>
      <c r="J11635" s="1" t="s">
        <v>44682</v>
      </c>
    </row>
    <row r="11636" spans="1:10" x14ac:dyDescent="0.35">
      <c r="A11636" s="1" t="s">
        <v>44616</v>
      </c>
      <c r="B11636" s="1" t="s">
        <v>43766</v>
      </c>
      <c r="C11636" s="1" t="s">
        <v>100</v>
      </c>
      <c r="D11636" s="1" t="s">
        <v>10201</v>
      </c>
      <c r="E11636" s="1" t="s">
        <v>44683</v>
      </c>
      <c r="F11636" s="1" t="s">
        <v>44684</v>
      </c>
      <c r="G11636" s="1" t="s">
        <v>44620</v>
      </c>
      <c r="H11636" s="1" t="s">
        <v>44621</v>
      </c>
      <c r="I11636" s="1" t="s">
        <v>43772</v>
      </c>
      <c r="J11636" s="1" t="s">
        <v>44685</v>
      </c>
    </row>
    <row r="11637" spans="1:10" x14ac:dyDescent="0.35">
      <c r="A11637" s="1" t="s">
        <v>44616</v>
      </c>
      <c r="B11637" s="1" t="s">
        <v>43766</v>
      </c>
      <c r="C11637" s="1" t="s">
        <v>105</v>
      </c>
      <c r="D11637" s="1" t="s">
        <v>6866</v>
      </c>
      <c r="E11637" s="1" t="s">
        <v>44686</v>
      </c>
      <c r="F11637" s="1" t="s">
        <v>44687</v>
      </c>
      <c r="G11637" s="1" t="s">
        <v>44620</v>
      </c>
      <c r="H11637" s="1" t="s">
        <v>44621</v>
      </c>
      <c r="I11637" s="1" t="s">
        <v>43772</v>
      </c>
      <c r="J11637" s="1" t="s">
        <v>44688</v>
      </c>
    </row>
    <row r="11638" spans="1:10" x14ac:dyDescent="0.35">
      <c r="A11638" s="1" t="s">
        <v>44616</v>
      </c>
      <c r="B11638" s="1" t="s">
        <v>43766</v>
      </c>
      <c r="C11638" s="1" t="s">
        <v>110</v>
      </c>
      <c r="D11638" s="1" t="s">
        <v>44689</v>
      </c>
      <c r="E11638" s="1" t="s">
        <v>44690</v>
      </c>
      <c r="F11638" s="1" t="s">
        <v>44691</v>
      </c>
      <c r="G11638" s="1" t="s">
        <v>44620</v>
      </c>
      <c r="H11638" s="1" t="s">
        <v>44621</v>
      </c>
      <c r="I11638" s="1" t="s">
        <v>43772</v>
      </c>
      <c r="J11638" s="1" t="s">
        <v>44692</v>
      </c>
    </row>
    <row r="11639" spans="1:10" x14ac:dyDescent="0.35">
      <c r="A11639" s="1" t="s">
        <v>44616</v>
      </c>
      <c r="B11639" s="1" t="s">
        <v>43766</v>
      </c>
      <c r="C11639" s="1" t="s">
        <v>115</v>
      </c>
      <c r="D11639" s="1" t="s">
        <v>44693</v>
      </c>
      <c r="E11639" s="1" t="s">
        <v>44694</v>
      </c>
      <c r="F11639" s="1" t="s">
        <v>44695</v>
      </c>
      <c r="G11639" s="1" t="s">
        <v>44620</v>
      </c>
      <c r="H11639" s="1" t="s">
        <v>44621</v>
      </c>
      <c r="I11639" s="1" t="s">
        <v>43772</v>
      </c>
      <c r="J11639" s="1" t="s">
        <v>44696</v>
      </c>
    </row>
    <row r="11640" spans="1:10" x14ac:dyDescent="0.35">
      <c r="A11640" s="1" t="s">
        <v>44616</v>
      </c>
      <c r="B11640" s="1" t="s">
        <v>43766</v>
      </c>
      <c r="C11640" s="1" t="s">
        <v>120</v>
      </c>
      <c r="D11640" s="1" t="s">
        <v>9730</v>
      </c>
      <c r="E11640" s="1" t="s">
        <v>44697</v>
      </c>
      <c r="F11640" s="1" t="s">
        <v>44698</v>
      </c>
      <c r="G11640" s="1" t="s">
        <v>44620</v>
      </c>
      <c r="H11640" s="1" t="s">
        <v>44621</v>
      </c>
      <c r="I11640" s="1" t="s">
        <v>43772</v>
      </c>
      <c r="J11640" s="1" t="s">
        <v>44699</v>
      </c>
    </row>
    <row r="11641" spans="1:10" x14ac:dyDescent="0.35">
      <c r="A11641" s="1" t="s">
        <v>44616</v>
      </c>
      <c r="B11641" s="1" t="s">
        <v>43766</v>
      </c>
      <c r="C11641" s="1" t="s">
        <v>125</v>
      </c>
      <c r="D11641" s="1" t="s">
        <v>44700</v>
      </c>
      <c r="E11641" s="1" t="s">
        <v>44701</v>
      </c>
      <c r="F11641" s="1" t="s">
        <v>44702</v>
      </c>
      <c r="G11641" s="1" t="s">
        <v>44620</v>
      </c>
      <c r="H11641" s="1" t="s">
        <v>44621</v>
      </c>
      <c r="I11641" s="1" t="s">
        <v>43772</v>
      </c>
      <c r="J11641" s="1" t="s">
        <v>44703</v>
      </c>
    </row>
    <row r="11642" spans="1:10" x14ac:dyDescent="0.35">
      <c r="A11642" s="1" t="s">
        <v>44616</v>
      </c>
      <c r="B11642" s="1" t="s">
        <v>43766</v>
      </c>
      <c r="C11642" s="1" t="s">
        <v>130</v>
      </c>
      <c r="D11642" s="1" t="s">
        <v>14599</v>
      </c>
      <c r="E11642" s="1" t="s">
        <v>44704</v>
      </c>
      <c r="F11642" s="1" t="s">
        <v>44705</v>
      </c>
      <c r="G11642" s="1" t="s">
        <v>44620</v>
      </c>
      <c r="H11642" s="1" t="s">
        <v>44621</v>
      </c>
      <c r="I11642" s="1" t="s">
        <v>43772</v>
      </c>
      <c r="J11642" s="1" t="s">
        <v>44706</v>
      </c>
    </row>
    <row r="11643" spans="1:10" x14ac:dyDescent="0.35">
      <c r="A11643" s="1" t="s">
        <v>44616</v>
      </c>
      <c r="B11643" s="1" t="s">
        <v>43766</v>
      </c>
      <c r="C11643" s="1" t="s">
        <v>135</v>
      </c>
      <c r="D11643" s="1" t="s">
        <v>44707</v>
      </c>
      <c r="E11643" s="1" t="s">
        <v>44708</v>
      </c>
      <c r="F11643" s="1" t="s">
        <v>44709</v>
      </c>
      <c r="G11643" s="1" t="s">
        <v>44620</v>
      </c>
      <c r="H11643" s="1" t="s">
        <v>44621</v>
      </c>
      <c r="I11643" s="1" t="s">
        <v>43772</v>
      </c>
      <c r="J11643" s="1" t="s">
        <v>44710</v>
      </c>
    </row>
    <row r="11644" spans="1:10" x14ac:dyDescent="0.35">
      <c r="A11644" s="1" t="s">
        <v>44616</v>
      </c>
      <c r="B11644" s="1" t="s">
        <v>43766</v>
      </c>
      <c r="C11644" s="1" t="s">
        <v>140</v>
      </c>
      <c r="D11644" s="1" t="s">
        <v>4590</v>
      </c>
      <c r="E11644" s="1" t="s">
        <v>44711</v>
      </c>
      <c r="F11644" s="1" t="s">
        <v>44712</v>
      </c>
      <c r="G11644" s="1" t="s">
        <v>44620</v>
      </c>
      <c r="H11644" s="1" t="s">
        <v>44621</v>
      </c>
      <c r="I11644" s="1" t="s">
        <v>43772</v>
      </c>
      <c r="J11644" s="1" t="s">
        <v>44713</v>
      </c>
    </row>
    <row r="11645" spans="1:10" x14ac:dyDescent="0.35">
      <c r="A11645" s="1" t="s">
        <v>44616</v>
      </c>
      <c r="B11645" s="1" t="s">
        <v>43766</v>
      </c>
      <c r="C11645" s="1" t="s">
        <v>145</v>
      </c>
      <c r="D11645" s="1" t="s">
        <v>44714</v>
      </c>
      <c r="E11645" s="1" t="s">
        <v>44715</v>
      </c>
      <c r="F11645" s="1" t="s">
        <v>44716</v>
      </c>
      <c r="G11645" s="1" t="s">
        <v>44620</v>
      </c>
      <c r="H11645" s="1" t="s">
        <v>44621</v>
      </c>
      <c r="I11645" s="1" t="s">
        <v>43772</v>
      </c>
      <c r="J11645" s="1" t="s">
        <v>44717</v>
      </c>
    </row>
    <row r="11646" spans="1:10" x14ac:dyDescent="0.35">
      <c r="A11646" s="1" t="s">
        <v>44616</v>
      </c>
      <c r="B11646" s="1" t="s">
        <v>43766</v>
      </c>
      <c r="C11646" s="1" t="s">
        <v>150</v>
      </c>
      <c r="D11646" s="1" t="s">
        <v>8823</v>
      </c>
      <c r="E11646" s="1" t="s">
        <v>44718</v>
      </c>
      <c r="F11646" s="1" t="s">
        <v>44719</v>
      </c>
      <c r="G11646" s="1" t="s">
        <v>44620</v>
      </c>
      <c r="H11646" s="1" t="s">
        <v>44621</v>
      </c>
      <c r="I11646" s="1" t="s">
        <v>43772</v>
      </c>
      <c r="J11646" s="1" t="s">
        <v>44720</v>
      </c>
    </row>
    <row r="11647" spans="1:10" x14ac:dyDescent="0.35">
      <c r="A11647" s="1" t="s">
        <v>44616</v>
      </c>
      <c r="B11647" s="1" t="s">
        <v>43766</v>
      </c>
      <c r="C11647" s="1" t="s">
        <v>155</v>
      </c>
      <c r="D11647" s="1" t="s">
        <v>44721</v>
      </c>
      <c r="E11647" s="1" t="s">
        <v>44722</v>
      </c>
      <c r="F11647" s="1" t="s">
        <v>44723</v>
      </c>
      <c r="G11647" s="1" t="s">
        <v>44620</v>
      </c>
      <c r="H11647" s="1" t="s">
        <v>44621</v>
      </c>
      <c r="I11647" s="1" t="s">
        <v>43772</v>
      </c>
      <c r="J11647" s="1" t="s">
        <v>44724</v>
      </c>
    </row>
    <row r="11648" spans="1:10" x14ac:dyDescent="0.35">
      <c r="A11648" s="1" t="s">
        <v>44616</v>
      </c>
      <c r="B11648" s="1" t="s">
        <v>43766</v>
      </c>
      <c r="C11648" s="1" t="s">
        <v>160</v>
      </c>
      <c r="D11648" s="1" t="s">
        <v>44725</v>
      </c>
      <c r="E11648" s="1" t="s">
        <v>44726</v>
      </c>
      <c r="F11648" s="1" t="s">
        <v>44727</v>
      </c>
      <c r="G11648" s="1" t="s">
        <v>44620</v>
      </c>
      <c r="H11648" s="1" t="s">
        <v>44621</v>
      </c>
      <c r="I11648" s="1" t="s">
        <v>43772</v>
      </c>
      <c r="J11648" s="1" t="s">
        <v>44728</v>
      </c>
    </row>
    <row r="11649" spans="1:10" x14ac:dyDescent="0.35">
      <c r="A11649" s="1" t="s">
        <v>44616</v>
      </c>
      <c r="B11649" s="1" t="s">
        <v>43766</v>
      </c>
      <c r="C11649" s="1" t="s">
        <v>165</v>
      </c>
      <c r="D11649" s="1" t="s">
        <v>44729</v>
      </c>
      <c r="E11649" s="1" t="s">
        <v>44730</v>
      </c>
      <c r="F11649" s="1" t="s">
        <v>44731</v>
      </c>
      <c r="G11649" s="1" t="s">
        <v>44620</v>
      </c>
      <c r="H11649" s="1" t="s">
        <v>44621</v>
      </c>
      <c r="I11649" s="1" t="s">
        <v>43772</v>
      </c>
      <c r="J11649" s="1" t="s">
        <v>44732</v>
      </c>
    </row>
    <row r="11650" spans="1:10" x14ac:dyDescent="0.35">
      <c r="A11650" s="1" t="s">
        <v>44616</v>
      </c>
      <c r="B11650" s="1" t="s">
        <v>43766</v>
      </c>
      <c r="C11650" s="1" t="s">
        <v>170</v>
      </c>
      <c r="D11650" s="1" t="s">
        <v>11852</v>
      </c>
      <c r="E11650" s="1" t="s">
        <v>44733</v>
      </c>
      <c r="F11650" s="1" t="s">
        <v>44734</v>
      </c>
      <c r="G11650" s="1" t="s">
        <v>44620</v>
      </c>
      <c r="H11650" s="1" t="s">
        <v>44621</v>
      </c>
      <c r="I11650" s="1" t="s">
        <v>43772</v>
      </c>
      <c r="J11650" s="1" t="s">
        <v>44735</v>
      </c>
    </row>
    <row r="11651" spans="1:10" x14ac:dyDescent="0.35">
      <c r="A11651" s="1" t="s">
        <v>44736</v>
      </c>
      <c r="B11651" s="1" t="s">
        <v>43766</v>
      </c>
      <c r="C11651" s="1" t="s">
        <v>8</v>
      </c>
      <c r="D11651" s="1" t="s">
        <v>30106</v>
      </c>
      <c r="E11651" s="1" t="s">
        <v>44737</v>
      </c>
      <c r="F11651" s="1" t="s">
        <v>44738</v>
      </c>
      <c r="G11651" s="1" t="s">
        <v>44739</v>
      </c>
      <c r="H11651" s="1" t="s">
        <v>44740</v>
      </c>
      <c r="I11651" s="1" t="s">
        <v>43772</v>
      </c>
      <c r="J11651" s="1" t="s">
        <v>13</v>
      </c>
    </row>
    <row r="11652" spans="1:10" x14ac:dyDescent="0.35">
      <c r="A11652" s="1" t="s">
        <v>44736</v>
      </c>
      <c r="B11652" s="1" t="s">
        <v>43766</v>
      </c>
      <c r="C11652" s="1" t="s">
        <v>15</v>
      </c>
      <c r="D11652" s="1" t="s">
        <v>44299</v>
      </c>
      <c r="E11652" s="1" t="s">
        <v>44741</v>
      </c>
      <c r="F11652" s="1" t="s">
        <v>29895</v>
      </c>
      <c r="G11652" s="1" t="s">
        <v>44739</v>
      </c>
      <c r="H11652" s="1" t="s">
        <v>44740</v>
      </c>
      <c r="I11652" s="1" t="s">
        <v>43772</v>
      </c>
      <c r="J11652" s="1" t="s">
        <v>44742</v>
      </c>
    </row>
    <row r="11653" spans="1:10" x14ac:dyDescent="0.35">
      <c r="A11653" s="1" t="s">
        <v>44736</v>
      </c>
      <c r="B11653" s="1" t="s">
        <v>43766</v>
      </c>
      <c r="C11653" s="1" t="s">
        <v>20</v>
      </c>
      <c r="D11653" s="1" t="s">
        <v>25431</v>
      </c>
      <c r="E11653" s="1" t="s">
        <v>44743</v>
      </c>
      <c r="F11653" s="1" t="s">
        <v>44744</v>
      </c>
      <c r="G11653" s="1" t="s">
        <v>44739</v>
      </c>
      <c r="H11653" s="1" t="s">
        <v>44740</v>
      </c>
      <c r="I11653" s="1" t="s">
        <v>43772</v>
      </c>
      <c r="J11653" s="1" t="s">
        <v>44745</v>
      </c>
    </row>
    <row r="11654" spans="1:10" x14ac:dyDescent="0.35">
      <c r="A11654" s="1" t="s">
        <v>44736</v>
      </c>
      <c r="B11654" s="1" t="s">
        <v>43766</v>
      </c>
      <c r="C11654" s="1" t="s">
        <v>25</v>
      </c>
      <c r="D11654" s="1" t="s">
        <v>44746</v>
      </c>
      <c r="E11654" s="1" t="s">
        <v>44747</v>
      </c>
      <c r="F11654" s="1" t="s">
        <v>44748</v>
      </c>
      <c r="G11654" s="1" t="s">
        <v>44739</v>
      </c>
      <c r="H11654" s="1" t="s">
        <v>44740</v>
      </c>
      <c r="I11654" s="1" t="s">
        <v>43772</v>
      </c>
      <c r="J11654" s="1" t="s">
        <v>44749</v>
      </c>
    </row>
    <row r="11655" spans="1:10" x14ac:dyDescent="0.35">
      <c r="A11655" s="1" t="s">
        <v>44736</v>
      </c>
      <c r="B11655" s="1" t="s">
        <v>43766</v>
      </c>
      <c r="C11655" s="1" t="s">
        <v>30</v>
      </c>
      <c r="D11655" s="1" t="s">
        <v>27813</v>
      </c>
      <c r="E11655" s="1" t="s">
        <v>44750</v>
      </c>
      <c r="F11655" s="1" t="s">
        <v>44751</v>
      </c>
      <c r="G11655" s="1" t="s">
        <v>44739</v>
      </c>
      <c r="H11655" s="1" t="s">
        <v>44740</v>
      </c>
      <c r="I11655" s="1" t="s">
        <v>43772</v>
      </c>
      <c r="J11655" s="1" t="s">
        <v>44752</v>
      </c>
    </row>
    <row r="11656" spans="1:10" x14ac:dyDescent="0.35">
      <c r="A11656" s="1" t="s">
        <v>44736</v>
      </c>
      <c r="B11656" s="1" t="s">
        <v>43766</v>
      </c>
      <c r="C11656" s="1" t="s">
        <v>35</v>
      </c>
      <c r="D11656" s="1" t="s">
        <v>44746</v>
      </c>
      <c r="E11656" s="1" t="s">
        <v>44753</v>
      </c>
      <c r="F11656" s="1" t="s">
        <v>44754</v>
      </c>
      <c r="G11656" s="1" t="s">
        <v>44739</v>
      </c>
      <c r="H11656" s="1" t="s">
        <v>44740</v>
      </c>
      <c r="I11656" s="1" t="s">
        <v>43772</v>
      </c>
      <c r="J11656" s="1" t="s">
        <v>44755</v>
      </c>
    </row>
    <row r="11657" spans="1:10" x14ac:dyDescent="0.35">
      <c r="A11657" s="1" t="s">
        <v>44736</v>
      </c>
      <c r="B11657" s="1" t="s">
        <v>43766</v>
      </c>
      <c r="C11657" s="1" t="s">
        <v>40</v>
      </c>
      <c r="D11657" s="1" t="s">
        <v>27693</v>
      </c>
      <c r="E11657" s="1" t="s">
        <v>44756</v>
      </c>
      <c r="F11657" s="1" t="s">
        <v>44757</v>
      </c>
      <c r="G11657" s="1" t="s">
        <v>44739</v>
      </c>
      <c r="H11657" s="1" t="s">
        <v>44740</v>
      </c>
      <c r="I11657" s="1" t="s">
        <v>43772</v>
      </c>
      <c r="J11657" s="1" t="s">
        <v>44758</v>
      </c>
    </row>
    <row r="11658" spans="1:10" x14ac:dyDescent="0.35">
      <c r="A11658" s="1" t="s">
        <v>44736</v>
      </c>
      <c r="B11658" s="1" t="s">
        <v>43766</v>
      </c>
      <c r="C11658" s="1" t="s">
        <v>45</v>
      </c>
      <c r="D11658" s="1" t="s">
        <v>44759</v>
      </c>
      <c r="E11658" s="1" t="s">
        <v>44760</v>
      </c>
      <c r="F11658" s="1" t="s">
        <v>44761</v>
      </c>
      <c r="G11658" s="1" t="s">
        <v>44739</v>
      </c>
      <c r="H11658" s="1" t="s">
        <v>44740</v>
      </c>
      <c r="I11658" s="1" t="s">
        <v>43772</v>
      </c>
      <c r="J11658" s="1" t="s">
        <v>44762</v>
      </c>
    </row>
    <row r="11659" spans="1:10" x14ac:dyDescent="0.35">
      <c r="A11659" s="1" t="s">
        <v>44736</v>
      </c>
      <c r="B11659" s="1" t="s">
        <v>43766</v>
      </c>
      <c r="C11659" s="1" t="s">
        <v>50</v>
      </c>
      <c r="D11659" s="1" t="s">
        <v>27577</v>
      </c>
      <c r="E11659" s="1" t="s">
        <v>44763</v>
      </c>
      <c r="F11659" s="1" t="s">
        <v>44764</v>
      </c>
      <c r="G11659" s="1" t="s">
        <v>44739</v>
      </c>
      <c r="H11659" s="1" t="s">
        <v>44740</v>
      </c>
      <c r="I11659" s="1" t="s">
        <v>43772</v>
      </c>
      <c r="J11659" s="1" t="s">
        <v>44765</v>
      </c>
    </row>
    <row r="11660" spans="1:10" x14ac:dyDescent="0.35">
      <c r="A11660" s="1" t="s">
        <v>44736</v>
      </c>
      <c r="B11660" s="1" t="s">
        <v>43766</v>
      </c>
      <c r="C11660" s="1" t="s">
        <v>55</v>
      </c>
      <c r="D11660" s="1" t="s">
        <v>25506</v>
      </c>
      <c r="E11660" s="1" t="s">
        <v>44766</v>
      </c>
      <c r="F11660" s="1" t="s">
        <v>44767</v>
      </c>
      <c r="G11660" s="1" t="s">
        <v>44739</v>
      </c>
      <c r="H11660" s="1" t="s">
        <v>44740</v>
      </c>
      <c r="I11660" s="1" t="s">
        <v>43772</v>
      </c>
      <c r="J11660" s="1" t="s">
        <v>44768</v>
      </c>
    </row>
    <row r="11661" spans="1:10" x14ac:dyDescent="0.35">
      <c r="A11661" s="1" t="s">
        <v>44736</v>
      </c>
      <c r="B11661" s="1" t="s">
        <v>43766</v>
      </c>
      <c r="C11661" s="1" t="s">
        <v>60</v>
      </c>
      <c r="D11661" s="1" t="s">
        <v>44769</v>
      </c>
      <c r="E11661" s="1" t="s">
        <v>44770</v>
      </c>
      <c r="F11661" s="1" t="s">
        <v>44771</v>
      </c>
      <c r="G11661" s="1" t="s">
        <v>44739</v>
      </c>
      <c r="H11661" s="1" t="s">
        <v>44740</v>
      </c>
      <c r="I11661" s="1" t="s">
        <v>43772</v>
      </c>
      <c r="J11661" s="1" t="s">
        <v>44772</v>
      </c>
    </row>
    <row r="11662" spans="1:10" x14ac:dyDescent="0.35">
      <c r="A11662" s="1" t="s">
        <v>44736</v>
      </c>
      <c r="B11662" s="1" t="s">
        <v>43766</v>
      </c>
      <c r="C11662" s="1" t="s">
        <v>65</v>
      </c>
      <c r="D11662" s="1" t="s">
        <v>44773</v>
      </c>
      <c r="E11662" s="1" t="s">
        <v>44774</v>
      </c>
      <c r="F11662" s="1" t="s">
        <v>44775</v>
      </c>
      <c r="G11662" s="1" t="s">
        <v>44739</v>
      </c>
      <c r="H11662" s="1" t="s">
        <v>44740</v>
      </c>
      <c r="I11662" s="1" t="s">
        <v>43772</v>
      </c>
      <c r="J11662" s="1" t="s">
        <v>44776</v>
      </c>
    </row>
    <row r="11663" spans="1:10" x14ac:dyDescent="0.35">
      <c r="A11663" s="1" t="s">
        <v>44736</v>
      </c>
      <c r="B11663" s="1" t="s">
        <v>43766</v>
      </c>
      <c r="C11663" s="1" t="s">
        <v>70</v>
      </c>
      <c r="D11663" s="1" t="s">
        <v>44777</v>
      </c>
      <c r="E11663" s="1" t="s">
        <v>44778</v>
      </c>
      <c r="F11663" s="1" t="s">
        <v>44779</v>
      </c>
      <c r="G11663" s="1" t="s">
        <v>44739</v>
      </c>
      <c r="H11663" s="1" t="s">
        <v>44740</v>
      </c>
      <c r="I11663" s="1" t="s">
        <v>43772</v>
      </c>
      <c r="J11663" s="1" t="s">
        <v>44780</v>
      </c>
    </row>
    <row r="11664" spans="1:10" x14ac:dyDescent="0.35">
      <c r="A11664" s="1" t="s">
        <v>44736</v>
      </c>
      <c r="B11664" s="1" t="s">
        <v>43766</v>
      </c>
      <c r="C11664" s="1" t="s">
        <v>75</v>
      </c>
      <c r="D11664" s="1" t="s">
        <v>2627</v>
      </c>
      <c r="E11664" s="1" t="s">
        <v>44781</v>
      </c>
      <c r="F11664" s="1" t="s">
        <v>44782</v>
      </c>
      <c r="G11664" s="1" t="s">
        <v>44739</v>
      </c>
      <c r="H11664" s="1" t="s">
        <v>44740</v>
      </c>
      <c r="I11664" s="1" t="s">
        <v>43772</v>
      </c>
      <c r="J11664" s="1" t="s">
        <v>44783</v>
      </c>
    </row>
    <row r="11665" spans="1:10" x14ac:dyDescent="0.35">
      <c r="A11665" s="1" t="s">
        <v>44736</v>
      </c>
      <c r="B11665" s="1" t="s">
        <v>43766</v>
      </c>
      <c r="C11665" s="1" t="s">
        <v>80</v>
      </c>
      <c r="D11665" s="1" t="s">
        <v>44784</v>
      </c>
      <c r="E11665" s="1" t="s">
        <v>44785</v>
      </c>
      <c r="F11665" s="1" t="s">
        <v>44786</v>
      </c>
      <c r="G11665" s="1" t="s">
        <v>44739</v>
      </c>
      <c r="H11665" s="1" t="s">
        <v>44740</v>
      </c>
      <c r="I11665" s="1" t="s">
        <v>43772</v>
      </c>
      <c r="J11665" s="1" t="s">
        <v>44787</v>
      </c>
    </row>
    <row r="11666" spans="1:10" x14ac:dyDescent="0.35">
      <c r="A11666" s="1" t="s">
        <v>44736</v>
      </c>
      <c r="B11666" s="1" t="s">
        <v>43766</v>
      </c>
      <c r="C11666" s="1" t="s">
        <v>85</v>
      </c>
      <c r="D11666" s="1" t="s">
        <v>44788</v>
      </c>
      <c r="E11666" s="1" t="s">
        <v>44789</v>
      </c>
      <c r="F11666" s="1" t="s">
        <v>44790</v>
      </c>
      <c r="G11666" s="1" t="s">
        <v>44739</v>
      </c>
      <c r="H11666" s="1" t="s">
        <v>44740</v>
      </c>
      <c r="I11666" s="1" t="s">
        <v>43772</v>
      </c>
      <c r="J11666" s="1" t="s">
        <v>44791</v>
      </c>
    </row>
    <row r="11667" spans="1:10" x14ac:dyDescent="0.35">
      <c r="A11667" s="1" t="s">
        <v>44736</v>
      </c>
      <c r="B11667" s="1" t="s">
        <v>43766</v>
      </c>
      <c r="C11667" s="1" t="s">
        <v>90</v>
      </c>
      <c r="D11667" s="1" t="s">
        <v>2925</v>
      </c>
      <c r="E11667" s="1" t="s">
        <v>44792</v>
      </c>
      <c r="F11667" s="1" t="s">
        <v>44793</v>
      </c>
      <c r="G11667" s="1" t="s">
        <v>44739</v>
      </c>
      <c r="H11667" s="1" t="s">
        <v>44740</v>
      </c>
      <c r="I11667" s="1" t="s">
        <v>43772</v>
      </c>
      <c r="J11667" s="1" t="s">
        <v>44794</v>
      </c>
    </row>
    <row r="11668" spans="1:10" x14ac:dyDescent="0.35">
      <c r="A11668" s="1" t="s">
        <v>44736</v>
      </c>
      <c r="B11668" s="1" t="s">
        <v>43766</v>
      </c>
      <c r="C11668" s="1" t="s">
        <v>95</v>
      </c>
      <c r="D11668" s="1" t="s">
        <v>34597</v>
      </c>
      <c r="E11668" s="1" t="s">
        <v>44795</v>
      </c>
      <c r="F11668" s="1" t="s">
        <v>44796</v>
      </c>
      <c r="G11668" s="1" t="s">
        <v>44739</v>
      </c>
      <c r="H11668" s="1" t="s">
        <v>44740</v>
      </c>
      <c r="I11668" s="1" t="s">
        <v>43772</v>
      </c>
      <c r="J11668" s="1" t="s">
        <v>44797</v>
      </c>
    </row>
    <row r="11669" spans="1:10" x14ac:dyDescent="0.35">
      <c r="A11669" s="1" t="s">
        <v>44736</v>
      </c>
      <c r="B11669" s="1" t="s">
        <v>43766</v>
      </c>
      <c r="C11669" s="1" t="s">
        <v>100</v>
      </c>
      <c r="D11669" s="1" t="s">
        <v>44798</v>
      </c>
      <c r="E11669" s="1" t="s">
        <v>44799</v>
      </c>
      <c r="F11669" s="1" t="s">
        <v>44800</v>
      </c>
      <c r="G11669" s="1" t="s">
        <v>44739</v>
      </c>
      <c r="H11669" s="1" t="s">
        <v>44740</v>
      </c>
      <c r="I11669" s="1" t="s">
        <v>43772</v>
      </c>
      <c r="J11669" s="1" t="s">
        <v>44801</v>
      </c>
    </row>
    <row r="11670" spans="1:10" x14ac:dyDescent="0.35">
      <c r="A11670" s="1" t="s">
        <v>44736</v>
      </c>
      <c r="B11670" s="1" t="s">
        <v>43766</v>
      </c>
      <c r="C11670" s="1" t="s">
        <v>105</v>
      </c>
      <c r="D11670" s="1" t="s">
        <v>44802</v>
      </c>
      <c r="E11670" s="1" t="s">
        <v>44803</v>
      </c>
      <c r="F11670" s="1" t="s">
        <v>44804</v>
      </c>
      <c r="G11670" s="1" t="s">
        <v>44739</v>
      </c>
      <c r="H11670" s="1" t="s">
        <v>44740</v>
      </c>
      <c r="I11670" s="1" t="s">
        <v>43772</v>
      </c>
      <c r="J11670" s="1" t="s">
        <v>44805</v>
      </c>
    </row>
    <row r="11671" spans="1:10" x14ac:dyDescent="0.35">
      <c r="A11671" s="1" t="s">
        <v>44736</v>
      </c>
      <c r="B11671" s="1" t="s">
        <v>43766</v>
      </c>
      <c r="C11671" s="1" t="s">
        <v>110</v>
      </c>
      <c r="D11671" s="1" t="s">
        <v>35556</v>
      </c>
      <c r="E11671" s="1" t="s">
        <v>44806</v>
      </c>
      <c r="F11671" s="1" t="s">
        <v>44807</v>
      </c>
      <c r="G11671" s="1" t="s">
        <v>44739</v>
      </c>
      <c r="H11671" s="1" t="s">
        <v>44740</v>
      </c>
      <c r="I11671" s="1" t="s">
        <v>43772</v>
      </c>
      <c r="J11671" s="1" t="s">
        <v>44808</v>
      </c>
    </row>
    <row r="11672" spans="1:10" x14ac:dyDescent="0.35">
      <c r="A11672" s="1" t="s">
        <v>44736</v>
      </c>
      <c r="B11672" s="1" t="s">
        <v>43766</v>
      </c>
      <c r="C11672" s="1" t="s">
        <v>115</v>
      </c>
      <c r="D11672" s="1" t="s">
        <v>44809</v>
      </c>
      <c r="E11672" s="1" t="s">
        <v>44810</v>
      </c>
      <c r="F11672" s="1" t="s">
        <v>44811</v>
      </c>
      <c r="G11672" s="1" t="s">
        <v>44739</v>
      </c>
      <c r="H11672" s="1" t="s">
        <v>44740</v>
      </c>
      <c r="I11672" s="1" t="s">
        <v>43772</v>
      </c>
      <c r="J11672" s="1" t="s">
        <v>44812</v>
      </c>
    </row>
    <row r="11673" spans="1:10" x14ac:dyDescent="0.35">
      <c r="A11673" s="1" t="s">
        <v>44736</v>
      </c>
      <c r="B11673" s="1" t="s">
        <v>43766</v>
      </c>
      <c r="C11673" s="1" t="s">
        <v>120</v>
      </c>
      <c r="D11673" s="1" t="s">
        <v>30618</v>
      </c>
      <c r="E11673" s="1" t="s">
        <v>44813</v>
      </c>
      <c r="F11673" s="1" t="s">
        <v>44814</v>
      </c>
      <c r="G11673" s="1" t="s">
        <v>44739</v>
      </c>
      <c r="H11673" s="1" t="s">
        <v>44740</v>
      </c>
      <c r="I11673" s="1" t="s">
        <v>43772</v>
      </c>
      <c r="J11673" s="1" t="s">
        <v>44815</v>
      </c>
    </row>
    <row r="11674" spans="1:10" x14ac:dyDescent="0.35">
      <c r="A11674" s="1" t="s">
        <v>44736</v>
      </c>
      <c r="B11674" s="1" t="s">
        <v>43766</v>
      </c>
      <c r="C11674" s="1" t="s">
        <v>125</v>
      </c>
      <c r="D11674" s="1" t="s">
        <v>44816</v>
      </c>
      <c r="E11674" s="1" t="s">
        <v>44817</v>
      </c>
      <c r="F11674" s="1" t="s">
        <v>44818</v>
      </c>
      <c r="G11674" s="1" t="s">
        <v>44739</v>
      </c>
      <c r="H11674" s="1" t="s">
        <v>44740</v>
      </c>
      <c r="I11674" s="1" t="s">
        <v>43772</v>
      </c>
      <c r="J11674" s="1" t="s">
        <v>44819</v>
      </c>
    </row>
    <row r="11675" spans="1:10" x14ac:dyDescent="0.35">
      <c r="A11675" s="1" t="s">
        <v>44736</v>
      </c>
      <c r="B11675" s="1" t="s">
        <v>43766</v>
      </c>
      <c r="C11675" s="1" t="s">
        <v>130</v>
      </c>
      <c r="D11675" s="1" t="s">
        <v>44820</v>
      </c>
      <c r="E11675" s="1" t="s">
        <v>44821</v>
      </c>
      <c r="F11675" s="1" t="s">
        <v>44822</v>
      </c>
      <c r="G11675" s="1" t="s">
        <v>44739</v>
      </c>
      <c r="H11675" s="1" t="s">
        <v>44740</v>
      </c>
      <c r="I11675" s="1" t="s">
        <v>43772</v>
      </c>
      <c r="J11675" s="1" t="s">
        <v>44823</v>
      </c>
    </row>
    <row r="11676" spans="1:10" x14ac:dyDescent="0.35">
      <c r="A11676" s="1" t="s">
        <v>44736</v>
      </c>
      <c r="B11676" s="1" t="s">
        <v>43766</v>
      </c>
      <c r="C11676" s="1" t="s">
        <v>135</v>
      </c>
      <c r="D11676" s="1" t="s">
        <v>18853</v>
      </c>
      <c r="E11676" s="1" t="s">
        <v>44824</v>
      </c>
      <c r="F11676" s="1" t="s">
        <v>44825</v>
      </c>
      <c r="G11676" s="1" t="s">
        <v>44739</v>
      </c>
      <c r="H11676" s="1" t="s">
        <v>44740</v>
      </c>
      <c r="I11676" s="1" t="s">
        <v>43772</v>
      </c>
      <c r="J11676" s="1" t="s">
        <v>44826</v>
      </c>
    </row>
    <row r="11677" spans="1:10" x14ac:dyDescent="0.35">
      <c r="A11677" s="1" t="s">
        <v>44736</v>
      </c>
      <c r="B11677" s="1" t="s">
        <v>43766</v>
      </c>
      <c r="C11677" s="1" t="s">
        <v>140</v>
      </c>
      <c r="D11677" s="1" t="s">
        <v>44827</v>
      </c>
      <c r="E11677" s="1" t="s">
        <v>44828</v>
      </c>
      <c r="F11677" s="1" t="s">
        <v>44829</v>
      </c>
      <c r="G11677" s="1" t="s">
        <v>44739</v>
      </c>
      <c r="H11677" s="1" t="s">
        <v>44740</v>
      </c>
      <c r="I11677" s="1" t="s">
        <v>43772</v>
      </c>
      <c r="J11677" s="1" t="s">
        <v>44830</v>
      </c>
    </row>
    <row r="11678" spans="1:10" x14ac:dyDescent="0.35">
      <c r="A11678" s="1" t="s">
        <v>44736</v>
      </c>
      <c r="B11678" s="1" t="s">
        <v>43766</v>
      </c>
      <c r="C11678" s="1" t="s">
        <v>145</v>
      </c>
      <c r="D11678" s="1" t="s">
        <v>44831</v>
      </c>
      <c r="E11678" s="1" t="s">
        <v>44832</v>
      </c>
      <c r="F11678" s="1" t="s">
        <v>44833</v>
      </c>
      <c r="G11678" s="1" t="s">
        <v>44739</v>
      </c>
      <c r="H11678" s="1" t="s">
        <v>44740</v>
      </c>
      <c r="I11678" s="1" t="s">
        <v>43772</v>
      </c>
      <c r="J11678" s="1" t="s">
        <v>44834</v>
      </c>
    </row>
    <row r="11679" spans="1:10" x14ac:dyDescent="0.35">
      <c r="A11679" s="1" t="s">
        <v>44736</v>
      </c>
      <c r="B11679" s="1" t="s">
        <v>43766</v>
      </c>
      <c r="C11679" s="1" t="s">
        <v>150</v>
      </c>
      <c r="D11679" s="1" t="s">
        <v>44835</v>
      </c>
      <c r="E11679" s="1" t="s">
        <v>44836</v>
      </c>
      <c r="F11679" s="1" t="s">
        <v>44837</v>
      </c>
      <c r="G11679" s="1" t="s">
        <v>44739</v>
      </c>
      <c r="H11679" s="1" t="s">
        <v>44740</v>
      </c>
      <c r="I11679" s="1" t="s">
        <v>43772</v>
      </c>
      <c r="J11679" s="1" t="s">
        <v>44838</v>
      </c>
    </row>
    <row r="11680" spans="1:10" x14ac:dyDescent="0.35">
      <c r="A11680" s="1" t="s">
        <v>44736</v>
      </c>
      <c r="B11680" s="1" t="s">
        <v>43766</v>
      </c>
      <c r="C11680" s="1" t="s">
        <v>155</v>
      </c>
      <c r="D11680" s="1" t="s">
        <v>31292</v>
      </c>
      <c r="E11680" s="1" t="s">
        <v>44839</v>
      </c>
      <c r="F11680" s="1" t="s">
        <v>44840</v>
      </c>
      <c r="G11680" s="1" t="s">
        <v>44739</v>
      </c>
      <c r="H11680" s="1" t="s">
        <v>44740</v>
      </c>
      <c r="I11680" s="1" t="s">
        <v>43772</v>
      </c>
      <c r="J11680" s="1" t="s">
        <v>44841</v>
      </c>
    </row>
    <row r="11681" spans="1:10" x14ac:dyDescent="0.35">
      <c r="A11681" s="1" t="s">
        <v>44736</v>
      </c>
      <c r="B11681" s="1" t="s">
        <v>43766</v>
      </c>
      <c r="C11681" s="1" t="s">
        <v>160</v>
      </c>
      <c r="D11681" s="1" t="s">
        <v>30952</v>
      </c>
      <c r="E11681" s="1" t="s">
        <v>44842</v>
      </c>
      <c r="F11681" s="1" t="s">
        <v>44843</v>
      </c>
      <c r="G11681" s="1" t="s">
        <v>44739</v>
      </c>
      <c r="H11681" s="1" t="s">
        <v>44740</v>
      </c>
      <c r="I11681" s="1" t="s">
        <v>43772</v>
      </c>
      <c r="J11681" s="1" t="s">
        <v>44844</v>
      </c>
    </row>
    <row r="11682" spans="1:10" x14ac:dyDescent="0.35">
      <c r="A11682" s="1" t="s">
        <v>44736</v>
      </c>
      <c r="B11682" s="1" t="s">
        <v>43766</v>
      </c>
      <c r="C11682" s="1" t="s">
        <v>165</v>
      </c>
      <c r="D11682" s="1" t="s">
        <v>904</v>
      </c>
      <c r="E11682" s="1" t="s">
        <v>44845</v>
      </c>
      <c r="F11682" s="1" t="s">
        <v>44846</v>
      </c>
      <c r="G11682" s="1" t="s">
        <v>44739</v>
      </c>
      <c r="H11682" s="1" t="s">
        <v>44740</v>
      </c>
      <c r="I11682" s="1" t="s">
        <v>43772</v>
      </c>
      <c r="J11682" s="1" t="s">
        <v>44847</v>
      </c>
    </row>
    <row r="11683" spans="1:10" x14ac:dyDescent="0.35">
      <c r="A11683" s="1" t="s">
        <v>44736</v>
      </c>
      <c r="B11683" s="1" t="s">
        <v>43766</v>
      </c>
      <c r="C11683" s="1" t="s">
        <v>170</v>
      </c>
      <c r="D11683" s="1" t="s">
        <v>36524</v>
      </c>
      <c r="E11683" s="1" t="s">
        <v>44848</v>
      </c>
      <c r="F11683" s="1" t="s">
        <v>44849</v>
      </c>
      <c r="G11683" s="1" t="s">
        <v>44739</v>
      </c>
      <c r="H11683" s="1" t="s">
        <v>44740</v>
      </c>
      <c r="I11683" s="1" t="s">
        <v>43772</v>
      </c>
      <c r="J11683" s="1" t="s">
        <v>44850</v>
      </c>
    </row>
    <row r="11684" spans="1:10" x14ac:dyDescent="0.35">
      <c r="A11684" s="1" t="s">
        <v>44851</v>
      </c>
      <c r="B11684" s="1" t="s">
        <v>43766</v>
      </c>
      <c r="C11684" s="1" t="s">
        <v>8</v>
      </c>
      <c r="D11684" s="1" t="s">
        <v>8479</v>
      </c>
      <c r="E11684" s="1" t="s">
        <v>44852</v>
      </c>
      <c r="F11684" s="1" t="s">
        <v>44853</v>
      </c>
      <c r="G11684" s="1" t="s">
        <v>44854</v>
      </c>
      <c r="H11684" s="1" t="s">
        <v>44855</v>
      </c>
      <c r="I11684" s="1" t="s">
        <v>43772</v>
      </c>
      <c r="J11684" s="1" t="s">
        <v>13</v>
      </c>
    </row>
    <row r="11685" spans="1:10" x14ac:dyDescent="0.35">
      <c r="A11685" s="1" t="s">
        <v>44851</v>
      </c>
      <c r="B11685" s="1" t="s">
        <v>43766</v>
      </c>
      <c r="C11685" s="1" t="s">
        <v>15</v>
      </c>
      <c r="D11685" s="1" t="s">
        <v>44856</v>
      </c>
      <c r="E11685" s="1" t="s">
        <v>44857</v>
      </c>
      <c r="F11685" s="1" t="s">
        <v>44858</v>
      </c>
      <c r="G11685" s="1" t="s">
        <v>44854</v>
      </c>
      <c r="H11685" s="1" t="s">
        <v>44855</v>
      </c>
      <c r="I11685" s="1" t="s">
        <v>43772</v>
      </c>
      <c r="J11685" s="1" t="s">
        <v>44859</v>
      </c>
    </row>
    <row r="11686" spans="1:10" x14ac:dyDescent="0.35">
      <c r="A11686" s="1" t="s">
        <v>44851</v>
      </c>
      <c r="B11686" s="1" t="s">
        <v>43766</v>
      </c>
      <c r="C11686" s="1" t="s">
        <v>20</v>
      </c>
      <c r="D11686" s="1" t="s">
        <v>4305</v>
      </c>
      <c r="E11686" s="1" t="s">
        <v>44860</v>
      </c>
      <c r="F11686" s="1" t="s">
        <v>44861</v>
      </c>
      <c r="G11686" s="1" t="s">
        <v>44854</v>
      </c>
      <c r="H11686" s="1" t="s">
        <v>44855</v>
      </c>
      <c r="I11686" s="1" t="s">
        <v>43772</v>
      </c>
      <c r="J11686" s="1" t="s">
        <v>44862</v>
      </c>
    </row>
    <row r="11687" spans="1:10" x14ac:dyDescent="0.35">
      <c r="A11687" s="1" t="s">
        <v>44851</v>
      </c>
      <c r="B11687" s="1" t="s">
        <v>43766</v>
      </c>
      <c r="C11687" s="1" t="s">
        <v>25</v>
      </c>
      <c r="D11687" s="1" t="s">
        <v>44863</v>
      </c>
      <c r="E11687" s="1" t="s">
        <v>44864</v>
      </c>
      <c r="F11687" s="1" t="s">
        <v>44865</v>
      </c>
      <c r="G11687" s="1" t="s">
        <v>44854</v>
      </c>
      <c r="H11687" s="1" t="s">
        <v>44855</v>
      </c>
      <c r="I11687" s="1" t="s">
        <v>43772</v>
      </c>
      <c r="J11687" s="1" t="s">
        <v>44866</v>
      </c>
    </row>
    <row r="11688" spans="1:10" x14ac:dyDescent="0.35">
      <c r="A11688" s="1" t="s">
        <v>44851</v>
      </c>
      <c r="B11688" s="1" t="s">
        <v>43766</v>
      </c>
      <c r="C11688" s="1" t="s">
        <v>30</v>
      </c>
      <c r="D11688" s="1" t="s">
        <v>44867</v>
      </c>
      <c r="E11688" s="1" t="s">
        <v>44868</v>
      </c>
      <c r="F11688" s="1" t="s">
        <v>44869</v>
      </c>
      <c r="G11688" s="1" t="s">
        <v>44854</v>
      </c>
      <c r="H11688" s="1" t="s">
        <v>44855</v>
      </c>
      <c r="I11688" s="1" t="s">
        <v>43772</v>
      </c>
      <c r="J11688" s="1" t="s">
        <v>44870</v>
      </c>
    </row>
    <row r="11689" spans="1:10" x14ac:dyDescent="0.35">
      <c r="A11689" s="1" t="s">
        <v>44851</v>
      </c>
      <c r="B11689" s="1" t="s">
        <v>43766</v>
      </c>
      <c r="C11689" s="1" t="s">
        <v>35</v>
      </c>
      <c r="D11689" s="1" t="s">
        <v>44871</v>
      </c>
      <c r="E11689" s="1" t="s">
        <v>44872</v>
      </c>
      <c r="F11689" s="1" t="s">
        <v>44873</v>
      </c>
      <c r="G11689" s="1" t="s">
        <v>44854</v>
      </c>
      <c r="H11689" s="1" t="s">
        <v>44855</v>
      </c>
      <c r="I11689" s="1" t="s">
        <v>43772</v>
      </c>
      <c r="J11689" s="1" t="s">
        <v>44874</v>
      </c>
    </row>
    <row r="11690" spans="1:10" x14ac:dyDescent="0.35">
      <c r="A11690" s="1" t="s">
        <v>44851</v>
      </c>
      <c r="B11690" s="1" t="s">
        <v>43766</v>
      </c>
      <c r="C11690" s="1" t="s">
        <v>40</v>
      </c>
      <c r="D11690" s="1" t="s">
        <v>24974</v>
      </c>
      <c r="E11690" s="1" t="s">
        <v>44875</v>
      </c>
      <c r="F11690" s="1" t="s">
        <v>44876</v>
      </c>
      <c r="G11690" s="1" t="s">
        <v>44854</v>
      </c>
      <c r="H11690" s="1" t="s">
        <v>44855</v>
      </c>
      <c r="I11690" s="1" t="s">
        <v>43772</v>
      </c>
      <c r="J11690" s="1" t="s">
        <v>44877</v>
      </c>
    </row>
    <row r="11691" spans="1:10" x14ac:dyDescent="0.35">
      <c r="A11691" s="1" t="s">
        <v>44851</v>
      </c>
      <c r="B11691" s="1" t="s">
        <v>43766</v>
      </c>
      <c r="C11691" s="1" t="s">
        <v>45</v>
      </c>
      <c r="D11691" s="1" t="s">
        <v>44878</v>
      </c>
      <c r="E11691" s="1" t="s">
        <v>44879</v>
      </c>
      <c r="F11691" s="1" t="s">
        <v>44880</v>
      </c>
      <c r="G11691" s="1" t="s">
        <v>44854</v>
      </c>
      <c r="H11691" s="1" t="s">
        <v>44855</v>
      </c>
      <c r="I11691" s="1" t="s">
        <v>43772</v>
      </c>
      <c r="J11691" s="1" t="s">
        <v>44881</v>
      </c>
    </row>
    <row r="11692" spans="1:10" x14ac:dyDescent="0.35">
      <c r="A11692" s="1" t="s">
        <v>44851</v>
      </c>
      <c r="B11692" s="1" t="s">
        <v>43766</v>
      </c>
      <c r="C11692" s="1" t="s">
        <v>50</v>
      </c>
      <c r="D11692" s="1" t="s">
        <v>2027</v>
      </c>
      <c r="E11692" s="1" t="s">
        <v>44882</v>
      </c>
      <c r="F11692" s="1" t="s">
        <v>44883</v>
      </c>
      <c r="G11692" s="1" t="s">
        <v>44854</v>
      </c>
      <c r="H11692" s="1" t="s">
        <v>44855</v>
      </c>
      <c r="I11692" s="1" t="s">
        <v>43772</v>
      </c>
      <c r="J11692" s="1" t="s">
        <v>44884</v>
      </c>
    </row>
    <row r="11693" spans="1:10" x14ac:dyDescent="0.35">
      <c r="A11693" s="1" t="s">
        <v>44851</v>
      </c>
      <c r="B11693" s="1" t="s">
        <v>43766</v>
      </c>
      <c r="C11693" s="1" t="s">
        <v>55</v>
      </c>
      <c r="D11693" s="1" t="s">
        <v>24989</v>
      </c>
      <c r="E11693" s="1" t="s">
        <v>44885</v>
      </c>
      <c r="F11693" s="1" t="s">
        <v>44886</v>
      </c>
      <c r="G11693" s="1" t="s">
        <v>44854</v>
      </c>
      <c r="H11693" s="1" t="s">
        <v>44855</v>
      </c>
      <c r="I11693" s="1" t="s">
        <v>43772</v>
      </c>
      <c r="J11693" s="1" t="s">
        <v>44887</v>
      </c>
    </row>
    <row r="11694" spans="1:10" x14ac:dyDescent="0.35">
      <c r="A11694" s="1" t="s">
        <v>44851</v>
      </c>
      <c r="B11694" s="1" t="s">
        <v>43766</v>
      </c>
      <c r="C11694" s="1" t="s">
        <v>60</v>
      </c>
      <c r="D11694" s="1" t="s">
        <v>44888</v>
      </c>
      <c r="E11694" s="1" t="s">
        <v>44889</v>
      </c>
      <c r="F11694" s="1" t="s">
        <v>44890</v>
      </c>
      <c r="G11694" s="1" t="s">
        <v>44854</v>
      </c>
      <c r="H11694" s="1" t="s">
        <v>44855</v>
      </c>
      <c r="I11694" s="1" t="s">
        <v>43772</v>
      </c>
      <c r="J11694" s="1" t="s">
        <v>44891</v>
      </c>
    </row>
    <row r="11695" spans="1:10" x14ac:dyDescent="0.35">
      <c r="A11695" s="1" t="s">
        <v>44851</v>
      </c>
      <c r="B11695" s="1" t="s">
        <v>43766</v>
      </c>
      <c r="C11695" s="1" t="s">
        <v>65</v>
      </c>
      <c r="D11695" s="1" t="s">
        <v>36662</v>
      </c>
      <c r="E11695" s="1" t="s">
        <v>44892</v>
      </c>
      <c r="F11695" s="1" t="s">
        <v>44893</v>
      </c>
      <c r="G11695" s="1" t="s">
        <v>44854</v>
      </c>
      <c r="H11695" s="1" t="s">
        <v>44855</v>
      </c>
      <c r="I11695" s="1" t="s">
        <v>43772</v>
      </c>
      <c r="J11695" s="1" t="s">
        <v>44894</v>
      </c>
    </row>
    <row r="11696" spans="1:10" x14ac:dyDescent="0.35">
      <c r="A11696" s="1" t="s">
        <v>44851</v>
      </c>
      <c r="B11696" s="1" t="s">
        <v>43766</v>
      </c>
      <c r="C11696" s="1" t="s">
        <v>70</v>
      </c>
      <c r="D11696" s="1" t="s">
        <v>44895</v>
      </c>
      <c r="E11696" s="1" t="s">
        <v>44896</v>
      </c>
      <c r="F11696" s="1" t="s">
        <v>44897</v>
      </c>
      <c r="G11696" s="1" t="s">
        <v>44854</v>
      </c>
      <c r="H11696" s="1" t="s">
        <v>44855</v>
      </c>
      <c r="I11696" s="1" t="s">
        <v>43772</v>
      </c>
      <c r="J11696" s="1" t="s">
        <v>44898</v>
      </c>
    </row>
    <row r="11697" spans="1:10" x14ac:dyDescent="0.35">
      <c r="A11697" s="1" t="s">
        <v>44851</v>
      </c>
      <c r="B11697" s="1" t="s">
        <v>43766</v>
      </c>
      <c r="C11697" s="1" t="s">
        <v>75</v>
      </c>
      <c r="D11697" s="1" t="s">
        <v>6543</v>
      </c>
      <c r="E11697" s="1" t="s">
        <v>44899</v>
      </c>
      <c r="F11697" s="1" t="s">
        <v>44900</v>
      </c>
      <c r="G11697" s="1" t="s">
        <v>44854</v>
      </c>
      <c r="H11697" s="1" t="s">
        <v>44855</v>
      </c>
      <c r="I11697" s="1" t="s">
        <v>43772</v>
      </c>
      <c r="J11697" s="1" t="s">
        <v>44901</v>
      </c>
    </row>
    <row r="11698" spans="1:10" x14ac:dyDescent="0.35">
      <c r="A11698" s="1" t="s">
        <v>44851</v>
      </c>
      <c r="B11698" s="1" t="s">
        <v>43766</v>
      </c>
      <c r="C11698" s="1" t="s">
        <v>80</v>
      </c>
      <c r="D11698" s="1" t="s">
        <v>44902</v>
      </c>
      <c r="E11698" s="1" t="s">
        <v>44903</v>
      </c>
      <c r="F11698" s="1" t="s">
        <v>44904</v>
      </c>
      <c r="G11698" s="1" t="s">
        <v>44854</v>
      </c>
      <c r="H11698" s="1" t="s">
        <v>44855</v>
      </c>
      <c r="I11698" s="1" t="s">
        <v>43772</v>
      </c>
      <c r="J11698" s="1" t="s">
        <v>44905</v>
      </c>
    </row>
    <row r="11699" spans="1:10" x14ac:dyDescent="0.35">
      <c r="A11699" s="1" t="s">
        <v>44851</v>
      </c>
      <c r="B11699" s="1" t="s">
        <v>43766</v>
      </c>
      <c r="C11699" s="1" t="s">
        <v>85</v>
      </c>
      <c r="D11699" s="1" t="s">
        <v>44906</v>
      </c>
      <c r="E11699" s="1" t="s">
        <v>44907</v>
      </c>
      <c r="F11699" s="1" t="s">
        <v>44908</v>
      </c>
      <c r="G11699" s="1" t="s">
        <v>44854</v>
      </c>
      <c r="H11699" s="1" t="s">
        <v>44855</v>
      </c>
      <c r="I11699" s="1" t="s">
        <v>43772</v>
      </c>
      <c r="J11699" s="1" t="s">
        <v>44909</v>
      </c>
    </row>
    <row r="11700" spans="1:10" x14ac:dyDescent="0.35">
      <c r="A11700" s="1" t="s">
        <v>44851</v>
      </c>
      <c r="B11700" s="1" t="s">
        <v>43766</v>
      </c>
      <c r="C11700" s="1" t="s">
        <v>90</v>
      </c>
      <c r="D11700" s="1" t="s">
        <v>44910</v>
      </c>
      <c r="E11700" s="1" t="s">
        <v>44911</v>
      </c>
      <c r="F11700" s="1" t="s">
        <v>44912</v>
      </c>
      <c r="G11700" s="1" t="s">
        <v>44854</v>
      </c>
      <c r="H11700" s="1" t="s">
        <v>44855</v>
      </c>
      <c r="I11700" s="1" t="s">
        <v>43772</v>
      </c>
      <c r="J11700" s="1" t="s">
        <v>44913</v>
      </c>
    </row>
    <row r="11701" spans="1:10" x14ac:dyDescent="0.35">
      <c r="A11701" s="1" t="s">
        <v>44851</v>
      </c>
      <c r="B11701" s="1" t="s">
        <v>43766</v>
      </c>
      <c r="C11701" s="1" t="s">
        <v>95</v>
      </c>
      <c r="D11701" s="1" t="s">
        <v>44914</v>
      </c>
      <c r="E11701" s="1" t="s">
        <v>44915</v>
      </c>
      <c r="F11701" s="1" t="s">
        <v>44916</v>
      </c>
      <c r="G11701" s="1" t="s">
        <v>44854</v>
      </c>
      <c r="H11701" s="1" t="s">
        <v>44855</v>
      </c>
      <c r="I11701" s="1" t="s">
        <v>43772</v>
      </c>
      <c r="J11701" s="1" t="s">
        <v>44917</v>
      </c>
    </row>
    <row r="11702" spans="1:10" x14ac:dyDescent="0.35">
      <c r="A11702" s="1" t="s">
        <v>44851</v>
      </c>
      <c r="B11702" s="1" t="s">
        <v>43766</v>
      </c>
      <c r="C11702" s="1" t="s">
        <v>100</v>
      </c>
      <c r="D11702" s="1" t="s">
        <v>25020</v>
      </c>
      <c r="E11702" s="1" t="s">
        <v>44918</v>
      </c>
      <c r="F11702" s="1" t="s">
        <v>44919</v>
      </c>
      <c r="G11702" s="1" t="s">
        <v>44854</v>
      </c>
      <c r="H11702" s="1" t="s">
        <v>44855</v>
      </c>
      <c r="I11702" s="1" t="s">
        <v>43772</v>
      </c>
      <c r="J11702" s="1" t="s">
        <v>44920</v>
      </c>
    </row>
    <row r="11703" spans="1:10" x14ac:dyDescent="0.35">
      <c r="A11703" s="1" t="s">
        <v>44851</v>
      </c>
      <c r="B11703" s="1" t="s">
        <v>43766</v>
      </c>
      <c r="C11703" s="1" t="s">
        <v>105</v>
      </c>
      <c r="D11703" s="1" t="s">
        <v>44921</v>
      </c>
      <c r="E11703" s="1" t="s">
        <v>44922</v>
      </c>
      <c r="F11703" s="1" t="s">
        <v>44923</v>
      </c>
      <c r="G11703" s="1" t="s">
        <v>44854</v>
      </c>
      <c r="H11703" s="1" t="s">
        <v>44855</v>
      </c>
      <c r="I11703" s="1" t="s">
        <v>43772</v>
      </c>
      <c r="J11703" s="1" t="s">
        <v>44924</v>
      </c>
    </row>
    <row r="11704" spans="1:10" x14ac:dyDescent="0.35">
      <c r="A11704" s="1" t="s">
        <v>44851</v>
      </c>
      <c r="B11704" s="1" t="s">
        <v>43766</v>
      </c>
      <c r="C11704" s="1" t="s">
        <v>110</v>
      </c>
      <c r="D11704" s="1" t="s">
        <v>44925</v>
      </c>
      <c r="E11704" s="1" t="s">
        <v>44926</v>
      </c>
      <c r="F11704" s="1" t="s">
        <v>44927</v>
      </c>
      <c r="G11704" s="1" t="s">
        <v>44854</v>
      </c>
      <c r="H11704" s="1" t="s">
        <v>44855</v>
      </c>
      <c r="I11704" s="1" t="s">
        <v>43772</v>
      </c>
      <c r="J11704" s="1" t="s">
        <v>44928</v>
      </c>
    </row>
    <row r="11705" spans="1:10" x14ac:dyDescent="0.35">
      <c r="A11705" s="1" t="s">
        <v>44851</v>
      </c>
      <c r="B11705" s="1" t="s">
        <v>43766</v>
      </c>
      <c r="C11705" s="1" t="s">
        <v>115</v>
      </c>
      <c r="D11705" s="1" t="s">
        <v>44929</v>
      </c>
      <c r="E11705" s="1" t="s">
        <v>44930</v>
      </c>
      <c r="F11705" s="1" t="s">
        <v>44931</v>
      </c>
      <c r="G11705" s="1" t="s">
        <v>44854</v>
      </c>
      <c r="H11705" s="1" t="s">
        <v>44855</v>
      </c>
      <c r="I11705" s="1" t="s">
        <v>43772</v>
      </c>
      <c r="J11705" s="1" t="s">
        <v>44932</v>
      </c>
    </row>
    <row r="11706" spans="1:10" x14ac:dyDescent="0.35">
      <c r="A11706" s="1" t="s">
        <v>44851</v>
      </c>
      <c r="B11706" s="1" t="s">
        <v>43766</v>
      </c>
      <c r="C11706" s="1" t="s">
        <v>120</v>
      </c>
      <c r="D11706" s="1" t="s">
        <v>35446</v>
      </c>
      <c r="E11706" s="1" t="s">
        <v>44933</v>
      </c>
      <c r="F11706" s="1" t="s">
        <v>44934</v>
      </c>
      <c r="G11706" s="1" t="s">
        <v>44854</v>
      </c>
      <c r="H11706" s="1" t="s">
        <v>44855</v>
      </c>
      <c r="I11706" s="1" t="s">
        <v>43772</v>
      </c>
      <c r="J11706" s="1" t="s">
        <v>44935</v>
      </c>
    </row>
    <row r="11707" spans="1:10" x14ac:dyDescent="0.35">
      <c r="A11707" s="1" t="s">
        <v>44851</v>
      </c>
      <c r="B11707" s="1" t="s">
        <v>43766</v>
      </c>
      <c r="C11707" s="1" t="s">
        <v>125</v>
      </c>
      <c r="D11707" s="1" t="s">
        <v>37510</v>
      </c>
      <c r="E11707" s="1" t="s">
        <v>44936</v>
      </c>
      <c r="F11707" s="1" t="s">
        <v>44937</v>
      </c>
      <c r="G11707" s="1" t="s">
        <v>44854</v>
      </c>
      <c r="H11707" s="1" t="s">
        <v>44855</v>
      </c>
      <c r="I11707" s="1" t="s">
        <v>43772</v>
      </c>
      <c r="J11707" s="1" t="s">
        <v>44938</v>
      </c>
    </row>
    <row r="11708" spans="1:10" x14ac:dyDescent="0.35">
      <c r="A11708" s="1" t="s">
        <v>44851</v>
      </c>
      <c r="B11708" s="1" t="s">
        <v>43766</v>
      </c>
      <c r="C11708" s="1" t="s">
        <v>130</v>
      </c>
      <c r="D11708" s="1" t="s">
        <v>44939</v>
      </c>
      <c r="E11708" s="1" t="s">
        <v>44940</v>
      </c>
      <c r="F11708" s="1" t="s">
        <v>44941</v>
      </c>
      <c r="G11708" s="1" t="s">
        <v>44854</v>
      </c>
      <c r="H11708" s="1" t="s">
        <v>44855</v>
      </c>
      <c r="I11708" s="1" t="s">
        <v>43772</v>
      </c>
      <c r="J11708" s="1" t="s">
        <v>44942</v>
      </c>
    </row>
    <row r="11709" spans="1:10" x14ac:dyDescent="0.35">
      <c r="A11709" s="1" t="s">
        <v>44851</v>
      </c>
      <c r="B11709" s="1" t="s">
        <v>43766</v>
      </c>
      <c r="C11709" s="1" t="s">
        <v>135</v>
      </c>
      <c r="D11709" s="1" t="s">
        <v>44943</v>
      </c>
      <c r="E11709" s="1" t="s">
        <v>44944</v>
      </c>
      <c r="F11709" s="1" t="s">
        <v>44945</v>
      </c>
      <c r="G11709" s="1" t="s">
        <v>44854</v>
      </c>
      <c r="H11709" s="1" t="s">
        <v>44855</v>
      </c>
      <c r="I11709" s="1" t="s">
        <v>43772</v>
      </c>
      <c r="J11709" s="1" t="s">
        <v>44946</v>
      </c>
    </row>
    <row r="11710" spans="1:10" x14ac:dyDescent="0.35">
      <c r="A11710" s="1" t="s">
        <v>44851</v>
      </c>
      <c r="B11710" s="1" t="s">
        <v>43766</v>
      </c>
      <c r="C11710" s="1" t="s">
        <v>140</v>
      </c>
      <c r="D11710" s="1" t="s">
        <v>44947</v>
      </c>
      <c r="E11710" s="1" t="s">
        <v>44948</v>
      </c>
      <c r="F11710" s="1" t="s">
        <v>44949</v>
      </c>
      <c r="G11710" s="1" t="s">
        <v>44854</v>
      </c>
      <c r="H11710" s="1" t="s">
        <v>44855</v>
      </c>
      <c r="I11710" s="1" t="s">
        <v>43772</v>
      </c>
      <c r="J11710" s="1" t="s">
        <v>44950</v>
      </c>
    </row>
    <row r="11711" spans="1:10" x14ac:dyDescent="0.35">
      <c r="A11711" s="1" t="s">
        <v>44851</v>
      </c>
      <c r="B11711" s="1" t="s">
        <v>43766</v>
      </c>
      <c r="C11711" s="1" t="s">
        <v>145</v>
      </c>
      <c r="D11711" s="1" t="s">
        <v>44951</v>
      </c>
      <c r="E11711" s="1" t="s">
        <v>44952</v>
      </c>
      <c r="F11711" s="1" t="s">
        <v>44953</v>
      </c>
      <c r="G11711" s="1" t="s">
        <v>44854</v>
      </c>
      <c r="H11711" s="1" t="s">
        <v>44855</v>
      </c>
      <c r="I11711" s="1" t="s">
        <v>43772</v>
      </c>
      <c r="J11711" s="1" t="s">
        <v>44954</v>
      </c>
    </row>
    <row r="11712" spans="1:10" x14ac:dyDescent="0.35">
      <c r="A11712" s="1" t="s">
        <v>44851</v>
      </c>
      <c r="B11712" s="1" t="s">
        <v>43766</v>
      </c>
      <c r="C11712" s="1" t="s">
        <v>150</v>
      </c>
      <c r="D11712" s="1" t="s">
        <v>44955</v>
      </c>
      <c r="E11712" s="1" t="s">
        <v>44956</v>
      </c>
      <c r="F11712" s="1" t="s">
        <v>44957</v>
      </c>
      <c r="G11712" s="1" t="s">
        <v>44854</v>
      </c>
      <c r="H11712" s="1" t="s">
        <v>44855</v>
      </c>
      <c r="I11712" s="1" t="s">
        <v>43772</v>
      </c>
      <c r="J11712" s="1" t="s">
        <v>44958</v>
      </c>
    </row>
    <row r="11713" spans="1:10" x14ac:dyDescent="0.35">
      <c r="A11713" s="1" t="s">
        <v>44851</v>
      </c>
      <c r="B11713" s="1" t="s">
        <v>43766</v>
      </c>
      <c r="C11713" s="1" t="s">
        <v>155</v>
      </c>
      <c r="D11713" s="1" t="s">
        <v>44959</v>
      </c>
      <c r="E11713" s="1" t="s">
        <v>44960</v>
      </c>
      <c r="F11713" s="1" t="s">
        <v>44961</v>
      </c>
      <c r="G11713" s="1" t="s">
        <v>44854</v>
      </c>
      <c r="H11713" s="1" t="s">
        <v>44855</v>
      </c>
      <c r="I11713" s="1" t="s">
        <v>43772</v>
      </c>
      <c r="J11713" s="1" t="s">
        <v>44962</v>
      </c>
    </row>
    <row r="11714" spans="1:10" x14ac:dyDescent="0.35">
      <c r="A11714" s="1" t="s">
        <v>44851</v>
      </c>
      <c r="B11714" s="1" t="s">
        <v>43766</v>
      </c>
      <c r="C11714" s="1" t="s">
        <v>160</v>
      </c>
      <c r="D11714" s="1" t="s">
        <v>44963</v>
      </c>
      <c r="E11714" s="1" t="s">
        <v>44964</v>
      </c>
      <c r="F11714" s="1" t="s">
        <v>44965</v>
      </c>
      <c r="G11714" s="1" t="s">
        <v>44854</v>
      </c>
      <c r="H11714" s="1" t="s">
        <v>44855</v>
      </c>
      <c r="I11714" s="1" t="s">
        <v>43772</v>
      </c>
      <c r="J11714" s="1" t="s">
        <v>44966</v>
      </c>
    </row>
    <row r="11715" spans="1:10" x14ac:dyDescent="0.35">
      <c r="A11715" s="1" t="s">
        <v>44851</v>
      </c>
      <c r="B11715" s="1" t="s">
        <v>43766</v>
      </c>
      <c r="C11715" s="1" t="s">
        <v>165</v>
      </c>
      <c r="D11715" s="1" t="s">
        <v>44967</v>
      </c>
      <c r="E11715" s="1" t="s">
        <v>44968</v>
      </c>
      <c r="F11715" s="1" t="s">
        <v>44969</v>
      </c>
      <c r="G11715" s="1" t="s">
        <v>44854</v>
      </c>
      <c r="H11715" s="1" t="s">
        <v>44855</v>
      </c>
      <c r="I11715" s="1" t="s">
        <v>43772</v>
      </c>
      <c r="J11715" s="1" t="s">
        <v>44970</v>
      </c>
    </row>
    <row r="11716" spans="1:10" x14ac:dyDescent="0.35">
      <c r="A11716" s="1" t="s">
        <v>44851</v>
      </c>
      <c r="B11716" s="1" t="s">
        <v>43766</v>
      </c>
      <c r="C11716" s="1" t="s">
        <v>170</v>
      </c>
      <c r="D11716" s="1" t="s">
        <v>44971</v>
      </c>
      <c r="E11716" s="1" t="s">
        <v>44972</v>
      </c>
      <c r="F11716" s="1" t="s">
        <v>44973</v>
      </c>
      <c r="G11716" s="1" t="s">
        <v>44854</v>
      </c>
      <c r="H11716" s="1" t="s">
        <v>44855</v>
      </c>
      <c r="I11716" s="1" t="s">
        <v>43772</v>
      </c>
      <c r="J11716" s="1" t="s">
        <v>44974</v>
      </c>
    </row>
    <row r="11717" spans="1:10" x14ac:dyDescent="0.35">
      <c r="A11717" s="1" t="s">
        <v>44975</v>
      </c>
      <c r="B11717" s="1" t="s">
        <v>43766</v>
      </c>
      <c r="C11717" s="1" t="s">
        <v>8</v>
      </c>
      <c r="D11717" s="1" t="s">
        <v>44976</v>
      </c>
      <c r="E11717" s="1" t="s">
        <v>44977</v>
      </c>
      <c r="F11717" s="1" t="s">
        <v>44978</v>
      </c>
      <c r="G11717" s="1" t="s">
        <v>44979</v>
      </c>
      <c r="H11717" s="1" t="s">
        <v>44980</v>
      </c>
      <c r="I11717" s="1" t="s">
        <v>43772</v>
      </c>
      <c r="J11717" s="1" t="s">
        <v>13</v>
      </c>
    </row>
    <row r="11718" spans="1:10" x14ac:dyDescent="0.35">
      <c r="A11718" s="1" t="s">
        <v>44975</v>
      </c>
      <c r="B11718" s="1" t="s">
        <v>43766</v>
      </c>
      <c r="C11718" s="1" t="s">
        <v>15</v>
      </c>
      <c r="D11718" s="1" t="s">
        <v>28130</v>
      </c>
      <c r="E11718" s="1" t="s">
        <v>44981</v>
      </c>
      <c r="F11718" s="1" t="s">
        <v>44982</v>
      </c>
      <c r="G11718" s="1" t="s">
        <v>44979</v>
      </c>
      <c r="H11718" s="1" t="s">
        <v>44980</v>
      </c>
      <c r="I11718" s="1" t="s">
        <v>43772</v>
      </c>
      <c r="J11718" s="1" t="s">
        <v>44983</v>
      </c>
    </row>
    <row r="11719" spans="1:10" x14ac:dyDescent="0.35">
      <c r="A11719" s="1" t="s">
        <v>44975</v>
      </c>
      <c r="B11719" s="1" t="s">
        <v>43766</v>
      </c>
      <c r="C11719" s="1" t="s">
        <v>20</v>
      </c>
      <c r="D11719" s="1" t="s">
        <v>29421</v>
      </c>
      <c r="E11719" s="1" t="s">
        <v>44984</v>
      </c>
      <c r="F11719" s="1" t="s">
        <v>44985</v>
      </c>
      <c r="G11719" s="1" t="s">
        <v>44979</v>
      </c>
      <c r="H11719" s="1" t="s">
        <v>44980</v>
      </c>
      <c r="I11719" s="1" t="s">
        <v>43772</v>
      </c>
      <c r="J11719" s="1" t="s">
        <v>44986</v>
      </c>
    </row>
    <row r="11720" spans="1:10" x14ac:dyDescent="0.35">
      <c r="A11720" s="1" t="s">
        <v>44975</v>
      </c>
      <c r="B11720" s="1" t="s">
        <v>43766</v>
      </c>
      <c r="C11720" s="1" t="s">
        <v>25</v>
      </c>
      <c r="D11720" s="1" t="s">
        <v>44987</v>
      </c>
      <c r="E11720" s="1" t="s">
        <v>44988</v>
      </c>
      <c r="F11720" s="1" t="s">
        <v>44989</v>
      </c>
      <c r="G11720" s="1" t="s">
        <v>44979</v>
      </c>
      <c r="H11720" s="1" t="s">
        <v>44980</v>
      </c>
      <c r="I11720" s="1" t="s">
        <v>43772</v>
      </c>
      <c r="J11720" s="1" t="s">
        <v>44990</v>
      </c>
    </row>
    <row r="11721" spans="1:10" x14ac:dyDescent="0.35">
      <c r="A11721" s="1" t="s">
        <v>44975</v>
      </c>
      <c r="B11721" s="1" t="s">
        <v>43766</v>
      </c>
      <c r="C11721" s="1" t="s">
        <v>30</v>
      </c>
      <c r="D11721" s="1" t="s">
        <v>14142</v>
      </c>
      <c r="E11721" s="1" t="s">
        <v>44991</v>
      </c>
      <c r="F11721" s="1" t="s">
        <v>44992</v>
      </c>
      <c r="G11721" s="1" t="s">
        <v>44979</v>
      </c>
      <c r="H11721" s="1" t="s">
        <v>44980</v>
      </c>
      <c r="I11721" s="1" t="s">
        <v>43772</v>
      </c>
      <c r="J11721" s="1" t="s">
        <v>44993</v>
      </c>
    </row>
    <row r="11722" spans="1:10" x14ac:dyDescent="0.35">
      <c r="A11722" s="1" t="s">
        <v>44975</v>
      </c>
      <c r="B11722" s="1" t="s">
        <v>43766</v>
      </c>
      <c r="C11722" s="1" t="s">
        <v>35</v>
      </c>
      <c r="D11722" s="1" t="s">
        <v>44994</v>
      </c>
      <c r="E11722" s="1" t="s">
        <v>44995</v>
      </c>
      <c r="F11722" s="1" t="s">
        <v>44996</v>
      </c>
      <c r="G11722" s="1" t="s">
        <v>44979</v>
      </c>
      <c r="H11722" s="1" t="s">
        <v>44980</v>
      </c>
      <c r="I11722" s="1" t="s">
        <v>43772</v>
      </c>
      <c r="J11722" s="1" t="s">
        <v>44997</v>
      </c>
    </row>
    <row r="11723" spans="1:10" x14ac:dyDescent="0.35">
      <c r="A11723" s="1" t="s">
        <v>44975</v>
      </c>
      <c r="B11723" s="1" t="s">
        <v>43766</v>
      </c>
      <c r="C11723" s="1" t="s">
        <v>40</v>
      </c>
      <c r="D11723" s="1" t="s">
        <v>44998</v>
      </c>
      <c r="E11723" s="1" t="s">
        <v>44999</v>
      </c>
      <c r="F11723" s="1" t="s">
        <v>45000</v>
      </c>
      <c r="G11723" s="1" t="s">
        <v>44979</v>
      </c>
      <c r="H11723" s="1" t="s">
        <v>44980</v>
      </c>
      <c r="I11723" s="1" t="s">
        <v>43772</v>
      </c>
      <c r="J11723" s="1" t="s">
        <v>45001</v>
      </c>
    </row>
    <row r="11724" spans="1:10" x14ac:dyDescent="0.35">
      <c r="A11724" s="1" t="s">
        <v>44975</v>
      </c>
      <c r="B11724" s="1" t="s">
        <v>43766</v>
      </c>
      <c r="C11724" s="1" t="s">
        <v>45</v>
      </c>
      <c r="D11724" s="1" t="s">
        <v>1395</v>
      </c>
      <c r="E11724" s="1" t="s">
        <v>45002</v>
      </c>
      <c r="F11724" s="1" t="s">
        <v>45003</v>
      </c>
      <c r="G11724" s="1" t="s">
        <v>44979</v>
      </c>
      <c r="H11724" s="1" t="s">
        <v>44980</v>
      </c>
      <c r="I11724" s="1" t="s">
        <v>43772</v>
      </c>
      <c r="J11724" s="1" t="s">
        <v>45004</v>
      </c>
    </row>
    <row r="11725" spans="1:10" x14ac:dyDescent="0.35">
      <c r="A11725" s="1" t="s">
        <v>44975</v>
      </c>
      <c r="B11725" s="1" t="s">
        <v>43766</v>
      </c>
      <c r="C11725" s="1" t="s">
        <v>50</v>
      </c>
      <c r="D11725" s="1" t="s">
        <v>45005</v>
      </c>
      <c r="E11725" s="1" t="s">
        <v>45006</v>
      </c>
      <c r="F11725" s="1" t="s">
        <v>45007</v>
      </c>
      <c r="G11725" s="1" t="s">
        <v>44979</v>
      </c>
      <c r="H11725" s="1" t="s">
        <v>44980</v>
      </c>
      <c r="I11725" s="1" t="s">
        <v>43772</v>
      </c>
      <c r="J11725" s="1" t="s">
        <v>45008</v>
      </c>
    </row>
    <row r="11726" spans="1:10" x14ac:dyDescent="0.35">
      <c r="A11726" s="1" t="s">
        <v>44975</v>
      </c>
      <c r="B11726" s="1" t="s">
        <v>43766</v>
      </c>
      <c r="C11726" s="1" t="s">
        <v>55</v>
      </c>
      <c r="D11726" s="1" t="s">
        <v>2857</v>
      </c>
      <c r="E11726" s="1" t="s">
        <v>45009</v>
      </c>
      <c r="F11726" s="1" t="s">
        <v>45010</v>
      </c>
      <c r="G11726" s="1" t="s">
        <v>44979</v>
      </c>
      <c r="H11726" s="1" t="s">
        <v>44980</v>
      </c>
      <c r="I11726" s="1" t="s">
        <v>43772</v>
      </c>
      <c r="J11726" s="1" t="s">
        <v>45011</v>
      </c>
    </row>
    <row r="11727" spans="1:10" x14ac:dyDescent="0.35">
      <c r="A11727" s="1" t="s">
        <v>44975</v>
      </c>
      <c r="B11727" s="1" t="s">
        <v>43766</v>
      </c>
      <c r="C11727" s="1" t="s">
        <v>60</v>
      </c>
      <c r="D11727" s="1" t="s">
        <v>45012</v>
      </c>
      <c r="E11727" s="1" t="s">
        <v>45013</v>
      </c>
      <c r="F11727" s="1" t="s">
        <v>45014</v>
      </c>
      <c r="G11727" s="1" t="s">
        <v>44979</v>
      </c>
      <c r="H11727" s="1" t="s">
        <v>44980</v>
      </c>
      <c r="I11727" s="1" t="s">
        <v>43772</v>
      </c>
      <c r="J11727" s="1" t="s">
        <v>45015</v>
      </c>
    </row>
    <row r="11728" spans="1:10" x14ac:dyDescent="0.35">
      <c r="A11728" s="1" t="s">
        <v>44975</v>
      </c>
      <c r="B11728" s="1" t="s">
        <v>43766</v>
      </c>
      <c r="C11728" s="1" t="s">
        <v>65</v>
      </c>
      <c r="D11728" s="1" t="s">
        <v>45016</v>
      </c>
      <c r="E11728" s="1" t="s">
        <v>45017</v>
      </c>
      <c r="F11728" s="1" t="s">
        <v>45018</v>
      </c>
      <c r="G11728" s="1" t="s">
        <v>44979</v>
      </c>
      <c r="H11728" s="1" t="s">
        <v>44980</v>
      </c>
      <c r="I11728" s="1" t="s">
        <v>43772</v>
      </c>
      <c r="J11728" s="1" t="s">
        <v>45019</v>
      </c>
    </row>
    <row r="11729" spans="1:10" x14ac:dyDescent="0.35">
      <c r="A11729" s="1" t="s">
        <v>44975</v>
      </c>
      <c r="B11729" s="1" t="s">
        <v>43766</v>
      </c>
      <c r="C11729" s="1" t="s">
        <v>70</v>
      </c>
      <c r="D11729" s="1" t="s">
        <v>45020</v>
      </c>
      <c r="E11729" s="1" t="s">
        <v>45021</v>
      </c>
      <c r="F11729" s="1" t="s">
        <v>45022</v>
      </c>
      <c r="G11729" s="1" t="s">
        <v>44979</v>
      </c>
      <c r="H11729" s="1" t="s">
        <v>44980</v>
      </c>
      <c r="I11729" s="1" t="s">
        <v>43772</v>
      </c>
      <c r="J11729" s="1" t="s">
        <v>45023</v>
      </c>
    </row>
    <row r="11730" spans="1:10" x14ac:dyDescent="0.35">
      <c r="A11730" s="1" t="s">
        <v>44975</v>
      </c>
      <c r="B11730" s="1" t="s">
        <v>43766</v>
      </c>
      <c r="C11730" s="1" t="s">
        <v>75</v>
      </c>
      <c r="D11730" s="1" t="s">
        <v>45024</v>
      </c>
      <c r="E11730" s="1" t="s">
        <v>45025</v>
      </c>
      <c r="F11730" s="1" t="s">
        <v>45026</v>
      </c>
      <c r="G11730" s="1" t="s">
        <v>44979</v>
      </c>
      <c r="H11730" s="1" t="s">
        <v>44980</v>
      </c>
      <c r="I11730" s="1" t="s">
        <v>43772</v>
      </c>
      <c r="J11730" s="1" t="s">
        <v>45027</v>
      </c>
    </row>
    <row r="11731" spans="1:10" x14ac:dyDescent="0.35">
      <c r="A11731" s="1" t="s">
        <v>44975</v>
      </c>
      <c r="B11731" s="1" t="s">
        <v>43766</v>
      </c>
      <c r="C11731" s="1" t="s">
        <v>80</v>
      </c>
      <c r="D11731" s="1" t="s">
        <v>45028</v>
      </c>
      <c r="E11731" s="1" t="s">
        <v>45029</v>
      </c>
      <c r="F11731" s="1" t="s">
        <v>45030</v>
      </c>
      <c r="G11731" s="1" t="s">
        <v>44979</v>
      </c>
      <c r="H11731" s="1" t="s">
        <v>44980</v>
      </c>
      <c r="I11731" s="1" t="s">
        <v>43772</v>
      </c>
      <c r="J11731" s="1" t="s">
        <v>45031</v>
      </c>
    </row>
    <row r="11732" spans="1:10" x14ac:dyDescent="0.35">
      <c r="A11732" s="1" t="s">
        <v>44975</v>
      </c>
      <c r="B11732" s="1" t="s">
        <v>43766</v>
      </c>
      <c r="C11732" s="1" t="s">
        <v>85</v>
      </c>
      <c r="D11732" s="1" t="s">
        <v>45032</v>
      </c>
      <c r="E11732" s="1" t="s">
        <v>45033</v>
      </c>
      <c r="F11732" s="1" t="s">
        <v>45034</v>
      </c>
      <c r="G11732" s="1" t="s">
        <v>44979</v>
      </c>
      <c r="H11732" s="1" t="s">
        <v>44980</v>
      </c>
      <c r="I11732" s="1" t="s">
        <v>43772</v>
      </c>
      <c r="J11732" s="1" t="s">
        <v>45035</v>
      </c>
    </row>
    <row r="11733" spans="1:10" x14ac:dyDescent="0.35">
      <c r="A11733" s="1" t="s">
        <v>44975</v>
      </c>
      <c r="B11733" s="1" t="s">
        <v>43766</v>
      </c>
      <c r="C11733" s="1" t="s">
        <v>90</v>
      </c>
      <c r="D11733" s="1" t="s">
        <v>45036</v>
      </c>
      <c r="E11733" s="1" t="s">
        <v>45037</v>
      </c>
      <c r="F11733" s="1" t="s">
        <v>45038</v>
      </c>
      <c r="G11733" s="1" t="s">
        <v>44979</v>
      </c>
      <c r="H11733" s="1" t="s">
        <v>44980</v>
      </c>
      <c r="I11733" s="1" t="s">
        <v>43772</v>
      </c>
      <c r="J11733" s="1" t="s">
        <v>45039</v>
      </c>
    </row>
    <row r="11734" spans="1:10" x14ac:dyDescent="0.35">
      <c r="A11734" s="1" t="s">
        <v>44975</v>
      </c>
      <c r="B11734" s="1" t="s">
        <v>43766</v>
      </c>
      <c r="C11734" s="1" t="s">
        <v>95</v>
      </c>
      <c r="D11734" s="1" t="s">
        <v>34700</v>
      </c>
      <c r="E11734" s="1" t="s">
        <v>45040</v>
      </c>
      <c r="F11734" s="1" t="s">
        <v>45041</v>
      </c>
      <c r="G11734" s="1" t="s">
        <v>44979</v>
      </c>
      <c r="H11734" s="1" t="s">
        <v>44980</v>
      </c>
      <c r="I11734" s="1" t="s">
        <v>43772</v>
      </c>
      <c r="J11734" s="1" t="s">
        <v>45042</v>
      </c>
    </row>
    <row r="11735" spans="1:10" x14ac:dyDescent="0.35">
      <c r="A11735" s="1" t="s">
        <v>44975</v>
      </c>
      <c r="B11735" s="1" t="s">
        <v>43766</v>
      </c>
      <c r="C11735" s="1" t="s">
        <v>100</v>
      </c>
      <c r="D11735" s="1" t="s">
        <v>14611</v>
      </c>
      <c r="E11735" s="1" t="s">
        <v>45043</v>
      </c>
      <c r="F11735" s="1" t="s">
        <v>45044</v>
      </c>
      <c r="G11735" s="1" t="s">
        <v>44979</v>
      </c>
      <c r="H11735" s="1" t="s">
        <v>44980</v>
      </c>
      <c r="I11735" s="1" t="s">
        <v>43772</v>
      </c>
      <c r="J11735" s="1" t="s">
        <v>45045</v>
      </c>
    </row>
    <row r="11736" spans="1:10" x14ac:dyDescent="0.35">
      <c r="A11736" s="1" t="s">
        <v>44975</v>
      </c>
      <c r="B11736" s="1" t="s">
        <v>43766</v>
      </c>
      <c r="C11736" s="1" t="s">
        <v>105</v>
      </c>
      <c r="D11736" s="1" t="s">
        <v>45046</v>
      </c>
      <c r="E11736" s="1" t="s">
        <v>45047</v>
      </c>
      <c r="F11736" s="1" t="s">
        <v>45048</v>
      </c>
      <c r="G11736" s="1" t="s">
        <v>44979</v>
      </c>
      <c r="H11736" s="1" t="s">
        <v>44980</v>
      </c>
      <c r="I11736" s="1" t="s">
        <v>43772</v>
      </c>
      <c r="J11736" s="1" t="s">
        <v>45049</v>
      </c>
    </row>
    <row r="11737" spans="1:10" x14ac:dyDescent="0.35">
      <c r="A11737" s="1" t="s">
        <v>44975</v>
      </c>
      <c r="B11737" s="1" t="s">
        <v>43766</v>
      </c>
      <c r="C11737" s="1" t="s">
        <v>110</v>
      </c>
      <c r="D11737" s="1" t="s">
        <v>45050</v>
      </c>
      <c r="E11737" s="1" t="s">
        <v>45051</v>
      </c>
      <c r="F11737" s="1" t="s">
        <v>45052</v>
      </c>
      <c r="G11737" s="1" t="s">
        <v>44979</v>
      </c>
      <c r="H11737" s="1" t="s">
        <v>44980</v>
      </c>
      <c r="I11737" s="1" t="s">
        <v>43772</v>
      </c>
      <c r="J11737" s="1" t="s">
        <v>45053</v>
      </c>
    </row>
    <row r="11738" spans="1:10" x14ac:dyDescent="0.35">
      <c r="A11738" s="1" t="s">
        <v>44975</v>
      </c>
      <c r="B11738" s="1" t="s">
        <v>43766</v>
      </c>
      <c r="C11738" s="1" t="s">
        <v>115</v>
      </c>
      <c r="D11738" s="1" t="s">
        <v>45054</v>
      </c>
      <c r="E11738" s="1" t="s">
        <v>45055</v>
      </c>
      <c r="F11738" s="1" t="s">
        <v>45056</v>
      </c>
      <c r="G11738" s="1" t="s">
        <v>44979</v>
      </c>
      <c r="H11738" s="1" t="s">
        <v>44980</v>
      </c>
      <c r="I11738" s="1" t="s">
        <v>43772</v>
      </c>
      <c r="J11738" s="1" t="s">
        <v>45057</v>
      </c>
    </row>
    <row r="11739" spans="1:10" x14ac:dyDescent="0.35">
      <c r="A11739" s="1" t="s">
        <v>44975</v>
      </c>
      <c r="B11739" s="1" t="s">
        <v>43766</v>
      </c>
      <c r="C11739" s="1" t="s">
        <v>120</v>
      </c>
      <c r="D11739" s="1" t="s">
        <v>35125</v>
      </c>
      <c r="E11739" s="1" t="s">
        <v>45058</v>
      </c>
      <c r="F11739" s="1" t="s">
        <v>45059</v>
      </c>
      <c r="G11739" s="1" t="s">
        <v>44979</v>
      </c>
      <c r="H11739" s="1" t="s">
        <v>44980</v>
      </c>
      <c r="I11739" s="1" t="s">
        <v>43772</v>
      </c>
      <c r="J11739" s="1" t="s">
        <v>45060</v>
      </c>
    </row>
    <row r="11740" spans="1:10" x14ac:dyDescent="0.35">
      <c r="A11740" s="1" t="s">
        <v>44975</v>
      </c>
      <c r="B11740" s="1" t="s">
        <v>43766</v>
      </c>
      <c r="C11740" s="1" t="s">
        <v>125</v>
      </c>
      <c r="D11740" s="1" t="s">
        <v>16160</v>
      </c>
      <c r="E11740" s="1" t="s">
        <v>45061</v>
      </c>
      <c r="F11740" s="1" t="s">
        <v>45062</v>
      </c>
      <c r="G11740" s="1" t="s">
        <v>44979</v>
      </c>
      <c r="H11740" s="1" t="s">
        <v>44980</v>
      </c>
      <c r="I11740" s="1" t="s">
        <v>43772</v>
      </c>
      <c r="J11740" s="1" t="s">
        <v>45063</v>
      </c>
    </row>
    <row r="11741" spans="1:10" x14ac:dyDescent="0.35">
      <c r="A11741" s="1" t="s">
        <v>44975</v>
      </c>
      <c r="B11741" s="1" t="s">
        <v>43766</v>
      </c>
      <c r="C11741" s="1" t="s">
        <v>130</v>
      </c>
      <c r="D11741" s="1" t="s">
        <v>38334</v>
      </c>
      <c r="E11741" s="1" t="s">
        <v>45064</v>
      </c>
      <c r="F11741" s="1" t="s">
        <v>45065</v>
      </c>
      <c r="G11741" s="1" t="s">
        <v>44979</v>
      </c>
      <c r="H11741" s="1" t="s">
        <v>44980</v>
      </c>
      <c r="I11741" s="1" t="s">
        <v>43772</v>
      </c>
      <c r="J11741" s="1" t="s">
        <v>45066</v>
      </c>
    </row>
    <row r="11742" spans="1:10" x14ac:dyDescent="0.35">
      <c r="A11742" s="1" t="s">
        <v>44975</v>
      </c>
      <c r="B11742" s="1" t="s">
        <v>43766</v>
      </c>
      <c r="C11742" s="1" t="s">
        <v>135</v>
      </c>
      <c r="D11742" s="1" t="s">
        <v>45067</v>
      </c>
      <c r="E11742" s="1" t="s">
        <v>45068</v>
      </c>
      <c r="F11742" s="1" t="s">
        <v>45069</v>
      </c>
      <c r="G11742" s="1" t="s">
        <v>44979</v>
      </c>
      <c r="H11742" s="1" t="s">
        <v>44980</v>
      </c>
      <c r="I11742" s="1" t="s">
        <v>43772</v>
      </c>
      <c r="J11742" s="1" t="s">
        <v>45070</v>
      </c>
    </row>
    <row r="11743" spans="1:10" x14ac:dyDescent="0.35">
      <c r="A11743" s="1" t="s">
        <v>44975</v>
      </c>
      <c r="B11743" s="1" t="s">
        <v>43766</v>
      </c>
      <c r="C11743" s="1" t="s">
        <v>140</v>
      </c>
      <c r="D11743" s="1" t="s">
        <v>45071</v>
      </c>
      <c r="E11743" s="1" t="s">
        <v>45072</v>
      </c>
      <c r="F11743" s="1" t="s">
        <v>45073</v>
      </c>
      <c r="G11743" s="1" t="s">
        <v>44979</v>
      </c>
      <c r="H11743" s="1" t="s">
        <v>44980</v>
      </c>
      <c r="I11743" s="1" t="s">
        <v>43772</v>
      </c>
      <c r="J11743" s="1" t="s">
        <v>45074</v>
      </c>
    </row>
    <row r="11744" spans="1:10" x14ac:dyDescent="0.35">
      <c r="A11744" s="1" t="s">
        <v>44975</v>
      </c>
      <c r="B11744" s="1" t="s">
        <v>43766</v>
      </c>
      <c r="C11744" s="1" t="s">
        <v>145</v>
      </c>
      <c r="D11744" s="1" t="s">
        <v>37848</v>
      </c>
      <c r="E11744" s="1" t="s">
        <v>45075</v>
      </c>
      <c r="F11744" s="1" t="s">
        <v>45076</v>
      </c>
      <c r="G11744" s="1" t="s">
        <v>44979</v>
      </c>
      <c r="H11744" s="1" t="s">
        <v>44980</v>
      </c>
      <c r="I11744" s="1" t="s">
        <v>43772</v>
      </c>
      <c r="J11744" s="1" t="s">
        <v>45077</v>
      </c>
    </row>
    <row r="11745" spans="1:10" x14ac:dyDescent="0.35">
      <c r="A11745" s="1" t="s">
        <v>44975</v>
      </c>
      <c r="B11745" s="1" t="s">
        <v>43766</v>
      </c>
      <c r="C11745" s="1" t="s">
        <v>150</v>
      </c>
      <c r="D11745" s="1" t="s">
        <v>19552</v>
      </c>
      <c r="E11745" s="1" t="s">
        <v>45078</v>
      </c>
      <c r="F11745" s="1" t="s">
        <v>45079</v>
      </c>
      <c r="G11745" s="1" t="s">
        <v>44979</v>
      </c>
      <c r="H11745" s="1" t="s">
        <v>44980</v>
      </c>
      <c r="I11745" s="1" t="s">
        <v>43772</v>
      </c>
      <c r="J11745" s="1" t="s">
        <v>45080</v>
      </c>
    </row>
    <row r="11746" spans="1:10" x14ac:dyDescent="0.35">
      <c r="A11746" s="1" t="s">
        <v>44975</v>
      </c>
      <c r="B11746" s="1" t="s">
        <v>43766</v>
      </c>
      <c r="C11746" s="1" t="s">
        <v>155</v>
      </c>
      <c r="D11746" s="1" t="s">
        <v>35354</v>
      </c>
      <c r="E11746" s="1" t="s">
        <v>45081</v>
      </c>
      <c r="F11746" s="1" t="s">
        <v>45082</v>
      </c>
      <c r="G11746" s="1" t="s">
        <v>44979</v>
      </c>
      <c r="H11746" s="1" t="s">
        <v>44980</v>
      </c>
      <c r="I11746" s="1" t="s">
        <v>43772</v>
      </c>
      <c r="J11746" s="1" t="s">
        <v>45083</v>
      </c>
    </row>
    <row r="11747" spans="1:10" x14ac:dyDescent="0.35">
      <c r="A11747" s="1" t="s">
        <v>44975</v>
      </c>
      <c r="B11747" s="1" t="s">
        <v>43766</v>
      </c>
      <c r="C11747" s="1" t="s">
        <v>160</v>
      </c>
      <c r="D11747" s="1" t="s">
        <v>45084</v>
      </c>
      <c r="E11747" s="1" t="s">
        <v>45085</v>
      </c>
      <c r="F11747" s="1" t="s">
        <v>45086</v>
      </c>
      <c r="G11747" s="1" t="s">
        <v>44979</v>
      </c>
      <c r="H11747" s="1" t="s">
        <v>44980</v>
      </c>
      <c r="I11747" s="1" t="s">
        <v>43772</v>
      </c>
      <c r="J11747" s="1" t="s">
        <v>45087</v>
      </c>
    </row>
    <row r="11748" spans="1:10" x14ac:dyDescent="0.35">
      <c r="A11748" s="1" t="s">
        <v>44975</v>
      </c>
      <c r="B11748" s="1" t="s">
        <v>43766</v>
      </c>
      <c r="C11748" s="1" t="s">
        <v>165</v>
      </c>
      <c r="D11748" s="1" t="s">
        <v>45088</v>
      </c>
      <c r="E11748" s="1" t="s">
        <v>45089</v>
      </c>
      <c r="F11748" s="1" t="s">
        <v>45090</v>
      </c>
      <c r="G11748" s="1" t="s">
        <v>44979</v>
      </c>
      <c r="H11748" s="1" t="s">
        <v>44980</v>
      </c>
      <c r="I11748" s="1" t="s">
        <v>43772</v>
      </c>
      <c r="J11748" s="1" t="s">
        <v>45091</v>
      </c>
    </row>
    <row r="11749" spans="1:10" x14ac:dyDescent="0.35">
      <c r="A11749" s="1" t="s">
        <v>44975</v>
      </c>
      <c r="B11749" s="1" t="s">
        <v>43766</v>
      </c>
      <c r="C11749" s="1" t="s">
        <v>170</v>
      </c>
      <c r="D11749" s="1" t="s">
        <v>45092</v>
      </c>
      <c r="E11749" s="1" t="s">
        <v>45093</v>
      </c>
      <c r="F11749" s="1" t="s">
        <v>45094</v>
      </c>
      <c r="G11749" s="1" t="s">
        <v>44979</v>
      </c>
      <c r="H11749" s="1" t="s">
        <v>44980</v>
      </c>
      <c r="I11749" s="1" t="s">
        <v>43772</v>
      </c>
      <c r="J11749" s="1" t="s">
        <v>45095</v>
      </c>
    </row>
    <row r="11750" spans="1:10" x14ac:dyDescent="0.35">
      <c r="A11750" s="1" t="s">
        <v>45096</v>
      </c>
      <c r="B11750" s="1" t="s">
        <v>43766</v>
      </c>
      <c r="C11750" s="1" t="s">
        <v>8</v>
      </c>
      <c r="D11750" s="1" t="s">
        <v>1256</v>
      </c>
      <c r="E11750" s="1" t="s">
        <v>45097</v>
      </c>
      <c r="F11750" s="1" t="s">
        <v>45098</v>
      </c>
      <c r="G11750" s="1" t="s">
        <v>45099</v>
      </c>
      <c r="H11750" s="1" t="s">
        <v>45100</v>
      </c>
      <c r="I11750" s="1" t="s">
        <v>43772</v>
      </c>
      <c r="J11750" s="1" t="s">
        <v>13</v>
      </c>
    </row>
    <row r="11751" spans="1:10" x14ac:dyDescent="0.35">
      <c r="A11751" s="1" t="s">
        <v>45096</v>
      </c>
      <c r="B11751" s="1" t="s">
        <v>43766</v>
      </c>
      <c r="C11751" s="1" t="s">
        <v>15</v>
      </c>
      <c r="D11751" s="1" t="s">
        <v>45101</v>
      </c>
      <c r="E11751" s="1" t="s">
        <v>45102</v>
      </c>
      <c r="F11751" s="1" t="s">
        <v>45103</v>
      </c>
      <c r="G11751" s="1" t="s">
        <v>45099</v>
      </c>
      <c r="H11751" s="1" t="s">
        <v>45100</v>
      </c>
      <c r="I11751" s="1" t="s">
        <v>43772</v>
      </c>
      <c r="J11751" s="1" t="s">
        <v>45104</v>
      </c>
    </row>
    <row r="11752" spans="1:10" x14ac:dyDescent="0.35">
      <c r="A11752" s="1" t="s">
        <v>45096</v>
      </c>
      <c r="B11752" s="1" t="s">
        <v>43766</v>
      </c>
      <c r="C11752" s="1" t="s">
        <v>20</v>
      </c>
      <c r="D11752" s="1" t="s">
        <v>45105</v>
      </c>
      <c r="E11752" s="1" t="s">
        <v>45106</v>
      </c>
      <c r="F11752" s="1" t="s">
        <v>45107</v>
      </c>
      <c r="G11752" s="1" t="s">
        <v>45099</v>
      </c>
      <c r="H11752" s="1" t="s">
        <v>45100</v>
      </c>
      <c r="I11752" s="1" t="s">
        <v>43772</v>
      </c>
      <c r="J11752" s="1" t="s">
        <v>45108</v>
      </c>
    </row>
    <row r="11753" spans="1:10" x14ac:dyDescent="0.35">
      <c r="A11753" s="1" t="s">
        <v>45096</v>
      </c>
      <c r="B11753" s="1" t="s">
        <v>43766</v>
      </c>
      <c r="C11753" s="1" t="s">
        <v>25</v>
      </c>
      <c r="D11753" s="1" t="s">
        <v>1138</v>
      </c>
      <c r="E11753" s="1" t="s">
        <v>45109</v>
      </c>
      <c r="F11753" s="1" t="s">
        <v>45110</v>
      </c>
      <c r="G11753" s="1" t="s">
        <v>45099</v>
      </c>
      <c r="H11753" s="1" t="s">
        <v>45100</v>
      </c>
      <c r="I11753" s="1" t="s">
        <v>43772</v>
      </c>
      <c r="J11753" s="1" t="s">
        <v>45111</v>
      </c>
    </row>
    <row r="11754" spans="1:10" x14ac:dyDescent="0.35">
      <c r="A11754" s="1" t="s">
        <v>45096</v>
      </c>
      <c r="B11754" s="1" t="s">
        <v>43766</v>
      </c>
      <c r="C11754" s="1" t="s">
        <v>30</v>
      </c>
      <c r="D11754" s="1" t="s">
        <v>44856</v>
      </c>
      <c r="E11754" s="1" t="s">
        <v>45112</v>
      </c>
      <c r="F11754" s="1" t="s">
        <v>45113</v>
      </c>
      <c r="G11754" s="1" t="s">
        <v>45099</v>
      </c>
      <c r="H11754" s="1" t="s">
        <v>45100</v>
      </c>
      <c r="I11754" s="1" t="s">
        <v>43772</v>
      </c>
      <c r="J11754" s="1" t="s">
        <v>45114</v>
      </c>
    </row>
    <row r="11755" spans="1:10" x14ac:dyDescent="0.35">
      <c r="A11755" s="1" t="s">
        <v>45096</v>
      </c>
      <c r="B11755" s="1" t="s">
        <v>43766</v>
      </c>
      <c r="C11755" s="1" t="s">
        <v>35</v>
      </c>
      <c r="D11755" s="1" t="s">
        <v>28016</v>
      </c>
      <c r="E11755" s="1" t="s">
        <v>45115</v>
      </c>
      <c r="F11755" s="1" t="s">
        <v>45116</v>
      </c>
      <c r="G11755" s="1" t="s">
        <v>45099</v>
      </c>
      <c r="H11755" s="1" t="s">
        <v>45100</v>
      </c>
      <c r="I11755" s="1" t="s">
        <v>43772</v>
      </c>
      <c r="J11755" s="1" t="s">
        <v>45117</v>
      </c>
    </row>
    <row r="11756" spans="1:10" x14ac:dyDescent="0.35">
      <c r="A11756" s="1" t="s">
        <v>45096</v>
      </c>
      <c r="B11756" s="1" t="s">
        <v>43766</v>
      </c>
      <c r="C11756" s="1" t="s">
        <v>40</v>
      </c>
      <c r="D11756" s="1" t="s">
        <v>10451</v>
      </c>
      <c r="E11756" s="1" t="s">
        <v>45118</v>
      </c>
      <c r="F11756" s="1" t="s">
        <v>45119</v>
      </c>
      <c r="G11756" s="1" t="s">
        <v>45099</v>
      </c>
      <c r="H11756" s="1" t="s">
        <v>45100</v>
      </c>
      <c r="I11756" s="1" t="s">
        <v>43772</v>
      </c>
      <c r="J11756" s="1" t="s">
        <v>45120</v>
      </c>
    </row>
    <row r="11757" spans="1:10" x14ac:dyDescent="0.35">
      <c r="A11757" s="1" t="s">
        <v>45096</v>
      </c>
      <c r="B11757" s="1" t="s">
        <v>43766</v>
      </c>
      <c r="C11757" s="1" t="s">
        <v>45</v>
      </c>
      <c r="D11757" s="1" t="s">
        <v>35</v>
      </c>
      <c r="E11757" s="1" t="s">
        <v>45121</v>
      </c>
      <c r="F11757" s="1" t="s">
        <v>45122</v>
      </c>
      <c r="G11757" s="1" t="s">
        <v>45099</v>
      </c>
      <c r="H11757" s="1" t="s">
        <v>45100</v>
      </c>
      <c r="I11757" s="1" t="s">
        <v>43772</v>
      </c>
      <c r="J11757" s="1" t="s">
        <v>45123</v>
      </c>
    </row>
    <row r="11758" spans="1:10" x14ac:dyDescent="0.35">
      <c r="A11758" s="1" t="s">
        <v>45096</v>
      </c>
      <c r="B11758" s="1" t="s">
        <v>43766</v>
      </c>
      <c r="C11758" s="1" t="s">
        <v>50</v>
      </c>
      <c r="D11758" s="1" t="s">
        <v>45124</v>
      </c>
      <c r="E11758" s="1" t="s">
        <v>45125</v>
      </c>
      <c r="F11758" s="1" t="s">
        <v>45126</v>
      </c>
      <c r="G11758" s="1" t="s">
        <v>45099</v>
      </c>
      <c r="H11758" s="1" t="s">
        <v>45100</v>
      </c>
      <c r="I11758" s="1" t="s">
        <v>43772</v>
      </c>
      <c r="J11758" s="1" t="s">
        <v>45127</v>
      </c>
    </row>
    <row r="11759" spans="1:10" x14ac:dyDescent="0.35">
      <c r="A11759" s="1" t="s">
        <v>45096</v>
      </c>
      <c r="B11759" s="1" t="s">
        <v>43766</v>
      </c>
      <c r="C11759" s="1" t="s">
        <v>55</v>
      </c>
      <c r="D11759" s="1" t="s">
        <v>44538</v>
      </c>
      <c r="E11759" s="1" t="s">
        <v>45128</v>
      </c>
      <c r="F11759" s="1" t="s">
        <v>45129</v>
      </c>
      <c r="G11759" s="1" t="s">
        <v>45099</v>
      </c>
      <c r="H11759" s="1" t="s">
        <v>45100</v>
      </c>
      <c r="I11759" s="1" t="s">
        <v>43772</v>
      </c>
      <c r="J11759" s="1" t="s">
        <v>45130</v>
      </c>
    </row>
    <row r="11760" spans="1:10" x14ac:dyDescent="0.35">
      <c r="A11760" s="1" t="s">
        <v>45096</v>
      </c>
      <c r="B11760" s="1" t="s">
        <v>43766</v>
      </c>
      <c r="C11760" s="1" t="s">
        <v>60</v>
      </c>
      <c r="D11760" s="1" t="s">
        <v>45131</v>
      </c>
      <c r="E11760" s="1" t="s">
        <v>45132</v>
      </c>
      <c r="F11760" s="1" t="s">
        <v>45133</v>
      </c>
      <c r="G11760" s="1" t="s">
        <v>45099</v>
      </c>
      <c r="H11760" s="1" t="s">
        <v>45100</v>
      </c>
      <c r="I11760" s="1" t="s">
        <v>43772</v>
      </c>
      <c r="J11760" s="1" t="s">
        <v>45134</v>
      </c>
    </row>
    <row r="11761" spans="1:10" x14ac:dyDescent="0.35">
      <c r="A11761" s="1" t="s">
        <v>45096</v>
      </c>
      <c r="B11761" s="1" t="s">
        <v>43766</v>
      </c>
      <c r="C11761" s="1" t="s">
        <v>65</v>
      </c>
      <c r="D11761" s="1" t="s">
        <v>45135</v>
      </c>
      <c r="E11761" s="1" t="s">
        <v>45136</v>
      </c>
      <c r="F11761" s="1" t="s">
        <v>45137</v>
      </c>
      <c r="G11761" s="1" t="s">
        <v>45099</v>
      </c>
      <c r="H11761" s="1" t="s">
        <v>45100</v>
      </c>
      <c r="I11761" s="1" t="s">
        <v>43772</v>
      </c>
      <c r="J11761" s="1" t="s">
        <v>45138</v>
      </c>
    </row>
    <row r="11762" spans="1:10" x14ac:dyDescent="0.35">
      <c r="A11762" s="1" t="s">
        <v>45096</v>
      </c>
      <c r="B11762" s="1" t="s">
        <v>43766</v>
      </c>
      <c r="C11762" s="1" t="s">
        <v>70</v>
      </c>
      <c r="D11762" s="1" t="s">
        <v>45139</v>
      </c>
      <c r="E11762" s="1" t="s">
        <v>45140</v>
      </c>
      <c r="F11762" s="1" t="s">
        <v>45141</v>
      </c>
      <c r="G11762" s="1" t="s">
        <v>45099</v>
      </c>
      <c r="H11762" s="1" t="s">
        <v>45100</v>
      </c>
      <c r="I11762" s="1" t="s">
        <v>43772</v>
      </c>
      <c r="J11762" s="1" t="s">
        <v>45142</v>
      </c>
    </row>
    <row r="11763" spans="1:10" x14ac:dyDescent="0.35">
      <c r="A11763" s="1" t="s">
        <v>45096</v>
      </c>
      <c r="B11763" s="1" t="s">
        <v>43766</v>
      </c>
      <c r="C11763" s="1" t="s">
        <v>75</v>
      </c>
      <c r="D11763" s="1" t="s">
        <v>45143</v>
      </c>
      <c r="E11763" s="1" t="s">
        <v>45144</v>
      </c>
      <c r="F11763" s="1" t="s">
        <v>45145</v>
      </c>
      <c r="G11763" s="1" t="s">
        <v>45099</v>
      </c>
      <c r="H11763" s="1" t="s">
        <v>45100</v>
      </c>
      <c r="I11763" s="1" t="s">
        <v>43772</v>
      </c>
      <c r="J11763" s="1" t="s">
        <v>45146</v>
      </c>
    </row>
    <row r="11764" spans="1:10" x14ac:dyDescent="0.35">
      <c r="A11764" s="1" t="s">
        <v>45096</v>
      </c>
      <c r="B11764" s="1" t="s">
        <v>43766</v>
      </c>
      <c r="C11764" s="1" t="s">
        <v>80</v>
      </c>
      <c r="D11764" s="1" t="s">
        <v>14034</v>
      </c>
      <c r="E11764" s="1" t="s">
        <v>45147</v>
      </c>
      <c r="F11764" s="1" t="s">
        <v>45148</v>
      </c>
      <c r="G11764" s="1" t="s">
        <v>45099</v>
      </c>
      <c r="H11764" s="1" t="s">
        <v>45100</v>
      </c>
      <c r="I11764" s="1" t="s">
        <v>43772</v>
      </c>
      <c r="J11764" s="1" t="s">
        <v>45149</v>
      </c>
    </row>
    <row r="11765" spans="1:10" x14ac:dyDescent="0.35">
      <c r="A11765" s="1" t="s">
        <v>45096</v>
      </c>
      <c r="B11765" s="1" t="s">
        <v>43766</v>
      </c>
      <c r="C11765" s="1" t="s">
        <v>85</v>
      </c>
      <c r="D11765" s="1" t="s">
        <v>45150</v>
      </c>
      <c r="E11765" s="1" t="s">
        <v>45151</v>
      </c>
      <c r="F11765" s="1" t="s">
        <v>45152</v>
      </c>
      <c r="G11765" s="1" t="s">
        <v>45099</v>
      </c>
      <c r="H11765" s="1" t="s">
        <v>45100</v>
      </c>
      <c r="I11765" s="1" t="s">
        <v>43772</v>
      </c>
      <c r="J11765" s="1" t="s">
        <v>45153</v>
      </c>
    </row>
    <row r="11766" spans="1:10" x14ac:dyDescent="0.35">
      <c r="A11766" s="1" t="s">
        <v>45096</v>
      </c>
      <c r="B11766" s="1" t="s">
        <v>43766</v>
      </c>
      <c r="C11766" s="1" t="s">
        <v>90</v>
      </c>
      <c r="D11766" s="1" t="s">
        <v>1419</v>
      </c>
      <c r="E11766" s="1" t="s">
        <v>45154</v>
      </c>
      <c r="F11766" s="1" t="s">
        <v>45155</v>
      </c>
      <c r="G11766" s="1" t="s">
        <v>45099</v>
      </c>
      <c r="H11766" s="1" t="s">
        <v>45100</v>
      </c>
      <c r="I11766" s="1" t="s">
        <v>43772</v>
      </c>
      <c r="J11766" s="1" t="s">
        <v>45156</v>
      </c>
    </row>
    <row r="11767" spans="1:10" x14ac:dyDescent="0.35">
      <c r="A11767" s="1" t="s">
        <v>45096</v>
      </c>
      <c r="B11767" s="1" t="s">
        <v>43766</v>
      </c>
      <c r="C11767" s="1" t="s">
        <v>95</v>
      </c>
      <c r="D11767" s="1" t="s">
        <v>45157</v>
      </c>
      <c r="E11767" s="1" t="s">
        <v>45158</v>
      </c>
      <c r="F11767" s="1" t="s">
        <v>45159</v>
      </c>
      <c r="G11767" s="1" t="s">
        <v>45099</v>
      </c>
      <c r="H11767" s="1" t="s">
        <v>45100</v>
      </c>
      <c r="I11767" s="1" t="s">
        <v>43772</v>
      </c>
      <c r="J11767" s="1" t="s">
        <v>45160</v>
      </c>
    </row>
    <row r="11768" spans="1:10" x14ac:dyDescent="0.35">
      <c r="A11768" s="1" t="s">
        <v>45096</v>
      </c>
      <c r="B11768" s="1" t="s">
        <v>43766</v>
      </c>
      <c r="C11768" s="1" t="s">
        <v>100</v>
      </c>
      <c r="D11768" s="1" t="s">
        <v>35707</v>
      </c>
      <c r="E11768" s="1" t="s">
        <v>45161</v>
      </c>
      <c r="F11768" s="1" t="s">
        <v>45162</v>
      </c>
      <c r="G11768" s="1" t="s">
        <v>45099</v>
      </c>
      <c r="H11768" s="1" t="s">
        <v>45100</v>
      </c>
      <c r="I11768" s="1" t="s">
        <v>43772</v>
      </c>
      <c r="J11768" s="1" t="s">
        <v>45163</v>
      </c>
    </row>
    <row r="11769" spans="1:10" x14ac:dyDescent="0.35">
      <c r="A11769" s="1" t="s">
        <v>45096</v>
      </c>
      <c r="B11769" s="1" t="s">
        <v>43766</v>
      </c>
      <c r="C11769" s="1" t="s">
        <v>105</v>
      </c>
      <c r="D11769" s="1" t="s">
        <v>45164</v>
      </c>
      <c r="E11769" s="1" t="s">
        <v>45165</v>
      </c>
      <c r="F11769" s="1" t="s">
        <v>45166</v>
      </c>
      <c r="G11769" s="1" t="s">
        <v>45099</v>
      </c>
      <c r="H11769" s="1" t="s">
        <v>45100</v>
      </c>
      <c r="I11769" s="1" t="s">
        <v>43772</v>
      </c>
      <c r="J11769" s="1" t="s">
        <v>45167</v>
      </c>
    </row>
    <row r="11770" spans="1:10" x14ac:dyDescent="0.35">
      <c r="A11770" s="1" t="s">
        <v>45096</v>
      </c>
      <c r="B11770" s="1" t="s">
        <v>43766</v>
      </c>
      <c r="C11770" s="1" t="s">
        <v>110</v>
      </c>
      <c r="D11770" s="1" t="s">
        <v>45168</v>
      </c>
      <c r="E11770" s="1" t="s">
        <v>45169</v>
      </c>
      <c r="F11770" s="1" t="s">
        <v>45170</v>
      </c>
      <c r="G11770" s="1" t="s">
        <v>45099</v>
      </c>
      <c r="H11770" s="1" t="s">
        <v>45100</v>
      </c>
      <c r="I11770" s="1" t="s">
        <v>43772</v>
      </c>
      <c r="J11770" s="1" t="s">
        <v>45171</v>
      </c>
    </row>
    <row r="11771" spans="1:10" x14ac:dyDescent="0.35">
      <c r="A11771" s="1" t="s">
        <v>45096</v>
      </c>
      <c r="B11771" s="1" t="s">
        <v>43766</v>
      </c>
      <c r="C11771" s="1" t="s">
        <v>115</v>
      </c>
      <c r="D11771" s="1" t="s">
        <v>45172</v>
      </c>
      <c r="E11771" s="1" t="s">
        <v>45173</v>
      </c>
      <c r="F11771" s="1" t="s">
        <v>45174</v>
      </c>
      <c r="G11771" s="1" t="s">
        <v>45099</v>
      </c>
      <c r="H11771" s="1" t="s">
        <v>45100</v>
      </c>
      <c r="I11771" s="1" t="s">
        <v>43772</v>
      </c>
      <c r="J11771" s="1" t="s">
        <v>45175</v>
      </c>
    </row>
    <row r="11772" spans="1:10" x14ac:dyDescent="0.35">
      <c r="A11772" s="1" t="s">
        <v>45096</v>
      </c>
      <c r="B11772" s="1" t="s">
        <v>43766</v>
      </c>
      <c r="C11772" s="1" t="s">
        <v>120</v>
      </c>
      <c r="D11772" s="1" t="s">
        <v>15387</v>
      </c>
      <c r="E11772" s="1" t="s">
        <v>45176</v>
      </c>
      <c r="F11772" s="1" t="s">
        <v>45177</v>
      </c>
      <c r="G11772" s="1" t="s">
        <v>45099</v>
      </c>
      <c r="H11772" s="1" t="s">
        <v>45100</v>
      </c>
      <c r="I11772" s="1" t="s">
        <v>43772</v>
      </c>
      <c r="J11772" s="1" t="s">
        <v>45178</v>
      </c>
    </row>
    <row r="11773" spans="1:10" x14ac:dyDescent="0.35">
      <c r="A11773" s="1" t="s">
        <v>45096</v>
      </c>
      <c r="B11773" s="1" t="s">
        <v>43766</v>
      </c>
      <c r="C11773" s="1" t="s">
        <v>125</v>
      </c>
      <c r="D11773" s="1" t="s">
        <v>17809</v>
      </c>
      <c r="E11773" s="1" t="s">
        <v>45179</v>
      </c>
      <c r="F11773" s="1" t="s">
        <v>45180</v>
      </c>
      <c r="G11773" s="1" t="s">
        <v>45099</v>
      </c>
      <c r="H11773" s="1" t="s">
        <v>45100</v>
      </c>
      <c r="I11773" s="1" t="s">
        <v>43772</v>
      </c>
      <c r="J11773" s="1" t="s">
        <v>45181</v>
      </c>
    </row>
    <row r="11774" spans="1:10" x14ac:dyDescent="0.35">
      <c r="A11774" s="1" t="s">
        <v>45096</v>
      </c>
      <c r="B11774" s="1" t="s">
        <v>43766</v>
      </c>
      <c r="C11774" s="1" t="s">
        <v>130</v>
      </c>
      <c r="D11774" s="1" t="s">
        <v>38866</v>
      </c>
      <c r="E11774" s="1" t="s">
        <v>45182</v>
      </c>
      <c r="F11774" s="1" t="s">
        <v>45183</v>
      </c>
      <c r="G11774" s="1" t="s">
        <v>45099</v>
      </c>
      <c r="H11774" s="1" t="s">
        <v>45100</v>
      </c>
      <c r="I11774" s="1" t="s">
        <v>43772</v>
      </c>
      <c r="J11774" s="1" t="s">
        <v>45184</v>
      </c>
    </row>
    <row r="11775" spans="1:10" x14ac:dyDescent="0.35">
      <c r="A11775" s="1" t="s">
        <v>45096</v>
      </c>
      <c r="B11775" s="1" t="s">
        <v>43766</v>
      </c>
      <c r="C11775" s="1" t="s">
        <v>135</v>
      </c>
      <c r="D11775" s="1" t="s">
        <v>45185</v>
      </c>
      <c r="E11775" s="1" t="s">
        <v>45186</v>
      </c>
      <c r="F11775" s="1" t="s">
        <v>45187</v>
      </c>
      <c r="G11775" s="1" t="s">
        <v>45099</v>
      </c>
      <c r="H11775" s="1" t="s">
        <v>45100</v>
      </c>
      <c r="I11775" s="1" t="s">
        <v>43772</v>
      </c>
      <c r="J11775" s="1" t="s">
        <v>45188</v>
      </c>
    </row>
    <row r="11776" spans="1:10" x14ac:dyDescent="0.35">
      <c r="A11776" s="1" t="s">
        <v>45096</v>
      </c>
      <c r="B11776" s="1" t="s">
        <v>43766</v>
      </c>
      <c r="C11776" s="1" t="s">
        <v>140</v>
      </c>
      <c r="D11776" s="1" t="s">
        <v>45189</v>
      </c>
      <c r="E11776" s="1" t="s">
        <v>45190</v>
      </c>
      <c r="F11776" s="1" t="s">
        <v>45191</v>
      </c>
      <c r="G11776" s="1" t="s">
        <v>45099</v>
      </c>
      <c r="H11776" s="1" t="s">
        <v>45100</v>
      </c>
      <c r="I11776" s="1" t="s">
        <v>43772</v>
      </c>
      <c r="J11776" s="1" t="s">
        <v>45192</v>
      </c>
    </row>
    <row r="11777" spans="1:10" x14ac:dyDescent="0.35">
      <c r="A11777" s="1" t="s">
        <v>45096</v>
      </c>
      <c r="B11777" s="1" t="s">
        <v>43766</v>
      </c>
      <c r="C11777" s="1" t="s">
        <v>145</v>
      </c>
      <c r="D11777" s="1" t="s">
        <v>45193</v>
      </c>
      <c r="E11777" s="1" t="s">
        <v>45194</v>
      </c>
      <c r="F11777" s="1" t="s">
        <v>45195</v>
      </c>
      <c r="G11777" s="1" t="s">
        <v>45099</v>
      </c>
      <c r="H11777" s="1" t="s">
        <v>45100</v>
      </c>
      <c r="I11777" s="1" t="s">
        <v>43772</v>
      </c>
      <c r="J11777" s="1" t="s">
        <v>45196</v>
      </c>
    </row>
    <row r="11778" spans="1:10" x14ac:dyDescent="0.35">
      <c r="A11778" s="1" t="s">
        <v>45096</v>
      </c>
      <c r="B11778" s="1" t="s">
        <v>43766</v>
      </c>
      <c r="C11778" s="1" t="s">
        <v>150</v>
      </c>
      <c r="D11778" s="1" t="s">
        <v>31026</v>
      </c>
      <c r="E11778" s="1" t="s">
        <v>45197</v>
      </c>
      <c r="F11778" s="1" t="s">
        <v>45198</v>
      </c>
      <c r="G11778" s="1" t="s">
        <v>45099</v>
      </c>
      <c r="H11778" s="1" t="s">
        <v>45100</v>
      </c>
      <c r="I11778" s="1" t="s">
        <v>43772</v>
      </c>
      <c r="J11778" s="1" t="s">
        <v>45199</v>
      </c>
    </row>
    <row r="11779" spans="1:10" x14ac:dyDescent="0.35">
      <c r="A11779" s="1" t="s">
        <v>45096</v>
      </c>
      <c r="B11779" s="1" t="s">
        <v>43766</v>
      </c>
      <c r="C11779" s="1" t="s">
        <v>155</v>
      </c>
      <c r="D11779" s="1" t="s">
        <v>45200</v>
      </c>
      <c r="E11779" s="1" t="s">
        <v>45201</v>
      </c>
      <c r="F11779" s="1" t="s">
        <v>45202</v>
      </c>
      <c r="G11779" s="1" t="s">
        <v>45099</v>
      </c>
      <c r="H11779" s="1" t="s">
        <v>45100</v>
      </c>
      <c r="I11779" s="1" t="s">
        <v>43772</v>
      </c>
      <c r="J11779" s="1" t="s">
        <v>45203</v>
      </c>
    </row>
    <row r="11780" spans="1:10" x14ac:dyDescent="0.35">
      <c r="A11780" s="1" t="s">
        <v>45096</v>
      </c>
      <c r="B11780" s="1" t="s">
        <v>43766</v>
      </c>
      <c r="C11780" s="1" t="s">
        <v>160</v>
      </c>
      <c r="D11780" s="1" t="s">
        <v>45204</v>
      </c>
      <c r="E11780" s="1" t="s">
        <v>45205</v>
      </c>
      <c r="F11780" s="1" t="s">
        <v>45206</v>
      </c>
      <c r="G11780" s="1" t="s">
        <v>45099</v>
      </c>
      <c r="H11780" s="1" t="s">
        <v>45100</v>
      </c>
      <c r="I11780" s="1" t="s">
        <v>43772</v>
      </c>
      <c r="J11780" s="1" t="s">
        <v>45207</v>
      </c>
    </row>
    <row r="11781" spans="1:10" x14ac:dyDescent="0.35">
      <c r="A11781" s="1" t="s">
        <v>45096</v>
      </c>
      <c r="B11781" s="1" t="s">
        <v>43766</v>
      </c>
      <c r="C11781" s="1" t="s">
        <v>165</v>
      </c>
      <c r="D11781" s="1" t="s">
        <v>45208</v>
      </c>
      <c r="E11781" s="1" t="s">
        <v>45209</v>
      </c>
      <c r="F11781" s="1" t="s">
        <v>45210</v>
      </c>
      <c r="G11781" s="1" t="s">
        <v>45099</v>
      </c>
      <c r="H11781" s="1" t="s">
        <v>45100</v>
      </c>
      <c r="I11781" s="1" t="s">
        <v>43772</v>
      </c>
      <c r="J11781" s="1" t="s">
        <v>45211</v>
      </c>
    </row>
    <row r="11782" spans="1:10" x14ac:dyDescent="0.35">
      <c r="A11782" s="1" t="s">
        <v>45096</v>
      </c>
      <c r="B11782" s="1" t="s">
        <v>43766</v>
      </c>
      <c r="C11782" s="1" t="s">
        <v>170</v>
      </c>
      <c r="D11782" s="1" t="s">
        <v>18014</v>
      </c>
      <c r="E11782" s="1" t="s">
        <v>45212</v>
      </c>
      <c r="F11782" s="1" t="s">
        <v>45213</v>
      </c>
      <c r="G11782" s="1" t="s">
        <v>45099</v>
      </c>
      <c r="H11782" s="1" t="s">
        <v>45100</v>
      </c>
      <c r="I11782" s="1" t="s">
        <v>43772</v>
      </c>
      <c r="J11782" s="1" t="s">
        <v>45214</v>
      </c>
    </row>
    <row r="11783" spans="1:10" x14ac:dyDescent="0.35">
      <c r="A11783" s="1" t="s">
        <v>45215</v>
      </c>
      <c r="B11783" s="1" t="s">
        <v>43766</v>
      </c>
      <c r="C11783" s="1" t="s">
        <v>8</v>
      </c>
      <c r="D11783" s="1" t="s">
        <v>25365</v>
      </c>
      <c r="E11783" s="1" t="s">
        <v>45216</v>
      </c>
      <c r="F11783" s="1" t="s">
        <v>45217</v>
      </c>
      <c r="G11783" s="1" t="s">
        <v>45218</v>
      </c>
      <c r="H11783" s="1" t="s">
        <v>45219</v>
      </c>
      <c r="I11783" s="1" t="s">
        <v>43772</v>
      </c>
      <c r="J11783" s="1" t="s">
        <v>13</v>
      </c>
    </row>
    <row r="11784" spans="1:10" x14ac:dyDescent="0.35">
      <c r="A11784" s="1" t="s">
        <v>45215</v>
      </c>
      <c r="B11784" s="1" t="s">
        <v>43766</v>
      </c>
      <c r="C11784" s="1" t="s">
        <v>15</v>
      </c>
      <c r="D11784" s="1" t="s">
        <v>45220</v>
      </c>
      <c r="E11784" s="1" t="s">
        <v>45221</v>
      </c>
      <c r="F11784" s="1" t="s">
        <v>45222</v>
      </c>
      <c r="G11784" s="1" t="s">
        <v>45218</v>
      </c>
      <c r="H11784" s="1" t="s">
        <v>45219</v>
      </c>
      <c r="I11784" s="1" t="s">
        <v>43772</v>
      </c>
      <c r="J11784" s="1" t="s">
        <v>45223</v>
      </c>
    </row>
    <row r="11785" spans="1:10" x14ac:dyDescent="0.35">
      <c r="A11785" s="1" t="s">
        <v>45215</v>
      </c>
      <c r="B11785" s="1" t="s">
        <v>43766</v>
      </c>
      <c r="C11785" s="1" t="s">
        <v>20</v>
      </c>
      <c r="D11785" s="1" t="s">
        <v>6190</v>
      </c>
      <c r="E11785" s="1" t="s">
        <v>45224</v>
      </c>
      <c r="F11785" s="1" t="s">
        <v>45225</v>
      </c>
      <c r="G11785" s="1" t="s">
        <v>45218</v>
      </c>
      <c r="H11785" s="1" t="s">
        <v>45219</v>
      </c>
      <c r="I11785" s="1" t="s">
        <v>43772</v>
      </c>
      <c r="J11785" s="1" t="s">
        <v>45226</v>
      </c>
    </row>
    <row r="11786" spans="1:10" x14ac:dyDescent="0.35">
      <c r="A11786" s="1" t="s">
        <v>45215</v>
      </c>
      <c r="B11786" s="1" t="s">
        <v>43766</v>
      </c>
      <c r="C11786" s="1" t="s">
        <v>25</v>
      </c>
      <c r="D11786" s="1" t="s">
        <v>13126</v>
      </c>
      <c r="E11786" s="1" t="s">
        <v>45227</v>
      </c>
      <c r="F11786" s="1" t="s">
        <v>45228</v>
      </c>
      <c r="G11786" s="1" t="s">
        <v>45218</v>
      </c>
      <c r="H11786" s="1" t="s">
        <v>45219</v>
      </c>
      <c r="I11786" s="1" t="s">
        <v>43772</v>
      </c>
      <c r="J11786" s="1" t="s">
        <v>45229</v>
      </c>
    </row>
    <row r="11787" spans="1:10" x14ac:dyDescent="0.35">
      <c r="A11787" s="1" t="s">
        <v>45215</v>
      </c>
      <c r="B11787" s="1" t="s">
        <v>43766</v>
      </c>
      <c r="C11787" s="1" t="s">
        <v>30</v>
      </c>
      <c r="D11787" s="1" t="s">
        <v>12959</v>
      </c>
      <c r="E11787" s="1" t="s">
        <v>45230</v>
      </c>
      <c r="F11787" s="1" t="s">
        <v>45231</v>
      </c>
      <c r="G11787" s="1" t="s">
        <v>45218</v>
      </c>
      <c r="H11787" s="1" t="s">
        <v>45219</v>
      </c>
      <c r="I11787" s="1" t="s">
        <v>43772</v>
      </c>
      <c r="J11787" s="1" t="s">
        <v>45232</v>
      </c>
    </row>
    <row r="11788" spans="1:10" x14ac:dyDescent="0.35">
      <c r="A11788" s="1" t="s">
        <v>45215</v>
      </c>
      <c r="B11788" s="1" t="s">
        <v>43766</v>
      </c>
      <c r="C11788" s="1" t="s">
        <v>35</v>
      </c>
      <c r="D11788" s="1" t="s">
        <v>45233</v>
      </c>
      <c r="E11788" s="1" t="s">
        <v>45234</v>
      </c>
      <c r="F11788" s="1" t="s">
        <v>45235</v>
      </c>
      <c r="G11788" s="1" t="s">
        <v>45218</v>
      </c>
      <c r="H11788" s="1" t="s">
        <v>45219</v>
      </c>
      <c r="I11788" s="1" t="s">
        <v>43772</v>
      </c>
      <c r="J11788" s="1" t="s">
        <v>45236</v>
      </c>
    </row>
    <row r="11789" spans="1:10" x14ac:dyDescent="0.35">
      <c r="A11789" s="1" t="s">
        <v>45215</v>
      </c>
      <c r="B11789" s="1" t="s">
        <v>43766</v>
      </c>
      <c r="C11789" s="1" t="s">
        <v>40</v>
      </c>
      <c r="D11789" s="1" t="s">
        <v>44987</v>
      </c>
      <c r="E11789" s="1" t="s">
        <v>45237</v>
      </c>
      <c r="F11789" s="1" t="s">
        <v>45238</v>
      </c>
      <c r="G11789" s="1" t="s">
        <v>45218</v>
      </c>
      <c r="H11789" s="1" t="s">
        <v>45219</v>
      </c>
      <c r="I11789" s="1" t="s">
        <v>43772</v>
      </c>
      <c r="J11789" s="1" t="s">
        <v>45239</v>
      </c>
    </row>
    <row r="11790" spans="1:10" x14ac:dyDescent="0.35">
      <c r="A11790" s="1" t="s">
        <v>45215</v>
      </c>
      <c r="B11790" s="1" t="s">
        <v>43766</v>
      </c>
      <c r="C11790" s="1" t="s">
        <v>45</v>
      </c>
      <c r="D11790" s="1" t="s">
        <v>45240</v>
      </c>
      <c r="E11790" s="1" t="s">
        <v>45241</v>
      </c>
      <c r="F11790" s="1" t="s">
        <v>45242</v>
      </c>
      <c r="G11790" s="1" t="s">
        <v>45218</v>
      </c>
      <c r="H11790" s="1" t="s">
        <v>45219</v>
      </c>
      <c r="I11790" s="1" t="s">
        <v>43772</v>
      </c>
      <c r="J11790" s="1" t="s">
        <v>45243</v>
      </c>
    </row>
    <row r="11791" spans="1:10" x14ac:dyDescent="0.35">
      <c r="A11791" s="1" t="s">
        <v>45215</v>
      </c>
      <c r="B11791" s="1" t="s">
        <v>43766</v>
      </c>
      <c r="C11791" s="1" t="s">
        <v>50</v>
      </c>
      <c r="D11791" s="1" t="s">
        <v>45244</v>
      </c>
      <c r="E11791" s="1" t="s">
        <v>45245</v>
      </c>
      <c r="F11791" s="1" t="s">
        <v>45246</v>
      </c>
      <c r="G11791" s="1" t="s">
        <v>45218</v>
      </c>
      <c r="H11791" s="1" t="s">
        <v>45219</v>
      </c>
      <c r="I11791" s="1" t="s">
        <v>43772</v>
      </c>
      <c r="J11791" s="1" t="s">
        <v>45247</v>
      </c>
    </row>
    <row r="11792" spans="1:10" x14ac:dyDescent="0.35">
      <c r="A11792" s="1" t="s">
        <v>45215</v>
      </c>
      <c r="B11792" s="1" t="s">
        <v>43766</v>
      </c>
      <c r="C11792" s="1" t="s">
        <v>55</v>
      </c>
      <c r="D11792" s="1" t="s">
        <v>45248</v>
      </c>
      <c r="E11792" s="1" t="s">
        <v>45249</v>
      </c>
      <c r="F11792" s="1" t="s">
        <v>45250</v>
      </c>
      <c r="G11792" s="1" t="s">
        <v>45218</v>
      </c>
      <c r="H11792" s="1" t="s">
        <v>45219</v>
      </c>
      <c r="I11792" s="1" t="s">
        <v>43772</v>
      </c>
      <c r="J11792" s="1" t="s">
        <v>45251</v>
      </c>
    </row>
    <row r="11793" spans="1:10" x14ac:dyDescent="0.35">
      <c r="A11793" s="1" t="s">
        <v>45215</v>
      </c>
      <c r="B11793" s="1" t="s">
        <v>43766</v>
      </c>
      <c r="C11793" s="1" t="s">
        <v>60</v>
      </c>
      <c r="D11793" s="1" t="s">
        <v>45252</v>
      </c>
      <c r="E11793" s="1" t="s">
        <v>45253</v>
      </c>
      <c r="F11793" s="1" t="s">
        <v>45254</v>
      </c>
      <c r="G11793" s="1" t="s">
        <v>45218</v>
      </c>
      <c r="H11793" s="1" t="s">
        <v>45219</v>
      </c>
      <c r="I11793" s="1" t="s">
        <v>43772</v>
      </c>
      <c r="J11793" s="1" t="s">
        <v>45255</v>
      </c>
    </row>
    <row r="11794" spans="1:10" x14ac:dyDescent="0.35">
      <c r="A11794" s="1" t="s">
        <v>45215</v>
      </c>
      <c r="B11794" s="1" t="s">
        <v>43766</v>
      </c>
      <c r="C11794" s="1" t="s">
        <v>65</v>
      </c>
      <c r="D11794" s="1" t="s">
        <v>45005</v>
      </c>
      <c r="E11794" s="1" t="s">
        <v>45256</v>
      </c>
      <c r="F11794" s="1" t="s">
        <v>45257</v>
      </c>
      <c r="G11794" s="1" t="s">
        <v>45218</v>
      </c>
      <c r="H11794" s="1" t="s">
        <v>45219</v>
      </c>
      <c r="I11794" s="1" t="s">
        <v>43772</v>
      </c>
      <c r="J11794" s="1" t="s">
        <v>45258</v>
      </c>
    </row>
    <row r="11795" spans="1:10" x14ac:dyDescent="0.35">
      <c r="A11795" s="1" t="s">
        <v>45215</v>
      </c>
      <c r="B11795" s="1" t="s">
        <v>43766</v>
      </c>
      <c r="C11795" s="1" t="s">
        <v>70</v>
      </c>
      <c r="D11795" s="1" t="s">
        <v>45259</v>
      </c>
      <c r="E11795" s="1" t="s">
        <v>45260</v>
      </c>
      <c r="F11795" s="1" t="s">
        <v>45261</v>
      </c>
      <c r="G11795" s="1" t="s">
        <v>45218</v>
      </c>
      <c r="H11795" s="1" t="s">
        <v>45219</v>
      </c>
      <c r="I11795" s="1" t="s">
        <v>43772</v>
      </c>
      <c r="J11795" s="1" t="s">
        <v>45262</v>
      </c>
    </row>
    <row r="11796" spans="1:10" x14ac:dyDescent="0.35">
      <c r="A11796" s="1" t="s">
        <v>45215</v>
      </c>
      <c r="B11796" s="1" t="s">
        <v>43766</v>
      </c>
      <c r="C11796" s="1" t="s">
        <v>75</v>
      </c>
      <c r="D11796" s="1" t="s">
        <v>6900</v>
      </c>
      <c r="E11796" s="1" t="s">
        <v>45263</v>
      </c>
      <c r="F11796" s="1" t="s">
        <v>45264</v>
      </c>
      <c r="G11796" s="1" t="s">
        <v>45218</v>
      </c>
      <c r="H11796" s="1" t="s">
        <v>45219</v>
      </c>
      <c r="I11796" s="1" t="s">
        <v>43772</v>
      </c>
      <c r="J11796" s="1" t="s">
        <v>45265</v>
      </c>
    </row>
    <row r="11797" spans="1:10" x14ac:dyDescent="0.35">
      <c r="A11797" s="1" t="s">
        <v>45215</v>
      </c>
      <c r="B11797" s="1" t="s">
        <v>43766</v>
      </c>
      <c r="C11797" s="1" t="s">
        <v>80</v>
      </c>
      <c r="D11797" s="1" t="s">
        <v>45266</v>
      </c>
      <c r="E11797" s="1" t="s">
        <v>45267</v>
      </c>
      <c r="F11797" s="1" t="s">
        <v>45268</v>
      </c>
      <c r="G11797" s="1" t="s">
        <v>45218</v>
      </c>
      <c r="H11797" s="1" t="s">
        <v>45219</v>
      </c>
      <c r="I11797" s="1" t="s">
        <v>43772</v>
      </c>
      <c r="J11797" s="1" t="s">
        <v>45269</v>
      </c>
    </row>
    <row r="11798" spans="1:10" x14ac:dyDescent="0.35">
      <c r="A11798" s="1" t="s">
        <v>45215</v>
      </c>
      <c r="B11798" s="1" t="s">
        <v>43766</v>
      </c>
      <c r="C11798" s="1" t="s">
        <v>85</v>
      </c>
      <c r="D11798" s="1" t="s">
        <v>45270</v>
      </c>
      <c r="E11798" s="1" t="s">
        <v>45271</v>
      </c>
      <c r="F11798" s="1" t="s">
        <v>45272</v>
      </c>
      <c r="G11798" s="1" t="s">
        <v>45218</v>
      </c>
      <c r="H11798" s="1" t="s">
        <v>45219</v>
      </c>
      <c r="I11798" s="1" t="s">
        <v>43772</v>
      </c>
      <c r="J11798" s="1" t="s">
        <v>45273</v>
      </c>
    </row>
    <row r="11799" spans="1:10" x14ac:dyDescent="0.35">
      <c r="A11799" s="1" t="s">
        <v>45215</v>
      </c>
      <c r="B11799" s="1" t="s">
        <v>43766</v>
      </c>
      <c r="C11799" s="1" t="s">
        <v>90</v>
      </c>
      <c r="D11799" s="1" t="s">
        <v>16336</v>
      </c>
      <c r="E11799" s="1" t="s">
        <v>45274</v>
      </c>
      <c r="F11799" s="1" t="s">
        <v>45275</v>
      </c>
      <c r="G11799" s="1" t="s">
        <v>45218</v>
      </c>
      <c r="H11799" s="1" t="s">
        <v>45219</v>
      </c>
      <c r="I11799" s="1" t="s">
        <v>43772</v>
      </c>
      <c r="J11799" s="1" t="s">
        <v>45276</v>
      </c>
    </row>
    <row r="11800" spans="1:10" x14ac:dyDescent="0.35">
      <c r="A11800" s="1" t="s">
        <v>45215</v>
      </c>
      <c r="B11800" s="1" t="s">
        <v>43766</v>
      </c>
      <c r="C11800" s="1" t="s">
        <v>95</v>
      </c>
      <c r="D11800" s="1" t="s">
        <v>34708</v>
      </c>
      <c r="E11800" s="1" t="s">
        <v>45277</v>
      </c>
      <c r="F11800" s="1" t="s">
        <v>45278</v>
      </c>
      <c r="G11800" s="1" t="s">
        <v>45218</v>
      </c>
      <c r="H11800" s="1" t="s">
        <v>45219</v>
      </c>
      <c r="I11800" s="1" t="s">
        <v>43772</v>
      </c>
      <c r="J11800" s="1" t="s">
        <v>45279</v>
      </c>
    </row>
    <row r="11801" spans="1:10" x14ac:dyDescent="0.35">
      <c r="A11801" s="1" t="s">
        <v>45215</v>
      </c>
      <c r="B11801" s="1" t="s">
        <v>43766</v>
      </c>
      <c r="C11801" s="1" t="s">
        <v>100</v>
      </c>
      <c r="D11801" s="1" t="s">
        <v>45280</v>
      </c>
      <c r="E11801" s="1" t="s">
        <v>45281</v>
      </c>
      <c r="F11801" s="1" t="s">
        <v>45282</v>
      </c>
      <c r="G11801" s="1" t="s">
        <v>45218</v>
      </c>
      <c r="H11801" s="1" t="s">
        <v>45219</v>
      </c>
      <c r="I11801" s="1" t="s">
        <v>43772</v>
      </c>
      <c r="J11801" s="1" t="s">
        <v>45283</v>
      </c>
    </row>
    <row r="11802" spans="1:10" x14ac:dyDescent="0.35">
      <c r="A11802" s="1" t="s">
        <v>45215</v>
      </c>
      <c r="B11802" s="1" t="s">
        <v>43766</v>
      </c>
      <c r="C11802" s="1" t="s">
        <v>105</v>
      </c>
      <c r="D11802" s="1" t="s">
        <v>45284</v>
      </c>
      <c r="E11802" s="1" t="s">
        <v>45285</v>
      </c>
      <c r="F11802" s="1" t="s">
        <v>45286</v>
      </c>
      <c r="G11802" s="1" t="s">
        <v>45218</v>
      </c>
      <c r="H11802" s="1" t="s">
        <v>45219</v>
      </c>
      <c r="I11802" s="1" t="s">
        <v>43772</v>
      </c>
      <c r="J11802" s="1" t="s">
        <v>45287</v>
      </c>
    </row>
    <row r="11803" spans="1:10" x14ac:dyDescent="0.35">
      <c r="A11803" s="1" t="s">
        <v>45215</v>
      </c>
      <c r="B11803" s="1" t="s">
        <v>43766</v>
      </c>
      <c r="C11803" s="1" t="s">
        <v>110</v>
      </c>
      <c r="D11803" s="1" t="s">
        <v>45288</v>
      </c>
      <c r="E11803" s="1" t="s">
        <v>45289</v>
      </c>
      <c r="F11803" s="1" t="s">
        <v>45290</v>
      </c>
      <c r="G11803" s="1" t="s">
        <v>45218</v>
      </c>
      <c r="H11803" s="1" t="s">
        <v>45219</v>
      </c>
      <c r="I11803" s="1" t="s">
        <v>43772</v>
      </c>
      <c r="J11803" s="1" t="s">
        <v>45291</v>
      </c>
    </row>
    <row r="11804" spans="1:10" x14ac:dyDescent="0.35">
      <c r="A11804" s="1" t="s">
        <v>45215</v>
      </c>
      <c r="B11804" s="1" t="s">
        <v>43766</v>
      </c>
      <c r="C11804" s="1" t="s">
        <v>115</v>
      </c>
      <c r="D11804" s="1" t="s">
        <v>5203</v>
      </c>
      <c r="E11804" s="1" t="s">
        <v>45292</v>
      </c>
      <c r="F11804" s="1" t="s">
        <v>45293</v>
      </c>
      <c r="G11804" s="1" t="s">
        <v>45218</v>
      </c>
      <c r="H11804" s="1" t="s">
        <v>45219</v>
      </c>
      <c r="I11804" s="1" t="s">
        <v>43772</v>
      </c>
      <c r="J11804" s="1" t="s">
        <v>45294</v>
      </c>
    </row>
    <row r="11805" spans="1:10" x14ac:dyDescent="0.35">
      <c r="A11805" s="1" t="s">
        <v>45215</v>
      </c>
      <c r="B11805" s="1" t="s">
        <v>43766</v>
      </c>
      <c r="C11805" s="1" t="s">
        <v>120</v>
      </c>
      <c r="D11805" s="1" t="s">
        <v>45295</v>
      </c>
      <c r="E11805" s="1" t="s">
        <v>45296</v>
      </c>
      <c r="F11805" s="1" t="s">
        <v>45297</v>
      </c>
      <c r="G11805" s="1" t="s">
        <v>45218</v>
      </c>
      <c r="H11805" s="1" t="s">
        <v>45219</v>
      </c>
      <c r="I11805" s="1" t="s">
        <v>43772</v>
      </c>
      <c r="J11805" s="1" t="s">
        <v>45298</v>
      </c>
    </row>
    <row r="11806" spans="1:10" x14ac:dyDescent="0.35">
      <c r="A11806" s="1" t="s">
        <v>45215</v>
      </c>
      <c r="B11806" s="1" t="s">
        <v>43766</v>
      </c>
      <c r="C11806" s="1" t="s">
        <v>125</v>
      </c>
      <c r="D11806" s="1" t="s">
        <v>45299</v>
      </c>
      <c r="E11806" s="1" t="s">
        <v>45300</v>
      </c>
      <c r="F11806" s="1" t="s">
        <v>45301</v>
      </c>
      <c r="G11806" s="1" t="s">
        <v>45218</v>
      </c>
      <c r="H11806" s="1" t="s">
        <v>45219</v>
      </c>
      <c r="I11806" s="1" t="s">
        <v>43772</v>
      </c>
      <c r="J11806" s="1" t="s">
        <v>45302</v>
      </c>
    </row>
    <row r="11807" spans="1:10" x14ac:dyDescent="0.35">
      <c r="A11807" s="1" t="s">
        <v>45215</v>
      </c>
      <c r="B11807" s="1" t="s">
        <v>43766</v>
      </c>
      <c r="C11807" s="1" t="s">
        <v>130</v>
      </c>
      <c r="D11807" s="1" t="s">
        <v>45303</v>
      </c>
      <c r="E11807" s="1" t="s">
        <v>45304</v>
      </c>
      <c r="F11807" s="1" t="s">
        <v>45305</v>
      </c>
      <c r="G11807" s="1" t="s">
        <v>45218</v>
      </c>
      <c r="H11807" s="1" t="s">
        <v>45219</v>
      </c>
      <c r="I11807" s="1" t="s">
        <v>43772</v>
      </c>
      <c r="J11807" s="1" t="s">
        <v>45306</v>
      </c>
    </row>
    <row r="11808" spans="1:10" x14ac:dyDescent="0.35">
      <c r="A11808" s="1" t="s">
        <v>45215</v>
      </c>
      <c r="B11808" s="1" t="s">
        <v>43766</v>
      </c>
      <c r="C11808" s="1" t="s">
        <v>135</v>
      </c>
      <c r="D11808" s="1" t="s">
        <v>45307</v>
      </c>
      <c r="E11808" s="1" t="s">
        <v>45308</v>
      </c>
      <c r="F11808" s="1" t="s">
        <v>45309</v>
      </c>
      <c r="G11808" s="1" t="s">
        <v>45218</v>
      </c>
      <c r="H11808" s="1" t="s">
        <v>45219</v>
      </c>
      <c r="I11808" s="1" t="s">
        <v>43772</v>
      </c>
      <c r="J11808" s="1" t="s">
        <v>45310</v>
      </c>
    </row>
    <row r="11809" spans="1:10" x14ac:dyDescent="0.35">
      <c r="A11809" s="1" t="s">
        <v>45215</v>
      </c>
      <c r="B11809" s="1" t="s">
        <v>43766</v>
      </c>
      <c r="C11809" s="1" t="s">
        <v>140</v>
      </c>
      <c r="D11809" s="1" t="s">
        <v>45311</v>
      </c>
      <c r="E11809" s="1" t="s">
        <v>45312</v>
      </c>
      <c r="F11809" s="1" t="s">
        <v>45313</v>
      </c>
      <c r="G11809" s="1" t="s">
        <v>45218</v>
      </c>
      <c r="H11809" s="1" t="s">
        <v>45219</v>
      </c>
      <c r="I11809" s="1" t="s">
        <v>43772</v>
      </c>
      <c r="J11809" s="1" t="s">
        <v>45314</v>
      </c>
    </row>
    <row r="11810" spans="1:10" x14ac:dyDescent="0.35">
      <c r="A11810" s="1" t="s">
        <v>45215</v>
      </c>
      <c r="B11810" s="1" t="s">
        <v>43766</v>
      </c>
      <c r="C11810" s="1" t="s">
        <v>145</v>
      </c>
      <c r="D11810" s="1" t="s">
        <v>42678</v>
      </c>
      <c r="E11810" s="1" t="s">
        <v>45315</v>
      </c>
      <c r="F11810" s="1" t="s">
        <v>45316</v>
      </c>
      <c r="G11810" s="1" t="s">
        <v>45218</v>
      </c>
      <c r="H11810" s="1" t="s">
        <v>45219</v>
      </c>
      <c r="I11810" s="1" t="s">
        <v>43772</v>
      </c>
      <c r="J11810" s="1" t="s">
        <v>45317</v>
      </c>
    </row>
    <row r="11811" spans="1:10" x14ac:dyDescent="0.35">
      <c r="A11811" s="1" t="s">
        <v>45215</v>
      </c>
      <c r="B11811" s="1" t="s">
        <v>43766</v>
      </c>
      <c r="C11811" s="1" t="s">
        <v>150</v>
      </c>
      <c r="D11811" s="1" t="s">
        <v>45318</v>
      </c>
      <c r="E11811" s="1" t="s">
        <v>45319</v>
      </c>
      <c r="F11811" s="1" t="s">
        <v>45320</v>
      </c>
      <c r="G11811" s="1" t="s">
        <v>45218</v>
      </c>
      <c r="H11811" s="1" t="s">
        <v>45219</v>
      </c>
      <c r="I11811" s="1" t="s">
        <v>43772</v>
      </c>
      <c r="J11811" s="1" t="s">
        <v>45321</v>
      </c>
    </row>
    <row r="11812" spans="1:10" x14ac:dyDescent="0.35">
      <c r="A11812" s="1" t="s">
        <v>45215</v>
      </c>
      <c r="B11812" s="1" t="s">
        <v>43766</v>
      </c>
      <c r="C11812" s="1" t="s">
        <v>155</v>
      </c>
      <c r="D11812" s="1" t="s">
        <v>37989</v>
      </c>
      <c r="E11812" s="1" t="s">
        <v>45322</v>
      </c>
      <c r="F11812" s="1" t="s">
        <v>45323</v>
      </c>
      <c r="G11812" s="1" t="s">
        <v>45218</v>
      </c>
      <c r="H11812" s="1" t="s">
        <v>45219</v>
      </c>
      <c r="I11812" s="1" t="s">
        <v>43772</v>
      </c>
      <c r="J11812" s="1" t="s">
        <v>45324</v>
      </c>
    </row>
    <row r="11813" spans="1:10" x14ac:dyDescent="0.35">
      <c r="A11813" s="1" t="s">
        <v>45215</v>
      </c>
      <c r="B11813" s="1" t="s">
        <v>43766</v>
      </c>
      <c r="C11813" s="1" t="s">
        <v>160</v>
      </c>
      <c r="D11813" s="1" t="s">
        <v>45325</v>
      </c>
      <c r="E11813" s="1" t="s">
        <v>45326</v>
      </c>
      <c r="F11813" s="1" t="s">
        <v>45327</v>
      </c>
      <c r="G11813" s="1" t="s">
        <v>45218</v>
      </c>
      <c r="H11813" s="1" t="s">
        <v>45219</v>
      </c>
      <c r="I11813" s="1" t="s">
        <v>43772</v>
      </c>
      <c r="J11813" s="1" t="s">
        <v>45328</v>
      </c>
    </row>
    <row r="11814" spans="1:10" x14ac:dyDescent="0.35">
      <c r="A11814" s="1" t="s">
        <v>45215</v>
      </c>
      <c r="B11814" s="1" t="s">
        <v>43766</v>
      </c>
      <c r="C11814" s="1" t="s">
        <v>165</v>
      </c>
      <c r="D11814" s="1" t="s">
        <v>45329</v>
      </c>
      <c r="E11814" s="1" t="s">
        <v>45330</v>
      </c>
      <c r="F11814" s="1" t="s">
        <v>45331</v>
      </c>
      <c r="G11814" s="1" t="s">
        <v>45218</v>
      </c>
      <c r="H11814" s="1" t="s">
        <v>45219</v>
      </c>
      <c r="I11814" s="1" t="s">
        <v>43772</v>
      </c>
      <c r="J11814" s="1" t="s">
        <v>45332</v>
      </c>
    </row>
    <row r="11815" spans="1:10" x14ac:dyDescent="0.35">
      <c r="A11815" s="1" t="s">
        <v>45215</v>
      </c>
      <c r="B11815" s="1" t="s">
        <v>43766</v>
      </c>
      <c r="C11815" s="1" t="s">
        <v>170</v>
      </c>
      <c r="D11815" s="1" t="s">
        <v>45333</v>
      </c>
      <c r="E11815" s="1" t="s">
        <v>45334</v>
      </c>
      <c r="F11815" s="1" t="s">
        <v>45335</v>
      </c>
      <c r="G11815" s="1" t="s">
        <v>45218</v>
      </c>
      <c r="H11815" s="1" t="s">
        <v>45219</v>
      </c>
      <c r="I11815" s="1" t="s">
        <v>43772</v>
      </c>
      <c r="J11815" s="1" t="s">
        <v>45336</v>
      </c>
    </row>
    <row r="11816" spans="1:10" x14ac:dyDescent="0.35">
      <c r="A11816" s="1" t="s">
        <v>45337</v>
      </c>
      <c r="B11816" s="1" t="s">
        <v>43766</v>
      </c>
      <c r="C11816" s="1" t="s">
        <v>8</v>
      </c>
      <c r="D11816" s="1" t="s">
        <v>45338</v>
      </c>
      <c r="E11816" s="1" t="s">
        <v>45339</v>
      </c>
      <c r="F11816" s="1" t="s">
        <v>45340</v>
      </c>
      <c r="G11816" s="1" t="s">
        <v>45341</v>
      </c>
      <c r="H11816" s="1" t="s">
        <v>45342</v>
      </c>
      <c r="I11816" s="1" t="s">
        <v>43772</v>
      </c>
      <c r="J11816" s="1" t="s">
        <v>13</v>
      </c>
    </row>
    <row r="11817" spans="1:10" x14ac:dyDescent="0.35">
      <c r="A11817" s="1" t="s">
        <v>45337</v>
      </c>
      <c r="B11817" s="1" t="s">
        <v>43766</v>
      </c>
      <c r="C11817" s="1" t="s">
        <v>15</v>
      </c>
      <c r="D11817" s="1" t="s">
        <v>45343</v>
      </c>
      <c r="E11817" s="1" t="s">
        <v>45344</v>
      </c>
      <c r="F11817" s="1" t="s">
        <v>45345</v>
      </c>
      <c r="G11817" s="1" t="s">
        <v>45341</v>
      </c>
      <c r="H11817" s="1" t="s">
        <v>45342</v>
      </c>
      <c r="I11817" s="1" t="s">
        <v>43772</v>
      </c>
      <c r="J11817" s="1" t="s">
        <v>45346</v>
      </c>
    </row>
    <row r="11818" spans="1:10" x14ac:dyDescent="0.35">
      <c r="A11818" s="1" t="s">
        <v>45337</v>
      </c>
      <c r="B11818" s="1" t="s">
        <v>43766</v>
      </c>
      <c r="C11818" s="1" t="s">
        <v>20</v>
      </c>
      <c r="D11818" s="1" t="s">
        <v>45347</v>
      </c>
      <c r="E11818" s="1" t="s">
        <v>45348</v>
      </c>
      <c r="F11818" s="1" t="s">
        <v>45349</v>
      </c>
      <c r="G11818" s="1" t="s">
        <v>45341</v>
      </c>
      <c r="H11818" s="1" t="s">
        <v>45342</v>
      </c>
      <c r="I11818" s="1" t="s">
        <v>43772</v>
      </c>
      <c r="J11818" s="1" t="s">
        <v>45350</v>
      </c>
    </row>
    <row r="11819" spans="1:10" x14ac:dyDescent="0.35">
      <c r="A11819" s="1" t="s">
        <v>45337</v>
      </c>
      <c r="B11819" s="1" t="s">
        <v>43766</v>
      </c>
      <c r="C11819" s="1" t="s">
        <v>25</v>
      </c>
      <c r="D11819" s="1" t="s">
        <v>44662</v>
      </c>
      <c r="E11819" s="1" t="s">
        <v>45351</v>
      </c>
      <c r="F11819" s="1" t="s">
        <v>45352</v>
      </c>
      <c r="G11819" s="1" t="s">
        <v>45341</v>
      </c>
      <c r="H11819" s="1" t="s">
        <v>45342</v>
      </c>
      <c r="I11819" s="1" t="s">
        <v>43772</v>
      </c>
      <c r="J11819" s="1" t="s">
        <v>45353</v>
      </c>
    </row>
    <row r="11820" spans="1:10" x14ac:dyDescent="0.35">
      <c r="A11820" s="1" t="s">
        <v>45337</v>
      </c>
      <c r="B11820" s="1" t="s">
        <v>43766</v>
      </c>
      <c r="C11820" s="1" t="s">
        <v>30</v>
      </c>
      <c r="D11820" s="1" t="s">
        <v>45354</v>
      </c>
      <c r="E11820" s="1" t="s">
        <v>45355</v>
      </c>
      <c r="F11820" s="1" t="s">
        <v>45356</v>
      </c>
      <c r="G11820" s="1" t="s">
        <v>45341</v>
      </c>
      <c r="H11820" s="1" t="s">
        <v>45342</v>
      </c>
      <c r="I11820" s="1" t="s">
        <v>43772</v>
      </c>
      <c r="J11820" s="1" t="s">
        <v>45357</v>
      </c>
    </row>
    <row r="11821" spans="1:10" x14ac:dyDescent="0.35">
      <c r="A11821" s="1" t="s">
        <v>45337</v>
      </c>
      <c r="B11821" s="1" t="s">
        <v>43766</v>
      </c>
      <c r="C11821" s="1" t="s">
        <v>35</v>
      </c>
      <c r="D11821" s="1" t="s">
        <v>45358</v>
      </c>
      <c r="E11821" s="1" t="s">
        <v>45359</v>
      </c>
      <c r="F11821" s="1" t="s">
        <v>45360</v>
      </c>
      <c r="G11821" s="1" t="s">
        <v>45341</v>
      </c>
      <c r="H11821" s="1" t="s">
        <v>45342</v>
      </c>
      <c r="I11821" s="1" t="s">
        <v>43772</v>
      </c>
      <c r="J11821" s="1" t="s">
        <v>45361</v>
      </c>
    </row>
    <row r="11822" spans="1:10" x14ac:dyDescent="0.35">
      <c r="A11822" s="1" t="s">
        <v>45337</v>
      </c>
      <c r="B11822" s="1" t="s">
        <v>43766</v>
      </c>
      <c r="C11822" s="1" t="s">
        <v>40</v>
      </c>
      <c r="D11822" s="1" t="s">
        <v>29542</v>
      </c>
      <c r="E11822" s="1" t="s">
        <v>45362</v>
      </c>
      <c r="F11822" s="1" t="s">
        <v>45363</v>
      </c>
      <c r="G11822" s="1" t="s">
        <v>45341</v>
      </c>
      <c r="H11822" s="1" t="s">
        <v>45342</v>
      </c>
      <c r="I11822" s="1" t="s">
        <v>43772</v>
      </c>
      <c r="J11822" s="1" t="s">
        <v>45364</v>
      </c>
    </row>
    <row r="11823" spans="1:10" x14ac:dyDescent="0.35">
      <c r="A11823" s="1" t="s">
        <v>45337</v>
      </c>
      <c r="B11823" s="1" t="s">
        <v>43766</v>
      </c>
      <c r="C11823" s="1" t="s">
        <v>45</v>
      </c>
      <c r="D11823" s="1" t="s">
        <v>110</v>
      </c>
      <c r="E11823" s="1" t="s">
        <v>45365</v>
      </c>
      <c r="F11823" s="1" t="s">
        <v>45366</v>
      </c>
      <c r="G11823" s="1" t="s">
        <v>45341</v>
      </c>
      <c r="H11823" s="1" t="s">
        <v>45342</v>
      </c>
      <c r="I11823" s="1" t="s">
        <v>43772</v>
      </c>
      <c r="J11823" s="1" t="s">
        <v>45367</v>
      </c>
    </row>
    <row r="11824" spans="1:10" x14ac:dyDescent="0.35">
      <c r="A11824" s="1" t="s">
        <v>45337</v>
      </c>
      <c r="B11824" s="1" t="s">
        <v>43766</v>
      </c>
      <c r="C11824" s="1" t="s">
        <v>50</v>
      </c>
      <c r="D11824" s="1" t="s">
        <v>45368</v>
      </c>
      <c r="E11824" s="1" t="s">
        <v>45369</v>
      </c>
      <c r="F11824" s="1" t="s">
        <v>45370</v>
      </c>
      <c r="G11824" s="1" t="s">
        <v>45341</v>
      </c>
      <c r="H11824" s="1" t="s">
        <v>45342</v>
      </c>
      <c r="I11824" s="1" t="s">
        <v>43772</v>
      </c>
      <c r="J11824" s="1" t="s">
        <v>45371</v>
      </c>
    </row>
    <row r="11825" spans="1:10" x14ac:dyDescent="0.35">
      <c r="A11825" s="1" t="s">
        <v>45337</v>
      </c>
      <c r="B11825" s="1" t="s">
        <v>43766</v>
      </c>
      <c r="C11825" s="1" t="s">
        <v>55</v>
      </c>
      <c r="D11825" s="1" t="s">
        <v>27958</v>
      </c>
      <c r="E11825" s="1" t="s">
        <v>45372</v>
      </c>
      <c r="F11825" s="1" t="s">
        <v>45373</v>
      </c>
      <c r="G11825" s="1" t="s">
        <v>45341</v>
      </c>
      <c r="H11825" s="1" t="s">
        <v>45342</v>
      </c>
      <c r="I11825" s="1" t="s">
        <v>43772</v>
      </c>
      <c r="J11825" s="1" t="s">
        <v>45374</v>
      </c>
    </row>
    <row r="11826" spans="1:10" x14ac:dyDescent="0.35">
      <c r="A11826" s="1" t="s">
        <v>45337</v>
      </c>
      <c r="B11826" s="1" t="s">
        <v>43766</v>
      </c>
      <c r="C11826" s="1" t="s">
        <v>60</v>
      </c>
      <c r="D11826" s="1" t="s">
        <v>45375</v>
      </c>
      <c r="E11826" s="1" t="s">
        <v>45376</v>
      </c>
      <c r="F11826" s="1" t="s">
        <v>45377</v>
      </c>
      <c r="G11826" s="1" t="s">
        <v>45341</v>
      </c>
      <c r="H11826" s="1" t="s">
        <v>45342</v>
      </c>
      <c r="I11826" s="1" t="s">
        <v>43772</v>
      </c>
      <c r="J11826" s="1" t="s">
        <v>45378</v>
      </c>
    </row>
    <row r="11827" spans="1:10" x14ac:dyDescent="0.35">
      <c r="A11827" s="1" t="s">
        <v>45337</v>
      </c>
      <c r="B11827" s="1" t="s">
        <v>43766</v>
      </c>
      <c r="C11827" s="1" t="s">
        <v>65</v>
      </c>
      <c r="D11827" s="1" t="s">
        <v>45379</v>
      </c>
      <c r="E11827" s="1" t="s">
        <v>45380</v>
      </c>
      <c r="F11827" s="1" t="s">
        <v>45381</v>
      </c>
      <c r="G11827" s="1" t="s">
        <v>45341</v>
      </c>
      <c r="H11827" s="1" t="s">
        <v>45342</v>
      </c>
      <c r="I11827" s="1" t="s">
        <v>43772</v>
      </c>
      <c r="J11827" s="1" t="s">
        <v>45382</v>
      </c>
    </row>
    <row r="11828" spans="1:10" x14ac:dyDescent="0.35">
      <c r="A11828" s="1" t="s">
        <v>45337</v>
      </c>
      <c r="B11828" s="1" t="s">
        <v>43766</v>
      </c>
      <c r="C11828" s="1" t="s">
        <v>70</v>
      </c>
      <c r="D11828" s="1" t="s">
        <v>10302</v>
      </c>
      <c r="E11828" s="1" t="s">
        <v>45383</v>
      </c>
      <c r="F11828" s="1" t="s">
        <v>45384</v>
      </c>
      <c r="G11828" s="1" t="s">
        <v>45341</v>
      </c>
      <c r="H11828" s="1" t="s">
        <v>45342</v>
      </c>
      <c r="I11828" s="1" t="s">
        <v>43772</v>
      </c>
      <c r="J11828" s="1" t="s">
        <v>45385</v>
      </c>
    </row>
    <row r="11829" spans="1:10" x14ac:dyDescent="0.35">
      <c r="A11829" s="1" t="s">
        <v>45337</v>
      </c>
      <c r="B11829" s="1" t="s">
        <v>43766</v>
      </c>
      <c r="C11829" s="1" t="s">
        <v>75</v>
      </c>
      <c r="D11829" s="1" t="s">
        <v>45386</v>
      </c>
      <c r="E11829" s="1" t="s">
        <v>45387</v>
      </c>
      <c r="F11829" s="1" t="s">
        <v>45388</v>
      </c>
      <c r="G11829" s="1" t="s">
        <v>45341</v>
      </c>
      <c r="H11829" s="1" t="s">
        <v>45342</v>
      </c>
      <c r="I11829" s="1" t="s">
        <v>43772</v>
      </c>
      <c r="J11829" s="1" t="s">
        <v>45389</v>
      </c>
    </row>
    <row r="11830" spans="1:10" x14ac:dyDescent="0.35">
      <c r="A11830" s="1" t="s">
        <v>45337</v>
      </c>
      <c r="B11830" s="1" t="s">
        <v>43766</v>
      </c>
      <c r="C11830" s="1" t="s">
        <v>80</v>
      </c>
      <c r="D11830" s="1" t="s">
        <v>8396</v>
      </c>
      <c r="E11830" s="1" t="s">
        <v>45390</v>
      </c>
      <c r="F11830" s="1" t="s">
        <v>45391</v>
      </c>
      <c r="G11830" s="1" t="s">
        <v>45341</v>
      </c>
      <c r="H11830" s="1" t="s">
        <v>45342</v>
      </c>
      <c r="I11830" s="1" t="s">
        <v>43772</v>
      </c>
      <c r="J11830" s="1" t="s">
        <v>45392</v>
      </c>
    </row>
    <row r="11831" spans="1:10" x14ac:dyDescent="0.35">
      <c r="A11831" s="1" t="s">
        <v>45337</v>
      </c>
      <c r="B11831" s="1" t="s">
        <v>43766</v>
      </c>
      <c r="C11831" s="1" t="s">
        <v>85</v>
      </c>
      <c r="D11831" s="1" t="s">
        <v>1731</v>
      </c>
      <c r="E11831" s="1" t="s">
        <v>45393</v>
      </c>
      <c r="F11831" s="1" t="s">
        <v>45394</v>
      </c>
      <c r="G11831" s="1" t="s">
        <v>45341</v>
      </c>
      <c r="H11831" s="1" t="s">
        <v>45342</v>
      </c>
      <c r="I11831" s="1" t="s">
        <v>43772</v>
      </c>
      <c r="J11831" s="1" t="s">
        <v>45395</v>
      </c>
    </row>
    <row r="11832" spans="1:10" x14ac:dyDescent="0.35">
      <c r="A11832" s="1" t="s">
        <v>45337</v>
      </c>
      <c r="B11832" s="1" t="s">
        <v>43766</v>
      </c>
      <c r="C11832" s="1" t="s">
        <v>90</v>
      </c>
      <c r="D11832" s="1" t="s">
        <v>45396</v>
      </c>
      <c r="E11832" s="1" t="s">
        <v>45397</v>
      </c>
      <c r="F11832" s="1" t="s">
        <v>45398</v>
      </c>
      <c r="G11832" s="1" t="s">
        <v>45341</v>
      </c>
      <c r="H11832" s="1" t="s">
        <v>45342</v>
      </c>
      <c r="I11832" s="1" t="s">
        <v>43772</v>
      </c>
      <c r="J11832" s="1" t="s">
        <v>45399</v>
      </c>
    </row>
    <row r="11833" spans="1:10" x14ac:dyDescent="0.35">
      <c r="A11833" s="1" t="s">
        <v>45337</v>
      </c>
      <c r="B11833" s="1" t="s">
        <v>43766</v>
      </c>
      <c r="C11833" s="1" t="s">
        <v>95</v>
      </c>
      <c r="D11833" s="1" t="s">
        <v>45400</v>
      </c>
      <c r="E11833" s="1" t="s">
        <v>45401</v>
      </c>
      <c r="F11833" s="1" t="s">
        <v>45402</v>
      </c>
      <c r="G11833" s="1" t="s">
        <v>45341</v>
      </c>
      <c r="H11833" s="1" t="s">
        <v>45342</v>
      </c>
      <c r="I11833" s="1" t="s">
        <v>43772</v>
      </c>
      <c r="J11833" s="1" t="s">
        <v>45403</v>
      </c>
    </row>
    <row r="11834" spans="1:10" x14ac:dyDescent="0.35">
      <c r="A11834" s="1" t="s">
        <v>45337</v>
      </c>
      <c r="B11834" s="1" t="s">
        <v>43766</v>
      </c>
      <c r="C11834" s="1" t="s">
        <v>100</v>
      </c>
      <c r="D11834" s="1" t="s">
        <v>45404</v>
      </c>
      <c r="E11834" s="1" t="s">
        <v>45405</v>
      </c>
      <c r="F11834" s="1" t="s">
        <v>45406</v>
      </c>
      <c r="G11834" s="1" t="s">
        <v>45341</v>
      </c>
      <c r="H11834" s="1" t="s">
        <v>45342</v>
      </c>
      <c r="I11834" s="1" t="s">
        <v>43772</v>
      </c>
      <c r="J11834" s="1" t="s">
        <v>45407</v>
      </c>
    </row>
    <row r="11835" spans="1:10" x14ac:dyDescent="0.35">
      <c r="A11835" s="1" t="s">
        <v>45337</v>
      </c>
      <c r="B11835" s="1" t="s">
        <v>43766</v>
      </c>
      <c r="C11835" s="1" t="s">
        <v>105</v>
      </c>
      <c r="D11835" s="1" t="s">
        <v>45408</v>
      </c>
      <c r="E11835" s="1" t="s">
        <v>45409</v>
      </c>
      <c r="F11835" s="1" t="s">
        <v>45410</v>
      </c>
      <c r="G11835" s="1" t="s">
        <v>45341</v>
      </c>
      <c r="H11835" s="1" t="s">
        <v>45342</v>
      </c>
      <c r="I11835" s="1" t="s">
        <v>43772</v>
      </c>
      <c r="J11835" s="1" t="s">
        <v>45411</v>
      </c>
    </row>
    <row r="11836" spans="1:10" x14ac:dyDescent="0.35">
      <c r="A11836" s="1" t="s">
        <v>45337</v>
      </c>
      <c r="B11836" s="1" t="s">
        <v>43766</v>
      </c>
      <c r="C11836" s="1" t="s">
        <v>110</v>
      </c>
      <c r="D11836" s="1" t="s">
        <v>45412</v>
      </c>
      <c r="E11836" s="1" t="s">
        <v>45413</v>
      </c>
      <c r="F11836" s="1" t="s">
        <v>45414</v>
      </c>
      <c r="G11836" s="1" t="s">
        <v>45341</v>
      </c>
      <c r="H11836" s="1" t="s">
        <v>45342</v>
      </c>
      <c r="I11836" s="1" t="s">
        <v>43772</v>
      </c>
      <c r="J11836" s="1" t="s">
        <v>45415</v>
      </c>
    </row>
    <row r="11837" spans="1:10" x14ac:dyDescent="0.35">
      <c r="A11837" s="1" t="s">
        <v>45337</v>
      </c>
      <c r="B11837" s="1" t="s">
        <v>43766</v>
      </c>
      <c r="C11837" s="1" t="s">
        <v>115</v>
      </c>
      <c r="D11837" s="1" t="s">
        <v>17429</v>
      </c>
      <c r="E11837" s="1" t="s">
        <v>45416</v>
      </c>
      <c r="F11837" s="1" t="s">
        <v>45417</v>
      </c>
      <c r="G11837" s="1" t="s">
        <v>45341</v>
      </c>
      <c r="H11837" s="1" t="s">
        <v>45342</v>
      </c>
      <c r="I11837" s="1" t="s">
        <v>43772</v>
      </c>
      <c r="J11837" s="1" t="s">
        <v>45418</v>
      </c>
    </row>
    <row r="11838" spans="1:10" x14ac:dyDescent="0.35">
      <c r="A11838" s="1" t="s">
        <v>45337</v>
      </c>
      <c r="B11838" s="1" t="s">
        <v>43766</v>
      </c>
      <c r="C11838" s="1" t="s">
        <v>120</v>
      </c>
      <c r="D11838" s="1" t="s">
        <v>45419</v>
      </c>
      <c r="E11838" s="1" t="s">
        <v>45420</v>
      </c>
      <c r="F11838" s="1" t="s">
        <v>45421</v>
      </c>
      <c r="G11838" s="1" t="s">
        <v>45341</v>
      </c>
      <c r="H11838" s="1" t="s">
        <v>45342</v>
      </c>
      <c r="I11838" s="1" t="s">
        <v>43772</v>
      </c>
      <c r="J11838" s="1" t="s">
        <v>45422</v>
      </c>
    </row>
    <row r="11839" spans="1:10" x14ac:dyDescent="0.35">
      <c r="A11839" s="1" t="s">
        <v>45337</v>
      </c>
      <c r="B11839" s="1" t="s">
        <v>43766</v>
      </c>
      <c r="C11839" s="1" t="s">
        <v>125</v>
      </c>
      <c r="D11839" s="1" t="s">
        <v>45423</v>
      </c>
      <c r="E11839" s="1" t="s">
        <v>45424</v>
      </c>
      <c r="F11839" s="1" t="s">
        <v>45425</v>
      </c>
      <c r="G11839" s="1" t="s">
        <v>45341</v>
      </c>
      <c r="H11839" s="1" t="s">
        <v>45342</v>
      </c>
      <c r="I11839" s="1" t="s">
        <v>43772</v>
      </c>
      <c r="J11839" s="1" t="s">
        <v>45426</v>
      </c>
    </row>
    <row r="11840" spans="1:10" x14ac:dyDescent="0.35">
      <c r="A11840" s="1" t="s">
        <v>45337</v>
      </c>
      <c r="B11840" s="1" t="s">
        <v>43766</v>
      </c>
      <c r="C11840" s="1" t="s">
        <v>130</v>
      </c>
      <c r="D11840" s="1" t="s">
        <v>45427</v>
      </c>
      <c r="E11840" s="1" t="s">
        <v>45428</v>
      </c>
      <c r="F11840" s="1" t="s">
        <v>45429</v>
      </c>
      <c r="G11840" s="1" t="s">
        <v>45341</v>
      </c>
      <c r="H11840" s="1" t="s">
        <v>45342</v>
      </c>
      <c r="I11840" s="1" t="s">
        <v>43772</v>
      </c>
      <c r="J11840" s="1" t="s">
        <v>45430</v>
      </c>
    </row>
    <row r="11841" spans="1:10" x14ac:dyDescent="0.35">
      <c r="A11841" s="1" t="s">
        <v>45337</v>
      </c>
      <c r="B11841" s="1" t="s">
        <v>43766</v>
      </c>
      <c r="C11841" s="1" t="s">
        <v>135</v>
      </c>
      <c r="D11841" s="1" t="s">
        <v>13247</v>
      </c>
      <c r="E11841" s="1" t="s">
        <v>45431</v>
      </c>
      <c r="F11841" s="1" t="s">
        <v>45432</v>
      </c>
      <c r="G11841" s="1" t="s">
        <v>45341</v>
      </c>
      <c r="H11841" s="1" t="s">
        <v>45342</v>
      </c>
      <c r="I11841" s="1" t="s">
        <v>43772</v>
      </c>
      <c r="J11841" s="1" t="s">
        <v>45433</v>
      </c>
    </row>
    <row r="11842" spans="1:10" x14ac:dyDescent="0.35">
      <c r="A11842" s="1" t="s">
        <v>45337</v>
      </c>
      <c r="B11842" s="1" t="s">
        <v>43766</v>
      </c>
      <c r="C11842" s="1" t="s">
        <v>140</v>
      </c>
      <c r="D11842" s="1" t="s">
        <v>9428</v>
      </c>
      <c r="E11842" s="1" t="s">
        <v>45434</v>
      </c>
      <c r="F11842" s="1" t="s">
        <v>45435</v>
      </c>
      <c r="G11842" s="1" t="s">
        <v>45341</v>
      </c>
      <c r="H11842" s="1" t="s">
        <v>45342</v>
      </c>
      <c r="I11842" s="1" t="s">
        <v>43772</v>
      </c>
      <c r="J11842" s="1" t="s">
        <v>45436</v>
      </c>
    </row>
    <row r="11843" spans="1:10" x14ac:dyDescent="0.35">
      <c r="A11843" s="1" t="s">
        <v>45337</v>
      </c>
      <c r="B11843" s="1" t="s">
        <v>43766</v>
      </c>
      <c r="C11843" s="1" t="s">
        <v>145</v>
      </c>
      <c r="D11843" s="1" t="s">
        <v>45437</v>
      </c>
      <c r="E11843" s="1" t="s">
        <v>45438</v>
      </c>
      <c r="F11843" s="1" t="s">
        <v>45439</v>
      </c>
      <c r="G11843" s="1" t="s">
        <v>45341</v>
      </c>
      <c r="H11843" s="1" t="s">
        <v>45342</v>
      </c>
      <c r="I11843" s="1" t="s">
        <v>43772</v>
      </c>
      <c r="J11843" s="1" t="s">
        <v>45440</v>
      </c>
    </row>
    <row r="11844" spans="1:10" x14ac:dyDescent="0.35">
      <c r="A11844" s="1" t="s">
        <v>45337</v>
      </c>
      <c r="B11844" s="1" t="s">
        <v>43766</v>
      </c>
      <c r="C11844" s="1" t="s">
        <v>150</v>
      </c>
      <c r="D11844" s="1" t="s">
        <v>45441</v>
      </c>
      <c r="E11844" s="1" t="s">
        <v>45442</v>
      </c>
      <c r="F11844" s="1" t="s">
        <v>45443</v>
      </c>
      <c r="G11844" s="1" t="s">
        <v>45341</v>
      </c>
      <c r="H11844" s="1" t="s">
        <v>45342</v>
      </c>
      <c r="I11844" s="1" t="s">
        <v>43772</v>
      </c>
      <c r="J11844" s="1" t="s">
        <v>45444</v>
      </c>
    </row>
    <row r="11845" spans="1:10" x14ac:dyDescent="0.35">
      <c r="A11845" s="1" t="s">
        <v>45337</v>
      </c>
      <c r="B11845" s="1" t="s">
        <v>43766</v>
      </c>
      <c r="C11845" s="1" t="s">
        <v>155</v>
      </c>
      <c r="D11845" s="1" t="s">
        <v>45445</v>
      </c>
      <c r="E11845" s="1" t="s">
        <v>45446</v>
      </c>
      <c r="F11845" s="1" t="s">
        <v>45447</v>
      </c>
      <c r="G11845" s="1" t="s">
        <v>45341</v>
      </c>
      <c r="H11845" s="1" t="s">
        <v>45342</v>
      </c>
      <c r="I11845" s="1" t="s">
        <v>43772</v>
      </c>
      <c r="J11845" s="1" t="s">
        <v>45448</v>
      </c>
    </row>
    <row r="11846" spans="1:10" x14ac:dyDescent="0.35">
      <c r="A11846" s="1" t="s">
        <v>45337</v>
      </c>
      <c r="B11846" s="1" t="s">
        <v>43766</v>
      </c>
      <c r="C11846" s="1" t="s">
        <v>160</v>
      </c>
      <c r="D11846" s="1" t="s">
        <v>45449</v>
      </c>
      <c r="E11846" s="1" t="s">
        <v>45450</v>
      </c>
      <c r="F11846" s="1" t="s">
        <v>45451</v>
      </c>
      <c r="G11846" s="1" t="s">
        <v>45341</v>
      </c>
      <c r="H11846" s="1" t="s">
        <v>45342</v>
      </c>
      <c r="I11846" s="1" t="s">
        <v>43772</v>
      </c>
      <c r="J11846" s="1" t="s">
        <v>45452</v>
      </c>
    </row>
    <row r="11847" spans="1:10" x14ac:dyDescent="0.35">
      <c r="A11847" s="1" t="s">
        <v>45337</v>
      </c>
      <c r="B11847" s="1" t="s">
        <v>43766</v>
      </c>
      <c r="C11847" s="1" t="s">
        <v>165</v>
      </c>
      <c r="D11847" s="1" t="s">
        <v>45453</v>
      </c>
      <c r="E11847" s="1" t="s">
        <v>45454</v>
      </c>
      <c r="F11847" s="1" t="s">
        <v>45455</v>
      </c>
      <c r="G11847" s="1" t="s">
        <v>45341</v>
      </c>
      <c r="H11847" s="1" t="s">
        <v>45342</v>
      </c>
      <c r="I11847" s="1" t="s">
        <v>43772</v>
      </c>
      <c r="J11847" s="1" t="s">
        <v>45456</v>
      </c>
    </row>
    <row r="11848" spans="1:10" x14ac:dyDescent="0.35">
      <c r="A11848" s="1" t="s">
        <v>45337</v>
      </c>
      <c r="B11848" s="1" t="s">
        <v>43766</v>
      </c>
      <c r="C11848" s="1" t="s">
        <v>170</v>
      </c>
      <c r="D11848" s="1" t="s">
        <v>45457</v>
      </c>
      <c r="E11848" s="1" t="s">
        <v>45458</v>
      </c>
      <c r="F11848" s="1" t="s">
        <v>45459</v>
      </c>
      <c r="G11848" s="1" t="s">
        <v>45341</v>
      </c>
      <c r="H11848" s="1" t="s">
        <v>45342</v>
      </c>
      <c r="I11848" s="1" t="s">
        <v>43772</v>
      </c>
      <c r="J11848" s="1" t="s">
        <v>45460</v>
      </c>
    </row>
    <row r="11849" spans="1:10" x14ac:dyDescent="0.35">
      <c r="A11849" s="1" t="s">
        <v>45461</v>
      </c>
      <c r="B11849" s="1" t="s">
        <v>43766</v>
      </c>
      <c r="C11849" s="1" t="s">
        <v>8</v>
      </c>
      <c r="D11849" s="1" t="s">
        <v>45462</v>
      </c>
      <c r="E11849" s="1" t="s">
        <v>45463</v>
      </c>
      <c r="F11849" s="1" t="s">
        <v>45464</v>
      </c>
      <c r="G11849" s="1" t="s">
        <v>45465</v>
      </c>
      <c r="H11849" s="1" t="s">
        <v>45466</v>
      </c>
      <c r="I11849" s="1" t="s">
        <v>43772</v>
      </c>
      <c r="J11849" s="1" t="s">
        <v>13</v>
      </c>
    </row>
    <row r="11850" spans="1:10" x14ac:dyDescent="0.35">
      <c r="A11850" s="1" t="s">
        <v>45461</v>
      </c>
      <c r="B11850" s="1" t="s">
        <v>43766</v>
      </c>
      <c r="C11850" s="1" t="s">
        <v>15</v>
      </c>
      <c r="D11850" s="1" t="s">
        <v>29764</v>
      </c>
      <c r="E11850" s="1" t="s">
        <v>45467</v>
      </c>
      <c r="F11850" s="1" t="s">
        <v>45468</v>
      </c>
      <c r="G11850" s="1" t="s">
        <v>45465</v>
      </c>
      <c r="H11850" s="1" t="s">
        <v>45466</v>
      </c>
      <c r="I11850" s="1" t="s">
        <v>43772</v>
      </c>
      <c r="J11850" s="1" t="s">
        <v>45469</v>
      </c>
    </row>
    <row r="11851" spans="1:10" x14ac:dyDescent="0.35">
      <c r="A11851" s="1" t="s">
        <v>45461</v>
      </c>
      <c r="B11851" s="1" t="s">
        <v>43766</v>
      </c>
      <c r="C11851" s="1" t="s">
        <v>20</v>
      </c>
      <c r="D11851" s="1" t="s">
        <v>43806</v>
      </c>
      <c r="E11851" s="1" t="s">
        <v>45470</v>
      </c>
      <c r="F11851" s="1" t="s">
        <v>45471</v>
      </c>
      <c r="G11851" s="1" t="s">
        <v>45465</v>
      </c>
      <c r="H11851" s="1" t="s">
        <v>45466</v>
      </c>
      <c r="I11851" s="1" t="s">
        <v>43772</v>
      </c>
      <c r="J11851" s="1" t="s">
        <v>45472</v>
      </c>
    </row>
    <row r="11852" spans="1:10" x14ac:dyDescent="0.35">
      <c r="A11852" s="1" t="s">
        <v>45461</v>
      </c>
      <c r="B11852" s="1" t="s">
        <v>43766</v>
      </c>
      <c r="C11852" s="1" t="s">
        <v>25</v>
      </c>
      <c r="D11852" s="1" t="s">
        <v>45473</v>
      </c>
      <c r="E11852" s="1" t="s">
        <v>45474</v>
      </c>
      <c r="F11852" s="1" t="s">
        <v>45475</v>
      </c>
      <c r="G11852" s="1" t="s">
        <v>45465</v>
      </c>
      <c r="H11852" s="1" t="s">
        <v>45466</v>
      </c>
      <c r="I11852" s="1" t="s">
        <v>43772</v>
      </c>
      <c r="J11852" s="1" t="s">
        <v>45476</v>
      </c>
    </row>
    <row r="11853" spans="1:10" x14ac:dyDescent="0.35">
      <c r="A11853" s="1" t="s">
        <v>45461</v>
      </c>
      <c r="B11853" s="1" t="s">
        <v>43766</v>
      </c>
      <c r="C11853" s="1" t="s">
        <v>30</v>
      </c>
      <c r="D11853" s="1" t="s">
        <v>45477</v>
      </c>
      <c r="E11853" s="1" t="s">
        <v>45478</v>
      </c>
      <c r="F11853" s="1" t="s">
        <v>45479</v>
      </c>
      <c r="G11853" s="1" t="s">
        <v>45465</v>
      </c>
      <c r="H11853" s="1" t="s">
        <v>45466</v>
      </c>
      <c r="I11853" s="1" t="s">
        <v>43772</v>
      </c>
      <c r="J11853" s="1" t="s">
        <v>45480</v>
      </c>
    </row>
    <row r="11854" spans="1:10" x14ac:dyDescent="0.35">
      <c r="A11854" s="1" t="s">
        <v>45461</v>
      </c>
      <c r="B11854" s="1" t="s">
        <v>43766</v>
      </c>
      <c r="C11854" s="1" t="s">
        <v>35</v>
      </c>
      <c r="D11854" s="1" t="s">
        <v>45481</v>
      </c>
      <c r="E11854" s="1" t="s">
        <v>45482</v>
      </c>
      <c r="F11854" s="1" t="s">
        <v>45483</v>
      </c>
      <c r="G11854" s="1" t="s">
        <v>45465</v>
      </c>
      <c r="H11854" s="1" t="s">
        <v>45466</v>
      </c>
      <c r="I11854" s="1" t="s">
        <v>43772</v>
      </c>
      <c r="J11854" s="1" t="s">
        <v>45484</v>
      </c>
    </row>
    <row r="11855" spans="1:10" x14ac:dyDescent="0.35">
      <c r="A11855" s="1" t="s">
        <v>45461</v>
      </c>
      <c r="B11855" s="1" t="s">
        <v>43766</v>
      </c>
      <c r="C11855" s="1" t="s">
        <v>40</v>
      </c>
      <c r="D11855" s="1" t="s">
        <v>45485</v>
      </c>
      <c r="E11855" s="1" t="s">
        <v>45486</v>
      </c>
      <c r="F11855" s="1" t="s">
        <v>45487</v>
      </c>
      <c r="G11855" s="1" t="s">
        <v>45465</v>
      </c>
      <c r="H11855" s="1" t="s">
        <v>45466</v>
      </c>
      <c r="I11855" s="1" t="s">
        <v>43772</v>
      </c>
      <c r="J11855" s="1" t="s">
        <v>45488</v>
      </c>
    </row>
    <row r="11856" spans="1:10" x14ac:dyDescent="0.35">
      <c r="A11856" s="1" t="s">
        <v>45461</v>
      </c>
      <c r="B11856" s="1" t="s">
        <v>43766</v>
      </c>
      <c r="C11856" s="1" t="s">
        <v>45</v>
      </c>
      <c r="D11856" s="1" t="s">
        <v>30067</v>
      </c>
      <c r="E11856" s="1" t="s">
        <v>45489</v>
      </c>
      <c r="F11856" s="1" t="s">
        <v>45490</v>
      </c>
      <c r="G11856" s="1" t="s">
        <v>45465</v>
      </c>
      <c r="H11856" s="1" t="s">
        <v>45466</v>
      </c>
      <c r="I11856" s="1" t="s">
        <v>43772</v>
      </c>
      <c r="J11856" s="1" t="s">
        <v>45491</v>
      </c>
    </row>
    <row r="11857" spans="1:10" x14ac:dyDescent="0.35">
      <c r="A11857" s="1" t="s">
        <v>45461</v>
      </c>
      <c r="B11857" s="1" t="s">
        <v>43766</v>
      </c>
      <c r="C11857" s="1" t="s">
        <v>50</v>
      </c>
      <c r="D11857" s="1" t="s">
        <v>45492</v>
      </c>
      <c r="E11857" s="1" t="s">
        <v>45493</v>
      </c>
      <c r="F11857" s="1" t="s">
        <v>45494</v>
      </c>
      <c r="G11857" s="1" t="s">
        <v>45465</v>
      </c>
      <c r="H11857" s="1" t="s">
        <v>45466</v>
      </c>
      <c r="I11857" s="1" t="s">
        <v>43772</v>
      </c>
      <c r="J11857" s="1" t="s">
        <v>45495</v>
      </c>
    </row>
    <row r="11858" spans="1:10" x14ac:dyDescent="0.35">
      <c r="A11858" s="1" t="s">
        <v>45461</v>
      </c>
      <c r="B11858" s="1" t="s">
        <v>43766</v>
      </c>
      <c r="C11858" s="1" t="s">
        <v>55</v>
      </c>
      <c r="D11858" s="1" t="s">
        <v>45496</v>
      </c>
      <c r="E11858" s="1" t="s">
        <v>45497</v>
      </c>
      <c r="F11858" s="1" t="s">
        <v>45498</v>
      </c>
      <c r="G11858" s="1" t="s">
        <v>45465</v>
      </c>
      <c r="H11858" s="1" t="s">
        <v>45466</v>
      </c>
      <c r="I11858" s="1" t="s">
        <v>43772</v>
      </c>
      <c r="J11858" s="1" t="s">
        <v>45499</v>
      </c>
    </row>
    <row r="11859" spans="1:10" x14ac:dyDescent="0.35">
      <c r="A11859" s="1" t="s">
        <v>45461</v>
      </c>
      <c r="B11859" s="1" t="s">
        <v>43766</v>
      </c>
      <c r="C11859" s="1" t="s">
        <v>60</v>
      </c>
      <c r="D11859" s="1" t="s">
        <v>45500</v>
      </c>
      <c r="E11859" s="1" t="s">
        <v>45501</v>
      </c>
      <c r="F11859" s="1" t="s">
        <v>45502</v>
      </c>
      <c r="G11859" s="1" t="s">
        <v>45465</v>
      </c>
      <c r="H11859" s="1" t="s">
        <v>45466</v>
      </c>
      <c r="I11859" s="1" t="s">
        <v>43772</v>
      </c>
      <c r="J11859" s="1" t="s">
        <v>45503</v>
      </c>
    </row>
    <row r="11860" spans="1:10" x14ac:dyDescent="0.35">
      <c r="A11860" s="1" t="s">
        <v>45461</v>
      </c>
      <c r="B11860" s="1" t="s">
        <v>43766</v>
      </c>
      <c r="C11860" s="1" t="s">
        <v>65</v>
      </c>
      <c r="D11860" s="1" t="s">
        <v>45504</v>
      </c>
      <c r="E11860" s="1" t="s">
        <v>45505</v>
      </c>
      <c r="F11860" s="1" t="s">
        <v>45506</v>
      </c>
      <c r="G11860" s="1" t="s">
        <v>45465</v>
      </c>
      <c r="H11860" s="1" t="s">
        <v>45466</v>
      </c>
      <c r="I11860" s="1" t="s">
        <v>43772</v>
      </c>
      <c r="J11860" s="1" t="s">
        <v>45507</v>
      </c>
    </row>
    <row r="11861" spans="1:10" x14ac:dyDescent="0.35">
      <c r="A11861" s="1" t="s">
        <v>45461</v>
      </c>
      <c r="B11861" s="1" t="s">
        <v>43766</v>
      </c>
      <c r="C11861" s="1" t="s">
        <v>70</v>
      </c>
      <c r="D11861" s="1" t="s">
        <v>45508</v>
      </c>
      <c r="E11861" s="1" t="s">
        <v>45509</v>
      </c>
      <c r="F11861" s="1" t="s">
        <v>45510</v>
      </c>
      <c r="G11861" s="1" t="s">
        <v>45465</v>
      </c>
      <c r="H11861" s="1" t="s">
        <v>45466</v>
      </c>
      <c r="I11861" s="1" t="s">
        <v>43772</v>
      </c>
      <c r="J11861" s="1" t="s">
        <v>45511</v>
      </c>
    </row>
    <row r="11862" spans="1:10" x14ac:dyDescent="0.35">
      <c r="A11862" s="1" t="s">
        <v>45461</v>
      </c>
      <c r="B11862" s="1" t="s">
        <v>43766</v>
      </c>
      <c r="C11862" s="1" t="s">
        <v>75</v>
      </c>
      <c r="D11862" s="1" t="s">
        <v>45512</v>
      </c>
      <c r="E11862" s="1" t="s">
        <v>45513</v>
      </c>
      <c r="F11862" s="1" t="s">
        <v>45514</v>
      </c>
      <c r="G11862" s="1" t="s">
        <v>45465</v>
      </c>
      <c r="H11862" s="1" t="s">
        <v>45466</v>
      </c>
      <c r="I11862" s="1" t="s">
        <v>43772</v>
      </c>
      <c r="J11862" s="1" t="s">
        <v>45515</v>
      </c>
    </row>
    <row r="11863" spans="1:10" x14ac:dyDescent="0.35">
      <c r="A11863" s="1" t="s">
        <v>45461</v>
      </c>
      <c r="B11863" s="1" t="s">
        <v>43766</v>
      </c>
      <c r="C11863" s="1" t="s">
        <v>80</v>
      </c>
      <c r="D11863" s="1" t="s">
        <v>14630</v>
      </c>
      <c r="E11863" s="1" t="s">
        <v>45516</v>
      </c>
      <c r="F11863" s="1" t="s">
        <v>45517</v>
      </c>
      <c r="G11863" s="1" t="s">
        <v>45465</v>
      </c>
      <c r="H11863" s="1" t="s">
        <v>45466</v>
      </c>
      <c r="I11863" s="1" t="s">
        <v>43772</v>
      </c>
      <c r="J11863" s="1" t="s">
        <v>45518</v>
      </c>
    </row>
    <row r="11864" spans="1:10" x14ac:dyDescent="0.35">
      <c r="A11864" s="1" t="s">
        <v>45461</v>
      </c>
      <c r="B11864" s="1" t="s">
        <v>43766</v>
      </c>
      <c r="C11864" s="1" t="s">
        <v>85</v>
      </c>
      <c r="D11864" s="1" t="s">
        <v>45519</v>
      </c>
      <c r="E11864" s="1" t="s">
        <v>45520</v>
      </c>
      <c r="F11864" s="1" t="s">
        <v>45521</v>
      </c>
      <c r="G11864" s="1" t="s">
        <v>45465</v>
      </c>
      <c r="H11864" s="1" t="s">
        <v>45466</v>
      </c>
      <c r="I11864" s="1" t="s">
        <v>43772</v>
      </c>
      <c r="J11864" s="1" t="s">
        <v>45522</v>
      </c>
    </row>
    <row r="11865" spans="1:10" x14ac:dyDescent="0.35">
      <c r="A11865" s="1" t="s">
        <v>45461</v>
      </c>
      <c r="B11865" s="1" t="s">
        <v>43766</v>
      </c>
      <c r="C11865" s="1" t="s">
        <v>90</v>
      </c>
      <c r="D11865" s="1" t="s">
        <v>10776</v>
      </c>
      <c r="E11865" s="1" t="s">
        <v>45523</v>
      </c>
      <c r="F11865" s="1" t="s">
        <v>45524</v>
      </c>
      <c r="G11865" s="1" t="s">
        <v>45465</v>
      </c>
      <c r="H11865" s="1" t="s">
        <v>45466</v>
      </c>
      <c r="I11865" s="1" t="s">
        <v>43772</v>
      </c>
      <c r="J11865" s="1" t="s">
        <v>45525</v>
      </c>
    </row>
    <row r="11866" spans="1:10" x14ac:dyDescent="0.35">
      <c r="A11866" s="1" t="s">
        <v>45461</v>
      </c>
      <c r="B11866" s="1" t="s">
        <v>43766</v>
      </c>
      <c r="C11866" s="1" t="s">
        <v>95</v>
      </c>
      <c r="D11866" s="1" t="s">
        <v>45526</v>
      </c>
      <c r="E11866" s="1" t="s">
        <v>45527</v>
      </c>
      <c r="F11866" s="1" t="s">
        <v>45528</v>
      </c>
      <c r="G11866" s="1" t="s">
        <v>45465</v>
      </c>
      <c r="H11866" s="1" t="s">
        <v>45466</v>
      </c>
      <c r="I11866" s="1" t="s">
        <v>43772</v>
      </c>
      <c r="J11866" s="1" t="s">
        <v>45529</v>
      </c>
    </row>
    <row r="11867" spans="1:10" x14ac:dyDescent="0.35">
      <c r="A11867" s="1" t="s">
        <v>45461</v>
      </c>
      <c r="B11867" s="1" t="s">
        <v>43766</v>
      </c>
      <c r="C11867" s="1" t="s">
        <v>100</v>
      </c>
      <c r="D11867" s="1" t="s">
        <v>37184</v>
      </c>
      <c r="E11867" s="1" t="s">
        <v>45530</v>
      </c>
      <c r="F11867" s="1" t="s">
        <v>45531</v>
      </c>
      <c r="G11867" s="1" t="s">
        <v>45465</v>
      </c>
      <c r="H11867" s="1" t="s">
        <v>45466</v>
      </c>
      <c r="I11867" s="1" t="s">
        <v>43772</v>
      </c>
      <c r="J11867" s="1" t="s">
        <v>45532</v>
      </c>
    </row>
    <row r="11868" spans="1:10" x14ac:dyDescent="0.35">
      <c r="A11868" s="1" t="s">
        <v>45461</v>
      </c>
      <c r="B11868" s="1" t="s">
        <v>43766</v>
      </c>
      <c r="C11868" s="1" t="s">
        <v>105</v>
      </c>
      <c r="D11868" s="1" t="s">
        <v>45533</v>
      </c>
      <c r="E11868" s="1" t="s">
        <v>45534</v>
      </c>
      <c r="F11868" s="1" t="s">
        <v>45535</v>
      </c>
      <c r="G11868" s="1" t="s">
        <v>45465</v>
      </c>
      <c r="H11868" s="1" t="s">
        <v>45466</v>
      </c>
      <c r="I11868" s="1" t="s">
        <v>43772</v>
      </c>
      <c r="J11868" s="1" t="s">
        <v>45536</v>
      </c>
    </row>
    <row r="11869" spans="1:10" x14ac:dyDescent="0.35">
      <c r="A11869" s="1" t="s">
        <v>45461</v>
      </c>
      <c r="B11869" s="1" t="s">
        <v>43766</v>
      </c>
      <c r="C11869" s="1" t="s">
        <v>110</v>
      </c>
      <c r="D11869" s="1" t="s">
        <v>45537</v>
      </c>
      <c r="E11869" s="1" t="s">
        <v>45538</v>
      </c>
      <c r="F11869" s="1" t="s">
        <v>45539</v>
      </c>
      <c r="G11869" s="1" t="s">
        <v>45465</v>
      </c>
      <c r="H11869" s="1" t="s">
        <v>45466</v>
      </c>
      <c r="I11869" s="1" t="s">
        <v>43772</v>
      </c>
      <c r="J11869" s="1" t="s">
        <v>45540</v>
      </c>
    </row>
    <row r="11870" spans="1:10" x14ac:dyDescent="0.35">
      <c r="A11870" s="1" t="s">
        <v>45461</v>
      </c>
      <c r="B11870" s="1" t="s">
        <v>43766</v>
      </c>
      <c r="C11870" s="1" t="s">
        <v>115</v>
      </c>
      <c r="D11870" s="1" t="s">
        <v>45541</v>
      </c>
      <c r="E11870" s="1" t="s">
        <v>45542</v>
      </c>
      <c r="F11870" s="1" t="s">
        <v>45543</v>
      </c>
      <c r="G11870" s="1" t="s">
        <v>45465</v>
      </c>
      <c r="H11870" s="1" t="s">
        <v>45466</v>
      </c>
      <c r="I11870" s="1" t="s">
        <v>43772</v>
      </c>
      <c r="J11870" s="1" t="s">
        <v>45544</v>
      </c>
    </row>
    <row r="11871" spans="1:10" x14ac:dyDescent="0.35">
      <c r="A11871" s="1" t="s">
        <v>45461</v>
      </c>
      <c r="B11871" s="1" t="s">
        <v>43766</v>
      </c>
      <c r="C11871" s="1" t="s">
        <v>120</v>
      </c>
      <c r="D11871" s="1" t="s">
        <v>45545</v>
      </c>
      <c r="E11871" s="1" t="s">
        <v>45546</v>
      </c>
      <c r="F11871" s="1" t="s">
        <v>45547</v>
      </c>
      <c r="G11871" s="1" t="s">
        <v>45465</v>
      </c>
      <c r="H11871" s="1" t="s">
        <v>45466</v>
      </c>
      <c r="I11871" s="1" t="s">
        <v>43772</v>
      </c>
      <c r="J11871" s="1" t="s">
        <v>45548</v>
      </c>
    </row>
    <row r="11872" spans="1:10" x14ac:dyDescent="0.35">
      <c r="A11872" s="1" t="s">
        <v>45461</v>
      </c>
      <c r="B11872" s="1" t="s">
        <v>43766</v>
      </c>
      <c r="C11872" s="1" t="s">
        <v>125</v>
      </c>
      <c r="D11872" s="1" t="s">
        <v>45549</v>
      </c>
      <c r="E11872" s="1" t="s">
        <v>45550</v>
      </c>
      <c r="F11872" s="1" t="s">
        <v>45551</v>
      </c>
      <c r="G11872" s="1" t="s">
        <v>45465</v>
      </c>
      <c r="H11872" s="1" t="s">
        <v>45466</v>
      </c>
      <c r="I11872" s="1" t="s">
        <v>43772</v>
      </c>
      <c r="J11872" s="1" t="s">
        <v>45552</v>
      </c>
    </row>
    <row r="11873" spans="1:10" x14ac:dyDescent="0.35">
      <c r="A11873" s="1" t="s">
        <v>45461</v>
      </c>
      <c r="B11873" s="1" t="s">
        <v>43766</v>
      </c>
      <c r="C11873" s="1" t="s">
        <v>130</v>
      </c>
      <c r="D11873" s="1" t="s">
        <v>45553</v>
      </c>
      <c r="E11873" s="1" t="s">
        <v>45554</v>
      </c>
      <c r="F11873" s="1" t="s">
        <v>45555</v>
      </c>
      <c r="G11873" s="1" t="s">
        <v>45465</v>
      </c>
      <c r="H11873" s="1" t="s">
        <v>45466</v>
      </c>
      <c r="I11873" s="1" t="s">
        <v>43772</v>
      </c>
      <c r="J11873" s="1" t="s">
        <v>45556</v>
      </c>
    </row>
    <row r="11874" spans="1:10" x14ac:dyDescent="0.35">
      <c r="A11874" s="1" t="s">
        <v>45461</v>
      </c>
      <c r="B11874" s="1" t="s">
        <v>43766</v>
      </c>
      <c r="C11874" s="1" t="s">
        <v>135</v>
      </c>
      <c r="D11874" s="1" t="s">
        <v>45557</v>
      </c>
      <c r="E11874" s="1" t="s">
        <v>45558</v>
      </c>
      <c r="F11874" s="1" t="s">
        <v>45559</v>
      </c>
      <c r="G11874" s="1" t="s">
        <v>45465</v>
      </c>
      <c r="H11874" s="1" t="s">
        <v>45466</v>
      </c>
      <c r="I11874" s="1" t="s">
        <v>43772</v>
      </c>
      <c r="J11874" s="1" t="s">
        <v>45560</v>
      </c>
    </row>
    <row r="11875" spans="1:10" x14ac:dyDescent="0.35">
      <c r="A11875" s="1" t="s">
        <v>45461</v>
      </c>
      <c r="B11875" s="1" t="s">
        <v>43766</v>
      </c>
      <c r="C11875" s="1" t="s">
        <v>140</v>
      </c>
      <c r="D11875" s="1" t="s">
        <v>45561</v>
      </c>
      <c r="E11875" s="1" t="s">
        <v>45562</v>
      </c>
      <c r="F11875" s="1" t="s">
        <v>45563</v>
      </c>
      <c r="G11875" s="1" t="s">
        <v>45465</v>
      </c>
      <c r="H11875" s="1" t="s">
        <v>45466</v>
      </c>
      <c r="I11875" s="1" t="s">
        <v>43772</v>
      </c>
      <c r="J11875" s="1" t="s">
        <v>45564</v>
      </c>
    </row>
    <row r="11876" spans="1:10" x14ac:dyDescent="0.35">
      <c r="A11876" s="1" t="s">
        <v>45461</v>
      </c>
      <c r="B11876" s="1" t="s">
        <v>43766</v>
      </c>
      <c r="C11876" s="1" t="s">
        <v>145</v>
      </c>
      <c r="D11876" s="1" t="s">
        <v>45565</v>
      </c>
      <c r="E11876" s="1" t="s">
        <v>45566</v>
      </c>
      <c r="F11876" s="1" t="s">
        <v>45567</v>
      </c>
      <c r="G11876" s="1" t="s">
        <v>45465</v>
      </c>
      <c r="H11876" s="1" t="s">
        <v>45466</v>
      </c>
      <c r="I11876" s="1" t="s">
        <v>43772</v>
      </c>
      <c r="J11876" s="1" t="s">
        <v>45568</v>
      </c>
    </row>
    <row r="11877" spans="1:10" x14ac:dyDescent="0.35">
      <c r="A11877" s="1" t="s">
        <v>45461</v>
      </c>
      <c r="B11877" s="1" t="s">
        <v>43766</v>
      </c>
      <c r="C11877" s="1" t="s">
        <v>150</v>
      </c>
      <c r="D11877" s="1" t="s">
        <v>45569</v>
      </c>
      <c r="E11877" s="1" t="s">
        <v>45570</v>
      </c>
      <c r="F11877" s="1" t="s">
        <v>45571</v>
      </c>
      <c r="G11877" s="1" t="s">
        <v>45465</v>
      </c>
      <c r="H11877" s="1" t="s">
        <v>45466</v>
      </c>
      <c r="I11877" s="1" t="s">
        <v>43772</v>
      </c>
      <c r="J11877" s="1" t="s">
        <v>45572</v>
      </c>
    </row>
    <row r="11878" spans="1:10" x14ac:dyDescent="0.35">
      <c r="A11878" s="1" t="s">
        <v>45461</v>
      </c>
      <c r="B11878" s="1" t="s">
        <v>43766</v>
      </c>
      <c r="C11878" s="1" t="s">
        <v>155</v>
      </c>
      <c r="D11878" s="1" t="s">
        <v>45573</v>
      </c>
      <c r="E11878" s="1" t="s">
        <v>45574</v>
      </c>
      <c r="F11878" s="1" t="s">
        <v>45575</v>
      </c>
      <c r="G11878" s="1" t="s">
        <v>45465</v>
      </c>
      <c r="H11878" s="1" t="s">
        <v>45466</v>
      </c>
      <c r="I11878" s="1" t="s">
        <v>43772</v>
      </c>
      <c r="J11878" s="1" t="s">
        <v>45576</v>
      </c>
    </row>
    <row r="11879" spans="1:10" x14ac:dyDescent="0.35">
      <c r="A11879" s="1" t="s">
        <v>45461</v>
      </c>
      <c r="B11879" s="1" t="s">
        <v>43766</v>
      </c>
      <c r="C11879" s="1" t="s">
        <v>160</v>
      </c>
      <c r="D11879" s="1" t="s">
        <v>45577</v>
      </c>
      <c r="E11879" s="1" t="s">
        <v>45578</v>
      </c>
      <c r="F11879" s="1" t="s">
        <v>45579</v>
      </c>
      <c r="G11879" s="1" t="s">
        <v>45465</v>
      </c>
      <c r="H11879" s="1" t="s">
        <v>45466</v>
      </c>
      <c r="I11879" s="1" t="s">
        <v>43772</v>
      </c>
      <c r="J11879" s="1" t="s">
        <v>45580</v>
      </c>
    </row>
    <row r="11880" spans="1:10" x14ac:dyDescent="0.35">
      <c r="A11880" s="1" t="s">
        <v>45461</v>
      </c>
      <c r="B11880" s="1" t="s">
        <v>43766</v>
      </c>
      <c r="C11880" s="1" t="s">
        <v>165</v>
      </c>
      <c r="D11880" s="1" t="s">
        <v>45581</v>
      </c>
      <c r="E11880" s="1" t="s">
        <v>45582</v>
      </c>
      <c r="F11880" s="1" t="s">
        <v>45583</v>
      </c>
      <c r="G11880" s="1" t="s">
        <v>45465</v>
      </c>
      <c r="H11880" s="1" t="s">
        <v>45466</v>
      </c>
      <c r="I11880" s="1" t="s">
        <v>43772</v>
      </c>
      <c r="J11880" s="1" t="s">
        <v>45584</v>
      </c>
    </row>
    <row r="11881" spans="1:10" x14ac:dyDescent="0.35">
      <c r="A11881" s="1" t="s">
        <v>45461</v>
      </c>
      <c r="B11881" s="1" t="s">
        <v>43766</v>
      </c>
      <c r="C11881" s="1" t="s">
        <v>170</v>
      </c>
      <c r="D11881" s="1" t="s">
        <v>45585</v>
      </c>
      <c r="E11881" s="1" t="s">
        <v>45586</v>
      </c>
      <c r="F11881" s="1" t="s">
        <v>45587</v>
      </c>
      <c r="G11881" s="1" t="s">
        <v>45465</v>
      </c>
      <c r="H11881" s="1" t="s">
        <v>45466</v>
      </c>
      <c r="I11881" s="1" t="s">
        <v>43772</v>
      </c>
      <c r="J11881" s="1" t="s">
        <v>45588</v>
      </c>
    </row>
    <row r="11882" spans="1:10" x14ac:dyDescent="0.35">
      <c r="A11882" s="1" t="s">
        <v>45589</v>
      </c>
      <c r="B11882" s="1" t="s">
        <v>43766</v>
      </c>
      <c r="C11882" s="1" t="s">
        <v>8</v>
      </c>
      <c r="D11882" s="1" t="s">
        <v>45590</v>
      </c>
      <c r="E11882" s="1" t="s">
        <v>45591</v>
      </c>
      <c r="F11882" s="1" t="s">
        <v>45592</v>
      </c>
      <c r="G11882" s="1" t="s">
        <v>45593</v>
      </c>
      <c r="H11882" s="1" t="s">
        <v>45594</v>
      </c>
      <c r="I11882" s="1" t="s">
        <v>43772</v>
      </c>
      <c r="J11882" s="1" t="s">
        <v>13</v>
      </c>
    </row>
    <row r="11883" spans="1:10" x14ac:dyDescent="0.35">
      <c r="A11883" s="1" t="s">
        <v>45589</v>
      </c>
      <c r="B11883" s="1" t="s">
        <v>43766</v>
      </c>
      <c r="C11883" s="1" t="s">
        <v>15</v>
      </c>
      <c r="D11883" s="1" t="s">
        <v>7237</v>
      </c>
      <c r="E11883" s="1" t="s">
        <v>45595</v>
      </c>
      <c r="F11883" s="1" t="s">
        <v>45596</v>
      </c>
      <c r="G11883" s="1" t="s">
        <v>45593</v>
      </c>
      <c r="H11883" s="1" t="s">
        <v>45594</v>
      </c>
      <c r="I11883" s="1" t="s">
        <v>43772</v>
      </c>
      <c r="J11883" s="1" t="s">
        <v>45597</v>
      </c>
    </row>
    <row r="11884" spans="1:10" x14ac:dyDescent="0.35">
      <c r="A11884" s="1" t="s">
        <v>45589</v>
      </c>
      <c r="B11884" s="1" t="s">
        <v>43766</v>
      </c>
      <c r="C11884" s="1" t="s">
        <v>20</v>
      </c>
      <c r="D11884" s="1" t="s">
        <v>45598</v>
      </c>
      <c r="E11884" s="1" t="s">
        <v>45599</v>
      </c>
      <c r="F11884" s="1" t="s">
        <v>45600</v>
      </c>
      <c r="G11884" s="1" t="s">
        <v>45593</v>
      </c>
      <c r="H11884" s="1" t="s">
        <v>45594</v>
      </c>
      <c r="I11884" s="1" t="s">
        <v>43772</v>
      </c>
      <c r="J11884" s="1" t="s">
        <v>45601</v>
      </c>
    </row>
    <row r="11885" spans="1:10" x14ac:dyDescent="0.35">
      <c r="A11885" s="1" t="s">
        <v>45589</v>
      </c>
      <c r="B11885" s="1" t="s">
        <v>43766</v>
      </c>
      <c r="C11885" s="1" t="s">
        <v>25</v>
      </c>
      <c r="D11885" s="1" t="s">
        <v>12052</v>
      </c>
      <c r="E11885" s="1" t="s">
        <v>45602</v>
      </c>
      <c r="F11885" s="1" t="s">
        <v>45603</v>
      </c>
      <c r="G11885" s="1" t="s">
        <v>45593</v>
      </c>
      <c r="H11885" s="1" t="s">
        <v>45594</v>
      </c>
      <c r="I11885" s="1" t="s">
        <v>43772</v>
      </c>
      <c r="J11885" s="1" t="s">
        <v>45604</v>
      </c>
    </row>
    <row r="11886" spans="1:10" x14ac:dyDescent="0.35">
      <c r="A11886" s="1" t="s">
        <v>45589</v>
      </c>
      <c r="B11886" s="1" t="s">
        <v>43766</v>
      </c>
      <c r="C11886" s="1" t="s">
        <v>30</v>
      </c>
      <c r="D11886" s="1" t="s">
        <v>45605</v>
      </c>
      <c r="E11886" s="1" t="s">
        <v>45606</v>
      </c>
      <c r="F11886" s="1" t="s">
        <v>45607</v>
      </c>
      <c r="G11886" s="1" t="s">
        <v>45593</v>
      </c>
      <c r="H11886" s="1" t="s">
        <v>45594</v>
      </c>
      <c r="I11886" s="1" t="s">
        <v>43772</v>
      </c>
      <c r="J11886" s="1" t="s">
        <v>45608</v>
      </c>
    </row>
    <row r="11887" spans="1:10" x14ac:dyDescent="0.35">
      <c r="A11887" s="1" t="s">
        <v>45589</v>
      </c>
      <c r="B11887" s="1" t="s">
        <v>43766</v>
      </c>
      <c r="C11887" s="1" t="s">
        <v>35</v>
      </c>
      <c r="D11887" s="1" t="s">
        <v>45609</v>
      </c>
      <c r="E11887" s="1" t="s">
        <v>45610</v>
      </c>
      <c r="F11887" s="1" t="s">
        <v>45611</v>
      </c>
      <c r="G11887" s="1" t="s">
        <v>45593</v>
      </c>
      <c r="H11887" s="1" t="s">
        <v>45594</v>
      </c>
      <c r="I11887" s="1" t="s">
        <v>43772</v>
      </c>
      <c r="J11887" s="1" t="s">
        <v>45612</v>
      </c>
    </row>
    <row r="11888" spans="1:10" x14ac:dyDescent="0.35">
      <c r="A11888" s="1" t="s">
        <v>45589</v>
      </c>
      <c r="B11888" s="1" t="s">
        <v>43766</v>
      </c>
      <c r="C11888" s="1" t="s">
        <v>40</v>
      </c>
      <c r="D11888" s="1" t="s">
        <v>28859</v>
      </c>
      <c r="E11888" s="1" t="s">
        <v>45613</v>
      </c>
      <c r="F11888" s="1" t="s">
        <v>45614</v>
      </c>
      <c r="G11888" s="1" t="s">
        <v>45593</v>
      </c>
      <c r="H11888" s="1" t="s">
        <v>45594</v>
      </c>
      <c r="I11888" s="1" t="s">
        <v>43772</v>
      </c>
      <c r="J11888" s="1" t="s">
        <v>45615</v>
      </c>
    </row>
    <row r="11889" spans="1:10" x14ac:dyDescent="0.35">
      <c r="A11889" s="1" t="s">
        <v>45589</v>
      </c>
      <c r="B11889" s="1" t="s">
        <v>43766</v>
      </c>
      <c r="C11889" s="1" t="s">
        <v>45</v>
      </c>
      <c r="D11889" s="1" t="s">
        <v>1977</v>
      </c>
      <c r="E11889" s="1" t="s">
        <v>45616</v>
      </c>
      <c r="F11889" s="1" t="s">
        <v>45617</v>
      </c>
      <c r="G11889" s="1" t="s">
        <v>45593</v>
      </c>
      <c r="H11889" s="1" t="s">
        <v>45594</v>
      </c>
      <c r="I11889" s="1" t="s">
        <v>43772</v>
      </c>
      <c r="J11889" s="1" t="s">
        <v>45618</v>
      </c>
    </row>
    <row r="11890" spans="1:10" x14ac:dyDescent="0.35">
      <c r="A11890" s="1" t="s">
        <v>45589</v>
      </c>
      <c r="B11890" s="1" t="s">
        <v>43766</v>
      </c>
      <c r="C11890" s="1" t="s">
        <v>50</v>
      </c>
      <c r="D11890" s="1" t="s">
        <v>28050</v>
      </c>
      <c r="E11890" s="1" t="s">
        <v>45619</v>
      </c>
      <c r="F11890" s="1" t="s">
        <v>45620</v>
      </c>
      <c r="G11890" s="1" t="s">
        <v>45593</v>
      </c>
      <c r="H11890" s="1" t="s">
        <v>45594</v>
      </c>
      <c r="I11890" s="1" t="s">
        <v>43772</v>
      </c>
      <c r="J11890" s="1" t="s">
        <v>45621</v>
      </c>
    </row>
    <row r="11891" spans="1:10" x14ac:dyDescent="0.35">
      <c r="A11891" s="1" t="s">
        <v>45589</v>
      </c>
      <c r="B11891" s="1" t="s">
        <v>43766</v>
      </c>
      <c r="C11891" s="1" t="s">
        <v>55</v>
      </c>
      <c r="D11891" s="1" t="s">
        <v>5491</v>
      </c>
      <c r="E11891" s="1" t="s">
        <v>45622</v>
      </c>
      <c r="F11891" s="1" t="s">
        <v>45623</v>
      </c>
      <c r="G11891" s="1" t="s">
        <v>45593</v>
      </c>
      <c r="H11891" s="1" t="s">
        <v>45594</v>
      </c>
      <c r="I11891" s="1" t="s">
        <v>43772</v>
      </c>
      <c r="J11891" s="1" t="s">
        <v>45624</v>
      </c>
    </row>
    <row r="11892" spans="1:10" x14ac:dyDescent="0.35">
      <c r="A11892" s="1" t="s">
        <v>45589</v>
      </c>
      <c r="B11892" s="1" t="s">
        <v>43766</v>
      </c>
      <c r="C11892" s="1" t="s">
        <v>60</v>
      </c>
      <c r="D11892" s="1" t="s">
        <v>29886</v>
      </c>
      <c r="E11892" s="1" t="s">
        <v>45625</v>
      </c>
      <c r="F11892" s="1" t="s">
        <v>45626</v>
      </c>
      <c r="G11892" s="1" t="s">
        <v>45593</v>
      </c>
      <c r="H11892" s="1" t="s">
        <v>45594</v>
      </c>
      <c r="I11892" s="1" t="s">
        <v>43772</v>
      </c>
      <c r="J11892" s="1" t="s">
        <v>45627</v>
      </c>
    </row>
    <row r="11893" spans="1:10" x14ac:dyDescent="0.35">
      <c r="A11893" s="1" t="s">
        <v>45589</v>
      </c>
      <c r="B11893" s="1" t="s">
        <v>43766</v>
      </c>
      <c r="C11893" s="1" t="s">
        <v>65</v>
      </c>
      <c r="D11893" s="1" t="s">
        <v>14968</v>
      </c>
      <c r="E11893" s="1" t="s">
        <v>45628</v>
      </c>
      <c r="F11893" s="1" t="s">
        <v>45629</v>
      </c>
      <c r="G11893" s="1" t="s">
        <v>45593</v>
      </c>
      <c r="H11893" s="1" t="s">
        <v>45594</v>
      </c>
      <c r="I11893" s="1" t="s">
        <v>43772</v>
      </c>
      <c r="J11893" s="1" t="s">
        <v>45630</v>
      </c>
    </row>
    <row r="11894" spans="1:10" x14ac:dyDescent="0.35">
      <c r="A11894" s="1" t="s">
        <v>45589</v>
      </c>
      <c r="B11894" s="1" t="s">
        <v>43766</v>
      </c>
      <c r="C11894" s="1" t="s">
        <v>70</v>
      </c>
      <c r="D11894" s="1" t="s">
        <v>45631</v>
      </c>
      <c r="E11894" s="1" t="s">
        <v>45632</v>
      </c>
      <c r="F11894" s="1" t="s">
        <v>45633</v>
      </c>
      <c r="G11894" s="1" t="s">
        <v>45593</v>
      </c>
      <c r="H11894" s="1" t="s">
        <v>45594</v>
      </c>
      <c r="I11894" s="1" t="s">
        <v>43772</v>
      </c>
      <c r="J11894" s="1" t="s">
        <v>45634</v>
      </c>
    </row>
    <row r="11895" spans="1:10" x14ac:dyDescent="0.35">
      <c r="A11895" s="1" t="s">
        <v>45589</v>
      </c>
      <c r="B11895" s="1" t="s">
        <v>43766</v>
      </c>
      <c r="C11895" s="1" t="s">
        <v>75</v>
      </c>
      <c r="D11895" s="1" t="s">
        <v>45635</v>
      </c>
      <c r="E11895" s="1" t="s">
        <v>45636</v>
      </c>
      <c r="F11895" s="1" t="s">
        <v>45637</v>
      </c>
      <c r="G11895" s="1" t="s">
        <v>45593</v>
      </c>
      <c r="H11895" s="1" t="s">
        <v>45594</v>
      </c>
      <c r="I11895" s="1" t="s">
        <v>43772</v>
      </c>
      <c r="J11895" s="1" t="s">
        <v>45638</v>
      </c>
    </row>
    <row r="11896" spans="1:10" x14ac:dyDescent="0.35">
      <c r="A11896" s="1" t="s">
        <v>45589</v>
      </c>
      <c r="B11896" s="1" t="s">
        <v>43766</v>
      </c>
      <c r="C11896" s="1" t="s">
        <v>80</v>
      </c>
      <c r="D11896" s="1" t="s">
        <v>4713</v>
      </c>
      <c r="E11896" s="1" t="s">
        <v>45639</v>
      </c>
      <c r="F11896" s="1" t="s">
        <v>45640</v>
      </c>
      <c r="G11896" s="1" t="s">
        <v>45593</v>
      </c>
      <c r="H11896" s="1" t="s">
        <v>45594</v>
      </c>
      <c r="I11896" s="1" t="s">
        <v>43772</v>
      </c>
      <c r="J11896" s="1" t="s">
        <v>45641</v>
      </c>
    </row>
    <row r="11897" spans="1:10" x14ac:dyDescent="0.35">
      <c r="A11897" s="1" t="s">
        <v>45589</v>
      </c>
      <c r="B11897" s="1" t="s">
        <v>43766</v>
      </c>
      <c r="C11897" s="1" t="s">
        <v>85</v>
      </c>
      <c r="D11897" s="1" t="s">
        <v>45642</v>
      </c>
      <c r="E11897" s="1" t="s">
        <v>45643</v>
      </c>
      <c r="F11897" s="1" t="s">
        <v>45644</v>
      </c>
      <c r="G11897" s="1" t="s">
        <v>45593</v>
      </c>
      <c r="H11897" s="1" t="s">
        <v>45594</v>
      </c>
      <c r="I11897" s="1" t="s">
        <v>43772</v>
      </c>
      <c r="J11897" s="1" t="s">
        <v>45645</v>
      </c>
    </row>
    <row r="11898" spans="1:10" x14ac:dyDescent="0.35">
      <c r="A11898" s="1" t="s">
        <v>45589</v>
      </c>
      <c r="B11898" s="1" t="s">
        <v>43766</v>
      </c>
      <c r="C11898" s="1" t="s">
        <v>90</v>
      </c>
      <c r="D11898" s="1" t="s">
        <v>45646</v>
      </c>
      <c r="E11898" s="1" t="s">
        <v>45647</v>
      </c>
      <c r="F11898" s="1" t="s">
        <v>45648</v>
      </c>
      <c r="G11898" s="1" t="s">
        <v>45593</v>
      </c>
      <c r="H11898" s="1" t="s">
        <v>45594</v>
      </c>
      <c r="I11898" s="1" t="s">
        <v>43772</v>
      </c>
      <c r="J11898" s="1" t="s">
        <v>45649</v>
      </c>
    </row>
    <row r="11899" spans="1:10" x14ac:dyDescent="0.35">
      <c r="A11899" s="1" t="s">
        <v>45589</v>
      </c>
      <c r="B11899" s="1" t="s">
        <v>43766</v>
      </c>
      <c r="C11899" s="1" t="s">
        <v>95</v>
      </c>
      <c r="D11899" s="1" t="s">
        <v>45650</v>
      </c>
      <c r="E11899" s="1" t="s">
        <v>45651</v>
      </c>
      <c r="F11899" s="1" t="s">
        <v>45652</v>
      </c>
      <c r="G11899" s="1" t="s">
        <v>45593</v>
      </c>
      <c r="H11899" s="1" t="s">
        <v>45594</v>
      </c>
      <c r="I11899" s="1" t="s">
        <v>43772</v>
      </c>
      <c r="J11899" s="1" t="s">
        <v>45653</v>
      </c>
    </row>
    <row r="11900" spans="1:10" x14ac:dyDescent="0.35">
      <c r="A11900" s="1" t="s">
        <v>45589</v>
      </c>
      <c r="B11900" s="1" t="s">
        <v>43766</v>
      </c>
      <c r="C11900" s="1" t="s">
        <v>100</v>
      </c>
      <c r="D11900" s="1" t="s">
        <v>45654</v>
      </c>
      <c r="E11900" s="1" t="s">
        <v>45655</v>
      </c>
      <c r="F11900" s="1" t="s">
        <v>45656</v>
      </c>
      <c r="G11900" s="1" t="s">
        <v>45593</v>
      </c>
      <c r="H11900" s="1" t="s">
        <v>45594</v>
      </c>
      <c r="I11900" s="1" t="s">
        <v>43772</v>
      </c>
      <c r="J11900" s="1" t="s">
        <v>45657</v>
      </c>
    </row>
    <row r="11901" spans="1:10" x14ac:dyDescent="0.35">
      <c r="A11901" s="1" t="s">
        <v>45589</v>
      </c>
      <c r="B11901" s="1" t="s">
        <v>43766</v>
      </c>
      <c r="C11901" s="1" t="s">
        <v>105</v>
      </c>
      <c r="D11901" s="1" t="s">
        <v>33925</v>
      </c>
      <c r="E11901" s="1" t="s">
        <v>45658</v>
      </c>
      <c r="F11901" s="1" t="s">
        <v>45659</v>
      </c>
      <c r="G11901" s="1" t="s">
        <v>45593</v>
      </c>
      <c r="H11901" s="1" t="s">
        <v>45594</v>
      </c>
      <c r="I11901" s="1" t="s">
        <v>43772</v>
      </c>
      <c r="J11901" s="1" t="s">
        <v>45660</v>
      </c>
    </row>
    <row r="11902" spans="1:10" x14ac:dyDescent="0.35">
      <c r="A11902" s="1" t="s">
        <v>45589</v>
      </c>
      <c r="B11902" s="1" t="s">
        <v>43766</v>
      </c>
      <c r="C11902" s="1" t="s">
        <v>110</v>
      </c>
      <c r="D11902" s="1" t="s">
        <v>34980</v>
      </c>
      <c r="E11902" s="1" t="s">
        <v>45661</v>
      </c>
      <c r="F11902" s="1" t="s">
        <v>45662</v>
      </c>
      <c r="G11902" s="1" t="s">
        <v>45593</v>
      </c>
      <c r="H11902" s="1" t="s">
        <v>45594</v>
      </c>
      <c r="I11902" s="1" t="s">
        <v>43772</v>
      </c>
      <c r="J11902" s="1" t="s">
        <v>45663</v>
      </c>
    </row>
    <row r="11903" spans="1:10" x14ac:dyDescent="0.35">
      <c r="A11903" s="1" t="s">
        <v>45589</v>
      </c>
      <c r="B11903" s="1" t="s">
        <v>43766</v>
      </c>
      <c r="C11903" s="1" t="s">
        <v>115</v>
      </c>
      <c r="D11903" s="1" t="s">
        <v>45664</v>
      </c>
      <c r="E11903" s="1" t="s">
        <v>45665</v>
      </c>
      <c r="F11903" s="1" t="s">
        <v>45666</v>
      </c>
      <c r="G11903" s="1" t="s">
        <v>45593</v>
      </c>
      <c r="H11903" s="1" t="s">
        <v>45594</v>
      </c>
      <c r="I11903" s="1" t="s">
        <v>43772</v>
      </c>
      <c r="J11903" s="1" t="s">
        <v>45667</v>
      </c>
    </row>
    <row r="11904" spans="1:10" x14ac:dyDescent="0.35">
      <c r="A11904" s="1" t="s">
        <v>45589</v>
      </c>
      <c r="B11904" s="1" t="s">
        <v>43766</v>
      </c>
      <c r="C11904" s="1" t="s">
        <v>120</v>
      </c>
      <c r="D11904" s="1" t="s">
        <v>35632</v>
      </c>
      <c r="E11904" s="1" t="s">
        <v>45668</v>
      </c>
      <c r="F11904" s="1" t="s">
        <v>45669</v>
      </c>
      <c r="G11904" s="1" t="s">
        <v>45593</v>
      </c>
      <c r="H11904" s="1" t="s">
        <v>45594</v>
      </c>
      <c r="I11904" s="1" t="s">
        <v>43772</v>
      </c>
      <c r="J11904" s="1" t="s">
        <v>45670</v>
      </c>
    </row>
    <row r="11905" spans="1:10" x14ac:dyDescent="0.35">
      <c r="A11905" s="1" t="s">
        <v>45589</v>
      </c>
      <c r="B11905" s="1" t="s">
        <v>43766</v>
      </c>
      <c r="C11905" s="1" t="s">
        <v>125</v>
      </c>
      <c r="D11905" s="1" t="s">
        <v>3453</v>
      </c>
      <c r="E11905" s="1" t="s">
        <v>45671</v>
      </c>
      <c r="F11905" s="1" t="s">
        <v>45672</v>
      </c>
      <c r="G11905" s="1" t="s">
        <v>45593</v>
      </c>
      <c r="H11905" s="1" t="s">
        <v>45594</v>
      </c>
      <c r="I11905" s="1" t="s">
        <v>43772</v>
      </c>
      <c r="J11905" s="1" t="s">
        <v>45673</v>
      </c>
    </row>
    <row r="11906" spans="1:10" x14ac:dyDescent="0.35">
      <c r="A11906" s="1" t="s">
        <v>45589</v>
      </c>
      <c r="B11906" s="1" t="s">
        <v>43766</v>
      </c>
      <c r="C11906" s="1" t="s">
        <v>130</v>
      </c>
      <c r="D11906" s="1" t="s">
        <v>16384</v>
      </c>
      <c r="E11906" s="1" t="s">
        <v>45674</v>
      </c>
      <c r="F11906" s="1" t="s">
        <v>45675</v>
      </c>
      <c r="G11906" s="1" t="s">
        <v>45593</v>
      </c>
      <c r="H11906" s="1" t="s">
        <v>45594</v>
      </c>
      <c r="I11906" s="1" t="s">
        <v>43772</v>
      </c>
      <c r="J11906" s="1" t="s">
        <v>45676</v>
      </c>
    </row>
    <row r="11907" spans="1:10" x14ac:dyDescent="0.35">
      <c r="A11907" s="1" t="s">
        <v>45589</v>
      </c>
      <c r="B11907" s="1" t="s">
        <v>43766</v>
      </c>
      <c r="C11907" s="1" t="s">
        <v>135</v>
      </c>
      <c r="D11907" s="1" t="s">
        <v>45677</v>
      </c>
      <c r="E11907" s="1" t="s">
        <v>45678</v>
      </c>
      <c r="F11907" s="1" t="s">
        <v>45679</v>
      </c>
      <c r="G11907" s="1" t="s">
        <v>45593</v>
      </c>
      <c r="H11907" s="1" t="s">
        <v>45594</v>
      </c>
      <c r="I11907" s="1" t="s">
        <v>43772</v>
      </c>
      <c r="J11907" s="1" t="s">
        <v>45680</v>
      </c>
    </row>
    <row r="11908" spans="1:10" x14ac:dyDescent="0.35">
      <c r="A11908" s="1" t="s">
        <v>45589</v>
      </c>
      <c r="B11908" s="1" t="s">
        <v>43766</v>
      </c>
      <c r="C11908" s="1" t="s">
        <v>140</v>
      </c>
      <c r="D11908" s="1" t="s">
        <v>18455</v>
      </c>
      <c r="E11908" s="1" t="s">
        <v>45681</v>
      </c>
      <c r="F11908" s="1" t="s">
        <v>45682</v>
      </c>
      <c r="G11908" s="1" t="s">
        <v>45593</v>
      </c>
      <c r="H11908" s="1" t="s">
        <v>45594</v>
      </c>
      <c r="I11908" s="1" t="s">
        <v>43772</v>
      </c>
      <c r="J11908" s="1" t="s">
        <v>45683</v>
      </c>
    </row>
    <row r="11909" spans="1:10" x14ac:dyDescent="0.35">
      <c r="A11909" s="1" t="s">
        <v>45589</v>
      </c>
      <c r="B11909" s="1" t="s">
        <v>43766</v>
      </c>
      <c r="C11909" s="1" t="s">
        <v>145</v>
      </c>
      <c r="D11909" s="1" t="s">
        <v>43160</v>
      </c>
      <c r="E11909" s="1" t="s">
        <v>45684</v>
      </c>
      <c r="F11909" s="1" t="s">
        <v>45685</v>
      </c>
      <c r="G11909" s="1" t="s">
        <v>45593</v>
      </c>
      <c r="H11909" s="1" t="s">
        <v>45594</v>
      </c>
      <c r="I11909" s="1" t="s">
        <v>43772</v>
      </c>
      <c r="J11909" s="1" t="s">
        <v>45686</v>
      </c>
    </row>
    <row r="11910" spans="1:10" x14ac:dyDescent="0.35">
      <c r="A11910" s="1" t="s">
        <v>45589</v>
      </c>
      <c r="B11910" s="1" t="s">
        <v>43766</v>
      </c>
      <c r="C11910" s="1" t="s">
        <v>150</v>
      </c>
      <c r="D11910" s="1" t="s">
        <v>45687</v>
      </c>
      <c r="E11910" s="1" t="s">
        <v>45688</v>
      </c>
      <c r="F11910" s="1" t="s">
        <v>45689</v>
      </c>
      <c r="G11910" s="1" t="s">
        <v>45593</v>
      </c>
      <c r="H11910" s="1" t="s">
        <v>45594</v>
      </c>
      <c r="I11910" s="1" t="s">
        <v>43772</v>
      </c>
      <c r="J11910" s="1" t="s">
        <v>45690</v>
      </c>
    </row>
    <row r="11911" spans="1:10" x14ac:dyDescent="0.35">
      <c r="A11911" s="1" t="s">
        <v>45589</v>
      </c>
      <c r="B11911" s="1" t="s">
        <v>43766</v>
      </c>
      <c r="C11911" s="1" t="s">
        <v>155</v>
      </c>
      <c r="D11911" s="1" t="s">
        <v>45691</v>
      </c>
      <c r="E11911" s="1" t="s">
        <v>45692</v>
      </c>
      <c r="F11911" s="1" t="s">
        <v>45693</v>
      </c>
      <c r="G11911" s="1" t="s">
        <v>45593</v>
      </c>
      <c r="H11911" s="1" t="s">
        <v>45594</v>
      </c>
      <c r="I11911" s="1" t="s">
        <v>43772</v>
      </c>
      <c r="J11911" s="1" t="s">
        <v>45694</v>
      </c>
    </row>
    <row r="11912" spans="1:10" x14ac:dyDescent="0.35">
      <c r="A11912" s="1" t="s">
        <v>45589</v>
      </c>
      <c r="B11912" s="1" t="s">
        <v>43766</v>
      </c>
      <c r="C11912" s="1" t="s">
        <v>160</v>
      </c>
      <c r="D11912" s="1" t="s">
        <v>45695</v>
      </c>
      <c r="E11912" s="1" t="s">
        <v>45696</v>
      </c>
      <c r="F11912" s="1" t="s">
        <v>45697</v>
      </c>
      <c r="G11912" s="1" t="s">
        <v>45593</v>
      </c>
      <c r="H11912" s="1" t="s">
        <v>45594</v>
      </c>
      <c r="I11912" s="1" t="s">
        <v>43772</v>
      </c>
      <c r="J11912" s="1" t="s">
        <v>45698</v>
      </c>
    </row>
    <row r="11913" spans="1:10" x14ac:dyDescent="0.35">
      <c r="A11913" s="1" t="s">
        <v>45589</v>
      </c>
      <c r="B11913" s="1" t="s">
        <v>43766</v>
      </c>
      <c r="C11913" s="1" t="s">
        <v>165</v>
      </c>
      <c r="D11913" s="1" t="s">
        <v>45699</v>
      </c>
      <c r="E11913" s="1" t="s">
        <v>45700</v>
      </c>
      <c r="F11913" s="1" t="s">
        <v>45701</v>
      </c>
      <c r="G11913" s="1" t="s">
        <v>45593</v>
      </c>
      <c r="H11913" s="1" t="s">
        <v>45594</v>
      </c>
      <c r="I11913" s="1" t="s">
        <v>43772</v>
      </c>
      <c r="J11913" s="1" t="s">
        <v>45702</v>
      </c>
    </row>
    <row r="11914" spans="1:10" x14ac:dyDescent="0.35">
      <c r="A11914" s="1" t="s">
        <v>45589</v>
      </c>
      <c r="B11914" s="1" t="s">
        <v>43766</v>
      </c>
      <c r="C11914" s="1" t="s">
        <v>170</v>
      </c>
      <c r="D11914" s="1" t="s">
        <v>45703</v>
      </c>
      <c r="E11914" s="1" t="s">
        <v>45704</v>
      </c>
      <c r="F11914" s="1" t="s">
        <v>45705</v>
      </c>
      <c r="G11914" s="1" t="s">
        <v>45593</v>
      </c>
      <c r="H11914" s="1" t="s">
        <v>45594</v>
      </c>
      <c r="I11914" s="1" t="s">
        <v>43772</v>
      </c>
      <c r="J11914" s="1" t="s">
        <v>45706</v>
      </c>
    </row>
    <row r="11915" spans="1:10" x14ac:dyDescent="0.35">
      <c r="A11915" s="1" t="s">
        <v>45707</v>
      </c>
      <c r="B11915" s="1" t="s">
        <v>43766</v>
      </c>
      <c r="C11915" s="1" t="s">
        <v>8</v>
      </c>
      <c r="D11915" s="1" t="s">
        <v>6316</v>
      </c>
      <c r="E11915" s="1" t="s">
        <v>45708</v>
      </c>
      <c r="F11915" s="1" t="s">
        <v>45709</v>
      </c>
      <c r="G11915" s="1" t="s">
        <v>45710</v>
      </c>
      <c r="H11915" s="1" t="s">
        <v>45711</v>
      </c>
      <c r="I11915" s="1" t="s">
        <v>43772</v>
      </c>
      <c r="J11915" s="1" t="s">
        <v>13</v>
      </c>
    </row>
    <row r="11916" spans="1:10" x14ac:dyDescent="0.35">
      <c r="A11916" s="1" t="s">
        <v>45707</v>
      </c>
      <c r="B11916" s="1" t="s">
        <v>43766</v>
      </c>
      <c r="C11916" s="1" t="s">
        <v>15</v>
      </c>
      <c r="D11916" s="1" t="s">
        <v>1954</v>
      </c>
      <c r="E11916" s="1" t="s">
        <v>45712</v>
      </c>
      <c r="F11916" s="1" t="s">
        <v>45713</v>
      </c>
      <c r="G11916" s="1" t="s">
        <v>45710</v>
      </c>
      <c r="H11916" s="1" t="s">
        <v>45711</v>
      </c>
      <c r="I11916" s="1" t="s">
        <v>43772</v>
      </c>
      <c r="J11916" s="1" t="s">
        <v>45714</v>
      </c>
    </row>
    <row r="11917" spans="1:10" x14ac:dyDescent="0.35">
      <c r="A11917" s="1" t="s">
        <v>45707</v>
      </c>
      <c r="B11917" s="1" t="s">
        <v>43766</v>
      </c>
      <c r="C11917" s="1" t="s">
        <v>20</v>
      </c>
      <c r="D11917" s="1" t="s">
        <v>45715</v>
      </c>
      <c r="E11917" s="1" t="s">
        <v>45716</v>
      </c>
      <c r="F11917" s="1" t="s">
        <v>45717</v>
      </c>
      <c r="G11917" s="1" t="s">
        <v>45710</v>
      </c>
      <c r="H11917" s="1" t="s">
        <v>45711</v>
      </c>
      <c r="I11917" s="1" t="s">
        <v>43772</v>
      </c>
      <c r="J11917" s="1" t="s">
        <v>45718</v>
      </c>
    </row>
    <row r="11918" spans="1:10" x14ac:dyDescent="0.35">
      <c r="A11918" s="1" t="s">
        <v>45707</v>
      </c>
      <c r="B11918" s="1" t="s">
        <v>43766</v>
      </c>
      <c r="C11918" s="1" t="s">
        <v>25</v>
      </c>
      <c r="D11918" s="1" t="s">
        <v>30121</v>
      </c>
      <c r="E11918" s="1" t="s">
        <v>45719</v>
      </c>
      <c r="F11918" s="1" t="s">
        <v>45720</v>
      </c>
      <c r="G11918" s="1" t="s">
        <v>45710</v>
      </c>
      <c r="H11918" s="1" t="s">
        <v>45711</v>
      </c>
      <c r="I11918" s="1" t="s">
        <v>43772</v>
      </c>
      <c r="J11918" s="1" t="s">
        <v>45721</v>
      </c>
    </row>
    <row r="11919" spans="1:10" x14ac:dyDescent="0.35">
      <c r="A11919" s="1" t="s">
        <v>45707</v>
      </c>
      <c r="B11919" s="1" t="s">
        <v>43766</v>
      </c>
      <c r="C11919" s="1" t="s">
        <v>30</v>
      </c>
      <c r="D11919" s="1" t="s">
        <v>10057</v>
      </c>
      <c r="E11919" s="1" t="s">
        <v>45722</v>
      </c>
      <c r="F11919" s="1" t="s">
        <v>45723</v>
      </c>
      <c r="G11919" s="1" t="s">
        <v>45710</v>
      </c>
      <c r="H11919" s="1" t="s">
        <v>45711</v>
      </c>
      <c r="I11919" s="1" t="s">
        <v>43772</v>
      </c>
      <c r="J11919" s="1" t="s">
        <v>45724</v>
      </c>
    </row>
    <row r="11920" spans="1:10" x14ac:dyDescent="0.35">
      <c r="A11920" s="1" t="s">
        <v>45707</v>
      </c>
      <c r="B11920" s="1" t="s">
        <v>43766</v>
      </c>
      <c r="C11920" s="1" t="s">
        <v>35</v>
      </c>
      <c r="D11920" s="1" t="s">
        <v>45725</v>
      </c>
      <c r="E11920" s="1" t="s">
        <v>45726</v>
      </c>
      <c r="F11920" s="1" t="s">
        <v>45727</v>
      </c>
      <c r="G11920" s="1" t="s">
        <v>45710</v>
      </c>
      <c r="H11920" s="1" t="s">
        <v>45711</v>
      </c>
      <c r="I11920" s="1" t="s">
        <v>43772</v>
      </c>
      <c r="J11920" s="1" t="s">
        <v>45728</v>
      </c>
    </row>
    <row r="11921" spans="1:10" x14ac:dyDescent="0.35">
      <c r="A11921" s="1" t="s">
        <v>45707</v>
      </c>
      <c r="B11921" s="1" t="s">
        <v>43766</v>
      </c>
      <c r="C11921" s="1" t="s">
        <v>40</v>
      </c>
      <c r="D11921" s="1" t="s">
        <v>4026</v>
      </c>
      <c r="E11921" s="1" t="s">
        <v>45729</v>
      </c>
      <c r="F11921" s="1" t="s">
        <v>45730</v>
      </c>
      <c r="G11921" s="1" t="s">
        <v>45710</v>
      </c>
      <c r="H11921" s="1" t="s">
        <v>45711</v>
      </c>
      <c r="I11921" s="1" t="s">
        <v>43772</v>
      </c>
      <c r="J11921" s="1" t="s">
        <v>45731</v>
      </c>
    </row>
    <row r="11922" spans="1:10" x14ac:dyDescent="0.35">
      <c r="A11922" s="1" t="s">
        <v>45707</v>
      </c>
      <c r="B11922" s="1" t="s">
        <v>43766</v>
      </c>
      <c r="C11922" s="1" t="s">
        <v>45</v>
      </c>
      <c r="D11922" s="1" t="s">
        <v>45732</v>
      </c>
      <c r="E11922" s="1" t="s">
        <v>45733</v>
      </c>
      <c r="F11922" s="1" t="s">
        <v>45734</v>
      </c>
      <c r="G11922" s="1" t="s">
        <v>45710</v>
      </c>
      <c r="H11922" s="1" t="s">
        <v>45711</v>
      </c>
      <c r="I11922" s="1" t="s">
        <v>43772</v>
      </c>
      <c r="J11922" s="1" t="s">
        <v>45735</v>
      </c>
    </row>
    <row r="11923" spans="1:10" x14ac:dyDescent="0.35">
      <c r="A11923" s="1" t="s">
        <v>45707</v>
      </c>
      <c r="B11923" s="1" t="s">
        <v>43766</v>
      </c>
      <c r="C11923" s="1" t="s">
        <v>50</v>
      </c>
      <c r="D11923" s="1" t="s">
        <v>45736</v>
      </c>
      <c r="E11923" s="1" t="s">
        <v>45737</v>
      </c>
      <c r="F11923" s="1" t="s">
        <v>45738</v>
      </c>
      <c r="G11923" s="1" t="s">
        <v>45710</v>
      </c>
      <c r="H11923" s="1" t="s">
        <v>45711</v>
      </c>
      <c r="I11923" s="1" t="s">
        <v>43772</v>
      </c>
      <c r="J11923" s="1" t="s">
        <v>45739</v>
      </c>
    </row>
    <row r="11924" spans="1:10" x14ac:dyDescent="0.35">
      <c r="A11924" s="1" t="s">
        <v>45707</v>
      </c>
      <c r="B11924" s="1" t="s">
        <v>43766</v>
      </c>
      <c r="C11924" s="1" t="s">
        <v>55</v>
      </c>
      <c r="D11924" s="1" t="s">
        <v>7540</v>
      </c>
      <c r="E11924" s="1" t="s">
        <v>45740</v>
      </c>
      <c r="F11924" s="1" t="s">
        <v>45741</v>
      </c>
      <c r="G11924" s="1" t="s">
        <v>45710</v>
      </c>
      <c r="H11924" s="1" t="s">
        <v>45711</v>
      </c>
      <c r="I11924" s="1" t="s">
        <v>43772</v>
      </c>
      <c r="J11924" s="1" t="s">
        <v>45742</v>
      </c>
    </row>
    <row r="11925" spans="1:10" x14ac:dyDescent="0.35">
      <c r="A11925" s="1" t="s">
        <v>45707</v>
      </c>
      <c r="B11925" s="1" t="s">
        <v>43766</v>
      </c>
      <c r="C11925" s="1" t="s">
        <v>60</v>
      </c>
      <c r="D11925" s="1" t="s">
        <v>45743</v>
      </c>
      <c r="E11925" s="1" t="s">
        <v>45744</v>
      </c>
      <c r="F11925" s="1" t="s">
        <v>45745</v>
      </c>
      <c r="G11925" s="1" t="s">
        <v>45710</v>
      </c>
      <c r="H11925" s="1" t="s">
        <v>45711</v>
      </c>
      <c r="I11925" s="1" t="s">
        <v>43772</v>
      </c>
      <c r="J11925" s="1" t="s">
        <v>45746</v>
      </c>
    </row>
    <row r="11926" spans="1:10" x14ac:dyDescent="0.35">
      <c r="A11926" s="1" t="s">
        <v>45707</v>
      </c>
      <c r="B11926" s="1" t="s">
        <v>43766</v>
      </c>
      <c r="C11926" s="1" t="s">
        <v>65</v>
      </c>
      <c r="D11926" s="1" t="s">
        <v>44888</v>
      </c>
      <c r="E11926" s="1" t="s">
        <v>45747</v>
      </c>
      <c r="F11926" s="1" t="s">
        <v>45748</v>
      </c>
      <c r="G11926" s="1" t="s">
        <v>45710</v>
      </c>
      <c r="H11926" s="1" t="s">
        <v>45711</v>
      </c>
      <c r="I11926" s="1" t="s">
        <v>43772</v>
      </c>
      <c r="J11926" s="1" t="s">
        <v>45749</v>
      </c>
    </row>
    <row r="11927" spans="1:10" x14ac:dyDescent="0.35">
      <c r="A11927" s="1" t="s">
        <v>45707</v>
      </c>
      <c r="B11927" s="1" t="s">
        <v>43766</v>
      </c>
      <c r="C11927" s="1" t="s">
        <v>70</v>
      </c>
      <c r="D11927" s="1" t="s">
        <v>45750</v>
      </c>
      <c r="E11927" s="1" t="s">
        <v>45751</v>
      </c>
      <c r="F11927" s="1" t="s">
        <v>45752</v>
      </c>
      <c r="G11927" s="1" t="s">
        <v>45710</v>
      </c>
      <c r="H11927" s="1" t="s">
        <v>45711</v>
      </c>
      <c r="I11927" s="1" t="s">
        <v>43772</v>
      </c>
      <c r="J11927" s="1" t="s">
        <v>45753</v>
      </c>
    </row>
    <row r="11928" spans="1:10" x14ac:dyDescent="0.35">
      <c r="A11928" s="1" t="s">
        <v>45707</v>
      </c>
      <c r="B11928" s="1" t="s">
        <v>43766</v>
      </c>
      <c r="C11928" s="1" t="s">
        <v>75</v>
      </c>
      <c r="D11928" s="1" t="s">
        <v>4781</v>
      </c>
      <c r="E11928" s="1" t="s">
        <v>45754</v>
      </c>
      <c r="F11928" s="1" t="s">
        <v>45755</v>
      </c>
      <c r="G11928" s="1" t="s">
        <v>45710</v>
      </c>
      <c r="H11928" s="1" t="s">
        <v>45711</v>
      </c>
      <c r="I11928" s="1" t="s">
        <v>43772</v>
      </c>
      <c r="J11928" s="1" t="s">
        <v>45756</v>
      </c>
    </row>
    <row r="11929" spans="1:10" x14ac:dyDescent="0.35">
      <c r="A11929" s="1" t="s">
        <v>45707</v>
      </c>
      <c r="B11929" s="1" t="s">
        <v>43766</v>
      </c>
      <c r="C11929" s="1" t="s">
        <v>80</v>
      </c>
      <c r="D11929" s="1" t="s">
        <v>16321</v>
      </c>
      <c r="E11929" s="1" t="s">
        <v>45757</v>
      </c>
      <c r="F11929" s="1" t="s">
        <v>45758</v>
      </c>
      <c r="G11929" s="1" t="s">
        <v>45710</v>
      </c>
      <c r="H11929" s="1" t="s">
        <v>45711</v>
      </c>
      <c r="I11929" s="1" t="s">
        <v>43772</v>
      </c>
      <c r="J11929" s="1" t="s">
        <v>45759</v>
      </c>
    </row>
    <row r="11930" spans="1:10" x14ac:dyDescent="0.35">
      <c r="A11930" s="1" t="s">
        <v>45707</v>
      </c>
      <c r="B11930" s="1" t="s">
        <v>43766</v>
      </c>
      <c r="C11930" s="1" t="s">
        <v>85</v>
      </c>
      <c r="D11930" s="1" t="s">
        <v>45760</v>
      </c>
      <c r="E11930" s="1" t="s">
        <v>45761</v>
      </c>
      <c r="F11930" s="1" t="s">
        <v>45762</v>
      </c>
      <c r="G11930" s="1" t="s">
        <v>45710</v>
      </c>
      <c r="H11930" s="1" t="s">
        <v>45711</v>
      </c>
      <c r="I11930" s="1" t="s">
        <v>43772</v>
      </c>
      <c r="J11930" s="1" t="s">
        <v>45763</v>
      </c>
    </row>
    <row r="11931" spans="1:10" x14ac:dyDescent="0.35">
      <c r="A11931" s="1" t="s">
        <v>45707</v>
      </c>
      <c r="B11931" s="1" t="s">
        <v>43766</v>
      </c>
      <c r="C11931" s="1" t="s">
        <v>90</v>
      </c>
      <c r="D11931" s="1" t="s">
        <v>27487</v>
      </c>
      <c r="E11931" s="1" t="s">
        <v>45764</v>
      </c>
      <c r="F11931" s="1" t="s">
        <v>45765</v>
      </c>
      <c r="G11931" s="1" t="s">
        <v>45710</v>
      </c>
      <c r="H11931" s="1" t="s">
        <v>45711</v>
      </c>
      <c r="I11931" s="1" t="s">
        <v>43772</v>
      </c>
      <c r="J11931" s="1" t="s">
        <v>45766</v>
      </c>
    </row>
    <row r="11932" spans="1:10" x14ac:dyDescent="0.35">
      <c r="A11932" s="1" t="s">
        <v>45707</v>
      </c>
      <c r="B11932" s="1" t="s">
        <v>43766</v>
      </c>
      <c r="C11932" s="1" t="s">
        <v>95</v>
      </c>
      <c r="D11932" s="1" t="s">
        <v>45767</v>
      </c>
      <c r="E11932" s="1" t="s">
        <v>45768</v>
      </c>
      <c r="F11932" s="1" t="s">
        <v>45769</v>
      </c>
      <c r="G11932" s="1" t="s">
        <v>45710</v>
      </c>
      <c r="H11932" s="1" t="s">
        <v>45711</v>
      </c>
      <c r="I11932" s="1" t="s">
        <v>43772</v>
      </c>
      <c r="J11932" s="1" t="s">
        <v>45770</v>
      </c>
    </row>
    <row r="11933" spans="1:10" x14ac:dyDescent="0.35">
      <c r="A11933" s="1" t="s">
        <v>45707</v>
      </c>
      <c r="B11933" s="1" t="s">
        <v>43766</v>
      </c>
      <c r="C11933" s="1" t="s">
        <v>100</v>
      </c>
      <c r="D11933" s="1" t="s">
        <v>45771</v>
      </c>
      <c r="E11933" s="1" t="s">
        <v>45772</v>
      </c>
      <c r="F11933" s="1" t="s">
        <v>45773</v>
      </c>
      <c r="G11933" s="1" t="s">
        <v>45710</v>
      </c>
      <c r="H11933" s="1" t="s">
        <v>45711</v>
      </c>
      <c r="I11933" s="1" t="s">
        <v>43772</v>
      </c>
      <c r="J11933" s="1" t="s">
        <v>45774</v>
      </c>
    </row>
    <row r="11934" spans="1:10" x14ac:dyDescent="0.35">
      <c r="A11934" s="1" t="s">
        <v>45707</v>
      </c>
      <c r="B11934" s="1" t="s">
        <v>43766</v>
      </c>
      <c r="C11934" s="1" t="s">
        <v>105</v>
      </c>
      <c r="D11934" s="1" t="s">
        <v>37576</v>
      </c>
      <c r="E11934" s="1" t="s">
        <v>45775</v>
      </c>
      <c r="F11934" s="1" t="s">
        <v>45776</v>
      </c>
      <c r="G11934" s="1" t="s">
        <v>45710</v>
      </c>
      <c r="H11934" s="1" t="s">
        <v>45711</v>
      </c>
      <c r="I11934" s="1" t="s">
        <v>43772</v>
      </c>
      <c r="J11934" s="1" t="s">
        <v>45777</v>
      </c>
    </row>
    <row r="11935" spans="1:10" x14ac:dyDescent="0.35">
      <c r="A11935" s="1" t="s">
        <v>45707</v>
      </c>
      <c r="B11935" s="1" t="s">
        <v>43766</v>
      </c>
      <c r="C11935" s="1" t="s">
        <v>110</v>
      </c>
      <c r="D11935" s="1" t="s">
        <v>45778</v>
      </c>
      <c r="E11935" s="1" t="s">
        <v>45779</v>
      </c>
      <c r="F11935" s="1" t="s">
        <v>45780</v>
      </c>
      <c r="G11935" s="1" t="s">
        <v>45710</v>
      </c>
      <c r="H11935" s="1" t="s">
        <v>45711</v>
      </c>
      <c r="I11935" s="1" t="s">
        <v>43772</v>
      </c>
      <c r="J11935" s="1" t="s">
        <v>45781</v>
      </c>
    </row>
    <row r="11936" spans="1:10" x14ac:dyDescent="0.35">
      <c r="A11936" s="1" t="s">
        <v>45707</v>
      </c>
      <c r="B11936" s="1" t="s">
        <v>43766</v>
      </c>
      <c r="C11936" s="1" t="s">
        <v>115</v>
      </c>
      <c r="D11936" s="1" t="s">
        <v>45782</v>
      </c>
      <c r="E11936" s="1" t="s">
        <v>45783</v>
      </c>
      <c r="F11936" s="1" t="s">
        <v>45784</v>
      </c>
      <c r="G11936" s="1" t="s">
        <v>45710</v>
      </c>
      <c r="H11936" s="1" t="s">
        <v>45711</v>
      </c>
      <c r="I11936" s="1" t="s">
        <v>43772</v>
      </c>
      <c r="J11936" s="1" t="s">
        <v>45785</v>
      </c>
    </row>
    <row r="11937" spans="1:10" x14ac:dyDescent="0.35">
      <c r="A11937" s="1" t="s">
        <v>45707</v>
      </c>
      <c r="B11937" s="1" t="s">
        <v>43766</v>
      </c>
      <c r="C11937" s="1" t="s">
        <v>120</v>
      </c>
      <c r="D11937" s="1" t="s">
        <v>15511</v>
      </c>
      <c r="E11937" s="1" t="s">
        <v>45786</v>
      </c>
      <c r="F11937" s="1" t="s">
        <v>45787</v>
      </c>
      <c r="G11937" s="1" t="s">
        <v>45710</v>
      </c>
      <c r="H11937" s="1" t="s">
        <v>45711</v>
      </c>
      <c r="I11937" s="1" t="s">
        <v>43772</v>
      </c>
      <c r="J11937" s="1" t="s">
        <v>45788</v>
      </c>
    </row>
    <row r="11938" spans="1:10" x14ac:dyDescent="0.35">
      <c r="A11938" s="1" t="s">
        <v>45707</v>
      </c>
      <c r="B11938" s="1" t="s">
        <v>43766</v>
      </c>
      <c r="C11938" s="1" t="s">
        <v>125</v>
      </c>
      <c r="D11938" s="1" t="s">
        <v>45789</v>
      </c>
      <c r="E11938" s="1" t="s">
        <v>45790</v>
      </c>
      <c r="F11938" s="1" t="s">
        <v>45791</v>
      </c>
      <c r="G11938" s="1" t="s">
        <v>45710</v>
      </c>
      <c r="H11938" s="1" t="s">
        <v>45711</v>
      </c>
      <c r="I11938" s="1" t="s">
        <v>43772</v>
      </c>
      <c r="J11938" s="1" t="s">
        <v>45792</v>
      </c>
    </row>
    <row r="11939" spans="1:10" x14ac:dyDescent="0.35">
      <c r="A11939" s="1" t="s">
        <v>45707</v>
      </c>
      <c r="B11939" s="1" t="s">
        <v>43766</v>
      </c>
      <c r="C11939" s="1" t="s">
        <v>130</v>
      </c>
      <c r="D11939" s="1" t="s">
        <v>45793</v>
      </c>
      <c r="E11939" s="1" t="s">
        <v>45794</v>
      </c>
      <c r="F11939" s="1" t="s">
        <v>45795</v>
      </c>
      <c r="G11939" s="1" t="s">
        <v>45710</v>
      </c>
      <c r="H11939" s="1" t="s">
        <v>45711</v>
      </c>
      <c r="I11939" s="1" t="s">
        <v>43772</v>
      </c>
      <c r="J11939" s="1" t="s">
        <v>45796</v>
      </c>
    </row>
    <row r="11940" spans="1:10" x14ac:dyDescent="0.35">
      <c r="A11940" s="1" t="s">
        <v>45707</v>
      </c>
      <c r="B11940" s="1" t="s">
        <v>43766</v>
      </c>
      <c r="C11940" s="1" t="s">
        <v>135</v>
      </c>
      <c r="D11940" s="1" t="s">
        <v>16177</v>
      </c>
      <c r="E11940" s="1" t="s">
        <v>45797</v>
      </c>
      <c r="F11940" s="1" t="s">
        <v>45798</v>
      </c>
      <c r="G11940" s="1" t="s">
        <v>45710</v>
      </c>
      <c r="H11940" s="1" t="s">
        <v>45711</v>
      </c>
      <c r="I11940" s="1" t="s">
        <v>43772</v>
      </c>
      <c r="J11940" s="1" t="s">
        <v>45799</v>
      </c>
    </row>
    <row r="11941" spans="1:10" x14ac:dyDescent="0.35">
      <c r="A11941" s="1" t="s">
        <v>45707</v>
      </c>
      <c r="B11941" s="1" t="s">
        <v>43766</v>
      </c>
      <c r="C11941" s="1" t="s">
        <v>140</v>
      </c>
      <c r="D11941" s="1" t="s">
        <v>45800</v>
      </c>
      <c r="E11941" s="1" t="s">
        <v>45801</v>
      </c>
      <c r="F11941" s="1" t="s">
        <v>45802</v>
      </c>
      <c r="G11941" s="1" t="s">
        <v>45710</v>
      </c>
      <c r="H11941" s="1" t="s">
        <v>45711</v>
      </c>
      <c r="I11941" s="1" t="s">
        <v>43772</v>
      </c>
      <c r="J11941" s="1" t="s">
        <v>45803</v>
      </c>
    </row>
    <row r="11942" spans="1:10" x14ac:dyDescent="0.35">
      <c r="A11942" s="1" t="s">
        <v>45707</v>
      </c>
      <c r="B11942" s="1" t="s">
        <v>43766</v>
      </c>
      <c r="C11942" s="1" t="s">
        <v>145</v>
      </c>
      <c r="D11942" s="1" t="s">
        <v>42634</v>
      </c>
      <c r="E11942" s="1" t="s">
        <v>45804</v>
      </c>
      <c r="F11942" s="1" t="s">
        <v>45805</v>
      </c>
      <c r="G11942" s="1" t="s">
        <v>45710</v>
      </c>
      <c r="H11942" s="1" t="s">
        <v>45711</v>
      </c>
      <c r="I11942" s="1" t="s">
        <v>43772</v>
      </c>
      <c r="J11942" s="1" t="s">
        <v>45806</v>
      </c>
    </row>
    <row r="11943" spans="1:10" x14ac:dyDescent="0.35">
      <c r="A11943" s="1" t="s">
        <v>45707</v>
      </c>
      <c r="B11943" s="1" t="s">
        <v>43766</v>
      </c>
      <c r="C11943" s="1" t="s">
        <v>150</v>
      </c>
      <c r="D11943" s="1" t="s">
        <v>10393</v>
      </c>
      <c r="E11943" s="1" t="s">
        <v>45807</v>
      </c>
      <c r="F11943" s="1" t="s">
        <v>45808</v>
      </c>
      <c r="G11943" s="1" t="s">
        <v>45710</v>
      </c>
      <c r="H11943" s="1" t="s">
        <v>45711</v>
      </c>
      <c r="I11943" s="1" t="s">
        <v>43772</v>
      </c>
      <c r="J11943" s="1" t="s">
        <v>45809</v>
      </c>
    </row>
    <row r="11944" spans="1:10" x14ac:dyDescent="0.35">
      <c r="A11944" s="1" t="s">
        <v>45707</v>
      </c>
      <c r="B11944" s="1" t="s">
        <v>43766</v>
      </c>
      <c r="C11944" s="1" t="s">
        <v>155</v>
      </c>
      <c r="D11944" s="1" t="s">
        <v>45810</v>
      </c>
      <c r="E11944" s="1" t="s">
        <v>45811</v>
      </c>
      <c r="F11944" s="1" t="s">
        <v>45812</v>
      </c>
      <c r="G11944" s="1" t="s">
        <v>45710</v>
      </c>
      <c r="H11944" s="1" t="s">
        <v>45711</v>
      </c>
      <c r="I11944" s="1" t="s">
        <v>43772</v>
      </c>
      <c r="J11944" s="1" t="s">
        <v>45813</v>
      </c>
    </row>
    <row r="11945" spans="1:10" x14ac:dyDescent="0.35">
      <c r="A11945" s="1" t="s">
        <v>45707</v>
      </c>
      <c r="B11945" s="1" t="s">
        <v>43766</v>
      </c>
      <c r="C11945" s="1" t="s">
        <v>160</v>
      </c>
      <c r="D11945" s="1" t="s">
        <v>45814</v>
      </c>
      <c r="E11945" s="1" t="s">
        <v>45815</v>
      </c>
      <c r="F11945" s="1" t="s">
        <v>45816</v>
      </c>
      <c r="G11945" s="1" t="s">
        <v>45710</v>
      </c>
      <c r="H11945" s="1" t="s">
        <v>45711</v>
      </c>
      <c r="I11945" s="1" t="s">
        <v>43772</v>
      </c>
      <c r="J11945" s="1" t="s">
        <v>45817</v>
      </c>
    </row>
    <row r="11946" spans="1:10" x14ac:dyDescent="0.35">
      <c r="A11946" s="1" t="s">
        <v>45707</v>
      </c>
      <c r="B11946" s="1" t="s">
        <v>43766</v>
      </c>
      <c r="C11946" s="1" t="s">
        <v>165</v>
      </c>
      <c r="D11946" s="1" t="s">
        <v>45818</v>
      </c>
      <c r="E11946" s="1" t="s">
        <v>45819</v>
      </c>
      <c r="F11946" s="1" t="s">
        <v>45820</v>
      </c>
      <c r="G11946" s="1" t="s">
        <v>45710</v>
      </c>
      <c r="H11946" s="1" t="s">
        <v>45711</v>
      </c>
      <c r="I11946" s="1" t="s">
        <v>43772</v>
      </c>
      <c r="J11946" s="1" t="s">
        <v>45821</v>
      </c>
    </row>
    <row r="11947" spans="1:10" x14ac:dyDescent="0.35">
      <c r="A11947" s="1" t="s">
        <v>45707</v>
      </c>
      <c r="B11947" s="1" t="s">
        <v>43766</v>
      </c>
      <c r="C11947" s="1" t="s">
        <v>170</v>
      </c>
      <c r="D11947" s="1" t="s">
        <v>45822</v>
      </c>
      <c r="E11947" s="1" t="s">
        <v>45823</v>
      </c>
      <c r="F11947" s="1" t="s">
        <v>45824</v>
      </c>
      <c r="G11947" s="1" t="s">
        <v>45710</v>
      </c>
      <c r="H11947" s="1" t="s">
        <v>45711</v>
      </c>
      <c r="I11947" s="1" t="s">
        <v>43772</v>
      </c>
      <c r="J11947" s="1" t="s">
        <v>45825</v>
      </c>
    </row>
    <row r="11948" spans="1:10" x14ac:dyDescent="0.35">
      <c r="A11948" s="1" t="s">
        <v>45826</v>
      </c>
      <c r="B11948" s="1" t="s">
        <v>43766</v>
      </c>
      <c r="C11948" s="1" t="s">
        <v>8</v>
      </c>
      <c r="D11948" s="1" t="s">
        <v>15021</v>
      </c>
      <c r="E11948" s="1" t="s">
        <v>45827</v>
      </c>
      <c r="F11948" s="1" t="s">
        <v>45828</v>
      </c>
      <c r="G11948" s="1" t="s">
        <v>45829</v>
      </c>
      <c r="H11948" s="1" t="s">
        <v>45830</v>
      </c>
      <c r="I11948" s="1" t="s">
        <v>43772</v>
      </c>
      <c r="J11948" s="1" t="s">
        <v>13</v>
      </c>
    </row>
    <row r="11949" spans="1:10" x14ac:dyDescent="0.35">
      <c r="A11949" s="1" t="s">
        <v>45826</v>
      </c>
      <c r="B11949" s="1" t="s">
        <v>43766</v>
      </c>
      <c r="C11949" s="1" t="s">
        <v>15</v>
      </c>
      <c r="D11949" s="1" t="s">
        <v>45831</v>
      </c>
      <c r="E11949" s="1" t="s">
        <v>45832</v>
      </c>
      <c r="F11949" s="1" t="s">
        <v>45833</v>
      </c>
      <c r="G11949" s="1" t="s">
        <v>45829</v>
      </c>
      <c r="H11949" s="1" t="s">
        <v>45830</v>
      </c>
      <c r="I11949" s="1" t="s">
        <v>43772</v>
      </c>
      <c r="J11949" s="1" t="s">
        <v>45834</v>
      </c>
    </row>
    <row r="11950" spans="1:10" x14ac:dyDescent="0.35">
      <c r="A11950" s="1" t="s">
        <v>45826</v>
      </c>
      <c r="B11950" s="1" t="s">
        <v>43766</v>
      </c>
      <c r="C11950" s="1" t="s">
        <v>20</v>
      </c>
      <c r="D11950" s="1" t="s">
        <v>25502</v>
      </c>
      <c r="E11950" s="1" t="s">
        <v>45835</v>
      </c>
      <c r="F11950" s="1" t="s">
        <v>45836</v>
      </c>
      <c r="G11950" s="1" t="s">
        <v>45829</v>
      </c>
      <c r="H11950" s="1" t="s">
        <v>45830</v>
      </c>
      <c r="I11950" s="1" t="s">
        <v>43772</v>
      </c>
      <c r="J11950" s="1" t="s">
        <v>45837</v>
      </c>
    </row>
    <row r="11951" spans="1:10" x14ac:dyDescent="0.35">
      <c r="A11951" s="1" t="s">
        <v>45826</v>
      </c>
      <c r="B11951" s="1" t="s">
        <v>43766</v>
      </c>
      <c r="C11951" s="1" t="s">
        <v>25</v>
      </c>
      <c r="D11951" s="1" t="s">
        <v>29102</v>
      </c>
      <c r="E11951" s="1" t="s">
        <v>45838</v>
      </c>
      <c r="F11951" s="1" t="s">
        <v>45839</v>
      </c>
      <c r="G11951" s="1" t="s">
        <v>45829</v>
      </c>
      <c r="H11951" s="1" t="s">
        <v>45830</v>
      </c>
      <c r="I11951" s="1" t="s">
        <v>43772</v>
      </c>
      <c r="J11951" s="1" t="s">
        <v>45840</v>
      </c>
    </row>
    <row r="11952" spans="1:10" x14ac:dyDescent="0.35">
      <c r="A11952" s="1" t="s">
        <v>45826</v>
      </c>
      <c r="B11952" s="1" t="s">
        <v>43766</v>
      </c>
      <c r="C11952" s="1" t="s">
        <v>30</v>
      </c>
      <c r="D11952" s="1" t="s">
        <v>45841</v>
      </c>
      <c r="E11952" s="1" t="s">
        <v>45842</v>
      </c>
      <c r="F11952" s="1" t="s">
        <v>45843</v>
      </c>
      <c r="G11952" s="1" t="s">
        <v>45829</v>
      </c>
      <c r="H11952" s="1" t="s">
        <v>45830</v>
      </c>
      <c r="I11952" s="1" t="s">
        <v>43772</v>
      </c>
      <c r="J11952" s="1" t="s">
        <v>45844</v>
      </c>
    </row>
    <row r="11953" spans="1:10" x14ac:dyDescent="0.35">
      <c r="A11953" s="1" t="s">
        <v>45826</v>
      </c>
      <c r="B11953" s="1" t="s">
        <v>43766</v>
      </c>
      <c r="C11953" s="1" t="s">
        <v>35</v>
      </c>
      <c r="D11953" s="1" t="s">
        <v>45845</v>
      </c>
      <c r="E11953" s="1" t="s">
        <v>45846</v>
      </c>
      <c r="F11953" s="1" t="s">
        <v>45847</v>
      </c>
      <c r="G11953" s="1" t="s">
        <v>45829</v>
      </c>
      <c r="H11953" s="1" t="s">
        <v>45830</v>
      </c>
      <c r="I11953" s="1" t="s">
        <v>43772</v>
      </c>
      <c r="J11953" s="1" t="s">
        <v>45848</v>
      </c>
    </row>
    <row r="11954" spans="1:10" x14ac:dyDescent="0.35">
      <c r="A11954" s="1" t="s">
        <v>45826</v>
      </c>
      <c r="B11954" s="1" t="s">
        <v>43766</v>
      </c>
      <c r="C11954" s="1" t="s">
        <v>40</v>
      </c>
      <c r="D11954" s="1" t="s">
        <v>45849</v>
      </c>
      <c r="E11954" s="1" t="s">
        <v>45850</v>
      </c>
      <c r="F11954" s="1" t="s">
        <v>45851</v>
      </c>
      <c r="G11954" s="1" t="s">
        <v>45829</v>
      </c>
      <c r="H11954" s="1" t="s">
        <v>45830</v>
      </c>
      <c r="I11954" s="1" t="s">
        <v>43772</v>
      </c>
      <c r="J11954" s="1" t="s">
        <v>15426</v>
      </c>
    </row>
    <row r="11955" spans="1:10" x14ac:dyDescent="0.35">
      <c r="A11955" s="1" t="s">
        <v>45826</v>
      </c>
      <c r="B11955" s="1" t="s">
        <v>43766</v>
      </c>
      <c r="C11955" s="1" t="s">
        <v>45</v>
      </c>
      <c r="D11955" s="1" t="s">
        <v>7598</v>
      </c>
      <c r="E11955" s="1" t="s">
        <v>45852</v>
      </c>
      <c r="F11955" s="1" t="s">
        <v>45853</v>
      </c>
      <c r="G11955" s="1" t="s">
        <v>45829</v>
      </c>
      <c r="H11955" s="1" t="s">
        <v>45830</v>
      </c>
      <c r="I11955" s="1" t="s">
        <v>43772</v>
      </c>
      <c r="J11955" s="1" t="s">
        <v>45854</v>
      </c>
    </row>
    <row r="11956" spans="1:10" x14ac:dyDescent="0.35">
      <c r="A11956" s="1" t="s">
        <v>45826</v>
      </c>
      <c r="B11956" s="1" t="s">
        <v>43766</v>
      </c>
      <c r="C11956" s="1" t="s">
        <v>50</v>
      </c>
      <c r="D11956" s="1" t="s">
        <v>45855</v>
      </c>
      <c r="E11956" s="1" t="s">
        <v>45856</v>
      </c>
      <c r="F11956" s="1" t="s">
        <v>45857</v>
      </c>
      <c r="G11956" s="1" t="s">
        <v>45829</v>
      </c>
      <c r="H11956" s="1" t="s">
        <v>45830</v>
      </c>
      <c r="I11956" s="1" t="s">
        <v>43772</v>
      </c>
      <c r="J11956" s="1" t="s">
        <v>45858</v>
      </c>
    </row>
    <row r="11957" spans="1:10" x14ac:dyDescent="0.35">
      <c r="A11957" s="1" t="s">
        <v>45826</v>
      </c>
      <c r="B11957" s="1" t="s">
        <v>43766</v>
      </c>
      <c r="C11957" s="1" t="s">
        <v>55</v>
      </c>
      <c r="D11957" s="1" t="s">
        <v>6604</v>
      </c>
      <c r="E11957" s="1" t="s">
        <v>45859</v>
      </c>
      <c r="F11957" s="1" t="s">
        <v>45860</v>
      </c>
      <c r="G11957" s="1" t="s">
        <v>45829</v>
      </c>
      <c r="H11957" s="1" t="s">
        <v>45830</v>
      </c>
      <c r="I11957" s="1" t="s">
        <v>43772</v>
      </c>
      <c r="J11957" s="1" t="s">
        <v>45861</v>
      </c>
    </row>
    <row r="11958" spans="1:10" x14ac:dyDescent="0.35">
      <c r="A11958" s="1" t="s">
        <v>45826</v>
      </c>
      <c r="B11958" s="1" t="s">
        <v>43766</v>
      </c>
      <c r="C11958" s="1" t="s">
        <v>60</v>
      </c>
      <c r="D11958" s="1" t="s">
        <v>35648</v>
      </c>
      <c r="E11958" s="1" t="s">
        <v>45862</v>
      </c>
      <c r="F11958" s="1" t="s">
        <v>45863</v>
      </c>
      <c r="G11958" s="1" t="s">
        <v>45829</v>
      </c>
      <c r="H11958" s="1" t="s">
        <v>45830</v>
      </c>
      <c r="I11958" s="1" t="s">
        <v>43772</v>
      </c>
      <c r="J11958" s="1" t="s">
        <v>45864</v>
      </c>
    </row>
    <row r="11959" spans="1:10" x14ac:dyDescent="0.35">
      <c r="A11959" s="1" t="s">
        <v>45826</v>
      </c>
      <c r="B11959" s="1" t="s">
        <v>43766</v>
      </c>
      <c r="C11959" s="1" t="s">
        <v>65</v>
      </c>
      <c r="D11959" s="1" t="s">
        <v>45865</v>
      </c>
      <c r="E11959" s="1" t="s">
        <v>45866</v>
      </c>
      <c r="F11959" s="1" t="s">
        <v>45867</v>
      </c>
      <c r="G11959" s="1" t="s">
        <v>45829</v>
      </c>
      <c r="H11959" s="1" t="s">
        <v>45830</v>
      </c>
      <c r="I11959" s="1" t="s">
        <v>43772</v>
      </c>
      <c r="J11959" s="1" t="s">
        <v>45868</v>
      </c>
    </row>
    <row r="11960" spans="1:10" x14ac:dyDescent="0.35">
      <c r="A11960" s="1" t="s">
        <v>45826</v>
      </c>
      <c r="B11960" s="1" t="s">
        <v>43766</v>
      </c>
      <c r="C11960" s="1" t="s">
        <v>70</v>
      </c>
      <c r="D11960" s="1" t="s">
        <v>34496</v>
      </c>
      <c r="E11960" s="1" t="s">
        <v>45869</v>
      </c>
      <c r="F11960" s="1" t="s">
        <v>45870</v>
      </c>
      <c r="G11960" s="1" t="s">
        <v>45829</v>
      </c>
      <c r="H11960" s="1" t="s">
        <v>45830</v>
      </c>
      <c r="I11960" s="1" t="s">
        <v>43772</v>
      </c>
      <c r="J11960" s="1" t="s">
        <v>45871</v>
      </c>
    </row>
    <row r="11961" spans="1:10" x14ac:dyDescent="0.35">
      <c r="A11961" s="1" t="s">
        <v>45826</v>
      </c>
      <c r="B11961" s="1" t="s">
        <v>43766</v>
      </c>
      <c r="C11961" s="1" t="s">
        <v>75</v>
      </c>
      <c r="D11961" s="1" t="s">
        <v>45872</v>
      </c>
      <c r="E11961" s="1" t="s">
        <v>45873</v>
      </c>
      <c r="F11961" s="1" t="s">
        <v>45874</v>
      </c>
      <c r="G11961" s="1" t="s">
        <v>45829</v>
      </c>
      <c r="H11961" s="1" t="s">
        <v>45830</v>
      </c>
      <c r="I11961" s="1" t="s">
        <v>43772</v>
      </c>
      <c r="J11961" s="1" t="s">
        <v>45875</v>
      </c>
    </row>
    <row r="11962" spans="1:10" x14ac:dyDescent="0.35">
      <c r="A11962" s="1" t="s">
        <v>45826</v>
      </c>
      <c r="B11962" s="1" t="s">
        <v>43766</v>
      </c>
      <c r="C11962" s="1" t="s">
        <v>80</v>
      </c>
      <c r="D11962" s="1" t="s">
        <v>45876</v>
      </c>
      <c r="E11962" s="1" t="s">
        <v>45877</v>
      </c>
      <c r="F11962" s="1" t="s">
        <v>45878</v>
      </c>
      <c r="G11962" s="1" t="s">
        <v>45829</v>
      </c>
      <c r="H11962" s="1" t="s">
        <v>45830</v>
      </c>
      <c r="I11962" s="1" t="s">
        <v>43772</v>
      </c>
      <c r="J11962" s="1" t="s">
        <v>45879</v>
      </c>
    </row>
    <row r="11963" spans="1:10" x14ac:dyDescent="0.35">
      <c r="A11963" s="1" t="s">
        <v>45826</v>
      </c>
      <c r="B11963" s="1" t="s">
        <v>43766</v>
      </c>
      <c r="C11963" s="1" t="s">
        <v>85</v>
      </c>
      <c r="D11963" s="1" t="s">
        <v>45880</v>
      </c>
      <c r="E11963" s="1" t="s">
        <v>45881</v>
      </c>
      <c r="F11963" s="1" t="s">
        <v>45882</v>
      </c>
      <c r="G11963" s="1" t="s">
        <v>45829</v>
      </c>
      <c r="H11963" s="1" t="s">
        <v>45830</v>
      </c>
      <c r="I11963" s="1" t="s">
        <v>43772</v>
      </c>
      <c r="J11963" s="1" t="s">
        <v>45883</v>
      </c>
    </row>
    <row r="11964" spans="1:10" x14ac:dyDescent="0.35">
      <c r="A11964" s="1" t="s">
        <v>45826</v>
      </c>
      <c r="B11964" s="1" t="s">
        <v>43766</v>
      </c>
      <c r="C11964" s="1" t="s">
        <v>90</v>
      </c>
      <c r="D11964" s="1" t="s">
        <v>45884</v>
      </c>
      <c r="E11964" s="1" t="s">
        <v>45885</v>
      </c>
      <c r="F11964" s="1" t="s">
        <v>45886</v>
      </c>
      <c r="G11964" s="1" t="s">
        <v>45829</v>
      </c>
      <c r="H11964" s="1" t="s">
        <v>45830</v>
      </c>
      <c r="I11964" s="1" t="s">
        <v>43772</v>
      </c>
      <c r="J11964" s="1" t="s">
        <v>45887</v>
      </c>
    </row>
    <row r="11965" spans="1:10" x14ac:dyDescent="0.35">
      <c r="A11965" s="1" t="s">
        <v>45826</v>
      </c>
      <c r="B11965" s="1" t="s">
        <v>43766</v>
      </c>
      <c r="C11965" s="1" t="s">
        <v>95</v>
      </c>
      <c r="D11965" s="1" t="s">
        <v>45888</v>
      </c>
      <c r="E11965" s="1" t="s">
        <v>45889</v>
      </c>
      <c r="F11965" s="1" t="s">
        <v>45890</v>
      </c>
      <c r="G11965" s="1" t="s">
        <v>45829</v>
      </c>
      <c r="H11965" s="1" t="s">
        <v>45830</v>
      </c>
      <c r="I11965" s="1" t="s">
        <v>43772</v>
      </c>
      <c r="J11965" s="1" t="s">
        <v>45891</v>
      </c>
    </row>
    <row r="11966" spans="1:10" x14ac:dyDescent="0.35">
      <c r="A11966" s="1" t="s">
        <v>45826</v>
      </c>
      <c r="B11966" s="1" t="s">
        <v>43766</v>
      </c>
      <c r="C11966" s="1" t="s">
        <v>100</v>
      </c>
      <c r="D11966" s="1" t="s">
        <v>45892</v>
      </c>
      <c r="E11966" s="1" t="s">
        <v>45893</v>
      </c>
      <c r="F11966" s="1" t="s">
        <v>45894</v>
      </c>
      <c r="G11966" s="1" t="s">
        <v>45829</v>
      </c>
      <c r="H11966" s="1" t="s">
        <v>45830</v>
      </c>
      <c r="I11966" s="1" t="s">
        <v>43772</v>
      </c>
      <c r="J11966" s="1" t="s">
        <v>45895</v>
      </c>
    </row>
    <row r="11967" spans="1:10" x14ac:dyDescent="0.35">
      <c r="A11967" s="1" t="s">
        <v>45826</v>
      </c>
      <c r="B11967" s="1" t="s">
        <v>43766</v>
      </c>
      <c r="C11967" s="1" t="s">
        <v>105</v>
      </c>
      <c r="D11967" s="1" t="s">
        <v>45896</v>
      </c>
      <c r="E11967" s="1" t="s">
        <v>45897</v>
      </c>
      <c r="F11967" s="1" t="s">
        <v>45898</v>
      </c>
      <c r="G11967" s="1" t="s">
        <v>45829</v>
      </c>
      <c r="H11967" s="1" t="s">
        <v>45830</v>
      </c>
      <c r="I11967" s="1" t="s">
        <v>43772</v>
      </c>
      <c r="J11967" s="1" t="s">
        <v>45899</v>
      </c>
    </row>
    <row r="11968" spans="1:10" x14ac:dyDescent="0.35">
      <c r="A11968" s="1" t="s">
        <v>45826</v>
      </c>
      <c r="B11968" s="1" t="s">
        <v>43766</v>
      </c>
      <c r="C11968" s="1" t="s">
        <v>110</v>
      </c>
      <c r="D11968" s="1" t="s">
        <v>45900</v>
      </c>
      <c r="E11968" s="1" t="s">
        <v>45901</v>
      </c>
      <c r="F11968" s="1" t="s">
        <v>45902</v>
      </c>
      <c r="G11968" s="1" t="s">
        <v>45829</v>
      </c>
      <c r="H11968" s="1" t="s">
        <v>45830</v>
      </c>
      <c r="I11968" s="1" t="s">
        <v>43772</v>
      </c>
      <c r="J11968" s="1" t="s">
        <v>45903</v>
      </c>
    </row>
    <row r="11969" spans="1:10" x14ac:dyDescent="0.35">
      <c r="A11969" s="1" t="s">
        <v>45826</v>
      </c>
      <c r="B11969" s="1" t="s">
        <v>43766</v>
      </c>
      <c r="C11969" s="1" t="s">
        <v>115</v>
      </c>
      <c r="D11969" s="1" t="s">
        <v>45904</v>
      </c>
      <c r="E11969" s="1" t="s">
        <v>45905</v>
      </c>
      <c r="F11969" s="1" t="s">
        <v>45906</v>
      </c>
      <c r="G11969" s="1" t="s">
        <v>45829</v>
      </c>
      <c r="H11969" s="1" t="s">
        <v>45830</v>
      </c>
      <c r="I11969" s="1" t="s">
        <v>43772</v>
      </c>
      <c r="J11969" s="1" t="s">
        <v>45907</v>
      </c>
    </row>
    <row r="11970" spans="1:10" x14ac:dyDescent="0.35">
      <c r="A11970" s="1" t="s">
        <v>45826</v>
      </c>
      <c r="B11970" s="1" t="s">
        <v>43766</v>
      </c>
      <c r="C11970" s="1" t="s">
        <v>120</v>
      </c>
      <c r="D11970" s="1" t="s">
        <v>45908</v>
      </c>
      <c r="E11970" s="1" t="s">
        <v>45909</v>
      </c>
      <c r="F11970" s="1" t="s">
        <v>45910</v>
      </c>
      <c r="G11970" s="1" t="s">
        <v>45829</v>
      </c>
      <c r="H11970" s="1" t="s">
        <v>45830</v>
      </c>
      <c r="I11970" s="1" t="s">
        <v>43772</v>
      </c>
      <c r="J11970" s="1" t="s">
        <v>45911</v>
      </c>
    </row>
    <row r="11971" spans="1:10" x14ac:dyDescent="0.35">
      <c r="A11971" s="1" t="s">
        <v>45826</v>
      </c>
      <c r="B11971" s="1" t="s">
        <v>43766</v>
      </c>
      <c r="C11971" s="1" t="s">
        <v>125</v>
      </c>
      <c r="D11971" s="1" t="s">
        <v>45912</v>
      </c>
      <c r="E11971" s="1" t="s">
        <v>45913</v>
      </c>
      <c r="F11971" s="1" t="s">
        <v>45914</v>
      </c>
      <c r="G11971" s="1" t="s">
        <v>45829</v>
      </c>
      <c r="H11971" s="1" t="s">
        <v>45830</v>
      </c>
      <c r="I11971" s="1" t="s">
        <v>43772</v>
      </c>
      <c r="J11971" s="1" t="s">
        <v>45915</v>
      </c>
    </row>
    <row r="11972" spans="1:10" x14ac:dyDescent="0.35">
      <c r="A11972" s="1" t="s">
        <v>45826</v>
      </c>
      <c r="B11972" s="1" t="s">
        <v>43766</v>
      </c>
      <c r="C11972" s="1" t="s">
        <v>130</v>
      </c>
      <c r="D11972" s="1" t="s">
        <v>45916</v>
      </c>
      <c r="E11972" s="1" t="s">
        <v>45917</v>
      </c>
      <c r="F11972" s="1" t="s">
        <v>45918</v>
      </c>
      <c r="G11972" s="1" t="s">
        <v>45829</v>
      </c>
      <c r="H11972" s="1" t="s">
        <v>45830</v>
      </c>
      <c r="I11972" s="1" t="s">
        <v>43772</v>
      </c>
      <c r="J11972" s="1" t="s">
        <v>45919</v>
      </c>
    </row>
    <row r="11973" spans="1:10" x14ac:dyDescent="0.35">
      <c r="A11973" s="1" t="s">
        <v>45826</v>
      </c>
      <c r="B11973" s="1" t="s">
        <v>43766</v>
      </c>
      <c r="C11973" s="1" t="s">
        <v>135</v>
      </c>
      <c r="D11973" s="1" t="s">
        <v>45920</v>
      </c>
      <c r="E11973" s="1" t="s">
        <v>45921</v>
      </c>
      <c r="F11973" s="1" t="s">
        <v>45922</v>
      </c>
      <c r="G11973" s="1" t="s">
        <v>45829</v>
      </c>
      <c r="H11973" s="1" t="s">
        <v>45830</v>
      </c>
      <c r="I11973" s="1" t="s">
        <v>43772</v>
      </c>
      <c r="J11973" s="1" t="s">
        <v>45923</v>
      </c>
    </row>
    <row r="11974" spans="1:10" x14ac:dyDescent="0.35">
      <c r="A11974" s="1" t="s">
        <v>45826</v>
      </c>
      <c r="B11974" s="1" t="s">
        <v>43766</v>
      </c>
      <c r="C11974" s="1" t="s">
        <v>140</v>
      </c>
      <c r="D11974" s="1" t="s">
        <v>45924</v>
      </c>
      <c r="E11974" s="1" t="s">
        <v>45925</v>
      </c>
      <c r="F11974" s="1" t="s">
        <v>45926</v>
      </c>
      <c r="G11974" s="1" t="s">
        <v>45829</v>
      </c>
      <c r="H11974" s="1" t="s">
        <v>45830</v>
      </c>
      <c r="I11974" s="1" t="s">
        <v>43772</v>
      </c>
      <c r="J11974" s="1" t="s">
        <v>45927</v>
      </c>
    </row>
    <row r="11975" spans="1:10" x14ac:dyDescent="0.35">
      <c r="A11975" s="1" t="s">
        <v>45826</v>
      </c>
      <c r="B11975" s="1" t="s">
        <v>43766</v>
      </c>
      <c r="C11975" s="1" t="s">
        <v>145</v>
      </c>
      <c r="D11975" s="1" t="s">
        <v>45928</v>
      </c>
      <c r="E11975" s="1" t="s">
        <v>45929</v>
      </c>
      <c r="F11975" s="1" t="s">
        <v>45930</v>
      </c>
      <c r="G11975" s="1" t="s">
        <v>45829</v>
      </c>
      <c r="H11975" s="1" t="s">
        <v>45830</v>
      </c>
      <c r="I11975" s="1" t="s">
        <v>43772</v>
      </c>
      <c r="J11975" s="1" t="s">
        <v>45931</v>
      </c>
    </row>
    <row r="11976" spans="1:10" x14ac:dyDescent="0.35">
      <c r="A11976" s="1" t="s">
        <v>45826</v>
      </c>
      <c r="B11976" s="1" t="s">
        <v>43766</v>
      </c>
      <c r="C11976" s="1" t="s">
        <v>150</v>
      </c>
      <c r="D11976" s="1" t="s">
        <v>45932</v>
      </c>
      <c r="E11976" s="1" t="s">
        <v>45933</v>
      </c>
      <c r="F11976" s="1" t="s">
        <v>45934</v>
      </c>
      <c r="G11976" s="1" t="s">
        <v>45829</v>
      </c>
      <c r="H11976" s="1" t="s">
        <v>45830</v>
      </c>
      <c r="I11976" s="1" t="s">
        <v>43772</v>
      </c>
      <c r="J11976" s="1" t="s">
        <v>45935</v>
      </c>
    </row>
    <row r="11977" spans="1:10" x14ac:dyDescent="0.35">
      <c r="A11977" s="1" t="s">
        <v>45826</v>
      </c>
      <c r="B11977" s="1" t="s">
        <v>43766</v>
      </c>
      <c r="C11977" s="1" t="s">
        <v>155</v>
      </c>
      <c r="D11977" s="1" t="s">
        <v>45936</v>
      </c>
      <c r="E11977" s="1" t="s">
        <v>45937</v>
      </c>
      <c r="F11977" s="1" t="s">
        <v>45938</v>
      </c>
      <c r="G11977" s="1" t="s">
        <v>45829</v>
      </c>
      <c r="H11977" s="1" t="s">
        <v>45830</v>
      </c>
      <c r="I11977" s="1" t="s">
        <v>43772</v>
      </c>
      <c r="J11977" s="1" t="s">
        <v>45939</v>
      </c>
    </row>
    <row r="11978" spans="1:10" x14ac:dyDescent="0.35">
      <c r="A11978" s="1" t="s">
        <v>45826</v>
      </c>
      <c r="B11978" s="1" t="s">
        <v>43766</v>
      </c>
      <c r="C11978" s="1" t="s">
        <v>160</v>
      </c>
      <c r="D11978" s="1" t="s">
        <v>18295</v>
      </c>
      <c r="E11978" s="1" t="s">
        <v>45940</v>
      </c>
      <c r="F11978" s="1" t="s">
        <v>45941</v>
      </c>
      <c r="G11978" s="1" t="s">
        <v>45829</v>
      </c>
      <c r="H11978" s="1" t="s">
        <v>45830</v>
      </c>
      <c r="I11978" s="1" t="s">
        <v>43772</v>
      </c>
      <c r="J11978" s="1" t="s">
        <v>45942</v>
      </c>
    </row>
    <row r="11979" spans="1:10" x14ac:dyDescent="0.35">
      <c r="A11979" s="1" t="s">
        <v>45826</v>
      </c>
      <c r="B11979" s="1" t="s">
        <v>43766</v>
      </c>
      <c r="C11979" s="1" t="s">
        <v>165</v>
      </c>
      <c r="D11979" s="1" t="s">
        <v>45943</v>
      </c>
      <c r="E11979" s="1" t="s">
        <v>45944</v>
      </c>
      <c r="F11979" s="1" t="s">
        <v>45945</v>
      </c>
      <c r="G11979" s="1" t="s">
        <v>45829</v>
      </c>
      <c r="H11979" s="1" t="s">
        <v>45830</v>
      </c>
      <c r="I11979" s="1" t="s">
        <v>43772</v>
      </c>
      <c r="J11979" s="1" t="s">
        <v>45946</v>
      </c>
    </row>
    <row r="11980" spans="1:10" x14ac:dyDescent="0.35">
      <c r="A11980" s="1" t="s">
        <v>45826</v>
      </c>
      <c r="B11980" s="1" t="s">
        <v>43766</v>
      </c>
      <c r="C11980" s="1" t="s">
        <v>170</v>
      </c>
      <c r="D11980" s="1" t="s">
        <v>45947</v>
      </c>
      <c r="E11980" s="1" t="s">
        <v>45948</v>
      </c>
      <c r="F11980" s="1" t="s">
        <v>45949</v>
      </c>
      <c r="G11980" s="1" t="s">
        <v>45829</v>
      </c>
      <c r="H11980" s="1" t="s">
        <v>45830</v>
      </c>
      <c r="I11980" s="1" t="s">
        <v>43772</v>
      </c>
      <c r="J11980" s="1" t="s">
        <v>45950</v>
      </c>
    </row>
    <row r="11981" spans="1:10" x14ac:dyDescent="0.35">
      <c r="A11981" s="1" t="s">
        <v>45951</v>
      </c>
      <c r="B11981" s="1" t="s">
        <v>43766</v>
      </c>
      <c r="C11981" s="1" t="s">
        <v>8</v>
      </c>
      <c r="D11981" s="1" t="s">
        <v>45952</v>
      </c>
      <c r="E11981" s="1" t="s">
        <v>45953</v>
      </c>
      <c r="F11981" s="1" t="s">
        <v>45954</v>
      </c>
      <c r="G11981" s="1" t="s">
        <v>45955</v>
      </c>
      <c r="H11981" s="1" t="s">
        <v>45956</v>
      </c>
      <c r="I11981" s="1" t="s">
        <v>43772</v>
      </c>
      <c r="J11981" s="1" t="s">
        <v>13</v>
      </c>
    </row>
    <row r="11982" spans="1:10" x14ac:dyDescent="0.35">
      <c r="A11982" s="1" t="s">
        <v>45951</v>
      </c>
      <c r="B11982" s="1" t="s">
        <v>43766</v>
      </c>
      <c r="C11982" s="1" t="s">
        <v>15</v>
      </c>
      <c r="D11982" s="1" t="s">
        <v>8479</v>
      </c>
      <c r="E11982" s="1" t="s">
        <v>45957</v>
      </c>
      <c r="F11982" s="1" t="s">
        <v>45958</v>
      </c>
      <c r="G11982" s="1" t="s">
        <v>45955</v>
      </c>
      <c r="H11982" s="1" t="s">
        <v>45956</v>
      </c>
      <c r="I11982" s="1" t="s">
        <v>43772</v>
      </c>
      <c r="J11982" s="1" t="s">
        <v>45959</v>
      </c>
    </row>
    <row r="11983" spans="1:10" x14ac:dyDescent="0.35">
      <c r="A11983" s="1" t="s">
        <v>45951</v>
      </c>
      <c r="B11983" s="1" t="s">
        <v>43766</v>
      </c>
      <c r="C11983" s="1" t="s">
        <v>20</v>
      </c>
      <c r="D11983" s="1" t="s">
        <v>4289</v>
      </c>
      <c r="E11983" s="1" t="s">
        <v>45960</v>
      </c>
      <c r="F11983" s="1" t="s">
        <v>45961</v>
      </c>
      <c r="G11983" s="1" t="s">
        <v>45955</v>
      </c>
      <c r="H11983" s="1" t="s">
        <v>45956</v>
      </c>
      <c r="I11983" s="1" t="s">
        <v>43772</v>
      </c>
      <c r="J11983" s="1" t="s">
        <v>45962</v>
      </c>
    </row>
    <row r="11984" spans="1:10" x14ac:dyDescent="0.35">
      <c r="A11984" s="1" t="s">
        <v>45951</v>
      </c>
      <c r="B11984" s="1" t="s">
        <v>43766</v>
      </c>
      <c r="C11984" s="1" t="s">
        <v>25</v>
      </c>
      <c r="D11984" s="1" t="s">
        <v>45963</v>
      </c>
      <c r="E11984" s="1" t="s">
        <v>45964</v>
      </c>
      <c r="F11984" s="1" t="s">
        <v>45965</v>
      </c>
      <c r="G11984" s="1" t="s">
        <v>45955</v>
      </c>
      <c r="H11984" s="1" t="s">
        <v>45956</v>
      </c>
      <c r="I11984" s="1" t="s">
        <v>43772</v>
      </c>
      <c r="J11984" s="1" t="s">
        <v>45966</v>
      </c>
    </row>
    <row r="11985" spans="1:10" x14ac:dyDescent="0.35">
      <c r="A11985" s="1" t="s">
        <v>45951</v>
      </c>
      <c r="B11985" s="1" t="s">
        <v>43766</v>
      </c>
      <c r="C11985" s="1" t="s">
        <v>30</v>
      </c>
      <c r="D11985" s="1" t="s">
        <v>29410</v>
      </c>
      <c r="E11985" s="1" t="s">
        <v>45967</v>
      </c>
      <c r="F11985" s="1" t="s">
        <v>45968</v>
      </c>
      <c r="G11985" s="1" t="s">
        <v>45955</v>
      </c>
      <c r="H11985" s="1" t="s">
        <v>45956</v>
      </c>
      <c r="I11985" s="1" t="s">
        <v>43772</v>
      </c>
      <c r="J11985" s="1" t="s">
        <v>45969</v>
      </c>
    </row>
    <row r="11986" spans="1:10" x14ac:dyDescent="0.35">
      <c r="A11986" s="1" t="s">
        <v>45951</v>
      </c>
      <c r="B11986" s="1" t="s">
        <v>43766</v>
      </c>
      <c r="C11986" s="1" t="s">
        <v>35</v>
      </c>
      <c r="D11986" s="1" t="s">
        <v>44299</v>
      </c>
      <c r="E11986" s="1" t="s">
        <v>45970</v>
      </c>
      <c r="F11986" s="1" t="s">
        <v>45971</v>
      </c>
      <c r="G11986" s="1" t="s">
        <v>45955</v>
      </c>
      <c r="H11986" s="1" t="s">
        <v>45956</v>
      </c>
      <c r="I11986" s="1" t="s">
        <v>43772</v>
      </c>
      <c r="J11986" s="1" t="s">
        <v>45972</v>
      </c>
    </row>
    <row r="11987" spans="1:10" x14ac:dyDescent="0.35">
      <c r="A11987" s="1" t="s">
        <v>45951</v>
      </c>
      <c r="B11987" s="1" t="s">
        <v>43766</v>
      </c>
      <c r="C11987" s="1" t="s">
        <v>40</v>
      </c>
      <c r="D11987" s="1" t="s">
        <v>45973</v>
      </c>
      <c r="E11987" s="1" t="s">
        <v>45974</v>
      </c>
      <c r="F11987" s="1" t="s">
        <v>45975</v>
      </c>
      <c r="G11987" s="1" t="s">
        <v>45955</v>
      </c>
      <c r="H11987" s="1" t="s">
        <v>45956</v>
      </c>
      <c r="I11987" s="1" t="s">
        <v>43772</v>
      </c>
      <c r="J11987" s="1" t="s">
        <v>45976</v>
      </c>
    </row>
    <row r="11988" spans="1:10" x14ac:dyDescent="0.35">
      <c r="A11988" s="1" t="s">
        <v>45951</v>
      </c>
      <c r="B11988" s="1" t="s">
        <v>43766</v>
      </c>
      <c r="C11988" s="1" t="s">
        <v>45</v>
      </c>
      <c r="D11988" s="1" t="s">
        <v>27787</v>
      </c>
      <c r="E11988" s="1" t="s">
        <v>45977</v>
      </c>
      <c r="F11988" s="1" t="s">
        <v>45978</v>
      </c>
      <c r="G11988" s="1" t="s">
        <v>45955</v>
      </c>
      <c r="H11988" s="1" t="s">
        <v>45956</v>
      </c>
      <c r="I11988" s="1" t="s">
        <v>43772</v>
      </c>
      <c r="J11988" s="1" t="s">
        <v>45979</v>
      </c>
    </row>
    <row r="11989" spans="1:10" x14ac:dyDescent="0.35">
      <c r="A11989" s="1" t="s">
        <v>45951</v>
      </c>
      <c r="B11989" s="1" t="s">
        <v>43766</v>
      </c>
      <c r="C11989" s="1" t="s">
        <v>50</v>
      </c>
      <c r="D11989" s="1" t="s">
        <v>14150</v>
      </c>
      <c r="E11989" s="1" t="s">
        <v>45980</v>
      </c>
      <c r="F11989" s="1" t="s">
        <v>45981</v>
      </c>
      <c r="G11989" s="1" t="s">
        <v>45955</v>
      </c>
      <c r="H11989" s="1" t="s">
        <v>45956</v>
      </c>
      <c r="I11989" s="1" t="s">
        <v>43772</v>
      </c>
      <c r="J11989" s="1" t="s">
        <v>45982</v>
      </c>
    </row>
    <row r="11990" spans="1:10" x14ac:dyDescent="0.35">
      <c r="A11990" s="1" t="s">
        <v>45951</v>
      </c>
      <c r="B11990" s="1" t="s">
        <v>43766</v>
      </c>
      <c r="C11990" s="1" t="s">
        <v>55</v>
      </c>
      <c r="D11990" s="1" t="s">
        <v>45983</v>
      </c>
      <c r="E11990" s="1" t="s">
        <v>45984</v>
      </c>
      <c r="F11990" s="1" t="s">
        <v>45985</v>
      </c>
      <c r="G11990" s="1" t="s">
        <v>45955</v>
      </c>
      <c r="H11990" s="1" t="s">
        <v>45956</v>
      </c>
      <c r="I11990" s="1" t="s">
        <v>43772</v>
      </c>
      <c r="J11990" s="1" t="s">
        <v>45986</v>
      </c>
    </row>
    <row r="11991" spans="1:10" x14ac:dyDescent="0.35">
      <c r="A11991" s="1" t="s">
        <v>45951</v>
      </c>
      <c r="B11991" s="1" t="s">
        <v>43766</v>
      </c>
      <c r="C11991" s="1" t="s">
        <v>60</v>
      </c>
      <c r="D11991" s="1" t="s">
        <v>24989</v>
      </c>
      <c r="E11991" s="1" t="s">
        <v>45987</v>
      </c>
      <c r="F11991" s="1" t="s">
        <v>45988</v>
      </c>
      <c r="G11991" s="1" t="s">
        <v>45955</v>
      </c>
      <c r="H11991" s="1" t="s">
        <v>45956</v>
      </c>
      <c r="I11991" s="1" t="s">
        <v>43772</v>
      </c>
      <c r="J11991" s="1" t="s">
        <v>45989</v>
      </c>
    </row>
    <row r="11992" spans="1:10" x14ac:dyDescent="0.35">
      <c r="A11992" s="1" t="s">
        <v>45951</v>
      </c>
      <c r="B11992" s="1" t="s">
        <v>43766</v>
      </c>
      <c r="C11992" s="1" t="s">
        <v>65</v>
      </c>
      <c r="D11992" s="1" t="s">
        <v>14021</v>
      </c>
      <c r="E11992" s="1" t="s">
        <v>45990</v>
      </c>
      <c r="F11992" s="1" t="s">
        <v>45991</v>
      </c>
      <c r="G11992" s="1" t="s">
        <v>45955</v>
      </c>
      <c r="H11992" s="1" t="s">
        <v>45956</v>
      </c>
      <c r="I11992" s="1" t="s">
        <v>43772</v>
      </c>
      <c r="J11992" s="1" t="s">
        <v>45992</v>
      </c>
    </row>
    <row r="11993" spans="1:10" x14ac:dyDescent="0.35">
      <c r="A11993" s="1" t="s">
        <v>45951</v>
      </c>
      <c r="B11993" s="1" t="s">
        <v>43766</v>
      </c>
      <c r="C11993" s="1" t="s">
        <v>70</v>
      </c>
      <c r="D11993" s="1" t="s">
        <v>45993</v>
      </c>
      <c r="E11993" s="1" t="s">
        <v>45994</v>
      </c>
      <c r="F11993" s="1" t="s">
        <v>45995</v>
      </c>
      <c r="G11993" s="1" t="s">
        <v>45955</v>
      </c>
      <c r="H11993" s="1" t="s">
        <v>45956</v>
      </c>
      <c r="I11993" s="1" t="s">
        <v>43772</v>
      </c>
      <c r="J11993" s="1" t="s">
        <v>45996</v>
      </c>
    </row>
    <row r="11994" spans="1:10" x14ac:dyDescent="0.35">
      <c r="A11994" s="1" t="s">
        <v>45951</v>
      </c>
      <c r="B11994" s="1" t="s">
        <v>43766</v>
      </c>
      <c r="C11994" s="1" t="s">
        <v>75</v>
      </c>
      <c r="D11994" s="1" t="s">
        <v>45997</v>
      </c>
      <c r="E11994" s="1" t="s">
        <v>45998</v>
      </c>
      <c r="F11994" s="1" t="s">
        <v>45999</v>
      </c>
      <c r="G11994" s="1" t="s">
        <v>45955</v>
      </c>
      <c r="H11994" s="1" t="s">
        <v>45956</v>
      </c>
      <c r="I11994" s="1" t="s">
        <v>43772</v>
      </c>
      <c r="J11994" s="1" t="s">
        <v>46000</v>
      </c>
    </row>
    <row r="11995" spans="1:10" x14ac:dyDescent="0.35">
      <c r="A11995" s="1" t="s">
        <v>45951</v>
      </c>
      <c r="B11995" s="1" t="s">
        <v>43766</v>
      </c>
      <c r="C11995" s="1" t="s">
        <v>80</v>
      </c>
      <c r="D11995" s="1" t="s">
        <v>16344</v>
      </c>
      <c r="E11995" s="1" t="s">
        <v>46001</v>
      </c>
      <c r="F11995" s="1" t="s">
        <v>46002</v>
      </c>
      <c r="G11995" s="1" t="s">
        <v>45955</v>
      </c>
      <c r="H11995" s="1" t="s">
        <v>45956</v>
      </c>
      <c r="I11995" s="1" t="s">
        <v>43772</v>
      </c>
      <c r="J11995" s="1" t="s">
        <v>46003</v>
      </c>
    </row>
    <row r="11996" spans="1:10" x14ac:dyDescent="0.35">
      <c r="A11996" s="1" t="s">
        <v>45951</v>
      </c>
      <c r="B11996" s="1" t="s">
        <v>43766</v>
      </c>
      <c r="C11996" s="1" t="s">
        <v>85</v>
      </c>
      <c r="D11996" s="1" t="s">
        <v>46004</v>
      </c>
      <c r="E11996" s="1" t="s">
        <v>46005</v>
      </c>
      <c r="F11996" s="1" t="s">
        <v>46006</v>
      </c>
      <c r="G11996" s="1" t="s">
        <v>45955</v>
      </c>
      <c r="H11996" s="1" t="s">
        <v>45956</v>
      </c>
      <c r="I11996" s="1" t="s">
        <v>43772</v>
      </c>
      <c r="J11996" s="1" t="s">
        <v>46007</v>
      </c>
    </row>
    <row r="11997" spans="1:10" x14ac:dyDescent="0.35">
      <c r="A11997" s="1" t="s">
        <v>45951</v>
      </c>
      <c r="B11997" s="1" t="s">
        <v>43766</v>
      </c>
      <c r="C11997" s="1" t="s">
        <v>90</v>
      </c>
      <c r="D11997" s="1" t="s">
        <v>46008</v>
      </c>
      <c r="E11997" s="1" t="s">
        <v>46009</v>
      </c>
      <c r="F11997" s="1" t="s">
        <v>46010</v>
      </c>
      <c r="G11997" s="1" t="s">
        <v>45955</v>
      </c>
      <c r="H11997" s="1" t="s">
        <v>45956</v>
      </c>
      <c r="I11997" s="1" t="s">
        <v>43772</v>
      </c>
      <c r="J11997" s="1" t="s">
        <v>46011</v>
      </c>
    </row>
    <row r="11998" spans="1:10" x14ac:dyDescent="0.35">
      <c r="A11998" s="1" t="s">
        <v>45951</v>
      </c>
      <c r="B11998" s="1" t="s">
        <v>43766</v>
      </c>
      <c r="C11998" s="1" t="s">
        <v>95</v>
      </c>
      <c r="D11998" s="1" t="s">
        <v>34942</v>
      </c>
      <c r="E11998" s="1" t="s">
        <v>46012</v>
      </c>
      <c r="F11998" s="1" t="s">
        <v>46013</v>
      </c>
      <c r="G11998" s="1" t="s">
        <v>45955</v>
      </c>
      <c r="H11998" s="1" t="s">
        <v>45956</v>
      </c>
      <c r="I11998" s="1" t="s">
        <v>43772</v>
      </c>
      <c r="J11998" s="1" t="s">
        <v>46014</v>
      </c>
    </row>
    <row r="11999" spans="1:10" x14ac:dyDescent="0.35">
      <c r="A11999" s="1" t="s">
        <v>45951</v>
      </c>
      <c r="B11999" s="1" t="s">
        <v>43766</v>
      </c>
      <c r="C11999" s="1" t="s">
        <v>100</v>
      </c>
      <c r="D11999" s="1" t="s">
        <v>17122</v>
      </c>
      <c r="E11999" s="1" t="s">
        <v>46015</v>
      </c>
      <c r="F11999" s="1" t="s">
        <v>46016</v>
      </c>
      <c r="G11999" s="1" t="s">
        <v>45955</v>
      </c>
      <c r="H11999" s="1" t="s">
        <v>45956</v>
      </c>
      <c r="I11999" s="1" t="s">
        <v>43772</v>
      </c>
      <c r="J11999" s="1" t="s">
        <v>46017</v>
      </c>
    </row>
    <row r="12000" spans="1:10" x14ac:dyDescent="0.35">
      <c r="A12000" s="1" t="s">
        <v>45951</v>
      </c>
      <c r="B12000" s="1" t="s">
        <v>43766</v>
      </c>
      <c r="C12000" s="1" t="s">
        <v>105</v>
      </c>
      <c r="D12000" s="1" t="s">
        <v>46018</v>
      </c>
      <c r="E12000" s="1" t="s">
        <v>46019</v>
      </c>
      <c r="F12000" s="1" t="s">
        <v>46020</v>
      </c>
      <c r="G12000" s="1" t="s">
        <v>45955</v>
      </c>
      <c r="H12000" s="1" t="s">
        <v>45956</v>
      </c>
      <c r="I12000" s="1" t="s">
        <v>43772</v>
      </c>
      <c r="J12000" s="1" t="s">
        <v>46021</v>
      </c>
    </row>
    <row r="12001" spans="1:10" x14ac:dyDescent="0.35">
      <c r="A12001" s="1" t="s">
        <v>45951</v>
      </c>
      <c r="B12001" s="1" t="s">
        <v>43766</v>
      </c>
      <c r="C12001" s="1" t="s">
        <v>110</v>
      </c>
      <c r="D12001" s="1" t="s">
        <v>46022</v>
      </c>
      <c r="E12001" s="1" t="s">
        <v>46023</v>
      </c>
      <c r="F12001" s="1" t="s">
        <v>46024</v>
      </c>
      <c r="G12001" s="1" t="s">
        <v>45955</v>
      </c>
      <c r="H12001" s="1" t="s">
        <v>45956</v>
      </c>
      <c r="I12001" s="1" t="s">
        <v>43772</v>
      </c>
      <c r="J12001" s="1" t="s">
        <v>46025</v>
      </c>
    </row>
    <row r="12002" spans="1:10" x14ac:dyDescent="0.35">
      <c r="A12002" s="1" t="s">
        <v>45951</v>
      </c>
      <c r="B12002" s="1" t="s">
        <v>43766</v>
      </c>
      <c r="C12002" s="1" t="s">
        <v>115</v>
      </c>
      <c r="D12002" s="1" t="s">
        <v>46026</v>
      </c>
      <c r="E12002" s="1" t="s">
        <v>46027</v>
      </c>
      <c r="F12002" s="1" t="s">
        <v>46028</v>
      </c>
      <c r="G12002" s="1" t="s">
        <v>45955</v>
      </c>
      <c r="H12002" s="1" t="s">
        <v>45956</v>
      </c>
      <c r="I12002" s="1" t="s">
        <v>43772</v>
      </c>
      <c r="J12002" s="1" t="s">
        <v>46029</v>
      </c>
    </row>
    <row r="12003" spans="1:10" x14ac:dyDescent="0.35">
      <c r="A12003" s="1" t="s">
        <v>45951</v>
      </c>
      <c r="B12003" s="1" t="s">
        <v>43766</v>
      </c>
      <c r="C12003" s="1" t="s">
        <v>120</v>
      </c>
      <c r="D12003" s="1" t="s">
        <v>46030</v>
      </c>
      <c r="E12003" s="1" t="s">
        <v>46031</v>
      </c>
      <c r="F12003" s="1" t="s">
        <v>46032</v>
      </c>
      <c r="G12003" s="1" t="s">
        <v>45955</v>
      </c>
      <c r="H12003" s="1" t="s">
        <v>45956</v>
      </c>
      <c r="I12003" s="1" t="s">
        <v>43772</v>
      </c>
      <c r="J12003" s="1" t="s">
        <v>46033</v>
      </c>
    </row>
    <row r="12004" spans="1:10" x14ac:dyDescent="0.35">
      <c r="A12004" s="1" t="s">
        <v>45951</v>
      </c>
      <c r="B12004" s="1" t="s">
        <v>43766</v>
      </c>
      <c r="C12004" s="1" t="s">
        <v>125</v>
      </c>
      <c r="D12004" s="1" t="s">
        <v>17651</v>
      </c>
      <c r="E12004" s="1" t="s">
        <v>46034</v>
      </c>
      <c r="F12004" s="1" t="s">
        <v>46035</v>
      </c>
      <c r="G12004" s="1" t="s">
        <v>45955</v>
      </c>
      <c r="H12004" s="1" t="s">
        <v>45956</v>
      </c>
      <c r="I12004" s="1" t="s">
        <v>43772</v>
      </c>
      <c r="J12004" s="1" t="s">
        <v>46036</v>
      </c>
    </row>
    <row r="12005" spans="1:10" x14ac:dyDescent="0.35">
      <c r="A12005" s="1" t="s">
        <v>45951</v>
      </c>
      <c r="B12005" s="1" t="s">
        <v>43766</v>
      </c>
      <c r="C12005" s="1" t="s">
        <v>130</v>
      </c>
      <c r="D12005" s="1" t="s">
        <v>12769</v>
      </c>
      <c r="E12005" s="1" t="s">
        <v>46037</v>
      </c>
      <c r="F12005" s="1" t="s">
        <v>46038</v>
      </c>
      <c r="G12005" s="1" t="s">
        <v>45955</v>
      </c>
      <c r="H12005" s="1" t="s">
        <v>45956</v>
      </c>
      <c r="I12005" s="1" t="s">
        <v>43772</v>
      </c>
      <c r="J12005" s="1" t="s">
        <v>46039</v>
      </c>
    </row>
    <row r="12006" spans="1:10" x14ac:dyDescent="0.35">
      <c r="A12006" s="1" t="s">
        <v>45951</v>
      </c>
      <c r="B12006" s="1" t="s">
        <v>43766</v>
      </c>
      <c r="C12006" s="1" t="s">
        <v>135</v>
      </c>
      <c r="D12006" s="1" t="s">
        <v>42554</v>
      </c>
      <c r="E12006" s="1" t="s">
        <v>46040</v>
      </c>
      <c r="F12006" s="1" t="s">
        <v>46041</v>
      </c>
      <c r="G12006" s="1" t="s">
        <v>45955</v>
      </c>
      <c r="H12006" s="1" t="s">
        <v>45956</v>
      </c>
      <c r="I12006" s="1" t="s">
        <v>43772</v>
      </c>
      <c r="J12006" s="1" t="s">
        <v>46042</v>
      </c>
    </row>
    <row r="12007" spans="1:10" x14ac:dyDescent="0.35">
      <c r="A12007" s="1" t="s">
        <v>45951</v>
      </c>
      <c r="B12007" s="1" t="s">
        <v>43766</v>
      </c>
      <c r="C12007" s="1" t="s">
        <v>140</v>
      </c>
      <c r="D12007" s="1" t="s">
        <v>13303</v>
      </c>
      <c r="E12007" s="1" t="s">
        <v>46043</v>
      </c>
      <c r="F12007" s="1" t="s">
        <v>46044</v>
      </c>
      <c r="G12007" s="1" t="s">
        <v>45955</v>
      </c>
      <c r="H12007" s="1" t="s">
        <v>45956</v>
      </c>
      <c r="I12007" s="1" t="s">
        <v>43772</v>
      </c>
      <c r="J12007" s="1" t="s">
        <v>46045</v>
      </c>
    </row>
    <row r="12008" spans="1:10" x14ac:dyDescent="0.35">
      <c r="A12008" s="1" t="s">
        <v>45951</v>
      </c>
      <c r="B12008" s="1" t="s">
        <v>43766</v>
      </c>
      <c r="C12008" s="1" t="s">
        <v>145</v>
      </c>
      <c r="D12008" s="1" t="s">
        <v>940</v>
      </c>
      <c r="E12008" s="1" t="s">
        <v>46046</v>
      </c>
      <c r="F12008" s="1" t="s">
        <v>46047</v>
      </c>
      <c r="G12008" s="1" t="s">
        <v>45955</v>
      </c>
      <c r="H12008" s="1" t="s">
        <v>45956</v>
      </c>
      <c r="I12008" s="1" t="s">
        <v>43772</v>
      </c>
      <c r="J12008" s="1" t="s">
        <v>46048</v>
      </c>
    </row>
    <row r="12009" spans="1:10" x14ac:dyDescent="0.35">
      <c r="A12009" s="1" t="s">
        <v>45951</v>
      </c>
      <c r="B12009" s="1" t="s">
        <v>43766</v>
      </c>
      <c r="C12009" s="1" t="s">
        <v>150</v>
      </c>
      <c r="D12009" s="1" t="s">
        <v>46049</v>
      </c>
      <c r="E12009" s="1" t="s">
        <v>46050</v>
      </c>
      <c r="F12009" s="1" t="s">
        <v>46051</v>
      </c>
      <c r="G12009" s="1" t="s">
        <v>45955</v>
      </c>
      <c r="H12009" s="1" t="s">
        <v>45956</v>
      </c>
      <c r="I12009" s="1" t="s">
        <v>43772</v>
      </c>
      <c r="J12009" s="1" t="s">
        <v>46052</v>
      </c>
    </row>
    <row r="12010" spans="1:10" x14ac:dyDescent="0.35">
      <c r="A12010" s="1" t="s">
        <v>45951</v>
      </c>
      <c r="B12010" s="1" t="s">
        <v>43766</v>
      </c>
      <c r="C12010" s="1" t="s">
        <v>155</v>
      </c>
      <c r="D12010" s="1" t="s">
        <v>46053</v>
      </c>
      <c r="E12010" s="1" t="s">
        <v>46054</v>
      </c>
      <c r="F12010" s="1" t="s">
        <v>46055</v>
      </c>
      <c r="G12010" s="1" t="s">
        <v>45955</v>
      </c>
      <c r="H12010" s="1" t="s">
        <v>45956</v>
      </c>
      <c r="I12010" s="1" t="s">
        <v>43772</v>
      </c>
      <c r="J12010" s="1" t="s">
        <v>46056</v>
      </c>
    </row>
    <row r="12011" spans="1:10" x14ac:dyDescent="0.35">
      <c r="A12011" s="1" t="s">
        <v>45951</v>
      </c>
      <c r="B12011" s="1" t="s">
        <v>43766</v>
      </c>
      <c r="C12011" s="1" t="s">
        <v>160</v>
      </c>
      <c r="D12011" s="1" t="s">
        <v>46057</v>
      </c>
      <c r="E12011" s="1" t="s">
        <v>46058</v>
      </c>
      <c r="F12011" s="1" t="s">
        <v>46059</v>
      </c>
      <c r="G12011" s="1" t="s">
        <v>45955</v>
      </c>
      <c r="H12011" s="1" t="s">
        <v>45956</v>
      </c>
      <c r="I12011" s="1" t="s">
        <v>43772</v>
      </c>
      <c r="J12011" s="1" t="s">
        <v>46060</v>
      </c>
    </row>
    <row r="12012" spans="1:10" x14ac:dyDescent="0.35">
      <c r="A12012" s="1" t="s">
        <v>45951</v>
      </c>
      <c r="B12012" s="1" t="s">
        <v>43766</v>
      </c>
      <c r="C12012" s="1" t="s">
        <v>165</v>
      </c>
      <c r="D12012" s="1" t="s">
        <v>46061</v>
      </c>
      <c r="E12012" s="1" t="s">
        <v>46062</v>
      </c>
      <c r="F12012" s="1" t="s">
        <v>46063</v>
      </c>
      <c r="G12012" s="1" t="s">
        <v>45955</v>
      </c>
      <c r="H12012" s="1" t="s">
        <v>45956</v>
      </c>
      <c r="I12012" s="1" t="s">
        <v>43772</v>
      </c>
      <c r="J12012" s="1" t="s">
        <v>46064</v>
      </c>
    </row>
    <row r="12013" spans="1:10" x14ac:dyDescent="0.35">
      <c r="A12013" s="1" t="s">
        <v>45951</v>
      </c>
      <c r="B12013" s="1" t="s">
        <v>43766</v>
      </c>
      <c r="C12013" s="1" t="s">
        <v>170</v>
      </c>
      <c r="D12013" s="1" t="s">
        <v>46065</v>
      </c>
      <c r="E12013" s="1" t="s">
        <v>46066</v>
      </c>
      <c r="F12013" s="1" t="s">
        <v>46067</v>
      </c>
      <c r="G12013" s="1" t="s">
        <v>45955</v>
      </c>
      <c r="H12013" s="1" t="s">
        <v>45956</v>
      </c>
      <c r="I12013" s="1" t="s">
        <v>43772</v>
      </c>
      <c r="J12013" s="1" t="s">
        <v>46068</v>
      </c>
    </row>
    <row r="12014" spans="1:10" x14ac:dyDescent="0.35">
      <c r="A12014" s="1" t="s">
        <v>13966</v>
      </c>
      <c r="B12014" s="1" t="s">
        <v>43766</v>
      </c>
      <c r="C12014" s="1" t="s">
        <v>8</v>
      </c>
      <c r="D12014" s="1" t="s">
        <v>7331</v>
      </c>
      <c r="E12014" s="1" t="s">
        <v>46069</v>
      </c>
      <c r="F12014" s="1" t="s">
        <v>46070</v>
      </c>
      <c r="G12014" s="1" t="s">
        <v>46071</v>
      </c>
      <c r="H12014" s="1" t="s">
        <v>46072</v>
      </c>
      <c r="I12014" s="1" t="s">
        <v>43772</v>
      </c>
      <c r="J12014" s="1" t="s">
        <v>13</v>
      </c>
    </row>
    <row r="12015" spans="1:10" x14ac:dyDescent="0.35">
      <c r="A12015" s="1" t="s">
        <v>13966</v>
      </c>
      <c r="B12015" s="1" t="s">
        <v>43766</v>
      </c>
      <c r="C12015" s="1" t="s">
        <v>15</v>
      </c>
      <c r="D12015" s="1" t="s">
        <v>1134</v>
      </c>
      <c r="E12015" s="1" t="s">
        <v>46073</v>
      </c>
      <c r="F12015" s="1" t="s">
        <v>46074</v>
      </c>
      <c r="G12015" s="1" t="s">
        <v>46071</v>
      </c>
      <c r="H12015" s="1" t="s">
        <v>46072</v>
      </c>
      <c r="I12015" s="1" t="s">
        <v>43772</v>
      </c>
      <c r="J12015" s="1" t="s">
        <v>46075</v>
      </c>
    </row>
    <row r="12016" spans="1:10" x14ac:dyDescent="0.35">
      <c r="A12016" s="1" t="s">
        <v>13966</v>
      </c>
      <c r="B12016" s="1" t="s">
        <v>43766</v>
      </c>
      <c r="C12016" s="1" t="s">
        <v>20</v>
      </c>
      <c r="D12016" s="1" t="s">
        <v>46076</v>
      </c>
      <c r="E12016" s="1" t="s">
        <v>46077</v>
      </c>
      <c r="F12016" s="1" t="s">
        <v>46078</v>
      </c>
      <c r="G12016" s="1" t="s">
        <v>46071</v>
      </c>
      <c r="H12016" s="1" t="s">
        <v>46072</v>
      </c>
      <c r="I12016" s="1" t="s">
        <v>43772</v>
      </c>
      <c r="J12016" s="1" t="s">
        <v>46079</v>
      </c>
    </row>
    <row r="12017" spans="1:10" x14ac:dyDescent="0.35">
      <c r="A12017" s="1" t="s">
        <v>13966</v>
      </c>
      <c r="B12017" s="1" t="s">
        <v>43766</v>
      </c>
      <c r="C12017" s="1" t="s">
        <v>25</v>
      </c>
      <c r="D12017" s="1" t="s">
        <v>45609</v>
      </c>
      <c r="E12017" s="1" t="s">
        <v>46080</v>
      </c>
      <c r="F12017" s="1" t="s">
        <v>46081</v>
      </c>
      <c r="G12017" s="1" t="s">
        <v>46071</v>
      </c>
      <c r="H12017" s="1" t="s">
        <v>46072</v>
      </c>
      <c r="I12017" s="1" t="s">
        <v>43772</v>
      </c>
      <c r="J12017" s="1" t="s">
        <v>46082</v>
      </c>
    </row>
    <row r="12018" spans="1:10" x14ac:dyDescent="0.35">
      <c r="A12018" s="1" t="s">
        <v>13966</v>
      </c>
      <c r="B12018" s="1" t="s">
        <v>43766</v>
      </c>
      <c r="C12018" s="1" t="s">
        <v>30</v>
      </c>
      <c r="D12018" s="1" t="s">
        <v>46083</v>
      </c>
      <c r="E12018" s="1" t="s">
        <v>46084</v>
      </c>
      <c r="F12018" s="1" t="s">
        <v>46085</v>
      </c>
      <c r="G12018" s="1" t="s">
        <v>46071</v>
      </c>
      <c r="H12018" s="1" t="s">
        <v>46072</v>
      </c>
      <c r="I12018" s="1" t="s">
        <v>43772</v>
      </c>
      <c r="J12018" s="1" t="s">
        <v>46086</v>
      </c>
    </row>
    <row r="12019" spans="1:10" x14ac:dyDescent="0.35">
      <c r="A12019" s="1" t="s">
        <v>13966</v>
      </c>
      <c r="B12019" s="1" t="s">
        <v>43766</v>
      </c>
      <c r="C12019" s="1" t="s">
        <v>35</v>
      </c>
      <c r="D12019" s="1" t="s">
        <v>28721</v>
      </c>
      <c r="E12019" s="1" t="s">
        <v>46087</v>
      </c>
      <c r="F12019" s="1" t="s">
        <v>46088</v>
      </c>
      <c r="G12019" s="1" t="s">
        <v>46071</v>
      </c>
      <c r="H12019" s="1" t="s">
        <v>46072</v>
      </c>
      <c r="I12019" s="1" t="s">
        <v>43772</v>
      </c>
      <c r="J12019" s="1" t="s">
        <v>46089</v>
      </c>
    </row>
    <row r="12020" spans="1:10" x14ac:dyDescent="0.35">
      <c r="A12020" s="1" t="s">
        <v>13966</v>
      </c>
      <c r="B12020" s="1" t="s">
        <v>43766</v>
      </c>
      <c r="C12020" s="1" t="s">
        <v>40</v>
      </c>
      <c r="D12020" s="1" t="s">
        <v>4357</v>
      </c>
      <c r="E12020" s="1" t="s">
        <v>46090</v>
      </c>
      <c r="F12020" s="1" t="s">
        <v>46091</v>
      </c>
      <c r="G12020" s="1" t="s">
        <v>46071</v>
      </c>
      <c r="H12020" s="1" t="s">
        <v>46072</v>
      </c>
      <c r="I12020" s="1" t="s">
        <v>43772</v>
      </c>
      <c r="J12020" s="1" t="s">
        <v>46092</v>
      </c>
    </row>
    <row r="12021" spans="1:10" x14ac:dyDescent="0.35">
      <c r="A12021" s="1" t="s">
        <v>13966</v>
      </c>
      <c r="B12021" s="1" t="s">
        <v>43766</v>
      </c>
      <c r="C12021" s="1" t="s">
        <v>45</v>
      </c>
      <c r="D12021" s="1" t="s">
        <v>46093</v>
      </c>
      <c r="E12021" s="1" t="s">
        <v>46094</v>
      </c>
      <c r="F12021" s="1" t="s">
        <v>46095</v>
      </c>
      <c r="G12021" s="1" t="s">
        <v>46071</v>
      </c>
      <c r="H12021" s="1" t="s">
        <v>46072</v>
      </c>
      <c r="I12021" s="1" t="s">
        <v>43772</v>
      </c>
      <c r="J12021" s="1" t="s">
        <v>46096</v>
      </c>
    </row>
    <row r="12022" spans="1:10" x14ac:dyDescent="0.35">
      <c r="A12022" s="1" t="s">
        <v>13966</v>
      </c>
      <c r="B12022" s="1" t="s">
        <v>43766</v>
      </c>
      <c r="C12022" s="1" t="s">
        <v>50</v>
      </c>
      <c r="D12022" s="1" t="s">
        <v>10070</v>
      </c>
      <c r="E12022" s="1" t="s">
        <v>46097</v>
      </c>
      <c r="F12022" s="1" t="s">
        <v>46098</v>
      </c>
      <c r="G12022" s="1" t="s">
        <v>46071</v>
      </c>
      <c r="H12022" s="1" t="s">
        <v>46072</v>
      </c>
      <c r="I12022" s="1" t="s">
        <v>43772</v>
      </c>
      <c r="J12022" s="1" t="s">
        <v>46099</v>
      </c>
    </row>
    <row r="12023" spans="1:10" x14ac:dyDescent="0.35">
      <c r="A12023" s="1" t="s">
        <v>13966</v>
      </c>
      <c r="B12023" s="1" t="s">
        <v>43766</v>
      </c>
      <c r="C12023" s="1" t="s">
        <v>55</v>
      </c>
      <c r="D12023" s="1" t="s">
        <v>46100</v>
      </c>
      <c r="E12023" s="1" t="s">
        <v>46101</v>
      </c>
      <c r="F12023" s="1" t="s">
        <v>46102</v>
      </c>
      <c r="G12023" s="1" t="s">
        <v>46071</v>
      </c>
      <c r="H12023" s="1" t="s">
        <v>46072</v>
      </c>
      <c r="I12023" s="1" t="s">
        <v>43772</v>
      </c>
      <c r="J12023" s="1" t="s">
        <v>46103</v>
      </c>
    </row>
    <row r="12024" spans="1:10" x14ac:dyDescent="0.35">
      <c r="A12024" s="1" t="s">
        <v>13966</v>
      </c>
      <c r="B12024" s="1" t="s">
        <v>43766</v>
      </c>
      <c r="C12024" s="1" t="s">
        <v>60</v>
      </c>
      <c r="D12024" s="1" t="s">
        <v>27622</v>
      </c>
      <c r="E12024" s="1" t="s">
        <v>46104</v>
      </c>
      <c r="F12024" s="1" t="s">
        <v>46105</v>
      </c>
      <c r="G12024" s="1" t="s">
        <v>46071</v>
      </c>
      <c r="H12024" s="1" t="s">
        <v>46072</v>
      </c>
      <c r="I12024" s="1" t="s">
        <v>43772</v>
      </c>
      <c r="J12024" s="1" t="s">
        <v>46106</v>
      </c>
    </row>
    <row r="12025" spans="1:10" x14ac:dyDescent="0.35">
      <c r="A12025" s="1" t="s">
        <v>13966</v>
      </c>
      <c r="B12025" s="1" t="s">
        <v>43766</v>
      </c>
      <c r="C12025" s="1" t="s">
        <v>65</v>
      </c>
      <c r="D12025" s="1" t="s">
        <v>27640</v>
      </c>
      <c r="E12025" s="1" t="s">
        <v>46107</v>
      </c>
      <c r="F12025" s="1" t="s">
        <v>46108</v>
      </c>
      <c r="G12025" s="1" t="s">
        <v>46071</v>
      </c>
      <c r="H12025" s="1" t="s">
        <v>46072</v>
      </c>
      <c r="I12025" s="1" t="s">
        <v>43772</v>
      </c>
      <c r="J12025" s="1" t="s">
        <v>46109</v>
      </c>
    </row>
    <row r="12026" spans="1:10" x14ac:dyDescent="0.35">
      <c r="A12026" s="1" t="s">
        <v>13966</v>
      </c>
      <c r="B12026" s="1" t="s">
        <v>43766</v>
      </c>
      <c r="C12026" s="1" t="s">
        <v>70</v>
      </c>
      <c r="D12026" s="1" t="s">
        <v>8687</v>
      </c>
      <c r="E12026" s="1" t="s">
        <v>46110</v>
      </c>
      <c r="F12026" s="1" t="s">
        <v>46111</v>
      </c>
      <c r="G12026" s="1" t="s">
        <v>46071</v>
      </c>
      <c r="H12026" s="1" t="s">
        <v>46072</v>
      </c>
      <c r="I12026" s="1" t="s">
        <v>43772</v>
      </c>
      <c r="J12026" s="1" t="s">
        <v>46112</v>
      </c>
    </row>
    <row r="12027" spans="1:10" x14ac:dyDescent="0.35">
      <c r="A12027" s="1" t="s">
        <v>13966</v>
      </c>
      <c r="B12027" s="1" t="s">
        <v>43766</v>
      </c>
      <c r="C12027" s="1" t="s">
        <v>75</v>
      </c>
      <c r="D12027" s="1" t="s">
        <v>46113</v>
      </c>
      <c r="E12027" s="1" t="s">
        <v>46114</v>
      </c>
      <c r="F12027" s="1" t="s">
        <v>46115</v>
      </c>
      <c r="G12027" s="1" t="s">
        <v>46071</v>
      </c>
      <c r="H12027" s="1" t="s">
        <v>46072</v>
      </c>
      <c r="I12027" s="1" t="s">
        <v>43772</v>
      </c>
      <c r="J12027" s="1" t="s">
        <v>46116</v>
      </c>
    </row>
    <row r="12028" spans="1:10" x14ac:dyDescent="0.35">
      <c r="A12028" s="1" t="s">
        <v>13966</v>
      </c>
      <c r="B12028" s="1" t="s">
        <v>43766</v>
      </c>
      <c r="C12028" s="1" t="s">
        <v>80</v>
      </c>
      <c r="D12028" s="1" t="s">
        <v>46117</v>
      </c>
      <c r="E12028" s="1" t="s">
        <v>46118</v>
      </c>
      <c r="F12028" s="1" t="s">
        <v>46119</v>
      </c>
      <c r="G12028" s="1" t="s">
        <v>46071</v>
      </c>
      <c r="H12028" s="1" t="s">
        <v>46072</v>
      </c>
      <c r="I12028" s="1" t="s">
        <v>43772</v>
      </c>
      <c r="J12028" s="1" t="s">
        <v>46120</v>
      </c>
    </row>
    <row r="12029" spans="1:10" x14ac:dyDescent="0.35">
      <c r="A12029" s="1" t="s">
        <v>13966</v>
      </c>
      <c r="B12029" s="1" t="s">
        <v>43766</v>
      </c>
      <c r="C12029" s="1" t="s">
        <v>85</v>
      </c>
      <c r="D12029" s="1" t="s">
        <v>2623</v>
      </c>
      <c r="E12029" s="1" t="s">
        <v>46121</v>
      </c>
      <c r="F12029" s="1" t="s">
        <v>46122</v>
      </c>
      <c r="G12029" s="1" t="s">
        <v>46071</v>
      </c>
      <c r="H12029" s="1" t="s">
        <v>46072</v>
      </c>
      <c r="I12029" s="1" t="s">
        <v>43772</v>
      </c>
      <c r="J12029" s="1" t="s">
        <v>46123</v>
      </c>
    </row>
    <row r="12030" spans="1:10" x14ac:dyDescent="0.35">
      <c r="A12030" s="1" t="s">
        <v>13966</v>
      </c>
      <c r="B12030" s="1" t="s">
        <v>43766</v>
      </c>
      <c r="C12030" s="1" t="s">
        <v>90</v>
      </c>
      <c r="D12030" s="1" t="s">
        <v>25734</v>
      </c>
      <c r="E12030" s="1" t="s">
        <v>46124</v>
      </c>
      <c r="F12030" s="1" t="s">
        <v>46125</v>
      </c>
      <c r="G12030" s="1" t="s">
        <v>46071</v>
      </c>
      <c r="H12030" s="1" t="s">
        <v>46072</v>
      </c>
      <c r="I12030" s="1" t="s">
        <v>43772</v>
      </c>
      <c r="J12030" s="1" t="s">
        <v>46126</v>
      </c>
    </row>
    <row r="12031" spans="1:10" x14ac:dyDescent="0.35">
      <c r="A12031" s="1" t="s">
        <v>13966</v>
      </c>
      <c r="B12031" s="1" t="s">
        <v>43766</v>
      </c>
      <c r="C12031" s="1" t="s">
        <v>95</v>
      </c>
      <c r="D12031" s="1" t="s">
        <v>14045</v>
      </c>
      <c r="E12031" s="1" t="s">
        <v>46127</v>
      </c>
      <c r="F12031" s="1" t="s">
        <v>46128</v>
      </c>
      <c r="G12031" s="1" t="s">
        <v>46071</v>
      </c>
      <c r="H12031" s="1" t="s">
        <v>46072</v>
      </c>
      <c r="I12031" s="1" t="s">
        <v>43772</v>
      </c>
      <c r="J12031" s="1" t="s">
        <v>46129</v>
      </c>
    </row>
    <row r="12032" spans="1:10" x14ac:dyDescent="0.35">
      <c r="A12032" s="1" t="s">
        <v>13966</v>
      </c>
      <c r="B12032" s="1" t="s">
        <v>43766</v>
      </c>
      <c r="C12032" s="1" t="s">
        <v>100</v>
      </c>
      <c r="D12032" s="1" t="s">
        <v>46130</v>
      </c>
      <c r="E12032" s="1" t="s">
        <v>46131</v>
      </c>
      <c r="F12032" s="1" t="s">
        <v>46132</v>
      </c>
      <c r="G12032" s="1" t="s">
        <v>46071</v>
      </c>
      <c r="H12032" s="1" t="s">
        <v>46072</v>
      </c>
      <c r="I12032" s="1" t="s">
        <v>43772</v>
      </c>
      <c r="J12032" s="1" t="s">
        <v>46133</v>
      </c>
    </row>
    <row r="12033" spans="1:10" x14ac:dyDescent="0.35">
      <c r="A12033" s="1" t="s">
        <v>13966</v>
      </c>
      <c r="B12033" s="1" t="s">
        <v>43766</v>
      </c>
      <c r="C12033" s="1" t="s">
        <v>105</v>
      </c>
      <c r="D12033" s="1" t="s">
        <v>46134</v>
      </c>
      <c r="E12033" s="1" t="s">
        <v>46135</v>
      </c>
      <c r="F12033" s="1" t="s">
        <v>46136</v>
      </c>
      <c r="G12033" s="1" t="s">
        <v>46071</v>
      </c>
      <c r="H12033" s="1" t="s">
        <v>46072</v>
      </c>
      <c r="I12033" s="1" t="s">
        <v>43772</v>
      </c>
      <c r="J12033" s="1" t="s">
        <v>46137</v>
      </c>
    </row>
    <row r="12034" spans="1:10" x14ac:dyDescent="0.35">
      <c r="A12034" s="1" t="s">
        <v>13966</v>
      </c>
      <c r="B12034" s="1" t="s">
        <v>43766</v>
      </c>
      <c r="C12034" s="1" t="s">
        <v>110</v>
      </c>
      <c r="D12034" s="1" t="s">
        <v>46138</v>
      </c>
      <c r="E12034" s="1" t="s">
        <v>46139</v>
      </c>
      <c r="F12034" s="1" t="s">
        <v>46140</v>
      </c>
      <c r="G12034" s="1" t="s">
        <v>46071</v>
      </c>
      <c r="H12034" s="1" t="s">
        <v>46072</v>
      </c>
      <c r="I12034" s="1" t="s">
        <v>43772</v>
      </c>
      <c r="J12034" s="1" t="s">
        <v>46141</v>
      </c>
    </row>
    <row r="12035" spans="1:10" x14ac:dyDescent="0.35">
      <c r="A12035" s="1" t="s">
        <v>13966</v>
      </c>
      <c r="B12035" s="1" t="s">
        <v>43766</v>
      </c>
      <c r="C12035" s="1" t="s">
        <v>115</v>
      </c>
      <c r="D12035" s="1" t="s">
        <v>36123</v>
      </c>
      <c r="E12035" s="1" t="s">
        <v>46142</v>
      </c>
      <c r="F12035" s="1" t="s">
        <v>46143</v>
      </c>
      <c r="G12035" s="1" t="s">
        <v>46071</v>
      </c>
      <c r="H12035" s="1" t="s">
        <v>46072</v>
      </c>
      <c r="I12035" s="1" t="s">
        <v>43772</v>
      </c>
      <c r="J12035" s="1" t="s">
        <v>46144</v>
      </c>
    </row>
    <row r="12036" spans="1:10" x14ac:dyDescent="0.35">
      <c r="A12036" s="1" t="s">
        <v>13966</v>
      </c>
      <c r="B12036" s="1" t="s">
        <v>43766</v>
      </c>
      <c r="C12036" s="1" t="s">
        <v>120</v>
      </c>
      <c r="D12036" s="1" t="s">
        <v>46145</v>
      </c>
      <c r="E12036" s="1" t="s">
        <v>46146</v>
      </c>
      <c r="F12036" s="1" t="s">
        <v>46147</v>
      </c>
      <c r="G12036" s="1" t="s">
        <v>46071</v>
      </c>
      <c r="H12036" s="1" t="s">
        <v>46072</v>
      </c>
      <c r="I12036" s="1" t="s">
        <v>43772</v>
      </c>
      <c r="J12036" s="1" t="s">
        <v>46148</v>
      </c>
    </row>
    <row r="12037" spans="1:10" x14ac:dyDescent="0.35">
      <c r="A12037" s="1" t="s">
        <v>13966</v>
      </c>
      <c r="B12037" s="1" t="s">
        <v>43766</v>
      </c>
      <c r="C12037" s="1" t="s">
        <v>125</v>
      </c>
      <c r="D12037" s="1" t="s">
        <v>3647</v>
      </c>
      <c r="E12037" s="1" t="s">
        <v>46149</v>
      </c>
      <c r="F12037" s="1" t="s">
        <v>46150</v>
      </c>
      <c r="G12037" s="1" t="s">
        <v>46071</v>
      </c>
      <c r="H12037" s="1" t="s">
        <v>46072</v>
      </c>
      <c r="I12037" s="1" t="s">
        <v>43772</v>
      </c>
      <c r="J12037" s="1" t="s">
        <v>46151</v>
      </c>
    </row>
    <row r="12038" spans="1:10" x14ac:dyDescent="0.35">
      <c r="A12038" s="1" t="s">
        <v>13966</v>
      </c>
      <c r="B12038" s="1" t="s">
        <v>43766</v>
      </c>
      <c r="C12038" s="1" t="s">
        <v>130</v>
      </c>
      <c r="D12038" s="1" t="s">
        <v>46152</v>
      </c>
      <c r="E12038" s="1" t="s">
        <v>46153</v>
      </c>
      <c r="F12038" s="1" t="s">
        <v>46154</v>
      </c>
      <c r="G12038" s="1" t="s">
        <v>46071</v>
      </c>
      <c r="H12038" s="1" t="s">
        <v>46072</v>
      </c>
      <c r="I12038" s="1" t="s">
        <v>43772</v>
      </c>
      <c r="J12038" s="1" t="s">
        <v>46155</v>
      </c>
    </row>
    <row r="12039" spans="1:10" x14ac:dyDescent="0.35">
      <c r="A12039" s="1" t="s">
        <v>13966</v>
      </c>
      <c r="B12039" s="1" t="s">
        <v>43766</v>
      </c>
      <c r="C12039" s="1" t="s">
        <v>135</v>
      </c>
      <c r="D12039" s="1" t="s">
        <v>46156</v>
      </c>
      <c r="E12039" s="1" t="s">
        <v>46157</v>
      </c>
      <c r="F12039" s="1" t="s">
        <v>46158</v>
      </c>
      <c r="G12039" s="1" t="s">
        <v>46071</v>
      </c>
      <c r="H12039" s="1" t="s">
        <v>46072</v>
      </c>
      <c r="I12039" s="1" t="s">
        <v>43772</v>
      </c>
      <c r="J12039" s="1" t="s">
        <v>46159</v>
      </c>
    </row>
    <row r="12040" spans="1:10" x14ac:dyDescent="0.35">
      <c r="A12040" s="1" t="s">
        <v>13966</v>
      </c>
      <c r="B12040" s="1" t="s">
        <v>43766</v>
      </c>
      <c r="C12040" s="1" t="s">
        <v>140</v>
      </c>
      <c r="D12040" s="1" t="s">
        <v>46160</v>
      </c>
      <c r="E12040" s="1" t="s">
        <v>46161</v>
      </c>
      <c r="F12040" s="1" t="s">
        <v>46162</v>
      </c>
      <c r="G12040" s="1" t="s">
        <v>46071</v>
      </c>
      <c r="H12040" s="1" t="s">
        <v>46072</v>
      </c>
      <c r="I12040" s="1" t="s">
        <v>43772</v>
      </c>
      <c r="J12040" s="1" t="s">
        <v>46163</v>
      </c>
    </row>
    <row r="12041" spans="1:10" x14ac:dyDescent="0.35">
      <c r="A12041" s="1" t="s">
        <v>13966</v>
      </c>
      <c r="B12041" s="1" t="s">
        <v>43766</v>
      </c>
      <c r="C12041" s="1" t="s">
        <v>145</v>
      </c>
      <c r="D12041" s="1" t="s">
        <v>46164</v>
      </c>
      <c r="E12041" s="1" t="s">
        <v>46165</v>
      </c>
      <c r="F12041" s="1" t="s">
        <v>46166</v>
      </c>
      <c r="G12041" s="1" t="s">
        <v>46071</v>
      </c>
      <c r="H12041" s="1" t="s">
        <v>46072</v>
      </c>
      <c r="I12041" s="1" t="s">
        <v>43772</v>
      </c>
      <c r="J12041" s="1" t="s">
        <v>46167</v>
      </c>
    </row>
    <row r="12042" spans="1:10" x14ac:dyDescent="0.35">
      <c r="A12042" s="1" t="s">
        <v>13966</v>
      </c>
      <c r="B12042" s="1" t="s">
        <v>43766</v>
      </c>
      <c r="C12042" s="1" t="s">
        <v>150</v>
      </c>
      <c r="D12042" s="1" t="s">
        <v>46168</v>
      </c>
      <c r="E12042" s="1" t="s">
        <v>46169</v>
      </c>
      <c r="F12042" s="1" t="s">
        <v>46170</v>
      </c>
      <c r="G12042" s="1" t="s">
        <v>46071</v>
      </c>
      <c r="H12042" s="1" t="s">
        <v>46072</v>
      </c>
      <c r="I12042" s="1" t="s">
        <v>43772</v>
      </c>
      <c r="J12042" s="1" t="s">
        <v>46171</v>
      </c>
    </row>
    <row r="12043" spans="1:10" x14ac:dyDescent="0.35">
      <c r="A12043" s="1" t="s">
        <v>13966</v>
      </c>
      <c r="B12043" s="1" t="s">
        <v>43766</v>
      </c>
      <c r="C12043" s="1" t="s">
        <v>155</v>
      </c>
      <c r="D12043" s="1" t="s">
        <v>46172</v>
      </c>
      <c r="E12043" s="1" t="s">
        <v>46173</v>
      </c>
      <c r="F12043" s="1" t="s">
        <v>46174</v>
      </c>
      <c r="G12043" s="1" t="s">
        <v>46071</v>
      </c>
      <c r="H12043" s="1" t="s">
        <v>46072</v>
      </c>
      <c r="I12043" s="1" t="s">
        <v>43772</v>
      </c>
      <c r="J12043" s="1" t="s">
        <v>46175</v>
      </c>
    </row>
    <row r="12044" spans="1:10" x14ac:dyDescent="0.35">
      <c r="A12044" s="1" t="s">
        <v>13966</v>
      </c>
      <c r="B12044" s="1" t="s">
        <v>43766</v>
      </c>
      <c r="C12044" s="1" t="s">
        <v>160</v>
      </c>
      <c r="D12044" s="1" t="s">
        <v>46176</v>
      </c>
      <c r="E12044" s="1" t="s">
        <v>46177</v>
      </c>
      <c r="F12044" s="1" t="s">
        <v>46178</v>
      </c>
      <c r="G12044" s="1" t="s">
        <v>46071</v>
      </c>
      <c r="H12044" s="1" t="s">
        <v>46072</v>
      </c>
      <c r="I12044" s="1" t="s">
        <v>43772</v>
      </c>
      <c r="J12044" s="1" t="s">
        <v>46179</v>
      </c>
    </row>
    <row r="12045" spans="1:10" x14ac:dyDescent="0.35">
      <c r="A12045" s="1" t="s">
        <v>13966</v>
      </c>
      <c r="B12045" s="1" t="s">
        <v>43766</v>
      </c>
      <c r="C12045" s="1" t="s">
        <v>165</v>
      </c>
      <c r="D12045" s="1" t="s">
        <v>46180</v>
      </c>
      <c r="E12045" s="1" t="s">
        <v>46181</v>
      </c>
      <c r="F12045" s="1" t="s">
        <v>46182</v>
      </c>
      <c r="G12045" s="1" t="s">
        <v>46071</v>
      </c>
      <c r="H12045" s="1" t="s">
        <v>46072</v>
      </c>
      <c r="I12045" s="1" t="s">
        <v>43772</v>
      </c>
      <c r="J12045" s="1" t="s">
        <v>46183</v>
      </c>
    </row>
    <row r="12046" spans="1:10" x14ac:dyDescent="0.35">
      <c r="A12046" s="1" t="s">
        <v>13966</v>
      </c>
      <c r="B12046" s="1" t="s">
        <v>43766</v>
      </c>
      <c r="C12046" s="1" t="s">
        <v>170</v>
      </c>
      <c r="D12046" s="1" t="s">
        <v>46184</v>
      </c>
      <c r="E12046" s="1" t="s">
        <v>46185</v>
      </c>
      <c r="F12046" s="1" t="s">
        <v>46186</v>
      </c>
      <c r="G12046" s="1" t="s">
        <v>46071</v>
      </c>
      <c r="H12046" s="1" t="s">
        <v>46072</v>
      </c>
      <c r="I12046" s="1" t="s">
        <v>43772</v>
      </c>
      <c r="J12046" s="1" t="s">
        <v>46187</v>
      </c>
    </row>
    <row r="12047" spans="1:10" x14ac:dyDescent="0.35">
      <c r="A12047" s="1" t="s">
        <v>46188</v>
      </c>
      <c r="B12047" s="1" t="s">
        <v>43766</v>
      </c>
      <c r="C12047" s="1" t="s">
        <v>8</v>
      </c>
      <c r="D12047" s="1" t="s">
        <v>13930</v>
      </c>
      <c r="E12047" s="1" t="s">
        <v>46189</v>
      </c>
      <c r="F12047" s="1" t="s">
        <v>46190</v>
      </c>
      <c r="G12047" s="1" t="s">
        <v>46191</v>
      </c>
      <c r="H12047" s="1" t="s">
        <v>46192</v>
      </c>
      <c r="I12047" s="1" t="s">
        <v>43772</v>
      </c>
      <c r="J12047" s="1" t="s">
        <v>13</v>
      </c>
    </row>
    <row r="12048" spans="1:10" x14ac:dyDescent="0.35">
      <c r="A12048" s="1" t="s">
        <v>46188</v>
      </c>
      <c r="B12048" s="1" t="s">
        <v>43766</v>
      </c>
      <c r="C12048" s="1" t="s">
        <v>15</v>
      </c>
      <c r="D12048" s="1" t="s">
        <v>8483</v>
      </c>
      <c r="E12048" s="1" t="s">
        <v>46193</v>
      </c>
      <c r="F12048" s="1" t="s">
        <v>46194</v>
      </c>
      <c r="G12048" s="1" t="s">
        <v>46191</v>
      </c>
      <c r="H12048" s="1" t="s">
        <v>46192</v>
      </c>
      <c r="I12048" s="1" t="s">
        <v>43772</v>
      </c>
      <c r="J12048" s="1" t="s">
        <v>46195</v>
      </c>
    </row>
    <row r="12049" spans="1:10" x14ac:dyDescent="0.35">
      <c r="A12049" s="1" t="s">
        <v>46188</v>
      </c>
      <c r="B12049" s="1" t="s">
        <v>43766</v>
      </c>
      <c r="C12049" s="1" t="s">
        <v>20</v>
      </c>
      <c r="D12049" s="1" t="s">
        <v>3573</v>
      </c>
      <c r="E12049" s="1" t="s">
        <v>46196</v>
      </c>
      <c r="F12049" s="1" t="s">
        <v>46197</v>
      </c>
      <c r="G12049" s="1" t="s">
        <v>46191</v>
      </c>
      <c r="H12049" s="1" t="s">
        <v>46192</v>
      </c>
      <c r="I12049" s="1" t="s">
        <v>43772</v>
      </c>
      <c r="J12049" s="1" t="s">
        <v>46198</v>
      </c>
    </row>
    <row r="12050" spans="1:10" x14ac:dyDescent="0.35">
      <c r="A12050" s="1" t="s">
        <v>46188</v>
      </c>
      <c r="B12050" s="1" t="s">
        <v>43766</v>
      </c>
      <c r="C12050" s="1" t="s">
        <v>25</v>
      </c>
      <c r="D12050" s="1" t="s">
        <v>4305</v>
      </c>
      <c r="E12050" s="1" t="s">
        <v>46199</v>
      </c>
      <c r="F12050" s="1" t="s">
        <v>46200</v>
      </c>
      <c r="G12050" s="1" t="s">
        <v>46191</v>
      </c>
      <c r="H12050" s="1" t="s">
        <v>46192</v>
      </c>
      <c r="I12050" s="1" t="s">
        <v>43772</v>
      </c>
      <c r="J12050" s="1" t="s">
        <v>46201</v>
      </c>
    </row>
    <row r="12051" spans="1:10" x14ac:dyDescent="0.35">
      <c r="A12051" s="1" t="s">
        <v>46188</v>
      </c>
      <c r="B12051" s="1" t="s">
        <v>43766</v>
      </c>
      <c r="C12051" s="1" t="s">
        <v>30</v>
      </c>
      <c r="D12051" s="1" t="s">
        <v>12899</v>
      </c>
      <c r="E12051" s="1" t="s">
        <v>46202</v>
      </c>
      <c r="F12051" s="1" t="s">
        <v>46203</v>
      </c>
      <c r="G12051" s="1" t="s">
        <v>46191</v>
      </c>
      <c r="H12051" s="1" t="s">
        <v>46192</v>
      </c>
      <c r="I12051" s="1" t="s">
        <v>43772</v>
      </c>
      <c r="J12051" s="1" t="s">
        <v>46204</v>
      </c>
    </row>
    <row r="12052" spans="1:10" x14ac:dyDescent="0.35">
      <c r="A12052" s="1" t="s">
        <v>46188</v>
      </c>
      <c r="B12052" s="1" t="s">
        <v>43766</v>
      </c>
      <c r="C12052" s="1" t="s">
        <v>35</v>
      </c>
      <c r="D12052" s="1" t="s">
        <v>30106</v>
      </c>
      <c r="E12052" s="1" t="s">
        <v>46205</v>
      </c>
      <c r="F12052" s="1" t="s">
        <v>46206</v>
      </c>
      <c r="G12052" s="1" t="s">
        <v>46191</v>
      </c>
      <c r="H12052" s="1" t="s">
        <v>46192</v>
      </c>
      <c r="I12052" s="1" t="s">
        <v>43772</v>
      </c>
      <c r="J12052" s="1" t="s">
        <v>46207</v>
      </c>
    </row>
    <row r="12053" spans="1:10" x14ac:dyDescent="0.35">
      <c r="A12053" s="1" t="s">
        <v>46188</v>
      </c>
      <c r="B12053" s="1" t="s">
        <v>43766</v>
      </c>
      <c r="C12053" s="1" t="s">
        <v>40</v>
      </c>
      <c r="D12053" s="1" t="s">
        <v>29287</v>
      </c>
      <c r="E12053" s="1" t="s">
        <v>46208</v>
      </c>
      <c r="F12053" s="1" t="s">
        <v>46209</v>
      </c>
      <c r="G12053" s="1" t="s">
        <v>46191</v>
      </c>
      <c r="H12053" s="1" t="s">
        <v>46192</v>
      </c>
      <c r="I12053" s="1" t="s">
        <v>43772</v>
      </c>
      <c r="J12053" s="1" t="s">
        <v>46210</v>
      </c>
    </row>
    <row r="12054" spans="1:10" x14ac:dyDescent="0.35">
      <c r="A12054" s="1" t="s">
        <v>46188</v>
      </c>
      <c r="B12054" s="1" t="s">
        <v>43766</v>
      </c>
      <c r="C12054" s="1" t="s">
        <v>45</v>
      </c>
      <c r="D12054" s="1" t="s">
        <v>6384</v>
      </c>
      <c r="E12054" s="1" t="s">
        <v>46211</v>
      </c>
      <c r="F12054" s="1" t="s">
        <v>46212</v>
      </c>
      <c r="G12054" s="1" t="s">
        <v>46191</v>
      </c>
      <c r="H12054" s="1" t="s">
        <v>46192</v>
      </c>
      <c r="I12054" s="1" t="s">
        <v>43772</v>
      </c>
      <c r="J12054" s="1" t="s">
        <v>46213</v>
      </c>
    </row>
    <row r="12055" spans="1:10" x14ac:dyDescent="0.35">
      <c r="A12055" s="1" t="s">
        <v>46188</v>
      </c>
      <c r="B12055" s="1" t="s">
        <v>43766</v>
      </c>
      <c r="C12055" s="1" t="s">
        <v>50</v>
      </c>
      <c r="D12055" s="1" t="s">
        <v>8</v>
      </c>
      <c r="E12055" s="1" t="s">
        <v>46214</v>
      </c>
      <c r="F12055" s="1" t="s">
        <v>46215</v>
      </c>
      <c r="G12055" s="1" t="s">
        <v>46191</v>
      </c>
      <c r="H12055" s="1" t="s">
        <v>46192</v>
      </c>
      <c r="I12055" s="1" t="s">
        <v>43772</v>
      </c>
      <c r="J12055" s="1" t="s">
        <v>46216</v>
      </c>
    </row>
    <row r="12056" spans="1:10" x14ac:dyDescent="0.35">
      <c r="A12056" s="1" t="s">
        <v>46188</v>
      </c>
      <c r="B12056" s="1" t="s">
        <v>43766</v>
      </c>
      <c r="C12056" s="1" t="s">
        <v>55</v>
      </c>
      <c r="D12056" s="1" t="s">
        <v>9905</v>
      </c>
      <c r="E12056" s="1" t="s">
        <v>46217</v>
      </c>
      <c r="F12056" s="1" t="s">
        <v>46218</v>
      </c>
      <c r="G12056" s="1" t="s">
        <v>46191</v>
      </c>
      <c r="H12056" s="1" t="s">
        <v>46192</v>
      </c>
      <c r="I12056" s="1" t="s">
        <v>43772</v>
      </c>
      <c r="J12056" s="1" t="s">
        <v>46219</v>
      </c>
    </row>
    <row r="12057" spans="1:10" x14ac:dyDescent="0.35">
      <c r="A12057" s="1" t="s">
        <v>46188</v>
      </c>
      <c r="B12057" s="1" t="s">
        <v>43766</v>
      </c>
      <c r="C12057" s="1" t="s">
        <v>60</v>
      </c>
      <c r="D12057" s="1" t="s">
        <v>46220</v>
      </c>
      <c r="E12057" s="1" t="s">
        <v>46221</v>
      </c>
      <c r="F12057" s="1" t="s">
        <v>46222</v>
      </c>
      <c r="G12057" s="1" t="s">
        <v>46191</v>
      </c>
      <c r="H12057" s="1" t="s">
        <v>46192</v>
      </c>
      <c r="I12057" s="1" t="s">
        <v>43772</v>
      </c>
      <c r="J12057" s="1" t="s">
        <v>46223</v>
      </c>
    </row>
    <row r="12058" spans="1:10" x14ac:dyDescent="0.35">
      <c r="A12058" s="1" t="s">
        <v>46188</v>
      </c>
      <c r="B12058" s="1" t="s">
        <v>43766</v>
      </c>
      <c r="C12058" s="1" t="s">
        <v>65</v>
      </c>
      <c r="D12058" s="1" t="s">
        <v>46224</v>
      </c>
      <c r="E12058" s="1" t="s">
        <v>46225</v>
      </c>
      <c r="F12058" s="1" t="s">
        <v>46226</v>
      </c>
      <c r="G12058" s="1" t="s">
        <v>46191</v>
      </c>
      <c r="H12058" s="1" t="s">
        <v>46192</v>
      </c>
      <c r="I12058" s="1" t="s">
        <v>43772</v>
      </c>
      <c r="J12058" s="1" t="s">
        <v>46227</v>
      </c>
    </row>
    <row r="12059" spans="1:10" x14ac:dyDescent="0.35">
      <c r="A12059" s="1" t="s">
        <v>46188</v>
      </c>
      <c r="B12059" s="1" t="s">
        <v>43766</v>
      </c>
      <c r="C12059" s="1" t="s">
        <v>70</v>
      </c>
      <c r="D12059" s="1" t="s">
        <v>8020</v>
      </c>
      <c r="E12059" s="1" t="s">
        <v>46228</v>
      </c>
      <c r="F12059" s="1" t="s">
        <v>46229</v>
      </c>
      <c r="G12059" s="1" t="s">
        <v>46191</v>
      </c>
      <c r="H12059" s="1" t="s">
        <v>46192</v>
      </c>
      <c r="I12059" s="1" t="s">
        <v>43772</v>
      </c>
      <c r="J12059" s="1" t="s">
        <v>46230</v>
      </c>
    </row>
    <row r="12060" spans="1:10" x14ac:dyDescent="0.35">
      <c r="A12060" s="1" t="s">
        <v>46188</v>
      </c>
      <c r="B12060" s="1" t="s">
        <v>43766</v>
      </c>
      <c r="C12060" s="1" t="s">
        <v>75</v>
      </c>
      <c r="D12060" s="1" t="s">
        <v>46231</v>
      </c>
      <c r="E12060" s="1" t="s">
        <v>46232</v>
      </c>
      <c r="F12060" s="1" t="s">
        <v>46233</v>
      </c>
      <c r="G12060" s="1" t="s">
        <v>46191</v>
      </c>
      <c r="H12060" s="1" t="s">
        <v>46192</v>
      </c>
      <c r="I12060" s="1" t="s">
        <v>43772</v>
      </c>
      <c r="J12060" s="1" t="s">
        <v>46234</v>
      </c>
    </row>
    <row r="12061" spans="1:10" x14ac:dyDescent="0.35">
      <c r="A12061" s="1" t="s">
        <v>46188</v>
      </c>
      <c r="B12061" s="1" t="s">
        <v>43766</v>
      </c>
      <c r="C12061" s="1" t="s">
        <v>80</v>
      </c>
      <c r="D12061" s="1" t="s">
        <v>46235</v>
      </c>
      <c r="E12061" s="1" t="s">
        <v>46236</v>
      </c>
      <c r="F12061" s="1" t="s">
        <v>46237</v>
      </c>
      <c r="G12061" s="1" t="s">
        <v>46191</v>
      </c>
      <c r="H12061" s="1" t="s">
        <v>46192</v>
      </c>
      <c r="I12061" s="1" t="s">
        <v>43772</v>
      </c>
      <c r="J12061" s="1" t="s">
        <v>46238</v>
      </c>
    </row>
    <row r="12062" spans="1:10" x14ac:dyDescent="0.35">
      <c r="A12062" s="1" t="s">
        <v>46188</v>
      </c>
      <c r="B12062" s="1" t="s">
        <v>43766</v>
      </c>
      <c r="C12062" s="1" t="s">
        <v>85</v>
      </c>
      <c r="D12062" s="1" t="s">
        <v>46239</v>
      </c>
      <c r="E12062" s="1" t="s">
        <v>46240</v>
      </c>
      <c r="F12062" s="1" t="s">
        <v>46241</v>
      </c>
      <c r="G12062" s="1" t="s">
        <v>46191</v>
      </c>
      <c r="H12062" s="1" t="s">
        <v>46192</v>
      </c>
      <c r="I12062" s="1" t="s">
        <v>43772</v>
      </c>
      <c r="J12062" s="1" t="s">
        <v>46242</v>
      </c>
    </row>
    <row r="12063" spans="1:10" x14ac:dyDescent="0.35">
      <c r="A12063" s="1" t="s">
        <v>46188</v>
      </c>
      <c r="B12063" s="1" t="s">
        <v>43766</v>
      </c>
      <c r="C12063" s="1" t="s">
        <v>90</v>
      </c>
      <c r="D12063" s="1" t="s">
        <v>46243</v>
      </c>
      <c r="E12063" s="1" t="s">
        <v>46244</v>
      </c>
      <c r="F12063" s="1" t="s">
        <v>46245</v>
      </c>
      <c r="G12063" s="1" t="s">
        <v>46191</v>
      </c>
      <c r="H12063" s="1" t="s">
        <v>46192</v>
      </c>
      <c r="I12063" s="1" t="s">
        <v>43772</v>
      </c>
      <c r="J12063" s="1" t="s">
        <v>46246</v>
      </c>
    </row>
    <row r="12064" spans="1:10" x14ac:dyDescent="0.35">
      <c r="A12064" s="1" t="s">
        <v>46188</v>
      </c>
      <c r="B12064" s="1" t="s">
        <v>43766</v>
      </c>
      <c r="C12064" s="1" t="s">
        <v>95</v>
      </c>
      <c r="D12064" s="1" t="s">
        <v>46247</v>
      </c>
      <c r="E12064" s="1" t="s">
        <v>46248</v>
      </c>
      <c r="F12064" s="1" t="s">
        <v>46249</v>
      </c>
      <c r="G12064" s="1" t="s">
        <v>46191</v>
      </c>
      <c r="H12064" s="1" t="s">
        <v>46192</v>
      </c>
      <c r="I12064" s="1" t="s">
        <v>43772</v>
      </c>
      <c r="J12064" s="1" t="s">
        <v>46250</v>
      </c>
    </row>
    <row r="12065" spans="1:10" x14ac:dyDescent="0.35">
      <c r="A12065" s="1" t="s">
        <v>46188</v>
      </c>
      <c r="B12065" s="1" t="s">
        <v>43766</v>
      </c>
      <c r="C12065" s="1" t="s">
        <v>100</v>
      </c>
      <c r="D12065" s="1" t="s">
        <v>2944</v>
      </c>
      <c r="E12065" s="1" t="s">
        <v>46251</v>
      </c>
      <c r="F12065" s="1" t="s">
        <v>46252</v>
      </c>
      <c r="G12065" s="1" t="s">
        <v>46191</v>
      </c>
      <c r="H12065" s="1" t="s">
        <v>46192</v>
      </c>
      <c r="I12065" s="1" t="s">
        <v>43772</v>
      </c>
      <c r="J12065" s="1" t="s">
        <v>46253</v>
      </c>
    </row>
    <row r="12066" spans="1:10" x14ac:dyDescent="0.35">
      <c r="A12066" s="1" t="s">
        <v>46188</v>
      </c>
      <c r="B12066" s="1" t="s">
        <v>43766</v>
      </c>
      <c r="C12066" s="1" t="s">
        <v>105</v>
      </c>
      <c r="D12066" s="1" t="s">
        <v>45500</v>
      </c>
      <c r="E12066" s="1" t="s">
        <v>46254</v>
      </c>
      <c r="F12066" s="1" t="s">
        <v>46255</v>
      </c>
      <c r="G12066" s="1" t="s">
        <v>46191</v>
      </c>
      <c r="H12066" s="1" t="s">
        <v>46192</v>
      </c>
      <c r="I12066" s="1" t="s">
        <v>43772</v>
      </c>
      <c r="J12066" s="1" t="s">
        <v>46256</v>
      </c>
    </row>
    <row r="12067" spans="1:10" x14ac:dyDescent="0.35">
      <c r="A12067" s="1" t="s">
        <v>46188</v>
      </c>
      <c r="B12067" s="1" t="s">
        <v>43766</v>
      </c>
      <c r="C12067" s="1" t="s">
        <v>110</v>
      </c>
      <c r="D12067" s="1" t="s">
        <v>46257</v>
      </c>
      <c r="E12067" s="1" t="s">
        <v>46258</v>
      </c>
      <c r="F12067" s="1" t="s">
        <v>46259</v>
      </c>
      <c r="G12067" s="1" t="s">
        <v>46191</v>
      </c>
      <c r="H12067" s="1" t="s">
        <v>46192</v>
      </c>
      <c r="I12067" s="1" t="s">
        <v>43772</v>
      </c>
      <c r="J12067" s="1" t="s">
        <v>46260</v>
      </c>
    </row>
    <row r="12068" spans="1:10" x14ac:dyDescent="0.35">
      <c r="A12068" s="1" t="s">
        <v>46188</v>
      </c>
      <c r="B12068" s="1" t="s">
        <v>43766</v>
      </c>
      <c r="C12068" s="1" t="s">
        <v>115</v>
      </c>
      <c r="D12068" s="1" t="s">
        <v>46261</v>
      </c>
      <c r="E12068" s="1" t="s">
        <v>46262</v>
      </c>
      <c r="F12068" s="1" t="s">
        <v>46263</v>
      </c>
      <c r="G12068" s="1" t="s">
        <v>46191</v>
      </c>
      <c r="H12068" s="1" t="s">
        <v>46192</v>
      </c>
      <c r="I12068" s="1" t="s">
        <v>43772</v>
      </c>
      <c r="J12068" s="1" t="s">
        <v>46264</v>
      </c>
    </row>
    <row r="12069" spans="1:10" x14ac:dyDescent="0.35">
      <c r="A12069" s="1" t="s">
        <v>46188</v>
      </c>
      <c r="B12069" s="1" t="s">
        <v>43766</v>
      </c>
      <c r="C12069" s="1" t="s">
        <v>120</v>
      </c>
      <c r="D12069" s="1" t="s">
        <v>46265</v>
      </c>
      <c r="E12069" s="1" t="s">
        <v>46266</v>
      </c>
      <c r="F12069" s="1" t="s">
        <v>46267</v>
      </c>
      <c r="G12069" s="1" t="s">
        <v>46191</v>
      </c>
      <c r="H12069" s="1" t="s">
        <v>46192</v>
      </c>
      <c r="I12069" s="1" t="s">
        <v>43772</v>
      </c>
      <c r="J12069" s="1" t="s">
        <v>46268</v>
      </c>
    </row>
    <row r="12070" spans="1:10" x14ac:dyDescent="0.35">
      <c r="A12070" s="1" t="s">
        <v>46188</v>
      </c>
      <c r="B12070" s="1" t="s">
        <v>43766</v>
      </c>
      <c r="C12070" s="1" t="s">
        <v>125</v>
      </c>
      <c r="D12070" s="1" t="s">
        <v>33774</v>
      </c>
      <c r="E12070" s="1" t="s">
        <v>46269</v>
      </c>
      <c r="F12070" s="1" t="s">
        <v>46270</v>
      </c>
      <c r="G12070" s="1" t="s">
        <v>46191</v>
      </c>
      <c r="H12070" s="1" t="s">
        <v>46192</v>
      </c>
      <c r="I12070" s="1" t="s">
        <v>43772</v>
      </c>
      <c r="J12070" s="1" t="s">
        <v>46271</v>
      </c>
    </row>
    <row r="12071" spans="1:10" x14ac:dyDescent="0.35">
      <c r="A12071" s="1" t="s">
        <v>46188</v>
      </c>
      <c r="B12071" s="1" t="s">
        <v>43766</v>
      </c>
      <c r="C12071" s="1" t="s">
        <v>130</v>
      </c>
      <c r="D12071" s="1" t="s">
        <v>46272</v>
      </c>
      <c r="E12071" s="1" t="s">
        <v>46273</v>
      </c>
      <c r="F12071" s="1" t="s">
        <v>46274</v>
      </c>
      <c r="G12071" s="1" t="s">
        <v>46191</v>
      </c>
      <c r="H12071" s="1" t="s">
        <v>46192</v>
      </c>
      <c r="I12071" s="1" t="s">
        <v>43772</v>
      </c>
      <c r="J12071" s="1" t="s">
        <v>46275</v>
      </c>
    </row>
    <row r="12072" spans="1:10" x14ac:dyDescent="0.35">
      <c r="A12072" s="1" t="s">
        <v>46188</v>
      </c>
      <c r="B12072" s="1" t="s">
        <v>43766</v>
      </c>
      <c r="C12072" s="1" t="s">
        <v>135</v>
      </c>
      <c r="D12072" s="1" t="s">
        <v>61</v>
      </c>
      <c r="E12072" s="1" t="s">
        <v>46276</v>
      </c>
      <c r="F12072" s="1" t="s">
        <v>46277</v>
      </c>
      <c r="G12072" s="1" t="s">
        <v>46191</v>
      </c>
      <c r="H12072" s="1" t="s">
        <v>46192</v>
      </c>
      <c r="I12072" s="1" t="s">
        <v>43772</v>
      </c>
      <c r="J12072" s="1" t="s">
        <v>46278</v>
      </c>
    </row>
    <row r="12073" spans="1:10" x14ac:dyDescent="0.35">
      <c r="A12073" s="1" t="s">
        <v>46188</v>
      </c>
      <c r="B12073" s="1" t="s">
        <v>43766</v>
      </c>
      <c r="C12073" s="1" t="s">
        <v>140</v>
      </c>
      <c r="D12073" s="1" t="s">
        <v>44433</v>
      </c>
      <c r="E12073" s="1" t="s">
        <v>46279</v>
      </c>
      <c r="F12073" s="1" t="s">
        <v>46280</v>
      </c>
      <c r="G12073" s="1" t="s">
        <v>46191</v>
      </c>
      <c r="H12073" s="1" t="s">
        <v>46192</v>
      </c>
      <c r="I12073" s="1" t="s">
        <v>43772</v>
      </c>
      <c r="J12073" s="1" t="s">
        <v>46281</v>
      </c>
    </row>
    <row r="12074" spans="1:10" x14ac:dyDescent="0.35">
      <c r="A12074" s="1" t="s">
        <v>46188</v>
      </c>
      <c r="B12074" s="1" t="s">
        <v>43766</v>
      </c>
      <c r="C12074" s="1" t="s">
        <v>145</v>
      </c>
      <c r="D12074" s="1" t="s">
        <v>18443</v>
      </c>
      <c r="E12074" s="1" t="s">
        <v>46282</v>
      </c>
      <c r="F12074" s="1" t="s">
        <v>46283</v>
      </c>
      <c r="G12074" s="1" t="s">
        <v>46191</v>
      </c>
      <c r="H12074" s="1" t="s">
        <v>46192</v>
      </c>
      <c r="I12074" s="1" t="s">
        <v>43772</v>
      </c>
      <c r="J12074" s="1" t="s">
        <v>46284</v>
      </c>
    </row>
    <row r="12075" spans="1:10" x14ac:dyDescent="0.35">
      <c r="A12075" s="1" t="s">
        <v>46188</v>
      </c>
      <c r="B12075" s="1" t="s">
        <v>43766</v>
      </c>
      <c r="C12075" s="1" t="s">
        <v>150</v>
      </c>
      <c r="D12075" s="1" t="s">
        <v>45810</v>
      </c>
      <c r="E12075" s="1" t="s">
        <v>46285</v>
      </c>
      <c r="F12075" s="1" t="s">
        <v>46286</v>
      </c>
      <c r="G12075" s="1" t="s">
        <v>46191</v>
      </c>
      <c r="H12075" s="1" t="s">
        <v>46192</v>
      </c>
      <c r="I12075" s="1" t="s">
        <v>43772</v>
      </c>
      <c r="J12075" s="1" t="s">
        <v>46287</v>
      </c>
    </row>
    <row r="12076" spans="1:10" x14ac:dyDescent="0.35">
      <c r="A12076" s="1" t="s">
        <v>46188</v>
      </c>
      <c r="B12076" s="1" t="s">
        <v>43766</v>
      </c>
      <c r="C12076" s="1" t="s">
        <v>155</v>
      </c>
      <c r="D12076" s="1" t="s">
        <v>46288</v>
      </c>
      <c r="E12076" s="1" t="s">
        <v>46289</v>
      </c>
      <c r="F12076" s="1" t="s">
        <v>46290</v>
      </c>
      <c r="G12076" s="1" t="s">
        <v>46191</v>
      </c>
      <c r="H12076" s="1" t="s">
        <v>46192</v>
      </c>
      <c r="I12076" s="1" t="s">
        <v>43772</v>
      </c>
      <c r="J12076" s="1" t="s">
        <v>46291</v>
      </c>
    </row>
    <row r="12077" spans="1:10" x14ac:dyDescent="0.35">
      <c r="A12077" s="1" t="s">
        <v>46188</v>
      </c>
      <c r="B12077" s="1" t="s">
        <v>43766</v>
      </c>
      <c r="C12077" s="1" t="s">
        <v>160</v>
      </c>
      <c r="D12077" s="1" t="s">
        <v>3020</v>
      </c>
      <c r="E12077" s="1" t="s">
        <v>46292</v>
      </c>
      <c r="F12077" s="1" t="s">
        <v>46293</v>
      </c>
      <c r="G12077" s="1" t="s">
        <v>46191</v>
      </c>
      <c r="H12077" s="1" t="s">
        <v>46192</v>
      </c>
      <c r="I12077" s="1" t="s">
        <v>43772</v>
      </c>
      <c r="J12077" s="1" t="s">
        <v>46294</v>
      </c>
    </row>
    <row r="12078" spans="1:10" x14ac:dyDescent="0.35">
      <c r="A12078" s="1" t="s">
        <v>46188</v>
      </c>
      <c r="B12078" s="1" t="s">
        <v>43766</v>
      </c>
      <c r="C12078" s="1" t="s">
        <v>165</v>
      </c>
      <c r="D12078" s="1" t="s">
        <v>46295</v>
      </c>
      <c r="E12078" s="1" t="s">
        <v>46296</v>
      </c>
      <c r="F12078" s="1" t="s">
        <v>46297</v>
      </c>
      <c r="G12078" s="1" t="s">
        <v>46191</v>
      </c>
      <c r="H12078" s="1" t="s">
        <v>46192</v>
      </c>
      <c r="I12078" s="1" t="s">
        <v>43772</v>
      </c>
      <c r="J12078" s="1" t="s">
        <v>46298</v>
      </c>
    </row>
    <row r="12079" spans="1:10" x14ac:dyDescent="0.35">
      <c r="A12079" s="1" t="s">
        <v>46188</v>
      </c>
      <c r="B12079" s="1" t="s">
        <v>43766</v>
      </c>
      <c r="C12079" s="1" t="s">
        <v>170</v>
      </c>
      <c r="D12079" s="1" t="s">
        <v>46299</v>
      </c>
      <c r="E12079" s="1" t="s">
        <v>46300</v>
      </c>
      <c r="F12079" s="1" t="s">
        <v>46301</v>
      </c>
      <c r="G12079" s="1" t="s">
        <v>46191</v>
      </c>
      <c r="H12079" s="1" t="s">
        <v>46192</v>
      </c>
      <c r="I12079" s="1" t="s">
        <v>43772</v>
      </c>
      <c r="J12079" s="1" t="s">
        <v>46302</v>
      </c>
    </row>
    <row r="12080" spans="1:10" x14ac:dyDescent="0.35">
      <c r="A12080" s="1" t="s">
        <v>46303</v>
      </c>
      <c r="B12080" s="1" t="s">
        <v>43766</v>
      </c>
      <c r="C12080" s="1" t="s">
        <v>8</v>
      </c>
      <c r="D12080" s="1" t="s">
        <v>2172</v>
      </c>
      <c r="E12080" s="1" t="s">
        <v>46304</v>
      </c>
      <c r="F12080" s="1" t="s">
        <v>46305</v>
      </c>
      <c r="G12080" s="1" t="s">
        <v>46306</v>
      </c>
      <c r="H12080" s="1" t="s">
        <v>46307</v>
      </c>
      <c r="I12080" s="1" t="s">
        <v>43772</v>
      </c>
      <c r="J12080" s="1" t="s">
        <v>13</v>
      </c>
    </row>
    <row r="12081" spans="1:10" x14ac:dyDescent="0.35">
      <c r="A12081" s="1" t="s">
        <v>46303</v>
      </c>
      <c r="B12081" s="1" t="s">
        <v>43766</v>
      </c>
      <c r="C12081" s="1" t="s">
        <v>15</v>
      </c>
      <c r="D12081" s="1" t="s">
        <v>25958</v>
      </c>
      <c r="E12081" s="1" t="s">
        <v>46308</v>
      </c>
      <c r="F12081" s="1" t="s">
        <v>46309</v>
      </c>
      <c r="G12081" s="1" t="s">
        <v>46306</v>
      </c>
      <c r="H12081" s="1" t="s">
        <v>46307</v>
      </c>
      <c r="I12081" s="1" t="s">
        <v>43772</v>
      </c>
      <c r="J12081" s="1" t="s">
        <v>46310</v>
      </c>
    </row>
    <row r="12082" spans="1:10" x14ac:dyDescent="0.35">
      <c r="A12082" s="1" t="s">
        <v>46303</v>
      </c>
      <c r="B12082" s="1" t="s">
        <v>43766</v>
      </c>
      <c r="C12082" s="1" t="s">
        <v>20</v>
      </c>
      <c r="D12082" s="1" t="s">
        <v>46311</v>
      </c>
      <c r="E12082" s="1" t="s">
        <v>46312</v>
      </c>
      <c r="F12082" s="1" t="s">
        <v>46313</v>
      </c>
      <c r="G12082" s="1" t="s">
        <v>46306</v>
      </c>
      <c r="H12082" s="1" t="s">
        <v>46307</v>
      </c>
      <c r="I12082" s="1" t="s">
        <v>43772</v>
      </c>
      <c r="J12082" s="1" t="s">
        <v>46314</v>
      </c>
    </row>
    <row r="12083" spans="1:10" x14ac:dyDescent="0.35">
      <c r="A12083" s="1" t="s">
        <v>46303</v>
      </c>
      <c r="B12083" s="1" t="s">
        <v>43766</v>
      </c>
      <c r="C12083" s="1" t="s">
        <v>25</v>
      </c>
      <c r="D12083" s="1" t="s">
        <v>44511</v>
      </c>
      <c r="E12083" s="1" t="s">
        <v>46315</v>
      </c>
      <c r="F12083" s="1" t="s">
        <v>46316</v>
      </c>
      <c r="G12083" s="1" t="s">
        <v>46306</v>
      </c>
      <c r="H12083" s="1" t="s">
        <v>46307</v>
      </c>
      <c r="I12083" s="1" t="s">
        <v>43772</v>
      </c>
      <c r="J12083" s="1" t="s">
        <v>46317</v>
      </c>
    </row>
    <row r="12084" spans="1:10" x14ac:dyDescent="0.35">
      <c r="A12084" s="1" t="s">
        <v>46303</v>
      </c>
      <c r="B12084" s="1" t="s">
        <v>43766</v>
      </c>
      <c r="C12084" s="1" t="s">
        <v>30</v>
      </c>
      <c r="D12084" s="1" t="s">
        <v>13192</v>
      </c>
      <c r="E12084" s="1" t="s">
        <v>46318</v>
      </c>
      <c r="F12084" s="1" t="s">
        <v>46319</v>
      </c>
      <c r="G12084" s="1" t="s">
        <v>46306</v>
      </c>
      <c r="H12084" s="1" t="s">
        <v>46307</v>
      </c>
      <c r="I12084" s="1" t="s">
        <v>43772</v>
      </c>
      <c r="J12084" s="1" t="s">
        <v>46320</v>
      </c>
    </row>
    <row r="12085" spans="1:10" x14ac:dyDescent="0.35">
      <c r="A12085" s="1" t="s">
        <v>46303</v>
      </c>
      <c r="B12085" s="1" t="s">
        <v>43766</v>
      </c>
      <c r="C12085" s="1" t="s">
        <v>35</v>
      </c>
      <c r="D12085" s="1" t="s">
        <v>46321</v>
      </c>
      <c r="E12085" s="1" t="s">
        <v>46322</v>
      </c>
      <c r="F12085" s="1" t="s">
        <v>46323</v>
      </c>
      <c r="G12085" s="1" t="s">
        <v>46306</v>
      </c>
      <c r="H12085" s="1" t="s">
        <v>46307</v>
      </c>
      <c r="I12085" s="1" t="s">
        <v>43772</v>
      </c>
      <c r="J12085" s="1" t="s">
        <v>46324</v>
      </c>
    </row>
    <row r="12086" spans="1:10" x14ac:dyDescent="0.35">
      <c r="A12086" s="1" t="s">
        <v>46303</v>
      </c>
      <c r="B12086" s="1" t="s">
        <v>43766</v>
      </c>
      <c r="C12086" s="1" t="s">
        <v>40</v>
      </c>
      <c r="D12086" s="1" t="s">
        <v>3577</v>
      </c>
      <c r="E12086" s="1" t="s">
        <v>46325</v>
      </c>
      <c r="F12086" s="1" t="s">
        <v>46326</v>
      </c>
      <c r="G12086" s="1" t="s">
        <v>46306</v>
      </c>
      <c r="H12086" s="1" t="s">
        <v>46307</v>
      </c>
      <c r="I12086" s="1" t="s">
        <v>43772</v>
      </c>
      <c r="J12086" s="1" t="s">
        <v>46327</v>
      </c>
    </row>
    <row r="12087" spans="1:10" x14ac:dyDescent="0.35">
      <c r="A12087" s="1" t="s">
        <v>46303</v>
      </c>
      <c r="B12087" s="1" t="s">
        <v>43766</v>
      </c>
      <c r="C12087" s="1" t="s">
        <v>45</v>
      </c>
      <c r="D12087" s="1" t="s">
        <v>13162</v>
      </c>
      <c r="E12087" s="1" t="s">
        <v>46328</v>
      </c>
      <c r="F12087" s="1" t="s">
        <v>46329</v>
      </c>
      <c r="G12087" s="1" t="s">
        <v>46306</v>
      </c>
      <c r="H12087" s="1" t="s">
        <v>46307</v>
      </c>
      <c r="I12087" s="1" t="s">
        <v>43772</v>
      </c>
      <c r="J12087" s="1" t="s">
        <v>46330</v>
      </c>
    </row>
    <row r="12088" spans="1:10" x14ac:dyDescent="0.35">
      <c r="A12088" s="1" t="s">
        <v>46303</v>
      </c>
      <c r="B12088" s="1" t="s">
        <v>43766</v>
      </c>
      <c r="C12088" s="1" t="s">
        <v>50</v>
      </c>
      <c r="D12088" s="1" t="s">
        <v>46331</v>
      </c>
      <c r="E12088" s="1" t="s">
        <v>46332</v>
      </c>
      <c r="F12088" s="1" t="s">
        <v>46333</v>
      </c>
      <c r="G12088" s="1" t="s">
        <v>46306</v>
      </c>
      <c r="H12088" s="1" t="s">
        <v>46307</v>
      </c>
      <c r="I12088" s="1" t="s">
        <v>43772</v>
      </c>
      <c r="J12088" s="1" t="s">
        <v>46334</v>
      </c>
    </row>
    <row r="12089" spans="1:10" x14ac:dyDescent="0.35">
      <c r="A12089" s="1" t="s">
        <v>46303</v>
      </c>
      <c r="B12089" s="1" t="s">
        <v>43766</v>
      </c>
      <c r="C12089" s="1" t="s">
        <v>55</v>
      </c>
      <c r="D12089" s="1" t="s">
        <v>28065</v>
      </c>
      <c r="E12089" s="1" t="s">
        <v>46335</v>
      </c>
      <c r="F12089" s="1" t="s">
        <v>46336</v>
      </c>
      <c r="G12089" s="1" t="s">
        <v>46306</v>
      </c>
      <c r="H12089" s="1" t="s">
        <v>46307</v>
      </c>
      <c r="I12089" s="1" t="s">
        <v>43772</v>
      </c>
      <c r="J12089" s="1" t="s">
        <v>46337</v>
      </c>
    </row>
    <row r="12090" spans="1:10" x14ac:dyDescent="0.35">
      <c r="A12090" s="1" t="s">
        <v>46303</v>
      </c>
      <c r="B12090" s="1" t="s">
        <v>43766</v>
      </c>
      <c r="C12090" s="1" t="s">
        <v>60</v>
      </c>
      <c r="D12090" s="1" t="s">
        <v>14013</v>
      </c>
      <c r="E12090" s="1" t="s">
        <v>46338</v>
      </c>
      <c r="F12090" s="1" t="s">
        <v>46339</v>
      </c>
      <c r="G12090" s="1" t="s">
        <v>46306</v>
      </c>
      <c r="H12090" s="1" t="s">
        <v>46307</v>
      </c>
      <c r="I12090" s="1" t="s">
        <v>43772</v>
      </c>
      <c r="J12090" s="1" t="s">
        <v>46340</v>
      </c>
    </row>
    <row r="12091" spans="1:10" x14ac:dyDescent="0.35">
      <c r="A12091" s="1" t="s">
        <v>46303</v>
      </c>
      <c r="B12091" s="1" t="s">
        <v>43766</v>
      </c>
      <c r="C12091" s="1" t="s">
        <v>65</v>
      </c>
      <c r="D12091" s="1" t="s">
        <v>46341</v>
      </c>
      <c r="E12091" s="1" t="s">
        <v>46342</v>
      </c>
      <c r="F12091" s="1" t="s">
        <v>46343</v>
      </c>
      <c r="G12091" s="1" t="s">
        <v>46306</v>
      </c>
      <c r="H12091" s="1" t="s">
        <v>46307</v>
      </c>
      <c r="I12091" s="1" t="s">
        <v>43772</v>
      </c>
      <c r="J12091" s="1" t="s">
        <v>46344</v>
      </c>
    </row>
    <row r="12092" spans="1:10" x14ac:dyDescent="0.35">
      <c r="A12092" s="1" t="s">
        <v>46303</v>
      </c>
      <c r="B12092" s="1" t="s">
        <v>43766</v>
      </c>
      <c r="C12092" s="1" t="s">
        <v>70</v>
      </c>
      <c r="D12092" s="1" t="s">
        <v>46345</v>
      </c>
      <c r="E12092" s="1" t="s">
        <v>46346</v>
      </c>
      <c r="F12092" s="1" t="s">
        <v>46347</v>
      </c>
      <c r="G12092" s="1" t="s">
        <v>46306</v>
      </c>
      <c r="H12092" s="1" t="s">
        <v>46307</v>
      </c>
      <c r="I12092" s="1" t="s">
        <v>43772</v>
      </c>
      <c r="J12092" s="1" t="s">
        <v>12792</v>
      </c>
    </row>
    <row r="12093" spans="1:10" x14ac:dyDescent="0.35">
      <c r="A12093" s="1" t="s">
        <v>46303</v>
      </c>
      <c r="B12093" s="1" t="s">
        <v>43766</v>
      </c>
      <c r="C12093" s="1" t="s">
        <v>75</v>
      </c>
      <c r="D12093" s="1" t="s">
        <v>46348</v>
      </c>
      <c r="E12093" s="1" t="s">
        <v>46349</v>
      </c>
      <c r="F12093" s="1" t="s">
        <v>46350</v>
      </c>
      <c r="G12093" s="1" t="s">
        <v>46306</v>
      </c>
      <c r="H12093" s="1" t="s">
        <v>46307</v>
      </c>
      <c r="I12093" s="1" t="s">
        <v>43772</v>
      </c>
      <c r="J12093" s="1" t="s">
        <v>46351</v>
      </c>
    </row>
    <row r="12094" spans="1:10" x14ac:dyDescent="0.35">
      <c r="A12094" s="1" t="s">
        <v>46303</v>
      </c>
      <c r="B12094" s="1" t="s">
        <v>43766</v>
      </c>
      <c r="C12094" s="1" t="s">
        <v>80</v>
      </c>
      <c r="D12094" s="1" t="s">
        <v>46352</v>
      </c>
      <c r="E12094" s="1" t="s">
        <v>46353</v>
      </c>
      <c r="F12094" s="1" t="s">
        <v>46354</v>
      </c>
      <c r="G12094" s="1" t="s">
        <v>46306</v>
      </c>
      <c r="H12094" s="1" t="s">
        <v>46307</v>
      </c>
      <c r="I12094" s="1" t="s">
        <v>43772</v>
      </c>
      <c r="J12094" s="1" t="s">
        <v>46355</v>
      </c>
    </row>
    <row r="12095" spans="1:10" x14ac:dyDescent="0.35">
      <c r="A12095" s="1" t="s">
        <v>46303</v>
      </c>
      <c r="B12095" s="1" t="s">
        <v>43766</v>
      </c>
      <c r="C12095" s="1" t="s">
        <v>85</v>
      </c>
      <c r="D12095" s="1" t="s">
        <v>46356</v>
      </c>
      <c r="E12095" s="1" t="s">
        <v>46357</v>
      </c>
      <c r="F12095" s="1" t="s">
        <v>46358</v>
      </c>
      <c r="G12095" s="1" t="s">
        <v>46306</v>
      </c>
      <c r="H12095" s="1" t="s">
        <v>46307</v>
      </c>
      <c r="I12095" s="1" t="s">
        <v>43772</v>
      </c>
      <c r="J12095" s="1" t="s">
        <v>46359</v>
      </c>
    </row>
    <row r="12096" spans="1:10" x14ac:dyDescent="0.35">
      <c r="A12096" s="1" t="s">
        <v>46303</v>
      </c>
      <c r="B12096" s="1" t="s">
        <v>43766</v>
      </c>
      <c r="C12096" s="1" t="s">
        <v>90</v>
      </c>
      <c r="D12096" s="1" t="s">
        <v>46360</v>
      </c>
      <c r="E12096" s="1" t="s">
        <v>46361</v>
      </c>
      <c r="F12096" s="1" t="s">
        <v>46362</v>
      </c>
      <c r="G12096" s="1" t="s">
        <v>46306</v>
      </c>
      <c r="H12096" s="1" t="s">
        <v>46307</v>
      </c>
      <c r="I12096" s="1" t="s">
        <v>43772</v>
      </c>
      <c r="J12096" s="1" t="s">
        <v>46363</v>
      </c>
    </row>
    <row r="12097" spans="1:10" x14ac:dyDescent="0.35">
      <c r="A12097" s="1" t="s">
        <v>46303</v>
      </c>
      <c r="B12097" s="1" t="s">
        <v>43766</v>
      </c>
      <c r="C12097" s="1" t="s">
        <v>95</v>
      </c>
      <c r="D12097" s="1" t="s">
        <v>46364</v>
      </c>
      <c r="E12097" s="1" t="s">
        <v>46365</v>
      </c>
      <c r="F12097" s="1" t="s">
        <v>46366</v>
      </c>
      <c r="G12097" s="1" t="s">
        <v>46306</v>
      </c>
      <c r="H12097" s="1" t="s">
        <v>46307</v>
      </c>
      <c r="I12097" s="1" t="s">
        <v>43772</v>
      </c>
      <c r="J12097" s="1" t="s">
        <v>46367</v>
      </c>
    </row>
    <row r="12098" spans="1:10" x14ac:dyDescent="0.35">
      <c r="A12098" s="1" t="s">
        <v>46303</v>
      </c>
      <c r="B12098" s="1" t="s">
        <v>43766</v>
      </c>
      <c r="C12098" s="1" t="s">
        <v>100</v>
      </c>
      <c r="D12098" s="1" t="s">
        <v>46368</v>
      </c>
      <c r="E12098" s="1" t="s">
        <v>46369</v>
      </c>
      <c r="F12098" s="1" t="s">
        <v>46370</v>
      </c>
      <c r="G12098" s="1" t="s">
        <v>46306</v>
      </c>
      <c r="H12098" s="1" t="s">
        <v>46307</v>
      </c>
      <c r="I12098" s="1" t="s">
        <v>43772</v>
      </c>
      <c r="J12098" s="1" t="s">
        <v>46371</v>
      </c>
    </row>
    <row r="12099" spans="1:10" x14ac:dyDescent="0.35">
      <c r="A12099" s="1" t="s">
        <v>46303</v>
      </c>
      <c r="B12099" s="1" t="s">
        <v>43766</v>
      </c>
      <c r="C12099" s="1" t="s">
        <v>105</v>
      </c>
      <c r="D12099" s="1" t="s">
        <v>46372</v>
      </c>
      <c r="E12099" s="1" t="s">
        <v>46373</v>
      </c>
      <c r="F12099" s="1" t="s">
        <v>46374</v>
      </c>
      <c r="G12099" s="1" t="s">
        <v>46306</v>
      </c>
      <c r="H12099" s="1" t="s">
        <v>46307</v>
      </c>
      <c r="I12099" s="1" t="s">
        <v>43772</v>
      </c>
      <c r="J12099" s="1" t="s">
        <v>46375</v>
      </c>
    </row>
    <row r="12100" spans="1:10" x14ac:dyDescent="0.35">
      <c r="A12100" s="1" t="s">
        <v>46303</v>
      </c>
      <c r="B12100" s="1" t="s">
        <v>43766</v>
      </c>
      <c r="C12100" s="1" t="s">
        <v>110</v>
      </c>
      <c r="D12100" s="1" t="s">
        <v>46376</v>
      </c>
      <c r="E12100" s="1" t="s">
        <v>46377</v>
      </c>
      <c r="F12100" s="1" t="s">
        <v>46378</v>
      </c>
      <c r="G12100" s="1" t="s">
        <v>46306</v>
      </c>
      <c r="H12100" s="1" t="s">
        <v>46307</v>
      </c>
      <c r="I12100" s="1" t="s">
        <v>43772</v>
      </c>
      <c r="J12100" s="1" t="s">
        <v>46379</v>
      </c>
    </row>
    <row r="12101" spans="1:10" x14ac:dyDescent="0.35">
      <c r="A12101" s="1" t="s">
        <v>46303</v>
      </c>
      <c r="B12101" s="1" t="s">
        <v>43766</v>
      </c>
      <c r="C12101" s="1" t="s">
        <v>115</v>
      </c>
      <c r="D12101" s="1" t="s">
        <v>46380</v>
      </c>
      <c r="E12101" s="1" t="s">
        <v>46381</v>
      </c>
      <c r="F12101" s="1" t="s">
        <v>46382</v>
      </c>
      <c r="G12101" s="1" t="s">
        <v>46306</v>
      </c>
      <c r="H12101" s="1" t="s">
        <v>46307</v>
      </c>
      <c r="I12101" s="1" t="s">
        <v>43772</v>
      </c>
      <c r="J12101" s="1" t="s">
        <v>46383</v>
      </c>
    </row>
    <row r="12102" spans="1:10" x14ac:dyDescent="0.35">
      <c r="A12102" s="1" t="s">
        <v>46303</v>
      </c>
      <c r="B12102" s="1" t="s">
        <v>43766</v>
      </c>
      <c r="C12102" s="1" t="s">
        <v>120</v>
      </c>
      <c r="D12102" s="1" t="s">
        <v>33462</v>
      </c>
      <c r="E12102" s="1" t="s">
        <v>46384</v>
      </c>
      <c r="F12102" s="1" t="s">
        <v>46385</v>
      </c>
      <c r="G12102" s="1" t="s">
        <v>46306</v>
      </c>
      <c r="H12102" s="1" t="s">
        <v>46307</v>
      </c>
      <c r="I12102" s="1" t="s">
        <v>43772</v>
      </c>
      <c r="J12102" s="1" t="s">
        <v>46386</v>
      </c>
    </row>
    <row r="12103" spans="1:10" x14ac:dyDescent="0.35">
      <c r="A12103" s="1" t="s">
        <v>46303</v>
      </c>
      <c r="B12103" s="1" t="s">
        <v>43766</v>
      </c>
      <c r="C12103" s="1" t="s">
        <v>125</v>
      </c>
      <c r="D12103" s="1" t="s">
        <v>46387</v>
      </c>
      <c r="E12103" s="1" t="s">
        <v>46388</v>
      </c>
      <c r="F12103" s="1" t="s">
        <v>46389</v>
      </c>
      <c r="G12103" s="1" t="s">
        <v>46306</v>
      </c>
      <c r="H12103" s="1" t="s">
        <v>46307</v>
      </c>
      <c r="I12103" s="1" t="s">
        <v>43772</v>
      </c>
      <c r="J12103" s="1" t="s">
        <v>46390</v>
      </c>
    </row>
    <row r="12104" spans="1:10" x14ac:dyDescent="0.35">
      <c r="A12104" s="1" t="s">
        <v>46303</v>
      </c>
      <c r="B12104" s="1" t="s">
        <v>43766</v>
      </c>
      <c r="C12104" s="1" t="s">
        <v>130</v>
      </c>
      <c r="D12104" s="1" t="s">
        <v>46391</v>
      </c>
      <c r="E12104" s="1" t="s">
        <v>46392</v>
      </c>
      <c r="F12104" s="1" t="s">
        <v>46393</v>
      </c>
      <c r="G12104" s="1" t="s">
        <v>46306</v>
      </c>
      <c r="H12104" s="1" t="s">
        <v>46307</v>
      </c>
      <c r="I12104" s="1" t="s">
        <v>43772</v>
      </c>
      <c r="J12104" s="1" t="s">
        <v>46394</v>
      </c>
    </row>
    <row r="12105" spans="1:10" x14ac:dyDescent="0.35">
      <c r="A12105" s="1" t="s">
        <v>46303</v>
      </c>
      <c r="B12105" s="1" t="s">
        <v>43766</v>
      </c>
      <c r="C12105" s="1" t="s">
        <v>135</v>
      </c>
      <c r="D12105" s="1" t="s">
        <v>46395</v>
      </c>
      <c r="E12105" s="1" t="s">
        <v>46396</v>
      </c>
      <c r="F12105" s="1" t="s">
        <v>46397</v>
      </c>
      <c r="G12105" s="1" t="s">
        <v>46306</v>
      </c>
      <c r="H12105" s="1" t="s">
        <v>46307</v>
      </c>
      <c r="I12105" s="1" t="s">
        <v>43772</v>
      </c>
      <c r="J12105" s="1" t="s">
        <v>46398</v>
      </c>
    </row>
    <row r="12106" spans="1:10" x14ac:dyDescent="0.35">
      <c r="A12106" s="1" t="s">
        <v>46303</v>
      </c>
      <c r="B12106" s="1" t="s">
        <v>43766</v>
      </c>
      <c r="C12106" s="1" t="s">
        <v>140</v>
      </c>
      <c r="D12106" s="1" t="s">
        <v>46399</v>
      </c>
      <c r="E12106" s="1" t="s">
        <v>46400</v>
      </c>
      <c r="F12106" s="1" t="s">
        <v>46401</v>
      </c>
      <c r="G12106" s="1" t="s">
        <v>46306</v>
      </c>
      <c r="H12106" s="1" t="s">
        <v>46307</v>
      </c>
      <c r="I12106" s="1" t="s">
        <v>43772</v>
      </c>
      <c r="J12106" s="1" t="s">
        <v>46402</v>
      </c>
    </row>
    <row r="12107" spans="1:10" x14ac:dyDescent="0.35">
      <c r="A12107" s="1" t="s">
        <v>46303</v>
      </c>
      <c r="B12107" s="1" t="s">
        <v>43766</v>
      </c>
      <c r="C12107" s="1" t="s">
        <v>145</v>
      </c>
      <c r="D12107" s="1" t="s">
        <v>46403</v>
      </c>
      <c r="E12107" s="1" t="s">
        <v>46404</v>
      </c>
      <c r="F12107" s="1" t="s">
        <v>46405</v>
      </c>
      <c r="G12107" s="1" t="s">
        <v>46306</v>
      </c>
      <c r="H12107" s="1" t="s">
        <v>46307</v>
      </c>
      <c r="I12107" s="1" t="s">
        <v>43772</v>
      </c>
      <c r="J12107" s="1" t="s">
        <v>46406</v>
      </c>
    </row>
    <row r="12108" spans="1:10" x14ac:dyDescent="0.35">
      <c r="A12108" s="1" t="s">
        <v>46303</v>
      </c>
      <c r="B12108" s="1" t="s">
        <v>43766</v>
      </c>
      <c r="C12108" s="1" t="s">
        <v>150</v>
      </c>
      <c r="D12108" s="1" t="s">
        <v>46407</v>
      </c>
      <c r="E12108" s="1" t="s">
        <v>46408</v>
      </c>
      <c r="F12108" s="1" t="s">
        <v>46409</v>
      </c>
      <c r="G12108" s="1" t="s">
        <v>46306</v>
      </c>
      <c r="H12108" s="1" t="s">
        <v>46307</v>
      </c>
      <c r="I12108" s="1" t="s">
        <v>43772</v>
      </c>
      <c r="J12108" s="1" t="s">
        <v>46410</v>
      </c>
    </row>
    <row r="12109" spans="1:10" x14ac:dyDescent="0.35">
      <c r="A12109" s="1" t="s">
        <v>46303</v>
      </c>
      <c r="B12109" s="1" t="s">
        <v>43766</v>
      </c>
      <c r="C12109" s="1" t="s">
        <v>155</v>
      </c>
      <c r="D12109" s="1" t="s">
        <v>46411</v>
      </c>
      <c r="E12109" s="1" t="s">
        <v>46412</v>
      </c>
      <c r="F12109" s="1" t="s">
        <v>46413</v>
      </c>
      <c r="G12109" s="1" t="s">
        <v>46306</v>
      </c>
      <c r="H12109" s="1" t="s">
        <v>46307</v>
      </c>
      <c r="I12109" s="1" t="s">
        <v>43772</v>
      </c>
      <c r="J12109" s="1" t="s">
        <v>46414</v>
      </c>
    </row>
    <row r="12110" spans="1:10" x14ac:dyDescent="0.35">
      <c r="A12110" s="1" t="s">
        <v>46303</v>
      </c>
      <c r="B12110" s="1" t="s">
        <v>43766</v>
      </c>
      <c r="C12110" s="1" t="s">
        <v>160</v>
      </c>
      <c r="D12110" s="1" t="s">
        <v>46415</v>
      </c>
      <c r="E12110" s="1" t="s">
        <v>46416</v>
      </c>
      <c r="F12110" s="1" t="s">
        <v>46417</v>
      </c>
      <c r="G12110" s="1" t="s">
        <v>46306</v>
      </c>
      <c r="H12110" s="1" t="s">
        <v>46307</v>
      </c>
      <c r="I12110" s="1" t="s">
        <v>43772</v>
      </c>
      <c r="J12110" s="1" t="s">
        <v>46418</v>
      </c>
    </row>
    <row r="12111" spans="1:10" x14ac:dyDescent="0.35">
      <c r="A12111" s="1" t="s">
        <v>46303</v>
      </c>
      <c r="B12111" s="1" t="s">
        <v>43766</v>
      </c>
      <c r="C12111" s="1" t="s">
        <v>165</v>
      </c>
      <c r="D12111" s="1" t="s">
        <v>46419</v>
      </c>
      <c r="E12111" s="1" t="s">
        <v>46420</v>
      </c>
      <c r="F12111" s="1" t="s">
        <v>46421</v>
      </c>
      <c r="G12111" s="1" t="s">
        <v>46306</v>
      </c>
      <c r="H12111" s="1" t="s">
        <v>46307</v>
      </c>
      <c r="I12111" s="1" t="s">
        <v>43772</v>
      </c>
      <c r="J12111" s="1" t="s">
        <v>46422</v>
      </c>
    </row>
    <row r="12112" spans="1:10" x14ac:dyDescent="0.35">
      <c r="A12112" s="1" t="s">
        <v>46303</v>
      </c>
      <c r="B12112" s="1" t="s">
        <v>43766</v>
      </c>
      <c r="C12112" s="1" t="s">
        <v>170</v>
      </c>
      <c r="D12112" s="1" t="s">
        <v>46423</v>
      </c>
      <c r="E12112" s="1" t="s">
        <v>46424</v>
      </c>
      <c r="F12112" s="1" t="s">
        <v>46425</v>
      </c>
      <c r="G12112" s="1" t="s">
        <v>46306</v>
      </c>
      <c r="H12112" s="1" t="s">
        <v>46307</v>
      </c>
      <c r="I12112" s="1" t="s">
        <v>43772</v>
      </c>
      <c r="J12112" s="1" t="s">
        <v>46426</v>
      </c>
    </row>
    <row r="12113" spans="1:10" x14ac:dyDescent="0.35">
      <c r="A12113" s="1" t="s">
        <v>46427</v>
      </c>
      <c r="B12113" s="1" t="s">
        <v>43766</v>
      </c>
      <c r="C12113" s="1" t="s">
        <v>8</v>
      </c>
      <c r="D12113" s="1" t="s">
        <v>1973</v>
      </c>
      <c r="E12113" s="1" t="s">
        <v>46428</v>
      </c>
      <c r="F12113" s="1" t="s">
        <v>46429</v>
      </c>
      <c r="G12113" s="1" t="s">
        <v>46430</v>
      </c>
      <c r="H12113" s="1" t="s">
        <v>46431</v>
      </c>
      <c r="I12113" s="1" t="s">
        <v>43772</v>
      </c>
      <c r="J12113" s="1" t="s">
        <v>13</v>
      </c>
    </row>
    <row r="12114" spans="1:10" x14ac:dyDescent="0.35">
      <c r="A12114" s="1" t="s">
        <v>46427</v>
      </c>
      <c r="B12114" s="1" t="s">
        <v>43766</v>
      </c>
      <c r="C12114" s="1" t="s">
        <v>15</v>
      </c>
      <c r="D12114" s="1" t="s">
        <v>46432</v>
      </c>
      <c r="E12114" s="1" t="s">
        <v>46433</v>
      </c>
      <c r="F12114" s="1" t="s">
        <v>46434</v>
      </c>
      <c r="G12114" s="1" t="s">
        <v>46430</v>
      </c>
      <c r="H12114" s="1" t="s">
        <v>46431</v>
      </c>
      <c r="I12114" s="1" t="s">
        <v>43772</v>
      </c>
      <c r="J12114" s="1" t="s">
        <v>46435</v>
      </c>
    </row>
    <row r="12115" spans="1:10" x14ac:dyDescent="0.35">
      <c r="A12115" s="1" t="s">
        <v>46427</v>
      </c>
      <c r="B12115" s="1" t="s">
        <v>43766</v>
      </c>
      <c r="C12115" s="1" t="s">
        <v>20</v>
      </c>
      <c r="D12115" s="1" t="s">
        <v>10455</v>
      </c>
      <c r="E12115" s="1" t="s">
        <v>46436</v>
      </c>
      <c r="F12115" s="1" t="s">
        <v>46437</v>
      </c>
      <c r="G12115" s="1" t="s">
        <v>46430</v>
      </c>
      <c r="H12115" s="1" t="s">
        <v>46431</v>
      </c>
      <c r="I12115" s="1" t="s">
        <v>43772</v>
      </c>
      <c r="J12115" s="1" t="s">
        <v>46438</v>
      </c>
    </row>
    <row r="12116" spans="1:10" x14ac:dyDescent="0.35">
      <c r="A12116" s="1" t="s">
        <v>46427</v>
      </c>
      <c r="B12116" s="1" t="s">
        <v>43766</v>
      </c>
      <c r="C12116" s="1" t="s">
        <v>25</v>
      </c>
      <c r="D12116" s="1" t="s">
        <v>46100</v>
      </c>
      <c r="E12116" s="1" t="s">
        <v>46439</v>
      </c>
      <c r="F12116" s="1" t="s">
        <v>46440</v>
      </c>
      <c r="G12116" s="1" t="s">
        <v>46430</v>
      </c>
      <c r="H12116" s="1" t="s">
        <v>46431</v>
      </c>
      <c r="I12116" s="1" t="s">
        <v>43772</v>
      </c>
      <c r="J12116" s="1" t="s">
        <v>46441</v>
      </c>
    </row>
    <row r="12117" spans="1:10" x14ac:dyDescent="0.35">
      <c r="A12117" s="1" t="s">
        <v>46427</v>
      </c>
      <c r="B12117" s="1" t="s">
        <v>43766</v>
      </c>
      <c r="C12117" s="1" t="s">
        <v>30</v>
      </c>
      <c r="D12117" s="1" t="s">
        <v>46442</v>
      </c>
      <c r="E12117" s="1" t="s">
        <v>46443</v>
      </c>
      <c r="F12117" s="1" t="s">
        <v>46444</v>
      </c>
      <c r="G12117" s="1" t="s">
        <v>46430</v>
      </c>
      <c r="H12117" s="1" t="s">
        <v>46431</v>
      </c>
      <c r="I12117" s="1" t="s">
        <v>43772</v>
      </c>
      <c r="J12117" s="1" t="s">
        <v>46445</v>
      </c>
    </row>
    <row r="12118" spans="1:10" x14ac:dyDescent="0.35">
      <c r="A12118" s="1" t="s">
        <v>46427</v>
      </c>
      <c r="B12118" s="1" t="s">
        <v>43766</v>
      </c>
      <c r="C12118" s="1" t="s">
        <v>35</v>
      </c>
      <c r="D12118" s="1" t="s">
        <v>46446</v>
      </c>
      <c r="E12118" s="1" t="s">
        <v>46447</v>
      </c>
      <c r="F12118" s="1" t="s">
        <v>46448</v>
      </c>
      <c r="G12118" s="1" t="s">
        <v>46430</v>
      </c>
      <c r="H12118" s="1" t="s">
        <v>46431</v>
      </c>
      <c r="I12118" s="1" t="s">
        <v>43772</v>
      </c>
      <c r="J12118" s="1" t="s">
        <v>46449</v>
      </c>
    </row>
    <row r="12119" spans="1:10" x14ac:dyDescent="0.35">
      <c r="A12119" s="1" t="s">
        <v>46427</v>
      </c>
      <c r="B12119" s="1" t="s">
        <v>43766</v>
      </c>
      <c r="C12119" s="1" t="s">
        <v>40</v>
      </c>
      <c r="D12119" s="1" t="s">
        <v>46450</v>
      </c>
      <c r="E12119" s="1" t="s">
        <v>46451</v>
      </c>
      <c r="F12119" s="1" t="s">
        <v>46452</v>
      </c>
      <c r="G12119" s="1" t="s">
        <v>46430</v>
      </c>
      <c r="H12119" s="1" t="s">
        <v>46431</v>
      </c>
      <c r="I12119" s="1" t="s">
        <v>43772</v>
      </c>
      <c r="J12119" s="1" t="s">
        <v>46453</v>
      </c>
    </row>
    <row r="12120" spans="1:10" x14ac:dyDescent="0.35">
      <c r="A12120" s="1" t="s">
        <v>46427</v>
      </c>
      <c r="B12120" s="1" t="s">
        <v>43766</v>
      </c>
      <c r="C12120" s="1" t="s">
        <v>45</v>
      </c>
      <c r="D12120" s="1" t="s">
        <v>46454</v>
      </c>
      <c r="E12120" s="1" t="s">
        <v>46455</v>
      </c>
      <c r="F12120" s="1" t="s">
        <v>46456</v>
      </c>
      <c r="G12120" s="1" t="s">
        <v>46430</v>
      </c>
      <c r="H12120" s="1" t="s">
        <v>46431</v>
      </c>
      <c r="I12120" s="1" t="s">
        <v>43772</v>
      </c>
      <c r="J12120" s="1" t="s">
        <v>46457</v>
      </c>
    </row>
    <row r="12121" spans="1:10" x14ac:dyDescent="0.35">
      <c r="A12121" s="1" t="s">
        <v>46427</v>
      </c>
      <c r="B12121" s="1" t="s">
        <v>43766</v>
      </c>
      <c r="C12121" s="1" t="s">
        <v>50</v>
      </c>
      <c r="D12121" s="1" t="s">
        <v>46458</v>
      </c>
      <c r="E12121" s="1" t="s">
        <v>46459</v>
      </c>
      <c r="F12121" s="1" t="s">
        <v>46460</v>
      </c>
      <c r="G12121" s="1" t="s">
        <v>46430</v>
      </c>
      <c r="H12121" s="1" t="s">
        <v>46431</v>
      </c>
      <c r="I12121" s="1" t="s">
        <v>43772</v>
      </c>
      <c r="J12121" s="1" t="s">
        <v>46461</v>
      </c>
    </row>
    <row r="12122" spans="1:10" x14ac:dyDescent="0.35">
      <c r="A12122" s="1" t="s">
        <v>46427</v>
      </c>
      <c r="B12122" s="1" t="s">
        <v>43766</v>
      </c>
      <c r="C12122" s="1" t="s">
        <v>55</v>
      </c>
      <c r="D12122" s="1" t="s">
        <v>28801</v>
      </c>
      <c r="E12122" s="1" t="s">
        <v>46462</v>
      </c>
      <c r="F12122" s="1" t="s">
        <v>46463</v>
      </c>
      <c r="G12122" s="1" t="s">
        <v>46430</v>
      </c>
      <c r="H12122" s="1" t="s">
        <v>46431</v>
      </c>
      <c r="I12122" s="1" t="s">
        <v>43772</v>
      </c>
      <c r="J12122" s="1" t="s">
        <v>46464</v>
      </c>
    </row>
    <row r="12123" spans="1:10" x14ac:dyDescent="0.35">
      <c r="A12123" s="1" t="s">
        <v>46427</v>
      </c>
      <c r="B12123" s="1" t="s">
        <v>43766</v>
      </c>
      <c r="C12123" s="1" t="s">
        <v>60</v>
      </c>
      <c r="D12123" s="1" t="s">
        <v>45997</v>
      </c>
      <c r="E12123" s="1" t="s">
        <v>46465</v>
      </c>
      <c r="F12123" s="1" t="s">
        <v>46466</v>
      </c>
      <c r="G12123" s="1" t="s">
        <v>46430</v>
      </c>
      <c r="H12123" s="1" t="s">
        <v>46431</v>
      </c>
      <c r="I12123" s="1" t="s">
        <v>43772</v>
      </c>
      <c r="J12123" s="1" t="s">
        <v>46467</v>
      </c>
    </row>
    <row r="12124" spans="1:10" x14ac:dyDescent="0.35">
      <c r="A12124" s="1" t="s">
        <v>46427</v>
      </c>
      <c r="B12124" s="1" t="s">
        <v>43766</v>
      </c>
      <c r="C12124" s="1" t="s">
        <v>65</v>
      </c>
      <c r="D12124" s="1" t="s">
        <v>46468</v>
      </c>
      <c r="E12124" s="1" t="s">
        <v>46469</v>
      </c>
      <c r="F12124" s="1" t="s">
        <v>46470</v>
      </c>
      <c r="G12124" s="1" t="s">
        <v>46430</v>
      </c>
      <c r="H12124" s="1" t="s">
        <v>46431</v>
      </c>
      <c r="I12124" s="1" t="s">
        <v>43772</v>
      </c>
      <c r="J12124" s="1" t="s">
        <v>46471</v>
      </c>
    </row>
    <row r="12125" spans="1:10" x14ac:dyDescent="0.35">
      <c r="A12125" s="1" t="s">
        <v>46427</v>
      </c>
      <c r="B12125" s="1" t="s">
        <v>43766</v>
      </c>
      <c r="C12125" s="1" t="s">
        <v>70</v>
      </c>
      <c r="D12125" s="1" t="s">
        <v>46472</v>
      </c>
      <c r="E12125" s="1" t="s">
        <v>46473</v>
      </c>
      <c r="F12125" s="1" t="s">
        <v>46474</v>
      </c>
      <c r="G12125" s="1" t="s">
        <v>46430</v>
      </c>
      <c r="H12125" s="1" t="s">
        <v>46431</v>
      </c>
      <c r="I12125" s="1" t="s">
        <v>43772</v>
      </c>
      <c r="J12125" s="1" t="s">
        <v>46475</v>
      </c>
    </row>
    <row r="12126" spans="1:10" x14ac:dyDescent="0.35">
      <c r="A12126" s="1" t="s">
        <v>46427</v>
      </c>
      <c r="B12126" s="1" t="s">
        <v>43766</v>
      </c>
      <c r="C12126" s="1" t="s">
        <v>75</v>
      </c>
      <c r="D12126" s="1" t="s">
        <v>2659</v>
      </c>
      <c r="E12126" s="1" t="s">
        <v>46476</v>
      </c>
      <c r="F12126" s="1" t="s">
        <v>46477</v>
      </c>
      <c r="G12126" s="1" t="s">
        <v>46430</v>
      </c>
      <c r="H12126" s="1" t="s">
        <v>46431</v>
      </c>
      <c r="I12126" s="1" t="s">
        <v>43772</v>
      </c>
      <c r="J12126" s="1" t="s">
        <v>46478</v>
      </c>
    </row>
    <row r="12127" spans="1:10" x14ac:dyDescent="0.35">
      <c r="A12127" s="1" t="s">
        <v>46427</v>
      </c>
      <c r="B12127" s="1" t="s">
        <v>43766</v>
      </c>
      <c r="C12127" s="1" t="s">
        <v>80</v>
      </c>
      <c r="D12127" s="1" t="s">
        <v>46479</v>
      </c>
      <c r="E12127" s="1" t="s">
        <v>46480</v>
      </c>
      <c r="F12127" s="1" t="s">
        <v>46481</v>
      </c>
      <c r="G12127" s="1" t="s">
        <v>46430</v>
      </c>
      <c r="H12127" s="1" t="s">
        <v>46431</v>
      </c>
      <c r="I12127" s="1" t="s">
        <v>43772</v>
      </c>
      <c r="J12127" s="1" t="s">
        <v>46482</v>
      </c>
    </row>
    <row r="12128" spans="1:10" x14ac:dyDescent="0.35">
      <c r="A12128" s="1" t="s">
        <v>46427</v>
      </c>
      <c r="B12128" s="1" t="s">
        <v>43766</v>
      </c>
      <c r="C12128" s="1" t="s">
        <v>85</v>
      </c>
      <c r="D12128" s="1" t="s">
        <v>46483</v>
      </c>
      <c r="E12128" s="1" t="s">
        <v>46484</v>
      </c>
      <c r="F12128" s="1" t="s">
        <v>46485</v>
      </c>
      <c r="G12128" s="1" t="s">
        <v>46430</v>
      </c>
      <c r="H12128" s="1" t="s">
        <v>46431</v>
      </c>
      <c r="I12128" s="1" t="s">
        <v>43772</v>
      </c>
      <c r="J12128" s="1" t="s">
        <v>46486</v>
      </c>
    </row>
    <row r="12129" spans="1:10" x14ac:dyDescent="0.35">
      <c r="A12129" s="1" t="s">
        <v>46427</v>
      </c>
      <c r="B12129" s="1" t="s">
        <v>43766</v>
      </c>
      <c r="C12129" s="1" t="s">
        <v>90</v>
      </c>
      <c r="D12129" s="1" t="s">
        <v>46487</v>
      </c>
      <c r="E12129" s="1" t="s">
        <v>46488</v>
      </c>
      <c r="F12129" s="1" t="s">
        <v>46489</v>
      </c>
      <c r="G12129" s="1" t="s">
        <v>46430</v>
      </c>
      <c r="H12129" s="1" t="s">
        <v>46431</v>
      </c>
      <c r="I12129" s="1" t="s">
        <v>43772</v>
      </c>
      <c r="J12129" s="1" t="s">
        <v>46490</v>
      </c>
    </row>
    <row r="12130" spans="1:10" x14ac:dyDescent="0.35">
      <c r="A12130" s="1" t="s">
        <v>46427</v>
      </c>
      <c r="B12130" s="1" t="s">
        <v>43766</v>
      </c>
      <c r="C12130" s="1" t="s">
        <v>95</v>
      </c>
      <c r="D12130" s="1" t="s">
        <v>15387</v>
      </c>
      <c r="E12130" s="1" t="s">
        <v>46491</v>
      </c>
      <c r="F12130" s="1" t="s">
        <v>46492</v>
      </c>
      <c r="G12130" s="1" t="s">
        <v>46430</v>
      </c>
      <c r="H12130" s="1" t="s">
        <v>46431</v>
      </c>
      <c r="I12130" s="1" t="s">
        <v>43772</v>
      </c>
      <c r="J12130" s="1" t="s">
        <v>46493</v>
      </c>
    </row>
    <row r="12131" spans="1:10" x14ac:dyDescent="0.35">
      <c r="A12131" s="1" t="s">
        <v>46427</v>
      </c>
      <c r="B12131" s="1" t="s">
        <v>43766</v>
      </c>
      <c r="C12131" s="1" t="s">
        <v>100</v>
      </c>
      <c r="D12131" s="1" t="s">
        <v>7175</v>
      </c>
      <c r="E12131" s="1" t="s">
        <v>46494</v>
      </c>
      <c r="F12131" s="1" t="s">
        <v>46495</v>
      </c>
      <c r="G12131" s="1" t="s">
        <v>46430</v>
      </c>
      <c r="H12131" s="1" t="s">
        <v>46431</v>
      </c>
      <c r="I12131" s="1" t="s">
        <v>43772</v>
      </c>
      <c r="J12131" s="1" t="s">
        <v>46496</v>
      </c>
    </row>
    <row r="12132" spans="1:10" x14ac:dyDescent="0.35">
      <c r="A12132" s="1" t="s">
        <v>46427</v>
      </c>
      <c r="B12132" s="1" t="s">
        <v>43766</v>
      </c>
      <c r="C12132" s="1" t="s">
        <v>105</v>
      </c>
      <c r="D12132" s="1" t="s">
        <v>46497</v>
      </c>
      <c r="E12132" s="1" t="s">
        <v>46498</v>
      </c>
      <c r="F12132" s="1" t="s">
        <v>46499</v>
      </c>
      <c r="G12132" s="1" t="s">
        <v>46430</v>
      </c>
      <c r="H12132" s="1" t="s">
        <v>46431</v>
      </c>
      <c r="I12132" s="1" t="s">
        <v>43772</v>
      </c>
      <c r="J12132" s="1" t="s">
        <v>46500</v>
      </c>
    </row>
    <row r="12133" spans="1:10" x14ac:dyDescent="0.35">
      <c r="A12133" s="1" t="s">
        <v>46427</v>
      </c>
      <c r="B12133" s="1" t="s">
        <v>43766</v>
      </c>
      <c r="C12133" s="1" t="s">
        <v>110</v>
      </c>
      <c r="D12133" s="1" t="s">
        <v>46501</v>
      </c>
      <c r="E12133" s="1" t="s">
        <v>46502</v>
      </c>
      <c r="F12133" s="1" t="s">
        <v>46503</v>
      </c>
      <c r="G12133" s="1" t="s">
        <v>46430</v>
      </c>
      <c r="H12133" s="1" t="s">
        <v>46431</v>
      </c>
      <c r="I12133" s="1" t="s">
        <v>43772</v>
      </c>
      <c r="J12133" s="1" t="s">
        <v>46504</v>
      </c>
    </row>
    <row r="12134" spans="1:10" x14ac:dyDescent="0.35">
      <c r="A12134" s="1" t="s">
        <v>46427</v>
      </c>
      <c r="B12134" s="1" t="s">
        <v>43766</v>
      </c>
      <c r="C12134" s="1" t="s">
        <v>115</v>
      </c>
      <c r="D12134" s="1" t="s">
        <v>13505</v>
      </c>
      <c r="E12134" s="1" t="s">
        <v>46505</v>
      </c>
      <c r="F12134" s="1" t="s">
        <v>46506</v>
      </c>
      <c r="G12134" s="1" t="s">
        <v>46430</v>
      </c>
      <c r="H12134" s="1" t="s">
        <v>46431</v>
      </c>
      <c r="I12134" s="1" t="s">
        <v>43772</v>
      </c>
      <c r="J12134" s="1" t="s">
        <v>46507</v>
      </c>
    </row>
    <row r="12135" spans="1:10" x14ac:dyDescent="0.35">
      <c r="A12135" s="1" t="s">
        <v>46427</v>
      </c>
      <c r="B12135" s="1" t="s">
        <v>43766</v>
      </c>
      <c r="C12135" s="1" t="s">
        <v>120</v>
      </c>
      <c r="D12135" s="1" t="s">
        <v>46508</v>
      </c>
      <c r="E12135" s="1" t="s">
        <v>46509</v>
      </c>
      <c r="F12135" s="1" t="s">
        <v>46510</v>
      </c>
      <c r="G12135" s="1" t="s">
        <v>46430</v>
      </c>
      <c r="H12135" s="1" t="s">
        <v>46431</v>
      </c>
      <c r="I12135" s="1" t="s">
        <v>43772</v>
      </c>
      <c r="J12135" s="1" t="s">
        <v>46511</v>
      </c>
    </row>
    <row r="12136" spans="1:10" x14ac:dyDescent="0.35">
      <c r="A12136" s="1" t="s">
        <v>46427</v>
      </c>
      <c r="B12136" s="1" t="s">
        <v>43766</v>
      </c>
      <c r="C12136" s="1" t="s">
        <v>125</v>
      </c>
      <c r="D12136" s="1" t="s">
        <v>46512</v>
      </c>
      <c r="E12136" s="1" t="s">
        <v>46513</v>
      </c>
      <c r="F12136" s="1" t="s">
        <v>46514</v>
      </c>
      <c r="G12136" s="1" t="s">
        <v>46430</v>
      </c>
      <c r="H12136" s="1" t="s">
        <v>46431</v>
      </c>
      <c r="I12136" s="1" t="s">
        <v>43772</v>
      </c>
      <c r="J12136" s="1" t="s">
        <v>46515</v>
      </c>
    </row>
    <row r="12137" spans="1:10" x14ac:dyDescent="0.35">
      <c r="A12137" s="1" t="s">
        <v>46427</v>
      </c>
      <c r="B12137" s="1" t="s">
        <v>43766</v>
      </c>
      <c r="C12137" s="1" t="s">
        <v>130</v>
      </c>
      <c r="D12137" s="1" t="s">
        <v>37106</v>
      </c>
      <c r="E12137" s="1" t="s">
        <v>46516</v>
      </c>
      <c r="F12137" s="1" t="s">
        <v>46517</v>
      </c>
      <c r="G12137" s="1" t="s">
        <v>46430</v>
      </c>
      <c r="H12137" s="1" t="s">
        <v>46431</v>
      </c>
      <c r="I12137" s="1" t="s">
        <v>43772</v>
      </c>
      <c r="J12137" s="1" t="s">
        <v>46518</v>
      </c>
    </row>
    <row r="12138" spans="1:10" x14ac:dyDescent="0.35">
      <c r="A12138" s="1" t="s">
        <v>46427</v>
      </c>
      <c r="B12138" s="1" t="s">
        <v>43766</v>
      </c>
      <c r="C12138" s="1" t="s">
        <v>135</v>
      </c>
      <c r="D12138" s="1" t="s">
        <v>46519</v>
      </c>
      <c r="E12138" s="1" t="s">
        <v>46520</v>
      </c>
      <c r="F12138" s="1" t="s">
        <v>46521</v>
      </c>
      <c r="G12138" s="1" t="s">
        <v>46430</v>
      </c>
      <c r="H12138" s="1" t="s">
        <v>46431</v>
      </c>
      <c r="I12138" s="1" t="s">
        <v>43772</v>
      </c>
      <c r="J12138" s="1" t="s">
        <v>46522</v>
      </c>
    </row>
    <row r="12139" spans="1:10" x14ac:dyDescent="0.35">
      <c r="A12139" s="1" t="s">
        <v>46427</v>
      </c>
      <c r="B12139" s="1" t="s">
        <v>43766</v>
      </c>
      <c r="C12139" s="1" t="s">
        <v>140</v>
      </c>
      <c r="D12139" s="1" t="s">
        <v>46523</v>
      </c>
      <c r="E12139" s="1" t="s">
        <v>46524</v>
      </c>
      <c r="F12139" s="1" t="s">
        <v>46525</v>
      </c>
      <c r="G12139" s="1" t="s">
        <v>46430</v>
      </c>
      <c r="H12139" s="1" t="s">
        <v>46431</v>
      </c>
      <c r="I12139" s="1" t="s">
        <v>43772</v>
      </c>
      <c r="J12139" s="1" t="s">
        <v>46526</v>
      </c>
    </row>
    <row r="12140" spans="1:10" x14ac:dyDescent="0.35">
      <c r="A12140" s="1" t="s">
        <v>46427</v>
      </c>
      <c r="B12140" s="1" t="s">
        <v>43766</v>
      </c>
      <c r="C12140" s="1" t="s">
        <v>145</v>
      </c>
      <c r="D12140" s="1" t="s">
        <v>46527</v>
      </c>
      <c r="E12140" s="1" t="s">
        <v>46528</v>
      </c>
      <c r="F12140" s="1" t="s">
        <v>46529</v>
      </c>
      <c r="G12140" s="1" t="s">
        <v>46430</v>
      </c>
      <c r="H12140" s="1" t="s">
        <v>46431</v>
      </c>
      <c r="I12140" s="1" t="s">
        <v>43772</v>
      </c>
      <c r="J12140" s="1" t="s">
        <v>46530</v>
      </c>
    </row>
    <row r="12141" spans="1:10" x14ac:dyDescent="0.35">
      <c r="A12141" s="1" t="s">
        <v>46427</v>
      </c>
      <c r="B12141" s="1" t="s">
        <v>43766</v>
      </c>
      <c r="C12141" s="1" t="s">
        <v>150</v>
      </c>
      <c r="D12141" s="1" t="s">
        <v>46531</v>
      </c>
      <c r="E12141" s="1" t="s">
        <v>46532</v>
      </c>
      <c r="F12141" s="1" t="s">
        <v>46533</v>
      </c>
      <c r="G12141" s="1" t="s">
        <v>46430</v>
      </c>
      <c r="H12141" s="1" t="s">
        <v>46431</v>
      </c>
      <c r="I12141" s="1" t="s">
        <v>43772</v>
      </c>
      <c r="J12141" s="1" t="s">
        <v>46534</v>
      </c>
    </row>
    <row r="12142" spans="1:10" x14ac:dyDescent="0.35">
      <c r="A12142" s="1" t="s">
        <v>46427</v>
      </c>
      <c r="B12142" s="1" t="s">
        <v>43766</v>
      </c>
      <c r="C12142" s="1" t="s">
        <v>155</v>
      </c>
      <c r="D12142" s="1" t="s">
        <v>46535</v>
      </c>
      <c r="E12142" s="1" t="s">
        <v>46536</v>
      </c>
      <c r="F12142" s="1" t="s">
        <v>46537</v>
      </c>
      <c r="G12142" s="1" t="s">
        <v>46430</v>
      </c>
      <c r="H12142" s="1" t="s">
        <v>46431</v>
      </c>
      <c r="I12142" s="1" t="s">
        <v>43772</v>
      </c>
      <c r="J12142" s="1" t="s">
        <v>46538</v>
      </c>
    </row>
    <row r="12143" spans="1:10" x14ac:dyDescent="0.35">
      <c r="A12143" s="1" t="s">
        <v>46427</v>
      </c>
      <c r="B12143" s="1" t="s">
        <v>43766</v>
      </c>
      <c r="C12143" s="1" t="s">
        <v>160</v>
      </c>
      <c r="D12143" s="1" t="s">
        <v>46539</v>
      </c>
      <c r="E12143" s="1" t="s">
        <v>46540</v>
      </c>
      <c r="F12143" s="1" t="s">
        <v>46541</v>
      </c>
      <c r="G12143" s="1" t="s">
        <v>46430</v>
      </c>
      <c r="H12143" s="1" t="s">
        <v>46431</v>
      </c>
      <c r="I12143" s="1" t="s">
        <v>43772</v>
      </c>
      <c r="J12143" s="1" t="s">
        <v>46542</v>
      </c>
    </row>
    <row r="12144" spans="1:10" x14ac:dyDescent="0.35">
      <c r="A12144" s="1" t="s">
        <v>46427</v>
      </c>
      <c r="B12144" s="1" t="s">
        <v>43766</v>
      </c>
      <c r="C12144" s="1" t="s">
        <v>165</v>
      </c>
      <c r="D12144" s="1" t="s">
        <v>46543</v>
      </c>
      <c r="E12144" s="1" t="s">
        <v>46544</v>
      </c>
      <c r="F12144" s="1" t="s">
        <v>46545</v>
      </c>
      <c r="G12144" s="1" t="s">
        <v>46430</v>
      </c>
      <c r="H12144" s="1" t="s">
        <v>46431</v>
      </c>
      <c r="I12144" s="1" t="s">
        <v>43772</v>
      </c>
      <c r="J12144" s="1" t="s">
        <v>46546</v>
      </c>
    </row>
    <row r="12145" spans="1:10" x14ac:dyDescent="0.35">
      <c r="A12145" s="1" t="s">
        <v>46427</v>
      </c>
      <c r="B12145" s="1" t="s">
        <v>43766</v>
      </c>
      <c r="C12145" s="1" t="s">
        <v>170</v>
      </c>
      <c r="D12145" s="1" t="s">
        <v>46547</v>
      </c>
      <c r="E12145" s="1" t="s">
        <v>46548</v>
      </c>
      <c r="F12145" s="1" t="s">
        <v>46549</v>
      </c>
      <c r="G12145" s="1" t="s">
        <v>46430</v>
      </c>
      <c r="H12145" s="1" t="s">
        <v>46431</v>
      </c>
      <c r="I12145" s="1" t="s">
        <v>43772</v>
      </c>
      <c r="J12145" s="1" t="s">
        <v>46550</v>
      </c>
    </row>
    <row r="12146" spans="1:10" x14ac:dyDescent="0.35">
      <c r="A12146" s="1" t="s">
        <v>46551</v>
      </c>
      <c r="B12146" s="1" t="s">
        <v>43766</v>
      </c>
      <c r="C12146" s="1" t="s">
        <v>8</v>
      </c>
      <c r="D12146" s="1" t="s">
        <v>35686</v>
      </c>
      <c r="E12146" s="1" t="s">
        <v>46552</v>
      </c>
      <c r="F12146" s="1" t="s">
        <v>46553</v>
      </c>
      <c r="G12146" s="1" t="s">
        <v>46554</v>
      </c>
      <c r="H12146" s="1" t="s">
        <v>46555</v>
      </c>
      <c r="I12146" s="1" t="s">
        <v>43772</v>
      </c>
      <c r="J12146" s="1" t="s">
        <v>13</v>
      </c>
    </row>
    <row r="12147" spans="1:10" x14ac:dyDescent="0.35">
      <c r="A12147" s="1" t="s">
        <v>46551</v>
      </c>
      <c r="B12147" s="1" t="s">
        <v>43766</v>
      </c>
      <c r="C12147" s="1" t="s">
        <v>15</v>
      </c>
      <c r="D12147" s="1" t="s">
        <v>46556</v>
      </c>
      <c r="E12147" s="1" t="s">
        <v>46557</v>
      </c>
      <c r="F12147" s="1" t="s">
        <v>46558</v>
      </c>
      <c r="G12147" s="1" t="s">
        <v>46554</v>
      </c>
      <c r="H12147" s="1" t="s">
        <v>46555</v>
      </c>
      <c r="I12147" s="1" t="s">
        <v>43772</v>
      </c>
      <c r="J12147" s="1" t="s">
        <v>46559</v>
      </c>
    </row>
    <row r="12148" spans="1:10" x14ac:dyDescent="0.35">
      <c r="A12148" s="1" t="s">
        <v>46551</v>
      </c>
      <c r="B12148" s="1" t="s">
        <v>43766</v>
      </c>
      <c r="C12148" s="1" t="s">
        <v>20</v>
      </c>
      <c r="D12148" s="1" t="s">
        <v>46560</v>
      </c>
      <c r="E12148" s="1" t="s">
        <v>46561</v>
      </c>
      <c r="F12148" s="1" t="s">
        <v>46562</v>
      </c>
      <c r="G12148" s="1" t="s">
        <v>46554</v>
      </c>
      <c r="H12148" s="1" t="s">
        <v>46555</v>
      </c>
      <c r="I12148" s="1" t="s">
        <v>43772</v>
      </c>
      <c r="J12148" s="1" t="s">
        <v>46563</v>
      </c>
    </row>
    <row r="12149" spans="1:10" x14ac:dyDescent="0.35">
      <c r="A12149" s="1" t="s">
        <v>46551</v>
      </c>
      <c r="B12149" s="1" t="s">
        <v>43766</v>
      </c>
      <c r="C12149" s="1" t="s">
        <v>25</v>
      </c>
      <c r="D12149" s="1" t="s">
        <v>46564</v>
      </c>
      <c r="E12149" s="1" t="s">
        <v>46565</v>
      </c>
      <c r="F12149" s="1" t="s">
        <v>46566</v>
      </c>
      <c r="G12149" s="1" t="s">
        <v>46554</v>
      </c>
      <c r="H12149" s="1" t="s">
        <v>46555</v>
      </c>
      <c r="I12149" s="1" t="s">
        <v>43772</v>
      </c>
      <c r="J12149" s="1" t="s">
        <v>46567</v>
      </c>
    </row>
    <row r="12150" spans="1:10" x14ac:dyDescent="0.35">
      <c r="A12150" s="1" t="s">
        <v>46551</v>
      </c>
      <c r="B12150" s="1" t="s">
        <v>43766</v>
      </c>
      <c r="C12150" s="1" t="s">
        <v>30</v>
      </c>
      <c r="D12150" s="1" t="s">
        <v>46568</v>
      </c>
      <c r="E12150" s="1" t="s">
        <v>46569</v>
      </c>
      <c r="F12150" s="1" t="s">
        <v>46570</v>
      </c>
      <c r="G12150" s="1" t="s">
        <v>46554</v>
      </c>
      <c r="H12150" s="1" t="s">
        <v>46555</v>
      </c>
      <c r="I12150" s="1" t="s">
        <v>43772</v>
      </c>
      <c r="J12150" s="1" t="s">
        <v>46571</v>
      </c>
    </row>
    <row r="12151" spans="1:10" x14ac:dyDescent="0.35">
      <c r="A12151" s="1" t="s">
        <v>46551</v>
      </c>
      <c r="B12151" s="1" t="s">
        <v>43766</v>
      </c>
      <c r="C12151" s="1" t="s">
        <v>35</v>
      </c>
      <c r="D12151" s="1" t="s">
        <v>46572</v>
      </c>
      <c r="E12151" s="1" t="s">
        <v>46573</v>
      </c>
      <c r="F12151" s="1" t="s">
        <v>46574</v>
      </c>
      <c r="G12151" s="1" t="s">
        <v>46554</v>
      </c>
      <c r="H12151" s="1" t="s">
        <v>46555</v>
      </c>
      <c r="I12151" s="1" t="s">
        <v>43772</v>
      </c>
      <c r="J12151" s="1" t="s">
        <v>46575</v>
      </c>
    </row>
    <row r="12152" spans="1:10" x14ac:dyDescent="0.35">
      <c r="A12152" s="1" t="s">
        <v>46551</v>
      </c>
      <c r="B12152" s="1" t="s">
        <v>43766</v>
      </c>
      <c r="C12152" s="1" t="s">
        <v>40</v>
      </c>
      <c r="D12152" s="1" t="s">
        <v>76</v>
      </c>
      <c r="E12152" s="1" t="s">
        <v>46576</v>
      </c>
      <c r="F12152" s="1" t="s">
        <v>46577</v>
      </c>
      <c r="G12152" s="1" t="s">
        <v>46554</v>
      </c>
      <c r="H12152" s="1" t="s">
        <v>46555</v>
      </c>
      <c r="I12152" s="1" t="s">
        <v>43772</v>
      </c>
      <c r="J12152" s="1" t="s">
        <v>46578</v>
      </c>
    </row>
    <row r="12153" spans="1:10" x14ac:dyDescent="0.35">
      <c r="A12153" s="1" t="s">
        <v>46551</v>
      </c>
      <c r="B12153" s="1" t="s">
        <v>43766</v>
      </c>
      <c r="C12153" s="1" t="s">
        <v>45</v>
      </c>
      <c r="D12153" s="1" t="s">
        <v>16424</v>
      </c>
      <c r="E12153" s="1" t="s">
        <v>46579</v>
      </c>
      <c r="F12153" s="1" t="s">
        <v>46580</v>
      </c>
      <c r="G12153" s="1" t="s">
        <v>46554</v>
      </c>
      <c r="H12153" s="1" t="s">
        <v>46555</v>
      </c>
      <c r="I12153" s="1" t="s">
        <v>43772</v>
      </c>
      <c r="J12153" s="1" t="s">
        <v>46581</v>
      </c>
    </row>
    <row r="12154" spans="1:10" x14ac:dyDescent="0.35">
      <c r="A12154" s="1" t="s">
        <v>46551</v>
      </c>
      <c r="B12154" s="1" t="s">
        <v>43766</v>
      </c>
      <c r="C12154" s="1" t="s">
        <v>50</v>
      </c>
      <c r="D12154" s="1" t="s">
        <v>36438</v>
      </c>
      <c r="E12154" s="1" t="s">
        <v>46582</v>
      </c>
      <c r="F12154" s="1" t="s">
        <v>46583</v>
      </c>
      <c r="G12154" s="1" t="s">
        <v>46554</v>
      </c>
      <c r="H12154" s="1" t="s">
        <v>46555</v>
      </c>
      <c r="I12154" s="1" t="s">
        <v>43772</v>
      </c>
      <c r="J12154" s="1" t="s">
        <v>46584</v>
      </c>
    </row>
    <row r="12155" spans="1:10" x14ac:dyDescent="0.35">
      <c r="A12155" s="1" t="s">
        <v>46551</v>
      </c>
      <c r="B12155" s="1" t="s">
        <v>43766</v>
      </c>
      <c r="C12155" s="1" t="s">
        <v>55</v>
      </c>
      <c r="D12155" s="1" t="s">
        <v>46585</v>
      </c>
      <c r="E12155" s="1" t="s">
        <v>46586</v>
      </c>
      <c r="F12155" s="1" t="s">
        <v>46587</v>
      </c>
      <c r="G12155" s="1" t="s">
        <v>46554</v>
      </c>
      <c r="H12155" s="1" t="s">
        <v>46555</v>
      </c>
      <c r="I12155" s="1" t="s">
        <v>43772</v>
      </c>
      <c r="J12155" s="1" t="s">
        <v>46588</v>
      </c>
    </row>
    <row r="12156" spans="1:10" x14ac:dyDescent="0.35">
      <c r="A12156" s="1" t="s">
        <v>46551</v>
      </c>
      <c r="B12156" s="1" t="s">
        <v>43766</v>
      </c>
      <c r="C12156" s="1" t="s">
        <v>60</v>
      </c>
      <c r="D12156" s="1" t="s">
        <v>15683</v>
      </c>
      <c r="E12156" s="1" t="s">
        <v>46589</v>
      </c>
      <c r="F12156" s="1" t="s">
        <v>46590</v>
      </c>
      <c r="G12156" s="1" t="s">
        <v>46554</v>
      </c>
      <c r="H12156" s="1" t="s">
        <v>46555</v>
      </c>
      <c r="I12156" s="1" t="s">
        <v>43772</v>
      </c>
      <c r="J12156" s="1" t="s">
        <v>46591</v>
      </c>
    </row>
    <row r="12157" spans="1:10" x14ac:dyDescent="0.35">
      <c r="A12157" s="1" t="s">
        <v>46551</v>
      </c>
      <c r="B12157" s="1" t="s">
        <v>43766</v>
      </c>
      <c r="C12157" s="1" t="s">
        <v>65</v>
      </c>
      <c r="D12157" s="1" t="s">
        <v>46592</v>
      </c>
      <c r="E12157" s="1" t="s">
        <v>46593</v>
      </c>
      <c r="F12157" s="1" t="s">
        <v>46594</v>
      </c>
      <c r="G12157" s="1" t="s">
        <v>46554</v>
      </c>
      <c r="H12157" s="1" t="s">
        <v>46555</v>
      </c>
      <c r="I12157" s="1" t="s">
        <v>43772</v>
      </c>
      <c r="J12157" s="1" t="s">
        <v>46595</v>
      </c>
    </row>
    <row r="12158" spans="1:10" x14ac:dyDescent="0.35">
      <c r="A12158" s="1" t="s">
        <v>46551</v>
      </c>
      <c r="B12158" s="1" t="s">
        <v>43766</v>
      </c>
      <c r="C12158" s="1" t="s">
        <v>70</v>
      </c>
      <c r="D12158" s="1" t="s">
        <v>46596</v>
      </c>
      <c r="E12158" s="1" t="s">
        <v>46597</v>
      </c>
      <c r="F12158" s="1" t="s">
        <v>46598</v>
      </c>
      <c r="G12158" s="1" t="s">
        <v>46554</v>
      </c>
      <c r="H12158" s="1" t="s">
        <v>46555</v>
      </c>
      <c r="I12158" s="1" t="s">
        <v>43772</v>
      </c>
      <c r="J12158" s="1" t="s">
        <v>46599</v>
      </c>
    </row>
    <row r="12159" spans="1:10" x14ac:dyDescent="0.35">
      <c r="A12159" s="1" t="s">
        <v>46551</v>
      </c>
      <c r="B12159" s="1" t="s">
        <v>43766</v>
      </c>
      <c r="C12159" s="1" t="s">
        <v>75</v>
      </c>
      <c r="D12159" s="1" t="s">
        <v>46600</v>
      </c>
      <c r="E12159" s="1" t="s">
        <v>46601</v>
      </c>
      <c r="F12159" s="1" t="s">
        <v>46602</v>
      </c>
      <c r="G12159" s="1" t="s">
        <v>46554</v>
      </c>
      <c r="H12159" s="1" t="s">
        <v>46555</v>
      </c>
      <c r="I12159" s="1" t="s">
        <v>43772</v>
      </c>
      <c r="J12159" s="1" t="s">
        <v>46603</v>
      </c>
    </row>
    <row r="12160" spans="1:10" x14ac:dyDescent="0.35">
      <c r="A12160" s="1" t="s">
        <v>46551</v>
      </c>
      <c r="B12160" s="1" t="s">
        <v>43766</v>
      </c>
      <c r="C12160" s="1" t="s">
        <v>80</v>
      </c>
      <c r="D12160" s="1" t="s">
        <v>46604</v>
      </c>
      <c r="E12160" s="1" t="s">
        <v>46605</v>
      </c>
      <c r="F12160" s="1" t="s">
        <v>46606</v>
      </c>
      <c r="G12160" s="1" t="s">
        <v>46554</v>
      </c>
      <c r="H12160" s="1" t="s">
        <v>46555</v>
      </c>
      <c r="I12160" s="1" t="s">
        <v>43772</v>
      </c>
      <c r="J12160" s="1" t="s">
        <v>46607</v>
      </c>
    </row>
    <row r="12161" spans="1:10" x14ac:dyDescent="0.35">
      <c r="A12161" s="1" t="s">
        <v>46551</v>
      </c>
      <c r="B12161" s="1" t="s">
        <v>43766</v>
      </c>
      <c r="C12161" s="1" t="s">
        <v>85</v>
      </c>
      <c r="D12161" s="1" t="s">
        <v>46608</v>
      </c>
      <c r="E12161" s="1" t="s">
        <v>46609</v>
      </c>
      <c r="F12161" s="1" t="s">
        <v>46610</v>
      </c>
      <c r="G12161" s="1" t="s">
        <v>46554</v>
      </c>
      <c r="H12161" s="1" t="s">
        <v>46555</v>
      </c>
      <c r="I12161" s="1" t="s">
        <v>43772</v>
      </c>
      <c r="J12161" s="1" t="s">
        <v>46611</v>
      </c>
    </row>
    <row r="12162" spans="1:10" x14ac:dyDescent="0.35">
      <c r="A12162" s="1" t="s">
        <v>46551</v>
      </c>
      <c r="B12162" s="1" t="s">
        <v>43766</v>
      </c>
      <c r="C12162" s="1" t="s">
        <v>90</v>
      </c>
      <c r="D12162" s="1" t="s">
        <v>46612</v>
      </c>
      <c r="E12162" s="1" t="s">
        <v>46613</v>
      </c>
      <c r="F12162" s="1" t="s">
        <v>46614</v>
      </c>
      <c r="G12162" s="1" t="s">
        <v>46554</v>
      </c>
      <c r="H12162" s="1" t="s">
        <v>46555</v>
      </c>
      <c r="I12162" s="1" t="s">
        <v>43772</v>
      </c>
      <c r="J12162" s="1" t="s">
        <v>46615</v>
      </c>
    </row>
    <row r="12163" spans="1:10" x14ac:dyDescent="0.35">
      <c r="A12163" s="1" t="s">
        <v>46551</v>
      </c>
      <c r="B12163" s="1" t="s">
        <v>43766</v>
      </c>
      <c r="C12163" s="1" t="s">
        <v>95</v>
      </c>
      <c r="D12163" s="1" t="s">
        <v>46616</v>
      </c>
      <c r="E12163" s="1" t="s">
        <v>46617</v>
      </c>
      <c r="F12163" s="1" t="s">
        <v>46618</v>
      </c>
      <c r="G12163" s="1" t="s">
        <v>46554</v>
      </c>
      <c r="H12163" s="1" t="s">
        <v>46555</v>
      </c>
      <c r="I12163" s="1" t="s">
        <v>43772</v>
      </c>
      <c r="J12163" s="1" t="s">
        <v>46619</v>
      </c>
    </row>
    <row r="12164" spans="1:10" x14ac:dyDescent="0.35">
      <c r="A12164" s="1" t="s">
        <v>46551</v>
      </c>
      <c r="B12164" s="1" t="s">
        <v>43766</v>
      </c>
      <c r="C12164" s="1" t="s">
        <v>100</v>
      </c>
      <c r="D12164" s="1" t="s">
        <v>46620</v>
      </c>
      <c r="E12164" s="1" t="s">
        <v>46621</v>
      </c>
      <c r="F12164" s="1" t="s">
        <v>46622</v>
      </c>
      <c r="G12164" s="1" t="s">
        <v>46554</v>
      </c>
      <c r="H12164" s="1" t="s">
        <v>46555</v>
      </c>
      <c r="I12164" s="1" t="s">
        <v>43772</v>
      </c>
      <c r="J12164" s="1" t="s">
        <v>46623</v>
      </c>
    </row>
    <row r="12165" spans="1:10" x14ac:dyDescent="0.35">
      <c r="A12165" s="1" t="s">
        <v>46551</v>
      </c>
      <c r="B12165" s="1" t="s">
        <v>43766</v>
      </c>
      <c r="C12165" s="1" t="s">
        <v>105</v>
      </c>
      <c r="D12165" s="1" t="s">
        <v>46624</v>
      </c>
      <c r="E12165" s="1" t="s">
        <v>46625</v>
      </c>
      <c r="F12165" s="1" t="s">
        <v>46626</v>
      </c>
      <c r="G12165" s="1" t="s">
        <v>46554</v>
      </c>
      <c r="H12165" s="1" t="s">
        <v>46555</v>
      </c>
      <c r="I12165" s="1" t="s">
        <v>43772</v>
      </c>
      <c r="J12165" s="1" t="s">
        <v>46627</v>
      </c>
    </row>
    <row r="12166" spans="1:10" x14ac:dyDescent="0.35">
      <c r="A12166" s="1" t="s">
        <v>46551</v>
      </c>
      <c r="B12166" s="1" t="s">
        <v>43766</v>
      </c>
      <c r="C12166" s="1" t="s">
        <v>110</v>
      </c>
      <c r="D12166" s="1" t="s">
        <v>46628</v>
      </c>
      <c r="E12166" s="1" t="s">
        <v>46629</v>
      </c>
      <c r="F12166" s="1" t="s">
        <v>46630</v>
      </c>
      <c r="G12166" s="1" t="s">
        <v>46554</v>
      </c>
      <c r="H12166" s="1" t="s">
        <v>46555</v>
      </c>
      <c r="I12166" s="1" t="s">
        <v>43772</v>
      </c>
      <c r="J12166" s="1" t="s">
        <v>46631</v>
      </c>
    </row>
    <row r="12167" spans="1:10" x14ac:dyDescent="0.35">
      <c r="A12167" s="1" t="s">
        <v>46551</v>
      </c>
      <c r="B12167" s="1" t="s">
        <v>43766</v>
      </c>
      <c r="C12167" s="1" t="s">
        <v>115</v>
      </c>
      <c r="D12167" s="1" t="s">
        <v>46632</v>
      </c>
      <c r="E12167" s="1" t="s">
        <v>46633</v>
      </c>
      <c r="F12167" s="1" t="s">
        <v>46634</v>
      </c>
      <c r="G12167" s="1" t="s">
        <v>46554</v>
      </c>
      <c r="H12167" s="1" t="s">
        <v>46555</v>
      </c>
      <c r="I12167" s="1" t="s">
        <v>43772</v>
      </c>
      <c r="J12167" s="1" t="s">
        <v>46635</v>
      </c>
    </row>
    <row r="12168" spans="1:10" x14ac:dyDescent="0.35">
      <c r="A12168" s="1" t="s">
        <v>46551</v>
      </c>
      <c r="B12168" s="1" t="s">
        <v>43766</v>
      </c>
      <c r="C12168" s="1" t="s">
        <v>120</v>
      </c>
      <c r="D12168" s="1" t="s">
        <v>46636</v>
      </c>
      <c r="E12168" s="1" t="s">
        <v>46637</v>
      </c>
      <c r="F12168" s="1" t="s">
        <v>46638</v>
      </c>
      <c r="G12168" s="1" t="s">
        <v>46554</v>
      </c>
      <c r="H12168" s="1" t="s">
        <v>46555</v>
      </c>
      <c r="I12168" s="1" t="s">
        <v>43772</v>
      </c>
      <c r="J12168" s="1" t="s">
        <v>46639</v>
      </c>
    </row>
    <row r="12169" spans="1:10" x14ac:dyDescent="0.35">
      <c r="A12169" s="1" t="s">
        <v>46551</v>
      </c>
      <c r="B12169" s="1" t="s">
        <v>43766</v>
      </c>
      <c r="C12169" s="1" t="s">
        <v>125</v>
      </c>
      <c r="D12169" s="1" t="s">
        <v>46640</v>
      </c>
      <c r="E12169" s="1" t="s">
        <v>46641</v>
      </c>
      <c r="F12169" s="1" t="s">
        <v>46642</v>
      </c>
      <c r="G12169" s="1" t="s">
        <v>46554</v>
      </c>
      <c r="H12169" s="1" t="s">
        <v>46555</v>
      </c>
      <c r="I12169" s="1" t="s">
        <v>43772</v>
      </c>
      <c r="J12169" s="1" t="s">
        <v>46643</v>
      </c>
    </row>
    <row r="12170" spans="1:10" x14ac:dyDescent="0.35">
      <c r="A12170" s="1" t="s">
        <v>46551</v>
      </c>
      <c r="B12170" s="1" t="s">
        <v>43766</v>
      </c>
      <c r="C12170" s="1" t="s">
        <v>130</v>
      </c>
      <c r="D12170" s="1" t="s">
        <v>46644</v>
      </c>
      <c r="E12170" s="1" t="s">
        <v>46645</v>
      </c>
      <c r="F12170" s="1" t="s">
        <v>46646</v>
      </c>
      <c r="G12170" s="1" t="s">
        <v>46554</v>
      </c>
      <c r="H12170" s="1" t="s">
        <v>46555</v>
      </c>
      <c r="I12170" s="1" t="s">
        <v>43772</v>
      </c>
      <c r="J12170" s="1" t="s">
        <v>46647</v>
      </c>
    </row>
    <row r="12171" spans="1:10" x14ac:dyDescent="0.35">
      <c r="A12171" s="1" t="s">
        <v>46551</v>
      </c>
      <c r="B12171" s="1" t="s">
        <v>43766</v>
      </c>
      <c r="C12171" s="1" t="s">
        <v>135</v>
      </c>
      <c r="D12171" s="1" t="s">
        <v>46648</v>
      </c>
      <c r="E12171" s="1" t="s">
        <v>46649</v>
      </c>
      <c r="F12171" s="1" t="s">
        <v>46650</v>
      </c>
      <c r="G12171" s="1" t="s">
        <v>46554</v>
      </c>
      <c r="H12171" s="1" t="s">
        <v>46555</v>
      </c>
      <c r="I12171" s="1" t="s">
        <v>43772</v>
      </c>
      <c r="J12171" s="1" t="s">
        <v>46651</v>
      </c>
    </row>
    <row r="12172" spans="1:10" x14ac:dyDescent="0.35">
      <c r="A12172" s="1" t="s">
        <v>46551</v>
      </c>
      <c r="B12172" s="1" t="s">
        <v>43766</v>
      </c>
      <c r="C12172" s="1" t="s">
        <v>140</v>
      </c>
      <c r="D12172" s="1" t="s">
        <v>46652</v>
      </c>
      <c r="E12172" s="1" t="s">
        <v>46653</v>
      </c>
      <c r="F12172" s="1" t="s">
        <v>46654</v>
      </c>
      <c r="G12172" s="1" t="s">
        <v>46554</v>
      </c>
      <c r="H12172" s="1" t="s">
        <v>46555</v>
      </c>
      <c r="I12172" s="1" t="s">
        <v>43772</v>
      </c>
      <c r="J12172" s="1" t="s">
        <v>46655</v>
      </c>
    </row>
    <row r="12173" spans="1:10" x14ac:dyDescent="0.35">
      <c r="A12173" s="1" t="s">
        <v>46551</v>
      </c>
      <c r="B12173" s="1" t="s">
        <v>43766</v>
      </c>
      <c r="C12173" s="1" t="s">
        <v>145</v>
      </c>
      <c r="D12173" s="1" t="s">
        <v>46656</v>
      </c>
      <c r="E12173" s="1" t="s">
        <v>46657</v>
      </c>
      <c r="F12173" s="1" t="s">
        <v>46658</v>
      </c>
      <c r="G12173" s="1" t="s">
        <v>46554</v>
      </c>
      <c r="H12173" s="1" t="s">
        <v>46555</v>
      </c>
      <c r="I12173" s="1" t="s">
        <v>43772</v>
      </c>
      <c r="J12173" s="1" t="s">
        <v>46659</v>
      </c>
    </row>
    <row r="12174" spans="1:10" x14ac:dyDescent="0.35">
      <c r="A12174" s="1" t="s">
        <v>46551</v>
      </c>
      <c r="B12174" s="1" t="s">
        <v>43766</v>
      </c>
      <c r="C12174" s="1" t="s">
        <v>150</v>
      </c>
      <c r="D12174" s="1" t="s">
        <v>46660</v>
      </c>
      <c r="E12174" s="1" t="s">
        <v>46661</v>
      </c>
      <c r="F12174" s="1" t="s">
        <v>46662</v>
      </c>
      <c r="G12174" s="1" t="s">
        <v>46554</v>
      </c>
      <c r="H12174" s="1" t="s">
        <v>46555</v>
      </c>
      <c r="I12174" s="1" t="s">
        <v>43772</v>
      </c>
      <c r="J12174" s="1" t="s">
        <v>46663</v>
      </c>
    </row>
    <row r="12175" spans="1:10" x14ac:dyDescent="0.35">
      <c r="A12175" s="1" t="s">
        <v>46551</v>
      </c>
      <c r="B12175" s="1" t="s">
        <v>43766</v>
      </c>
      <c r="C12175" s="1" t="s">
        <v>155</v>
      </c>
      <c r="D12175" s="1" t="s">
        <v>46664</v>
      </c>
      <c r="E12175" s="1" t="s">
        <v>46665</v>
      </c>
      <c r="F12175" s="1" t="s">
        <v>46666</v>
      </c>
      <c r="G12175" s="1" t="s">
        <v>46554</v>
      </c>
      <c r="H12175" s="1" t="s">
        <v>46555</v>
      </c>
      <c r="I12175" s="1" t="s">
        <v>43772</v>
      </c>
      <c r="J12175" s="1" t="s">
        <v>46667</v>
      </c>
    </row>
    <row r="12176" spans="1:10" x14ac:dyDescent="0.35">
      <c r="A12176" s="1" t="s">
        <v>46551</v>
      </c>
      <c r="B12176" s="1" t="s">
        <v>43766</v>
      </c>
      <c r="C12176" s="1" t="s">
        <v>160</v>
      </c>
      <c r="D12176" s="1" t="s">
        <v>46668</v>
      </c>
      <c r="E12176" s="1" t="s">
        <v>46669</v>
      </c>
      <c r="F12176" s="1" t="s">
        <v>46670</v>
      </c>
      <c r="G12176" s="1" t="s">
        <v>46554</v>
      </c>
      <c r="H12176" s="1" t="s">
        <v>46555</v>
      </c>
      <c r="I12176" s="1" t="s">
        <v>43772</v>
      </c>
      <c r="J12176" s="1" t="s">
        <v>46671</v>
      </c>
    </row>
    <row r="12177" spans="1:10" x14ac:dyDescent="0.35">
      <c r="A12177" s="1" t="s">
        <v>46551</v>
      </c>
      <c r="B12177" s="1" t="s">
        <v>43766</v>
      </c>
      <c r="C12177" s="1" t="s">
        <v>165</v>
      </c>
      <c r="D12177" s="1" t="s">
        <v>46672</v>
      </c>
      <c r="E12177" s="1" t="s">
        <v>46673</v>
      </c>
      <c r="F12177" s="1" t="s">
        <v>46674</v>
      </c>
      <c r="G12177" s="1" t="s">
        <v>46554</v>
      </c>
      <c r="H12177" s="1" t="s">
        <v>46555</v>
      </c>
      <c r="I12177" s="1" t="s">
        <v>43772</v>
      </c>
      <c r="J12177" s="1" t="s">
        <v>46675</v>
      </c>
    </row>
    <row r="12178" spans="1:10" x14ac:dyDescent="0.35">
      <c r="A12178" s="1" t="s">
        <v>46551</v>
      </c>
      <c r="B12178" s="1" t="s">
        <v>43766</v>
      </c>
      <c r="C12178" s="1" t="s">
        <v>170</v>
      </c>
      <c r="D12178" s="1" t="s">
        <v>46676</v>
      </c>
      <c r="E12178" s="1" t="s">
        <v>46677</v>
      </c>
      <c r="F12178" s="1" t="s">
        <v>46678</v>
      </c>
      <c r="G12178" s="1" t="s">
        <v>46554</v>
      </c>
      <c r="H12178" s="1" t="s">
        <v>46555</v>
      </c>
      <c r="I12178" s="1" t="s">
        <v>43772</v>
      </c>
      <c r="J12178" s="1" t="s">
        <v>46679</v>
      </c>
    </row>
    <row r="12179" spans="1:10" x14ac:dyDescent="0.35">
      <c r="A12179" s="1" t="s">
        <v>46680</v>
      </c>
      <c r="B12179" s="1" t="s">
        <v>43766</v>
      </c>
      <c r="C12179" s="1" t="s">
        <v>8</v>
      </c>
      <c r="D12179" s="1" t="s">
        <v>13170</v>
      </c>
      <c r="E12179" s="1" t="s">
        <v>46681</v>
      </c>
      <c r="F12179" s="1" t="s">
        <v>46682</v>
      </c>
      <c r="G12179" s="1" t="s">
        <v>46683</v>
      </c>
      <c r="H12179" s="1" t="s">
        <v>46684</v>
      </c>
      <c r="I12179" s="1" t="s">
        <v>43772</v>
      </c>
      <c r="J12179" s="1" t="s">
        <v>13</v>
      </c>
    </row>
    <row r="12180" spans="1:10" x14ac:dyDescent="0.35">
      <c r="A12180" s="1" t="s">
        <v>46680</v>
      </c>
      <c r="B12180" s="1" t="s">
        <v>43766</v>
      </c>
      <c r="C12180" s="1" t="s">
        <v>15</v>
      </c>
      <c r="D12180" s="1" t="s">
        <v>46685</v>
      </c>
      <c r="E12180" s="1" t="s">
        <v>46686</v>
      </c>
      <c r="F12180" s="1" t="s">
        <v>46687</v>
      </c>
      <c r="G12180" s="1" t="s">
        <v>46683</v>
      </c>
      <c r="H12180" s="1" t="s">
        <v>46684</v>
      </c>
      <c r="I12180" s="1" t="s">
        <v>43772</v>
      </c>
      <c r="J12180" s="1" t="s">
        <v>46688</v>
      </c>
    </row>
    <row r="12181" spans="1:10" x14ac:dyDescent="0.35">
      <c r="A12181" s="1" t="s">
        <v>46680</v>
      </c>
      <c r="B12181" s="1" t="s">
        <v>43766</v>
      </c>
      <c r="C12181" s="1" t="s">
        <v>20</v>
      </c>
      <c r="D12181" s="1" t="s">
        <v>6316</v>
      </c>
      <c r="E12181" s="1" t="s">
        <v>46689</v>
      </c>
      <c r="F12181" s="1" t="s">
        <v>46690</v>
      </c>
      <c r="G12181" s="1" t="s">
        <v>46683</v>
      </c>
      <c r="H12181" s="1" t="s">
        <v>46684</v>
      </c>
      <c r="I12181" s="1" t="s">
        <v>43772</v>
      </c>
      <c r="J12181" s="1" t="s">
        <v>46691</v>
      </c>
    </row>
    <row r="12182" spans="1:10" x14ac:dyDescent="0.35">
      <c r="A12182" s="1" t="s">
        <v>46680</v>
      </c>
      <c r="B12182" s="1" t="s">
        <v>43766</v>
      </c>
      <c r="C12182" s="1" t="s">
        <v>25</v>
      </c>
      <c r="D12182" s="1" t="s">
        <v>29984</v>
      </c>
      <c r="E12182" s="1" t="s">
        <v>46692</v>
      </c>
      <c r="F12182" s="1" t="s">
        <v>46693</v>
      </c>
      <c r="G12182" s="1" t="s">
        <v>46683</v>
      </c>
      <c r="H12182" s="1" t="s">
        <v>46684</v>
      </c>
      <c r="I12182" s="1" t="s">
        <v>43772</v>
      </c>
      <c r="J12182" s="1" t="s">
        <v>46694</v>
      </c>
    </row>
    <row r="12183" spans="1:10" x14ac:dyDescent="0.35">
      <c r="A12183" s="1" t="s">
        <v>46680</v>
      </c>
      <c r="B12183" s="1" t="s">
        <v>43766</v>
      </c>
      <c r="C12183" s="1" t="s">
        <v>30</v>
      </c>
      <c r="D12183" s="1" t="s">
        <v>6093</v>
      </c>
      <c r="E12183" s="1" t="s">
        <v>46695</v>
      </c>
      <c r="F12183" s="1" t="s">
        <v>46696</v>
      </c>
      <c r="G12183" s="1" t="s">
        <v>46683</v>
      </c>
      <c r="H12183" s="1" t="s">
        <v>46684</v>
      </c>
      <c r="I12183" s="1" t="s">
        <v>43772</v>
      </c>
      <c r="J12183" s="1" t="s">
        <v>46697</v>
      </c>
    </row>
    <row r="12184" spans="1:10" x14ac:dyDescent="0.35">
      <c r="A12184" s="1" t="s">
        <v>46680</v>
      </c>
      <c r="B12184" s="1" t="s">
        <v>43766</v>
      </c>
      <c r="C12184" s="1" t="s">
        <v>35</v>
      </c>
      <c r="D12184" s="1" t="s">
        <v>25710</v>
      </c>
      <c r="E12184" s="1" t="s">
        <v>46698</v>
      </c>
      <c r="F12184" s="1" t="s">
        <v>46699</v>
      </c>
      <c r="G12184" s="1" t="s">
        <v>46683</v>
      </c>
      <c r="H12184" s="1" t="s">
        <v>46684</v>
      </c>
      <c r="I12184" s="1" t="s">
        <v>43772</v>
      </c>
      <c r="J12184" s="1" t="s">
        <v>46700</v>
      </c>
    </row>
    <row r="12185" spans="1:10" x14ac:dyDescent="0.35">
      <c r="A12185" s="1" t="s">
        <v>46680</v>
      </c>
      <c r="B12185" s="1" t="s">
        <v>43766</v>
      </c>
      <c r="C12185" s="1" t="s">
        <v>40</v>
      </c>
      <c r="D12185" s="1" t="s">
        <v>46701</v>
      </c>
      <c r="E12185" s="1" t="s">
        <v>46702</v>
      </c>
      <c r="F12185" s="1" t="s">
        <v>46703</v>
      </c>
      <c r="G12185" s="1" t="s">
        <v>46683</v>
      </c>
      <c r="H12185" s="1" t="s">
        <v>46684</v>
      </c>
      <c r="I12185" s="1" t="s">
        <v>43772</v>
      </c>
      <c r="J12185" s="1" t="s">
        <v>46704</v>
      </c>
    </row>
    <row r="12186" spans="1:10" x14ac:dyDescent="0.35">
      <c r="A12186" s="1" t="s">
        <v>46680</v>
      </c>
      <c r="B12186" s="1" t="s">
        <v>43766</v>
      </c>
      <c r="C12186" s="1" t="s">
        <v>45</v>
      </c>
      <c r="D12186" s="1" t="s">
        <v>25235</v>
      </c>
      <c r="E12186" s="1" t="s">
        <v>46705</v>
      </c>
      <c r="F12186" s="1" t="s">
        <v>46706</v>
      </c>
      <c r="G12186" s="1" t="s">
        <v>46683</v>
      </c>
      <c r="H12186" s="1" t="s">
        <v>46684</v>
      </c>
      <c r="I12186" s="1" t="s">
        <v>43772</v>
      </c>
      <c r="J12186" s="1" t="s">
        <v>46707</v>
      </c>
    </row>
    <row r="12187" spans="1:10" x14ac:dyDescent="0.35">
      <c r="A12187" s="1" t="s">
        <v>46680</v>
      </c>
      <c r="B12187" s="1" t="s">
        <v>43766</v>
      </c>
      <c r="C12187" s="1" t="s">
        <v>50</v>
      </c>
      <c r="D12187" s="1" t="s">
        <v>28181</v>
      </c>
      <c r="E12187" s="1" t="s">
        <v>46708</v>
      </c>
      <c r="F12187" s="1" t="s">
        <v>46709</v>
      </c>
      <c r="G12187" s="1" t="s">
        <v>46683</v>
      </c>
      <c r="H12187" s="1" t="s">
        <v>46684</v>
      </c>
      <c r="I12187" s="1" t="s">
        <v>43772</v>
      </c>
      <c r="J12187" s="1" t="s">
        <v>46710</v>
      </c>
    </row>
    <row r="12188" spans="1:10" x14ac:dyDescent="0.35">
      <c r="A12188" s="1" t="s">
        <v>46680</v>
      </c>
      <c r="B12188" s="1" t="s">
        <v>43766</v>
      </c>
      <c r="C12188" s="1" t="s">
        <v>55</v>
      </c>
      <c r="D12188" s="1" t="s">
        <v>27798</v>
      </c>
      <c r="E12188" s="1" t="s">
        <v>46711</v>
      </c>
      <c r="F12188" s="1" t="s">
        <v>46712</v>
      </c>
      <c r="G12188" s="1" t="s">
        <v>46683</v>
      </c>
      <c r="H12188" s="1" t="s">
        <v>46684</v>
      </c>
      <c r="I12188" s="1" t="s">
        <v>43772</v>
      </c>
      <c r="J12188" s="1" t="s">
        <v>46713</v>
      </c>
    </row>
    <row r="12189" spans="1:10" x14ac:dyDescent="0.35">
      <c r="A12189" s="1" t="s">
        <v>46680</v>
      </c>
      <c r="B12189" s="1" t="s">
        <v>43766</v>
      </c>
      <c r="C12189" s="1" t="s">
        <v>60</v>
      </c>
      <c r="D12189" s="1" t="s">
        <v>46714</v>
      </c>
      <c r="E12189" s="1" t="s">
        <v>46715</v>
      </c>
      <c r="F12189" s="1" t="s">
        <v>46716</v>
      </c>
      <c r="G12189" s="1" t="s">
        <v>46683</v>
      </c>
      <c r="H12189" s="1" t="s">
        <v>46684</v>
      </c>
      <c r="I12189" s="1" t="s">
        <v>43772</v>
      </c>
      <c r="J12189" s="1" t="s">
        <v>46717</v>
      </c>
    </row>
    <row r="12190" spans="1:10" x14ac:dyDescent="0.35">
      <c r="A12190" s="1" t="s">
        <v>46680</v>
      </c>
      <c r="B12190" s="1" t="s">
        <v>43766</v>
      </c>
      <c r="C12190" s="1" t="s">
        <v>65</v>
      </c>
      <c r="D12190" s="1" t="s">
        <v>35153</v>
      </c>
      <c r="E12190" s="1" t="s">
        <v>46718</v>
      </c>
      <c r="F12190" s="1" t="s">
        <v>46719</v>
      </c>
      <c r="G12190" s="1" t="s">
        <v>46683</v>
      </c>
      <c r="H12190" s="1" t="s">
        <v>46684</v>
      </c>
      <c r="I12190" s="1" t="s">
        <v>43772</v>
      </c>
      <c r="J12190" s="1" t="s">
        <v>46720</v>
      </c>
    </row>
    <row r="12191" spans="1:10" x14ac:dyDescent="0.35">
      <c r="A12191" s="1" t="s">
        <v>46680</v>
      </c>
      <c r="B12191" s="1" t="s">
        <v>43766</v>
      </c>
      <c r="C12191" s="1" t="s">
        <v>70</v>
      </c>
      <c r="D12191" s="1" t="s">
        <v>4070</v>
      </c>
      <c r="E12191" s="1" t="s">
        <v>46721</v>
      </c>
      <c r="F12191" s="1" t="s">
        <v>46722</v>
      </c>
      <c r="G12191" s="1" t="s">
        <v>46683</v>
      </c>
      <c r="H12191" s="1" t="s">
        <v>46684</v>
      </c>
      <c r="I12191" s="1" t="s">
        <v>43772</v>
      </c>
      <c r="J12191" s="1" t="s">
        <v>46723</v>
      </c>
    </row>
    <row r="12192" spans="1:10" x14ac:dyDescent="0.35">
      <c r="A12192" s="1" t="s">
        <v>46680</v>
      </c>
      <c r="B12192" s="1" t="s">
        <v>43766</v>
      </c>
      <c r="C12192" s="1" t="s">
        <v>75</v>
      </c>
      <c r="D12192" s="1" t="s">
        <v>29924</v>
      </c>
      <c r="E12192" s="1" t="s">
        <v>46724</v>
      </c>
      <c r="F12192" s="1" t="s">
        <v>46725</v>
      </c>
      <c r="G12192" s="1" t="s">
        <v>46683</v>
      </c>
      <c r="H12192" s="1" t="s">
        <v>46684</v>
      </c>
      <c r="I12192" s="1" t="s">
        <v>43772</v>
      </c>
      <c r="J12192" s="1" t="s">
        <v>46726</v>
      </c>
    </row>
    <row r="12193" spans="1:10" x14ac:dyDescent="0.35">
      <c r="A12193" s="1" t="s">
        <v>46680</v>
      </c>
      <c r="B12193" s="1" t="s">
        <v>43766</v>
      </c>
      <c r="C12193" s="1" t="s">
        <v>80</v>
      </c>
      <c r="D12193" s="1" t="s">
        <v>29111</v>
      </c>
      <c r="E12193" s="1" t="s">
        <v>46727</v>
      </c>
      <c r="F12193" s="1" t="s">
        <v>46728</v>
      </c>
      <c r="G12193" s="1" t="s">
        <v>46683</v>
      </c>
      <c r="H12193" s="1" t="s">
        <v>46684</v>
      </c>
      <c r="I12193" s="1" t="s">
        <v>43772</v>
      </c>
      <c r="J12193" s="1" t="s">
        <v>46729</v>
      </c>
    </row>
    <row r="12194" spans="1:10" x14ac:dyDescent="0.35">
      <c r="A12194" s="1" t="s">
        <v>46680</v>
      </c>
      <c r="B12194" s="1" t="s">
        <v>43766</v>
      </c>
      <c r="C12194" s="1" t="s">
        <v>85</v>
      </c>
      <c r="D12194" s="1" t="s">
        <v>46730</v>
      </c>
      <c r="E12194" s="1" t="s">
        <v>46731</v>
      </c>
      <c r="F12194" s="1" t="s">
        <v>46732</v>
      </c>
      <c r="G12194" s="1" t="s">
        <v>46683</v>
      </c>
      <c r="H12194" s="1" t="s">
        <v>46684</v>
      </c>
      <c r="I12194" s="1" t="s">
        <v>43772</v>
      </c>
      <c r="J12194" s="1" t="s">
        <v>46733</v>
      </c>
    </row>
    <row r="12195" spans="1:10" x14ac:dyDescent="0.35">
      <c r="A12195" s="1" t="s">
        <v>46680</v>
      </c>
      <c r="B12195" s="1" t="s">
        <v>43766</v>
      </c>
      <c r="C12195" s="1" t="s">
        <v>90</v>
      </c>
      <c r="D12195" s="1" t="s">
        <v>46734</v>
      </c>
      <c r="E12195" s="1" t="s">
        <v>46735</v>
      </c>
      <c r="F12195" s="1" t="s">
        <v>46736</v>
      </c>
      <c r="G12195" s="1" t="s">
        <v>46683</v>
      </c>
      <c r="H12195" s="1" t="s">
        <v>46684</v>
      </c>
      <c r="I12195" s="1" t="s">
        <v>43772</v>
      </c>
      <c r="J12195" s="1" t="s">
        <v>46737</v>
      </c>
    </row>
    <row r="12196" spans="1:10" x14ac:dyDescent="0.35">
      <c r="A12196" s="1" t="s">
        <v>46680</v>
      </c>
      <c r="B12196" s="1" t="s">
        <v>43766</v>
      </c>
      <c r="C12196" s="1" t="s">
        <v>95</v>
      </c>
      <c r="D12196" s="1" t="s">
        <v>46738</v>
      </c>
      <c r="E12196" s="1" t="s">
        <v>46739</v>
      </c>
      <c r="F12196" s="1" t="s">
        <v>46740</v>
      </c>
      <c r="G12196" s="1" t="s">
        <v>46683</v>
      </c>
      <c r="H12196" s="1" t="s">
        <v>46684</v>
      </c>
      <c r="I12196" s="1" t="s">
        <v>43772</v>
      </c>
      <c r="J12196" s="1" t="s">
        <v>46741</v>
      </c>
    </row>
    <row r="12197" spans="1:10" x14ac:dyDescent="0.35">
      <c r="A12197" s="1" t="s">
        <v>46680</v>
      </c>
      <c r="B12197" s="1" t="s">
        <v>43766</v>
      </c>
      <c r="C12197" s="1" t="s">
        <v>100</v>
      </c>
      <c r="D12197" s="1" t="s">
        <v>46261</v>
      </c>
      <c r="E12197" s="1" t="s">
        <v>46742</v>
      </c>
      <c r="F12197" s="1" t="s">
        <v>46743</v>
      </c>
      <c r="G12197" s="1" t="s">
        <v>46683</v>
      </c>
      <c r="H12197" s="1" t="s">
        <v>46684</v>
      </c>
      <c r="I12197" s="1" t="s">
        <v>43772</v>
      </c>
      <c r="J12197" s="1" t="s">
        <v>46744</v>
      </c>
    </row>
    <row r="12198" spans="1:10" x14ac:dyDescent="0.35">
      <c r="A12198" s="1" t="s">
        <v>46680</v>
      </c>
      <c r="B12198" s="1" t="s">
        <v>43766</v>
      </c>
      <c r="C12198" s="1" t="s">
        <v>105</v>
      </c>
      <c r="D12198" s="1" t="s">
        <v>46745</v>
      </c>
      <c r="E12198" s="1" t="s">
        <v>46746</v>
      </c>
      <c r="F12198" s="1" t="s">
        <v>46747</v>
      </c>
      <c r="G12198" s="1" t="s">
        <v>46683</v>
      </c>
      <c r="H12198" s="1" t="s">
        <v>46684</v>
      </c>
      <c r="I12198" s="1" t="s">
        <v>43772</v>
      </c>
      <c r="J12198" s="1" t="s">
        <v>46748</v>
      </c>
    </row>
    <row r="12199" spans="1:10" x14ac:dyDescent="0.35">
      <c r="A12199" s="1" t="s">
        <v>46680</v>
      </c>
      <c r="B12199" s="1" t="s">
        <v>43766</v>
      </c>
      <c r="C12199" s="1" t="s">
        <v>110</v>
      </c>
      <c r="D12199" s="1" t="s">
        <v>46749</v>
      </c>
      <c r="E12199" s="1" t="s">
        <v>46750</v>
      </c>
      <c r="F12199" s="1" t="s">
        <v>46751</v>
      </c>
      <c r="G12199" s="1" t="s">
        <v>46683</v>
      </c>
      <c r="H12199" s="1" t="s">
        <v>46684</v>
      </c>
      <c r="I12199" s="1" t="s">
        <v>43772</v>
      </c>
      <c r="J12199" s="1" t="s">
        <v>46752</v>
      </c>
    </row>
    <row r="12200" spans="1:10" x14ac:dyDescent="0.35">
      <c r="A12200" s="1" t="s">
        <v>46680</v>
      </c>
      <c r="B12200" s="1" t="s">
        <v>43766</v>
      </c>
      <c r="C12200" s="1" t="s">
        <v>115</v>
      </c>
      <c r="D12200" s="1" t="s">
        <v>46753</v>
      </c>
      <c r="E12200" s="1" t="s">
        <v>46754</v>
      </c>
      <c r="F12200" s="1" t="s">
        <v>46755</v>
      </c>
      <c r="G12200" s="1" t="s">
        <v>46683</v>
      </c>
      <c r="H12200" s="1" t="s">
        <v>46684</v>
      </c>
      <c r="I12200" s="1" t="s">
        <v>43772</v>
      </c>
      <c r="J12200" s="1" t="s">
        <v>46756</v>
      </c>
    </row>
    <row r="12201" spans="1:10" x14ac:dyDescent="0.35">
      <c r="A12201" s="1" t="s">
        <v>46680</v>
      </c>
      <c r="B12201" s="1" t="s">
        <v>43766</v>
      </c>
      <c r="C12201" s="1" t="s">
        <v>120</v>
      </c>
      <c r="D12201" s="1" t="s">
        <v>46757</v>
      </c>
      <c r="E12201" s="1" t="s">
        <v>46758</v>
      </c>
      <c r="F12201" s="1" t="s">
        <v>46759</v>
      </c>
      <c r="G12201" s="1" t="s">
        <v>46683</v>
      </c>
      <c r="H12201" s="1" t="s">
        <v>46684</v>
      </c>
      <c r="I12201" s="1" t="s">
        <v>43772</v>
      </c>
      <c r="J12201" s="1" t="s">
        <v>46760</v>
      </c>
    </row>
    <row r="12202" spans="1:10" x14ac:dyDescent="0.35">
      <c r="A12202" s="1" t="s">
        <v>46680</v>
      </c>
      <c r="B12202" s="1" t="s">
        <v>43766</v>
      </c>
      <c r="C12202" s="1" t="s">
        <v>125</v>
      </c>
      <c r="D12202" s="1" t="s">
        <v>46761</v>
      </c>
      <c r="E12202" s="1" t="s">
        <v>46762</v>
      </c>
      <c r="F12202" s="1" t="s">
        <v>46763</v>
      </c>
      <c r="G12202" s="1" t="s">
        <v>46683</v>
      </c>
      <c r="H12202" s="1" t="s">
        <v>46684</v>
      </c>
      <c r="I12202" s="1" t="s">
        <v>43772</v>
      </c>
      <c r="J12202" s="1" t="s">
        <v>46764</v>
      </c>
    </row>
    <row r="12203" spans="1:10" x14ac:dyDescent="0.35">
      <c r="A12203" s="1" t="s">
        <v>46680</v>
      </c>
      <c r="B12203" s="1" t="s">
        <v>43766</v>
      </c>
      <c r="C12203" s="1" t="s">
        <v>130</v>
      </c>
      <c r="D12203" s="1" t="s">
        <v>44714</v>
      </c>
      <c r="E12203" s="1" t="s">
        <v>46765</v>
      </c>
      <c r="F12203" s="1" t="s">
        <v>46766</v>
      </c>
      <c r="G12203" s="1" t="s">
        <v>46683</v>
      </c>
      <c r="H12203" s="1" t="s">
        <v>46684</v>
      </c>
      <c r="I12203" s="1" t="s">
        <v>43772</v>
      </c>
      <c r="J12203" s="1" t="s">
        <v>46767</v>
      </c>
    </row>
    <row r="12204" spans="1:10" x14ac:dyDescent="0.35">
      <c r="A12204" s="1" t="s">
        <v>46680</v>
      </c>
      <c r="B12204" s="1" t="s">
        <v>43766</v>
      </c>
      <c r="C12204" s="1" t="s">
        <v>135</v>
      </c>
      <c r="D12204" s="1" t="s">
        <v>46768</v>
      </c>
      <c r="E12204" s="1" t="s">
        <v>46769</v>
      </c>
      <c r="F12204" s="1" t="s">
        <v>46770</v>
      </c>
      <c r="G12204" s="1" t="s">
        <v>46683</v>
      </c>
      <c r="H12204" s="1" t="s">
        <v>46684</v>
      </c>
      <c r="I12204" s="1" t="s">
        <v>43772</v>
      </c>
      <c r="J12204" s="1" t="s">
        <v>46771</v>
      </c>
    </row>
    <row r="12205" spans="1:10" x14ac:dyDescent="0.35">
      <c r="A12205" s="1" t="s">
        <v>46680</v>
      </c>
      <c r="B12205" s="1" t="s">
        <v>43766</v>
      </c>
      <c r="C12205" s="1" t="s">
        <v>140</v>
      </c>
      <c r="D12205" s="1" t="s">
        <v>46772</v>
      </c>
      <c r="E12205" s="1" t="s">
        <v>46773</v>
      </c>
      <c r="F12205" s="1" t="s">
        <v>46774</v>
      </c>
      <c r="G12205" s="1" t="s">
        <v>46683</v>
      </c>
      <c r="H12205" s="1" t="s">
        <v>46684</v>
      </c>
      <c r="I12205" s="1" t="s">
        <v>43772</v>
      </c>
      <c r="J12205" s="1" t="s">
        <v>46775</v>
      </c>
    </row>
    <row r="12206" spans="1:10" x14ac:dyDescent="0.35">
      <c r="A12206" s="1" t="s">
        <v>46680</v>
      </c>
      <c r="B12206" s="1" t="s">
        <v>43766</v>
      </c>
      <c r="C12206" s="1" t="s">
        <v>145</v>
      </c>
      <c r="D12206" s="1" t="s">
        <v>46776</v>
      </c>
      <c r="E12206" s="1" t="s">
        <v>46777</v>
      </c>
      <c r="F12206" s="1" t="s">
        <v>46778</v>
      </c>
      <c r="G12206" s="1" t="s">
        <v>46683</v>
      </c>
      <c r="H12206" s="1" t="s">
        <v>46684</v>
      </c>
      <c r="I12206" s="1" t="s">
        <v>43772</v>
      </c>
      <c r="J12206" s="1" t="s">
        <v>46779</v>
      </c>
    </row>
    <row r="12207" spans="1:10" x14ac:dyDescent="0.35">
      <c r="A12207" s="1" t="s">
        <v>46680</v>
      </c>
      <c r="B12207" s="1" t="s">
        <v>43766</v>
      </c>
      <c r="C12207" s="1" t="s">
        <v>150</v>
      </c>
      <c r="D12207" s="1" t="s">
        <v>46780</v>
      </c>
      <c r="E12207" s="1" t="s">
        <v>46781</v>
      </c>
      <c r="F12207" s="1" t="s">
        <v>46782</v>
      </c>
      <c r="G12207" s="1" t="s">
        <v>46683</v>
      </c>
      <c r="H12207" s="1" t="s">
        <v>46684</v>
      </c>
      <c r="I12207" s="1" t="s">
        <v>43772</v>
      </c>
      <c r="J12207" s="1" t="s">
        <v>46783</v>
      </c>
    </row>
    <row r="12208" spans="1:10" x14ac:dyDescent="0.35">
      <c r="A12208" s="1" t="s">
        <v>46680</v>
      </c>
      <c r="B12208" s="1" t="s">
        <v>43766</v>
      </c>
      <c r="C12208" s="1" t="s">
        <v>155</v>
      </c>
      <c r="D12208" s="1" t="s">
        <v>30483</v>
      </c>
      <c r="E12208" s="1" t="s">
        <v>46784</v>
      </c>
      <c r="F12208" s="1" t="s">
        <v>46785</v>
      </c>
      <c r="G12208" s="1" t="s">
        <v>46683</v>
      </c>
      <c r="H12208" s="1" t="s">
        <v>46684</v>
      </c>
      <c r="I12208" s="1" t="s">
        <v>43772</v>
      </c>
      <c r="J12208" s="1" t="s">
        <v>46786</v>
      </c>
    </row>
    <row r="12209" spans="1:10" x14ac:dyDescent="0.35">
      <c r="A12209" s="1" t="s">
        <v>46680</v>
      </c>
      <c r="B12209" s="1" t="s">
        <v>43766</v>
      </c>
      <c r="C12209" s="1" t="s">
        <v>160</v>
      </c>
      <c r="D12209" s="1" t="s">
        <v>18518</v>
      </c>
      <c r="E12209" s="1" t="s">
        <v>46787</v>
      </c>
      <c r="F12209" s="1" t="s">
        <v>46788</v>
      </c>
      <c r="G12209" s="1" t="s">
        <v>46683</v>
      </c>
      <c r="H12209" s="1" t="s">
        <v>46684</v>
      </c>
      <c r="I12209" s="1" t="s">
        <v>43772</v>
      </c>
      <c r="J12209" s="1" t="s">
        <v>46789</v>
      </c>
    </row>
    <row r="12210" spans="1:10" x14ac:dyDescent="0.35">
      <c r="A12210" s="1" t="s">
        <v>46680</v>
      </c>
      <c r="B12210" s="1" t="s">
        <v>43766</v>
      </c>
      <c r="C12210" s="1" t="s">
        <v>165</v>
      </c>
      <c r="D12210" s="1" t="s">
        <v>46790</v>
      </c>
      <c r="E12210" s="1" t="s">
        <v>46791</v>
      </c>
      <c r="F12210" s="1" t="s">
        <v>46792</v>
      </c>
      <c r="G12210" s="1" t="s">
        <v>46683</v>
      </c>
      <c r="H12210" s="1" t="s">
        <v>46684</v>
      </c>
      <c r="I12210" s="1" t="s">
        <v>43772</v>
      </c>
      <c r="J12210" s="1" t="s">
        <v>46793</v>
      </c>
    </row>
    <row r="12211" spans="1:10" x14ac:dyDescent="0.35">
      <c r="A12211" s="1" t="s">
        <v>46680</v>
      </c>
      <c r="B12211" s="1" t="s">
        <v>43766</v>
      </c>
      <c r="C12211" s="1" t="s">
        <v>170</v>
      </c>
      <c r="D12211" s="1" t="s">
        <v>46794</v>
      </c>
      <c r="E12211" s="1" t="s">
        <v>46795</v>
      </c>
      <c r="F12211" s="1" t="s">
        <v>46796</v>
      </c>
      <c r="G12211" s="1" t="s">
        <v>46683</v>
      </c>
      <c r="H12211" s="1" t="s">
        <v>46684</v>
      </c>
      <c r="I12211" s="1" t="s">
        <v>43772</v>
      </c>
      <c r="J12211" s="1" t="s">
        <v>46797</v>
      </c>
    </row>
    <row r="12212" spans="1:10" x14ac:dyDescent="0.35">
      <c r="A12212" s="1" t="s">
        <v>46798</v>
      </c>
      <c r="B12212" s="1" t="s">
        <v>43766</v>
      </c>
      <c r="C12212" s="1" t="s">
        <v>8</v>
      </c>
      <c r="D12212" s="1" t="s">
        <v>46799</v>
      </c>
      <c r="E12212" s="1" t="s">
        <v>46800</v>
      </c>
      <c r="F12212" s="1" t="s">
        <v>46801</v>
      </c>
      <c r="G12212" s="1" t="s">
        <v>46802</v>
      </c>
      <c r="H12212" s="1" t="s">
        <v>46803</v>
      </c>
      <c r="I12212" s="1" t="s">
        <v>43772</v>
      </c>
      <c r="J12212" s="1" t="s">
        <v>13</v>
      </c>
    </row>
    <row r="12213" spans="1:10" x14ac:dyDescent="0.35">
      <c r="A12213" s="1" t="s">
        <v>46798</v>
      </c>
      <c r="B12213" s="1" t="s">
        <v>43766</v>
      </c>
      <c r="C12213" s="1" t="s">
        <v>15</v>
      </c>
      <c r="D12213" s="1" t="s">
        <v>1809</v>
      </c>
      <c r="E12213" s="1" t="s">
        <v>46804</v>
      </c>
      <c r="F12213" s="1" t="s">
        <v>46805</v>
      </c>
      <c r="G12213" s="1" t="s">
        <v>46802</v>
      </c>
      <c r="H12213" s="1" t="s">
        <v>46803</v>
      </c>
      <c r="I12213" s="1" t="s">
        <v>43772</v>
      </c>
      <c r="J12213" s="1" t="s">
        <v>46806</v>
      </c>
    </row>
    <row r="12214" spans="1:10" x14ac:dyDescent="0.35">
      <c r="A12214" s="1" t="s">
        <v>46798</v>
      </c>
      <c r="B12214" s="1" t="s">
        <v>43766</v>
      </c>
      <c r="C12214" s="1" t="s">
        <v>20</v>
      </c>
      <c r="D12214" s="1" t="s">
        <v>46807</v>
      </c>
      <c r="E12214" s="1" t="s">
        <v>46808</v>
      </c>
      <c r="F12214" s="1" t="s">
        <v>46809</v>
      </c>
      <c r="G12214" s="1" t="s">
        <v>46802</v>
      </c>
      <c r="H12214" s="1" t="s">
        <v>46803</v>
      </c>
      <c r="I12214" s="1" t="s">
        <v>43772</v>
      </c>
      <c r="J12214" s="1" t="s">
        <v>46810</v>
      </c>
    </row>
    <row r="12215" spans="1:10" x14ac:dyDescent="0.35">
      <c r="A12215" s="1" t="s">
        <v>46798</v>
      </c>
      <c r="B12215" s="1" t="s">
        <v>43766</v>
      </c>
      <c r="C12215" s="1" t="s">
        <v>25</v>
      </c>
      <c r="D12215" s="1" t="s">
        <v>10432</v>
      </c>
      <c r="E12215" s="1" t="s">
        <v>46811</v>
      </c>
      <c r="F12215" s="1" t="s">
        <v>46812</v>
      </c>
      <c r="G12215" s="1" t="s">
        <v>46802</v>
      </c>
      <c r="H12215" s="1" t="s">
        <v>46803</v>
      </c>
      <c r="I12215" s="1" t="s">
        <v>43772</v>
      </c>
      <c r="J12215" s="1" t="s">
        <v>46813</v>
      </c>
    </row>
    <row r="12216" spans="1:10" x14ac:dyDescent="0.35">
      <c r="A12216" s="1" t="s">
        <v>46798</v>
      </c>
      <c r="B12216" s="1" t="s">
        <v>43766</v>
      </c>
      <c r="C12216" s="1" t="s">
        <v>30</v>
      </c>
      <c r="D12216" s="1" t="s">
        <v>46814</v>
      </c>
      <c r="E12216" s="1" t="s">
        <v>46815</v>
      </c>
      <c r="F12216" s="1" t="s">
        <v>46816</v>
      </c>
      <c r="G12216" s="1" t="s">
        <v>46802</v>
      </c>
      <c r="H12216" s="1" t="s">
        <v>46803</v>
      </c>
      <c r="I12216" s="1" t="s">
        <v>43772</v>
      </c>
      <c r="J12216" s="1" t="s">
        <v>46817</v>
      </c>
    </row>
    <row r="12217" spans="1:10" x14ac:dyDescent="0.35">
      <c r="A12217" s="1" t="s">
        <v>46798</v>
      </c>
      <c r="B12217" s="1" t="s">
        <v>43766</v>
      </c>
      <c r="C12217" s="1" t="s">
        <v>35</v>
      </c>
      <c r="D12217" s="1" t="s">
        <v>29627</v>
      </c>
      <c r="E12217" s="1" t="s">
        <v>46818</v>
      </c>
      <c r="F12217" s="1" t="s">
        <v>46819</v>
      </c>
      <c r="G12217" s="1" t="s">
        <v>46802</v>
      </c>
      <c r="H12217" s="1" t="s">
        <v>46803</v>
      </c>
      <c r="I12217" s="1" t="s">
        <v>43772</v>
      </c>
      <c r="J12217" s="1" t="s">
        <v>46820</v>
      </c>
    </row>
    <row r="12218" spans="1:10" x14ac:dyDescent="0.35">
      <c r="A12218" s="1" t="s">
        <v>46798</v>
      </c>
      <c r="B12218" s="1" t="s">
        <v>43766</v>
      </c>
      <c r="C12218" s="1" t="s">
        <v>40</v>
      </c>
      <c r="D12218" s="1" t="s">
        <v>29991</v>
      </c>
      <c r="E12218" s="1" t="s">
        <v>46821</v>
      </c>
      <c r="F12218" s="1" t="s">
        <v>46822</v>
      </c>
      <c r="G12218" s="1" t="s">
        <v>46802</v>
      </c>
      <c r="H12218" s="1" t="s">
        <v>46803</v>
      </c>
      <c r="I12218" s="1" t="s">
        <v>43772</v>
      </c>
      <c r="J12218" s="1" t="s">
        <v>46823</v>
      </c>
    </row>
    <row r="12219" spans="1:10" x14ac:dyDescent="0.35">
      <c r="A12219" s="1" t="s">
        <v>46798</v>
      </c>
      <c r="B12219" s="1" t="s">
        <v>43766</v>
      </c>
      <c r="C12219" s="1" t="s">
        <v>45</v>
      </c>
      <c r="D12219" s="1" t="s">
        <v>27907</v>
      </c>
      <c r="E12219" s="1" t="s">
        <v>46824</v>
      </c>
      <c r="F12219" s="1" t="s">
        <v>46825</v>
      </c>
      <c r="G12219" s="1" t="s">
        <v>46802</v>
      </c>
      <c r="H12219" s="1" t="s">
        <v>46803</v>
      </c>
      <c r="I12219" s="1" t="s">
        <v>43772</v>
      </c>
      <c r="J12219" s="1" t="s">
        <v>46826</v>
      </c>
    </row>
    <row r="12220" spans="1:10" x14ac:dyDescent="0.35">
      <c r="A12220" s="1" t="s">
        <v>46798</v>
      </c>
      <c r="B12220" s="1" t="s">
        <v>43766</v>
      </c>
      <c r="C12220" s="1" t="s">
        <v>50</v>
      </c>
      <c r="D12220" s="1" t="s">
        <v>28519</v>
      </c>
      <c r="E12220" s="1" t="s">
        <v>46827</v>
      </c>
      <c r="F12220" s="1" t="s">
        <v>46828</v>
      </c>
      <c r="G12220" s="1" t="s">
        <v>46802</v>
      </c>
      <c r="H12220" s="1" t="s">
        <v>46803</v>
      </c>
      <c r="I12220" s="1" t="s">
        <v>43772</v>
      </c>
      <c r="J12220" s="1" t="s">
        <v>46829</v>
      </c>
    </row>
    <row r="12221" spans="1:10" x14ac:dyDescent="0.35">
      <c r="A12221" s="1" t="s">
        <v>46798</v>
      </c>
      <c r="B12221" s="1" t="s">
        <v>43766</v>
      </c>
      <c r="C12221" s="1" t="s">
        <v>55</v>
      </c>
      <c r="D12221" s="1" t="s">
        <v>45462</v>
      </c>
      <c r="E12221" s="1" t="s">
        <v>46830</v>
      </c>
      <c r="F12221" s="1" t="s">
        <v>46831</v>
      </c>
      <c r="G12221" s="1" t="s">
        <v>46802</v>
      </c>
      <c r="H12221" s="1" t="s">
        <v>46803</v>
      </c>
      <c r="I12221" s="1" t="s">
        <v>43772</v>
      </c>
      <c r="J12221" s="1" t="s">
        <v>46832</v>
      </c>
    </row>
    <row r="12222" spans="1:10" x14ac:dyDescent="0.35">
      <c r="A12222" s="1" t="s">
        <v>46798</v>
      </c>
      <c r="B12222" s="1" t="s">
        <v>43766</v>
      </c>
      <c r="C12222" s="1" t="s">
        <v>60</v>
      </c>
      <c r="D12222" s="1" t="s">
        <v>28375</v>
      </c>
      <c r="E12222" s="1" t="s">
        <v>46833</v>
      </c>
      <c r="F12222" s="1" t="s">
        <v>46834</v>
      </c>
      <c r="G12222" s="1" t="s">
        <v>46802</v>
      </c>
      <c r="H12222" s="1" t="s">
        <v>46803</v>
      </c>
      <c r="I12222" s="1" t="s">
        <v>43772</v>
      </c>
      <c r="J12222" s="1" t="s">
        <v>46835</v>
      </c>
    </row>
    <row r="12223" spans="1:10" x14ac:dyDescent="0.35">
      <c r="A12223" s="1" t="s">
        <v>46798</v>
      </c>
      <c r="B12223" s="1" t="s">
        <v>43766</v>
      </c>
      <c r="C12223" s="1" t="s">
        <v>65</v>
      </c>
      <c r="D12223" s="1" t="s">
        <v>10254</v>
      </c>
      <c r="E12223" s="1" t="s">
        <v>46836</v>
      </c>
      <c r="F12223" s="1" t="s">
        <v>46837</v>
      </c>
      <c r="G12223" s="1" t="s">
        <v>46802</v>
      </c>
      <c r="H12223" s="1" t="s">
        <v>46803</v>
      </c>
      <c r="I12223" s="1" t="s">
        <v>43772</v>
      </c>
      <c r="J12223" s="1" t="s">
        <v>46838</v>
      </c>
    </row>
    <row r="12224" spans="1:10" x14ac:dyDescent="0.35">
      <c r="A12224" s="1" t="s">
        <v>46798</v>
      </c>
      <c r="B12224" s="1" t="s">
        <v>43766</v>
      </c>
      <c r="C12224" s="1" t="s">
        <v>70</v>
      </c>
      <c r="D12224" s="1" t="s">
        <v>46839</v>
      </c>
      <c r="E12224" s="1" t="s">
        <v>46840</v>
      </c>
      <c r="F12224" s="1" t="s">
        <v>46841</v>
      </c>
      <c r="G12224" s="1" t="s">
        <v>46802</v>
      </c>
      <c r="H12224" s="1" t="s">
        <v>46803</v>
      </c>
      <c r="I12224" s="1" t="s">
        <v>43772</v>
      </c>
      <c r="J12224" s="1" t="s">
        <v>46842</v>
      </c>
    </row>
    <row r="12225" spans="1:10" x14ac:dyDescent="0.35">
      <c r="A12225" s="1" t="s">
        <v>46798</v>
      </c>
      <c r="B12225" s="1" t="s">
        <v>43766</v>
      </c>
      <c r="C12225" s="1" t="s">
        <v>75</v>
      </c>
      <c r="D12225" s="1" t="s">
        <v>44048</v>
      </c>
      <c r="E12225" s="1" t="s">
        <v>46843</v>
      </c>
      <c r="F12225" s="1" t="s">
        <v>46844</v>
      </c>
      <c r="G12225" s="1" t="s">
        <v>46802</v>
      </c>
      <c r="H12225" s="1" t="s">
        <v>46803</v>
      </c>
      <c r="I12225" s="1" t="s">
        <v>43772</v>
      </c>
      <c r="J12225" s="1" t="s">
        <v>46845</v>
      </c>
    </row>
    <row r="12226" spans="1:10" x14ac:dyDescent="0.35">
      <c r="A12226" s="1" t="s">
        <v>46798</v>
      </c>
      <c r="B12226" s="1" t="s">
        <v>43766</v>
      </c>
      <c r="C12226" s="1" t="s">
        <v>80</v>
      </c>
      <c r="D12226" s="1" t="s">
        <v>332</v>
      </c>
      <c r="E12226" s="1" t="s">
        <v>46846</v>
      </c>
      <c r="F12226" s="1" t="s">
        <v>46847</v>
      </c>
      <c r="G12226" s="1" t="s">
        <v>46802</v>
      </c>
      <c r="H12226" s="1" t="s">
        <v>46803</v>
      </c>
      <c r="I12226" s="1" t="s">
        <v>43772</v>
      </c>
      <c r="J12226" s="1" t="s">
        <v>46848</v>
      </c>
    </row>
    <row r="12227" spans="1:10" x14ac:dyDescent="0.35">
      <c r="A12227" s="1" t="s">
        <v>46798</v>
      </c>
      <c r="B12227" s="1" t="s">
        <v>43766</v>
      </c>
      <c r="C12227" s="1" t="s">
        <v>85</v>
      </c>
      <c r="D12227" s="1" t="s">
        <v>46849</v>
      </c>
      <c r="E12227" s="1" t="s">
        <v>46850</v>
      </c>
      <c r="F12227" s="1" t="s">
        <v>46851</v>
      </c>
      <c r="G12227" s="1" t="s">
        <v>46802</v>
      </c>
      <c r="H12227" s="1" t="s">
        <v>46803</v>
      </c>
      <c r="I12227" s="1" t="s">
        <v>43772</v>
      </c>
      <c r="J12227" s="1" t="s">
        <v>46852</v>
      </c>
    </row>
    <row r="12228" spans="1:10" x14ac:dyDescent="0.35">
      <c r="A12228" s="1" t="s">
        <v>46798</v>
      </c>
      <c r="B12228" s="1" t="s">
        <v>43766</v>
      </c>
      <c r="C12228" s="1" t="s">
        <v>90</v>
      </c>
      <c r="D12228" s="1" t="s">
        <v>46853</v>
      </c>
      <c r="E12228" s="1" t="s">
        <v>46854</v>
      </c>
      <c r="F12228" s="1" t="s">
        <v>46855</v>
      </c>
      <c r="G12228" s="1" t="s">
        <v>46802</v>
      </c>
      <c r="H12228" s="1" t="s">
        <v>46803</v>
      </c>
      <c r="I12228" s="1" t="s">
        <v>43772</v>
      </c>
      <c r="J12228" s="1" t="s">
        <v>46856</v>
      </c>
    </row>
    <row r="12229" spans="1:10" x14ac:dyDescent="0.35">
      <c r="A12229" s="1" t="s">
        <v>46798</v>
      </c>
      <c r="B12229" s="1" t="s">
        <v>43766</v>
      </c>
      <c r="C12229" s="1" t="s">
        <v>95</v>
      </c>
      <c r="D12229" s="1" t="s">
        <v>7067</v>
      </c>
      <c r="E12229" s="1" t="s">
        <v>46857</v>
      </c>
      <c r="F12229" s="1" t="s">
        <v>46858</v>
      </c>
      <c r="G12229" s="1" t="s">
        <v>46802</v>
      </c>
      <c r="H12229" s="1" t="s">
        <v>46803</v>
      </c>
      <c r="I12229" s="1" t="s">
        <v>43772</v>
      </c>
      <c r="J12229" s="1" t="s">
        <v>46859</v>
      </c>
    </row>
    <row r="12230" spans="1:10" x14ac:dyDescent="0.35">
      <c r="A12230" s="1" t="s">
        <v>46798</v>
      </c>
      <c r="B12230" s="1" t="s">
        <v>43766</v>
      </c>
      <c r="C12230" s="1" t="s">
        <v>100</v>
      </c>
      <c r="D12230" s="1" t="s">
        <v>46860</v>
      </c>
      <c r="E12230" s="1" t="s">
        <v>46861</v>
      </c>
      <c r="F12230" s="1" t="s">
        <v>46862</v>
      </c>
      <c r="G12230" s="1" t="s">
        <v>46802</v>
      </c>
      <c r="H12230" s="1" t="s">
        <v>46803</v>
      </c>
      <c r="I12230" s="1" t="s">
        <v>43772</v>
      </c>
      <c r="J12230" s="1" t="s">
        <v>46863</v>
      </c>
    </row>
    <row r="12231" spans="1:10" x14ac:dyDescent="0.35">
      <c r="A12231" s="1" t="s">
        <v>46798</v>
      </c>
      <c r="B12231" s="1" t="s">
        <v>43766</v>
      </c>
      <c r="C12231" s="1" t="s">
        <v>105</v>
      </c>
      <c r="D12231" s="1" t="s">
        <v>46864</v>
      </c>
      <c r="E12231" s="1" t="s">
        <v>46865</v>
      </c>
      <c r="F12231" s="1" t="s">
        <v>46866</v>
      </c>
      <c r="G12231" s="1" t="s">
        <v>46802</v>
      </c>
      <c r="H12231" s="1" t="s">
        <v>46803</v>
      </c>
      <c r="I12231" s="1" t="s">
        <v>43772</v>
      </c>
      <c r="J12231" s="1" t="s">
        <v>46867</v>
      </c>
    </row>
    <row r="12232" spans="1:10" x14ac:dyDescent="0.35">
      <c r="A12232" s="1" t="s">
        <v>46798</v>
      </c>
      <c r="B12232" s="1" t="s">
        <v>43766</v>
      </c>
      <c r="C12232" s="1" t="s">
        <v>110</v>
      </c>
      <c r="D12232" s="1" t="s">
        <v>45508</v>
      </c>
      <c r="E12232" s="1" t="s">
        <v>46868</v>
      </c>
      <c r="F12232" s="1" t="s">
        <v>46869</v>
      </c>
      <c r="G12232" s="1" t="s">
        <v>46802</v>
      </c>
      <c r="H12232" s="1" t="s">
        <v>46803</v>
      </c>
      <c r="I12232" s="1" t="s">
        <v>43772</v>
      </c>
      <c r="J12232" s="1" t="s">
        <v>46870</v>
      </c>
    </row>
    <row r="12233" spans="1:10" x14ac:dyDescent="0.35">
      <c r="A12233" s="1" t="s">
        <v>46798</v>
      </c>
      <c r="B12233" s="1" t="s">
        <v>43766</v>
      </c>
      <c r="C12233" s="1" t="s">
        <v>115</v>
      </c>
      <c r="D12233" s="1" t="s">
        <v>46871</v>
      </c>
      <c r="E12233" s="1" t="s">
        <v>46872</v>
      </c>
      <c r="F12233" s="1" t="s">
        <v>46873</v>
      </c>
      <c r="G12233" s="1" t="s">
        <v>46802</v>
      </c>
      <c r="H12233" s="1" t="s">
        <v>46803</v>
      </c>
      <c r="I12233" s="1" t="s">
        <v>43772</v>
      </c>
      <c r="J12233" s="1" t="s">
        <v>46874</v>
      </c>
    </row>
    <row r="12234" spans="1:10" x14ac:dyDescent="0.35">
      <c r="A12234" s="1" t="s">
        <v>46798</v>
      </c>
      <c r="B12234" s="1" t="s">
        <v>43766</v>
      </c>
      <c r="C12234" s="1" t="s">
        <v>120</v>
      </c>
      <c r="D12234" s="1" t="s">
        <v>46875</v>
      </c>
      <c r="E12234" s="1" t="s">
        <v>46876</v>
      </c>
      <c r="F12234" s="1" t="s">
        <v>46877</v>
      </c>
      <c r="G12234" s="1" t="s">
        <v>46802</v>
      </c>
      <c r="H12234" s="1" t="s">
        <v>46803</v>
      </c>
      <c r="I12234" s="1" t="s">
        <v>43772</v>
      </c>
      <c r="J12234" s="1" t="s">
        <v>46878</v>
      </c>
    </row>
    <row r="12235" spans="1:10" x14ac:dyDescent="0.35">
      <c r="A12235" s="1" t="s">
        <v>46798</v>
      </c>
      <c r="B12235" s="1" t="s">
        <v>43766</v>
      </c>
      <c r="C12235" s="1" t="s">
        <v>125</v>
      </c>
      <c r="D12235" s="1" t="s">
        <v>35813</v>
      </c>
      <c r="E12235" s="1" t="s">
        <v>46879</v>
      </c>
      <c r="F12235" s="1" t="s">
        <v>46880</v>
      </c>
      <c r="G12235" s="1" t="s">
        <v>46802</v>
      </c>
      <c r="H12235" s="1" t="s">
        <v>46803</v>
      </c>
      <c r="I12235" s="1" t="s">
        <v>43772</v>
      </c>
      <c r="J12235" s="1" t="s">
        <v>46881</v>
      </c>
    </row>
    <row r="12236" spans="1:10" x14ac:dyDescent="0.35">
      <c r="A12236" s="1" t="s">
        <v>46798</v>
      </c>
      <c r="B12236" s="1" t="s">
        <v>43766</v>
      </c>
      <c r="C12236" s="1" t="s">
        <v>130</v>
      </c>
      <c r="D12236" s="1" t="s">
        <v>46882</v>
      </c>
      <c r="E12236" s="1" t="s">
        <v>46883</v>
      </c>
      <c r="F12236" s="1" t="s">
        <v>46884</v>
      </c>
      <c r="G12236" s="1" t="s">
        <v>46802</v>
      </c>
      <c r="H12236" s="1" t="s">
        <v>46803</v>
      </c>
      <c r="I12236" s="1" t="s">
        <v>43772</v>
      </c>
      <c r="J12236" s="1" t="s">
        <v>46885</v>
      </c>
    </row>
    <row r="12237" spans="1:10" x14ac:dyDescent="0.35">
      <c r="A12237" s="1" t="s">
        <v>46798</v>
      </c>
      <c r="B12237" s="1" t="s">
        <v>43766</v>
      </c>
      <c r="C12237" s="1" t="s">
        <v>135</v>
      </c>
      <c r="D12237" s="1" t="s">
        <v>19564</v>
      </c>
      <c r="E12237" s="1" t="s">
        <v>46886</v>
      </c>
      <c r="F12237" s="1" t="s">
        <v>46887</v>
      </c>
      <c r="G12237" s="1" t="s">
        <v>46802</v>
      </c>
      <c r="H12237" s="1" t="s">
        <v>46803</v>
      </c>
      <c r="I12237" s="1" t="s">
        <v>43772</v>
      </c>
      <c r="J12237" s="1" t="s">
        <v>46888</v>
      </c>
    </row>
    <row r="12238" spans="1:10" x14ac:dyDescent="0.35">
      <c r="A12238" s="1" t="s">
        <v>46798</v>
      </c>
      <c r="B12238" s="1" t="s">
        <v>43766</v>
      </c>
      <c r="C12238" s="1" t="s">
        <v>140</v>
      </c>
      <c r="D12238" s="1" t="s">
        <v>7215</v>
      </c>
      <c r="E12238" s="1" t="s">
        <v>46889</v>
      </c>
      <c r="F12238" s="1" t="s">
        <v>46890</v>
      </c>
      <c r="G12238" s="1" t="s">
        <v>46802</v>
      </c>
      <c r="H12238" s="1" t="s">
        <v>46803</v>
      </c>
      <c r="I12238" s="1" t="s">
        <v>43772</v>
      </c>
      <c r="J12238" s="1" t="s">
        <v>46891</v>
      </c>
    </row>
    <row r="12239" spans="1:10" x14ac:dyDescent="0.35">
      <c r="A12239" s="1" t="s">
        <v>46798</v>
      </c>
      <c r="B12239" s="1" t="s">
        <v>43766</v>
      </c>
      <c r="C12239" s="1" t="s">
        <v>145</v>
      </c>
      <c r="D12239" s="1" t="s">
        <v>31296</v>
      </c>
      <c r="E12239" s="1" t="s">
        <v>46892</v>
      </c>
      <c r="F12239" s="1" t="s">
        <v>46893</v>
      </c>
      <c r="G12239" s="1" t="s">
        <v>46802</v>
      </c>
      <c r="H12239" s="1" t="s">
        <v>46803</v>
      </c>
      <c r="I12239" s="1" t="s">
        <v>43772</v>
      </c>
      <c r="J12239" s="1" t="s">
        <v>46894</v>
      </c>
    </row>
    <row r="12240" spans="1:10" x14ac:dyDescent="0.35">
      <c r="A12240" s="1" t="s">
        <v>46798</v>
      </c>
      <c r="B12240" s="1" t="s">
        <v>43766</v>
      </c>
      <c r="C12240" s="1" t="s">
        <v>150</v>
      </c>
      <c r="D12240" s="1" t="s">
        <v>46895</v>
      </c>
      <c r="E12240" s="1" t="s">
        <v>46896</v>
      </c>
      <c r="F12240" s="1" t="s">
        <v>46897</v>
      </c>
      <c r="G12240" s="1" t="s">
        <v>46802</v>
      </c>
      <c r="H12240" s="1" t="s">
        <v>46803</v>
      </c>
      <c r="I12240" s="1" t="s">
        <v>43772</v>
      </c>
      <c r="J12240" s="1" t="s">
        <v>46898</v>
      </c>
    </row>
    <row r="12241" spans="1:10" x14ac:dyDescent="0.35">
      <c r="A12241" s="1" t="s">
        <v>46798</v>
      </c>
      <c r="B12241" s="1" t="s">
        <v>43766</v>
      </c>
      <c r="C12241" s="1" t="s">
        <v>155</v>
      </c>
      <c r="D12241" s="1" t="s">
        <v>46899</v>
      </c>
      <c r="E12241" s="1" t="s">
        <v>46900</v>
      </c>
      <c r="F12241" s="1" t="s">
        <v>46901</v>
      </c>
      <c r="G12241" s="1" t="s">
        <v>46802</v>
      </c>
      <c r="H12241" s="1" t="s">
        <v>46803</v>
      </c>
      <c r="I12241" s="1" t="s">
        <v>43772</v>
      </c>
      <c r="J12241" s="1" t="s">
        <v>46902</v>
      </c>
    </row>
    <row r="12242" spans="1:10" x14ac:dyDescent="0.35">
      <c r="A12242" s="1" t="s">
        <v>46798</v>
      </c>
      <c r="B12242" s="1" t="s">
        <v>43766</v>
      </c>
      <c r="C12242" s="1" t="s">
        <v>160</v>
      </c>
      <c r="D12242" s="1" t="s">
        <v>46903</v>
      </c>
      <c r="E12242" s="1" t="s">
        <v>46904</v>
      </c>
      <c r="F12242" s="1" t="s">
        <v>46905</v>
      </c>
      <c r="G12242" s="1" t="s">
        <v>46802</v>
      </c>
      <c r="H12242" s="1" t="s">
        <v>46803</v>
      </c>
      <c r="I12242" s="1" t="s">
        <v>43772</v>
      </c>
      <c r="J12242" s="1" t="s">
        <v>46906</v>
      </c>
    </row>
    <row r="12243" spans="1:10" x14ac:dyDescent="0.35">
      <c r="A12243" s="1" t="s">
        <v>46798</v>
      </c>
      <c r="B12243" s="1" t="s">
        <v>43766</v>
      </c>
      <c r="C12243" s="1" t="s">
        <v>165</v>
      </c>
      <c r="D12243" s="1" t="s">
        <v>46907</v>
      </c>
      <c r="E12243" s="1" t="s">
        <v>46908</v>
      </c>
      <c r="F12243" s="1" t="s">
        <v>46909</v>
      </c>
      <c r="G12243" s="1" t="s">
        <v>46802</v>
      </c>
      <c r="H12243" s="1" t="s">
        <v>46803</v>
      </c>
      <c r="I12243" s="1" t="s">
        <v>43772</v>
      </c>
      <c r="J12243" s="1" t="s">
        <v>46910</v>
      </c>
    </row>
    <row r="12244" spans="1:10" x14ac:dyDescent="0.35">
      <c r="A12244" s="1" t="s">
        <v>46798</v>
      </c>
      <c r="B12244" s="1" t="s">
        <v>43766</v>
      </c>
      <c r="C12244" s="1" t="s">
        <v>170</v>
      </c>
      <c r="D12244" s="1" t="s">
        <v>46911</v>
      </c>
      <c r="E12244" s="1" t="s">
        <v>46912</v>
      </c>
      <c r="F12244" s="1" t="s">
        <v>46913</v>
      </c>
      <c r="G12244" s="1" t="s">
        <v>46802</v>
      </c>
      <c r="H12244" s="1" t="s">
        <v>46803</v>
      </c>
      <c r="I12244" s="1" t="s">
        <v>43772</v>
      </c>
      <c r="J12244" s="1" t="s">
        <v>46914</v>
      </c>
    </row>
    <row r="12245" spans="1:10" x14ac:dyDescent="0.35">
      <c r="A12245" s="1" t="s">
        <v>46915</v>
      </c>
      <c r="B12245" s="1" t="s">
        <v>43766</v>
      </c>
      <c r="C12245" s="1" t="s">
        <v>8</v>
      </c>
      <c r="D12245" s="1" t="s">
        <v>46916</v>
      </c>
      <c r="E12245" s="1" t="s">
        <v>46917</v>
      </c>
      <c r="F12245" s="1" t="s">
        <v>46918</v>
      </c>
      <c r="G12245" s="1" t="s">
        <v>46919</v>
      </c>
      <c r="H12245" s="1" t="s">
        <v>46920</v>
      </c>
      <c r="I12245" s="1" t="s">
        <v>43772</v>
      </c>
      <c r="J12245" s="1" t="s">
        <v>13</v>
      </c>
    </row>
    <row r="12246" spans="1:10" x14ac:dyDescent="0.35">
      <c r="A12246" s="1" t="s">
        <v>46915</v>
      </c>
      <c r="B12246" s="1" t="s">
        <v>43766</v>
      </c>
      <c r="C12246" s="1" t="s">
        <v>15</v>
      </c>
      <c r="D12246" s="1" t="s">
        <v>4777</v>
      </c>
      <c r="E12246" s="1" t="s">
        <v>46921</v>
      </c>
      <c r="F12246" s="1" t="s">
        <v>46922</v>
      </c>
      <c r="G12246" s="1" t="s">
        <v>46919</v>
      </c>
      <c r="H12246" s="1" t="s">
        <v>46920</v>
      </c>
      <c r="I12246" s="1" t="s">
        <v>43772</v>
      </c>
      <c r="J12246" s="1" t="s">
        <v>46923</v>
      </c>
    </row>
    <row r="12247" spans="1:10" x14ac:dyDescent="0.35">
      <c r="A12247" s="1" t="s">
        <v>46915</v>
      </c>
      <c r="B12247" s="1" t="s">
        <v>43766</v>
      </c>
      <c r="C12247" s="1" t="s">
        <v>20</v>
      </c>
      <c r="D12247" s="1" t="s">
        <v>29689</v>
      </c>
      <c r="E12247" s="1" t="s">
        <v>46924</v>
      </c>
      <c r="F12247" s="1" t="s">
        <v>46925</v>
      </c>
      <c r="G12247" s="1" t="s">
        <v>46919</v>
      </c>
      <c r="H12247" s="1" t="s">
        <v>46920</v>
      </c>
      <c r="I12247" s="1" t="s">
        <v>43772</v>
      </c>
      <c r="J12247" s="1" t="s">
        <v>46926</v>
      </c>
    </row>
    <row r="12248" spans="1:10" x14ac:dyDescent="0.35">
      <c r="A12248" s="1" t="s">
        <v>46915</v>
      </c>
      <c r="B12248" s="1" t="s">
        <v>43766</v>
      </c>
      <c r="C12248" s="1" t="s">
        <v>25</v>
      </c>
      <c r="D12248" s="1" t="s">
        <v>46927</v>
      </c>
      <c r="E12248" s="1" t="s">
        <v>46928</v>
      </c>
      <c r="F12248" s="1" t="s">
        <v>46929</v>
      </c>
      <c r="G12248" s="1" t="s">
        <v>46919</v>
      </c>
      <c r="H12248" s="1" t="s">
        <v>46920</v>
      </c>
      <c r="I12248" s="1" t="s">
        <v>43772</v>
      </c>
      <c r="J12248" s="1" t="s">
        <v>46930</v>
      </c>
    </row>
    <row r="12249" spans="1:10" x14ac:dyDescent="0.35">
      <c r="A12249" s="1" t="s">
        <v>46915</v>
      </c>
      <c r="B12249" s="1" t="s">
        <v>43766</v>
      </c>
      <c r="C12249" s="1" t="s">
        <v>30</v>
      </c>
      <c r="D12249" s="1" t="s">
        <v>34660</v>
      </c>
      <c r="E12249" s="1" t="s">
        <v>46931</v>
      </c>
      <c r="F12249" s="1" t="s">
        <v>46932</v>
      </c>
      <c r="G12249" s="1" t="s">
        <v>46919</v>
      </c>
      <c r="H12249" s="1" t="s">
        <v>46920</v>
      </c>
      <c r="I12249" s="1" t="s">
        <v>43772</v>
      </c>
      <c r="J12249" s="1" t="s">
        <v>46933</v>
      </c>
    </row>
    <row r="12250" spans="1:10" x14ac:dyDescent="0.35">
      <c r="A12250" s="1" t="s">
        <v>46915</v>
      </c>
      <c r="B12250" s="1" t="s">
        <v>43766</v>
      </c>
      <c r="C12250" s="1" t="s">
        <v>35</v>
      </c>
      <c r="D12250" s="1" t="s">
        <v>46934</v>
      </c>
      <c r="E12250" s="1" t="s">
        <v>46935</v>
      </c>
      <c r="F12250" s="1" t="s">
        <v>46936</v>
      </c>
      <c r="G12250" s="1" t="s">
        <v>46919</v>
      </c>
      <c r="H12250" s="1" t="s">
        <v>46920</v>
      </c>
      <c r="I12250" s="1" t="s">
        <v>43772</v>
      </c>
      <c r="J12250" s="1" t="s">
        <v>46937</v>
      </c>
    </row>
    <row r="12251" spans="1:10" x14ac:dyDescent="0.35">
      <c r="A12251" s="1" t="s">
        <v>46915</v>
      </c>
      <c r="B12251" s="1" t="s">
        <v>43766</v>
      </c>
      <c r="C12251" s="1" t="s">
        <v>40</v>
      </c>
      <c r="D12251" s="1" t="s">
        <v>46938</v>
      </c>
      <c r="E12251" s="1" t="s">
        <v>46939</v>
      </c>
      <c r="F12251" s="1" t="s">
        <v>46940</v>
      </c>
      <c r="G12251" s="1" t="s">
        <v>46919</v>
      </c>
      <c r="H12251" s="1" t="s">
        <v>46920</v>
      </c>
      <c r="I12251" s="1" t="s">
        <v>43772</v>
      </c>
      <c r="J12251" s="1" t="s">
        <v>46941</v>
      </c>
    </row>
    <row r="12252" spans="1:10" x14ac:dyDescent="0.35">
      <c r="A12252" s="1" t="s">
        <v>46915</v>
      </c>
      <c r="B12252" s="1" t="s">
        <v>43766</v>
      </c>
      <c r="C12252" s="1" t="s">
        <v>45</v>
      </c>
      <c r="D12252" s="1" t="s">
        <v>46942</v>
      </c>
      <c r="E12252" s="1" t="s">
        <v>46943</v>
      </c>
      <c r="F12252" s="1" t="s">
        <v>46944</v>
      </c>
      <c r="G12252" s="1" t="s">
        <v>46919</v>
      </c>
      <c r="H12252" s="1" t="s">
        <v>46920</v>
      </c>
      <c r="I12252" s="1" t="s">
        <v>43772</v>
      </c>
      <c r="J12252" s="1" t="s">
        <v>46945</v>
      </c>
    </row>
    <row r="12253" spans="1:10" x14ac:dyDescent="0.35">
      <c r="A12253" s="1" t="s">
        <v>46915</v>
      </c>
      <c r="B12253" s="1" t="s">
        <v>43766</v>
      </c>
      <c r="C12253" s="1" t="s">
        <v>50</v>
      </c>
      <c r="D12253" s="1" t="s">
        <v>46946</v>
      </c>
      <c r="E12253" s="1" t="s">
        <v>46947</v>
      </c>
      <c r="F12253" s="1" t="s">
        <v>46948</v>
      </c>
      <c r="G12253" s="1" t="s">
        <v>46919</v>
      </c>
      <c r="H12253" s="1" t="s">
        <v>46920</v>
      </c>
      <c r="I12253" s="1" t="s">
        <v>43772</v>
      </c>
      <c r="J12253" s="1" t="s">
        <v>46949</v>
      </c>
    </row>
    <row r="12254" spans="1:10" x14ac:dyDescent="0.35">
      <c r="A12254" s="1" t="s">
        <v>46915</v>
      </c>
      <c r="B12254" s="1" t="s">
        <v>43766</v>
      </c>
      <c r="C12254" s="1" t="s">
        <v>55</v>
      </c>
      <c r="D12254" s="1" t="s">
        <v>46950</v>
      </c>
      <c r="E12254" s="1" t="s">
        <v>46951</v>
      </c>
      <c r="F12254" s="1" t="s">
        <v>46952</v>
      </c>
      <c r="G12254" s="1" t="s">
        <v>46919</v>
      </c>
      <c r="H12254" s="1" t="s">
        <v>46920</v>
      </c>
      <c r="I12254" s="1" t="s">
        <v>43772</v>
      </c>
      <c r="J12254" s="1" t="s">
        <v>46953</v>
      </c>
    </row>
    <row r="12255" spans="1:10" x14ac:dyDescent="0.35">
      <c r="A12255" s="1" t="s">
        <v>46915</v>
      </c>
      <c r="B12255" s="1" t="s">
        <v>43766</v>
      </c>
      <c r="C12255" s="1" t="s">
        <v>60</v>
      </c>
      <c r="D12255" s="1" t="s">
        <v>46954</v>
      </c>
      <c r="E12255" s="1" t="s">
        <v>46955</v>
      </c>
      <c r="F12255" s="1" t="s">
        <v>46956</v>
      </c>
      <c r="G12255" s="1" t="s">
        <v>46919</v>
      </c>
      <c r="H12255" s="1" t="s">
        <v>46920</v>
      </c>
      <c r="I12255" s="1" t="s">
        <v>43772</v>
      </c>
      <c r="J12255" s="1" t="s">
        <v>46957</v>
      </c>
    </row>
    <row r="12256" spans="1:10" x14ac:dyDescent="0.35">
      <c r="A12256" s="1" t="s">
        <v>46915</v>
      </c>
      <c r="B12256" s="1" t="s">
        <v>43766</v>
      </c>
      <c r="C12256" s="1" t="s">
        <v>65</v>
      </c>
      <c r="D12256" s="1" t="s">
        <v>613</v>
      </c>
      <c r="E12256" s="1" t="s">
        <v>46958</v>
      </c>
      <c r="F12256" s="1" t="s">
        <v>46959</v>
      </c>
      <c r="G12256" s="1" t="s">
        <v>46919</v>
      </c>
      <c r="H12256" s="1" t="s">
        <v>46920</v>
      </c>
      <c r="I12256" s="1" t="s">
        <v>43772</v>
      </c>
      <c r="J12256" s="1" t="s">
        <v>46960</v>
      </c>
    </row>
    <row r="12257" spans="1:10" x14ac:dyDescent="0.35">
      <c r="A12257" s="1" t="s">
        <v>46915</v>
      </c>
      <c r="B12257" s="1" t="s">
        <v>43766</v>
      </c>
      <c r="C12257" s="1" t="s">
        <v>70</v>
      </c>
      <c r="D12257" s="1" t="s">
        <v>46961</v>
      </c>
      <c r="E12257" s="1" t="s">
        <v>46962</v>
      </c>
      <c r="F12257" s="1" t="s">
        <v>46963</v>
      </c>
      <c r="G12257" s="1" t="s">
        <v>46919</v>
      </c>
      <c r="H12257" s="1" t="s">
        <v>46920</v>
      </c>
      <c r="I12257" s="1" t="s">
        <v>43772</v>
      </c>
      <c r="J12257" s="1" t="s">
        <v>46964</v>
      </c>
    </row>
    <row r="12258" spans="1:10" x14ac:dyDescent="0.35">
      <c r="A12258" s="1" t="s">
        <v>46915</v>
      </c>
      <c r="B12258" s="1" t="s">
        <v>43766</v>
      </c>
      <c r="C12258" s="1" t="s">
        <v>75</v>
      </c>
      <c r="D12258" s="1" t="s">
        <v>46965</v>
      </c>
      <c r="E12258" s="1" t="s">
        <v>46966</v>
      </c>
      <c r="F12258" s="1" t="s">
        <v>46967</v>
      </c>
      <c r="G12258" s="1" t="s">
        <v>46919</v>
      </c>
      <c r="H12258" s="1" t="s">
        <v>46920</v>
      </c>
      <c r="I12258" s="1" t="s">
        <v>43772</v>
      </c>
      <c r="J12258" s="1" t="s">
        <v>46968</v>
      </c>
    </row>
    <row r="12259" spans="1:10" x14ac:dyDescent="0.35">
      <c r="A12259" s="1" t="s">
        <v>46915</v>
      </c>
      <c r="B12259" s="1" t="s">
        <v>43766</v>
      </c>
      <c r="C12259" s="1" t="s">
        <v>80</v>
      </c>
      <c r="D12259" s="1" t="s">
        <v>10776</v>
      </c>
      <c r="E12259" s="1" t="s">
        <v>46969</v>
      </c>
      <c r="F12259" s="1" t="s">
        <v>46970</v>
      </c>
      <c r="G12259" s="1" t="s">
        <v>46919</v>
      </c>
      <c r="H12259" s="1" t="s">
        <v>46920</v>
      </c>
      <c r="I12259" s="1" t="s">
        <v>43772</v>
      </c>
      <c r="J12259" s="1" t="s">
        <v>46971</v>
      </c>
    </row>
    <row r="12260" spans="1:10" x14ac:dyDescent="0.35">
      <c r="A12260" s="1" t="s">
        <v>46915</v>
      </c>
      <c r="B12260" s="1" t="s">
        <v>43766</v>
      </c>
      <c r="C12260" s="1" t="s">
        <v>85</v>
      </c>
      <c r="D12260" s="1" t="s">
        <v>46972</v>
      </c>
      <c r="E12260" s="1" t="s">
        <v>46973</v>
      </c>
      <c r="F12260" s="1" t="s">
        <v>46974</v>
      </c>
      <c r="G12260" s="1" t="s">
        <v>46919</v>
      </c>
      <c r="H12260" s="1" t="s">
        <v>46920</v>
      </c>
      <c r="I12260" s="1" t="s">
        <v>43772</v>
      </c>
      <c r="J12260" s="1" t="s">
        <v>46975</v>
      </c>
    </row>
    <row r="12261" spans="1:10" x14ac:dyDescent="0.35">
      <c r="A12261" s="1" t="s">
        <v>46915</v>
      </c>
      <c r="B12261" s="1" t="s">
        <v>43766</v>
      </c>
      <c r="C12261" s="1" t="s">
        <v>90</v>
      </c>
      <c r="D12261" s="1" t="s">
        <v>46976</v>
      </c>
      <c r="E12261" s="1" t="s">
        <v>46977</v>
      </c>
      <c r="F12261" s="1" t="s">
        <v>46978</v>
      </c>
      <c r="G12261" s="1" t="s">
        <v>46919</v>
      </c>
      <c r="H12261" s="1" t="s">
        <v>46920</v>
      </c>
      <c r="I12261" s="1" t="s">
        <v>43772</v>
      </c>
      <c r="J12261" s="1" t="s">
        <v>46979</v>
      </c>
    </row>
    <row r="12262" spans="1:10" x14ac:dyDescent="0.35">
      <c r="A12262" s="1" t="s">
        <v>46915</v>
      </c>
      <c r="B12262" s="1" t="s">
        <v>43766</v>
      </c>
      <c r="C12262" s="1" t="s">
        <v>95</v>
      </c>
      <c r="D12262" s="1" t="s">
        <v>2453</v>
      </c>
      <c r="E12262" s="1" t="s">
        <v>46980</v>
      </c>
      <c r="F12262" s="1" t="s">
        <v>46981</v>
      </c>
      <c r="G12262" s="1" t="s">
        <v>46919</v>
      </c>
      <c r="H12262" s="1" t="s">
        <v>46920</v>
      </c>
      <c r="I12262" s="1" t="s">
        <v>43772</v>
      </c>
      <c r="J12262" s="1" t="s">
        <v>46982</v>
      </c>
    </row>
    <row r="12263" spans="1:10" x14ac:dyDescent="0.35">
      <c r="A12263" s="1" t="s">
        <v>46915</v>
      </c>
      <c r="B12263" s="1" t="s">
        <v>43766</v>
      </c>
      <c r="C12263" s="1" t="s">
        <v>100</v>
      </c>
      <c r="D12263" s="1" t="s">
        <v>46983</v>
      </c>
      <c r="E12263" s="1" t="s">
        <v>46984</v>
      </c>
      <c r="F12263" s="1" t="s">
        <v>46985</v>
      </c>
      <c r="G12263" s="1" t="s">
        <v>46919</v>
      </c>
      <c r="H12263" s="1" t="s">
        <v>46920</v>
      </c>
      <c r="I12263" s="1" t="s">
        <v>43772</v>
      </c>
      <c r="J12263" s="1" t="s">
        <v>46986</v>
      </c>
    </row>
    <row r="12264" spans="1:10" x14ac:dyDescent="0.35">
      <c r="A12264" s="1" t="s">
        <v>46915</v>
      </c>
      <c r="B12264" s="1" t="s">
        <v>43766</v>
      </c>
      <c r="C12264" s="1" t="s">
        <v>105</v>
      </c>
      <c r="D12264" s="1" t="s">
        <v>46987</v>
      </c>
      <c r="E12264" s="1" t="s">
        <v>46988</v>
      </c>
      <c r="F12264" s="1" t="s">
        <v>46989</v>
      </c>
      <c r="G12264" s="1" t="s">
        <v>46919</v>
      </c>
      <c r="H12264" s="1" t="s">
        <v>46920</v>
      </c>
      <c r="I12264" s="1" t="s">
        <v>43772</v>
      </c>
      <c r="J12264" s="1" t="s">
        <v>46990</v>
      </c>
    </row>
    <row r="12265" spans="1:10" x14ac:dyDescent="0.35">
      <c r="A12265" s="1" t="s">
        <v>46915</v>
      </c>
      <c r="B12265" s="1" t="s">
        <v>43766</v>
      </c>
      <c r="C12265" s="1" t="s">
        <v>110</v>
      </c>
      <c r="D12265" s="1" t="s">
        <v>14390</v>
      </c>
      <c r="E12265" s="1" t="s">
        <v>46991</v>
      </c>
      <c r="F12265" s="1" t="s">
        <v>46992</v>
      </c>
      <c r="G12265" s="1" t="s">
        <v>46919</v>
      </c>
      <c r="H12265" s="1" t="s">
        <v>46920</v>
      </c>
      <c r="I12265" s="1" t="s">
        <v>43772</v>
      </c>
      <c r="J12265" s="1" t="s">
        <v>46993</v>
      </c>
    </row>
    <row r="12266" spans="1:10" x14ac:dyDescent="0.35">
      <c r="A12266" s="1" t="s">
        <v>46915</v>
      </c>
      <c r="B12266" s="1" t="s">
        <v>43766</v>
      </c>
      <c r="C12266" s="1" t="s">
        <v>115</v>
      </c>
      <c r="D12266" s="1" t="s">
        <v>46994</v>
      </c>
      <c r="E12266" s="1" t="s">
        <v>46995</v>
      </c>
      <c r="F12266" s="1" t="s">
        <v>46996</v>
      </c>
      <c r="G12266" s="1" t="s">
        <v>46919</v>
      </c>
      <c r="H12266" s="1" t="s">
        <v>46920</v>
      </c>
      <c r="I12266" s="1" t="s">
        <v>43772</v>
      </c>
      <c r="J12266" s="1" t="s">
        <v>46997</v>
      </c>
    </row>
    <row r="12267" spans="1:10" x14ac:dyDescent="0.35">
      <c r="A12267" s="1" t="s">
        <v>46915</v>
      </c>
      <c r="B12267" s="1" t="s">
        <v>43766</v>
      </c>
      <c r="C12267" s="1" t="s">
        <v>120</v>
      </c>
      <c r="D12267" s="1" t="s">
        <v>46998</v>
      </c>
      <c r="E12267" s="1" t="s">
        <v>46999</v>
      </c>
      <c r="F12267" s="1" t="s">
        <v>47000</v>
      </c>
      <c r="G12267" s="1" t="s">
        <v>46919</v>
      </c>
      <c r="H12267" s="1" t="s">
        <v>46920</v>
      </c>
      <c r="I12267" s="1" t="s">
        <v>43772</v>
      </c>
      <c r="J12267" s="1" t="s">
        <v>47001</v>
      </c>
    </row>
    <row r="12268" spans="1:10" x14ac:dyDescent="0.35">
      <c r="A12268" s="1" t="s">
        <v>46915</v>
      </c>
      <c r="B12268" s="1" t="s">
        <v>43766</v>
      </c>
      <c r="C12268" s="1" t="s">
        <v>125</v>
      </c>
      <c r="D12268" s="1" t="s">
        <v>47002</v>
      </c>
      <c r="E12268" s="1" t="s">
        <v>47003</v>
      </c>
      <c r="F12268" s="1" t="s">
        <v>47004</v>
      </c>
      <c r="G12268" s="1" t="s">
        <v>46919</v>
      </c>
      <c r="H12268" s="1" t="s">
        <v>46920</v>
      </c>
      <c r="I12268" s="1" t="s">
        <v>43772</v>
      </c>
      <c r="J12268" s="1" t="s">
        <v>47005</v>
      </c>
    </row>
    <row r="12269" spans="1:10" x14ac:dyDescent="0.35">
      <c r="A12269" s="1" t="s">
        <v>46915</v>
      </c>
      <c r="B12269" s="1" t="s">
        <v>43766</v>
      </c>
      <c r="C12269" s="1" t="s">
        <v>130</v>
      </c>
      <c r="D12269" s="1" t="s">
        <v>47006</v>
      </c>
      <c r="E12269" s="1" t="s">
        <v>47007</v>
      </c>
      <c r="F12269" s="1" t="s">
        <v>47008</v>
      </c>
      <c r="G12269" s="1" t="s">
        <v>46919</v>
      </c>
      <c r="H12269" s="1" t="s">
        <v>46920</v>
      </c>
      <c r="I12269" s="1" t="s">
        <v>43772</v>
      </c>
      <c r="J12269" s="1" t="s">
        <v>47009</v>
      </c>
    </row>
    <row r="12270" spans="1:10" x14ac:dyDescent="0.35">
      <c r="A12270" s="1" t="s">
        <v>46915</v>
      </c>
      <c r="B12270" s="1" t="s">
        <v>43766</v>
      </c>
      <c r="C12270" s="1" t="s">
        <v>135</v>
      </c>
      <c r="D12270" s="1" t="s">
        <v>47010</v>
      </c>
      <c r="E12270" s="1" t="s">
        <v>47011</v>
      </c>
      <c r="F12270" s="1" t="s">
        <v>47012</v>
      </c>
      <c r="G12270" s="1" t="s">
        <v>46919</v>
      </c>
      <c r="H12270" s="1" t="s">
        <v>46920</v>
      </c>
      <c r="I12270" s="1" t="s">
        <v>43772</v>
      </c>
      <c r="J12270" s="1" t="s">
        <v>47013</v>
      </c>
    </row>
    <row r="12271" spans="1:10" x14ac:dyDescent="0.35">
      <c r="A12271" s="1" t="s">
        <v>46915</v>
      </c>
      <c r="B12271" s="1" t="s">
        <v>43766</v>
      </c>
      <c r="C12271" s="1" t="s">
        <v>140</v>
      </c>
      <c r="D12271" s="1" t="s">
        <v>47014</v>
      </c>
      <c r="E12271" s="1" t="s">
        <v>47015</v>
      </c>
      <c r="F12271" s="1" t="s">
        <v>47016</v>
      </c>
      <c r="G12271" s="1" t="s">
        <v>46919</v>
      </c>
      <c r="H12271" s="1" t="s">
        <v>46920</v>
      </c>
      <c r="I12271" s="1" t="s">
        <v>43772</v>
      </c>
      <c r="J12271" s="1" t="s">
        <v>47017</v>
      </c>
    </row>
    <row r="12272" spans="1:10" x14ac:dyDescent="0.35">
      <c r="A12272" s="1" t="s">
        <v>46915</v>
      </c>
      <c r="B12272" s="1" t="s">
        <v>43766</v>
      </c>
      <c r="C12272" s="1" t="s">
        <v>145</v>
      </c>
      <c r="D12272" s="1" t="s">
        <v>12503</v>
      </c>
      <c r="E12272" s="1" t="s">
        <v>47018</v>
      </c>
      <c r="F12272" s="1" t="s">
        <v>47019</v>
      </c>
      <c r="G12272" s="1" t="s">
        <v>46919</v>
      </c>
      <c r="H12272" s="1" t="s">
        <v>46920</v>
      </c>
      <c r="I12272" s="1" t="s">
        <v>43772</v>
      </c>
      <c r="J12272" s="1" t="s">
        <v>47020</v>
      </c>
    </row>
    <row r="12273" spans="1:10" x14ac:dyDescent="0.35">
      <c r="A12273" s="1" t="s">
        <v>46915</v>
      </c>
      <c r="B12273" s="1" t="s">
        <v>43766</v>
      </c>
      <c r="C12273" s="1" t="s">
        <v>150</v>
      </c>
      <c r="D12273" s="1" t="s">
        <v>47021</v>
      </c>
      <c r="E12273" s="1" t="s">
        <v>47022</v>
      </c>
      <c r="F12273" s="1" t="s">
        <v>47023</v>
      </c>
      <c r="G12273" s="1" t="s">
        <v>46919</v>
      </c>
      <c r="H12273" s="1" t="s">
        <v>46920</v>
      </c>
      <c r="I12273" s="1" t="s">
        <v>43772</v>
      </c>
      <c r="J12273" s="1" t="s">
        <v>47024</v>
      </c>
    </row>
    <row r="12274" spans="1:10" x14ac:dyDescent="0.35">
      <c r="A12274" s="1" t="s">
        <v>46915</v>
      </c>
      <c r="B12274" s="1" t="s">
        <v>43766</v>
      </c>
      <c r="C12274" s="1" t="s">
        <v>155</v>
      </c>
      <c r="D12274" s="1" t="s">
        <v>39464</v>
      </c>
      <c r="E12274" s="1" t="s">
        <v>47025</v>
      </c>
      <c r="F12274" s="1" t="s">
        <v>47026</v>
      </c>
      <c r="G12274" s="1" t="s">
        <v>46919</v>
      </c>
      <c r="H12274" s="1" t="s">
        <v>46920</v>
      </c>
      <c r="I12274" s="1" t="s">
        <v>43772</v>
      </c>
      <c r="J12274" s="1" t="s">
        <v>47027</v>
      </c>
    </row>
    <row r="12275" spans="1:10" x14ac:dyDescent="0.35">
      <c r="A12275" s="1" t="s">
        <v>46915</v>
      </c>
      <c r="B12275" s="1" t="s">
        <v>43766</v>
      </c>
      <c r="C12275" s="1" t="s">
        <v>160</v>
      </c>
      <c r="D12275" s="1" t="s">
        <v>47028</v>
      </c>
      <c r="E12275" s="1" t="s">
        <v>47029</v>
      </c>
      <c r="F12275" s="1" t="s">
        <v>47030</v>
      </c>
      <c r="G12275" s="1" t="s">
        <v>46919</v>
      </c>
      <c r="H12275" s="1" t="s">
        <v>46920</v>
      </c>
      <c r="I12275" s="1" t="s">
        <v>43772</v>
      </c>
      <c r="J12275" s="1" t="s">
        <v>47031</v>
      </c>
    </row>
    <row r="12276" spans="1:10" x14ac:dyDescent="0.35">
      <c r="A12276" s="1" t="s">
        <v>46915</v>
      </c>
      <c r="B12276" s="1" t="s">
        <v>43766</v>
      </c>
      <c r="C12276" s="1" t="s">
        <v>165</v>
      </c>
      <c r="D12276" s="1" t="s">
        <v>47032</v>
      </c>
      <c r="E12276" s="1" t="s">
        <v>47033</v>
      </c>
      <c r="F12276" s="1" t="s">
        <v>47034</v>
      </c>
      <c r="G12276" s="1" t="s">
        <v>46919</v>
      </c>
      <c r="H12276" s="1" t="s">
        <v>46920</v>
      </c>
      <c r="I12276" s="1" t="s">
        <v>43772</v>
      </c>
      <c r="J12276" s="1" t="s">
        <v>47035</v>
      </c>
    </row>
    <row r="12277" spans="1:10" x14ac:dyDescent="0.35">
      <c r="A12277" s="1" t="s">
        <v>46915</v>
      </c>
      <c r="B12277" s="1" t="s">
        <v>43766</v>
      </c>
      <c r="C12277" s="1" t="s">
        <v>170</v>
      </c>
      <c r="D12277" s="1" t="s">
        <v>47036</v>
      </c>
      <c r="E12277" s="1" t="s">
        <v>47037</v>
      </c>
      <c r="F12277" s="1" t="s">
        <v>47038</v>
      </c>
      <c r="G12277" s="1" t="s">
        <v>46919</v>
      </c>
      <c r="H12277" s="1" t="s">
        <v>46920</v>
      </c>
      <c r="I12277" s="1" t="s">
        <v>43772</v>
      </c>
      <c r="J12277" s="1" t="s">
        <v>47039</v>
      </c>
    </row>
    <row r="12278" spans="1:10" x14ac:dyDescent="0.35">
      <c r="A12278" s="1" t="s">
        <v>47040</v>
      </c>
      <c r="B12278" s="1" t="s">
        <v>43766</v>
      </c>
      <c r="C12278" s="1" t="s">
        <v>8</v>
      </c>
      <c r="D12278" s="1" t="s">
        <v>25845</v>
      </c>
      <c r="E12278" s="1" t="s">
        <v>47041</v>
      </c>
      <c r="F12278" s="1" t="s">
        <v>47042</v>
      </c>
      <c r="G12278" s="1" t="s">
        <v>47043</v>
      </c>
      <c r="H12278" s="1" t="s">
        <v>47044</v>
      </c>
      <c r="I12278" s="1" t="s">
        <v>43772</v>
      </c>
      <c r="J12278" s="1" t="s">
        <v>13</v>
      </c>
    </row>
    <row r="12279" spans="1:10" x14ac:dyDescent="0.35">
      <c r="A12279" s="1" t="s">
        <v>47040</v>
      </c>
      <c r="B12279" s="1" t="s">
        <v>43766</v>
      </c>
      <c r="C12279" s="1" t="s">
        <v>15</v>
      </c>
      <c r="D12279" s="1" t="s">
        <v>2155</v>
      </c>
      <c r="E12279" s="1" t="s">
        <v>47045</v>
      </c>
      <c r="F12279" s="1" t="s">
        <v>47046</v>
      </c>
      <c r="G12279" s="1" t="s">
        <v>47043</v>
      </c>
      <c r="H12279" s="1" t="s">
        <v>47044</v>
      </c>
      <c r="I12279" s="1" t="s">
        <v>43772</v>
      </c>
      <c r="J12279" s="1" t="s">
        <v>47047</v>
      </c>
    </row>
    <row r="12280" spans="1:10" x14ac:dyDescent="0.35">
      <c r="A12280" s="1" t="s">
        <v>47040</v>
      </c>
      <c r="B12280" s="1" t="s">
        <v>43766</v>
      </c>
      <c r="C12280" s="1" t="s">
        <v>20</v>
      </c>
      <c r="D12280" s="1" t="s">
        <v>5686</v>
      </c>
      <c r="E12280" s="1" t="s">
        <v>47048</v>
      </c>
      <c r="F12280" s="1" t="s">
        <v>47049</v>
      </c>
      <c r="G12280" s="1" t="s">
        <v>47043</v>
      </c>
      <c r="H12280" s="1" t="s">
        <v>47044</v>
      </c>
      <c r="I12280" s="1" t="s">
        <v>43772</v>
      </c>
      <c r="J12280" s="1" t="s">
        <v>47050</v>
      </c>
    </row>
    <row r="12281" spans="1:10" x14ac:dyDescent="0.35">
      <c r="A12281" s="1" t="s">
        <v>47040</v>
      </c>
      <c r="B12281" s="1" t="s">
        <v>43766</v>
      </c>
      <c r="C12281" s="1" t="s">
        <v>25</v>
      </c>
      <c r="D12281" s="1" t="s">
        <v>25379</v>
      </c>
      <c r="E12281" s="1" t="s">
        <v>47051</v>
      </c>
      <c r="F12281" s="1" t="s">
        <v>47052</v>
      </c>
      <c r="G12281" s="1" t="s">
        <v>47043</v>
      </c>
      <c r="H12281" s="1" t="s">
        <v>47044</v>
      </c>
      <c r="I12281" s="1" t="s">
        <v>43772</v>
      </c>
      <c r="J12281" s="1" t="s">
        <v>47053</v>
      </c>
    </row>
    <row r="12282" spans="1:10" x14ac:dyDescent="0.35">
      <c r="A12282" s="1" t="s">
        <v>47040</v>
      </c>
      <c r="B12282" s="1" t="s">
        <v>43766</v>
      </c>
      <c r="C12282" s="1" t="s">
        <v>30</v>
      </c>
      <c r="D12282" s="1" t="s">
        <v>47054</v>
      </c>
      <c r="E12282" s="1" t="s">
        <v>47055</v>
      </c>
      <c r="F12282" s="1" t="s">
        <v>47056</v>
      </c>
      <c r="G12282" s="1" t="s">
        <v>47043</v>
      </c>
      <c r="H12282" s="1" t="s">
        <v>47044</v>
      </c>
      <c r="I12282" s="1" t="s">
        <v>43772</v>
      </c>
      <c r="J12282" s="1" t="s">
        <v>47057</v>
      </c>
    </row>
    <row r="12283" spans="1:10" x14ac:dyDescent="0.35">
      <c r="A12283" s="1" t="s">
        <v>47040</v>
      </c>
      <c r="B12283" s="1" t="s">
        <v>43766</v>
      </c>
      <c r="C12283" s="1" t="s">
        <v>35</v>
      </c>
      <c r="D12283" s="1" t="s">
        <v>5705</v>
      </c>
      <c r="E12283" s="1" t="s">
        <v>47058</v>
      </c>
      <c r="F12283" s="1" t="s">
        <v>47059</v>
      </c>
      <c r="G12283" s="1" t="s">
        <v>47043</v>
      </c>
      <c r="H12283" s="1" t="s">
        <v>47044</v>
      </c>
      <c r="I12283" s="1" t="s">
        <v>43772</v>
      </c>
      <c r="J12283" s="1" t="s">
        <v>47060</v>
      </c>
    </row>
    <row r="12284" spans="1:10" x14ac:dyDescent="0.35">
      <c r="A12284" s="1" t="s">
        <v>47040</v>
      </c>
      <c r="B12284" s="1" t="s">
        <v>43766</v>
      </c>
      <c r="C12284" s="1" t="s">
        <v>40</v>
      </c>
      <c r="D12284" s="1" t="s">
        <v>8741</v>
      </c>
      <c r="E12284" s="1" t="s">
        <v>47061</v>
      </c>
      <c r="F12284" s="1" t="s">
        <v>47062</v>
      </c>
      <c r="G12284" s="1" t="s">
        <v>47043</v>
      </c>
      <c r="H12284" s="1" t="s">
        <v>47044</v>
      </c>
      <c r="I12284" s="1" t="s">
        <v>43772</v>
      </c>
      <c r="J12284" s="1" t="s">
        <v>47063</v>
      </c>
    </row>
    <row r="12285" spans="1:10" x14ac:dyDescent="0.35">
      <c r="A12285" s="1" t="s">
        <v>47040</v>
      </c>
      <c r="B12285" s="1" t="s">
        <v>43766</v>
      </c>
      <c r="C12285" s="1" t="s">
        <v>45</v>
      </c>
      <c r="D12285" s="1" t="s">
        <v>2051</v>
      </c>
      <c r="E12285" s="1" t="s">
        <v>47064</v>
      </c>
      <c r="F12285" s="1" t="s">
        <v>47065</v>
      </c>
      <c r="G12285" s="1" t="s">
        <v>47043</v>
      </c>
      <c r="H12285" s="1" t="s">
        <v>47044</v>
      </c>
      <c r="I12285" s="1" t="s">
        <v>43772</v>
      </c>
      <c r="J12285" s="1" t="s">
        <v>47066</v>
      </c>
    </row>
    <row r="12286" spans="1:10" x14ac:dyDescent="0.35">
      <c r="A12286" s="1" t="s">
        <v>47040</v>
      </c>
      <c r="B12286" s="1" t="s">
        <v>43766</v>
      </c>
      <c r="C12286" s="1" t="s">
        <v>50</v>
      </c>
      <c r="D12286" s="1" t="s">
        <v>47067</v>
      </c>
      <c r="E12286" s="1" t="s">
        <v>47068</v>
      </c>
      <c r="F12286" s="1" t="s">
        <v>47069</v>
      </c>
      <c r="G12286" s="1" t="s">
        <v>47043</v>
      </c>
      <c r="H12286" s="1" t="s">
        <v>47044</v>
      </c>
      <c r="I12286" s="1" t="s">
        <v>43772</v>
      </c>
      <c r="J12286" s="1" t="s">
        <v>47070</v>
      </c>
    </row>
    <row r="12287" spans="1:10" x14ac:dyDescent="0.35">
      <c r="A12287" s="1" t="s">
        <v>47040</v>
      </c>
      <c r="B12287" s="1" t="s">
        <v>43766</v>
      </c>
      <c r="C12287" s="1" t="s">
        <v>55</v>
      </c>
      <c r="D12287" s="1" t="s">
        <v>9995</v>
      </c>
      <c r="E12287" s="1" t="s">
        <v>47071</v>
      </c>
      <c r="F12287" s="1" t="s">
        <v>47072</v>
      </c>
      <c r="G12287" s="1" t="s">
        <v>47043</v>
      </c>
      <c r="H12287" s="1" t="s">
        <v>47044</v>
      </c>
      <c r="I12287" s="1" t="s">
        <v>43772</v>
      </c>
      <c r="J12287" s="1" t="s">
        <v>47073</v>
      </c>
    </row>
    <row r="12288" spans="1:10" x14ac:dyDescent="0.35">
      <c r="A12288" s="1" t="s">
        <v>47040</v>
      </c>
      <c r="B12288" s="1" t="s">
        <v>43766</v>
      </c>
      <c r="C12288" s="1" t="s">
        <v>60</v>
      </c>
      <c r="D12288" s="1" t="s">
        <v>37672</v>
      </c>
      <c r="E12288" s="1" t="s">
        <v>47074</v>
      </c>
      <c r="F12288" s="1" t="s">
        <v>47075</v>
      </c>
      <c r="G12288" s="1" t="s">
        <v>47043</v>
      </c>
      <c r="H12288" s="1" t="s">
        <v>47044</v>
      </c>
      <c r="I12288" s="1" t="s">
        <v>43772</v>
      </c>
      <c r="J12288" s="1" t="s">
        <v>47076</v>
      </c>
    </row>
    <row r="12289" spans="1:10" x14ac:dyDescent="0.35">
      <c r="A12289" s="1" t="s">
        <v>47040</v>
      </c>
      <c r="B12289" s="1" t="s">
        <v>43766</v>
      </c>
      <c r="C12289" s="1" t="s">
        <v>65</v>
      </c>
      <c r="D12289" s="1" t="s">
        <v>6512</v>
      </c>
      <c r="E12289" s="1" t="s">
        <v>47077</v>
      </c>
      <c r="F12289" s="1" t="s">
        <v>47078</v>
      </c>
      <c r="G12289" s="1" t="s">
        <v>47043</v>
      </c>
      <c r="H12289" s="1" t="s">
        <v>47044</v>
      </c>
      <c r="I12289" s="1" t="s">
        <v>43772</v>
      </c>
      <c r="J12289" s="1" t="s">
        <v>47079</v>
      </c>
    </row>
    <row r="12290" spans="1:10" x14ac:dyDescent="0.35">
      <c r="A12290" s="1" t="s">
        <v>47040</v>
      </c>
      <c r="B12290" s="1" t="s">
        <v>43766</v>
      </c>
      <c r="C12290" s="1" t="s">
        <v>70</v>
      </c>
      <c r="D12290" s="1" t="s">
        <v>47080</v>
      </c>
      <c r="E12290" s="1" t="s">
        <v>47081</v>
      </c>
      <c r="F12290" s="1" t="s">
        <v>47082</v>
      </c>
      <c r="G12290" s="1" t="s">
        <v>47043</v>
      </c>
      <c r="H12290" s="1" t="s">
        <v>47044</v>
      </c>
      <c r="I12290" s="1" t="s">
        <v>43772</v>
      </c>
      <c r="J12290" s="1" t="s">
        <v>47083</v>
      </c>
    </row>
    <row r="12291" spans="1:10" x14ac:dyDescent="0.35">
      <c r="A12291" s="1" t="s">
        <v>47040</v>
      </c>
      <c r="B12291" s="1" t="s">
        <v>43766</v>
      </c>
      <c r="C12291" s="1" t="s">
        <v>75</v>
      </c>
      <c r="D12291" s="1" t="s">
        <v>16332</v>
      </c>
      <c r="E12291" s="1" t="s">
        <v>47084</v>
      </c>
      <c r="F12291" s="1" t="s">
        <v>47085</v>
      </c>
      <c r="G12291" s="1" t="s">
        <v>47043</v>
      </c>
      <c r="H12291" s="1" t="s">
        <v>47044</v>
      </c>
      <c r="I12291" s="1" t="s">
        <v>43772</v>
      </c>
      <c r="J12291" s="1" t="s">
        <v>47086</v>
      </c>
    </row>
    <row r="12292" spans="1:10" x14ac:dyDescent="0.35">
      <c r="A12292" s="1" t="s">
        <v>47040</v>
      </c>
      <c r="B12292" s="1" t="s">
        <v>43766</v>
      </c>
      <c r="C12292" s="1" t="s">
        <v>80</v>
      </c>
      <c r="D12292" s="1" t="s">
        <v>47087</v>
      </c>
      <c r="E12292" s="1" t="s">
        <v>47088</v>
      </c>
      <c r="F12292" s="1" t="s">
        <v>47089</v>
      </c>
      <c r="G12292" s="1" t="s">
        <v>47043</v>
      </c>
      <c r="H12292" s="1" t="s">
        <v>47044</v>
      </c>
      <c r="I12292" s="1" t="s">
        <v>43772</v>
      </c>
      <c r="J12292" s="1" t="s">
        <v>47090</v>
      </c>
    </row>
    <row r="12293" spans="1:10" x14ac:dyDescent="0.35">
      <c r="A12293" s="1" t="s">
        <v>47040</v>
      </c>
      <c r="B12293" s="1" t="s">
        <v>43766</v>
      </c>
      <c r="C12293" s="1" t="s">
        <v>85</v>
      </c>
      <c r="D12293" s="1" t="s">
        <v>47091</v>
      </c>
      <c r="E12293" s="1" t="s">
        <v>47092</v>
      </c>
      <c r="F12293" s="1" t="s">
        <v>47093</v>
      </c>
      <c r="G12293" s="1" t="s">
        <v>47043</v>
      </c>
      <c r="H12293" s="1" t="s">
        <v>47044</v>
      </c>
      <c r="I12293" s="1" t="s">
        <v>43772</v>
      </c>
      <c r="J12293" s="1" t="s">
        <v>47094</v>
      </c>
    </row>
    <row r="12294" spans="1:10" x14ac:dyDescent="0.35">
      <c r="A12294" s="1" t="s">
        <v>47040</v>
      </c>
      <c r="B12294" s="1" t="s">
        <v>43766</v>
      </c>
      <c r="C12294" s="1" t="s">
        <v>90</v>
      </c>
      <c r="D12294" s="1" t="s">
        <v>37333</v>
      </c>
      <c r="E12294" s="1" t="s">
        <v>47095</v>
      </c>
      <c r="F12294" s="1" t="s">
        <v>47096</v>
      </c>
      <c r="G12294" s="1" t="s">
        <v>47043</v>
      </c>
      <c r="H12294" s="1" t="s">
        <v>47044</v>
      </c>
      <c r="I12294" s="1" t="s">
        <v>43772</v>
      </c>
      <c r="J12294" s="1" t="s">
        <v>47097</v>
      </c>
    </row>
    <row r="12295" spans="1:10" x14ac:dyDescent="0.35">
      <c r="A12295" s="1" t="s">
        <v>47040</v>
      </c>
      <c r="B12295" s="1" t="s">
        <v>43766</v>
      </c>
      <c r="C12295" s="1" t="s">
        <v>95</v>
      </c>
      <c r="D12295" s="1" t="s">
        <v>34686</v>
      </c>
      <c r="E12295" s="1" t="s">
        <v>47098</v>
      </c>
      <c r="F12295" s="1" t="s">
        <v>47099</v>
      </c>
      <c r="G12295" s="1" t="s">
        <v>47043</v>
      </c>
      <c r="H12295" s="1" t="s">
        <v>47044</v>
      </c>
      <c r="I12295" s="1" t="s">
        <v>43772</v>
      </c>
      <c r="J12295" s="1" t="s">
        <v>47100</v>
      </c>
    </row>
    <row r="12296" spans="1:10" x14ac:dyDescent="0.35">
      <c r="A12296" s="1" t="s">
        <v>47040</v>
      </c>
      <c r="B12296" s="1" t="s">
        <v>43766</v>
      </c>
      <c r="C12296" s="1" t="s">
        <v>100</v>
      </c>
      <c r="D12296" s="1" t="s">
        <v>36046</v>
      </c>
      <c r="E12296" s="1" t="s">
        <v>47101</v>
      </c>
      <c r="F12296" s="1" t="s">
        <v>47102</v>
      </c>
      <c r="G12296" s="1" t="s">
        <v>47043</v>
      </c>
      <c r="H12296" s="1" t="s">
        <v>47044</v>
      </c>
      <c r="I12296" s="1" t="s">
        <v>43772</v>
      </c>
      <c r="J12296" s="1" t="s">
        <v>47103</v>
      </c>
    </row>
    <row r="12297" spans="1:10" x14ac:dyDescent="0.35">
      <c r="A12297" s="1" t="s">
        <v>47040</v>
      </c>
      <c r="B12297" s="1" t="s">
        <v>43766</v>
      </c>
      <c r="C12297" s="1" t="s">
        <v>105</v>
      </c>
      <c r="D12297" s="1" t="s">
        <v>6586</v>
      </c>
      <c r="E12297" s="1" t="s">
        <v>47104</v>
      </c>
      <c r="F12297" s="1" t="s">
        <v>47105</v>
      </c>
      <c r="G12297" s="1" t="s">
        <v>47043</v>
      </c>
      <c r="H12297" s="1" t="s">
        <v>47044</v>
      </c>
      <c r="I12297" s="1" t="s">
        <v>43772</v>
      </c>
      <c r="J12297" s="1" t="s">
        <v>12776</v>
      </c>
    </row>
    <row r="12298" spans="1:10" x14ac:dyDescent="0.35">
      <c r="A12298" s="1" t="s">
        <v>47040</v>
      </c>
      <c r="B12298" s="1" t="s">
        <v>43766</v>
      </c>
      <c r="C12298" s="1" t="s">
        <v>110</v>
      </c>
      <c r="D12298" s="1" t="s">
        <v>47106</v>
      </c>
      <c r="E12298" s="1" t="s">
        <v>47107</v>
      </c>
      <c r="F12298" s="1" t="s">
        <v>47108</v>
      </c>
      <c r="G12298" s="1" t="s">
        <v>47043</v>
      </c>
      <c r="H12298" s="1" t="s">
        <v>47044</v>
      </c>
      <c r="I12298" s="1" t="s">
        <v>43772</v>
      </c>
      <c r="J12298" s="1" t="s">
        <v>47109</v>
      </c>
    </row>
    <row r="12299" spans="1:10" x14ac:dyDescent="0.35">
      <c r="A12299" s="1" t="s">
        <v>47040</v>
      </c>
      <c r="B12299" s="1" t="s">
        <v>43766</v>
      </c>
      <c r="C12299" s="1" t="s">
        <v>115</v>
      </c>
      <c r="D12299" s="1" t="s">
        <v>47110</v>
      </c>
      <c r="E12299" s="1" t="s">
        <v>47111</v>
      </c>
      <c r="F12299" s="1" t="s">
        <v>47112</v>
      </c>
      <c r="G12299" s="1" t="s">
        <v>47043</v>
      </c>
      <c r="H12299" s="1" t="s">
        <v>47044</v>
      </c>
      <c r="I12299" s="1" t="s">
        <v>43772</v>
      </c>
      <c r="J12299" s="1" t="s">
        <v>47113</v>
      </c>
    </row>
    <row r="12300" spans="1:10" x14ac:dyDescent="0.35">
      <c r="A12300" s="1" t="s">
        <v>47040</v>
      </c>
      <c r="B12300" s="1" t="s">
        <v>43766</v>
      </c>
      <c r="C12300" s="1" t="s">
        <v>120</v>
      </c>
      <c r="D12300" s="1" t="s">
        <v>47114</v>
      </c>
      <c r="E12300" s="1" t="s">
        <v>47115</v>
      </c>
      <c r="F12300" s="1" t="s">
        <v>47116</v>
      </c>
      <c r="G12300" s="1" t="s">
        <v>47043</v>
      </c>
      <c r="H12300" s="1" t="s">
        <v>47044</v>
      </c>
      <c r="I12300" s="1" t="s">
        <v>43772</v>
      </c>
      <c r="J12300" s="1" t="s">
        <v>47117</v>
      </c>
    </row>
    <row r="12301" spans="1:10" x14ac:dyDescent="0.35">
      <c r="A12301" s="1" t="s">
        <v>47040</v>
      </c>
      <c r="B12301" s="1" t="s">
        <v>43766</v>
      </c>
      <c r="C12301" s="1" t="s">
        <v>125</v>
      </c>
      <c r="D12301" s="1" t="s">
        <v>47118</v>
      </c>
      <c r="E12301" s="1" t="s">
        <v>47119</v>
      </c>
      <c r="F12301" s="1" t="s">
        <v>47120</v>
      </c>
      <c r="G12301" s="1" t="s">
        <v>47043</v>
      </c>
      <c r="H12301" s="1" t="s">
        <v>47044</v>
      </c>
      <c r="I12301" s="1" t="s">
        <v>43772</v>
      </c>
      <c r="J12301" s="1" t="s">
        <v>47121</v>
      </c>
    </row>
    <row r="12302" spans="1:10" x14ac:dyDescent="0.35">
      <c r="A12302" s="1" t="s">
        <v>47040</v>
      </c>
      <c r="B12302" s="1" t="s">
        <v>43766</v>
      </c>
      <c r="C12302" s="1" t="s">
        <v>130</v>
      </c>
      <c r="D12302" s="1" t="s">
        <v>19012</v>
      </c>
      <c r="E12302" s="1" t="s">
        <v>47122</v>
      </c>
      <c r="F12302" s="1" t="s">
        <v>47123</v>
      </c>
      <c r="G12302" s="1" t="s">
        <v>47043</v>
      </c>
      <c r="H12302" s="1" t="s">
        <v>47044</v>
      </c>
      <c r="I12302" s="1" t="s">
        <v>43772</v>
      </c>
      <c r="J12302" s="1" t="s">
        <v>47124</v>
      </c>
    </row>
    <row r="12303" spans="1:10" x14ac:dyDescent="0.35">
      <c r="A12303" s="1" t="s">
        <v>47040</v>
      </c>
      <c r="B12303" s="1" t="s">
        <v>43766</v>
      </c>
      <c r="C12303" s="1" t="s">
        <v>135</v>
      </c>
      <c r="D12303" s="1" t="s">
        <v>38222</v>
      </c>
      <c r="E12303" s="1" t="s">
        <v>47125</v>
      </c>
      <c r="F12303" s="1" t="s">
        <v>47126</v>
      </c>
      <c r="G12303" s="1" t="s">
        <v>47043</v>
      </c>
      <c r="H12303" s="1" t="s">
        <v>47044</v>
      </c>
      <c r="I12303" s="1" t="s">
        <v>43772</v>
      </c>
      <c r="J12303" s="1" t="s">
        <v>47127</v>
      </c>
    </row>
    <row r="12304" spans="1:10" x14ac:dyDescent="0.35">
      <c r="A12304" s="1" t="s">
        <v>47040</v>
      </c>
      <c r="B12304" s="1" t="s">
        <v>43766</v>
      </c>
      <c r="C12304" s="1" t="s">
        <v>140</v>
      </c>
      <c r="D12304" s="1" t="s">
        <v>47128</v>
      </c>
      <c r="E12304" s="1" t="s">
        <v>47129</v>
      </c>
      <c r="F12304" s="1" t="s">
        <v>47130</v>
      </c>
      <c r="G12304" s="1" t="s">
        <v>47043</v>
      </c>
      <c r="H12304" s="1" t="s">
        <v>47044</v>
      </c>
      <c r="I12304" s="1" t="s">
        <v>43772</v>
      </c>
      <c r="J12304" s="1" t="s">
        <v>47131</v>
      </c>
    </row>
    <row r="12305" spans="1:10" x14ac:dyDescent="0.35">
      <c r="A12305" s="1" t="s">
        <v>47040</v>
      </c>
      <c r="B12305" s="1" t="s">
        <v>43766</v>
      </c>
      <c r="C12305" s="1" t="s">
        <v>145</v>
      </c>
      <c r="D12305" s="1" t="s">
        <v>47132</v>
      </c>
      <c r="E12305" s="1" t="s">
        <v>47133</v>
      </c>
      <c r="F12305" s="1" t="s">
        <v>47134</v>
      </c>
      <c r="G12305" s="1" t="s">
        <v>47043</v>
      </c>
      <c r="H12305" s="1" t="s">
        <v>47044</v>
      </c>
      <c r="I12305" s="1" t="s">
        <v>43772</v>
      </c>
      <c r="J12305" s="1" t="s">
        <v>47135</v>
      </c>
    </row>
    <row r="12306" spans="1:10" x14ac:dyDescent="0.35">
      <c r="A12306" s="1" t="s">
        <v>47040</v>
      </c>
      <c r="B12306" s="1" t="s">
        <v>43766</v>
      </c>
      <c r="C12306" s="1" t="s">
        <v>150</v>
      </c>
      <c r="D12306" s="1" t="s">
        <v>47136</v>
      </c>
      <c r="E12306" s="1" t="s">
        <v>47137</v>
      </c>
      <c r="F12306" s="1" t="s">
        <v>47138</v>
      </c>
      <c r="G12306" s="1" t="s">
        <v>47043</v>
      </c>
      <c r="H12306" s="1" t="s">
        <v>47044</v>
      </c>
      <c r="I12306" s="1" t="s">
        <v>43772</v>
      </c>
      <c r="J12306" s="1" t="s">
        <v>47139</v>
      </c>
    </row>
    <row r="12307" spans="1:10" x14ac:dyDescent="0.35">
      <c r="A12307" s="1" t="s">
        <v>47040</v>
      </c>
      <c r="B12307" s="1" t="s">
        <v>43766</v>
      </c>
      <c r="C12307" s="1" t="s">
        <v>155</v>
      </c>
      <c r="D12307" s="1" t="s">
        <v>47140</v>
      </c>
      <c r="E12307" s="1" t="s">
        <v>47141</v>
      </c>
      <c r="F12307" s="1" t="s">
        <v>47142</v>
      </c>
      <c r="G12307" s="1" t="s">
        <v>47043</v>
      </c>
      <c r="H12307" s="1" t="s">
        <v>47044</v>
      </c>
      <c r="I12307" s="1" t="s">
        <v>43772</v>
      </c>
      <c r="J12307" s="1" t="s">
        <v>47143</v>
      </c>
    </row>
    <row r="12308" spans="1:10" x14ac:dyDescent="0.35">
      <c r="A12308" s="1" t="s">
        <v>47040</v>
      </c>
      <c r="B12308" s="1" t="s">
        <v>43766</v>
      </c>
      <c r="C12308" s="1" t="s">
        <v>160</v>
      </c>
      <c r="D12308" s="1" t="s">
        <v>13267</v>
      </c>
      <c r="E12308" s="1" t="s">
        <v>47144</v>
      </c>
      <c r="F12308" s="1" t="s">
        <v>47145</v>
      </c>
      <c r="G12308" s="1" t="s">
        <v>47043</v>
      </c>
      <c r="H12308" s="1" t="s">
        <v>47044</v>
      </c>
      <c r="I12308" s="1" t="s">
        <v>43772</v>
      </c>
      <c r="J12308" s="1" t="s">
        <v>47146</v>
      </c>
    </row>
    <row r="12309" spans="1:10" x14ac:dyDescent="0.35">
      <c r="A12309" s="1" t="s">
        <v>47040</v>
      </c>
      <c r="B12309" s="1" t="s">
        <v>43766</v>
      </c>
      <c r="C12309" s="1" t="s">
        <v>165</v>
      </c>
      <c r="D12309" s="1" t="s">
        <v>47147</v>
      </c>
      <c r="E12309" s="1" t="s">
        <v>47148</v>
      </c>
      <c r="F12309" s="1" t="s">
        <v>47149</v>
      </c>
      <c r="G12309" s="1" t="s">
        <v>47043</v>
      </c>
      <c r="H12309" s="1" t="s">
        <v>47044</v>
      </c>
      <c r="I12309" s="1" t="s">
        <v>43772</v>
      </c>
      <c r="J12309" s="1" t="s">
        <v>47150</v>
      </c>
    </row>
    <row r="12310" spans="1:10" x14ac:dyDescent="0.35">
      <c r="A12310" s="1" t="s">
        <v>47040</v>
      </c>
      <c r="B12310" s="1" t="s">
        <v>43766</v>
      </c>
      <c r="C12310" s="1" t="s">
        <v>170</v>
      </c>
      <c r="D12310" s="1" t="s">
        <v>47151</v>
      </c>
      <c r="E12310" s="1" t="s">
        <v>47152</v>
      </c>
      <c r="F12310" s="1" t="s">
        <v>47153</v>
      </c>
      <c r="G12310" s="1" t="s">
        <v>47043</v>
      </c>
      <c r="H12310" s="1" t="s">
        <v>47044</v>
      </c>
      <c r="I12310" s="1" t="s">
        <v>43772</v>
      </c>
      <c r="J12310" s="1" t="s">
        <v>47154</v>
      </c>
    </row>
    <row r="12311" spans="1:10" x14ac:dyDescent="0.35">
      <c r="A12311" s="1" t="s">
        <v>13962</v>
      </c>
      <c r="B12311" s="1" t="s">
        <v>43766</v>
      </c>
      <c r="C12311" s="1" t="s">
        <v>8</v>
      </c>
      <c r="D12311" s="1" t="s">
        <v>47155</v>
      </c>
      <c r="E12311" s="1" t="s">
        <v>47156</v>
      </c>
      <c r="F12311" s="1" t="s">
        <v>47157</v>
      </c>
      <c r="G12311" s="1" t="s">
        <v>47158</v>
      </c>
      <c r="H12311" s="1" t="s">
        <v>47159</v>
      </c>
      <c r="I12311" s="1" t="s">
        <v>43772</v>
      </c>
      <c r="J12311" s="1" t="s">
        <v>13</v>
      </c>
    </row>
    <row r="12312" spans="1:10" x14ac:dyDescent="0.35">
      <c r="A12312" s="1" t="s">
        <v>13962</v>
      </c>
      <c r="B12312" s="1" t="s">
        <v>43766</v>
      </c>
      <c r="C12312" s="1" t="s">
        <v>15</v>
      </c>
      <c r="D12312" s="1" t="s">
        <v>47160</v>
      </c>
      <c r="E12312" s="1" t="s">
        <v>47161</v>
      </c>
      <c r="F12312" s="1" t="s">
        <v>47162</v>
      </c>
      <c r="G12312" s="1" t="s">
        <v>47158</v>
      </c>
      <c r="H12312" s="1" t="s">
        <v>47159</v>
      </c>
      <c r="I12312" s="1" t="s">
        <v>43772</v>
      </c>
      <c r="J12312" s="1" t="s">
        <v>47163</v>
      </c>
    </row>
    <row r="12313" spans="1:10" x14ac:dyDescent="0.35">
      <c r="A12313" s="1" t="s">
        <v>13962</v>
      </c>
      <c r="B12313" s="1" t="s">
        <v>43766</v>
      </c>
      <c r="C12313" s="1" t="s">
        <v>20</v>
      </c>
      <c r="D12313" s="1" t="s">
        <v>47164</v>
      </c>
      <c r="E12313" s="1" t="s">
        <v>47165</v>
      </c>
      <c r="F12313" s="1" t="s">
        <v>47166</v>
      </c>
      <c r="G12313" s="1" t="s">
        <v>47158</v>
      </c>
      <c r="H12313" s="1" t="s">
        <v>47159</v>
      </c>
      <c r="I12313" s="1" t="s">
        <v>43772</v>
      </c>
      <c r="J12313" s="1" t="s">
        <v>47167</v>
      </c>
    </row>
    <row r="12314" spans="1:10" x14ac:dyDescent="0.35">
      <c r="A12314" s="1" t="s">
        <v>13962</v>
      </c>
      <c r="B12314" s="1" t="s">
        <v>43766</v>
      </c>
      <c r="C12314" s="1" t="s">
        <v>25</v>
      </c>
      <c r="D12314" s="1" t="s">
        <v>47168</v>
      </c>
      <c r="E12314" s="1" t="s">
        <v>47169</v>
      </c>
      <c r="F12314" s="1" t="s">
        <v>47170</v>
      </c>
      <c r="G12314" s="1" t="s">
        <v>47158</v>
      </c>
      <c r="H12314" s="1" t="s">
        <v>47159</v>
      </c>
      <c r="I12314" s="1" t="s">
        <v>43772</v>
      </c>
      <c r="J12314" s="1" t="s">
        <v>47171</v>
      </c>
    </row>
    <row r="12315" spans="1:10" x14ac:dyDescent="0.35">
      <c r="A12315" s="1" t="s">
        <v>13962</v>
      </c>
      <c r="B12315" s="1" t="s">
        <v>43766</v>
      </c>
      <c r="C12315" s="1" t="s">
        <v>30</v>
      </c>
      <c r="D12315" s="1" t="s">
        <v>25202</v>
      </c>
      <c r="E12315" s="1" t="s">
        <v>47172</v>
      </c>
      <c r="F12315" s="1" t="s">
        <v>47173</v>
      </c>
      <c r="G12315" s="1" t="s">
        <v>47158</v>
      </c>
      <c r="H12315" s="1" t="s">
        <v>47159</v>
      </c>
      <c r="I12315" s="1" t="s">
        <v>43772</v>
      </c>
      <c r="J12315" s="1" t="s">
        <v>47174</v>
      </c>
    </row>
    <row r="12316" spans="1:10" x14ac:dyDescent="0.35">
      <c r="A12316" s="1" t="s">
        <v>13962</v>
      </c>
      <c r="B12316" s="1" t="s">
        <v>43766</v>
      </c>
      <c r="C12316" s="1" t="s">
        <v>35</v>
      </c>
      <c r="D12316" s="1" t="s">
        <v>1761</v>
      </c>
      <c r="E12316" s="1" t="s">
        <v>47175</v>
      </c>
      <c r="F12316" s="1" t="s">
        <v>47176</v>
      </c>
      <c r="G12316" s="1" t="s">
        <v>47158</v>
      </c>
      <c r="H12316" s="1" t="s">
        <v>47159</v>
      </c>
      <c r="I12316" s="1" t="s">
        <v>43772</v>
      </c>
      <c r="J12316" s="1" t="s">
        <v>47177</v>
      </c>
    </row>
    <row r="12317" spans="1:10" x14ac:dyDescent="0.35">
      <c r="A12317" s="1" t="s">
        <v>13962</v>
      </c>
      <c r="B12317" s="1" t="s">
        <v>43766</v>
      </c>
      <c r="C12317" s="1" t="s">
        <v>40</v>
      </c>
      <c r="D12317" s="1" t="s">
        <v>47178</v>
      </c>
      <c r="E12317" s="1" t="s">
        <v>47179</v>
      </c>
      <c r="F12317" s="1" t="s">
        <v>47180</v>
      </c>
      <c r="G12317" s="1" t="s">
        <v>47158</v>
      </c>
      <c r="H12317" s="1" t="s">
        <v>47159</v>
      </c>
      <c r="I12317" s="1" t="s">
        <v>43772</v>
      </c>
      <c r="J12317" s="1" t="s">
        <v>47181</v>
      </c>
    </row>
    <row r="12318" spans="1:10" x14ac:dyDescent="0.35">
      <c r="A12318" s="1" t="s">
        <v>13962</v>
      </c>
      <c r="B12318" s="1" t="s">
        <v>43766</v>
      </c>
      <c r="C12318" s="1" t="s">
        <v>45</v>
      </c>
      <c r="D12318" s="1" t="s">
        <v>9858</v>
      </c>
      <c r="E12318" s="1" t="s">
        <v>47182</v>
      </c>
      <c r="F12318" s="1" t="s">
        <v>47183</v>
      </c>
      <c r="G12318" s="1" t="s">
        <v>47158</v>
      </c>
      <c r="H12318" s="1" t="s">
        <v>47159</v>
      </c>
      <c r="I12318" s="1" t="s">
        <v>43772</v>
      </c>
      <c r="J12318" s="1" t="s">
        <v>47184</v>
      </c>
    </row>
    <row r="12319" spans="1:10" x14ac:dyDescent="0.35">
      <c r="A12319" s="1" t="s">
        <v>13962</v>
      </c>
      <c r="B12319" s="1" t="s">
        <v>43766</v>
      </c>
      <c r="C12319" s="1" t="s">
        <v>50</v>
      </c>
      <c r="D12319" s="1" t="s">
        <v>47185</v>
      </c>
      <c r="E12319" s="1" t="s">
        <v>47186</v>
      </c>
      <c r="F12319" s="1" t="s">
        <v>47187</v>
      </c>
      <c r="G12319" s="1" t="s">
        <v>47158</v>
      </c>
      <c r="H12319" s="1" t="s">
        <v>47159</v>
      </c>
      <c r="I12319" s="1" t="s">
        <v>43772</v>
      </c>
      <c r="J12319" s="1" t="s">
        <v>47188</v>
      </c>
    </row>
    <row r="12320" spans="1:10" x14ac:dyDescent="0.35">
      <c r="A12320" s="1" t="s">
        <v>13962</v>
      </c>
      <c r="B12320" s="1" t="s">
        <v>43766</v>
      </c>
      <c r="C12320" s="1" t="s">
        <v>55</v>
      </c>
      <c r="D12320" s="1" t="s">
        <v>12966</v>
      </c>
      <c r="E12320" s="1" t="s">
        <v>47189</v>
      </c>
      <c r="F12320" s="1" t="s">
        <v>47190</v>
      </c>
      <c r="G12320" s="1" t="s">
        <v>47158</v>
      </c>
      <c r="H12320" s="1" t="s">
        <v>47159</v>
      </c>
      <c r="I12320" s="1" t="s">
        <v>43772</v>
      </c>
      <c r="J12320" s="1" t="s">
        <v>47191</v>
      </c>
    </row>
    <row r="12321" spans="1:10" x14ac:dyDescent="0.35">
      <c r="A12321" s="1" t="s">
        <v>13962</v>
      </c>
      <c r="B12321" s="1" t="s">
        <v>43766</v>
      </c>
      <c r="C12321" s="1" t="s">
        <v>60</v>
      </c>
      <c r="D12321" s="1" t="s">
        <v>45</v>
      </c>
      <c r="E12321" s="1" t="s">
        <v>47192</v>
      </c>
      <c r="F12321" s="1" t="s">
        <v>47193</v>
      </c>
      <c r="G12321" s="1" t="s">
        <v>47158</v>
      </c>
      <c r="H12321" s="1" t="s">
        <v>47159</v>
      </c>
      <c r="I12321" s="1" t="s">
        <v>43772</v>
      </c>
      <c r="J12321" s="1" t="s">
        <v>47194</v>
      </c>
    </row>
    <row r="12322" spans="1:10" x14ac:dyDescent="0.35">
      <c r="A12322" s="1" t="s">
        <v>13962</v>
      </c>
      <c r="B12322" s="1" t="s">
        <v>43766</v>
      </c>
      <c r="C12322" s="1" t="s">
        <v>65</v>
      </c>
      <c r="D12322" s="1" t="s">
        <v>10270</v>
      </c>
      <c r="E12322" s="1" t="s">
        <v>47195</v>
      </c>
      <c r="F12322" s="1" t="s">
        <v>47196</v>
      </c>
      <c r="G12322" s="1" t="s">
        <v>47158</v>
      </c>
      <c r="H12322" s="1" t="s">
        <v>47159</v>
      </c>
      <c r="I12322" s="1" t="s">
        <v>43772</v>
      </c>
      <c r="J12322" s="1" t="s">
        <v>47197</v>
      </c>
    </row>
    <row r="12323" spans="1:10" x14ac:dyDescent="0.35">
      <c r="A12323" s="1" t="s">
        <v>13962</v>
      </c>
      <c r="B12323" s="1" t="s">
        <v>43766</v>
      </c>
      <c r="C12323" s="1" t="s">
        <v>70</v>
      </c>
      <c r="D12323" s="1" t="s">
        <v>29327</v>
      </c>
      <c r="E12323" s="1" t="s">
        <v>47198</v>
      </c>
      <c r="F12323" s="1" t="s">
        <v>47199</v>
      </c>
      <c r="G12323" s="1" t="s">
        <v>47158</v>
      </c>
      <c r="H12323" s="1" t="s">
        <v>47159</v>
      </c>
      <c r="I12323" s="1" t="s">
        <v>43772</v>
      </c>
      <c r="J12323" s="1" t="s">
        <v>47200</v>
      </c>
    </row>
    <row r="12324" spans="1:10" x14ac:dyDescent="0.35">
      <c r="A12324" s="1" t="s">
        <v>13962</v>
      </c>
      <c r="B12324" s="1" t="s">
        <v>43766</v>
      </c>
      <c r="C12324" s="1" t="s">
        <v>75</v>
      </c>
      <c r="D12324" s="1" t="s">
        <v>8341</v>
      </c>
      <c r="E12324" s="1" t="s">
        <v>47201</v>
      </c>
      <c r="F12324" s="1" t="s">
        <v>47202</v>
      </c>
      <c r="G12324" s="1" t="s">
        <v>47158</v>
      </c>
      <c r="H12324" s="1" t="s">
        <v>47159</v>
      </c>
      <c r="I12324" s="1" t="s">
        <v>43772</v>
      </c>
      <c r="J12324" s="1" t="s">
        <v>47203</v>
      </c>
    </row>
    <row r="12325" spans="1:10" x14ac:dyDescent="0.35">
      <c r="A12325" s="1" t="s">
        <v>13962</v>
      </c>
      <c r="B12325" s="1" t="s">
        <v>43766</v>
      </c>
      <c r="C12325" s="1" t="s">
        <v>80</v>
      </c>
      <c r="D12325" s="1" t="s">
        <v>1671</v>
      </c>
      <c r="E12325" s="1" t="s">
        <v>47204</v>
      </c>
      <c r="F12325" s="1" t="s">
        <v>47205</v>
      </c>
      <c r="G12325" s="1" t="s">
        <v>47158</v>
      </c>
      <c r="H12325" s="1" t="s">
        <v>47159</v>
      </c>
      <c r="I12325" s="1" t="s">
        <v>43772</v>
      </c>
      <c r="J12325" s="1" t="s">
        <v>47206</v>
      </c>
    </row>
    <row r="12326" spans="1:10" x14ac:dyDescent="0.35">
      <c r="A12326" s="1" t="s">
        <v>13962</v>
      </c>
      <c r="B12326" s="1" t="s">
        <v>43766</v>
      </c>
      <c r="C12326" s="1" t="s">
        <v>85</v>
      </c>
      <c r="D12326" s="1" t="s">
        <v>8913</v>
      </c>
      <c r="E12326" s="1" t="s">
        <v>47207</v>
      </c>
      <c r="F12326" s="1" t="s">
        <v>47208</v>
      </c>
      <c r="G12326" s="1" t="s">
        <v>47158</v>
      </c>
      <c r="H12326" s="1" t="s">
        <v>47159</v>
      </c>
      <c r="I12326" s="1" t="s">
        <v>43772</v>
      </c>
      <c r="J12326" s="1" t="s">
        <v>47209</v>
      </c>
    </row>
    <row r="12327" spans="1:10" x14ac:dyDescent="0.35">
      <c r="A12327" s="1" t="s">
        <v>13962</v>
      </c>
      <c r="B12327" s="1" t="s">
        <v>43766</v>
      </c>
      <c r="C12327" s="1" t="s">
        <v>90</v>
      </c>
      <c r="D12327" s="1" t="s">
        <v>47210</v>
      </c>
      <c r="E12327" s="1" t="s">
        <v>47211</v>
      </c>
      <c r="F12327" s="1" t="s">
        <v>47212</v>
      </c>
      <c r="G12327" s="1" t="s">
        <v>47158</v>
      </c>
      <c r="H12327" s="1" t="s">
        <v>47159</v>
      </c>
      <c r="I12327" s="1" t="s">
        <v>43772</v>
      </c>
      <c r="J12327" s="1" t="s">
        <v>47213</v>
      </c>
    </row>
    <row r="12328" spans="1:10" x14ac:dyDescent="0.35">
      <c r="A12328" s="1" t="s">
        <v>13962</v>
      </c>
      <c r="B12328" s="1" t="s">
        <v>43766</v>
      </c>
      <c r="C12328" s="1" t="s">
        <v>95</v>
      </c>
      <c r="D12328" s="1" t="s">
        <v>47214</v>
      </c>
      <c r="E12328" s="1" t="s">
        <v>47215</v>
      </c>
      <c r="F12328" s="1" t="s">
        <v>47216</v>
      </c>
      <c r="G12328" s="1" t="s">
        <v>47158</v>
      </c>
      <c r="H12328" s="1" t="s">
        <v>47159</v>
      </c>
      <c r="I12328" s="1" t="s">
        <v>43772</v>
      </c>
      <c r="J12328" s="1" t="s">
        <v>47217</v>
      </c>
    </row>
    <row r="12329" spans="1:10" x14ac:dyDescent="0.35">
      <c r="A12329" s="1" t="s">
        <v>13962</v>
      </c>
      <c r="B12329" s="1" t="s">
        <v>43766</v>
      </c>
      <c r="C12329" s="1" t="s">
        <v>100</v>
      </c>
      <c r="D12329" s="1" t="s">
        <v>30178</v>
      </c>
      <c r="E12329" s="1" t="s">
        <v>47218</v>
      </c>
      <c r="F12329" s="1" t="s">
        <v>47219</v>
      </c>
      <c r="G12329" s="1" t="s">
        <v>47158</v>
      </c>
      <c r="H12329" s="1" t="s">
        <v>47159</v>
      </c>
      <c r="I12329" s="1" t="s">
        <v>43772</v>
      </c>
      <c r="J12329" s="1" t="s">
        <v>47220</v>
      </c>
    </row>
    <row r="12330" spans="1:10" x14ac:dyDescent="0.35">
      <c r="A12330" s="1" t="s">
        <v>13962</v>
      </c>
      <c r="B12330" s="1" t="s">
        <v>43766</v>
      </c>
      <c r="C12330" s="1" t="s">
        <v>105</v>
      </c>
      <c r="D12330" s="1" t="s">
        <v>47221</v>
      </c>
      <c r="E12330" s="1" t="s">
        <v>47222</v>
      </c>
      <c r="F12330" s="1" t="s">
        <v>47223</v>
      </c>
      <c r="G12330" s="1" t="s">
        <v>47158</v>
      </c>
      <c r="H12330" s="1" t="s">
        <v>47159</v>
      </c>
      <c r="I12330" s="1" t="s">
        <v>43772</v>
      </c>
      <c r="J12330" s="1" t="s">
        <v>47224</v>
      </c>
    </row>
    <row r="12331" spans="1:10" x14ac:dyDescent="0.35">
      <c r="A12331" s="1" t="s">
        <v>13962</v>
      </c>
      <c r="B12331" s="1" t="s">
        <v>43766</v>
      </c>
      <c r="C12331" s="1" t="s">
        <v>110</v>
      </c>
      <c r="D12331" s="1" t="s">
        <v>47225</v>
      </c>
      <c r="E12331" s="1" t="s">
        <v>47226</v>
      </c>
      <c r="F12331" s="1" t="s">
        <v>47227</v>
      </c>
      <c r="G12331" s="1" t="s">
        <v>47158</v>
      </c>
      <c r="H12331" s="1" t="s">
        <v>47159</v>
      </c>
      <c r="I12331" s="1" t="s">
        <v>43772</v>
      </c>
      <c r="J12331" s="1" t="s">
        <v>47228</v>
      </c>
    </row>
    <row r="12332" spans="1:10" x14ac:dyDescent="0.35">
      <c r="A12332" s="1" t="s">
        <v>13962</v>
      </c>
      <c r="B12332" s="1" t="s">
        <v>43766</v>
      </c>
      <c r="C12332" s="1" t="s">
        <v>115</v>
      </c>
      <c r="D12332" s="1" t="s">
        <v>47229</v>
      </c>
      <c r="E12332" s="1" t="s">
        <v>47230</v>
      </c>
      <c r="F12332" s="1" t="s">
        <v>47231</v>
      </c>
      <c r="G12332" s="1" t="s">
        <v>47158</v>
      </c>
      <c r="H12332" s="1" t="s">
        <v>47159</v>
      </c>
      <c r="I12332" s="1" t="s">
        <v>43772</v>
      </c>
      <c r="J12332" s="1" t="s">
        <v>47232</v>
      </c>
    </row>
    <row r="12333" spans="1:10" x14ac:dyDescent="0.35">
      <c r="A12333" s="1" t="s">
        <v>13962</v>
      </c>
      <c r="B12333" s="1" t="s">
        <v>43766</v>
      </c>
      <c r="C12333" s="1" t="s">
        <v>120</v>
      </c>
      <c r="D12333" s="1" t="s">
        <v>47233</v>
      </c>
      <c r="E12333" s="1" t="s">
        <v>47234</v>
      </c>
      <c r="F12333" s="1" t="s">
        <v>47235</v>
      </c>
      <c r="G12333" s="1" t="s">
        <v>47158</v>
      </c>
      <c r="H12333" s="1" t="s">
        <v>47159</v>
      </c>
      <c r="I12333" s="1" t="s">
        <v>43772</v>
      </c>
      <c r="J12333" s="1" t="s">
        <v>47236</v>
      </c>
    </row>
    <row r="12334" spans="1:10" x14ac:dyDescent="0.35">
      <c r="A12334" s="1" t="s">
        <v>13962</v>
      </c>
      <c r="B12334" s="1" t="s">
        <v>43766</v>
      </c>
      <c r="C12334" s="1" t="s">
        <v>125</v>
      </c>
      <c r="D12334" s="1" t="s">
        <v>47237</v>
      </c>
      <c r="E12334" s="1" t="s">
        <v>47238</v>
      </c>
      <c r="F12334" s="1" t="s">
        <v>47239</v>
      </c>
      <c r="G12334" s="1" t="s">
        <v>47158</v>
      </c>
      <c r="H12334" s="1" t="s">
        <v>47159</v>
      </c>
      <c r="I12334" s="1" t="s">
        <v>43772</v>
      </c>
      <c r="J12334" s="1" t="s">
        <v>47240</v>
      </c>
    </row>
    <row r="12335" spans="1:10" x14ac:dyDescent="0.35">
      <c r="A12335" s="1" t="s">
        <v>13962</v>
      </c>
      <c r="B12335" s="1" t="s">
        <v>43766</v>
      </c>
      <c r="C12335" s="1" t="s">
        <v>130</v>
      </c>
      <c r="D12335" s="1" t="s">
        <v>47241</v>
      </c>
      <c r="E12335" s="1" t="s">
        <v>47242</v>
      </c>
      <c r="F12335" s="1" t="s">
        <v>47243</v>
      </c>
      <c r="G12335" s="1" t="s">
        <v>47158</v>
      </c>
      <c r="H12335" s="1" t="s">
        <v>47159</v>
      </c>
      <c r="I12335" s="1" t="s">
        <v>43772</v>
      </c>
      <c r="J12335" s="1" t="s">
        <v>47244</v>
      </c>
    </row>
    <row r="12336" spans="1:10" x14ac:dyDescent="0.35">
      <c r="A12336" s="1" t="s">
        <v>13962</v>
      </c>
      <c r="B12336" s="1" t="s">
        <v>43766</v>
      </c>
      <c r="C12336" s="1" t="s">
        <v>135</v>
      </c>
      <c r="D12336" s="1" t="s">
        <v>36096</v>
      </c>
      <c r="E12336" s="1" t="s">
        <v>47245</v>
      </c>
      <c r="F12336" s="1" t="s">
        <v>47246</v>
      </c>
      <c r="G12336" s="1" t="s">
        <v>47158</v>
      </c>
      <c r="H12336" s="1" t="s">
        <v>47159</v>
      </c>
      <c r="I12336" s="1" t="s">
        <v>43772</v>
      </c>
      <c r="J12336" s="1" t="s">
        <v>47247</v>
      </c>
    </row>
    <row r="12337" spans="1:10" x14ac:dyDescent="0.35">
      <c r="A12337" s="1" t="s">
        <v>13962</v>
      </c>
      <c r="B12337" s="1" t="s">
        <v>43766</v>
      </c>
      <c r="C12337" s="1" t="s">
        <v>140</v>
      </c>
      <c r="D12337" s="1" t="s">
        <v>47248</v>
      </c>
      <c r="E12337" s="1" t="s">
        <v>47249</v>
      </c>
      <c r="F12337" s="1" t="s">
        <v>47250</v>
      </c>
      <c r="G12337" s="1" t="s">
        <v>47158</v>
      </c>
      <c r="H12337" s="1" t="s">
        <v>47159</v>
      </c>
      <c r="I12337" s="1" t="s">
        <v>43772</v>
      </c>
      <c r="J12337" s="1" t="s">
        <v>47251</v>
      </c>
    </row>
    <row r="12338" spans="1:10" x14ac:dyDescent="0.35">
      <c r="A12338" s="1" t="s">
        <v>13962</v>
      </c>
      <c r="B12338" s="1" t="s">
        <v>43766</v>
      </c>
      <c r="C12338" s="1" t="s">
        <v>145</v>
      </c>
      <c r="D12338" s="1" t="s">
        <v>9758</v>
      </c>
      <c r="E12338" s="1" t="s">
        <v>47252</v>
      </c>
      <c r="F12338" s="1" t="s">
        <v>47253</v>
      </c>
      <c r="G12338" s="1" t="s">
        <v>47158</v>
      </c>
      <c r="H12338" s="1" t="s">
        <v>47159</v>
      </c>
      <c r="I12338" s="1" t="s">
        <v>43772</v>
      </c>
      <c r="J12338" s="1" t="s">
        <v>47254</v>
      </c>
    </row>
    <row r="12339" spans="1:10" x14ac:dyDescent="0.35">
      <c r="A12339" s="1" t="s">
        <v>13962</v>
      </c>
      <c r="B12339" s="1" t="s">
        <v>43766</v>
      </c>
      <c r="C12339" s="1" t="s">
        <v>150</v>
      </c>
      <c r="D12339" s="1" t="s">
        <v>47255</v>
      </c>
      <c r="E12339" s="1" t="s">
        <v>47256</v>
      </c>
      <c r="F12339" s="1" t="s">
        <v>47257</v>
      </c>
      <c r="G12339" s="1" t="s">
        <v>47158</v>
      </c>
      <c r="H12339" s="1" t="s">
        <v>47159</v>
      </c>
      <c r="I12339" s="1" t="s">
        <v>43772</v>
      </c>
      <c r="J12339" s="1" t="s">
        <v>47258</v>
      </c>
    </row>
    <row r="12340" spans="1:10" x14ac:dyDescent="0.35">
      <c r="A12340" s="1" t="s">
        <v>13962</v>
      </c>
      <c r="B12340" s="1" t="s">
        <v>43766</v>
      </c>
      <c r="C12340" s="1" t="s">
        <v>155</v>
      </c>
      <c r="D12340" s="1" t="s">
        <v>47259</v>
      </c>
      <c r="E12340" s="1" t="s">
        <v>47260</v>
      </c>
      <c r="F12340" s="1" t="s">
        <v>47261</v>
      </c>
      <c r="G12340" s="1" t="s">
        <v>47158</v>
      </c>
      <c r="H12340" s="1" t="s">
        <v>47159</v>
      </c>
      <c r="I12340" s="1" t="s">
        <v>43772</v>
      </c>
      <c r="J12340" s="1" t="s">
        <v>47262</v>
      </c>
    </row>
    <row r="12341" spans="1:10" x14ac:dyDescent="0.35">
      <c r="A12341" s="1" t="s">
        <v>13962</v>
      </c>
      <c r="B12341" s="1" t="s">
        <v>43766</v>
      </c>
      <c r="C12341" s="1" t="s">
        <v>160</v>
      </c>
      <c r="D12341" s="1" t="s">
        <v>47263</v>
      </c>
      <c r="E12341" s="1" t="s">
        <v>47264</v>
      </c>
      <c r="F12341" s="1" t="s">
        <v>47265</v>
      </c>
      <c r="G12341" s="1" t="s">
        <v>47158</v>
      </c>
      <c r="H12341" s="1" t="s">
        <v>47159</v>
      </c>
      <c r="I12341" s="1" t="s">
        <v>43772</v>
      </c>
      <c r="J12341" s="1" t="s">
        <v>47266</v>
      </c>
    </row>
    <row r="12342" spans="1:10" x14ac:dyDescent="0.35">
      <c r="A12342" s="1" t="s">
        <v>13962</v>
      </c>
      <c r="B12342" s="1" t="s">
        <v>43766</v>
      </c>
      <c r="C12342" s="1" t="s">
        <v>165</v>
      </c>
      <c r="D12342" s="1" t="s">
        <v>47267</v>
      </c>
      <c r="E12342" s="1" t="s">
        <v>47268</v>
      </c>
      <c r="F12342" s="1" t="s">
        <v>47269</v>
      </c>
      <c r="G12342" s="1" t="s">
        <v>47158</v>
      </c>
      <c r="H12342" s="1" t="s">
        <v>47159</v>
      </c>
      <c r="I12342" s="1" t="s">
        <v>43772</v>
      </c>
      <c r="J12342" s="1" t="s">
        <v>47270</v>
      </c>
    </row>
    <row r="12343" spans="1:10" x14ac:dyDescent="0.35">
      <c r="A12343" s="1" t="s">
        <v>13962</v>
      </c>
      <c r="B12343" s="1" t="s">
        <v>43766</v>
      </c>
      <c r="C12343" s="1" t="s">
        <v>170</v>
      </c>
      <c r="D12343" s="1" t="s">
        <v>47271</v>
      </c>
      <c r="E12343" s="1" t="s">
        <v>47272</v>
      </c>
      <c r="F12343" s="1" t="s">
        <v>47273</v>
      </c>
      <c r="G12343" s="1" t="s">
        <v>47158</v>
      </c>
      <c r="H12343" s="1" t="s">
        <v>47159</v>
      </c>
      <c r="I12343" s="1" t="s">
        <v>43772</v>
      </c>
      <c r="J12343" s="1" t="s">
        <v>47274</v>
      </c>
    </row>
    <row r="12344" spans="1:10" x14ac:dyDescent="0.35">
      <c r="A12344" s="1" t="s">
        <v>47275</v>
      </c>
      <c r="B12344" s="1" t="s">
        <v>43766</v>
      </c>
      <c r="C12344" s="1" t="s">
        <v>8</v>
      </c>
      <c r="D12344" s="1" t="s">
        <v>47276</v>
      </c>
      <c r="E12344" s="1" t="s">
        <v>47277</v>
      </c>
      <c r="F12344" s="1" t="s">
        <v>47278</v>
      </c>
      <c r="G12344" s="1" t="s">
        <v>47279</v>
      </c>
      <c r="H12344" s="1" t="s">
        <v>47280</v>
      </c>
      <c r="I12344" s="1" t="s">
        <v>43772</v>
      </c>
      <c r="J12344" s="1" t="s">
        <v>13</v>
      </c>
    </row>
    <row r="12345" spans="1:10" x14ac:dyDescent="0.35">
      <c r="A12345" s="1" t="s">
        <v>47275</v>
      </c>
      <c r="B12345" s="1" t="s">
        <v>43766</v>
      </c>
      <c r="C12345" s="1" t="s">
        <v>15</v>
      </c>
      <c r="D12345" s="1" t="s">
        <v>47281</v>
      </c>
      <c r="E12345" s="1" t="s">
        <v>47282</v>
      </c>
      <c r="F12345" s="1" t="s">
        <v>47283</v>
      </c>
      <c r="G12345" s="1" t="s">
        <v>47279</v>
      </c>
      <c r="H12345" s="1" t="s">
        <v>47280</v>
      </c>
      <c r="I12345" s="1" t="s">
        <v>43772</v>
      </c>
      <c r="J12345" s="1" t="s">
        <v>47284</v>
      </c>
    </row>
    <row r="12346" spans="1:10" x14ac:dyDescent="0.35">
      <c r="A12346" s="1" t="s">
        <v>47275</v>
      </c>
      <c r="B12346" s="1" t="s">
        <v>43766</v>
      </c>
      <c r="C12346" s="1" t="s">
        <v>20</v>
      </c>
      <c r="D12346" s="1" t="s">
        <v>44658</v>
      </c>
      <c r="E12346" s="1" t="s">
        <v>47285</v>
      </c>
      <c r="F12346" s="1" t="s">
        <v>47286</v>
      </c>
      <c r="G12346" s="1" t="s">
        <v>47279</v>
      </c>
      <c r="H12346" s="1" t="s">
        <v>47280</v>
      </c>
      <c r="I12346" s="1" t="s">
        <v>43772</v>
      </c>
      <c r="J12346" s="1" t="s">
        <v>47287</v>
      </c>
    </row>
    <row r="12347" spans="1:10" x14ac:dyDescent="0.35">
      <c r="A12347" s="1" t="s">
        <v>47275</v>
      </c>
      <c r="B12347" s="1" t="s">
        <v>43766</v>
      </c>
      <c r="C12347" s="1" t="s">
        <v>25</v>
      </c>
      <c r="D12347" s="1" t="s">
        <v>29623</v>
      </c>
      <c r="E12347" s="1" t="s">
        <v>47288</v>
      </c>
      <c r="F12347" s="1" t="s">
        <v>47289</v>
      </c>
      <c r="G12347" s="1" t="s">
        <v>47279</v>
      </c>
      <c r="H12347" s="1" t="s">
        <v>47280</v>
      </c>
      <c r="I12347" s="1" t="s">
        <v>43772</v>
      </c>
      <c r="J12347" s="1" t="s">
        <v>47290</v>
      </c>
    </row>
    <row r="12348" spans="1:10" x14ac:dyDescent="0.35">
      <c r="A12348" s="1" t="s">
        <v>47275</v>
      </c>
      <c r="B12348" s="1" t="s">
        <v>43766</v>
      </c>
      <c r="C12348" s="1" t="s">
        <v>30</v>
      </c>
      <c r="D12348" s="1" t="s">
        <v>47291</v>
      </c>
      <c r="E12348" s="1" t="s">
        <v>47292</v>
      </c>
      <c r="F12348" s="1" t="s">
        <v>47293</v>
      </c>
      <c r="G12348" s="1" t="s">
        <v>47279</v>
      </c>
      <c r="H12348" s="1" t="s">
        <v>47280</v>
      </c>
      <c r="I12348" s="1" t="s">
        <v>43772</v>
      </c>
      <c r="J12348" s="1" t="s">
        <v>47294</v>
      </c>
    </row>
    <row r="12349" spans="1:10" x14ac:dyDescent="0.35">
      <c r="A12349" s="1" t="s">
        <v>47275</v>
      </c>
      <c r="B12349" s="1" t="s">
        <v>43766</v>
      </c>
      <c r="C12349" s="1" t="s">
        <v>35</v>
      </c>
      <c r="D12349" s="1" t="s">
        <v>6120</v>
      </c>
      <c r="E12349" s="1" t="s">
        <v>47295</v>
      </c>
      <c r="F12349" s="1" t="s">
        <v>47296</v>
      </c>
      <c r="G12349" s="1" t="s">
        <v>47279</v>
      </c>
      <c r="H12349" s="1" t="s">
        <v>47280</v>
      </c>
      <c r="I12349" s="1" t="s">
        <v>43772</v>
      </c>
      <c r="J12349" s="1" t="s">
        <v>47297</v>
      </c>
    </row>
    <row r="12350" spans="1:10" x14ac:dyDescent="0.35">
      <c r="A12350" s="1" t="s">
        <v>47275</v>
      </c>
      <c r="B12350" s="1" t="s">
        <v>43766</v>
      </c>
      <c r="C12350" s="1" t="s">
        <v>40</v>
      </c>
      <c r="D12350" s="1" t="s">
        <v>4325</v>
      </c>
      <c r="E12350" s="1" t="s">
        <v>47298</v>
      </c>
      <c r="F12350" s="1" t="s">
        <v>47299</v>
      </c>
      <c r="G12350" s="1" t="s">
        <v>47279</v>
      </c>
      <c r="H12350" s="1" t="s">
        <v>47280</v>
      </c>
      <c r="I12350" s="1" t="s">
        <v>43772</v>
      </c>
      <c r="J12350" s="1" t="s">
        <v>47300</v>
      </c>
    </row>
    <row r="12351" spans="1:10" x14ac:dyDescent="0.35">
      <c r="A12351" s="1" t="s">
        <v>47275</v>
      </c>
      <c r="B12351" s="1" t="s">
        <v>43766</v>
      </c>
      <c r="C12351" s="1" t="s">
        <v>45</v>
      </c>
      <c r="D12351" s="1" t="s">
        <v>6384</v>
      </c>
      <c r="E12351" s="1" t="s">
        <v>47301</v>
      </c>
      <c r="F12351" s="1" t="s">
        <v>47302</v>
      </c>
      <c r="G12351" s="1" t="s">
        <v>47279</v>
      </c>
      <c r="H12351" s="1" t="s">
        <v>47280</v>
      </c>
      <c r="I12351" s="1" t="s">
        <v>43772</v>
      </c>
      <c r="J12351" s="1" t="s">
        <v>47303</v>
      </c>
    </row>
    <row r="12352" spans="1:10" x14ac:dyDescent="0.35">
      <c r="A12352" s="1" t="s">
        <v>47275</v>
      </c>
      <c r="B12352" s="1" t="s">
        <v>43766</v>
      </c>
      <c r="C12352" s="1" t="s">
        <v>50</v>
      </c>
      <c r="D12352" s="1" t="s">
        <v>55</v>
      </c>
      <c r="E12352" s="1" t="s">
        <v>47304</v>
      </c>
      <c r="F12352" s="1" t="s">
        <v>47305</v>
      </c>
      <c r="G12352" s="1" t="s">
        <v>47279</v>
      </c>
      <c r="H12352" s="1" t="s">
        <v>47280</v>
      </c>
      <c r="I12352" s="1" t="s">
        <v>43772</v>
      </c>
      <c r="J12352" s="1" t="s">
        <v>47306</v>
      </c>
    </row>
    <row r="12353" spans="1:10" x14ac:dyDescent="0.35">
      <c r="A12353" s="1" t="s">
        <v>47275</v>
      </c>
      <c r="B12353" s="1" t="s">
        <v>43766</v>
      </c>
      <c r="C12353" s="1" t="s">
        <v>55</v>
      </c>
      <c r="D12353" s="1" t="s">
        <v>28751</v>
      </c>
      <c r="E12353" s="1" t="s">
        <v>47307</v>
      </c>
      <c r="F12353" s="1" t="s">
        <v>47308</v>
      </c>
      <c r="G12353" s="1" t="s">
        <v>47279</v>
      </c>
      <c r="H12353" s="1" t="s">
        <v>47280</v>
      </c>
      <c r="I12353" s="1" t="s">
        <v>43772</v>
      </c>
      <c r="J12353" s="1" t="s">
        <v>47309</v>
      </c>
    </row>
    <row r="12354" spans="1:10" x14ac:dyDescent="0.35">
      <c r="A12354" s="1" t="s">
        <v>47275</v>
      </c>
      <c r="B12354" s="1" t="s">
        <v>43766</v>
      </c>
      <c r="C12354" s="1" t="s">
        <v>60</v>
      </c>
      <c r="D12354" s="1" t="s">
        <v>27330</v>
      </c>
      <c r="E12354" s="1" t="s">
        <v>47310</v>
      </c>
      <c r="F12354" s="1" t="s">
        <v>47311</v>
      </c>
      <c r="G12354" s="1" t="s">
        <v>47279</v>
      </c>
      <c r="H12354" s="1" t="s">
        <v>47280</v>
      </c>
      <c r="I12354" s="1" t="s">
        <v>43772</v>
      </c>
      <c r="J12354" s="1" t="s">
        <v>47312</v>
      </c>
    </row>
    <row r="12355" spans="1:10" x14ac:dyDescent="0.35">
      <c r="A12355" s="1" t="s">
        <v>47275</v>
      </c>
      <c r="B12355" s="1" t="s">
        <v>43766</v>
      </c>
      <c r="C12355" s="1" t="s">
        <v>65</v>
      </c>
      <c r="D12355" s="1" t="s">
        <v>29074</v>
      </c>
      <c r="E12355" s="1" t="s">
        <v>47313</v>
      </c>
      <c r="F12355" s="1" t="s">
        <v>47314</v>
      </c>
      <c r="G12355" s="1" t="s">
        <v>47279</v>
      </c>
      <c r="H12355" s="1" t="s">
        <v>47280</v>
      </c>
      <c r="I12355" s="1" t="s">
        <v>43772</v>
      </c>
      <c r="J12355" s="1" t="s">
        <v>47315</v>
      </c>
    </row>
    <row r="12356" spans="1:10" x14ac:dyDescent="0.35">
      <c r="A12356" s="1" t="s">
        <v>47275</v>
      </c>
      <c r="B12356" s="1" t="s">
        <v>43766</v>
      </c>
      <c r="C12356" s="1" t="s">
        <v>70</v>
      </c>
      <c r="D12356" s="1" t="s">
        <v>47316</v>
      </c>
      <c r="E12356" s="1" t="s">
        <v>47317</v>
      </c>
      <c r="F12356" s="1" t="s">
        <v>47318</v>
      </c>
      <c r="G12356" s="1" t="s">
        <v>47279</v>
      </c>
      <c r="H12356" s="1" t="s">
        <v>47280</v>
      </c>
      <c r="I12356" s="1" t="s">
        <v>43772</v>
      </c>
      <c r="J12356" s="1" t="s">
        <v>47319</v>
      </c>
    </row>
    <row r="12357" spans="1:10" x14ac:dyDescent="0.35">
      <c r="A12357" s="1" t="s">
        <v>47275</v>
      </c>
      <c r="B12357" s="1" t="s">
        <v>43766</v>
      </c>
      <c r="C12357" s="1" t="s">
        <v>75</v>
      </c>
      <c r="D12357" s="1" t="s">
        <v>44146</v>
      </c>
      <c r="E12357" s="1" t="s">
        <v>47320</v>
      </c>
      <c r="F12357" s="1" t="s">
        <v>47321</v>
      </c>
      <c r="G12357" s="1" t="s">
        <v>47279</v>
      </c>
      <c r="H12357" s="1" t="s">
        <v>47280</v>
      </c>
      <c r="I12357" s="1" t="s">
        <v>43772</v>
      </c>
      <c r="J12357" s="1" t="s">
        <v>47322</v>
      </c>
    </row>
    <row r="12358" spans="1:10" x14ac:dyDescent="0.35">
      <c r="A12358" s="1" t="s">
        <v>47275</v>
      </c>
      <c r="B12358" s="1" t="s">
        <v>43766</v>
      </c>
      <c r="C12358" s="1" t="s">
        <v>80</v>
      </c>
      <c r="D12358" s="1" t="s">
        <v>47323</v>
      </c>
      <c r="E12358" s="1" t="s">
        <v>47324</v>
      </c>
      <c r="F12358" s="1" t="s">
        <v>47325</v>
      </c>
      <c r="G12358" s="1" t="s">
        <v>47279</v>
      </c>
      <c r="H12358" s="1" t="s">
        <v>47280</v>
      </c>
      <c r="I12358" s="1" t="s">
        <v>43772</v>
      </c>
      <c r="J12358" s="1" t="s">
        <v>47326</v>
      </c>
    </row>
    <row r="12359" spans="1:10" x14ac:dyDescent="0.35">
      <c r="A12359" s="1" t="s">
        <v>47275</v>
      </c>
      <c r="B12359" s="1" t="s">
        <v>43766</v>
      </c>
      <c r="C12359" s="1" t="s">
        <v>85</v>
      </c>
      <c r="D12359" s="1" t="s">
        <v>47327</v>
      </c>
      <c r="E12359" s="1" t="s">
        <v>47328</v>
      </c>
      <c r="F12359" s="1" t="s">
        <v>47329</v>
      </c>
      <c r="G12359" s="1" t="s">
        <v>47279</v>
      </c>
      <c r="H12359" s="1" t="s">
        <v>47280</v>
      </c>
      <c r="I12359" s="1" t="s">
        <v>43772</v>
      </c>
      <c r="J12359" s="1" t="s">
        <v>47330</v>
      </c>
    </row>
    <row r="12360" spans="1:10" x14ac:dyDescent="0.35">
      <c r="A12360" s="1" t="s">
        <v>47275</v>
      </c>
      <c r="B12360" s="1" t="s">
        <v>43766</v>
      </c>
      <c r="C12360" s="1" t="s">
        <v>90</v>
      </c>
      <c r="D12360" s="1" t="s">
        <v>47331</v>
      </c>
      <c r="E12360" s="1" t="s">
        <v>47332</v>
      </c>
      <c r="F12360" s="1" t="s">
        <v>47333</v>
      </c>
      <c r="G12360" s="1" t="s">
        <v>47279</v>
      </c>
      <c r="H12360" s="1" t="s">
        <v>47280</v>
      </c>
      <c r="I12360" s="1" t="s">
        <v>43772</v>
      </c>
      <c r="J12360" s="1" t="s">
        <v>47334</v>
      </c>
    </row>
    <row r="12361" spans="1:10" x14ac:dyDescent="0.35">
      <c r="A12361" s="1" t="s">
        <v>47275</v>
      </c>
      <c r="B12361" s="1" t="s">
        <v>43766</v>
      </c>
      <c r="C12361" s="1" t="s">
        <v>95</v>
      </c>
      <c r="D12361" s="1" t="s">
        <v>47335</v>
      </c>
      <c r="E12361" s="1" t="s">
        <v>47336</v>
      </c>
      <c r="F12361" s="1" t="s">
        <v>47337</v>
      </c>
      <c r="G12361" s="1" t="s">
        <v>47279</v>
      </c>
      <c r="H12361" s="1" t="s">
        <v>47280</v>
      </c>
      <c r="I12361" s="1" t="s">
        <v>43772</v>
      </c>
      <c r="J12361" s="1" t="s">
        <v>47338</v>
      </c>
    </row>
    <row r="12362" spans="1:10" x14ac:dyDescent="0.35">
      <c r="A12362" s="1" t="s">
        <v>47275</v>
      </c>
      <c r="B12362" s="1" t="s">
        <v>43766</v>
      </c>
      <c r="C12362" s="1" t="s">
        <v>100</v>
      </c>
      <c r="D12362" s="1" t="s">
        <v>47339</v>
      </c>
      <c r="E12362" s="1" t="s">
        <v>47340</v>
      </c>
      <c r="F12362" s="1" t="s">
        <v>47341</v>
      </c>
      <c r="G12362" s="1" t="s">
        <v>47279</v>
      </c>
      <c r="H12362" s="1" t="s">
        <v>47280</v>
      </c>
      <c r="I12362" s="1" t="s">
        <v>43772</v>
      </c>
      <c r="J12362" s="1" t="s">
        <v>47342</v>
      </c>
    </row>
    <row r="12363" spans="1:10" x14ac:dyDescent="0.35">
      <c r="A12363" s="1" t="s">
        <v>47275</v>
      </c>
      <c r="B12363" s="1" t="s">
        <v>43766</v>
      </c>
      <c r="C12363" s="1" t="s">
        <v>105</v>
      </c>
      <c r="D12363" s="1" t="s">
        <v>47343</v>
      </c>
      <c r="E12363" s="1" t="s">
        <v>47344</v>
      </c>
      <c r="F12363" s="1" t="s">
        <v>47345</v>
      </c>
      <c r="G12363" s="1" t="s">
        <v>47279</v>
      </c>
      <c r="H12363" s="1" t="s">
        <v>47280</v>
      </c>
      <c r="I12363" s="1" t="s">
        <v>43772</v>
      </c>
      <c r="J12363" s="1" t="s">
        <v>47346</v>
      </c>
    </row>
    <row r="12364" spans="1:10" x14ac:dyDescent="0.35">
      <c r="A12364" s="1" t="s">
        <v>47275</v>
      </c>
      <c r="B12364" s="1" t="s">
        <v>43766</v>
      </c>
      <c r="C12364" s="1" t="s">
        <v>110</v>
      </c>
      <c r="D12364" s="1" t="s">
        <v>27530</v>
      </c>
      <c r="E12364" s="1" t="s">
        <v>47347</v>
      </c>
      <c r="F12364" s="1" t="s">
        <v>47348</v>
      </c>
      <c r="G12364" s="1" t="s">
        <v>47279</v>
      </c>
      <c r="H12364" s="1" t="s">
        <v>47280</v>
      </c>
      <c r="I12364" s="1" t="s">
        <v>43772</v>
      </c>
      <c r="J12364" s="1" t="s">
        <v>47349</v>
      </c>
    </row>
    <row r="12365" spans="1:10" x14ac:dyDescent="0.35">
      <c r="A12365" s="1" t="s">
        <v>47275</v>
      </c>
      <c r="B12365" s="1" t="s">
        <v>43766</v>
      </c>
      <c r="C12365" s="1" t="s">
        <v>115</v>
      </c>
      <c r="D12365" s="1" t="s">
        <v>47350</v>
      </c>
      <c r="E12365" s="1" t="s">
        <v>47351</v>
      </c>
      <c r="F12365" s="1" t="s">
        <v>47352</v>
      </c>
      <c r="G12365" s="1" t="s">
        <v>47279</v>
      </c>
      <c r="H12365" s="1" t="s">
        <v>47280</v>
      </c>
      <c r="I12365" s="1" t="s">
        <v>43772</v>
      </c>
      <c r="J12365" s="1" t="s">
        <v>47353</v>
      </c>
    </row>
    <row r="12366" spans="1:10" x14ac:dyDescent="0.35">
      <c r="A12366" s="1" t="s">
        <v>47275</v>
      </c>
      <c r="B12366" s="1" t="s">
        <v>43766</v>
      </c>
      <c r="C12366" s="1" t="s">
        <v>120</v>
      </c>
      <c r="D12366" s="1" t="s">
        <v>47354</v>
      </c>
      <c r="E12366" s="1" t="s">
        <v>47355</v>
      </c>
      <c r="F12366" s="1" t="s">
        <v>47356</v>
      </c>
      <c r="G12366" s="1" t="s">
        <v>47279</v>
      </c>
      <c r="H12366" s="1" t="s">
        <v>47280</v>
      </c>
      <c r="I12366" s="1" t="s">
        <v>43772</v>
      </c>
      <c r="J12366" s="1" t="s">
        <v>47357</v>
      </c>
    </row>
    <row r="12367" spans="1:10" x14ac:dyDescent="0.35">
      <c r="A12367" s="1" t="s">
        <v>47275</v>
      </c>
      <c r="B12367" s="1" t="s">
        <v>43766</v>
      </c>
      <c r="C12367" s="1" t="s">
        <v>125</v>
      </c>
      <c r="D12367" s="1" t="s">
        <v>16023</v>
      </c>
      <c r="E12367" s="1" t="s">
        <v>47358</v>
      </c>
      <c r="F12367" s="1" t="s">
        <v>47359</v>
      </c>
      <c r="G12367" s="1" t="s">
        <v>47279</v>
      </c>
      <c r="H12367" s="1" t="s">
        <v>47280</v>
      </c>
      <c r="I12367" s="1" t="s">
        <v>43772</v>
      </c>
      <c r="J12367" s="1" t="s">
        <v>47360</v>
      </c>
    </row>
    <row r="12368" spans="1:10" x14ac:dyDescent="0.35">
      <c r="A12368" s="1" t="s">
        <v>47275</v>
      </c>
      <c r="B12368" s="1" t="s">
        <v>43766</v>
      </c>
      <c r="C12368" s="1" t="s">
        <v>130</v>
      </c>
      <c r="D12368" s="1" t="s">
        <v>47361</v>
      </c>
      <c r="E12368" s="1" t="s">
        <v>47362</v>
      </c>
      <c r="F12368" s="1" t="s">
        <v>47363</v>
      </c>
      <c r="G12368" s="1" t="s">
        <v>47279</v>
      </c>
      <c r="H12368" s="1" t="s">
        <v>47280</v>
      </c>
      <c r="I12368" s="1" t="s">
        <v>43772</v>
      </c>
      <c r="J12368" s="1" t="s">
        <v>47364</v>
      </c>
    </row>
    <row r="12369" spans="1:10" x14ac:dyDescent="0.35">
      <c r="A12369" s="1" t="s">
        <v>47275</v>
      </c>
      <c r="B12369" s="1" t="s">
        <v>43766</v>
      </c>
      <c r="C12369" s="1" t="s">
        <v>135</v>
      </c>
      <c r="D12369" s="1" t="s">
        <v>47365</v>
      </c>
      <c r="E12369" s="1" t="s">
        <v>47366</v>
      </c>
      <c r="F12369" s="1" t="s">
        <v>47367</v>
      </c>
      <c r="G12369" s="1" t="s">
        <v>47279</v>
      </c>
      <c r="H12369" s="1" t="s">
        <v>47280</v>
      </c>
      <c r="I12369" s="1" t="s">
        <v>43772</v>
      </c>
      <c r="J12369" s="1" t="s">
        <v>47368</v>
      </c>
    </row>
    <row r="12370" spans="1:10" x14ac:dyDescent="0.35">
      <c r="A12370" s="1" t="s">
        <v>47275</v>
      </c>
      <c r="B12370" s="1" t="s">
        <v>43766</v>
      </c>
      <c r="C12370" s="1" t="s">
        <v>140</v>
      </c>
      <c r="D12370" s="1" t="s">
        <v>47369</v>
      </c>
      <c r="E12370" s="1" t="s">
        <v>47370</v>
      </c>
      <c r="F12370" s="1" t="s">
        <v>47371</v>
      </c>
      <c r="G12370" s="1" t="s">
        <v>47279</v>
      </c>
      <c r="H12370" s="1" t="s">
        <v>47280</v>
      </c>
      <c r="I12370" s="1" t="s">
        <v>43772</v>
      </c>
      <c r="J12370" s="1" t="s">
        <v>47372</v>
      </c>
    </row>
    <row r="12371" spans="1:10" x14ac:dyDescent="0.35">
      <c r="A12371" s="1" t="s">
        <v>47275</v>
      </c>
      <c r="B12371" s="1" t="s">
        <v>43766</v>
      </c>
      <c r="C12371" s="1" t="s">
        <v>145</v>
      </c>
      <c r="D12371" s="1" t="s">
        <v>47373</v>
      </c>
      <c r="E12371" s="1" t="s">
        <v>47374</v>
      </c>
      <c r="F12371" s="1" t="s">
        <v>47375</v>
      </c>
      <c r="G12371" s="1" t="s">
        <v>47279</v>
      </c>
      <c r="H12371" s="1" t="s">
        <v>47280</v>
      </c>
      <c r="I12371" s="1" t="s">
        <v>43772</v>
      </c>
      <c r="J12371" s="1" t="s">
        <v>47376</v>
      </c>
    </row>
    <row r="12372" spans="1:10" x14ac:dyDescent="0.35">
      <c r="A12372" s="1" t="s">
        <v>47275</v>
      </c>
      <c r="B12372" s="1" t="s">
        <v>43766</v>
      </c>
      <c r="C12372" s="1" t="s">
        <v>150</v>
      </c>
      <c r="D12372" s="1" t="s">
        <v>47377</v>
      </c>
      <c r="E12372" s="1" t="s">
        <v>47378</v>
      </c>
      <c r="F12372" s="1" t="s">
        <v>47379</v>
      </c>
      <c r="G12372" s="1" t="s">
        <v>47279</v>
      </c>
      <c r="H12372" s="1" t="s">
        <v>47280</v>
      </c>
      <c r="I12372" s="1" t="s">
        <v>43772</v>
      </c>
      <c r="J12372" s="1" t="s">
        <v>47380</v>
      </c>
    </row>
    <row r="12373" spans="1:10" x14ac:dyDescent="0.35">
      <c r="A12373" s="1" t="s">
        <v>47275</v>
      </c>
      <c r="B12373" s="1" t="s">
        <v>43766</v>
      </c>
      <c r="C12373" s="1" t="s">
        <v>155</v>
      </c>
      <c r="D12373" s="1" t="s">
        <v>19844</v>
      </c>
      <c r="E12373" s="1" t="s">
        <v>47381</v>
      </c>
      <c r="F12373" s="1" t="s">
        <v>47382</v>
      </c>
      <c r="G12373" s="1" t="s">
        <v>47279</v>
      </c>
      <c r="H12373" s="1" t="s">
        <v>47280</v>
      </c>
      <c r="I12373" s="1" t="s">
        <v>43772</v>
      </c>
      <c r="J12373" s="1" t="s">
        <v>47383</v>
      </c>
    </row>
    <row r="12374" spans="1:10" x14ac:dyDescent="0.35">
      <c r="A12374" s="1" t="s">
        <v>47275</v>
      </c>
      <c r="B12374" s="1" t="s">
        <v>43766</v>
      </c>
      <c r="C12374" s="1" t="s">
        <v>160</v>
      </c>
      <c r="D12374" s="1" t="s">
        <v>47384</v>
      </c>
      <c r="E12374" s="1" t="s">
        <v>47385</v>
      </c>
      <c r="F12374" s="1" t="s">
        <v>47386</v>
      </c>
      <c r="G12374" s="1" t="s">
        <v>47279</v>
      </c>
      <c r="H12374" s="1" t="s">
        <v>47280</v>
      </c>
      <c r="I12374" s="1" t="s">
        <v>43772</v>
      </c>
      <c r="J12374" s="1" t="s">
        <v>47387</v>
      </c>
    </row>
    <row r="12375" spans="1:10" x14ac:dyDescent="0.35">
      <c r="A12375" s="1" t="s">
        <v>47275</v>
      </c>
      <c r="B12375" s="1" t="s">
        <v>43766</v>
      </c>
      <c r="C12375" s="1" t="s">
        <v>165</v>
      </c>
      <c r="D12375" s="1" t="s">
        <v>47388</v>
      </c>
      <c r="E12375" s="1" t="s">
        <v>47389</v>
      </c>
      <c r="F12375" s="1" t="s">
        <v>47390</v>
      </c>
      <c r="G12375" s="1" t="s">
        <v>47279</v>
      </c>
      <c r="H12375" s="1" t="s">
        <v>47280</v>
      </c>
      <c r="I12375" s="1" t="s">
        <v>43772</v>
      </c>
      <c r="J12375" s="1" t="s">
        <v>47391</v>
      </c>
    </row>
    <row r="12376" spans="1:10" x14ac:dyDescent="0.35">
      <c r="A12376" s="1" t="s">
        <v>47275</v>
      </c>
      <c r="B12376" s="1" t="s">
        <v>43766</v>
      </c>
      <c r="C12376" s="1" t="s">
        <v>170</v>
      </c>
      <c r="D12376" s="1" t="s">
        <v>47392</v>
      </c>
      <c r="E12376" s="1" t="s">
        <v>47393</v>
      </c>
      <c r="F12376" s="1" t="s">
        <v>47394</v>
      </c>
      <c r="G12376" s="1" t="s">
        <v>47279</v>
      </c>
      <c r="H12376" s="1" t="s">
        <v>47280</v>
      </c>
      <c r="I12376" s="1" t="s">
        <v>43772</v>
      </c>
      <c r="J12376" s="1" t="s">
        <v>47395</v>
      </c>
    </row>
    <row r="12377" spans="1:10" x14ac:dyDescent="0.35">
      <c r="A12377" s="1" t="s">
        <v>47396</v>
      </c>
      <c r="B12377" s="1" t="s">
        <v>43766</v>
      </c>
      <c r="C12377" s="1" t="s">
        <v>8</v>
      </c>
      <c r="D12377" s="1" t="s">
        <v>6431</v>
      </c>
      <c r="E12377" s="1" t="s">
        <v>47397</v>
      </c>
      <c r="F12377" s="1" t="s">
        <v>47398</v>
      </c>
      <c r="G12377" s="1" t="s">
        <v>47399</v>
      </c>
      <c r="H12377" s="1" t="s">
        <v>47400</v>
      </c>
      <c r="I12377" s="1" t="s">
        <v>43772</v>
      </c>
      <c r="J12377" s="1" t="s">
        <v>13</v>
      </c>
    </row>
    <row r="12378" spans="1:10" x14ac:dyDescent="0.35">
      <c r="A12378" s="1" t="s">
        <v>47396</v>
      </c>
      <c r="B12378" s="1" t="s">
        <v>43766</v>
      </c>
      <c r="C12378" s="1" t="s">
        <v>15</v>
      </c>
      <c r="D12378" s="1" t="s">
        <v>47401</v>
      </c>
      <c r="E12378" s="1" t="s">
        <v>47402</v>
      </c>
      <c r="F12378" s="1" t="s">
        <v>47403</v>
      </c>
      <c r="G12378" s="1" t="s">
        <v>47399</v>
      </c>
      <c r="H12378" s="1" t="s">
        <v>47400</v>
      </c>
      <c r="I12378" s="1" t="s">
        <v>43772</v>
      </c>
      <c r="J12378" s="1" t="s">
        <v>47404</v>
      </c>
    </row>
    <row r="12379" spans="1:10" x14ac:dyDescent="0.35">
      <c r="A12379" s="1" t="s">
        <v>47396</v>
      </c>
      <c r="B12379" s="1" t="s">
        <v>43766</v>
      </c>
      <c r="C12379" s="1" t="s">
        <v>20</v>
      </c>
      <c r="D12379" s="1" t="s">
        <v>15045</v>
      </c>
      <c r="E12379" s="1" t="s">
        <v>47405</v>
      </c>
      <c r="F12379" s="1" t="s">
        <v>47406</v>
      </c>
      <c r="G12379" s="1" t="s">
        <v>47399</v>
      </c>
      <c r="H12379" s="1" t="s">
        <v>47400</v>
      </c>
      <c r="I12379" s="1" t="s">
        <v>43772</v>
      </c>
      <c r="J12379" s="1" t="s">
        <v>47407</v>
      </c>
    </row>
    <row r="12380" spans="1:10" x14ac:dyDescent="0.35">
      <c r="A12380" s="1" t="s">
        <v>47396</v>
      </c>
      <c r="B12380" s="1" t="s">
        <v>43766</v>
      </c>
      <c r="C12380" s="1" t="s">
        <v>25</v>
      </c>
      <c r="D12380" s="1" t="s">
        <v>47408</v>
      </c>
      <c r="E12380" s="1" t="s">
        <v>47409</v>
      </c>
      <c r="F12380" s="1" t="s">
        <v>47410</v>
      </c>
      <c r="G12380" s="1" t="s">
        <v>47399</v>
      </c>
      <c r="H12380" s="1" t="s">
        <v>47400</v>
      </c>
      <c r="I12380" s="1" t="s">
        <v>43772</v>
      </c>
      <c r="J12380" s="1" t="s">
        <v>47411</v>
      </c>
    </row>
    <row r="12381" spans="1:10" x14ac:dyDescent="0.35">
      <c r="A12381" s="1" t="s">
        <v>47396</v>
      </c>
      <c r="B12381" s="1" t="s">
        <v>43766</v>
      </c>
      <c r="C12381" s="1" t="s">
        <v>30</v>
      </c>
      <c r="D12381" s="1" t="s">
        <v>47412</v>
      </c>
      <c r="E12381" s="1" t="s">
        <v>47413</v>
      </c>
      <c r="F12381" s="1" t="s">
        <v>47414</v>
      </c>
      <c r="G12381" s="1" t="s">
        <v>47399</v>
      </c>
      <c r="H12381" s="1" t="s">
        <v>47400</v>
      </c>
      <c r="I12381" s="1" t="s">
        <v>43772</v>
      </c>
      <c r="J12381" s="1" t="s">
        <v>47415</v>
      </c>
    </row>
    <row r="12382" spans="1:10" x14ac:dyDescent="0.35">
      <c r="A12382" s="1" t="s">
        <v>47396</v>
      </c>
      <c r="B12382" s="1" t="s">
        <v>43766</v>
      </c>
      <c r="C12382" s="1" t="s">
        <v>35</v>
      </c>
      <c r="D12382" s="1" t="s">
        <v>47416</v>
      </c>
      <c r="E12382" s="1" t="s">
        <v>47417</v>
      </c>
      <c r="F12382" s="1" t="s">
        <v>47418</v>
      </c>
      <c r="G12382" s="1" t="s">
        <v>47399</v>
      </c>
      <c r="H12382" s="1" t="s">
        <v>47400</v>
      </c>
      <c r="I12382" s="1" t="s">
        <v>43772</v>
      </c>
      <c r="J12382" s="1" t="s">
        <v>47419</v>
      </c>
    </row>
    <row r="12383" spans="1:10" x14ac:dyDescent="0.35">
      <c r="A12383" s="1" t="s">
        <v>47396</v>
      </c>
      <c r="B12383" s="1" t="s">
        <v>43766</v>
      </c>
      <c r="C12383" s="1" t="s">
        <v>40</v>
      </c>
      <c r="D12383" s="1" t="s">
        <v>47420</v>
      </c>
      <c r="E12383" s="1" t="s">
        <v>47421</v>
      </c>
      <c r="F12383" s="1" t="s">
        <v>47422</v>
      </c>
      <c r="G12383" s="1" t="s">
        <v>47399</v>
      </c>
      <c r="H12383" s="1" t="s">
        <v>47400</v>
      </c>
      <c r="I12383" s="1" t="s">
        <v>43772</v>
      </c>
      <c r="J12383" s="1" t="s">
        <v>47423</v>
      </c>
    </row>
    <row r="12384" spans="1:10" x14ac:dyDescent="0.35">
      <c r="A12384" s="1" t="s">
        <v>47396</v>
      </c>
      <c r="B12384" s="1" t="s">
        <v>43766</v>
      </c>
      <c r="C12384" s="1" t="s">
        <v>45</v>
      </c>
      <c r="D12384" s="1" t="s">
        <v>47424</v>
      </c>
      <c r="E12384" s="1" t="s">
        <v>47425</v>
      </c>
      <c r="F12384" s="1" t="s">
        <v>47426</v>
      </c>
      <c r="G12384" s="1" t="s">
        <v>47399</v>
      </c>
      <c r="H12384" s="1" t="s">
        <v>47400</v>
      </c>
      <c r="I12384" s="1" t="s">
        <v>43772</v>
      </c>
      <c r="J12384" s="1" t="s">
        <v>47427</v>
      </c>
    </row>
    <row r="12385" spans="1:10" x14ac:dyDescent="0.35">
      <c r="A12385" s="1" t="s">
        <v>47396</v>
      </c>
      <c r="B12385" s="1" t="s">
        <v>43766</v>
      </c>
      <c r="C12385" s="1" t="s">
        <v>50</v>
      </c>
      <c r="D12385" s="1" t="s">
        <v>33425</v>
      </c>
      <c r="E12385" s="1" t="s">
        <v>47428</v>
      </c>
      <c r="F12385" s="1" t="s">
        <v>47429</v>
      </c>
      <c r="G12385" s="1" t="s">
        <v>47399</v>
      </c>
      <c r="H12385" s="1" t="s">
        <v>47400</v>
      </c>
      <c r="I12385" s="1" t="s">
        <v>43772</v>
      </c>
      <c r="J12385" s="1" t="s">
        <v>47430</v>
      </c>
    </row>
    <row r="12386" spans="1:10" x14ac:dyDescent="0.35">
      <c r="A12386" s="1" t="s">
        <v>47396</v>
      </c>
      <c r="B12386" s="1" t="s">
        <v>43766</v>
      </c>
      <c r="C12386" s="1" t="s">
        <v>55</v>
      </c>
      <c r="D12386" s="1" t="s">
        <v>47431</v>
      </c>
      <c r="E12386" s="1" t="s">
        <v>47432</v>
      </c>
      <c r="F12386" s="1" t="s">
        <v>47433</v>
      </c>
      <c r="G12386" s="1" t="s">
        <v>47399</v>
      </c>
      <c r="H12386" s="1" t="s">
        <v>47400</v>
      </c>
      <c r="I12386" s="1" t="s">
        <v>43772</v>
      </c>
      <c r="J12386" s="1" t="s">
        <v>47434</v>
      </c>
    </row>
    <row r="12387" spans="1:10" x14ac:dyDescent="0.35">
      <c r="A12387" s="1" t="s">
        <v>47396</v>
      </c>
      <c r="B12387" s="1" t="s">
        <v>43766</v>
      </c>
      <c r="C12387" s="1" t="s">
        <v>60</v>
      </c>
      <c r="D12387" s="1" t="s">
        <v>47435</v>
      </c>
      <c r="E12387" s="1" t="s">
        <v>47436</v>
      </c>
      <c r="F12387" s="1" t="s">
        <v>47437</v>
      </c>
      <c r="G12387" s="1" t="s">
        <v>47399</v>
      </c>
      <c r="H12387" s="1" t="s">
        <v>47400</v>
      </c>
      <c r="I12387" s="1" t="s">
        <v>43772</v>
      </c>
      <c r="J12387" s="1" t="s">
        <v>47438</v>
      </c>
    </row>
    <row r="12388" spans="1:10" x14ac:dyDescent="0.35">
      <c r="A12388" s="1" t="s">
        <v>47396</v>
      </c>
      <c r="B12388" s="1" t="s">
        <v>43766</v>
      </c>
      <c r="C12388" s="1" t="s">
        <v>65</v>
      </c>
      <c r="D12388" s="1" t="s">
        <v>47439</v>
      </c>
      <c r="E12388" s="1" t="s">
        <v>47440</v>
      </c>
      <c r="F12388" s="1" t="s">
        <v>47441</v>
      </c>
      <c r="G12388" s="1" t="s">
        <v>47399</v>
      </c>
      <c r="H12388" s="1" t="s">
        <v>47400</v>
      </c>
      <c r="I12388" s="1" t="s">
        <v>43772</v>
      </c>
      <c r="J12388" s="1" t="s">
        <v>47442</v>
      </c>
    </row>
    <row r="12389" spans="1:10" x14ac:dyDescent="0.35">
      <c r="A12389" s="1" t="s">
        <v>47396</v>
      </c>
      <c r="B12389" s="1" t="s">
        <v>43766</v>
      </c>
      <c r="C12389" s="1" t="s">
        <v>70</v>
      </c>
      <c r="D12389" s="1" t="s">
        <v>47443</v>
      </c>
      <c r="E12389" s="1" t="s">
        <v>47444</v>
      </c>
      <c r="F12389" s="1" t="s">
        <v>47445</v>
      </c>
      <c r="G12389" s="1" t="s">
        <v>47399</v>
      </c>
      <c r="H12389" s="1" t="s">
        <v>47400</v>
      </c>
      <c r="I12389" s="1" t="s">
        <v>43772</v>
      </c>
      <c r="J12389" s="1" t="s">
        <v>47446</v>
      </c>
    </row>
    <row r="12390" spans="1:10" x14ac:dyDescent="0.35">
      <c r="A12390" s="1" t="s">
        <v>47396</v>
      </c>
      <c r="B12390" s="1" t="s">
        <v>43766</v>
      </c>
      <c r="C12390" s="1" t="s">
        <v>75</v>
      </c>
      <c r="D12390" s="1" t="s">
        <v>47447</v>
      </c>
      <c r="E12390" s="1" t="s">
        <v>47448</v>
      </c>
      <c r="F12390" s="1" t="s">
        <v>47449</v>
      </c>
      <c r="G12390" s="1" t="s">
        <v>47399</v>
      </c>
      <c r="H12390" s="1" t="s">
        <v>47400</v>
      </c>
      <c r="I12390" s="1" t="s">
        <v>43772</v>
      </c>
      <c r="J12390" s="1" t="s">
        <v>47450</v>
      </c>
    </row>
    <row r="12391" spans="1:10" x14ac:dyDescent="0.35">
      <c r="A12391" s="1" t="s">
        <v>47396</v>
      </c>
      <c r="B12391" s="1" t="s">
        <v>43766</v>
      </c>
      <c r="C12391" s="1" t="s">
        <v>80</v>
      </c>
      <c r="D12391" s="1" t="s">
        <v>47451</v>
      </c>
      <c r="E12391" s="1" t="s">
        <v>47452</v>
      </c>
      <c r="F12391" s="1" t="s">
        <v>47453</v>
      </c>
      <c r="G12391" s="1" t="s">
        <v>47399</v>
      </c>
      <c r="H12391" s="1" t="s">
        <v>47400</v>
      </c>
      <c r="I12391" s="1" t="s">
        <v>43772</v>
      </c>
      <c r="J12391" s="1" t="s">
        <v>47454</v>
      </c>
    </row>
    <row r="12392" spans="1:10" x14ac:dyDescent="0.35">
      <c r="A12392" s="1" t="s">
        <v>47396</v>
      </c>
      <c r="B12392" s="1" t="s">
        <v>43766</v>
      </c>
      <c r="C12392" s="1" t="s">
        <v>85</v>
      </c>
      <c r="D12392" s="1" t="s">
        <v>47455</v>
      </c>
      <c r="E12392" s="1" t="s">
        <v>47456</v>
      </c>
      <c r="F12392" s="1" t="s">
        <v>47457</v>
      </c>
      <c r="G12392" s="1" t="s">
        <v>47399</v>
      </c>
      <c r="H12392" s="1" t="s">
        <v>47400</v>
      </c>
      <c r="I12392" s="1" t="s">
        <v>43772</v>
      </c>
      <c r="J12392" s="1" t="s">
        <v>47458</v>
      </c>
    </row>
    <row r="12393" spans="1:10" x14ac:dyDescent="0.35">
      <c r="A12393" s="1" t="s">
        <v>47396</v>
      </c>
      <c r="B12393" s="1" t="s">
        <v>43766</v>
      </c>
      <c r="C12393" s="1" t="s">
        <v>90</v>
      </c>
      <c r="D12393" s="1" t="s">
        <v>47459</v>
      </c>
      <c r="E12393" s="1" t="s">
        <v>47460</v>
      </c>
      <c r="F12393" s="1" t="s">
        <v>47461</v>
      </c>
      <c r="G12393" s="1" t="s">
        <v>47399</v>
      </c>
      <c r="H12393" s="1" t="s">
        <v>47400</v>
      </c>
      <c r="I12393" s="1" t="s">
        <v>43772</v>
      </c>
      <c r="J12393" s="1" t="s">
        <v>47462</v>
      </c>
    </row>
    <row r="12394" spans="1:10" x14ac:dyDescent="0.35">
      <c r="A12394" s="1" t="s">
        <v>47396</v>
      </c>
      <c r="B12394" s="1" t="s">
        <v>43766</v>
      </c>
      <c r="C12394" s="1" t="s">
        <v>95</v>
      </c>
      <c r="D12394" s="1" t="s">
        <v>3063</v>
      </c>
      <c r="E12394" s="1" t="s">
        <v>47463</v>
      </c>
      <c r="F12394" s="1" t="s">
        <v>47464</v>
      </c>
      <c r="G12394" s="1" t="s">
        <v>47399</v>
      </c>
      <c r="H12394" s="1" t="s">
        <v>47400</v>
      </c>
      <c r="I12394" s="1" t="s">
        <v>43772</v>
      </c>
      <c r="J12394" s="1" t="s">
        <v>47465</v>
      </c>
    </row>
    <row r="12395" spans="1:10" x14ac:dyDescent="0.35">
      <c r="A12395" s="1" t="s">
        <v>47396</v>
      </c>
      <c r="B12395" s="1" t="s">
        <v>43766</v>
      </c>
      <c r="C12395" s="1" t="s">
        <v>100</v>
      </c>
      <c r="D12395" s="1" t="s">
        <v>47466</v>
      </c>
      <c r="E12395" s="1" t="s">
        <v>47467</v>
      </c>
      <c r="F12395" s="1" t="s">
        <v>47468</v>
      </c>
      <c r="G12395" s="1" t="s">
        <v>47399</v>
      </c>
      <c r="H12395" s="1" t="s">
        <v>47400</v>
      </c>
      <c r="I12395" s="1" t="s">
        <v>43772</v>
      </c>
      <c r="J12395" s="1" t="s">
        <v>47469</v>
      </c>
    </row>
    <row r="12396" spans="1:10" x14ac:dyDescent="0.35">
      <c r="A12396" s="1" t="s">
        <v>47396</v>
      </c>
      <c r="B12396" s="1" t="s">
        <v>43766</v>
      </c>
      <c r="C12396" s="1" t="s">
        <v>105</v>
      </c>
      <c r="D12396" s="1" t="s">
        <v>37215</v>
      </c>
      <c r="E12396" s="1" t="s">
        <v>47470</v>
      </c>
      <c r="F12396" s="1" t="s">
        <v>47471</v>
      </c>
      <c r="G12396" s="1" t="s">
        <v>47399</v>
      </c>
      <c r="H12396" s="1" t="s">
        <v>47400</v>
      </c>
      <c r="I12396" s="1" t="s">
        <v>43772</v>
      </c>
      <c r="J12396" s="1" t="s">
        <v>47472</v>
      </c>
    </row>
    <row r="12397" spans="1:10" x14ac:dyDescent="0.35">
      <c r="A12397" s="1" t="s">
        <v>47396</v>
      </c>
      <c r="B12397" s="1" t="s">
        <v>43766</v>
      </c>
      <c r="C12397" s="1" t="s">
        <v>110</v>
      </c>
      <c r="D12397" s="1" t="s">
        <v>3818</v>
      </c>
      <c r="E12397" s="1" t="s">
        <v>47473</v>
      </c>
      <c r="F12397" s="1" t="s">
        <v>47474</v>
      </c>
      <c r="G12397" s="1" t="s">
        <v>47399</v>
      </c>
      <c r="H12397" s="1" t="s">
        <v>47400</v>
      </c>
      <c r="I12397" s="1" t="s">
        <v>43772</v>
      </c>
      <c r="J12397" s="1" t="s">
        <v>47475</v>
      </c>
    </row>
    <row r="12398" spans="1:10" x14ac:dyDescent="0.35">
      <c r="A12398" s="1" t="s">
        <v>47396</v>
      </c>
      <c r="B12398" s="1" t="s">
        <v>43766</v>
      </c>
      <c r="C12398" s="1" t="s">
        <v>115</v>
      </c>
      <c r="D12398" s="1" t="s">
        <v>47476</v>
      </c>
      <c r="E12398" s="1" t="s">
        <v>47477</v>
      </c>
      <c r="F12398" s="1" t="s">
        <v>47478</v>
      </c>
      <c r="G12398" s="1" t="s">
        <v>47399</v>
      </c>
      <c r="H12398" s="1" t="s">
        <v>47400</v>
      </c>
      <c r="I12398" s="1" t="s">
        <v>43772</v>
      </c>
      <c r="J12398" s="1" t="s">
        <v>47479</v>
      </c>
    </row>
    <row r="12399" spans="1:10" x14ac:dyDescent="0.35">
      <c r="A12399" s="1" t="s">
        <v>47396</v>
      </c>
      <c r="B12399" s="1" t="s">
        <v>43766</v>
      </c>
      <c r="C12399" s="1" t="s">
        <v>120</v>
      </c>
      <c r="D12399" s="1" t="s">
        <v>47480</v>
      </c>
      <c r="E12399" s="1" t="s">
        <v>47481</v>
      </c>
      <c r="F12399" s="1" t="s">
        <v>47482</v>
      </c>
      <c r="G12399" s="1" t="s">
        <v>47399</v>
      </c>
      <c r="H12399" s="1" t="s">
        <v>47400</v>
      </c>
      <c r="I12399" s="1" t="s">
        <v>43772</v>
      </c>
      <c r="J12399" s="1" t="s">
        <v>47483</v>
      </c>
    </row>
    <row r="12400" spans="1:10" x14ac:dyDescent="0.35">
      <c r="A12400" s="1" t="s">
        <v>47396</v>
      </c>
      <c r="B12400" s="1" t="s">
        <v>43766</v>
      </c>
      <c r="C12400" s="1" t="s">
        <v>125</v>
      </c>
      <c r="D12400" s="1" t="s">
        <v>47484</v>
      </c>
      <c r="E12400" s="1" t="s">
        <v>47485</v>
      </c>
      <c r="F12400" s="1" t="s">
        <v>47486</v>
      </c>
      <c r="G12400" s="1" t="s">
        <v>47399</v>
      </c>
      <c r="H12400" s="1" t="s">
        <v>47400</v>
      </c>
      <c r="I12400" s="1" t="s">
        <v>43772</v>
      </c>
      <c r="J12400" s="1" t="s">
        <v>47487</v>
      </c>
    </row>
    <row r="12401" spans="1:10" x14ac:dyDescent="0.35">
      <c r="A12401" s="1" t="s">
        <v>47396</v>
      </c>
      <c r="B12401" s="1" t="s">
        <v>43766</v>
      </c>
      <c r="C12401" s="1" t="s">
        <v>130</v>
      </c>
      <c r="D12401" s="1" t="s">
        <v>47488</v>
      </c>
      <c r="E12401" s="1" t="s">
        <v>47489</v>
      </c>
      <c r="F12401" s="1" t="s">
        <v>47490</v>
      </c>
      <c r="G12401" s="1" t="s">
        <v>47399</v>
      </c>
      <c r="H12401" s="1" t="s">
        <v>47400</v>
      </c>
      <c r="I12401" s="1" t="s">
        <v>43772</v>
      </c>
      <c r="J12401" s="1" t="s">
        <v>47491</v>
      </c>
    </row>
    <row r="12402" spans="1:10" x14ac:dyDescent="0.35">
      <c r="A12402" s="1" t="s">
        <v>47396</v>
      </c>
      <c r="B12402" s="1" t="s">
        <v>43766</v>
      </c>
      <c r="C12402" s="1" t="s">
        <v>135</v>
      </c>
      <c r="D12402" s="1" t="s">
        <v>47492</v>
      </c>
      <c r="E12402" s="1" t="s">
        <v>47493</v>
      </c>
      <c r="F12402" s="1" t="s">
        <v>47494</v>
      </c>
      <c r="G12402" s="1" t="s">
        <v>47399</v>
      </c>
      <c r="H12402" s="1" t="s">
        <v>47400</v>
      </c>
      <c r="I12402" s="1" t="s">
        <v>43772</v>
      </c>
      <c r="J12402" s="1" t="s">
        <v>47495</v>
      </c>
    </row>
    <row r="12403" spans="1:10" x14ac:dyDescent="0.35">
      <c r="A12403" s="1" t="s">
        <v>47396</v>
      </c>
      <c r="B12403" s="1" t="s">
        <v>43766</v>
      </c>
      <c r="C12403" s="1" t="s">
        <v>140</v>
      </c>
      <c r="D12403" s="1" t="s">
        <v>47496</v>
      </c>
      <c r="E12403" s="1" t="s">
        <v>47497</v>
      </c>
      <c r="F12403" s="1" t="s">
        <v>47498</v>
      </c>
      <c r="G12403" s="1" t="s">
        <v>47399</v>
      </c>
      <c r="H12403" s="1" t="s">
        <v>47400</v>
      </c>
      <c r="I12403" s="1" t="s">
        <v>43772</v>
      </c>
      <c r="J12403" s="1" t="s">
        <v>47499</v>
      </c>
    </row>
    <row r="12404" spans="1:10" x14ac:dyDescent="0.35">
      <c r="A12404" s="1" t="s">
        <v>47396</v>
      </c>
      <c r="B12404" s="1" t="s">
        <v>43766</v>
      </c>
      <c r="C12404" s="1" t="s">
        <v>145</v>
      </c>
      <c r="D12404" s="1" t="s">
        <v>47500</v>
      </c>
      <c r="E12404" s="1" t="s">
        <v>47501</v>
      </c>
      <c r="F12404" s="1" t="s">
        <v>47502</v>
      </c>
      <c r="G12404" s="1" t="s">
        <v>47399</v>
      </c>
      <c r="H12404" s="1" t="s">
        <v>47400</v>
      </c>
      <c r="I12404" s="1" t="s">
        <v>43772</v>
      </c>
      <c r="J12404" s="1" t="s">
        <v>47503</v>
      </c>
    </row>
    <row r="12405" spans="1:10" x14ac:dyDescent="0.35">
      <c r="A12405" s="1" t="s">
        <v>47396</v>
      </c>
      <c r="B12405" s="1" t="s">
        <v>43766</v>
      </c>
      <c r="C12405" s="1" t="s">
        <v>150</v>
      </c>
      <c r="D12405" s="1" t="s">
        <v>47504</v>
      </c>
      <c r="E12405" s="1" t="s">
        <v>47505</v>
      </c>
      <c r="F12405" s="1" t="s">
        <v>47506</v>
      </c>
      <c r="G12405" s="1" t="s">
        <v>47399</v>
      </c>
      <c r="H12405" s="1" t="s">
        <v>47400</v>
      </c>
      <c r="I12405" s="1" t="s">
        <v>43772</v>
      </c>
      <c r="J12405" s="1" t="s">
        <v>47507</v>
      </c>
    </row>
    <row r="12406" spans="1:10" x14ac:dyDescent="0.35">
      <c r="A12406" s="1" t="s">
        <v>47396</v>
      </c>
      <c r="B12406" s="1" t="s">
        <v>43766</v>
      </c>
      <c r="C12406" s="1" t="s">
        <v>155</v>
      </c>
      <c r="D12406" s="1" t="s">
        <v>47508</v>
      </c>
      <c r="E12406" s="1" t="s">
        <v>47509</v>
      </c>
      <c r="F12406" s="1" t="s">
        <v>47510</v>
      </c>
      <c r="G12406" s="1" t="s">
        <v>47399</v>
      </c>
      <c r="H12406" s="1" t="s">
        <v>47400</v>
      </c>
      <c r="I12406" s="1" t="s">
        <v>43772</v>
      </c>
      <c r="J12406" s="1" t="s">
        <v>47511</v>
      </c>
    </row>
    <row r="12407" spans="1:10" x14ac:dyDescent="0.35">
      <c r="A12407" s="1" t="s">
        <v>47396</v>
      </c>
      <c r="B12407" s="1" t="s">
        <v>43766</v>
      </c>
      <c r="C12407" s="1" t="s">
        <v>160</v>
      </c>
      <c r="D12407" s="1" t="s">
        <v>47512</v>
      </c>
      <c r="E12407" s="1" t="s">
        <v>47513</v>
      </c>
      <c r="F12407" s="1" t="s">
        <v>47514</v>
      </c>
      <c r="G12407" s="1" t="s">
        <v>47399</v>
      </c>
      <c r="H12407" s="1" t="s">
        <v>47400</v>
      </c>
      <c r="I12407" s="1" t="s">
        <v>43772</v>
      </c>
      <c r="J12407" s="1" t="s">
        <v>47515</v>
      </c>
    </row>
    <row r="12408" spans="1:10" x14ac:dyDescent="0.35">
      <c r="A12408" s="1" t="s">
        <v>47396</v>
      </c>
      <c r="B12408" s="1" t="s">
        <v>43766</v>
      </c>
      <c r="C12408" s="1" t="s">
        <v>165</v>
      </c>
      <c r="D12408" s="1" t="s">
        <v>47516</v>
      </c>
      <c r="E12408" s="1" t="s">
        <v>47517</v>
      </c>
      <c r="F12408" s="1" t="s">
        <v>47518</v>
      </c>
      <c r="G12408" s="1" t="s">
        <v>47399</v>
      </c>
      <c r="H12408" s="1" t="s">
        <v>47400</v>
      </c>
      <c r="I12408" s="1" t="s">
        <v>43772</v>
      </c>
      <c r="J12408" s="1" t="s">
        <v>47519</v>
      </c>
    </row>
    <row r="12409" spans="1:10" x14ac:dyDescent="0.35">
      <c r="A12409" s="1" t="s">
        <v>47396</v>
      </c>
      <c r="B12409" s="1" t="s">
        <v>43766</v>
      </c>
      <c r="C12409" s="1" t="s">
        <v>170</v>
      </c>
      <c r="D12409" s="1" t="s">
        <v>47520</v>
      </c>
      <c r="E12409" s="1" t="s">
        <v>47521</v>
      </c>
      <c r="F12409" s="1" t="s">
        <v>47522</v>
      </c>
      <c r="G12409" s="1" t="s">
        <v>47399</v>
      </c>
      <c r="H12409" s="1" t="s">
        <v>47400</v>
      </c>
      <c r="I12409" s="1" t="s">
        <v>43772</v>
      </c>
      <c r="J12409" s="1" t="s">
        <v>47523</v>
      </c>
    </row>
    <row r="12410" spans="1:10" x14ac:dyDescent="0.35">
      <c r="A12410" s="1" t="s">
        <v>47524</v>
      </c>
      <c r="B12410" s="1" t="s">
        <v>47525</v>
      </c>
      <c r="C12410" s="1" t="s">
        <v>8</v>
      </c>
      <c r="D12410" s="1" t="s">
        <v>47526</v>
      </c>
      <c r="E12410" s="1" t="s">
        <v>47527</v>
      </c>
      <c r="F12410" s="1" t="s">
        <v>47528</v>
      </c>
      <c r="G12410" s="1" t="s">
        <v>47529</v>
      </c>
      <c r="H12410" s="1" t="s">
        <v>47530</v>
      </c>
      <c r="I12410" s="1" t="s">
        <v>47531</v>
      </c>
      <c r="J12410" s="1" t="s">
        <v>13</v>
      </c>
    </row>
    <row r="12411" spans="1:10" x14ac:dyDescent="0.35">
      <c r="A12411" s="1" t="s">
        <v>47524</v>
      </c>
      <c r="B12411" s="1" t="s">
        <v>47525</v>
      </c>
      <c r="C12411" s="1" t="s">
        <v>15</v>
      </c>
      <c r="D12411" s="1" t="s">
        <v>47532</v>
      </c>
      <c r="E12411" s="1" t="s">
        <v>47533</v>
      </c>
      <c r="F12411" s="1" t="s">
        <v>47534</v>
      </c>
      <c r="G12411" s="1" t="s">
        <v>47529</v>
      </c>
      <c r="H12411" s="1" t="s">
        <v>47530</v>
      </c>
      <c r="I12411" s="1" t="s">
        <v>47531</v>
      </c>
      <c r="J12411" s="1" t="s">
        <v>47535</v>
      </c>
    </row>
    <row r="12412" spans="1:10" x14ac:dyDescent="0.35">
      <c r="A12412" s="1" t="s">
        <v>47524</v>
      </c>
      <c r="B12412" s="1" t="s">
        <v>47525</v>
      </c>
      <c r="C12412" s="1" t="s">
        <v>20</v>
      </c>
      <c r="D12412" s="1" t="s">
        <v>47536</v>
      </c>
      <c r="E12412" s="1" t="s">
        <v>47537</v>
      </c>
      <c r="F12412" s="1" t="s">
        <v>47538</v>
      </c>
      <c r="G12412" s="1" t="s">
        <v>47529</v>
      </c>
      <c r="H12412" s="1" t="s">
        <v>47530</v>
      </c>
      <c r="I12412" s="1" t="s">
        <v>47531</v>
      </c>
      <c r="J12412" s="1" t="s">
        <v>47539</v>
      </c>
    </row>
    <row r="12413" spans="1:10" x14ac:dyDescent="0.35">
      <c r="A12413" s="1" t="s">
        <v>47524</v>
      </c>
      <c r="B12413" s="1" t="s">
        <v>47525</v>
      </c>
      <c r="C12413" s="1" t="s">
        <v>25</v>
      </c>
      <c r="D12413" s="1" t="s">
        <v>47540</v>
      </c>
      <c r="E12413" s="1" t="s">
        <v>47541</v>
      </c>
      <c r="F12413" s="1" t="s">
        <v>47542</v>
      </c>
      <c r="G12413" s="1" t="s">
        <v>47529</v>
      </c>
      <c r="H12413" s="1" t="s">
        <v>47530</v>
      </c>
      <c r="I12413" s="1" t="s">
        <v>47531</v>
      </c>
      <c r="J12413" s="1" t="s">
        <v>47543</v>
      </c>
    </row>
    <row r="12414" spans="1:10" x14ac:dyDescent="0.35">
      <c r="A12414" s="1" t="s">
        <v>47524</v>
      </c>
      <c r="B12414" s="1" t="s">
        <v>47525</v>
      </c>
      <c r="C12414" s="1" t="s">
        <v>30</v>
      </c>
      <c r="D12414" s="1" t="s">
        <v>47544</v>
      </c>
      <c r="E12414" s="1" t="s">
        <v>47545</v>
      </c>
      <c r="F12414" s="1" t="s">
        <v>47546</v>
      </c>
      <c r="G12414" s="1" t="s">
        <v>47529</v>
      </c>
      <c r="H12414" s="1" t="s">
        <v>47530</v>
      </c>
      <c r="I12414" s="1" t="s">
        <v>47531</v>
      </c>
      <c r="J12414" s="1" t="s">
        <v>47547</v>
      </c>
    </row>
    <row r="12415" spans="1:10" x14ac:dyDescent="0.35">
      <c r="A12415" s="1" t="s">
        <v>47524</v>
      </c>
      <c r="B12415" s="1" t="s">
        <v>47525</v>
      </c>
      <c r="C12415" s="1" t="s">
        <v>35</v>
      </c>
      <c r="D12415" s="1" t="s">
        <v>30491</v>
      </c>
      <c r="E12415" s="1" t="s">
        <v>47548</v>
      </c>
      <c r="F12415" s="1" t="s">
        <v>47549</v>
      </c>
      <c r="G12415" s="1" t="s">
        <v>47529</v>
      </c>
      <c r="H12415" s="1" t="s">
        <v>47530</v>
      </c>
      <c r="I12415" s="1" t="s">
        <v>47531</v>
      </c>
      <c r="J12415" s="1" t="s">
        <v>47550</v>
      </c>
    </row>
    <row r="12416" spans="1:10" x14ac:dyDescent="0.35">
      <c r="A12416" s="1" t="s">
        <v>47524</v>
      </c>
      <c r="B12416" s="1" t="s">
        <v>47525</v>
      </c>
      <c r="C12416" s="1" t="s">
        <v>40</v>
      </c>
      <c r="D12416" s="1" t="s">
        <v>47551</v>
      </c>
      <c r="E12416" s="1" t="s">
        <v>47552</v>
      </c>
      <c r="F12416" s="1" t="s">
        <v>47553</v>
      </c>
      <c r="G12416" s="1" t="s">
        <v>47529</v>
      </c>
      <c r="H12416" s="1" t="s">
        <v>47530</v>
      </c>
      <c r="I12416" s="1" t="s">
        <v>47531</v>
      </c>
      <c r="J12416" s="1" t="s">
        <v>47554</v>
      </c>
    </row>
    <row r="12417" spans="1:10" x14ac:dyDescent="0.35">
      <c r="A12417" s="1" t="s">
        <v>47524</v>
      </c>
      <c r="B12417" s="1" t="s">
        <v>47525</v>
      </c>
      <c r="C12417" s="1" t="s">
        <v>45</v>
      </c>
      <c r="D12417" s="1" t="s">
        <v>16428</v>
      </c>
      <c r="E12417" s="1" t="s">
        <v>47555</v>
      </c>
      <c r="F12417" s="1" t="s">
        <v>47556</v>
      </c>
      <c r="G12417" s="1" t="s">
        <v>47529</v>
      </c>
      <c r="H12417" s="1" t="s">
        <v>47530</v>
      </c>
      <c r="I12417" s="1" t="s">
        <v>47531</v>
      </c>
      <c r="J12417" s="1" t="s">
        <v>47557</v>
      </c>
    </row>
    <row r="12418" spans="1:10" x14ac:dyDescent="0.35">
      <c r="A12418" s="1" t="s">
        <v>47524</v>
      </c>
      <c r="B12418" s="1" t="s">
        <v>47525</v>
      </c>
      <c r="C12418" s="1" t="s">
        <v>50</v>
      </c>
      <c r="D12418" s="1" t="s">
        <v>47558</v>
      </c>
      <c r="E12418" s="1" t="s">
        <v>47559</v>
      </c>
      <c r="F12418" s="1" t="s">
        <v>47560</v>
      </c>
      <c r="G12418" s="1" t="s">
        <v>47529</v>
      </c>
      <c r="H12418" s="1" t="s">
        <v>47530</v>
      </c>
      <c r="I12418" s="1" t="s">
        <v>47531</v>
      </c>
      <c r="J12418" s="1" t="s">
        <v>47561</v>
      </c>
    </row>
    <row r="12419" spans="1:10" x14ac:dyDescent="0.35">
      <c r="A12419" s="1" t="s">
        <v>47524</v>
      </c>
      <c r="B12419" s="1" t="s">
        <v>47525</v>
      </c>
      <c r="C12419" s="1" t="s">
        <v>55</v>
      </c>
      <c r="D12419" s="1" t="s">
        <v>18443</v>
      </c>
      <c r="E12419" s="1" t="s">
        <v>47562</v>
      </c>
      <c r="F12419" s="1" t="s">
        <v>47563</v>
      </c>
      <c r="G12419" s="1" t="s">
        <v>47529</v>
      </c>
      <c r="H12419" s="1" t="s">
        <v>47530</v>
      </c>
      <c r="I12419" s="1" t="s">
        <v>47531</v>
      </c>
      <c r="J12419" s="1" t="s">
        <v>47564</v>
      </c>
    </row>
    <row r="12420" spans="1:10" x14ac:dyDescent="0.35">
      <c r="A12420" s="1" t="s">
        <v>47524</v>
      </c>
      <c r="B12420" s="1" t="s">
        <v>47525</v>
      </c>
      <c r="C12420" s="1" t="s">
        <v>60</v>
      </c>
      <c r="D12420" s="1" t="s">
        <v>47565</v>
      </c>
      <c r="E12420" s="1" t="s">
        <v>47566</v>
      </c>
      <c r="F12420" s="1" t="s">
        <v>47567</v>
      </c>
      <c r="G12420" s="1" t="s">
        <v>47529</v>
      </c>
      <c r="H12420" s="1" t="s">
        <v>47530</v>
      </c>
      <c r="I12420" s="1" t="s">
        <v>47531</v>
      </c>
      <c r="J12420" s="1" t="s">
        <v>47568</v>
      </c>
    </row>
    <row r="12421" spans="1:10" x14ac:dyDescent="0.35">
      <c r="A12421" s="1" t="s">
        <v>47524</v>
      </c>
      <c r="B12421" s="1" t="s">
        <v>47525</v>
      </c>
      <c r="C12421" s="1" t="s">
        <v>65</v>
      </c>
      <c r="D12421" s="1" t="s">
        <v>16396</v>
      </c>
      <c r="E12421" s="1" t="s">
        <v>47569</v>
      </c>
      <c r="F12421" s="1" t="s">
        <v>47570</v>
      </c>
      <c r="G12421" s="1" t="s">
        <v>47529</v>
      </c>
      <c r="H12421" s="1" t="s">
        <v>47530</v>
      </c>
      <c r="I12421" s="1" t="s">
        <v>47531</v>
      </c>
      <c r="J12421" s="1" t="s">
        <v>47571</v>
      </c>
    </row>
    <row r="12422" spans="1:10" x14ac:dyDescent="0.35">
      <c r="A12422" s="1" t="s">
        <v>47524</v>
      </c>
      <c r="B12422" s="1" t="s">
        <v>47525</v>
      </c>
      <c r="C12422" s="1" t="s">
        <v>70</v>
      </c>
      <c r="D12422" s="1" t="s">
        <v>47572</v>
      </c>
      <c r="E12422" s="1" t="s">
        <v>47573</v>
      </c>
      <c r="F12422" s="1" t="s">
        <v>47574</v>
      </c>
      <c r="G12422" s="1" t="s">
        <v>47529</v>
      </c>
      <c r="H12422" s="1" t="s">
        <v>47530</v>
      </c>
      <c r="I12422" s="1" t="s">
        <v>47531</v>
      </c>
      <c r="J12422" s="1" t="s">
        <v>47575</v>
      </c>
    </row>
    <row r="12423" spans="1:10" x14ac:dyDescent="0.35">
      <c r="A12423" s="1" t="s">
        <v>47524</v>
      </c>
      <c r="B12423" s="1" t="s">
        <v>47525</v>
      </c>
      <c r="C12423" s="1" t="s">
        <v>75</v>
      </c>
      <c r="D12423" s="1" t="s">
        <v>43160</v>
      </c>
      <c r="E12423" s="1" t="s">
        <v>47576</v>
      </c>
      <c r="F12423" s="1" t="s">
        <v>47577</v>
      </c>
      <c r="G12423" s="1" t="s">
        <v>47529</v>
      </c>
      <c r="H12423" s="1" t="s">
        <v>47530</v>
      </c>
      <c r="I12423" s="1" t="s">
        <v>47531</v>
      </c>
      <c r="J12423" s="1" t="s">
        <v>47578</v>
      </c>
    </row>
    <row r="12424" spans="1:10" x14ac:dyDescent="0.35">
      <c r="A12424" s="1" t="s">
        <v>47524</v>
      </c>
      <c r="B12424" s="1" t="s">
        <v>47525</v>
      </c>
      <c r="C12424" s="1" t="s">
        <v>80</v>
      </c>
      <c r="D12424" s="1" t="s">
        <v>47579</v>
      </c>
      <c r="E12424" s="1" t="s">
        <v>47580</v>
      </c>
      <c r="F12424" s="1" t="s">
        <v>47581</v>
      </c>
      <c r="G12424" s="1" t="s">
        <v>47529</v>
      </c>
      <c r="H12424" s="1" t="s">
        <v>47530</v>
      </c>
      <c r="I12424" s="1" t="s">
        <v>47531</v>
      </c>
      <c r="J12424" s="1" t="s">
        <v>47582</v>
      </c>
    </row>
    <row r="12425" spans="1:10" x14ac:dyDescent="0.35">
      <c r="A12425" s="1" t="s">
        <v>47524</v>
      </c>
      <c r="B12425" s="1" t="s">
        <v>47525</v>
      </c>
      <c r="C12425" s="1" t="s">
        <v>85</v>
      </c>
      <c r="D12425" s="1" t="s">
        <v>47583</v>
      </c>
      <c r="E12425" s="1" t="s">
        <v>47584</v>
      </c>
      <c r="F12425" s="1" t="s">
        <v>47585</v>
      </c>
      <c r="G12425" s="1" t="s">
        <v>47529</v>
      </c>
      <c r="H12425" s="1" t="s">
        <v>47530</v>
      </c>
      <c r="I12425" s="1" t="s">
        <v>47531</v>
      </c>
      <c r="J12425" s="1" t="s">
        <v>47586</v>
      </c>
    </row>
    <row r="12426" spans="1:10" x14ac:dyDescent="0.35">
      <c r="A12426" s="1" t="s">
        <v>47524</v>
      </c>
      <c r="B12426" s="1" t="s">
        <v>47525</v>
      </c>
      <c r="C12426" s="1" t="s">
        <v>90</v>
      </c>
      <c r="D12426" s="1" t="s">
        <v>47587</v>
      </c>
      <c r="E12426" s="1" t="s">
        <v>47588</v>
      </c>
      <c r="F12426" s="1" t="s">
        <v>47589</v>
      </c>
      <c r="G12426" s="1" t="s">
        <v>47529</v>
      </c>
      <c r="H12426" s="1" t="s">
        <v>47530</v>
      </c>
      <c r="I12426" s="1" t="s">
        <v>47531</v>
      </c>
      <c r="J12426" s="1" t="s">
        <v>47590</v>
      </c>
    </row>
    <row r="12427" spans="1:10" x14ac:dyDescent="0.35">
      <c r="A12427" s="1" t="s">
        <v>47524</v>
      </c>
      <c r="B12427" s="1" t="s">
        <v>47525</v>
      </c>
      <c r="C12427" s="1" t="s">
        <v>95</v>
      </c>
      <c r="D12427" s="1" t="s">
        <v>47591</v>
      </c>
      <c r="E12427" s="1" t="s">
        <v>47592</v>
      </c>
      <c r="F12427" s="1" t="s">
        <v>47593</v>
      </c>
      <c r="G12427" s="1" t="s">
        <v>47529</v>
      </c>
      <c r="H12427" s="1" t="s">
        <v>47530</v>
      </c>
      <c r="I12427" s="1" t="s">
        <v>47531</v>
      </c>
      <c r="J12427" s="1" t="s">
        <v>47594</v>
      </c>
    </row>
    <row r="12428" spans="1:10" x14ac:dyDescent="0.35">
      <c r="A12428" s="1" t="s">
        <v>47524</v>
      </c>
      <c r="B12428" s="1" t="s">
        <v>47525</v>
      </c>
      <c r="C12428" s="1" t="s">
        <v>100</v>
      </c>
      <c r="D12428" s="1" t="s">
        <v>47595</v>
      </c>
      <c r="E12428" s="1" t="s">
        <v>47596</v>
      </c>
      <c r="F12428" s="1" t="s">
        <v>47597</v>
      </c>
      <c r="G12428" s="1" t="s">
        <v>47529</v>
      </c>
      <c r="H12428" s="1" t="s">
        <v>47530</v>
      </c>
      <c r="I12428" s="1" t="s">
        <v>47531</v>
      </c>
      <c r="J12428" s="1" t="s">
        <v>47598</v>
      </c>
    </row>
    <row r="12429" spans="1:10" x14ac:dyDescent="0.35">
      <c r="A12429" s="1" t="s">
        <v>47524</v>
      </c>
      <c r="B12429" s="1" t="s">
        <v>47525</v>
      </c>
      <c r="C12429" s="1" t="s">
        <v>105</v>
      </c>
      <c r="D12429" s="1" t="s">
        <v>47599</v>
      </c>
      <c r="E12429" s="1" t="s">
        <v>47600</v>
      </c>
      <c r="F12429" s="1" t="s">
        <v>47601</v>
      </c>
      <c r="G12429" s="1" t="s">
        <v>47529</v>
      </c>
      <c r="H12429" s="1" t="s">
        <v>47530</v>
      </c>
      <c r="I12429" s="1" t="s">
        <v>47531</v>
      </c>
      <c r="J12429" s="1" t="s">
        <v>47602</v>
      </c>
    </row>
    <row r="12430" spans="1:10" x14ac:dyDescent="0.35">
      <c r="A12430" s="1" t="s">
        <v>47524</v>
      </c>
      <c r="B12430" s="1" t="s">
        <v>47525</v>
      </c>
      <c r="C12430" s="1" t="s">
        <v>110</v>
      </c>
      <c r="D12430" s="1" t="s">
        <v>47603</v>
      </c>
      <c r="E12430" s="1" t="s">
        <v>47604</v>
      </c>
      <c r="F12430" s="1" t="s">
        <v>47605</v>
      </c>
      <c r="G12430" s="1" t="s">
        <v>47529</v>
      </c>
      <c r="H12430" s="1" t="s">
        <v>47530</v>
      </c>
      <c r="I12430" s="1" t="s">
        <v>47531</v>
      </c>
      <c r="J12430" s="1" t="s">
        <v>47606</v>
      </c>
    </row>
    <row r="12431" spans="1:10" x14ac:dyDescent="0.35">
      <c r="A12431" s="1" t="s">
        <v>47524</v>
      </c>
      <c r="B12431" s="1" t="s">
        <v>47525</v>
      </c>
      <c r="C12431" s="1" t="s">
        <v>115</v>
      </c>
      <c r="D12431" s="1" t="s">
        <v>47607</v>
      </c>
      <c r="E12431" s="1" t="s">
        <v>47608</v>
      </c>
      <c r="F12431" s="1" t="s">
        <v>47609</v>
      </c>
      <c r="G12431" s="1" t="s">
        <v>47529</v>
      </c>
      <c r="H12431" s="1" t="s">
        <v>47530</v>
      </c>
      <c r="I12431" s="1" t="s">
        <v>47531</v>
      </c>
      <c r="J12431" s="1" t="s">
        <v>47610</v>
      </c>
    </row>
    <row r="12432" spans="1:10" x14ac:dyDescent="0.35">
      <c r="A12432" s="1" t="s">
        <v>47524</v>
      </c>
      <c r="B12432" s="1" t="s">
        <v>47525</v>
      </c>
      <c r="C12432" s="1" t="s">
        <v>120</v>
      </c>
      <c r="D12432" s="1" t="s">
        <v>47611</v>
      </c>
      <c r="E12432" s="1" t="s">
        <v>47612</v>
      </c>
      <c r="F12432" s="1" t="s">
        <v>47613</v>
      </c>
      <c r="G12432" s="1" t="s">
        <v>47529</v>
      </c>
      <c r="H12432" s="1" t="s">
        <v>47530</v>
      </c>
      <c r="I12432" s="1" t="s">
        <v>47531</v>
      </c>
      <c r="J12432" s="1" t="s">
        <v>47614</v>
      </c>
    </row>
    <row r="12433" spans="1:10" x14ac:dyDescent="0.35">
      <c r="A12433" s="1" t="s">
        <v>47524</v>
      </c>
      <c r="B12433" s="1" t="s">
        <v>47525</v>
      </c>
      <c r="C12433" s="1" t="s">
        <v>125</v>
      </c>
      <c r="D12433" s="1" t="s">
        <v>47615</v>
      </c>
      <c r="E12433" s="1" t="s">
        <v>47616</v>
      </c>
      <c r="F12433" s="1" t="s">
        <v>47617</v>
      </c>
      <c r="G12433" s="1" t="s">
        <v>47529</v>
      </c>
      <c r="H12433" s="1" t="s">
        <v>47530</v>
      </c>
      <c r="I12433" s="1" t="s">
        <v>47531</v>
      </c>
      <c r="J12433" s="1" t="s">
        <v>47618</v>
      </c>
    </row>
    <row r="12434" spans="1:10" x14ac:dyDescent="0.35">
      <c r="A12434" s="1" t="s">
        <v>47524</v>
      </c>
      <c r="B12434" s="1" t="s">
        <v>47525</v>
      </c>
      <c r="C12434" s="1" t="s">
        <v>130</v>
      </c>
      <c r="D12434" s="1" t="s">
        <v>47619</v>
      </c>
      <c r="E12434" s="1" t="s">
        <v>47620</v>
      </c>
      <c r="F12434" s="1" t="s">
        <v>47621</v>
      </c>
      <c r="G12434" s="1" t="s">
        <v>47529</v>
      </c>
      <c r="H12434" s="1" t="s">
        <v>47530</v>
      </c>
      <c r="I12434" s="1" t="s">
        <v>47531</v>
      </c>
      <c r="J12434" s="1" t="s">
        <v>47622</v>
      </c>
    </row>
    <row r="12435" spans="1:10" x14ac:dyDescent="0.35">
      <c r="A12435" s="1" t="s">
        <v>47524</v>
      </c>
      <c r="B12435" s="1" t="s">
        <v>47525</v>
      </c>
      <c r="C12435" s="1" t="s">
        <v>135</v>
      </c>
      <c r="D12435" s="1" t="s">
        <v>47623</v>
      </c>
      <c r="E12435" s="1" t="s">
        <v>47624</v>
      </c>
      <c r="F12435" s="1" t="s">
        <v>47625</v>
      </c>
      <c r="G12435" s="1" t="s">
        <v>47529</v>
      </c>
      <c r="H12435" s="1" t="s">
        <v>47530</v>
      </c>
      <c r="I12435" s="1" t="s">
        <v>47531</v>
      </c>
      <c r="J12435" s="1" t="s">
        <v>47626</v>
      </c>
    </row>
    <row r="12436" spans="1:10" x14ac:dyDescent="0.35">
      <c r="A12436" s="1" t="s">
        <v>47524</v>
      </c>
      <c r="B12436" s="1" t="s">
        <v>47525</v>
      </c>
      <c r="C12436" s="1" t="s">
        <v>140</v>
      </c>
      <c r="D12436" s="1" t="s">
        <v>47627</v>
      </c>
      <c r="E12436" s="1" t="s">
        <v>47628</v>
      </c>
      <c r="F12436" s="1" t="s">
        <v>47629</v>
      </c>
      <c r="G12436" s="1" t="s">
        <v>47529</v>
      </c>
      <c r="H12436" s="1" t="s">
        <v>47530</v>
      </c>
      <c r="I12436" s="1" t="s">
        <v>47531</v>
      </c>
      <c r="J12436" s="1" t="s">
        <v>47630</v>
      </c>
    </row>
    <row r="12437" spans="1:10" x14ac:dyDescent="0.35">
      <c r="A12437" s="1" t="s">
        <v>47524</v>
      </c>
      <c r="B12437" s="1" t="s">
        <v>47525</v>
      </c>
      <c r="C12437" s="1" t="s">
        <v>145</v>
      </c>
      <c r="D12437" s="1" t="s">
        <v>47631</v>
      </c>
      <c r="E12437" s="1" t="s">
        <v>47632</v>
      </c>
      <c r="F12437" s="1" t="s">
        <v>47633</v>
      </c>
      <c r="G12437" s="1" t="s">
        <v>47529</v>
      </c>
      <c r="H12437" s="1" t="s">
        <v>47530</v>
      </c>
      <c r="I12437" s="1" t="s">
        <v>47531</v>
      </c>
      <c r="J12437" s="1" t="s">
        <v>47634</v>
      </c>
    </row>
    <row r="12438" spans="1:10" x14ac:dyDescent="0.35">
      <c r="A12438" s="1" t="s">
        <v>47524</v>
      </c>
      <c r="B12438" s="1" t="s">
        <v>47525</v>
      </c>
      <c r="C12438" s="1" t="s">
        <v>150</v>
      </c>
      <c r="D12438" s="1" t="s">
        <v>16275</v>
      </c>
      <c r="E12438" s="1" t="s">
        <v>47635</v>
      </c>
      <c r="F12438" s="1" t="s">
        <v>47636</v>
      </c>
      <c r="G12438" s="1" t="s">
        <v>47529</v>
      </c>
      <c r="H12438" s="1" t="s">
        <v>47530</v>
      </c>
      <c r="I12438" s="1" t="s">
        <v>47531</v>
      </c>
      <c r="J12438" s="1" t="s">
        <v>47637</v>
      </c>
    </row>
    <row r="12439" spans="1:10" x14ac:dyDescent="0.35">
      <c r="A12439" s="1" t="s">
        <v>47524</v>
      </c>
      <c r="B12439" s="1" t="s">
        <v>47525</v>
      </c>
      <c r="C12439" s="1" t="s">
        <v>155</v>
      </c>
      <c r="D12439" s="1" t="s">
        <v>47638</v>
      </c>
      <c r="E12439" s="1" t="s">
        <v>47639</v>
      </c>
      <c r="F12439" s="1" t="s">
        <v>47640</v>
      </c>
      <c r="G12439" s="1" t="s">
        <v>47529</v>
      </c>
      <c r="H12439" s="1" t="s">
        <v>47530</v>
      </c>
      <c r="I12439" s="1" t="s">
        <v>47531</v>
      </c>
      <c r="J12439" s="1" t="s">
        <v>47641</v>
      </c>
    </row>
    <row r="12440" spans="1:10" x14ac:dyDescent="0.35">
      <c r="A12440" s="1" t="s">
        <v>47524</v>
      </c>
      <c r="B12440" s="1" t="s">
        <v>47525</v>
      </c>
      <c r="C12440" s="1" t="s">
        <v>160</v>
      </c>
      <c r="D12440" s="1" t="s">
        <v>11238</v>
      </c>
      <c r="E12440" s="1" t="s">
        <v>47642</v>
      </c>
      <c r="F12440" s="1" t="s">
        <v>47643</v>
      </c>
      <c r="G12440" s="1" t="s">
        <v>47529</v>
      </c>
      <c r="H12440" s="1" t="s">
        <v>47530</v>
      </c>
      <c r="I12440" s="1" t="s">
        <v>47531</v>
      </c>
      <c r="J12440" s="1" t="s">
        <v>47644</v>
      </c>
    </row>
    <row r="12441" spans="1:10" x14ac:dyDescent="0.35">
      <c r="A12441" s="1" t="s">
        <v>47524</v>
      </c>
      <c r="B12441" s="1" t="s">
        <v>47525</v>
      </c>
      <c r="C12441" s="1" t="s">
        <v>165</v>
      </c>
      <c r="D12441" s="1" t="s">
        <v>47645</v>
      </c>
      <c r="E12441" s="1" t="s">
        <v>47646</v>
      </c>
      <c r="F12441" s="1" t="s">
        <v>47647</v>
      </c>
      <c r="G12441" s="1" t="s">
        <v>47529</v>
      </c>
      <c r="H12441" s="1" t="s">
        <v>47530</v>
      </c>
      <c r="I12441" s="1" t="s">
        <v>47531</v>
      </c>
      <c r="J12441" s="1" t="s">
        <v>47648</v>
      </c>
    </row>
    <row r="12442" spans="1:10" x14ac:dyDescent="0.35">
      <c r="A12442" s="1" t="s">
        <v>47524</v>
      </c>
      <c r="B12442" s="1" t="s">
        <v>47525</v>
      </c>
      <c r="C12442" s="1" t="s">
        <v>170</v>
      </c>
      <c r="D12442" s="1" t="s">
        <v>47649</v>
      </c>
      <c r="E12442" s="1" t="s">
        <v>47650</v>
      </c>
      <c r="F12442" s="1" t="s">
        <v>47651</v>
      </c>
      <c r="G12442" s="1" t="s">
        <v>47529</v>
      </c>
      <c r="H12442" s="1" t="s">
        <v>47530</v>
      </c>
      <c r="I12442" s="1" t="s">
        <v>47531</v>
      </c>
      <c r="J12442" s="1" t="s">
        <v>47652</v>
      </c>
    </row>
    <row r="12443" spans="1:10" x14ac:dyDescent="0.35">
      <c r="A12443" s="1" t="s">
        <v>47653</v>
      </c>
      <c r="B12443" s="1" t="s">
        <v>47525</v>
      </c>
      <c r="C12443" s="1" t="s">
        <v>8</v>
      </c>
      <c r="D12443" s="1" t="s">
        <v>47654</v>
      </c>
      <c r="E12443" s="1" t="s">
        <v>47655</v>
      </c>
      <c r="F12443" s="1" t="s">
        <v>47656</v>
      </c>
      <c r="G12443" s="1" t="s">
        <v>47657</v>
      </c>
      <c r="H12443" s="1" t="s">
        <v>47658</v>
      </c>
      <c r="I12443" s="1" t="s">
        <v>47531</v>
      </c>
      <c r="J12443" s="1" t="s">
        <v>13</v>
      </c>
    </row>
    <row r="12444" spans="1:10" x14ac:dyDescent="0.35">
      <c r="A12444" s="1" t="s">
        <v>47653</v>
      </c>
      <c r="B12444" s="1" t="s">
        <v>47525</v>
      </c>
      <c r="C12444" s="1" t="s">
        <v>15</v>
      </c>
      <c r="D12444" s="1" t="s">
        <v>47659</v>
      </c>
      <c r="E12444" s="1" t="s">
        <v>47660</v>
      </c>
      <c r="F12444" s="1" t="s">
        <v>47661</v>
      </c>
      <c r="G12444" s="1" t="s">
        <v>47657</v>
      </c>
      <c r="H12444" s="1" t="s">
        <v>47658</v>
      </c>
      <c r="I12444" s="1" t="s">
        <v>47531</v>
      </c>
      <c r="J12444" s="1" t="s">
        <v>47662</v>
      </c>
    </row>
    <row r="12445" spans="1:10" x14ac:dyDescent="0.35">
      <c r="A12445" s="1" t="s">
        <v>47653</v>
      </c>
      <c r="B12445" s="1" t="s">
        <v>47525</v>
      </c>
      <c r="C12445" s="1" t="s">
        <v>20</v>
      </c>
      <c r="D12445" s="1" t="s">
        <v>47663</v>
      </c>
      <c r="E12445" s="1" t="s">
        <v>47664</v>
      </c>
      <c r="F12445" s="1" t="s">
        <v>47665</v>
      </c>
      <c r="G12445" s="1" t="s">
        <v>47657</v>
      </c>
      <c r="H12445" s="1" t="s">
        <v>47658</v>
      </c>
      <c r="I12445" s="1" t="s">
        <v>47531</v>
      </c>
      <c r="J12445" s="1" t="s">
        <v>47666</v>
      </c>
    </row>
    <row r="12446" spans="1:10" x14ac:dyDescent="0.35">
      <c r="A12446" s="1" t="s">
        <v>47653</v>
      </c>
      <c r="B12446" s="1" t="s">
        <v>47525</v>
      </c>
      <c r="C12446" s="1" t="s">
        <v>25</v>
      </c>
      <c r="D12446" s="1" t="s">
        <v>47667</v>
      </c>
      <c r="E12446" s="1" t="s">
        <v>47668</v>
      </c>
      <c r="F12446" s="1" t="s">
        <v>47669</v>
      </c>
      <c r="G12446" s="1" t="s">
        <v>47657</v>
      </c>
      <c r="H12446" s="1" t="s">
        <v>47658</v>
      </c>
      <c r="I12446" s="1" t="s">
        <v>47531</v>
      </c>
      <c r="J12446" s="1" t="s">
        <v>47670</v>
      </c>
    </row>
    <row r="12447" spans="1:10" x14ac:dyDescent="0.35">
      <c r="A12447" s="1" t="s">
        <v>47653</v>
      </c>
      <c r="B12447" s="1" t="s">
        <v>47525</v>
      </c>
      <c r="C12447" s="1" t="s">
        <v>30</v>
      </c>
      <c r="D12447" s="1" t="s">
        <v>47671</v>
      </c>
      <c r="E12447" s="1" t="s">
        <v>47672</v>
      </c>
      <c r="F12447" s="1" t="s">
        <v>47673</v>
      </c>
      <c r="G12447" s="1" t="s">
        <v>47657</v>
      </c>
      <c r="H12447" s="1" t="s">
        <v>47658</v>
      </c>
      <c r="I12447" s="1" t="s">
        <v>47531</v>
      </c>
      <c r="J12447" s="1" t="s">
        <v>47674</v>
      </c>
    </row>
    <row r="12448" spans="1:10" x14ac:dyDescent="0.35">
      <c r="A12448" s="1" t="s">
        <v>47653</v>
      </c>
      <c r="B12448" s="1" t="s">
        <v>47525</v>
      </c>
      <c r="C12448" s="1" t="s">
        <v>35</v>
      </c>
      <c r="D12448" s="1" t="s">
        <v>47675</v>
      </c>
      <c r="E12448" s="1" t="s">
        <v>47676</v>
      </c>
      <c r="F12448" s="1" t="s">
        <v>47677</v>
      </c>
      <c r="G12448" s="1" t="s">
        <v>47657</v>
      </c>
      <c r="H12448" s="1" t="s">
        <v>47658</v>
      </c>
      <c r="I12448" s="1" t="s">
        <v>47531</v>
      </c>
      <c r="J12448" s="1" t="s">
        <v>47678</v>
      </c>
    </row>
    <row r="12449" spans="1:10" x14ac:dyDescent="0.35">
      <c r="A12449" s="1" t="s">
        <v>47653</v>
      </c>
      <c r="B12449" s="1" t="s">
        <v>47525</v>
      </c>
      <c r="C12449" s="1" t="s">
        <v>40</v>
      </c>
      <c r="D12449" s="1" t="s">
        <v>47679</v>
      </c>
      <c r="E12449" s="1" t="s">
        <v>47680</v>
      </c>
      <c r="F12449" s="1" t="s">
        <v>47681</v>
      </c>
      <c r="G12449" s="1" t="s">
        <v>47657</v>
      </c>
      <c r="H12449" s="1" t="s">
        <v>47658</v>
      </c>
      <c r="I12449" s="1" t="s">
        <v>47531</v>
      </c>
      <c r="J12449" s="1" t="s">
        <v>47682</v>
      </c>
    </row>
    <row r="12450" spans="1:10" x14ac:dyDescent="0.35">
      <c r="A12450" s="1" t="s">
        <v>47653</v>
      </c>
      <c r="B12450" s="1" t="s">
        <v>47525</v>
      </c>
      <c r="C12450" s="1" t="s">
        <v>45</v>
      </c>
      <c r="D12450" s="1" t="s">
        <v>47683</v>
      </c>
      <c r="E12450" s="1" t="s">
        <v>47684</v>
      </c>
      <c r="F12450" s="1" t="s">
        <v>47685</v>
      </c>
      <c r="G12450" s="1" t="s">
        <v>47657</v>
      </c>
      <c r="H12450" s="1" t="s">
        <v>47658</v>
      </c>
      <c r="I12450" s="1" t="s">
        <v>47531</v>
      </c>
      <c r="J12450" s="1" t="s">
        <v>47686</v>
      </c>
    </row>
    <row r="12451" spans="1:10" x14ac:dyDescent="0.35">
      <c r="A12451" s="1" t="s">
        <v>47653</v>
      </c>
      <c r="B12451" s="1" t="s">
        <v>47525</v>
      </c>
      <c r="C12451" s="1" t="s">
        <v>50</v>
      </c>
      <c r="D12451" s="1" t="s">
        <v>47687</v>
      </c>
      <c r="E12451" s="1" t="s">
        <v>47688</v>
      </c>
      <c r="F12451" s="1" t="s">
        <v>47689</v>
      </c>
      <c r="G12451" s="1" t="s">
        <v>47657</v>
      </c>
      <c r="H12451" s="1" t="s">
        <v>47658</v>
      </c>
      <c r="I12451" s="1" t="s">
        <v>47531</v>
      </c>
      <c r="J12451" s="1" t="s">
        <v>47690</v>
      </c>
    </row>
    <row r="12452" spans="1:10" x14ac:dyDescent="0.35">
      <c r="A12452" s="1" t="s">
        <v>47653</v>
      </c>
      <c r="B12452" s="1" t="s">
        <v>47525</v>
      </c>
      <c r="C12452" s="1" t="s">
        <v>55</v>
      </c>
      <c r="D12452" s="1" t="s">
        <v>47691</v>
      </c>
      <c r="E12452" s="1" t="s">
        <v>47692</v>
      </c>
      <c r="F12452" s="1" t="s">
        <v>47693</v>
      </c>
      <c r="G12452" s="1" t="s">
        <v>47657</v>
      </c>
      <c r="H12452" s="1" t="s">
        <v>47658</v>
      </c>
      <c r="I12452" s="1" t="s">
        <v>47531</v>
      </c>
      <c r="J12452" s="1" t="s">
        <v>47694</v>
      </c>
    </row>
    <row r="12453" spans="1:10" x14ac:dyDescent="0.35">
      <c r="A12453" s="1" t="s">
        <v>47653</v>
      </c>
      <c r="B12453" s="1" t="s">
        <v>47525</v>
      </c>
      <c r="C12453" s="1" t="s">
        <v>60</v>
      </c>
      <c r="D12453" s="1" t="s">
        <v>34757</v>
      </c>
      <c r="E12453" s="1" t="s">
        <v>47695</v>
      </c>
      <c r="F12453" s="1" t="s">
        <v>47696</v>
      </c>
      <c r="G12453" s="1" t="s">
        <v>47657</v>
      </c>
      <c r="H12453" s="1" t="s">
        <v>47658</v>
      </c>
      <c r="I12453" s="1" t="s">
        <v>47531</v>
      </c>
      <c r="J12453" s="1" t="s">
        <v>47697</v>
      </c>
    </row>
    <row r="12454" spans="1:10" x14ac:dyDescent="0.35">
      <c r="A12454" s="1" t="s">
        <v>47653</v>
      </c>
      <c r="B12454" s="1" t="s">
        <v>47525</v>
      </c>
      <c r="C12454" s="1" t="s">
        <v>65</v>
      </c>
      <c r="D12454" s="1" t="s">
        <v>47698</v>
      </c>
      <c r="E12454" s="1" t="s">
        <v>47699</v>
      </c>
      <c r="F12454" s="1" t="s">
        <v>47700</v>
      </c>
      <c r="G12454" s="1" t="s">
        <v>47657</v>
      </c>
      <c r="H12454" s="1" t="s">
        <v>47658</v>
      </c>
      <c r="I12454" s="1" t="s">
        <v>47531</v>
      </c>
      <c r="J12454" s="1" t="s">
        <v>47701</v>
      </c>
    </row>
    <row r="12455" spans="1:10" x14ac:dyDescent="0.35">
      <c r="A12455" s="1" t="s">
        <v>47653</v>
      </c>
      <c r="B12455" s="1" t="s">
        <v>47525</v>
      </c>
      <c r="C12455" s="1" t="s">
        <v>70</v>
      </c>
      <c r="D12455" s="1" t="s">
        <v>15511</v>
      </c>
      <c r="E12455" s="1" t="s">
        <v>47702</v>
      </c>
      <c r="F12455" s="1" t="s">
        <v>47703</v>
      </c>
      <c r="G12455" s="1" t="s">
        <v>47657</v>
      </c>
      <c r="H12455" s="1" t="s">
        <v>47658</v>
      </c>
      <c r="I12455" s="1" t="s">
        <v>47531</v>
      </c>
      <c r="J12455" s="1" t="s">
        <v>47704</v>
      </c>
    </row>
    <row r="12456" spans="1:10" x14ac:dyDescent="0.35">
      <c r="A12456" s="1" t="s">
        <v>47653</v>
      </c>
      <c r="B12456" s="1" t="s">
        <v>47525</v>
      </c>
      <c r="C12456" s="1" t="s">
        <v>75</v>
      </c>
      <c r="D12456" s="1" t="s">
        <v>47705</v>
      </c>
      <c r="E12456" s="1" t="s">
        <v>47706</v>
      </c>
      <c r="F12456" s="1" t="s">
        <v>47707</v>
      </c>
      <c r="G12456" s="1" t="s">
        <v>47657</v>
      </c>
      <c r="H12456" s="1" t="s">
        <v>47658</v>
      </c>
      <c r="I12456" s="1" t="s">
        <v>47531</v>
      </c>
      <c r="J12456" s="1" t="s">
        <v>47708</v>
      </c>
    </row>
    <row r="12457" spans="1:10" x14ac:dyDescent="0.35">
      <c r="A12457" s="1" t="s">
        <v>47653</v>
      </c>
      <c r="B12457" s="1" t="s">
        <v>47525</v>
      </c>
      <c r="C12457" s="1" t="s">
        <v>80</v>
      </c>
      <c r="D12457" s="1" t="s">
        <v>11815</v>
      </c>
      <c r="E12457" s="1" t="s">
        <v>47709</v>
      </c>
      <c r="F12457" s="1" t="s">
        <v>47710</v>
      </c>
      <c r="G12457" s="1" t="s">
        <v>47657</v>
      </c>
      <c r="H12457" s="1" t="s">
        <v>47658</v>
      </c>
      <c r="I12457" s="1" t="s">
        <v>47531</v>
      </c>
      <c r="J12457" s="1" t="s">
        <v>47711</v>
      </c>
    </row>
    <row r="12458" spans="1:10" x14ac:dyDescent="0.35">
      <c r="A12458" s="1" t="s">
        <v>47653</v>
      </c>
      <c r="B12458" s="1" t="s">
        <v>47525</v>
      </c>
      <c r="C12458" s="1" t="s">
        <v>85</v>
      </c>
      <c r="D12458" s="1" t="s">
        <v>16145</v>
      </c>
      <c r="E12458" s="1" t="s">
        <v>47712</v>
      </c>
      <c r="F12458" s="1" t="s">
        <v>47713</v>
      </c>
      <c r="G12458" s="1" t="s">
        <v>47657</v>
      </c>
      <c r="H12458" s="1" t="s">
        <v>47658</v>
      </c>
      <c r="I12458" s="1" t="s">
        <v>47531</v>
      </c>
      <c r="J12458" s="1" t="s">
        <v>47714</v>
      </c>
    </row>
    <row r="12459" spans="1:10" x14ac:dyDescent="0.35">
      <c r="A12459" s="1" t="s">
        <v>47653</v>
      </c>
      <c r="B12459" s="1" t="s">
        <v>47525</v>
      </c>
      <c r="C12459" s="1" t="s">
        <v>90</v>
      </c>
      <c r="D12459" s="1" t="s">
        <v>47715</v>
      </c>
      <c r="E12459" s="1" t="s">
        <v>47716</v>
      </c>
      <c r="F12459" s="1" t="s">
        <v>47717</v>
      </c>
      <c r="G12459" s="1" t="s">
        <v>47657</v>
      </c>
      <c r="H12459" s="1" t="s">
        <v>47658</v>
      </c>
      <c r="I12459" s="1" t="s">
        <v>47531</v>
      </c>
      <c r="J12459" s="1" t="s">
        <v>47718</v>
      </c>
    </row>
    <row r="12460" spans="1:10" x14ac:dyDescent="0.35">
      <c r="A12460" s="1" t="s">
        <v>47653</v>
      </c>
      <c r="B12460" s="1" t="s">
        <v>47525</v>
      </c>
      <c r="C12460" s="1" t="s">
        <v>95</v>
      </c>
      <c r="D12460" s="1" t="s">
        <v>38618</v>
      </c>
      <c r="E12460" s="1" t="s">
        <v>47719</v>
      </c>
      <c r="F12460" s="1" t="s">
        <v>47720</v>
      </c>
      <c r="G12460" s="1" t="s">
        <v>47657</v>
      </c>
      <c r="H12460" s="1" t="s">
        <v>47658</v>
      </c>
      <c r="I12460" s="1" t="s">
        <v>47531</v>
      </c>
      <c r="J12460" s="1" t="s">
        <v>47721</v>
      </c>
    </row>
    <row r="12461" spans="1:10" x14ac:dyDescent="0.35">
      <c r="A12461" s="1" t="s">
        <v>47653</v>
      </c>
      <c r="B12461" s="1" t="s">
        <v>47525</v>
      </c>
      <c r="C12461" s="1" t="s">
        <v>100</v>
      </c>
      <c r="D12461" s="1" t="s">
        <v>47722</v>
      </c>
      <c r="E12461" s="1" t="s">
        <v>47723</v>
      </c>
      <c r="F12461" s="1" t="s">
        <v>47724</v>
      </c>
      <c r="G12461" s="1" t="s">
        <v>47657</v>
      </c>
      <c r="H12461" s="1" t="s">
        <v>47658</v>
      </c>
      <c r="I12461" s="1" t="s">
        <v>47531</v>
      </c>
      <c r="J12461" s="1" t="s">
        <v>47725</v>
      </c>
    </row>
    <row r="12462" spans="1:10" x14ac:dyDescent="0.35">
      <c r="A12462" s="1" t="s">
        <v>47653</v>
      </c>
      <c r="B12462" s="1" t="s">
        <v>47525</v>
      </c>
      <c r="C12462" s="1" t="s">
        <v>105</v>
      </c>
      <c r="D12462" s="1" t="s">
        <v>47726</v>
      </c>
      <c r="E12462" s="1" t="s">
        <v>47727</v>
      </c>
      <c r="F12462" s="1" t="s">
        <v>47728</v>
      </c>
      <c r="G12462" s="1" t="s">
        <v>47657</v>
      </c>
      <c r="H12462" s="1" t="s">
        <v>47658</v>
      </c>
      <c r="I12462" s="1" t="s">
        <v>47531</v>
      </c>
      <c r="J12462" s="1" t="s">
        <v>47729</v>
      </c>
    </row>
    <row r="12463" spans="1:10" x14ac:dyDescent="0.35">
      <c r="A12463" s="1" t="s">
        <v>47653</v>
      </c>
      <c r="B12463" s="1" t="s">
        <v>47525</v>
      </c>
      <c r="C12463" s="1" t="s">
        <v>110</v>
      </c>
      <c r="D12463" s="1" t="s">
        <v>19604</v>
      </c>
      <c r="E12463" s="1" t="s">
        <v>47730</v>
      </c>
      <c r="F12463" s="1" t="s">
        <v>47731</v>
      </c>
      <c r="G12463" s="1" t="s">
        <v>47657</v>
      </c>
      <c r="H12463" s="1" t="s">
        <v>47658</v>
      </c>
      <c r="I12463" s="1" t="s">
        <v>47531</v>
      </c>
      <c r="J12463" s="1" t="s">
        <v>47732</v>
      </c>
    </row>
    <row r="12464" spans="1:10" x14ac:dyDescent="0.35">
      <c r="A12464" s="1" t="s">
        <v>47653</v>
      </c>
      <c r="B12464" s="1" t="s">
        <v>47525</v>
      </c>
      <c r="C12464" s="1" t="s">
        <v>115</v>
      </c>
      <c r="D12464" s="1" t="s">
        <v>33584</v>
      </c>
      <c r="E12464" s="1" t="s">
        <v>47733</v>
      </c>
      <c r="F12464" s="1" t="s">
        <v>47734</v>
      </c>
      <c r="G12464" s="1" t="s">
        <v>47657</v>
      </c>
      <c r="H12464" s="1" t="s">
        <v>47658</v>
      </c>
      <c r="I12464" s="1" t="s">
        <v>47531</v>
      </c>
      <c r="J12464" s="1" t="s">
        <v>47735</v>
      </c>
    </row>
    <row r="12465" spans="1:10" x14ac:dyDescent="0.35">
      <c r="A12465" s="1" t="s">
        <v>47653</v>
      </c>
      <c r="B12465" s="1" t="s">
        <v>47525</v>
      </c>
      <c r="C12465" s="1" t="s">
        <v>120</v>
      </c>
      <c r="D12465" s="1" t="s">
        <v>47736</v>
      </c>
      <c r="E12465" s="1" t="s">
        <v>47737</v>
      </c>
      <c r="F12465" s="1" t="s">
        <v>47738</v>
      </c>
      <c r="G12465" s="1" t="s">
        <v>47657</v>
      </c>
      <c r="H12465" s="1" t="s">
        <v>47658</v>
      </c>
      <c r="I12465" s="1" t="s">
        <v>47531</v>
      </c>
      <c r="J12465" s="1" t="s">
        <v>47739</v>
      </c>
    </row>
    <row r="12466" spans="1:10" x14ac:dyDescent="0.35">
      <c r="A12466" s="1" t="s">
        <v>47653</v>
      </c>
      <c r="B12466" s="1" t="s">
        <v>47525</v>
      </c>
      <c r="C12466" s="1" t="s">
        <v>125</v>
      </c>
      <c r="D12466" s="1" t="s">
        <v>47740</v>
      </c>
      <c r="E12466" s="1" t="s">
        <v>47741</v>
      </c>
      <c r="F12466" s="1" t="s">
        <v>47742</v>
      </c>
      <c r="G12466" s="1" t="s">
        <v>47657</v>
      </c>
      <c r="H12466" s="1" t="s">
        <v>47658</v>
      </c>
      <c r="I12466" s="1" t="s">
        <v>47531</v>
      </c>
      <c r="J12466" s="1" t="s">
        <v>47743</v>
      </c>
    </row>
    <row r="12467" spans="1:10" x14ac:dyDescent="0.35">
      <c r="A12467" s="1" t="s">
        <v>47653</v>
      </c>
      <c r="B12467" s="1" t="s">
        <v>47525</v>
      </c>
      <c r="C12467" s="1" t="s">
        <v>130</v>
      </c>
      <c r="D12467" s="1" t="s">
        <v>47744</v>
      </c>
      <c r="E12467" s="1" t="s">
        <v>47745</v>
      </c>
      <c r="F12467" s="1" t="s">
        <v>47746</v>
      </c>
      <c r="G12467" s="1" t="s">
        <v>47657</v>
      </c>
      <c r="H12467" s="1" t="s">
        <v>47658</v>
      </c>
      <c r="I12467" s="1" t="s">
        <v>47531</v>
      </c>
      <c r="J12467" s="1" t="s">
        <v>47747</v>
      </c>
    </row>
    <row r="12468" spans="1:10" x14ac:dyDescent="0.35">
      <c r="A12468" s="1" t="s">
        <v>47653</v>
      </c>
      <c r="B12468" s="1" t="s">
        <v>47525</v>
      </c>
      <c r="C12468" s="1" t="s">
        <v>135</v>
      </c>
      <c r="D12468" s="1" t="s">
        <v>47748</v>
      </c>
      <c r="E12468" s="1" t="s">
        <v>47749</v>
      </c>
      <c r="F12468" s="1" t="s">
        <v>47750</v>
      </c>
      <c r="G12468" s="1" t="s">
        <v>47657</v>
      </c>
      <c r="H12468" s="1" t="s">
        <v>47658</v>
      </c>
      <c r="I12468" s="1" t="s">
        <v>47531</v>
      </c>
      <c r="J12468" s="1" t="s">
        <v>47751</v>
      </c>
    </row>
    <row r="12469" spans="1:10" x14ac:dyDescent="0.35">
      <c r="A12469" s="1" t="s">
        <v>47653</v>
      </c>
      <c r="B12469" s="1" t="s">
        <v>47525</v>
      </c>
      <c r="C12469" s="1" t="s">
        <v>140</v>
      </c>
      <c r="D12469" s="1" t="s">
        <v>32692</v>
      </c>
      <c r="E12469" s="1" t="s">
        <v>47752</v>
      </c>
      <c r="F12469" s="1" t="s">
        <v>47753</v>
      </c>
      <c r="G12469" s="1" t="s">
        <v>47657</v>
      </c>
      <c r="H12469" s="1" t="s">
        <v>47658</v>
      </c>
      <c r="I12469" s="1" t="s">
        <v>47531</v>
      </c>
      <c r="J12469" s="1" t="s">
        <v>47754</v>
      </c>
    </row>
    <row r="12470" spans="1:10" x14ac:dyDescent="0.35">
      <c r="A12470" s="1" t="s">
        <v>47653</v>
      </c>
      <c r="B12470" s="1" t="s">
        <v>47525</v>
      </c>
      <c r="C12470" s="1" t="s">
        <v>145</v>
      </c>
      <c r="D12470" s="1" t="s">
        <v>30693</v>
      </c>
      <c r="E12470" s="1" t="s">
        <v>47755</v>
      </c>
      <c r="F12470" s="1" t="s">
        <v>47756</v>
      </c>
      <c r="G12470" s="1" t="s">
        <v>47657</v>
      </c>
      <c r="H12470" s="1" t="s">
        <v>47658</v>
      </c>
      <c r="I12470" s="1" t="s">
        <v>47531</v>
      </c>
      <c r="J12470" s="1" t="s">
        <v>47757</v>
      </c>
    </row>
    <row r="12471" spans="1:10" x14ac:dyDescent="0.35">
      <c r="A12471" s="1" t="s">
        <v>47653</v>
      </c>
      <c r="B12471" s="1" t="s">
        <v>47525</v>
      </c>
      <c r="C12471" s="1" t="s">
        <v>150</v>
      </c>
      <c r="D12471" s="1" t="s">
        <v>47758</v>
      </c>
      <c r="E12471" s="1" t="s">
        <v>47759</v>
      </c>
      <c r="F12471" s="1" t="s">
        <v>47760</v>
      </c>
      <c r="G12471" s="1" t="s">
        <v>47657</v>
      </c>
      <c r="H12471" s="1" t="s">
        <v>47658</v>
      </c>
      <c r="I12471" s="1" t="s">
        <v>47531</v>
      </c>
      <c r="J12471" s="1" t="s">
        <v>47761</v>
      </c>
    </row>
    <row r="12472" spans="1:10" x14ac:dyDescent="0.35">
      <c r="A12472" s="1" t="s">
        <v>47653</v>
      </c>
      <c r="B12472" s="1" t="s">
        <v>47525</v>
      </c>
      <c r="C12472" s="1" t="s">
        <v>155</v>
      </c>
      <c r="D12472" s="1" t="s">
        <v>11218</v>
      </c>
      <c r="E12472" s="1" t="s">
        <v>47762</v>
      </c>
      <c r="F12472" s="1" t="s">
        <v>47763</v>
      </c>
      <c r="G12472" s="1" t="s">
        <v>47657</v>
      </c>
      <c r="H12472" s="1" t="s">
        <v>47658</v>
      </c>
      <c r="I12472" s="1" t="s">
        <v>47531</v>
      </c>
      <c r="J12472" s="1" t="s">
        <v>47764</v>
      </c>
    </row>
    <row r="12473" spans="1:10" x14ac:dyDescent="0.35">
      <c r="A12473" s="1" t="s">
        <v>47653</v>
      </c>
      <c r="B12473" s="1" t="s">
        <v>47525</v>
      </c>
      <c r="C12473" s="1" t="s">
        <v>160</v>
      </c>
      <c r="D12473" s="1" t="s">
        <v>47765</v>
      </c>
      <c r="E12473" s="1" t="s">
        <v>47766</v>
      </c>
      <c r="F12473" s="1" t="s">
        <v>47767</v>
      </c>
      <c r="G12473" s="1" t="s">
        <v>47657</v>
      </c>
      <c r="H12473" s="1" t="s">
        <v>47658</v>
      </c>
      <c r="I12473" s="1" t="s">
        <v>47531</v>
      </c>
      <c r="J12473" s="1" t="s">
        <v>47768</v>
      </c>
    </row>
    <row r="12474" spans="1:10" x14ac:dyDescent="0.35">
      <c r="A12474" s="1" t="s">
        <v>47653</v>
      </c>
      <c r="B12474" s="1" t="s">
        <v>47525</v>
      </c>
      <c r="C12474" s="1" t="s">
        <v>165</v>
      </c>
      <c r="D12474" s="1" t="s">
        <v>47769</v>
      </c>
      <c r="E12474" s="1" t="s">
        <v>47770</v>
      </c>
      <c r="F12474" s="1" t="s">
        <v>47771</v>
      </c>
      <c r="G12474" s="1" t="s">
        <v>47657</v>
      </c>
      <c r="H12474" s="1" t="s">
        <v>47658</v>
      </c>
      <c r="I12474" s="1" t="s">
        <v>47531</v>
      </c>
      <c r="J12474" s="1" t="s">
        <v>47772</v>
      </c>
    </row>
    <row r="12475" spans="1:10" x14ac:dyDescent="0.35">
      <c r="A12475" s="1" t="s">
        <v>47653</v>
      </c>
      <c r="B12475" s="1" t="s">
        <v>47525</v>
      </c>
      <c r="C12475" s="1" t="s">
        <v>170</v>
      </c>
      <c r="D12475" s="1" t="s">
        <v>47773</v>
      </c>
      <c r="E12475" s="1" t="s">
        <v>47774</v>
      </c>
      <c r="F12475" s="1" t="s">
        <v>47775</v>
      </c>
      <c r="G12475" s="1" t="s">
        <v>47657</v>
      </c>
      <c r="H12475" s="1" t="s">
        <v>47658</v>
      </c>
      <c r="I12475" s="1" t="s">
        <v>47531</v>
      </c>
      <c r="J12475" s="1" t="s">
        <v>47776</v>
      </c>
    </row>
    <row r="12476" spans="1:10" x14ac:dyDescent="0.35">
      <c r="A12476" s="1" t="s">
        <v>47777</v>
      </c>
      <c r="B12476" s="1" t="s">
        <v>47525</v>
      </c>
      <c r="C12476" s="1" t="s">
        <v>8</v>
      </c>
      <c r="D12476" s="1" t="s">
        <v>34719</v>
      </c>
      <c r="E12476" s="1" t="s">
        <v>47778</v>
      </c>
      <c r="F12476" s="1" t="s">
        <v>47779</v>
      </c>
      <c r="G12476" s="1" t="s">
        <v>47780</v>
      </c>
      <c r="H12476" s="1" t="s">
        <v>47781</v>
      </c>
      <c r="I12476" s="1" t="s">
        <v>47531</v>
      </c>
      <c r="J12476" s="1" t="s">
        <v>13</v>
      </c>
    </row>
    <row r="12477" spans="1:10" x14ac:dyDescent="0.35">
      <c r="A12477" s="1" t="s">
        <v>47777</v>
      </c>
      <c r="B12477" s="1" t="s">
        <v>47525</v>
      </c>
      <c r="C12477" s="1" t="s">
        <v>15</v>
      </c>
      <c r="D12477" s="1" t="s">
        <v>47782</v>
      </c>
      <c r="E12477" s="1" t="s">
        <v>47783</v>
      </c>
      <c r="F12477" s="1" t="s">
        <v>47784</v>
      </c>
      <c r="G12477" s="1" t="s">
        <v>47780</v>
      </c>
      <c r="H12477" s="1" t="s">
        <v>47781</v>
      </c>
      <c r="I12477" s="1" t="s">
        <v>47531</v>
      </c>
      <c r="J12477" s="1" t="s">
        <v>47785</v>
      </c>
    </row>
    <row r="12478" spans="1:10" x14ac:dyDescent="0.35">
      <c r="A12478" s="1" t="s">
        <v>47777</v>
      </c>
      <c r="B12478" s="1" t="s">
        <v>47525</v>
      </c>
      <c r="C12478" s="1" t="s">
        <v>20</v>
      </c>
      <c r="D12478" s="1" t="s">
        <v>47786</v>
      </c>
      <c r="E12478" s="1" t="s">
        <v>47787</v>
      </c>
      <c r="F12478" s="1" t="s">
        <v>47788</v>
      </c>
      <c r="G12478" s="1" t="s">
        <v>47780</v>
      </c>
      <c r="H12478" s="1" t="s">
        <v>47781</v>
      </c>
      <c r="I12478" s="1" t="s">
        <v>47531</v>
      </c>
      <c r="J12478" s="1" t="s">
        <v>47789</v>
      </c>
    </row>
    <row r="12479" spans="1:10" x14ac:dyDescent="0.35">
      <c r="A12479" s="1" t="s">
        <v>47777</v>
      </c>
      <c r="B12479" s="1" t="s">
        <v>47525</v>
      </c>
      <c r="C12479" s="1" t="s">
        <v>25</v>
      </c>
      <c r="D12479" s="1" t="s">
        <v>19484</v>
      </c>
      <c r="E12479" s="1" t="s">
        <v>47790</v>
      </c>
      <c r="F12479" s="1" t="s">
        <v>47791</v>
      </c>
      <c r="G12479" s="1" t="s">
        <v>47780</v>
      </c>
      <c r="H12479" s="1" t="s">
        <v>47781</v>
      </c>
      <c r="I12479" s="1" t="s">
        <v>47531</v>
      </c>
      <c r="J12479" s="1" t="s">
        <v>47792</v>
      </c>
    </row>
    <row r="12480" spans="1:10" x14ac:dyDescent="0.35">
      <c r="A12480" s="1" t="s">
        <v>47777</v>
      </c>
      <c r="B12480" s="1" t="s">
        <v>47525</v>
      </c>
      <c r="C12480" s="1" t="s">
        <v>30</v>
      </c>
      <c r="D12480" s="1" t="s">
        <v>47793</v>
      </c>
      <c r="E12480" s="1" t="s">
        <v>47794</v>
      </c>
      <c r="F12480" s="1" t="s">
        <v>47795</v>
      </c>
      <c r="G12480" s="1" t="s">
        <v>47780</v>
      </c>
      <c r="H12480" s="1" t="s">
        <v>47781</v>
      </c>
      <c r="I12480" s="1" t="s">
        <v>47531</v>
      </c>
      <c r="J12480" s="1" t="s">
        <v>47796</v>
      </c>
    </row>
    <row r="12481" spans="1:10" x14ac:dyDescent="0.35">
      <c r="A12481" s="1" t="s">
        <v>47777</v>
      </c>
      <c r="B12481" s="1" t="s">
        <v>47525</v>
      </c>
      <c r="C12481" s="1" t="s">
        <v>35</v>
      </c>
      <c r="D12481" s="1" t="s">
        <v>47797</v>
      </c>
      <c r="E12481" s="1" t="s">
        <v>47798</v>
      </c>
      <c r="F12481" s="1" t="s">
        <v>47799</v>
      </c>
      <c r="G12481" s="1" t="s">
        <v>47780</v>
      </c>
      <c r="H12481" s="1" t="s">
        <v>47781</v>
      </c>
      <c r="I12481" s="1" t="s">
        <v>47531</v>
      </c>
      <c r="J12481" s="1" t="s">
        <v>47800</v>
      </c>
    </row>
    <row r="12482" spans="1:10" x14ac:dyDescent="0.35">
      <c r="A12482" s="1" t="s">
        <v>47777</v>
      </c>
      <c r="B12482" s="1" t="s">
        <v>47525</v>
      </c>
      <c r="C12482" s="1" t="s">
        <v>40</v>
      </c>
      <c r="D12482" s="1" t="s">
        <v>47801</v>
      </c>
      <c r="E12482" s="1" t="s">
        <v>47802</v>
      </c>
      <c r="F12482" s="1" t="s">
        <v>47803</v>
      </c>
      <c r="G12482" s="1" t="s">
        <v>47780</v>
      </c>
      <c r="H12482" s="1" t="s">
        <v>47781</v>
      </c>
      <c r="I12482" s="1" t="s">
        <v>47531</v>
      </c>
      <c r="J12482" s="1" t="s">
        <v>47804</v>
      </c>
    </row>
    <row r="12483" spans="1:10" x14ac:dyDescent="0.35">
      <c r="A12483" s="1" t="s">
        <v>47777</v>
      </c>
      <c r="B12483" s="1" t="s">
        <v>47525</v>
      </c>
      <c r="C12483" s="1" t="s">
        <v>45</v>
      </c>
      <c r="D12483" s="1" t="s">
        <v>31132</v>
      </c>
      <c r="E12483" s="1" t="s">
        <v>47805</v>
      </c>
      <c r="F12483" s="1" t="s">
        <v>47806</v>
      </c>
      <c r="G12483" s="1" t="s">
        <v>47780</v>
      </c>
      <c r="H12483" s="1" t="s">
        <v>47781</v>
      </c>
      <c r="I12483" s="1" t="s">
        <v>47531</v>
      </c>
      <c r="J12483" s="1" t="s">
        <v>47807</v>
      </c>
    </row>
    <row r="12484" spans="1:10" x14ac:dyDescent="0.35">
      <c r="A12484" s="1" t="s">
        <v>47777</v>
      </c>
      <c r="B12484" s="1" t="s">
        <v>47525</v>
      </c>
      <c r="C12484" s="1" t="s">
        <v>50</v>
      </c>
      <c r="D12484" s="1" t="s">
        <v>31716</v>
      </c>
      <c r="E12484" s="1" t="s">
        <v>47808</v>
      </c>
      <c r="F12484" s="1" t="s">
        <v>47809</v>
      </c>
      <c r="G12484" s="1" t="s">
        <v>47780</v>
      </c>
      <c r="H12484" s="1" t="s">
        <v>47781</v>
      </c>
      <c r="I12484" s="1" t="s">
        <v>47531</v>
      </c>
      <c r="J12484" s="1" t="s">
        <v>47810</v>
      </c>
    </row>
    <row r="12485" spans="1:10" x14ac:dyDescent="0.35">
      <c r="A12485" s="1" t="s">
        <v>47777</v>
      </c>
      <c r="B12485" s="1" t="s">
        <v>47525</v>
      </c>
      <c r="C12485" s="1" t="s">
        <v>55</v>
      </c>
      <c r="D12485" s="1" t="s">
        <v>47811</v>
      </c>
      <c r="E12485" s="1" t="s">
        <v>47812</v>
      </c>
      <c r="F12485" s="1" t="s">
        <v>47813</v>
      </c>
      <c r="G12485" s="1" t="s">
        <v>47780</v>
      </c>
      <c r="H12485" s="1" t="s">
        <v>47781</v>
      </c>
      <c r="I12485" s="1" t="s">
        <v>47531</v>
      </c>
      <c r="J12485" s="1" t="s">
        <v>47814</v>
      </c>
    </row>
    <row r="12486" spans="1:10" x14ac:dyDescent="0.35">
      <c r="A12486" s="1" t="s">
        <v>47777</v>
      </c>
      <c r="B12486" s="1" t="s">
        <v>47525</v>
      </c>
      <c r="C12486" s="1" t="s">
        <v>60</v>
      </c>
      <c r="D12486" s="1" t="s">
        <v>44809</v>
      </c>
      <c r="E12486" s="1" t="s">
        <v>47815</v>
      </c>
      <c r="F12486" s="1" t="s">
        <v>47816</v>
      </c>
      <c r="G12486" s="1" t="s">
        <v>47780</v>
      </c>
      <c r="H12486" s="1" t="s">
        <v>47781</v>
      </c>
      <c r="I12486" s="1" t="s">
        <v>47531</v>
      </c>
      <c r="J12486" s="1" t="s">
        <v>47817</v>
      </c>
    </row>
    <row r="12487" spans="1:10" x14ac:dyDescent="0.35">
      <c r="A12487" s="1" t="s">
        <v>47777</v>
      </c>
      <c r="B12487" s="1" t="s">
        <v>47525</v>
      </c>
      <c r="C12487" s="1" t="s">
        <v>65</v>
      </c>
      <c r="D12487" s="1" t="s">
        <v>31112</v>
      </c>
      <c r="E12487" s="1" t="s">
        <v>47818</v>
      </c>
      <c r="F12487" s="1" t="s">
        <v>47819</v>
      </c>
      <c r="G12487" s="1" t="s">
        <v>47780</v>
      </c>
      <c r="H12487" s="1" t="s">
        <v>47781</v>
      </c>
      <c r="I12487" s="1" t="s">
        <v>47531</v>
      </c>
      <c r="J12487" s="1" t="s">
        <v>47820</v>
      </c>
    </row>
    <row r="12488" spans="1:10" x14ac:dyDescent="0.35">
      <c r="A12488" s="1" t="s">
        <v>47777</v>
      </c>
      <c r="B12488" s="1" t="s">
        <v>47525</v>
      </c>
      <c r="C12488" s="1" t="s">
        <v>70</v>
      </c>
      <c r="D12488" s="1" t="s">
        <v>47821</v>
      </c>
      <c r="E12488" s="1" t="s">
        <v>47822</v>
      </c>
      <c r="F12488" s="1" t="s">
        <v>47823</v>
      </c>
      <c r="G12488" s="1" t="s">
        <v>47780</v>
      </c>
      <c r="H12488" s="1" t="s">
        <v>47781</v>
      </c>
      <c r="I12488" s="1" t="s">
        <v>47531</v>
      </c>
      <c r="J12488" s="1" t="s">
        <v>47824</v>
      </c>
    </row>
    <row r="12489" spans="1:10" x14ac:dyDescent="0.35">
      <c r="A12489" s="1" t="s">
        <v>47777</v>
      </c>
      <c r="B12489" s="1" t="s">
        <v>47525</v>
      </c>
      <c r="C12489" s="1" t="s">
        <v>75</v>
      </c>
      <c r="D12489" s="1" t="s">
        <v>47825</v>
      </c>
      <c r="E12489" s="1" t="s">
        <v>47826</v>
      </c>
      <c r="F12489" s="1" t="s">
        <v>47827</v>
      </c>
      <c r="G12489" s="1" t="s">
        <v>47780</v>
      </c>
      <c r="H12489" s="1" t="s">
        <v>47781</v>
      </c>
      <c r="I12489" s="1" t="s">
        <v>47531</v>
      </c>
      <c r="J12489" s="1" t="s">
        <v>47828</v>
      </c>
    </row>
    <row r="12490" spans="1:10" x14ac:dyDescent="0.35">
      <c r="A12490" s="1" t="s">
        <v>47777</v>
      </c>
      <c r="B12490" s="1" t="s">
        <v>47525</v>
      </c>
      <c r="C12490" s="1" t="s">
        <v>80</v>
      </c>
      <c r="D12490" s="1" t="s">
        <v>47829</v>
      </c>
      <c r="E12490" s="1" t="s">
        <v>47830</v>
      </c>
      <c r="F12490" s="1" t="s">
        <v>47831</v>
      </c>
      <c r="G12490" s="1" t="s">
        <v>47780</v>
      </c>
      <c r="H12490" s="1" t="s">
        <v>47781</v>
      </c>
      <c r="I12490" s="1" t="s">
        <v>47531</v>
      </c>
      <c r="J12490" s="1" t="s">
        <v>47832</v>
      </c>
    </row>
    <row r="12491" spans="1:10" x14ac:dyDescent="0.35">
      <c r="A12491" s="1" t="s">
        <v>47777</v>
      </c>
      <c r="B12491" s="1" t="s">
        <v>47525</v>
      </c>
      <c r="C12491" s="1" t="s">
        <v>85</v>
      </c>
      <c r="D12491" s="1" t="s">
        <v>31136</v>
      </c>
      <c r="E12491" s="1" t="s">
        <v>47833</v>
      </c>
      <c r="F12491" s="1" t="s">
        <v>47834</v>
      </c>
      <c r="G12491" s="1" t="s">
        <v>47780</v>
      </c>
      <c r="H12491" s="1" t="s">
        <v>47781</v>
      </c>
      <c r="I12491" s="1" t="s">
        <v>47531</v>
      </c>
      <c r="J12491" s="1" t="s">
        <v>47835</v>
      </c>
    </row>
    <row r="12492" spans="1:10" x14ac:dyDescent="0.35">
      <c r="A12492" s="1" t="s">
        <v>47777</v>
      </c>
      <c r="B12492" s="1" t="s">
        <v>47525</v>
      </c>
      <c r="C12492" s="1" t="s">
        <v>90</v>
      </c>
      <c r="D12492" s="1" t="s">
        <v>8808</v>
      </c>
      <c r="E12492" s="1" t="s">
        <v>47836</v>
      </c>
      <c r="F12492" s="1" t="s">
        <v>47837</v>
      </c>
      <c r="G12492" s="1" t="s">
        <v>47780</v>
      </c>
      <c r="H12492" s="1" t="s">
        <v>47781</v>
      </c>
      <c r="I12492" s="1" t="s">
        <v>47531</v>
      </c>
      <c r="J12492" s="1" t="s">
        <v>47838</v>
      </c>
    </row>
    <row r="12493" spans="1:10" x14ac:dyDescent="0.35">
      <c r="A12493" s="1" t="s">
        <v>47777</v>
      </c>
      <c r="B12493" s="1" t="s">
        <v>47525</v>
      </c>
      <c r="C12493" s="1" t="s">
        <v>95</v>
      </c>
      <c r="D12493" s="1" t="s">
        <v>3643</v>
      </c>
      <c r="E12493" s="1" t="s">
        <v>47839</v>
      </c>
      <c r="F12493" s="1" t="s">
        <v>47840</v>
      </c>
      <c r="G12493" s="1" t="s">
        <v>47780</v>
      </c>
      <c r="H12493" s="1" t="s">
        <v>47781</v>
      </c>
      <c r="I12493" s="1" t="s">
        <v>47531</v>
      </c>
      <c r="J12493" s="1" t="s">
        <v>47841</v>
      </c>
    </row>
    <row r="12494" spans="1:10" x14ac:dyDescent="0.35">
      <c r="A12494" s="1" t="s">
        <v>47777</v>
      </c>
      <c r="B12494" s="1" t="s">
        <v>47525</v>
      </c>
      <c r="C12494" s="1" t="s">
        <v>100</v>
      </c>
      <c r="D12494" s="1" t="s">
        <v>47842</v>
      </c>
      <c r="E12494" s="1" t="s">
        <v>47843</v>
      </c>
      <c r="F12494" s="1" t="s">
        <v>47844</v>
      </c>
      <c r="G12494" s="1" t="s">
        <v>47780</v>
      </c>
      <c r="H12494" s="1" t="s">
        <v>47781</v>
      </c>
      <c r="I12494" s="1" t="s">
        <v>47531</v>
      </c>
      <c r="J12494" s="1" t="s">
        <v>47845</v>
      </c>
    </row>
    <row r="12495" spans="1:10" x14ac:dyDescent="0.35">
      <c r="A12495" s="1" t="s">
        <v>47777</v>
      </c>
      <c r="B12495" s="1" t="s">
        <v>47525</v>
      </c>
      <c r="C12495" s="1" t="s">
        <v>105</v>
      </c>
      <c r="D12495" s="1" t="s">
        <v>47846</v>
      </c>
      <c r="E12495" s="1" t="s">
        <v>47847</v>
      </c>
      <c r="F12495" s="1" t="s">
        <v>47848</v>
      </c>
      <c r="G12495" s="1" t="s">
        <v>47780</v>
      </c>
      <c r="H12495" s="1" t="s">
        <v>47781</v>
      </c>
      <c r="I12495" s="1" t="s">
        <v>47531</v>
      </c>
      <c r="J12495" s="1" t="s">
        <v>47849</v>
      </c>
    </row>
    <row r="12496" spans="1:10" x14ac:dyDescent="0.35">
      <c r="A12496" s="1" t="s">
        <v>47777</v>
      </c>
      <c r="B12496" s="1" t="s">
        <v>47525</v>
      </c>
      <c r="C12496" s="1" t="s">
        <v>110</v>
      </c>
      <c r="D12496" s="1" t="s">
        <v>47850</v>
      </c>
      <c r="E12496" s="1" t="s">
        <v>47851</v>
      </c>
      <c r="F12496" s="1" t="s">
        <v>47852</v>
      </c>
      <c r="G12496" s="1" t="s">
        <v>47780</v>
      </c>
      <c r="H12496" s="1" t="s">
        <v>47781</v>
      </c>
      <c r="I12496" s="1" t="s">
        <v>47531</v>
      </c>
      <c r="J12496" s="1" t="s">
        <v>47853</v>
      </c>
    </row>
    <row r="12497" spans="1:10" x14ac:dyDescent="0.35">
      <c r="A12497" s="1" t="s">
        <v>47777</v>
      </c>
      <c r="B12497" s="1" t="s">
        <v>47525</v>
      </c>
      <c r="C12497" s="1" t="s">
        <v>115</v>
      </c>
      <c r="D12497" s="1" t="s">
        <v>16396</v>
      </c>
      <c r="E12497" s="1" t="s">
        <v>47854</v>
      </c>
      <c r="F12497" s="1" t="s">
        <v>47855</v>
      </c>
      <c r="G12497" s="1" t="s">
        <v>47780</v>
      </c>
      <c r="H12497" s="1" t="s">
        <v>47781</v>
      </c>
      <c r="I12497" s="1" t="s">
        <v>47531</v>
      </c>
      <c r="J12497" s="1" t="s">
        <v>47856</v>
      </c>
    </row>
    <row r="12498" spans="1:10" x14ac:dyDescent="0.35">
      <c r="A12498" s="1" t="s">
        <v>47777</v>
      </c>
      <c r="B12498" s="1" t="s">
        <v>47525</v>
      </c>
      <c r="C12498" s="1" t="s">
        <v>120</v>
      </c>
      <c r="D12498" s="1" t="s">
        <v>19786</v>
      </c>
      <c r="E12498" s="1" t="s">
        <v>47857</v>
      </c>
      <c r="F12498" s="1" t="s">
        <v>47858</v>
      </c>
      <c r="G12498" s="1" t="s">
        <v>47780</v>
      </c>
      <c r="H12498" s="1" t="s">
        <v>47781</v>
      </c>
      <c r="I12498" s="1" t="s">
        <v>47531</v>
      </c>
      <c r="J12498" s="1" t="s">
        <v>47859</v>
      </c>
    </row>
    <row r="12499" spans="1:10" x14ac:dyDescent="0.35">
      <c r="A12499" s="1" t="s">
        <v>47777</v>
      </c>
      <c r="B12499" s="1" t="s">
        <v>47525</v>
      </c>
      <c r="C12499" s="1" t="s">
        <v>125</v>
      </c>
      <c r="D12499" s="1" t="s">
        <v>47860</v>
      </c>
      <c r="E12499" s="1" t="s">
        <v>47861</v>
      </c>
      <c r="F12499" s="1" t="s">
        <v>47862</v>
      </c>
      <c r="G12499" s="1" t="s">
        <v>47780</v>
      </c>
      <c r="H12499" s="1" t="s">
        <v>47781</v>
      </c>
      <c r="I12499" s="1" t="s">
        <v>47531</v>
      </c>
      <c r="J12499" s="1" t="s">
        <v>47863</v>
      </c>
    </row>
    <row r="12500" spans="1:10" x14ac:dyDescent="0.35">
      <c r="A12500" s="1" t="s">
        <v>47777</v>
      </c>
      <c r="B12500" s="1" t="s">
        <v>47525</v>
      </c>
      <c r="C12500" s="1" t="s">
        <v>130</v>
      </c>
      <c r="D12500" s="1" t="s">
        <v>47864</v>
      </c>
      <c r="E12500" s="1" t="s">
        <v>47865</v>
      </c>
      <c r="F12500" s="1" t="s">
        <v>47866</v>
      </c>
      <c r="G12500" s="1" t="s">
        <v>47780</v>
      </c>
      <c r="H12500" s="1" t="s">
        <v>47781</v>
      </c>
      <c r="I12500" s="1" t="s">
        <v>47531</v>
      </c>
      <c r="J12500" s="1" t="s">
        <v>47867</v>
      </c>
    </row>
    <row r="12501" spans="1:10" x14ac:dyDescent="0.35">
      <c r="A12501" s="1" t="s">
        <v>47777</v>
      </c>
      <c r="B12501" s="1" t="s">
        <v>47525</v>
      </c>
      <c r="C12501" s="1" t="s">
        <v>135</v>
      </c>
      <c r="D12501" s="1" t="s">
        <v>31315</v>
      </c>
      <c r="E12501" s="1" t="s">
        <v>47868</v>
      </c>
      <c r="F12501" s="1" t="s">
        <v>47869</v>
      </c>
      <c r="G12501" s="1" t="s">
        <v>47780</v>
      </c>
      <c r="H12501" s="1" t="s">
        <v>47781</v>
      </c>
      <c r="I12501" s="1" t="s">
        <v>47531</v>
      </c>
      <c r="J12501" s="1" t="s">
        <v>47870</v>
      </c>
    </row>
    <row r="12502" spans="1:10" x14ac:dyDescent="0.35">
      <c r="A12502" s="1" t="s">
        <v>47777</v>
      </c>
      <c r="B12502" s="1" t="s">
        <v>47525</v>
      </c>
      <c r="C12502" s="1" t="s">
        <v>140</v>
      </c>
      <c r="D12502" s="1" t="s">
        <v>47871</v>
      </c>
      <c r="E12502" s="1" t="s">
        <v>47872</v>
      </c>
      <c r="F12502" s="1" t="s">
        <v>47873</v>
      </c>
      <c r="G12502" s="1" t="s">
        <v>47780</v>
      </c>
      <c r="H12502" s="1" t="s">
        <v>47781</v>
      </c>
      <c r="I12502" s="1" t="s">
        <v>47531</v>
      </c>
      <c r="J12502" s="1" t="s">
        <v>47874</v>
      </c>
    </row>
    <row r="12503" spans="1:10" x14ac:dyDescent="0.35">
      <c r="A12503" s="1" t="s">
        <v>47777</v>
      </c>
      <c r="B12503" s="1" t="s">
        <v>47525</v>
      </c>
      <c r="C12503" s="1" t="s">
        <v>145</v>
      </c>
      <c r="D12503" s="1" t="s">
        <v>47875</v>
      </c>
      <c r="E12503" s="1" t="s">
        <v>47876</v>
      </c>
      <c r="F12503" s="1" t="s">
        <v>47877</v>
      </c>
      <c r="G12503" s="1" t="s">
        <v>47780</v>
      </c>
      <c r="H12503" s="1" t="s">
        <v>47781</v>
      </c>
      <c r="I12503" s="1" t="s">
        <v>47531</v>
      </c>
      <c r="J12503" s="1" t="s">
        <v>47878</v>
      </c>
    </row>
    <row r="12504" spans="1:10" x14ac:dyDescent="0.35">
      <c r="A12504" s="1" t="s">
        <v>47777</v>
      </c>
      <c r="B12504" s="1" t="s">
        <v>47525</v>
      </c>
      <c r="C12504" s="1" t="s">
        <v>150</v>
      </c>
      <c r="D12504" s="1" t="s">
        <v>47758</v>
      </c>
      <c r="E12504" s="1" t="s">
        <v>47879</v>
      </c>
      <c r="F12504" s="1" t="s">
        <v>47880</v>
      </c>
      <c r="G12504" s="1" t="s">
        <v>47780</v>
      </c>
      <c r="H12504" s="1" t="s">
        <v>47781</v>
      </c>
      <c r="I12504" s="1" t="s">
        <v>47531</v>
      </c>
      <c r="J12504" s="1" t="s">
        <v>47881</v>
      </c>
    </row>
    <row r="12505" spans="1:10" x14ac:dyDescent="0.35">
      <c r="A12505" s="1" t="s">
        <v>47777</v>
      </c>
      <c r="B12505" s="1" t="s">
        <v>47525</v>
      </c>
      <c r="C12505" s="1" t="s">
        <v>155</v>
      </c>
      <c r="D12505" s="1" t="s">
        <v>42546</v>
      </c>
      <c r="E12505" s="1" t="s">
        <v>47882</v>
      </c>
      <c r="F12505" s="1" t="s">
        <v>47883</v>
      </c>
      <c r="G12505" s="1" t="s">
        <v>47780</v>
      </c>
      <c r="H12505" s="1" t="s">
        <v>47781</v>
      </c>
      <c r="I12505" s="1" t="s">
        <v>47531</v>
      </c>
      <c r="J12505" s="1" t="s">
        <v>47884</v>
      </c>
    </row>
    <row r="12506" spans="1:10" x14ac:dyDescent="0.35">
      <c r="A12506" s="1" t="s">
        <v>47777</v>
      </c>
      <c r="B12506" s="1" t="s">
        <v>47525</v>
      </c>
      <c r="C12506" s="1" t="s">
        <v>160</v>
      </c>
      <c r="D12506" s="1" t="s">
        <v>47885</v>
      </c>
      <c r="E12506" s="1" t="s">
        <v>47886</v>
      </c>
      <c r="F12506" s="1" t="s">
        <v>47887</v>
      </c>
      <c r="G12506" s="1" t="s">
        <v>47780</v>
      </c>
      <c r="H12506" s="1" t="s">
        <v>47781</v>
      </c>
      <c r="I12506" s="1" t="s">
        <v>47531</v>
      </c>
      <c r="J12506" s="1" t="s">
        <v>47888</v>
      </c>
    </row>
    <row r="12507" spans="1:10" x14ac:dyDescent="0.35">
      <c r="A12507" s="1" t="s">
        <v>47777</v>
      </c>
      <c r="B12507" s="1" t="s">
        <v>47525</v>
      </c>
      <c r="C12507" s="1" t="s">
        <v>165</v>
      </c>
      <c r="D12507" s="1" t="s">
        <v>30655</v>
      </c>
      <c r="E12507" s="1" t="s">
        <v>47889</v>
      </c>
      <c r="F12507" s="1" t="s">
        <v>47890</v>
      </c>
      <c r="G12507" s="1" t="s">
        <v>47780</v>
      </c>
      <c r="H12507" s="1" t="s">
        <v>47781</v>
      </c>
      <c r="I12507" s="1" t="s">
        <v>47531</v>
      </c>
      <c r="J12507" s="1" t="s">
        <v>47891</v>
      </c>
    </row>
    <row r="12508" spans="1:10" x14ac:dyDescent="0.35">
      <c r="A12508" s="1" t="s">
        <v>47777</v>
      </c>
      <c r="B12508" s="1" t="s">
        <v>47525</v>
      </c>
      <c r="C12508" s="1" t="s">
        <v>170</v>
      </c>
      <c r="D12508" s="1" t="s">
        <v>47892</v>
      </c>
      <c r="E12508" s="1" t="s">
        <v>47893</v>
      </c>
      <c r="F12508" s="1" t="s">
        <v>47894</v>
      </c>
      <c r="G12508" s="1" t="s">
        <v>47780</v>
      </c>
      <c r="H12508" s="1" t="s">
        <v>47781</v>
      </c>
      <c r="I12508" s="1" t="s">
        <v>47531</v>
      </c>
      <c r="J12508" s="1" t="s">
        <v>47895</v>
      </c>
    </row>
    <row r="12509" spans="1:10" x14ac:dyDescent="0.35">
      <c r="A12509" s="1" t="s">
        <v>47896</v>
      </c>
      <c r="B12509" s="1" t="s">
        <v>47525</v>
      </c>
      <c r="C12509" s="1" t="s">
        <v>8</v>
      </c>
      <c r="D12509" s="1" t="s">
        <v>47897</v>
      </c>
      <c r="E12509" s="1" t="s">
        <v>47898</v>
      </c>
      <c r="F12509" s="1" t="s">
        <v>47899</v>
      </c>
      <c r="G12509" s="1" t="s">
        <v>47900</v>
      </c>
      <c r="H12509" s="1" t="s">
        <v>47901</v>
      </c>
      <c r="I12509" s="1" t="s">
        <v>47531</v>
      </c>
      <c r="J12509" s="1" t="s">
        <v>13</v>
      </c>
    </row>
    <row r="12510" spans="1:10" x14ac:dyDescent="0.35">
      <c r="A12510" s="1" t="s">
        <v>47896</v>
      </c>
      <c r="B12510" s="1" t="s">
        <v>47525</v>
      </c>
      <c r="C12510" s="1" t="s">
        <v>15</v>
      </c>
      <c r="D12510" s="1" t="s">
        <v>5782</v>
      </c>
      <c r="E12510" s="1" t="s">
        <v>47902</v>
      </c>
      <c r="F12510" s="1" t="s">
        <v>47903</v>
      </c>
      <c r="G12510" s="1" t="s">
        <v>47900</v>
      </c>
      <c r="H12510" s="1" t="s">
        <v>47901</v>
      </c>
      <c r="I12510" s="1" t="s">
        <v>47531</v>
      </c>
      <c r="J12510" s="1" t="s">
        <v>47904</v>
      </c>
    </row>
    <row r="12511" spans="1:10" x14ac:dyDescent="0.35">
      <c r="A12511" s="1" t="s">
        <v>47896</v>
      </c>
      <c r="B12511" s="1" t="s">
        <v>47525</v>
      </c>
      <c r="C12511" s="1" t="s">
        <v>20</v>
      </c>
      <c r="D12511" s="1" t="s">
        <v>25024</v>
      </c>
      <c r="E12511" s="1" t="s">
        <v>47905</v>
      </c>
      <c r="F12511" s="1" t="s">
        <v>47906</v>
      </c>
      <c r="G12511" s="1" t="s">
        <v>47900</v>
      </c>
      <c r="H12511" s="1" t="s">
        <v>47901</v>
      </c>
      <c r="I12511" s="1" t="s">
        <v>47531</v>
      </c>
      <c r="J12511" s="1" t="s">
        <v>47907</v>
      </c>
    </row>
    <row r="12512" spans="1:10" x14ac:dyDescent="0.35">
      <c r="A12512" s="1" t="s">
        <v>47896</v>
      </c>
      <c r="B12512" s="1" t="s">
        <v>47525</v>
      </c>
      <c r="C12512" s="1" t="s">
        <v>25</v>
      </c>
      <c r="D12512" s="1" t="s">
        <v>47908</v>
      </c>
      <c r="E12512" s="1" t="s">
        <v>47909</v>
      </c>
      <c r="F12512" s="1" t="s">
        <v>47910</v>
      </c>
      <c r="G12512" s="1" t="s">
        <v>47900</v>
      </c>
      <c r="H12512" s="1" t="s">
        <v>47901</v>
      </c>
      <c r="I12512" s="1" t="s">
        <v>47531</v>
      </c>
      <c r="J12512" s="1" t="s">
        <v>47911</v>
      </c>
    </row>
    <row r="12513" spans="1:10" x14ac:dyDescent="0.35">
      <c r="A12513" s="1" t="s">
        <v>47896</v>
      </c>
      <c r="B12513" s="1" t="s">
        <v>47525</v>
      </c>
      <c r="C12513" s="1" t="s">
        <v>30</v>
      </c>
      <c r="D12513" s="1" t="s">
        <v>47912</v>
      </c>
      <c r="E12513" s="1" t="s">
        <v>47913</v>
      </c>
      <c r="F12513" s="1" t="s">
        <v>47914</v>
      </c>
      <c r="G12513" s="1" t="s">
        <v>47900</v>
      </c>
      <c r="H12513" s="1" t="s">
        <v>47901</v>
      </c>
      <c r="I12513" s="1" t="s">
        <v>47531</v>
      </c>
      <c r="J12513" s="1" t="s">
        <v>47915</v>
      </c>
    </row>
    <row r="12514" spans="1:10" x14ac:dyDescent="0.35">
      <c r="A12514" s="1" t="s">
        <v>47896</v>
      </c>
      <c r="B12514" s="1" t="s">
        <v>47525</v>
      </c>
      <c r="C12514" s="1" t="s">
        <v>35</v>
      </c>
      <c r="D12514" s="1" t="s">
        <v>47916</v>
      </c>
      <c r="E12514" s="1" t="s">
        <v>47917</v>
      </c>
      <c r="F12514" s="1" t="s">
        <v>47918</v>
      </c>
      <c r="G12514" s="1" t="s">
        <v>47900</v>
      </c>
      <c r="H12514" s="1" t="s">
        <v>47901</v>
      </c>
      <c r="I12514" s="1" t="s">
        <v>47531</v>
      </c>
      <c r="J12514" s="1" t="s">
        <v>47919</v>
      </c>
    </row>
    <row r="12515" spans="1:10" x14ac:dyDescent="0.35">
      <c r="A12515" s="1" t="s">
        <v>47896</v>
      </c>
      <c r="B12515" s="1" t="s">
        <v>47525</v>
      </c>
      <c r="C12515" s="1" t="s">
        <v>40</v>
      </c>
      <c r="D12515" s="1" t="s">
        <v>47920</v>
      </c>
      <c r="E12515" s="1" t="s">
        <v>47921</v>
      </c>
      <c r="F12515" s="1" t="s">
        <v>47922</v>
      </c>
      <c r="G12515" s="1" t="s">
        <v>47900</v>
      </c>
      <c r="H12515" s="1" t="s">
        <v>47901</v>
      </c>
      <c r="I12515" s="1" t="s">
        <v>47531</v>
      </c>
      <c r="J12515" s="1" t="s">
        <v>47923</v>
      </c>
    </row>
    <row r="12516" spans="1:10" x14ac:dyDescent="0.35">
      <c r="A12516" s="1" t="s">
        <v>47896</v>
      </c>
      <c r="B12516" s="1" t="s">
        <v>47525</v>
      </c>
      <c r="C12516" s="1" t="s">
        <v>45</v>
      </c>
      <c r="D12516" s="1" t="s">
        <v>609</v>
      </c>
      <c r="E12516" s="1" t="s">
        <v>47924</v>
      </c>
      <c r="F12516" s="1" t="s">
        <v>47925</v>
      </c>
      <c r="G12516" s="1" t="s">
        <v>47900</v>
      </c>
      <c r="H12516" s="1" t="s">
        <v>47901</v>
      </c>
      <c r="I12516" s="1" t="s">
        <v>47531</v>
      </c>
      <c r="J12516" s="1" t="s">
        <v>47926</v>
      </c>
    </row>
    <row r="12517" spans="1:10" x14ac:dyDescent="0.35">
      <c r="A12517" s="1" t="s">
        <v>47896</v>
      </c>
      <c r="B12517" s="1" t="s">
        <v>47525</v>
      </c>
      <c r="C12517" s="1" t="s">
        <v>50</v>
      </c>
      <c r="D12517" s="1" t="s">
        <v>285</v>
      </c>
      <c r="E12517" s="1" t="s">
        <v>47927</v>
      </c>
      <c r="F12517" s="1" t="s">
        <v>47928</v>
      </c>
      <c r="G12517" s="1" t="s">
        <v>47900</v>
      </c>
      <c r="H12517" s="1" t="s">
        <v>47901</v>
      </c>
      <c r="I12517" s="1" t="s">
        <v>47531</v>
      </c>
      <c r="J12517" s="1" t="s">
        <v>47929</v>
      </c>
    </row>
    <row r="12518" spans="1:10" x14ac:dyDescent="0.35">
      <c r="A12518" s="1" t="s">
        <v>47896</v>
      </c>
      <c r="B12518" s="1" t="s">
        <v>47525</v>
      </c>
      <c r="C12518" s="1" t="s">
        <v>55</v>
      </c>
      <c r="D12518" s="1" t="s">
        <v>47930</v>
      </c>
      <c r="E12518" s="1" t="s">
        <v>47931</v>
      </c>
      <c r="F12518" s="1" t="s">
        <v>47932</v>
      </c>
      <c r="G12518" s="1" t="s">
        <v>47900</v>
      </c>
      <c r="H12518" s="1" t="s">
        <v>47901</v>
      </c>
      <c r="I12518" s="1" t="s">
        <v>47531</v>
      </c>
      <c r="J12518" s="1" t="s">
        <v>47933</v>
      </c>
    </row>
    <row r="12519" spans="1:10" x14ac:dyDescent="0.35">
      <c r="A12519" s="1" t="s">
        <v>47896</v>
      </c>
      <c r="B12519" s="1" t="s">
        <v>47525</v>
      </c>
      <c r="C12519" s="1" t="s">
        <v>60</v>
      </c>
      <c r="D12519" s="1" t="s">
        <v>34286</v>
      </c>
      <c r="E12519" s="1" t="s">
        <v>47934</v>
      </c>
      <c r="F12519" s="1" t="s">
        <v>47935</v>
      </c>
      <c r="G12519" s="1" t="s">
        <v>47900</v>
      </c>
      <c r="H12519" s="1" t="s">
        <v>47901</v>
      </c>
      <c r="I12519" s="1" t="s">
        <v>47531</v>
      </c>
      <c r="J12519" s="1" t="s">
        <v>47936</v>
      </c>
    </row>
    <row r="12520" spans="1:10" x14ac:dyDescent="0.35">
      <c r="A12520" s="1" t="s">
        <v>47896</v>
      </c>
      <c r="B12520" s="1" t="s">
        <v>47525</v>
      </c>
      <c r="C12520" s="1" t="s">
        <v>65</v>
      </c>
      <c r="D12520" s="1" t="s">
        <v>47937</v>
      </c>
      <c r="E12520" s="1" t="s">
        <v>47938</v>
      </c>
      <c r="F12520" s="1" t="s">
        <v>47939</v>
      </c>
      <c r="G12520" s="1" t="s">
        <v>47900</v>
      </c>
      <c r="H12520" s="1" t="s">
        <v>47901</v>
      </c>
      <c r="I12520" s="1" t="s">
        <v>47531</v>
      </c>
      <c r="J12520" s="1" t="s">
        <v>47940</v>
      </c>
    </row>
    <row r="12521" spans="1:10" x14ac:dyDescent="0.35">
      <c r="A12521" s="1" t="s">
        <v>47896</v>
      </c>
      <c r="B12521" s="1" t="s">
        <v>47525</v>
      </c>
      <c r="C12521" s="1" t="s">
        <v>70</v>
      </c>
      <c r="D12521" s="1" t="s">
        <v>47941</v>
      </c>
      <c r="E12521" s="1" t="s">
        <v>47942</v>
      </c>
      <c r="F12521" s="1" t="s">
        <v>47943</v>
      </c>
      <c r="G12521" s="1" t="s">
        <v>47900</v>
      </c>
      <c r="H12521" s="1" t="s">
        <v>47901</v>
      </c>
      <c r="I12521" s="1" t="s">
        <v>47531</v>
      </c>
      <c r="J12521" s="1" t="s">
        <v>47944</v>
      </c>
    </row>
    <row r="12522" spans="1:10" x14ac:dyDescent="0.35">
      <c r="A12522" s="1" t="s">
        <v>47896</v>
      </c>
      <c r="B12522" s="1" t="s">
        <v>47525</v>
      </c>
      <c r="C12522" s="1" t="s">
        <v>75</v>
      </c>
      <c r="D12522" s="1" t="s">
        <v>47945</v>
      </c>
      <c r="E12522" s="1" t="s">
        <v>47946</v>
      </c>
      <c r="F12522" s="1" t="s">
        <v>47947</v>
      </c>
      <c r="G12522" s="1" t="s">
        <v>47900</v>
      </c>
      <c r="H12522" s="1" t="s">
        <v>47901</v>
      </c>
      <c r="I12522" s="1" t="s">
        <v>47531</v>
      </c>
      <c r="J12522" s="1" t="s">
        <v>47948</v>
      </c>
    </row>
    <row r="12523" spans="1:10" x14ac:dyDescent="0.35">
      <c r="A12523" s="1" t="s">
        <v>47896</v>
      </c>
      <c r="B12523" s="1" t="s">
        <v>47525</v>
      </c>
      <c r="C12523" s="1" t="s">
        <v>80</v>
      </c>
      <c r="D12523" s="1" t="s">
        <v>47949</v>
      </c>
      <c r="E12523" s="1" t="s">
        <v>47950</v>
      </c>
      <c r="F12523" s="1" t="s">
        <v>47951</v>
      </c>
      <c r="G12523" s="1" t="s">
        <v>47900</v>
      </c>
      <c r="H12523" s="1" t="s">
        <v>47901</v>
      </c>
      <c r="I12523" s="1" t="s">
        <v>47531</v>
      </c>
      <c r="J12523" s="1" t="s">
        <v>47952</v>
      </c>
    </row>
    <row r="12524" spans="1:10" x14ac:dyDescent="0.35">
      <c r="A12524" s="1" t="s">
        <v>47896</v>
      </c>
      <c r="B12524" s="1" t="s">
        <v>47525</v>
      </c>
      <c r="C12524" s="1" t="s">
        <v>85</v>
      </c>
      <c r="D12524" s="1" t="s">
        <v>47953</v>
      </c>
      <c r="E12524" s="1" t="s">
        <v>47954</v>
      </c>
      <c r="F12524" s="1" t="s">
        <v>47955</v>
      </c>
      <c r="G12524" s="1" t="s">
        <v>47900</v>
      </c>
      <c r="H12524" s="1" t="s">
        <v>47901</v>
      </c>
      <c r="I12524" s="1" t="s">
        <v>47531</v>
      </c>
      <c r="J12524" s="1" t="s">
        <v>47956</v>
      </c>
    </row>
    <row r="12525" spans="1:10" x14ac:dyDescent="0.35">
      <c r="A12525" s="1" t="s">
        <v>47896</v>
      </c>
      <c r="B12525" s="1" t="s">
        <v>47525</v>
      </c>
      <c r="C12525" s="1" t="s">
        <v>90</v>
      </c>
      <c r="D12525" s="1" t="s">
        <v>47957</v>
      </c>
      <c r="E12525" s="1" t="s">
        <v>47958</v>
      </c>
      <c r="F12525" s="1" t="s">
        <v>47959</v>
      </c>
      <c r="G12525" s="1" t="s">
        <v>47900</v>
      </c>
      <c r="H12525" s="1" t="s">
        <v>47901</v>
      </c>
      <c r="I12525" s="1" t="s">
        <v>47531</v>
      </c>
      <c r="J12525" s="1" t="s">
        <v>47960</v>
      </c>
    </row>
    <row r="12526" spans="1:10" x14ac:dyDescent="0.35">
      <c r="A12526" s="1" t="s">
        <v>47896</v>
      </c>
      <c r="B12526" s="1" t="s">
        <v>47525</v>
      </c>
      <c r="C12526" s="1" t="s">
        <v>95</v>
      </c>
      <c r="D12526" s="1" t="s">
        <v>30807</v>
      </c>
      <c r="E12526" s="1" t="s">
        <v>47961</v>
      </c>
      <c r="F12526" s="1" t="s">
        <v>47962</v>
      </c>
      <c r="G12526" s="1" t="s">
        <v>47900</v>
      </c>
      <c r="H12526" s="1" t="s">
        <v>47901</v>
      </c>
      <c r="I12526" s="1" t="s">
        <v>47531</v>
      </c>
      <c r="J12526" s="1" t="s">
        <v>47963</v>
      </c>
    </row>
    <row r="12527" spans="1:10" x14ac:dyDescent="0.35">
      <c r="A12527" s="1" t="s">
        <v>47896</v>
      </c>
      <c r="B12527" s="1" t="s">
        <v>47525</v>
      </c>
      <c r="C12527" s="1" t="s">
        <v>100</v>
      </c>
      <c r="D12527" s="1" t="s">
        <v>47964</v>
      </c>
      <c r="E12527" s="1" t="s">
        <v>47965</v>
      </c>
      <c r="F12527" s="1" t="s">
        <v>47966</v>
      </c>
      <c r="G12527" s="1" t="s">
        <v>47900</v>
      </c>
      <c r="H12527" s="1" t="s">
        <v>47901</v>
      </c>
      <c r="I12527" s="1" t="s">
        <v>47531</v>
      </c>
      <c r="J12527" s="1" t="s">
        <v>47967</v>
      </c>
    </row>
    <row r="12528" spans="1:10" x14ac:dyDescent="0.35">
      <c r="A12528" s="1" t="s">
        <v>47896</v>
      </c>
      <c r="B12528" s="1" t="s">
        <v>47525</v>
      </c>
      <c r="C12528" s="1" t="s">
        <v>105</v>
      </c>
      <c r="D12528" s="1" t="s">
        <v>47968</v>
      </c>
      <c r="E12528" s="1" t="s">
        <v>47969</v>
      </c>
      <c r="F12528" s="1" t="s">
        <v>47970</v>
      </c>
      <c r="G12528" s="1" t="s">
        <v>47900</v>
      </c>
      <c r="H12528" s="1" t="s">
        <v>47901</v>
      </c>
      <c r="I12528" s="1" t="s">
        <v>47531</v>
      </c>
      <c r="J12528" s="1" t="s">
        <v>47971</v>
      </c>
    </row>
    <row r="12529" spans="1:10" x14ac:dyDescent="0.35">
      <c r="A12529" s="1" t="s">
        <v>47896</v>
      </c>
      <c r="B12529" s="1" t="s">
        <v>47525</v>
      </c>
      <c r="C12529" s="1" t="s">
        <v>110</v>
      </c>
      <c r="D12529" s="1" t="s">
        <v>47972</v>
      </c>
      <c r="E12529" s="1" t="s">
        <v>47973</v>
      </c>
      <c r="F12529" s="1" t="s">
        <v>47974</v>
      </c>
      <c r="G12529" s="1" t="s">
        <v>47900</v>
      </c>
      <c r="H12529" s="1" t="s">
        <v>47901</v>
      </c>
      <c r="I12529" s="1" t="s">
        <v>47531</v>
      </c>
      <c r="J12529" s="1" t="s">
        <v>47975</v>
      </c>
    </row>
    <row r="12530" spans="1:10" x14ac:dyDescent="0.35">
      <c r="A12530" s="1" t="s">
        <v>47896</v>
      </c>
      <c r="B12530" s="1" t="s">
        <v>47525</v>
      </c>
      <c r="C12530" s="1" t="s">
        <v>115</v>
      </c>
      <c r="D12530" s="1" t="s">
        <v>45936</v>
      </c>
      <c r="E12530" s="1" t="s">
        <v>47976</v>
      </c>
      <c r="F12530" s="1" t="s">
        <v>47977</v>
      </c>
      <c r="G12530" s="1" t="s">
        <v>47900</v>
      </c>
      <c r="H12530" s="1" t="s">
        <v>47901</v>
      </c>
      <c r="I12530" s="1" t="s">
        <v>47531</v>
      </c>
      <c r="J12530" s="1" t="s">
        <v>47978</v>
      </c>
    </row>
    <row r="12531" spans="1:10" x14ac:dyDescent="0.35">
      <c r="A12531" s="1" t="s">
        <v>47896</v>
      </c>
      <c r="B12531" s="1" t="s">
        <v>47525</v>
      </c>
      <c r="C12531" s="1" t="s">
        <v>120</v>
      </c>
      <c r="D12531" s="1" t="s">
        <v>36856</v>
      </c>
      <c r="E12531" s="1" t="s">
        <v>47979</v>
      </c>
      <c r="F12531" s="1" t="s">
        <v>47980</v>
      </c>
      <c r="G12531" s="1" t="s">
        <v>47900</v>
      </c>
      <c r="H12531" s="1" t="s">
        <v>47901</v>
      </c>
      <c r="I12531" s="1" t="s">
        <v>47531</v>
      </c>
      <c r="J12531" s="1" t="s">
        <v>47981</v>
      </c>
    </row>
    <row r="12532" spans="1:10" x14ac:dyDescent="0.35">
      <c r="A12532" s="1" t="s">
        <v>47896</v>
      </c>
      <c r="B12532" s="1" t="s">
        <v>47525</v>
      </c>
      <c r="C12532" s="1" t="s">
        <v>125</v>
      </c>
      <c r="D12532" s="1" t="s">
        <v>47982</v>
      </c>
      <c r="E12532" s="1" t="s">
        <v>47983</v>
      </c>
      <c r="F12532" s="1" t="s">
        <v>47984</v>
      </c>
      <c r="G12532" s="1" t="s">
        <v>47900</v>
      </c>
      <c r="H12532" s="1" t="s">
        <v>47901</v>
      </c>
      <c r="I12532" s="1" t="s">
        <v>47531</v>
      </c>
      <c r="J12532" s="1" t="s">
        <v>47985</v>
      </c>
    </row>
    <row r="12533" spans="1:10" x14ac:dyDescent="0.35">
      <c r="A12533" s="1" t="s">
        <v>47896</v>
      </c>
      <c r="B12533" s="1" t="s">
        <v>47525</v>
      </c>
      <c r="C12533" s="1" t="s">
        <v>130</v>
      </c>
      <c r="D12533" s="1" t="s">
        <v>47986</v>
      </c>
      <c r="E12533" s="1" t="s">
        <v>47987</v>
      </c>
      <c r="F12533" s="1" t="s">
        <v>47988</v>
      </c>
      <c r="G12533" s="1" t="s">
        <v>47900</v>
      </c>
      <c r="H12533" s="1" t="s">
        <v>47901</v>
      </c>
      <c r="I12533" s="1" t="s">
        <v>47531</v>
      </c>
      <c r="J12533" s="1" t="s">
        <v>47989</v>
      </c>
    </row>
    <row r="12534" spans="1:10" x14ac:dyDescent="0.35">
      <c r="A12534" s="1" t="s">
        <v>47896</v>
      </c>
      <c r="B12534" s="1" t="s">
        <v>47525</v>
      </c>
      <c r="C12534" s="1" t="s">
        <v>135</v>
      </c>
      <c r="D12534" s="1" t="s">
        <v>47990</v>
      </c>
      <c r="E12534" s="1" t="s">
        <v>47991</v>
      </c>
      <c r="F12534" s="1" t="s">
        <v>47992</v>
      </c>
      <c r="G12534" s="1" t="s">
        <v>47900</v>
      </c>
      <c r="H12534" s="1" t="s">
        <v>47901</v>
      </c>
      <c r="I12534" s="1" t="s">
        <v>47531</v>
      </c>
      <c r="J12534" s="1" t="s">
        <v>47993</v>
      </c>
    </row>
    <row r="12535" spans="1:10" x14ac:dyDescent="0.35">
      <c r="A12535" s="1" t="s">
        <v>47896</v>
      </c>
      <c r="B12535" s="1" t="s">
        <v>47525</v>
      </c>
      <c r="C12535" s="1" t="s">
        <v>140</v>
      </c>
      <c r="D12535" s="1" t="s">
        <v>47994</v>
      </c>
      <c r="E12535" s="1" t="s">
        <v>47995</v>
      </c>
      <c r="F12535" s="1" t="s">
        <v>47996</v>
      </c>
      <c r="G12535" s="1" t="s">
        <v>47900</v>
      </c>
      <c r="H12535" s="1" t="s">
        <v>47901</v>
      </c>
      <c r="I12535" s="1" t="s">
        <v>47531</v>
      </c>
      <c r="J12535" s="1" t="s">
        <v>47997</v>
      </c>
    </row>
    <row r="12536" spans="1:10" x14ac:dyDescent="0.35">
      <c r="A12536" s="1" t="s">
        <v>47896</v>
      </c>
      <c r="B12536" s="1" t="s">
        <v>47525</v>
      </c>
      <c r="C12536" s="1" t="s">
        <v>145</v>
      </c>
      <c r="D12536" s="1" t="s">
        <v>47998</v>
      </c>
      <c r="E12536" s="1" t="s">
        <v>47999</v>
      </c>
      <c r="F12536" s="1" t="s">
        <v>48000</v>
      </c>
      <c r="G12536" s="1" t="s">
        <v>47900</v>
      </c>
      <c r="H12536" s="1" t="s">
        <v>47901</v>
      </c>
      <c r="I12536" s="1" t="s">
        <v>47531</v>
      </c>
      <c r="J12536" s="1" t="s">
        <v>48001</v>
      </c>
    </row>
    <row r="12537" spans="1:10" x14ac:dyDescent="0.35">
      <c r="A12537" s="1" t="s">
        <v>47896</v>
      </c>
      <c r="B12537" s="1" t="s">
        <v>47525</v>
      </c>
      <c r="C12537" s="1" t="s">
        <v>150</v>
      </c>
      <c r="D12537" s="1" t="s">
        <v>48002</v>
      </c>
      <c r="E12537" s="1" t="s">
        <v>48003</v>
      </c>
      <c r="F12537" s="1" t="s">
        <v>48004</v>
      </c>
      <c r="G12537" s="1" t="s">
        <v>47900</v>
      </c>
      <c r="H12537" s="1" t="s">
        <v>47901</v>
      </c>
      <c r="I12537" s="1" t="s">
        <v>47531</v>
      </c>
      <c r="J12537" s="1" t="s">
        <v>48005</v>
      </c>
    </row>
    <row r="12538" spans="1:10" x14ac:dyDescent="0.35">
      <c r="A12538" s="1" t="s">
        <v>47896</v>
      </c>
      <c r="B12538" s="1" t="s">
        <v>47525</v>
      </c>
      <c r="C12538" s="1" t="s">
        <v>155</v>
      </c>
      <c r="D12538" s="1" t="s">
        <v>48006</v>
      </c>
      <c r="E12538" s="1" t="s">
        <v>48007</v>
      </c>
      <c r="F12538" s="1" t="s">
        <v>48008</v>
      </c>
      <c r="G12538" s="1" t="s">
        <v>47900</v>
      </c>
      <c r="H12538" s="1" t="s">
        <v>47901</v>
      </c>
      <c r="I12538" s="1" t="s">
        <v>47531</v>
      </c>
      <c r="J12538" s="1" t="s">
        <v>48009</v>
      </c>
    </row>
    <row r="12539" spans="1:10" x14ac:dyDescent="0.35">
      <c r="A12539" s="1" t="s">
        <v>47896</v>
      </c>
      <c r="B12539" s="1" t="s">
        <v>47525</v>
      </c>
      <c r="C12539" s="1" t="s">
        <v>160</v>
      </c>
      <c r="D12539" s="1" t="s">
        <v>48010</v>
      </c>
      <c r="E12539" s="1" t="s">
        <v>48011</v>
      </c>
      <c r="F12539" s="1" t="s">
        <v>48012</v>
      </c>
      <c r="G12539" s="1" t="s">
        <v>47900</v>
      </c>
      <c r="H12539" s="1" t="s">
        <v>47901</v>
      </c>
      <c r="I12539" s="1" t="s">
        <v>47531</v>
      </c>
      <c r="J12539" s="1" t="s">
        <v>48013</v>
      </c>
    </row>
    <row r="12540" spans="1:10" x14ac:dyDescent="0.35">
      <c r="A12540" s="1" t="s">
        <v>47896</v>
      </c>
      <c r="B12540" s="1" t="s">
        <v>47525</v>
      </c>
      <c r="C12540" s="1" t="s">
        <v>165</v>
      </c>
      <c r="D12540" s="1" t="s">
        <v>48014</v>
      </c>
      <c r="E12540" s="1" t="s">
        <v>48015</v>
      </c>
      <c r="F12540" s="1" t="s">
        <v>48016</v>
      </c>
      <c r="G12540" s="1" t="s">
        <v>47900</v>
      </c>
      <c r="H12540" s="1" t="s">
        <v>47901</v>
      </c>
      <c r="I12540" s="1" t="s">
        <v>47531</v>
      </c>
      <c r="J12540" s="1" t="s">
        <v>48017</v>
      </c>
    </row>
    <row r="12541" spans="1:10" x14ac:dyDescent="0.35">
      <c r="A12541" s="1" t="s">
        <v>47896</v>
      </c>
      <c r="B12541" s="1" t="s">
        <v>47525</v>
      </c>
      <c r="C12541" s="1" t="s">
        <v>170</v>
      </c>
      <c r="D12541" s="1" t="s">
        <v>48018</v>
      </c>
      <c r="E12541" s="1" t="s">
        <v>48019</v>
      </c>
      <c r="F12541" s="1" t="s">
        <v>48020</v>
      </c>
      <c r="G12541" s="1" t="s">
        <v>47900</v>
      </c>
      <c r="H12541" s="1" t="s">
        <v>47901</v>
      </c>
      <c r="I12541" s="1" t="s">
        <v>47531</v>
      </c>
      <c r="J12541" s="1" t="s">
        <v>48021</v>
      </c>
    </row>
    <row r="12542" spans="1:10" x14ac:dyDescent="0.35">
      <c r="A12542" s="1" t="s">
        <v>48022</v>
      </c>
      <c r="B12542" s="1" t="s">
        <v>47525</v>
      </c>
      <c r="C12542" s="1" t="s">
        <v>8</v>
      </c>
      <c r="D12542" s="1" t="s">
        <v>33694</v>
      </c>
      <c r="E12542" s="1" t="s">
        <v>48023</v>
      </c>
      <c r="F12542" s="1" t="s">
        <v>48024</v>
      </c>
      <c r="G12542" s="1" t="s">
        <v>48025</v>
      </c>
      <c r="H12542" s="1" t="s">
        <v>48026</v>
      </c>
      <c r="I12542" s="1" t="s">
        <v>47531</v>
      </c>
      <c r="J12542" s="1" t="s">
        <v>13</v>
      </c>
    </row>
    <row r="12543" spans="1:10" x14ac:dyDescent="0.35">
      <c r="A12543" s="1" t="s">
        <v>48022</v>
      </c>
      <c r="B12543" s="1" t="s">
        <v>47525</v>
      </c>
      <c r="C12543" s="1" t="s">
        <v>15</v>
      </c>
      <c r="D12543" s="1" t="s">
        <v>47811</v>
      </c>
      <c r="E12543" s="1" t="s">
        <v>16242</v>
      </c>
      <c r="F12543" s="1" t="s">
        <v>48027</v>
      </c>
      <c r="G12543" s="1" t="s">
        <v>48025</v>
      </c>
      <c r="H12543" s="1" t="s">
        <v>48026</v>
      </c>
      <c r="I12543" s="1" t="s">
        <v>47531</v>
      </c>
      <c r="J12543" s="1" t="s">
        <v>48028</v>
      </c>
    </row>
    <row r="12544" spans="1:10" x14ac:dyDescent="0.35">
      <c r="A12544" s="1" t="s">
        <v>48022</v>
      </c>
      <c r="B12544" s="1" t="s">
        <v>47525</v>
      </c>
      <c r="C12544" s="1" t="s">
        <v>20</v>
      </c>
      <c r="D12544" s="1" t="s">
        <v>48029</v>
      </c>
      <c r="E12544" s="1" t="s">
        <v>48030</v>
      </c>
      <c r="F12544" s="1" t="s">
        <v>48031</v>
      </c>
      <c r="G12544" s="1" t="s">
        <v>48025</v>
      </c>
      <c r="H12544" s="1" t="s">
        <v>48026</v>
      </c>
      <c r="I12544" s="1" t="s">
        <v>47531</v>
      </c>
      <c r="J12544" s="1" t="s">
        <v>48032</v>
      </c>
    </row>
    <row r="12545" spans="1:10" x14ac:dyDescent="0.35">
      <c r="A12545" s="1" t="s">
        <v>48022</v>
      </c>
      <c r="B12545" s="1" t="s">
        <v>47525</v>
      </c>
      <c r="C12545" s="1" t="s">
        <v>25</v>
      </c>
      <c r="D12545" s="1" t="s">
        <v>44086</v>
      </c>
      <c r="E12545" s="1" t="s">
        <v>48033</v>
      </c>
      <c r="F12545" s="1" t="s">
        <v>48034</v>
      </c>
      <c r="G12545" s="1" t="s">
        <v>48025</v>
      </c>
      <c r="H12545" s="1" t="s">
        <v>48026</v>
      </c>
      <c r="I12545" s="1" t="s">
        <v>47531</v>
      </c>
      <c r="J12545" s="1" t="s">
        <v>48035</v>
      </c>
    </row>
    <row r="12546" spans="1:10" x14ac:dyDescent="0.35">
      <c r="A12546" s="1" t="s">
        <v>48022</v>
      </c>
      <c r="B12546" s="1" t="s">
        <v>47525</v>
      </c>
      <c r="C12546" s="1" t="s">
        <v>30</v>
      </c>
      <c r="D12546" s="1" t="s">
        <v>48036</v>
      </c>
      <c r="E12546" s="1" t="s">
        <v>48037</v>
      </c>
      <c r="F12546" s="1" t="s">
        <v>48038</v>
      </c>
      <c r="G12546" s="1" t="s">
        <v>48025</v>
      </c>
      <c r="H12546" s="1" t="s">
        <v>48026</v>
      </c>
      <c r="I12546" s="1" t="s">
        <v>47531</v>
      </c>
      <c r="J12546" s="1" t="s">
        <v>48039</v>
      </c>
    </row>
    <row r="12547" spans="1:10" x14ac:dyDescent="0.35">
      <c r="A12547" s="1" t="s">
        <v>48022</v>
      </c>
      <c r="B12547" s="1" t="s">
        <v>47525</v>
      </c>
      <c r="C12547" s="1" t="s">
        <v>35</v>
      </c>
      <c r="D12547" s="1" t="s">
        <v>38296</v>
      </c>
      <c r="E12547" s="1" t="s">
        <v>48040</v>
      </c>
      <c r="F12547" s="1" t="s">
        <v>48041</v>
      </c>
      <c r="G12547" s="1" t="s">
        <v>48025</v>
      </c>
      <c r="H12547" s="1" t="s">
        <v>48026</v>
      </c>
      <c r="I12547" s="1" t="s">
        <v>47531</v>
      </c>
      <c r="J12547" s="1" t="s">
        <v>48042</v>
      </c>
    </row>
    <row r="12548" spans="1:10" x14ac:dyDescent="0.35">
      <c r="A12548" s="1" t="s">
        <v>48022</v>
      </c>
      <c r="B12548" s="1" t="s">
        <v>47525</v>
      </c>
      <c r="C12548" s="1" t="s">
        <v>40</v>
      </c>
      <c r="D12548" s="1" t="s">
        <v>48043</v>
      </c>
      <c r="E12548" s="1" t="s">
        <v>48044</v>
      </c>
      <c r="F12548" s="1" t="s">
        <v>48045</v>
      </c>
      <c r="G12548" s="1" t="s">
        <v>48025</v>
      </c>
      <c r="H12548" s="1" t="s">
        <v>48026</v>
      </c>
      <c r="I12548" s="1" t="s">
        <v>47531</v>
      </c>
      <c r="J12548" s="1" t="s">
        <v>48046</v>
      </c>
    </row>
    <row r="12549" spans="1:10" x14ac:dyDescent="0.35">
      <c r="A12549" s="1" t="s">
        <v>48022</v>
      </c>
      <c r="B12549" s="1" t="s">
        <v>47525</v>
      </c>
      <c r="C12549" s="1" t="s">
        <v>45</v>
      </c>
      <c r="D12549" s="1" t="s">
        <v>15410</v>
      </c>
      <c r="E12549" s="1" t="s">
        <v>48047</v>
      </c>
      <c r="F12549" s="1" t="s">
        <v>48048</v>
      </c>
      <c r="G12549" s="1" t="s">
        <v>48025</v>
      </c>
      <c r="H12549" s="1" t="s">
        <v>48026</v>
      </c>
      <c r="I12549" s="1" t="s">
        <v>47531</v>
      </c>
      <c r="J12549" s="1" t="s">
        <v>48049</v>
      </c>
    </row>
    <row r="12550" spans="1:10" x14ac:dyDescent="0.35">
      <c r="A12550" s="1" t="s">
        <v>48022</v>
      </c>
      <c r="B12550" s="1" t="s">
        <v>47525</v>
      </c>
      <c r="C12550" s="1" t="s">
        <v>50</v>
      </c>
      <c r="D12550" s="1" t="s">
        <v>48050</v>
      </c>
      <c r="E12550" s="1" t="s">
        <v>48051</v>
      </c>
      <c r="F12550" s="1" t="s">
        <v>48052</v>
      </c>
      <c r="G12550" s="1" t="s">
        <v>48025</v>
      </c>
      <c r="H12550" s="1" t="s">
        <v>48026</v>
      </c>
      <c r="I12550" s="1" t="s">
        <v>47531</v>
      </c>
      <c r="J12550" s="1" t="s">
        <v>48053</v>
      </c>
    </row>
    <row r="12551" spans="1:10" x14ac:dyDescent="0.35">
      <c r="A12551" s="1" t="s">
        <v>48022</v>
      </c>
      <c r="B12551" s="1" t="s">
        <v>47525</v>
      </c>
      <c r="C12551" s="1" t="s">
        <v>55</v>
      </c>
      <c r="D12551" s="1" t="s">
        <v>9582</v>
      </c>
      <c r="E12551" s="1" t="s">
        <v>16212</v>
      </c>
      <c r="F12551" s="1" t="s">
        <v>48054</v>
      </c>
      <c r="G12551" s="1" t="s">
        <v>48025</v>
      </c>
      <c r="H12551" s="1" t="s">
        <v>48026</v>
      </c>
      <c r="I12551" s="1" t="s">
        <v>47531</v>
      </c>
      <c r="J12551" s="1" t="s">
        <v>48055</v>
      </c>
    </row>
    <row r="12552" spans="1:10" x14ac:dyDescent="0.35">
      <c r="A12552" s="1" t="s">
        <v>48022</v>
      </c>
      <c r="B12552" s="1" t="s">
        <v>47525</v>
      </c>
      <c r="C12552" s="1" t="s">
        <v>60</v>
      </c>
      <c r="D12552" s="1" t="s">
        <v>48056</v>
      </c>
      <c r="E12552" s="1" t="s">
        <v>48057</v>
      </c>
      <c r="F12552" s="1" t="s">
        <v>48058</v>
      </c>
      <c r="G12552" s="1" t="s">
        <v>48025</v>
      </c>
      <c r="H12552" s="1" t="s">
        <v>48026</v>
      </c>
      <c r="I12552" s="1" t="s">
        <v>47531</v>
      </c>
      <c r="J12552" s="1" t="s">
        <v>48059</v>
      </c>
    </row>
    <row r="12553" spans="1:10" x14ac:dyDescent="0.35">
      <c r="A12553" s="1" t="s">
        <v>48022</v>
      </c>
      <c r="B12553" s="1" t="s">
        <v>47525</v>
      </c>
      <c r="C12553" s="1" t="s">
        <v>65</v>
      </c>
      <c r="D12553" s="1" t="s">
        <v>35801</v>
      </c>
      <c r="E12553" s="1" t="s">
        <v>48060</v>
      </c>
      <c r="F12553" s="1" t="s">
        <v>48061</v>
      </c>
      <c r="G12553" s="1" t="s">
        <v>48025</v>
      </c>
      <c r="H12553" s="1" t="s">
        <v>48026</v>
      </c>
      <c r="I12553" s="1" t="s">
        <v>47531</v>
      </c>
      <c r="J12553" s="1" t="s">
        <v>48062</v>
      </c>
    </row>
    <row r="12554" spans="1:10" x14ac:dyDescent="0.35">
      <c r="A12554" s="1" t="s">
        <v>48022</v>
      </c>
      <c r="B12554" s="1" t="s">
        <v>47525</v>
      </c>
      <c r="C12554" s="1" t="s">
        <v>70</v>
      </c>
      <c r="D12554" s="1" t="s">
        <v>48063</v>
      </c>
      <c r="E12554" s="1" t="s">
        <v>48064</v>
      </c>
      <c r="F12554" s="1" t="s">
        <v>48065</v>
      </c>
      <c r="G12554" s="1" t="s">
        <v>48025</v>
      </c>
      <c r="H12554" s="1" t="s">
        <v>48026</v>
      </c>
      <c r="I12554" s="1" t="s">
        <v>47531</v>
      </c>
      <c r="J12554" s="1" t="s">
        <v>48066</v>
      </c>
    </row>
    <row r="12555" spans="1:10" x14ac:dyDescent="0.35">
      <c r="A12555" s="1" t="s">
        <v>48022</v>
      </c>
      <c r="B12555" s="1" t="s">
        <v>47525</v>
      </c>
      <c r="C12555" s="1" t="s">
        <v>75</v>
      </c>
      <c r="D12555" s="1" t="s">
        <v>14829</v>
      </c>
      <c r="E12555" s="1" t="s">
        <v>48067</v>
      </c>
      <c r="F12555" s="1" t="s">
        <v>48068</v>
      </c>
      <c r="G12555" s="1" t="s">
        <v>48025</v>
      </c>
      <c r="H12555" s="1" t="s">
        <v>48026</v>
      </c>
      <c r="I12555" s="1" t="s">
        <v>47531</v>
      </c>
      <c r="J12555" s="1" t="s">
        <v>48069</v>
      </c>
    </row>
    <row r="12556" spans="1:10" x14ac:dyDescent="0.35">
      <c r="A12556" s="1" t="s">
        <v>48022</v>
      </c>
      <c r="B12556" s="1" t="s">
        <v>47525</v>
      </c>
      <c r="C12556" s="1" t="s">
        <v>80</v>
      </c>
      <c r="D12556" s="1" t="s">
        <v>31429</v>
      </c>
      <c r="E12556" s="1" t="s">
        <v>48070</v>
      </c>
      <c r="F12556" s="1" t="s">
        <v>48071</v>
      </c>
      <c r="G12556" s="1" t="s">
        <v>48025</v>
      </c>
      <c r="H12556" s="1" t="s">
        <v>48026</v>
      </c>
      <c r="I12556" s="1" t="s">
        <v>47531</v>
      </c>
      <c r="J12556" s="1" t="s">
        <v>48072</v>
      </c>
    </row>
    <row r="12557" spans="1:10" x14ac:dyDescent="0.35">
      <c r="A12557" s="1" t="s">
        <v>48022</v>
      </c>
      <c r="B12557" s="1" t="s">
        <v>47525</v>
      </c>
      <c r="C12557" s="1" t="s">
        <v>85</v>
      </c>
      <c r="D12557" s="1" t="s">
        <v>48073</v>
      </c>
      <c r="E12557" s="1" t="s">
        <v>48074</v>
      </c>
      <c r="F12557" s="1" t="s">
        <v>48075</v>
      </c>
      <c r="G12557" s="1" t="s">
        <v>48025</v>
      </c>
      <c r="H12557" s="1" t="s">
        <v>48026</v>
      </c>
      <c r="I12557" s="1" t="s">
        <v>47531</v>
      </c>
      <c r="J12557" s="1" t="s">
        <v>48076</v>
      </c>
    </row>
    <row r="12558" spans="1:10" x14ac:dyDescent="0.35">
      <c r="A12558" s="1" t="s">
        <v>48022</v>
      </c>
      <c r="B12558" s="1" t="s">
        <v>47525</v>
      </c>
      <c r="C12558" s="1" t="s">
        <v>90</v>
      </c>
      <c r="D12558" s="1" t="s">
        <v>48077</v>
      </c>
      <c r="E12558" s="1" t="s">
        <v>48078</v>
      </c>
      <c r="F12558" s="1" t="s">
        <v>48079</v>
      </c>
      <c r="G12558" s="1" t="s">
        <v>48025</v>
      </c>
      <c r="H12558" s="1" t="s">
        <v>48026</v>
      </c>
      <c r="I12558" s="1" t="s">
        <v>47531</v>
      </c>
      <c r="J12558" s="1" t="s">
        <v>48080</v>
      </c>
    </row>
    <row r="12559" spans="1:10" x14ac:dyDescent="0.35">
      <c r="A12559" s="1" t="s">
        <v>48022</v>
      </c>
      <c r="B12559" s="1" t="s">
        <v>47525</v>
      </c>
      <c r="C12559" s="1" t="s">
        <v>95</v>
      </c>
      <c r="D12559" s="1" t="s">
        <v>48081</v>
      </c>
      <c r="E12559" s="1" t="s">
        <v>48082</v>
      </c>
      <c r="F12559" s="1" t="s">
        <v>48083</v>
      </c>
      <c r="G12559" s="1" t="s">
        <v>48025</v>
      </c>
      <c r="H12559" s="1" t="s">
        <v>48026</v>
      </c>
      <c r="I12559" s="1" t="s">
        <v>47531</v>
      </c>
      <c r="J12559" s="1" t="s">
        <v>48084</v>
      </c>
    </row>
    <row r="12560" spans="1:10" x14ac:dyDescent="0.35">
      <c r="A12560" s="1" t="s">
        <v>48022</v>
      </c>
      <c r="B12560" s="1" t="s">
        <v>47525</v>
      </c>
      <c r="C12560" s="1" t="s">
        <v>100</v>
      </c>
      <c r="D12560" s="1" t="s">
        <v>48085</v>
      </c>
      <c r="E12560" s="1" t="s">
        <v>48086</v>
      </c>
      <c r="F12560" s="1" t="s">
        <v>48087</v>
      </c>
      <c r="G12560" s="1" t="s">
        <v>48025</v>
      </c>
      <c r="H12560" s="1" t="s">
        <v>48026</v>
      </c>
      <c r="I12560" s="1" t="s">
        <v>47531</v>
      </c>
      <c r="J12560" s="1" t="s">
        <v>48088</v>
      </c>
    </row>
    <row r="12561" spans="1:10" x14ac:dyDescent="0.35">
      <c r="A12561" s="1" t="s">
        <v>48022</v>
      </c>
      <c r="B12561" s="1" t="s">
        <v>47525</v>
      </c>
      <c r="C12561" s="1" t="s">
        <v>105</v>
      </c>
      <c r="D12561" s="1" t="s">
        <v>38292</v>
      </c>
      <c r="E12561" s="1" t="s">
        <v>48089</v>
      </c>
      <c r="F12561" s="1" t="s">
        <v>48090</v>
      </c>
      <c r="G12561" s="1" t="s">
        <v>48025</v>
      </c>
      <c r="H12561" s="1" t="s">
        <v>48026</v>
      </c>
      <c r="I12561" s="1" t="s">
        <v>47531</v>
      </c>
      <c r="J12561" s="1" t="s">
        <v>48091</v>
      </c>
    </row>
    <row r="12562" spans="1:10" x14ac:dyDescent="0.35">
      <c r="A12562" s="1" t="s">
        <v>48022</v>
      </c>
      <c r="B12562" s="1" t="s">
        <v>47525</v>
      </c>
      <c r="C12562" s="1" t="s">
        <v>110</v>
      </c>
      <c r="D12562" s="1" t="s">
        <v>37848</v>
      </c>
      <c r="E12562" s="1" t="s">
        <v>48092</v>
      </c>
      <c r="F12562" s="1" t="s">
        <v>48093</v>
      </c>
      <c r="G12562" s="1" t="s">
        <v>48025</v>
      </c>
      <c r="H12562" s="1" t="s">
        <v>48026</v>
      </c>
      <c r="I12562" s="1" t="s">
        <v>47531</v>
      </c>
      <c r="J12562" s="1" t="s">
        <v>48094</v>
      </c>
    </row>
    <row r="12563" spans="1:10" x14ac:dyDescent="0.35">
      <c r="A12563" s="1" t="s">
        <v>48022</v>
      </c>
      <c r="B12563" s="1" t="s">
        <v>47525</v>
      </c>
      <c r="C12563" s="1" t="s">
        <v>115</v>
      </c>
      <c r="D12563" s="1" t="s">
        <v>48095</v>
      </c>
      <c r="E12563" s="1" t="s">
        <v>48096</v>
      </c>
      <c r="F12563" s="1" t="s">
        <v>48097</v>
      </c>
      <c r="G12563" s="1" t="s">
        <v>48025</v>
      </c>
      <c r="H12563" s="1" t="s">
        <v>48026</v>
      </c>
      <c r="I12563" s="1" t="s">
        <v>47531</v>
      </c>
      <c r="J12563" s="1" t="s">
        <v>48098</v>
      </c>
    </row>
    <row r="12564" spans="1:10" x14ac:dyDescent="0.35">
      <c r="A12564" s="1" t="s">
        <v>48022</v>
      </c>
      <c r="B12564" s="1" t="s">
        <v>47525</v>
      </c>
      <c r="C12564" s="1" t="s">
        <v>120</v>
      </c>
      <c r="D12564" s="1" t="s">
        <v>45519</v>
      </c>
      <c r="E12564" s="1" t="s">
        <v>48099</v>
      </c>
      <c r="F12564" s="1" t="s">
        <v>48100</v>
      </c>
      <c r="G12564" s="1" t="s">
        <v>48025</v>
      </c>
      <c r="H12564" s="1" t="s">
        <v>48026</v>
      </c>
      <c r="I12564" s="1" t="s">
        <v>47531</v>
      </c>
      <c r="J12564" s="1" t="s">
        <v>48101</v>
      </c>
    </row>
    <row r="12565" spans="1:10" x14ac:dyDescent="0.35">
      <c r="A12565" s="1" t="s">
        <v>48022</v>
      </c>
      <c r="B12565" s="1" t="s">
        <v>47525</v>
      </c>
      <c r="C12565" s="1" t="s">
        <v>125</v>
      </c>
      <c r="D12565" s="1" t="s">
        <v>48102</v>
      </c>
      <c r="E12565" s="1" t="s">
        <v>48103</v>
      </c>
      <c r="F12565" s="1" t="s">
        <v>48104</v>
      </c>
      <c r="G12565" s="1" t="s">
        <v>48025</v>
      </c>
      <c r="H12565" s="1" t="s">
        <v>48026</v>
      </c>
      <c r="I12565" s="1" t="s">
        <v>47531</v>
      </c>
      <c r="J12565" s="1" t="s">
        <v>48105</v>
      </c>
    </row>
    <row r="12566" spans="1:10" x14ac:dyDescent="0.35">
      <c r="A12566" s="1" t="s">
        <v>48022</v>
      </c>
      <c r="B12566" s="1" t="s">
        <v>47525</v>
      </c>
      <c r="C12566" s="1" t="s">
        <v>130</v>
      </c>
      <c r="D12566" s="1" t="s">
        <v>48106</v>
      </c>
      <c r="E12566" s="1" t="s">
        <v>48107</v>
      </c>
      <c r="F12566" s="1" t="s">
        <v>48108</v>
      </c>
      <c r="G12566" s="1" t="s">
        <v>48025</v>
      </c>
      <c r="H12566" s="1" t="s">
        <v>48026</v>
      </c>
      <c r="I12566" s="1" t="s">
        <v>47531</v>
      </c>
      <c r="J12566" s="1" t="s">
        <v>48109</v>
      </c>
    </row>
    <row r="12567" spans="1:10" x14ac:dyDescent="0.35">
      <c r="A12567" s="1" t="s">
        <v>48022</v>
      </c>
      <c r="B12567" s="1" t="s">
        <v>47525</v>
      </c>
      <c r="C12567" s="1" t="s">
        <v>135</v>
      </c>
      <c r="D12567" s="1" t="s">
        <v>35857</v>
      </c>
      <c r="E12567" s="1" t="s">
        <v>48110</v>
      </c>
      <c r="F12567" s="1" t="s">
        <v>48111</v>
      </c>
      <c r="G12567" s="1" t="s">
        <v>48025</v>
      </c>
      <c r="H12567" s="1" t="s">
        <v>48026</v>
      </c>
      <c r="I12567" s="1" t="s">
        <v>47531</v>
      </c>
      <c r="J12567" s="1" t="s">
        <v>48112</v>
      </c>
    </row>
    <row r="12568" spans="1:10" x14ac:dyDescent="0.35">
      <c r="A12568" s="1" t="s">
        <v>48022</v>
      </c>
      <c r="B12568" s="1" t="s">
        <v>47525</v>
      </c>
      <c r="C12568" s="1" t="s">
        <v>140</v>
      </c>
      <c r="D12568" s="1" t="s">
        <v>30925</v>
      </c>
      <c r="E12568" s="1" t="s">
        <v>48113</v>
      </c>
      <c r="F12568" s="1" t="s">
        <v>48114</v>
      </c>
      <c r="G12568" s="1" t="s">
        <v>48025</v>
      </c>
      <c r="H12568" s="1" t="s">
        <v>48026</v>
      </c>
      <c r="I12568" s="1" t="s">
        <v>47531</v>
      </c>
      <c r="J12568" s="1" t="s">
        <v>48115</v>
      </c>
    </row>
    <row r="12569" spans="1:10" x14ac:dyDescent="0.35">
      <c r="A12569" s="1" t="s">
        <v>48022</v>
      </c>
      <c r="B12569" s="1" t="s">
        <v>47525</v>
      </c>
      <c r="C12569" s="1" t="s">
        <v>145</v>
      </c>
      <c r="D12569" s="1" t="s">
        <v>2429</v>
      </c>
      <c r="E12569" s="1" t="s">
        <v>48116</v>
      </c>
      <c r="F12569" s="1" t="s">
        <v>48117</v>
      </c>
      <c r="G12569" s="1" t="s">
        <v>48025</v>
      </c>
      <c r="H12569" s="1" t="s">
        <v>48026</v>
      </c>
      <c r="I12569" s="1" t="s">
        <v>47531</v>
      </c>
      <c r="J12569" s="1" t="s">
        <v>48118</v>
      </c>
    </row>
    <row r="12570" spans="1:10" x14ac:dyDescent="0.35">
      <c r="A12570" s="1" t="s">
        <v>48022</v>
      </c>
      <c r="B12570" s="1" t="s">
        <v>47525</v>
      </c>
      <c r="C12570" s="1" t="s">
        <v>150</v>
      </c>
      <c r="D12570" s="1" t="s">
        <v>48119</v>
      </c>
      <c r="E12570" s="1" t="s">
        <v>48120</v>
      </c>
      <c r="F12570" s="1" t="s">
        <v>48121</v>
      </c>
      <c r="G12570" s="1" t="s">
        <v>48025</v>
      </c>
      <c r="H12570" s="1" t="s">
        <v>48026</v>
      </c>
      <c r="I12570" s="1" t="s">
        <v>47531</v>
      </c>
      <c r="J12570" s="1" t="s">
        <v>48122</v>
      </c>
    </row>
    <row r="12571" spans="1:10" x14ac:dyDescent="0.35">
      <c r="A12571" s="1" t="s">
        <v>48022</v>
      </c>
      <c r="B12571" s="1" t="s">
        <v>47525</v>
      </c>
      <c r="C12571" s="1" t="s">
        <v>155</v>
      </c>
      <c r="D12571" s="1" t="s">
        <v>48123</v>
      </c>
      <c r="E12571" s="1" t="s">
        <v>48124</v>
      </c>
      <c r="F12571" s="1" t="s">
        <v>48125</v>
      </c>
      <c r="G12571" s="1" t="s">
        <v>48025</v>
      </c>
      <c r="H12571" s="1" t="s">
        <v>48026</v>
      </c>
      <c r="I12571" s="1" t="s">
        <v>47531</v>
      </c>
      <c r="J12571" s="1" t="s">
        <v>48126</v>
      </c>
    </row>
    <row r="12572" spans="1:10" x14ac:dyDescent="0.35">
      <c r="A12572" s="1" t="s">
        <v>48022</v>
      </c>
      <c r="B12572" s="1" t="s">
        <v>47525</v>
      </c>
      <c r="C12572" s="1" t="s">
        <v>160</v>
      </c>
      <c r="D12572" s="1" t="s">
        <v>48127</v>
      </c>
      <c r="E12572" s="1" t="s">
        <v>48128</v>
      </c>
      <c r="F12572" s="1" t="s">
        <v>48129</v>
      </c>
      <c r="G12572" s="1" t="s">
        <v>48025</v>
      </c>
      <c r="H12572" s="1" t="s">
        <v>48026</v>
      </c>
      <c r="I12572" s="1" t="s">
        <v>47531</v>
      </c>
      <c r="J12572" s="1" t="s">
        <v>48130</v>
      </c>
    </row>
    <row r="12573" spans="1:10" x14ac:dyDescent="0.35">
      <c r="A12573" s="1" t="s">
        <v>48022</v>
      </c>
      <c r="B12573" s="1" t="s">
        <v>47525</v>
      </c>
      <c r="C12573" s="1" t="s">
        <v>165</v>
      </c>
      <c r="D12573" s="1" t="s">
        <v>48131</v>
      </c>
      <c r="E12573" s="1" t="s">
        <v>48132</v>
      </c>
      <c r="F12573" s="1" t="s">
        <v>48133</v>
      </c>
      <c r="G12573" s="1" t="s">
        <v>48025</v>
      </c>
      <c r="H12573" s="1" t="s">
        <v>48026</v>
      </c>
      <c r="I12573" s="1" t="s">
        <v>47531</v>
      </c>
      <c r="J12573" s="1" t="s">
        <v>48134</v>
      </c>
    </row>
    <row r="12574" spans="1:10" x14ac:dyDescent="0.35">
      <c r="A12574" s="1" t="s">
        <v>48022</v>
      </c>
      <c r="B12574" s="1" t="s">
        <v>47525</v>
      </c>
      <c r="C12574" s="1" t="s">
        <v>170</v>
      </c>
      <c r="D12574" s="1" t="s">
        <v>48135</v>
      </c>
      <c r="E12574" s="1" t="s">
        <v>48136</v>
      </c>
      <c r="F12574" s="1" t="s">
        <v>48137</v>
      </c>
      <c r="G12574" s="1" t="s">
        <v>48025</v>
      </c>
      <c r="H12574" s="1" t="s">
        <v>48026</v>
      </c>
      <c r="I12574" s="1" t="s">
        <v>47531</v>
      </c>
      <c r="J12574" s="1" t="s">
        <v>48138</v>
      </c>
    </row>
    <row r="12575" spans="1:10" x14ac:dyDescent="0.35">
      <c r="A12575" s="1" t="s">
        <v>48139</v>
      </c>
      <c r="B12575" s="1" t="s">
        <v>47525</v>
      </c>
      <c r="C12575" s="1" t="s">
        <v>8</v>
      </c>
      <c r="D12575" s="1" t="s">
        <v>48140</v>
      </c>
      <c r="E12575" s="1" t="s">
        <v>48141</v>
      </c>
      <c r="F12575" s="1" t="s">
        <v>48142</v>
      </c>
      <c r="G12575" s="1" t="s">
        <v>48143</v>
      </c>
      <c r="H12575" s="1" t="s">
        <v>48144</v>
      </c>
      <c r="I12575" s="1" t="s">
        <v>47531</v>
      </c>
      <c r="J12575" s="1" t="s">
        <v>13</v>
      </c>
    </row>
    <row r="12576" spans="1:10" x14ac:dyDescent="0.35">
      <c r="A12576" s="1" t="s">
        <v>48139</v>
      </c>
      <c r="B12576" s="1" t="s">
        <v>47525</v>
      </c>
      <c r="C12576" s="1" t="s">
        <v>15</v>
      </c>
      <c r="D12576" s="1" t="s">
        <v>48145</v>
      </c>
      <c r="E12576" s="1" t="s">
        <v>48146</v>
      </c>
      <c r="F12576" s="1" t="s">
        <v>48147</v>
      </c>
      <c r="G12576" s="1" t="s">
        <v>48143</v>
      </c>
      <c r="H12576" s="1" t="s">
        <v>48144</v>
      </c>
      <c r="I12576" s="1" t="s">
        <v>47531</v>
      </c>
      <c r="J12576" s="1" t="s">
        <v>48148</v>
      </c>
    </row>
    <row r="12577" spans="1:10" x14ac:dyDescent="0.35">
      <c r="A12577" s="1" t="s">
        <v>48139</v>
      </c>
      <c r="B12577" s="1" t="s">
        <v>47525</v>
      </c>
      <c r="C12577" s="1" t="s">
        <v>20</v>
      </c>
      <c r="D12577" s="1" t="s">
        <v>2311</v>
      </c>
      <c r="E12577" s="1" t="s">
        <v>48149</v>
      </c>
      <c r="F12577" s="1" t="s">
        <v>48150</v>
      </c>
      <c r="G12577" s="1" t="s">
        <v>48143</v>
      </c>
      <c r="H12577" s="1" t="s">
        <v>48144</v>
      </c>
      <c r="I12577" s="1" t="s">
        <v>47531</v>
      </c>
      <c r="J12577" s="1" t="s">
        <v>48151</v>
      </c>
    </row>
    <row r="12578" spans="1:10" x14ac:dyDescent="0.35">
      <c r="A12578" s="1" t="s">
        <v>48139</v>
      </c>
      <c r="B12578" s="1" t="s">
        <v>47525</v>
      </c>
      <c r="C12578" s="1" t="s">
        <v>25</v>
      </c>
      <c r="D12578" s="1" t="s">
        <v>48152</v>
      </c>
      <c r="E12578" s="1" t="s">
        <v>48153</v>
      </c>
      <c r="F12578" s="1" t="s">
        <v>48154</v>
      </c>
      <c r="G12578" s="1" t="s">
        <v>48143</v>
      </c>
      <c r="H12578" s="1" t="s">
        <v>48144</v>
      </c>
      <c r="I12578" s="1" t="s">
        <v>47531</v>
      </c>
      <c r="J12578" s="1" t="s">
        <v>48155</v>
      </c>
    </row>
    <row r="12579" spans="1:10" x14ac:dyDescent="0.35">
      <c r="A12579" s="1" t="s">
        <v>48139</v>
      </c>
      <c r="B12579" s="1" t="s">
        <v>47525</v>
      </c>
      <c r="C12579" s="1" t="s">
        <v>30</v>
      </c>
      <c r="D12579" s="1" t="s">
        <v>48156</v>
      </c>
      <c r="E12579" s="1" t="s">
        <v>48157</v>
      </c>
      <c r="F12579" s="1" t="s">
        <v>48158</v>
      </c>
      <c r="G12579" s="1" t="s">
        <v>48143</v>
      </c>
      <c r="H12579" s="1" t="s">
        <v>48144</v>
      </c>
      <c r="I12579" s="1" t="s">
        <v>47531</v>
      </c>
      <c r="J12579" s="1" t="s">
        <v>48159</v>
      </c>
    </row>
    <row r="12580" spans="1:10" x14ac:dyDescent="0.35">
      <c r="A12580" s="1" t="s">
        <v>48139</v>
      </c>
      <c r="B12580" s="1" t="s">
        <v>47525</v>
      </c>
      <c r="C12580" s="1" t="s">
        <v>35</v>
      </c>
      <c r="D12580" s="1" t="s">
        <v>48160</v>
      </c>
      <c r="E12580" s="1" t="s">
        <v>48161</v>
      </c>
      <c r="F12580" s="1" t="s">
        <v>48162</v>
      </c>
      <c r="G12580" s="1" t="s">
        <v>48143</v>
      </c>
      <c r="H12580" s="1" t="s">
        <v>48144</v>
      </c>
      <c r="I12580" s="1" t="s">
        <v>47531</v>
      </c>
      <c r="J12580" s="1" t="s">
        <v>48163</v>
      </c>
    </row>
    <row r="12581" spans="1:10" x14ac:dyDescent="0.35">
      <c r="A12581" s="1" t="s">
        <v>48139</v>
      </c>
      <c r="B12581" s="1" t="s">
        <v>47525</v>
      </c>
      <c r="C12581" s="1" t="s">
        <v>40</v>
      </c>
      <c r="D12581" s="1" t="s">
        <v>48164</v>
      </c>
      <c r="E12581" s="1" t="s">
        <v>48165</v>
      </c>
      <c r="F12581" s="1" t="s">
        <v>48166</v>
      </c>
      <c r="G12581" s="1" t="s">
        <v>48143</v>
      </c>
      <c r="H12581" s="1" t="s">
        <v>48144</v>
      </c>
      <c r="I12581" s="1" t="s">
        <v>47531</v>
      </c>
      <c r="J12581" s="1" t="s">
        <v>48167</v>
      </c>
    </row>
    <row r="12582" spans="1:10" x14ac:dyDescent="0.35">
      <c r="A12582" s="1" t="s">
        <v>48139</v>
      </c>
      <c r="B12582" s="1" t="s">
        <v>47525</v>
      </c>
      <c r="C12582" s="1" t="s">
        <v>45</v>
      </c>
      <c r="D12582" s="1" t="s">
        <v>48168</v>
      </c>
      <c r="E12582" s="1" t="s">
        <v>48169</v>
      </c>
      <c r="F12582" s="1" t="s">
        <v>48170</v>
      </c>
      <c r="G12582" s="1" t="s">
        <v>48143</v>
      </c>
      <c r="H12582" s="1" t="s">
        <v>48144</v>
      </c>
      <c r="I12582" s="1" t="s">
        <v>47531</v>
      </c>
      <c r="J12582" s="1" t="s">
        <v>48171</v>
      </c>
    </row>
    <row r="12583" spans="1:10" x14ac:dyDescent="0.35">
      <c r="A12583" s="1" t="s">
        <v>48139</v>
      </c>
      <c r="B12583" s="1" t="s">
        <v>47525</v>
      </c>
      <c r="C12583" s="1" t="s">
        <v>50</v>
      </c>
      <c r="D12583" s="1" t="s">
        <v>48172</v>
      </c>
      <c r="E12583" s="1" t="s">
        <v>48173</v>
      </c>
      <c r="F12583" s="1" t="s">
        <v>48174</v>
      </c>
      <c r="G12583" s="1" t="s">
        <v>48143</v>
      </c>
      <c r="H12583" s="1" t="s">
        <v>48144</v>
      </c>
      <c r="I12583" s="1" t="s">
        <v>47531</v>
      </c>
      <c r="J12583" s="1" t="s">
        <v>48175</v>
      </c>
    </row>
    <row r="12584" spans="1:10" x14ac:dyDescent="0.35">
      <c r="A12584" s="1" t="s">
        <v>48139</v>
      </c>
      <c r="B12584" s="1" t="s">
        <v>47525</v>
      </c>
      <c r="C12584" s="1" t="s">
        <v>55</v>
      </c>
      <c r="D12584" s="1" t="s">
        <v>48176</v>
      </c>
      <c r="E12584" s="1" t="s">
        <v>48177</v>
      </c>
      <c r="F12584" s="1" t="s">
        <v>48178</v>
      </c>
      <c r="G12584" s="1" t="s">
        <v>48143</v>
      </c>
      <c r="H12584" s="1" t="s">
        <v>48144</v>
      </c>
      <c r="I12584" s="1" t="s">
        <v>47531</v>
      </c>
      <c r="J12584" s="1" t="s">
        <v>48179</v>
      </c>
    </row>
    <row r="12585" spans="1:10" x14ac:dyDescent="0.35">
      <c r="A12585" s="1" t="s">
        <v>48139</v>
      </c>
      <c r="B12585" s="1" t="s">
        <v>47525</v>
      </c>
      <c r="C12585" s="1" t="s">
        <v>60</v>
      </c>
      <c r="D12585" s="1" t="s">
        <v>13055</v>
      </c>
      <c r="E12585" s="1" t="s">
        <v>48180</v>
      </c>
      <c r="F12585" s="1" t="s">
        <v>48181</v>
      </c>
      <c r="G12585" s="1" t="s">
        <v>48143</v>
      </c>
      <c r="H12585" s="1" t="s">
        <v>48144</v>
      </c>
      <c r="I12585" s="1" t="s">
        <v>47531</v>
      </c>
      <c r="J12585" s="1" t="s">
        <v>48182</v>
      </c>
    </row>
    <row r="12586" spans="1:10" x14ac:dyDescent="0.35">
      <c r="A12586" s="1" t="s">
        <v>48139</v>
      </c>
      <c r="B12586" s="1" t="s">
        <v>47525</v>
      </c>
      <c r="C12586" s="1" t="s">
        <v>65</v>
      </c>
      <c r="D12586" s="1" t="s">
        <v>48183</v>
      </c>
      <c r="E12586" s="1" t="s">
        <v>48184</v>
      </c>
      <c r="F12586" s="1" t="s">
        <v>48185</v>
      </c>
      <c r="G12586" s="1" t="s">
        <v>48143</v>
      </c>
      <c r="H12586" s="1" t="s">
        <v>48144</v>
      </c>
      <c r="I12586" s="1" t="s">
        <v>47531</v>
      </c>
      <c r="J12586" s="1" t="s">
        <v>48186</v>
      </c>
    </row>
    <row r="12587" spans="1:10" x14ac:dyDescent="0.35">
      <c r="A12587" s="1" t="s">
        <v>48139</v>
      </c>
      <c r="B12587" s="1" t="s">
        <v>47525</v>
      </c>
      <c r="C12587" s="1" t="s">
        <v>70</v>
      </c>
      <c r="D12587" s="1" t="s">
        <v>47793</v>
      </c>
      <c r="E12587" s="1" t="s">
        <v>48187</v>
      </c>
      <c r="F12587" s="1" t="s">
        <v>48188</v>
      </c>
      <c r="G12587" s="1" t="s">
        <v>48143</v>
      </c>
      <c r="H12587" s="1" t="s">
        <v>48144</v>
      </c>
      <c r="I12587" s="1" t="s">
        <v>47531</v>
      </c>
      <c r="J12587" s="1" t="s">
        <v>48189</v>
      </c>
    </row>
    <row r="12588" spans="1:10" x14ac:dyDescent="0.35">
      <c r="A12588" s="1" t="s">
        <v>48139</v>
      </c>
      <c r="B12588" s="1" t="s">
        <v>47525</v>
      </c>
      <c r="C12588" s="1" t="s">
        <v>75</v>
      </c>
      <c r="D12588" s="1" t="s">
        <v>7992</v>
      </c>
      <c r="E12588" s="1" t="s">
        <v>48190</v>
      </c>
      <c r="F12588" s="1" t="s">
        <v>48191</v>
      </c>
      <c r="G12588" s="1" t="s">
        <v>48143</v>
      </c>
      <c r="H12588" s="1" t="s">
        <v>48144</v>
      </c>
      <c r="I12588" s="1" t="s">
        <v>47531</v>
      </c>
      <c r="J12588" s="1" t="s">
        <v>48192</v>
      </c>
    </row>
    <row r="12589" spans="1:10" x14ac:dyDescent="0.35">
      <c r="A12589" s="1" t="s">
        <v>48139</v>
      </c>
      <c r="B12589" s="1" t="s">
        <v>47525</v>
      </c>
      <c r="C12589" s="1" t="s">
        <v>80</v>
      </c>
      <c r="D12589" s="1" t="s">
        <v>48193</v>
      </c>
      <c r="E12589" s="1" t="s">
        <v>48194</v>
      </c>
      <c r="F12589" s="1" t="s">
        <v>48195</v>
      </c>
      <c r="G12589" s="1" t="s">
        <v>48143</v>
      </c>
      <c r="H12589" s="1" t="s">
        <v>48144</v>
      </c>
      <c r="I12589" s="1" t="s">
        <v>47531</v>
      </c>
      <c r="J12589" s="1" t="s">
        <v>48196</v>
      </c>
    </row>
    <row r="12590" spans="1:10" x14ac:dyDescent="0.35">
      <c r="A12590" s="1" t="s">
        <v>48139</v>
      </c>
      <c r="B12590" s="1" t="s">
        <v>47525</v>
      </c>
      <c r="C12590" s="1" t="s">
        <v>85</v>
      </c>
      <c r="D12590" s="1" t="s">
        <v>15449</v>
      </c>
      <c r="E12590" s="1" t="s">
        <v>48197</v>
      </c>
      <c r="F12590" s="1" t="s">
        <v>48198</v>
      </c>
      <c r="G12590" s="1" t="s">
        <v>48143</v>
      </c>
      <c r="H12590" s="1" t="s">
        <v>48144</v>
      </c>
      <c r="I12590" s="1" t="s">
        <v>47531</v>
      </c>
      <c r="J12590" s="1" t="s">
        <v>48199</v>
      </c>
    </row>
    <row r="12591" spans="1:10" x14ac:dyDescent="0.35">
      <c r="A12591" s="1" t="s">
        <v>48139</v>
      </c>
      <c r="B12591" s="1" t="s">
        <v>47525</v>
      </c>
      <c r="C12591" s="1" t="s">
        <v>90</v>
      </c>
      <c r="D12591" s="1" t="s">
        <v>28465</v>
      </c>
      <c r="E12591" s="1" t="s">
        <v>48200</v>
      </c>
      <c r="F12591" s="1" t="s">
        <v>48201</v>
      </c>
      <c r="G12591" s="1" t="s">
        <v>48143</v>
      </c>
      <c r="H12591" s="1" t="s">
        <v>48144</v>
      </c>
      <c r="I12591" s="1" t="s">
        <v>47531</v>
      </c>
      <c r="J12591" s="1" t="s">
        <v>48202</v>
      </c>
    </row>
    <row r="12592" spans="1:10" x14ac:dyDescent="0.35">
      <c r="A12592" s="1" t="s">
        <v>48139</v>
      </c>
      <c r="B12592" s="1" t="s">
        <v>47525</v>
      </c>
      <c r="C12592" s="1" t="s">
        <v>95</v>
      </c>
      <c r="D12592" s="1" t="s">
        <v>48203</v>
      </c>
      <c r="E12592" s="1" t="s">
        <v>48204</v>
      </c>
      <c r="F12592" s="1" t="s">
        <v>48205</v>
      </c>
      <c r="G12592" s="1" t="s">
        <v>48143</v>
      </c>
      <c r="H12592" s="1" t="s">
        <v>48144</v>
      </c>
      <c r="I12592" s="1" t="s">
        <v>47531</v>
      </c>
      <c r="J12592" s="1" t="s">
        <v>48206</v>
      </c>
    </row>
    <row r="12593" spans="1:10" x14ac:dyDescent="0.35">
      <c r="A12593" s="1" t="s">
        <v>48139</v>
      </c>
      <c r="B12593" s="1" t="s">
        <v>47525</v>
      </c>
      <c r="C12593" s="1" t="s">
        <v>100</v>
      </c>
      <c r="D12593" s="1" t="s">
        <v>34803</v>
      </c>
      <c r="E12593" s="1" t="s">
        <v>48207</v>
      </c>
      <c r="F12593" s="1" t="s">
        <v>48208</v>
      </c>
      <c r="G12593" s="1" t="s">
        <v>48143</v>
      </c>
      <c r="H12593" s="1" t="s">
        <v>48144</v>
      </c>
      <c r="I12593" s="1" t="s">
        <v>47531</v>
      </c>
      <c r="J12593" s="1" t="s">
        <v>48209</v>
      </c>
    </row>
    <row r="12594" spans="1:10" x14ac:dyDescent="0.35">
      <c r="A12594" s="1" t="s">
        <v>48139</v>
      </c>
      <c r="B12594" s="1" t="s">
        <v>47525</v>
      </c>
      <c r="C12594" s="1" t="s">
        <v>105</v>
      </c>
      <c r="D12594" s="1" t="s">
        <v>35648</v>
      </c>
      <c r="E12594" s="1" t="s">
        <v>48210</v>
      </c>
      <c r="F12594" s="1" t="s">
        <v>48211</v>
      </c>
      <c r="G12594" s="1" t="s">
        <v>48143</v>
      </c>
      <c r="H12594" s="1" t="s">
        <v>48144</v>
      </c>
      <c r="I12594" s="1" t="s">
        <v>47531</v>
      </c>
      <c r="J12594" s="1" t="s">
        <v>48212</v>
      </c>
    </row>
    <row r="12595" spans="1:10" x14ac:dyDescent="0.35">
      <c r="A12595" s="1" t="s">
        <v>48139</v>
      </c>
      <c r="B12595" s="1" t="s">
        <v>47525</v>
      </c>
      <c r="C12595" s="1" t="s">
        <v>110</v>
      </c>
      <c r="D12595" s="1" t="s">
        <v>48213</v>
      </c>
      <c r="E12595" s="1" t="s">
        <v>48214</v>
      </c>
      <c r="F12595" s="1" t="s">
        <v>48215</v>
      </c>
      <c r="G12595" s="1" t="s">
        <v>48143</v>
      </c>
      <c r="H12595" s="1" t="s">
        <v>48144</v>
      </c>
      <c r="I12595" s="1" t="s">
        <v>47531</v>
      </c>
      <c r="J12595" s="1" t="s">
        <v>48216</v>
      </c>
    </row>
    <row r="12596" spans="1:10" x14ac:dyDescent="0.35">
      <c r="A12596" s="1" t="s">
        <v>48139</v>
      </c>
      <c r="B12596" s="1" t="s">
        <v>47525</v>
      </c>
      <c r="C12596" s="1" t="s">
        <v>115</v>
      </c>
      <c r="D12596" s="1" t="s">
        <v>48217</v>
      </c>
      <c r="E12596" s="1" t="s">
        <v>48218</v>
      </c>
      <c r="F12596" s="1" t="s">
        <v>48219</v>
      </c>
      <c r="G12596" s="1" t="s">
        <v>48143</v>
      </c>
      <c r="H12596" s="1" t="s">
        <v>48144</v>
      </c>
      <c r="I12596" s="1" t="s">
        <v>47531</v>
      </c>
      <c r="J12596" s="1" t="s">
        <v>48220</v>
      </c>
    </row>
    <row r="12597" spans="1:10" x14ac:dyDescent="0.35">
      <c r="A12597" s="1" t="s">
        <v>48139</v>
      </c>
      <c r="B12597" s="1" t="s">
        <v>47525</v>
      </c>
      <c r="C12597" s="1" t="s">
        <v>120</v>
      </c>
      <c r="D12597" s="1" t="s">
        <v>3397</v>
      </c>
      <c r="E12597" s="1" t="s">
        <v>48221</v>
      </c>
      <c r="F12597" s="1" t="s">
        <v>48222</v>
      </c>
      <c r="G12597" s="1" t="s">
        <v>48143</v>
      </c>
      <c r="H12597" s="1" t="s">
        <v>48144</v>
      </c>
      <c r="I12597" s="1" t="s">
        <v>47531</v>
      </c>
      <c r="J12597" s="1" t="s">
        <v>48223</v>
      </c>
    </row>
    <row r="12598" spans="1:10" x14ac:dyDescent="0.35">
      <c r="A12598" s="1" t="s">
        <v>48139</v>
      </c>
      <c r="B12598" s="1" t="s">
        <v>47525</v>
      </c>
      <c r="C12598" s="1" t="s">
        <v>125</v>
      </c>
      <c r="D12598" s="1" t="s">
        <v>44188</v>
      </c>
      <c r="E12598" s="1" t="s">
        <v>48224</v>
      </c>
      <c r="F12598" s="1" t="s">
        <v>48225</v>
      </c>
      <c r="G12598" s="1" t="s">
        <v>48143</v>
      </c>
      <c r="H12598" s="1" t="s">
        <v>48144</v>
      </c>
      <c r="I12598" s="1" t="s">
        <v>47531</v>
      </c>
      <c r="J12598" s="1" t="s">
        <v>48226</v>
      </c>
    </row>
    <row r="12599" spans="1:10" x14ac:dyDescent="0.35">
      <c r="A12599" s="1" t="s">
        <v>48139</v>
      </c>
      <c r="B12599" s="1" t="s">
        <v>47525</v>
      </c>
      <c r="C12599" s="1" t="s">
        <v>130</v>
      </c>
      <c r="D12599" s="1" t="s">
        <v>48227</v>
      </c>
      <c r="E12599" s="1" t="s">
        <v>48228</v>
      </c>
      <c r="F12599" s="1" t="s">
        <v>48229</v>
      </c>
      <c r="G12599" s="1" t="s">
        <v>48143</v>
      </c>
      <c r="H12599" s="1" t="s">
        <v>48144</v>
      </c>
      <c r="I12599" s="1" t="s">
        <v>47531</v>
      </c>
      <c r="J12599" s="1" t="s">
        <v>48230</v>
      </c>
    </row>
    <row r="12600" spans="1:10" x14ac:dyDescent="0.35">
      <c r="A12600" s="1" t="s">
        <v>48139</v>
      </c>
      <c r="B12600" s="1" t="s">
        <v>47525</v>
      </c>
      <c r="C12600" s="1" t="s">
        <v>135</v>
      </c>
      <c r="D12600" s="1" t="s">
        <v>48231</v>
      </c>
      <c r="E12600" s="1" t="s">
        <v>48232</v>
      </c>
      <c r="F12600" s="1" t="s">
        <v>48233</v>
      </c>
      <c r="G12600" s="1" t="s">
        <v>48143</v>
      </c>
      <c r="H12600" s="1" t="s">
        <v>48144</v>
      </c>
      <c r="I12600" s="1" t="s">
        <v>47531</v>
      </c>
      <c r="J12600" s="1" t="s">
        <v>48234</v>
      </c>
    </row>
    <row r="12601" spans="1:10" x14ac:dyDescent="0.35">
      <c r="A12601" s="1" t="s">
        <v>48139</v>
      </c>
      <c r="B12601" s="1" t="s">
        <v>47525</v>
      </c>
      <c r="C12601" s="1" t="s">
        <v>140</v>
      </c>
      <c r="D12601" s="1" t="s">
        <v>48235</v>
      </c>
      <c r="E12601" s="1" t="s">
        <v>48236</v>
      </c>
      <c r="F12601" s="1" t="s">
        <v>48237</v>
      </c>
      <c r="G12601" s="1" t="s">
        <v>48143</v>
      </c>
      <c r="H12601" s="1" t="s">
        <v>48144</v>
      </c>
      <c r="I12601" s="1" t="s">
        <v>47531</v>
      </c>
      <c r="J12601" s="1" t="s">
        <v>48238</v>
      </c>
    </row>
    <row r="12602" spans="1:10" x14ac:dyDescent="0.35">
      <c r="A12602" s="1" t="s">
        <v>48139</v>
      </c>
      <c r="B12602" s="1" t="s">
        <v>47525</v>
      </c>
      <c r="C12602" s="1" t="s">
        <v>145</v>
      </c>
      <c r="D12602" s="1" t="s">
        <v>48239</v>
      </c>
      <c r="E12602" s="1" t="s">
        <v>48240</v>
      </c>
      <c r="F12602" s="1" t="s">
        <v>48241</v>
      </c>
      <c r="G12602" s="1" t="s">
        <v>48143</v>
      </c>
      <c r="H12602" s="1" t="s">
        <v>48144</v>
      </c>
      <c r="I12602" s="1" t="s">
        <v>47531</v>
      </c>
      <c r="J12602" s="1" t="s">
        <v>48242</v>
      </c>
    </row>
    <row r="12603" spans="1:10" x14ac:dyDescent="0.35">
      <c r="A12603" s="1" t="s">
        <v>48139</v>
      </c>
      <c r="B12603" s="1" t="s">
        <v>47525</v>
      </c>
      <c r="C12603" s="1" t="s">
        <v>150</v>
      </c>
      <c r="D12603" s="1" t="s">
        <v>37384</v>
      </c>
      <c r="E12603" s="1" t="s">
        <v>48243</v>
      </c>
      <c r="F12603" s="1" t="s">
        <v>48244</v>
      </c>
      <c r="G12603" s="1" t="s">
        <v>48143</v>
      </c>
      <c r="H12603" s="1" t="s">
        <v>48144</v>
      </c>
      <c r="I12603" s="1" t="s">
        <v>47531</v>
      </c>
      <c r="J12603" s="1" t="s">
        <v>48245</v>
      </c>
    </row>
    <row r="12604" spans="1:10" x14ac:dyDescent="0.35">
      <c r="A12604" s="1" t="s">
        <v>48139</v>
      </c>
      <c r="B12604" s="1" t="s">
        <v>47525</v>
      </c>
      <c r="C12604" s="1" t="s">
        <v>155</v>
      </c>
      <c r="D12604" s="1" t="s">
        <v>48246</v>
      </c>
      <c r="E12604" s="1" t="s">
        <v>48247</v>
      </c>
      <c r="F12604" s="1" t="s">
        <v>48248</v>
      </c>
      <c r="G12604" s="1" t="s">
        <v>48143</v>
      </c>
      <c r="H12604" s="1" t="s">
        <v>48144</v>
      </c>
      <c r="I12604" s="1" t="s">
        <v>47531</v>
      </c>
      <c r="J12604" s="1" t="s">
        <v>48249</v>
      </c>
    </row>
    <row r="12605" spans="1:10" x14ac:dyDescent="0.35">
      <c r="A12605" s="1" t="s">
        <v>48139</v>
      </c>
      <c r="B12605" s="1" t="s">
        <v>47525</v>
      </c>
      <c r="C12605" s="1" t="s">
        <v>160</v>
      </c>
      <c r="D12605" s="1" t="s">
        <v>35013</v>
      </c>
      <c r="E12605" s="1" t="s">
        <v>48250</v>
      </c>
      <c r="F12605" s="1" t="s">
        <v>48251</v>
      </c>
      <c r="G12605" s="1" t="s">
        <v>48143</v>
      </c>
      <c r="H12605" s="1" t="s">
        <v>48144</v>
      </c>
      <c r="I12605" s="1" t="s">
        <v>47531</v>
      </c>
      <c r="J12605" s="1" t="s">
        <v>48252</v>
      </c>
    </row>
    <row r="12606" spans="1:10" x14ac:dyDescent="0.35">
      <c r="A12606" s="1" t="s">
        <v>48139</v>
      </c>
      <c r="B12606" s="1" t="s">
        <v>47525</v>
      </c>
      <c r="C12606" s="1" t="s">
        <v>165</v>
      </c>
      <c r="D12606" s="1" t="s">
        <v>35076</v>
      </c>
      <c r="E12606" s="1" t="s">
        <v>48253</v>
      </c>
      <c r="F12606" s="1" t="s">
        <v>48254</v>
      </c>
      <c r="G12606" s="1" t="s">
        <v>48143</v>
      </c>
      <c r="H12606" s="1" t="s">
        <v>48144</v>
      </c>
      <c r="I12606" s="1" t="s">
        <v>47531</v>
      </c>
      <c r="J12606" s="1" t="s">
        <v>48255</v>
      </c>
    </row>
    <row r="12607" spans="1:10" x14ac:dyDescent="0.35">
      <c r="A12607" s="1" t="s">
        <v>48139</v>
      </c>
      <c r="B12607" s="1" t="s">
        <v>47525</v>
      </c>
      <c r="C12607" s="1" t="s">
        <v>170</v>
      </c>
      <c r="D12607" s="1" t="s">
        <v>48256</v>
      </c>
      <c r="E12607" s="1" t="s">
        <v>48257</v>
      </c>
      <c r="F12607" s="1" t="s">
        <v>48258</v>
      </c>
      <c r="G12607" s="1" t="s">
        <v>48143</v>
      </c>
      <c r="H12607" s="1" t="s">
        <v>48144</v>
      </c>
      <c r="I12607" s="1" t="s">
        <v>47531</v>
      </c>
      <c r="J12607" s="1" t="s">
        <v>48259</v>
      </c>
    </row>
    <row r="12608" spans="1:10" x14ac:dyDescent="0.35">
      <c r="A12608" s="1" t="s">
        <v>48260</v>
      </c>
      <c r="B12608" s="1" t="s">
        <v>47525</v>
      </c>
      <c r="C12608" s="1" t="s">
        <v>8</v>
      </c>
      <c r="D12608" s="1" t="s">
        <v>44798</v>
      </c>
      <c r="E12608" s="1" t="s">
        <v>48261</v>
      </c>
      <c r="F12608" s="1" t="s">
        <v>48262</v>
      </c>
      <c r="G12608" s="1" t="s">
        <v>48263</v>
      </c>
      <c r="H12608" s="1" t="s">
        <v>48264</v>
      </c>
      <c r="I12608" s="1" t="s">
        <v>47531</v>
      </c>
      <c r="J12608" s="1" t="s">
        <v>13</v>
      </c>
    </row>
    <row r="12609" spans="1:10" x14ac:dyDescent="0.35">
      <c r="A12609" s="1" t="s">
        <v>48260</v>
      </c>
      <c r="B12609" s="1" t="s">
        <v>47525</v>
      </c>
      <c r="C12609" s="1" t="s">
        <v>15</v>
      </c>
      <c r="D12609" s="1" t="s">
        <v>48265</v>
      </c>
      <c r="E12609" s="1" t="s">
        <v>48266</v>
      </c>
      <c r="F12609" s="1" t="s">
        <v>48267</v>
      </c>
      <c r="G12609" s="1" t="s">
        <v>48263</v>
      </c>
      <c r="H12609" s="1" t="s">
        <v>48264</v>
      </c>
      <c r="I12609" s="1" t="s">
        <v>47531</v>
      </c>
      <c r="J12609" s="1" t="s">
        <v>48268</v>
      </c>
    </row>
    <row r="12610" spans="1:10" x14ac:dyDescent="0.35">
      <c r="A12610" s="1" t="s">
        <v>48260</v>
      </c>
      <c r="B12610" s="1" t="s">
        <v>47525</v>
      </c>
      <c r="C12610" s="1" t="s">
        <v>20</v>
      </c>
      <c r="D12610" s="1" t="s">
        <v>6708</v>
      </c>
      <c r="E12610" s="1" t="s">
        <v>48269</v>
      </c>
      <c r="F12610" s="1" t="s">
        <v>48270</v>
      </c>
      <c r="G12610" s="1" t="s">
        <v>48263</v>
      </c>
      <c r="H12610" s="1" t="s">
        <v>48264</v>
      </c>
      <c r="I12610" s="1" t="s">
        <v>47531</v>
      </c>
      <c r="J12610" s="1" t="s">
        <v>48271</v>
      </c>
    </row>
    <row r="12611" spans="1:10" x14ac:dyDescent="0.35">
      <c r="A12611" s="1" t="s">
        <v>48260</v>
      </c>
      <c r="B12611" s="1" t="s">
        <v>47525</v>
      </c>
      <c r="C12611" s="1" t="s">
        <v>25</v>
      </c>
      <c r="D12611" s="1" t="s">
        <v>14526</v>
      </c>
      <c r="E12611" s="1" t="s">
        <v>48272</v>
      </c>
      <c r="F12611" s="1" t="s">
        <v>48273</v>
      </c>
      <c r="G12611" s="1" t="s">
        <v>48263</v>
      </c>
      <c r="H12611" s="1" t="s">
        <v>48264</v>
      </c>
      <c r="I12611" s="1" t="s">
        <v>47531</v>
      </c>
      <c r="J12611" s="1" t="s">
        <v>48274</v>
      </c>
    </row>
    <row r="12612" spans="1:10" x14ac:dyDescent="0.35">
      <c r="A12612" s="1" t="s">
        <v>48260</v>
      </c>
      <c r="B12612" s="1" t="s">
        <v>47525</v>
      </c>
      <c r="C12612" s="1" t="s">
        <v>30</v>
      </c>
      <c r="D12612" s="1" t="s">
        <v>221</v>
      </c>
      <c r="E12612" s="1" t="s">
        <v>48275</v>
      </c>
      <c r="F12612" s="1" t="s">
        <v>48276</v>
      </c>
      <c r="G12612" s="1" t="s">
        <v>48263</v>
      </c>
      <c r="H12612" s="1" t="s">
        <v>48264</v>
      </c>
      <c r="I12612" s="1" t="s">
        <v>47531</v>
      </c>
      <c r="J12612" s="1" t="s">
        <v>48277</v>
      </c>
    </row>
    <row r="12613" spans="1:10" x14ac:dyDescent="0.35">
      <c r="A12613" s="1" t="s">
        <v>48260</v>
      </c>
      <c r="B12613" s="1" t="s">
        <v>47525</v>
      </c>
      <c r="C12613" s="1" t="s">
        <v>35</v>
      </c>
      <c r="D12613" s="1" t="s">
        <v>48278</v>
      </c>
      <c r="E12613" s="1" t="s">
        <v>48279</v>
      </c>
      <c r="F12613" s="1" t="s">
        <v>48280</v>
      </c>
      <c r="G12613" s="1" t="s">
        <v>48263</v>
      </c>
      <c r="H12613" s="1" t="s">
        <v>48264</v>
      </c>
      <c r="I12613" s="1" t="s">
        <v>47531</v>
      </c>
      <c r="J12613" s="1" t="s">
        <v>48281</v>
      </c>
    </row>
    <row r="12614" spans="1:10" x14ac:dyDescent="0.35">
      <c r="A12614" s="1" t="s">
        <v>48260</v>
      </c>
      <c r="B12614" s="1" t="s">
        <v>47525</v>
      </c>
      <c r="C12614" s="1" t="s">
        <v>40</v>
      </c>
      <c r="D12614" s="1" t="s">
        <v>48282</v>
      </c>
      <c r="E12614" s="1" t="s">
        <v>48283</v>
      </c>
      <c r="F12614" s="1" t="s">
        <v>48284</v>
      </c>
      <c r="G12614" s="1" t="s">
        <v>48263</v>
      </c>
      <c r="H12614" s="1" t="s">
        <v>48264</v>
      </c>
      <c r="I12614" s="1" t="s">
        <v>47531</v>
      </c>
      <c r="J12614" s="1" t="s">
        <v>48285</v>
      </c>
    </row>
    <row r="12615" spans="1:10" x14ac:dyDescent="0.35">
      <c r="A12615" s="1" t="s">
        <v>48260</v>
      </c>
      <c r="B12615" s="1" t="s">
        <v>47525</v>
      </c>
      <c r="C12615" s="1" t="s">
        <v>45</v>
      </c>
      <c r="D12615" s="1" t="s">
        <v>48286</v>
      </c>
      <c r="E12615" s="1" t="s">
        <v>48287</v>
      </c>
      <c r="F12615" s="1" t="s">
        <v>48288</v>
      </c>
      <c r="G12615" s="1" t="s">
        <v>48263</v>
      </c>
      <c r="H12615" s="1" t="s">
        <v>48264</v>
      </c>
      <c r="I12615" s="1" t="s">
        <v>47531</v>
      </c>
      <c r="J12615" s="1" t="s">
        <v>48289</v>
      </c>
    </row>
    <row r="12616" spans="1:10" x14ac:dyDescent="0.35">
      <c r="A12616" s="1" t="s">
        <v>48260</v>
      </c>
      <c r="B12616" s="1" t="s">
        <v>47525</v>
      </c>
      <c r="C12616" s="1" t="s">
        <v>50</v>
      </c>
      <c r="D12616" s="1" t="s">
        <v>48290</v>
      </c>
      <c r="E12616" s="1" t="s">
        <v>48291</v>
      </c>
      <c r="F12616" s="1" t="s">
        <v>48292</v>
      </c>
      <c r="G12616" s="1" t="s">
        <v>48263</v>
      </c>
      <c r="H12616" s="1" t="s">
        <v>48264</v>
      </c>
      <c r="I12616" s="1" t="s">
        <v>47531</v>
      </c>
      <c r="J12616" s="1" t="s">
        <v>48293</v>
      </c>
    </row>
    <row r="12617" spans="1:10" x14ac:dyDescent="0.35">
      <c r="A12617" s="1" t="s">
        <v>48260</v>
      </c>
      <c r="B12617" s="1" t="s">
        <v>47525</v>
      </c>
      <c r="C12617" s="1" t="s">
        <v>55</v>
      </c>
      <c r="D12617" s="1" t="s">
        <v>48294</v>
      </c>
      <c r="E12617" s="1" t="s">
        <v>48295</v>
      </c>
      <c r="F12617" s="1" t="s">
        <v>48296</v>
      </c>
      <c r="G12617" s="1" t="s">
        <v>48263</v>
      </c>
      <c r="H12617" s="1" t="s">
        <v>48264</v>
      </c>
      <c r="I12617" s="1" t="s">
        <v>47531</v>
      </c>
      <c r="J12617" s="1" t="s">
        <v>48297</v>
      </c>
    </row>
    <row r="12618" spans="1:10" x14ac:dyDescent="0.35">
      <c r="A12618" s="1" t="s">
        <v>48260</v>
      </c>
      <c r="B12618" s="1" t="s">
        <v>47525</v>
      </c>
      <c r="C12618" s="1" t="s">
        <v>60</v>
      </c>
      <c r="D12618" s="1" t="s">
        <v>29032</v>
      </c>
      <c r="E12618" s="1" t="s">
        <v>48298</v>
      </c>
      <c r="F12618" s="1" t="s">
        <v>48299</v>
      </c>
      <c r="G12618" s="1" t="s">
        <v>48263</v>
      </c>
      <c r="H12618" s="1" t="s">
        <v>48264</v>
      </c>
      <c r="I12618" s="1" t="s">
        <v>47531</v>
      </c>
      <c r="J12618" s="1" t="s">
        <v>48300</v>
      </c>
    </row>
    <row r="12619" spans="1:10" x14ac:dyDescent="0.35">
      <c r="A12619" s="1" t="s">
        <v>48260</v>
      </c>
      <c r="B12619" s="1" t="s">
        <v>47525</v>
      </c>
      <c r="C12619" s="1" t="s">
        <v>65</v>
      </c>
      <c r="D12619" s="1" t="s">
        <v>48301</v>
      </c>
      <c r="E12619" s="1" t="s">
        <v>48302</v>
      </c>
      <c r="F12619" s="1" t="s">
        <v>48303</v>
      </c>
      <c r="G12619" s="1" t="s">
        <v>48263</v>
      </c>
      <c r="H12619" s="1" t="s">
        <v>48264</v>
      </c>
      <c r="I12619" s="1" t="s">
        <v>47531</v>
      </c>
      <c r="J12619" s="1" t="s">
        <v>48304</v>
      </c>
    </row>
    <row r="12620" spans="1:10" x14ac:dyDescent="0.35">
      <c r="A12620" s="1" t="s">
        <v>48260</v>
      </c>
      <c r="B12620" s="1" t="s">
        <v>47525</v>
      </c>
      <c r="C12620" s="1" t="s">
        <v>70</v>
      </c>
      <c r="D12620" s="1" t="s">
        <v>48305</v>
      </c>
      <c r="E12620" s="1" t="s">
        <v>48306</v>
      </c>
      <c r="F12620" s="1" t="s">
        <v>48307</v>
      </c>
      <c r="G12620" s="1" t="s">
        <v>48263</v>
      </c>
      <c r="H12620" s="1" t="s">
        <v>48264</v>
      </c>
      <c r="I12620" s="1" t="s">
        <v>47531</v>
      </c>
      <c r="J12620" s="1" t="s">
        <v>48308</v>
      </c>
    </row>
    <row r="12621" spans="1:10" x14ac:dyDescent="0.35">
      <c r="A12621" s="1" t="s">
        <v>48260</v>
      </c>
      <c r="B12621" s="1" t="s">
        <v>47525</v>
      </c>
      <c r="C12621" s="1" t="s">
        <v>75</v>
      </c>
      <c r="D12621" s="1" t="s">
        <v>48309</v>
      </c>
      <c r="E12621" s="1" t="s">
        <v>48310</v>
      </c>
      <c r="F12621" s="1" t="s">
        <v>48311</v>
      </c>
      <c r="G12621" s="1" t="s">
        <v>48263</v>
      </c>
      <c r="H12621" s="1" t="s">
        <v>48264</v>
      </c>
      <c r="I12621" s="1" t="s">
        <v>47531</v>
      </c>
      <c r="J12621" s="1" t="s">
        <v>48312</v>
      </c>
    </row>
    <row r="12622" spans="1:10" x14ac:dyDescent="0.35">
      <c r="A12622" s="1" t="s">
        <v>48260</v>
      </c>
      <c r="B12622" s="1" t="s">
        <v>47525</v>
      </c>
      <c r="C12622" s="1" t="s">
        <v>80</v>
      </c>
      <c r="D12622" s="1" t="s">
        <v>48313</v>
      </c>
      <c r="E12622" s="1" t="s">
        <v>48314</v>
      </c>
      <c r="F12622" s="1" t="s">
        <v>48315</v>
      </c>
      <c r="G12622" s="1" t="s">
        <v>48263</v>
      </c>
      <c r="H12622" s="1" t="s">
        <v>48264</v>
      </c>
      <c r="I12622" s="1" t="s">
        <v>47531</v>
      </c>
      <c r="J12622" s="1" t="s">
        <v>48316</v>
      </c>
    </row>
    <row r="12623" spans="1:10" x14ac:dyDescent="0.35">
      <c r="A12623" s="1" t="s">
        <v>48260</v>
      </c>
      <c r="B12623" s="1" t="s">
        <v>47525</v>
      </c>
      <c r="C12623" s="1" t="s">
        <v>85</v>
      </c>
      <c r="D12623" s="1" t="s">
        <v>48317</v>
      </c>
      <c r="E12623" s="1" t="s">
        <v>48318</v>
      </c>
      <c r="F12623" s="1" t="s">
        <v>48319</v>
      </c>
      <c r="G12623" s="1" t="s">
        <v>48263</v>
      </c>
      <c r="H12623" s="1" t="s">
        <v>48264</v>
      </c>
      <c r="I12623" s="1" t="s">
        <v>47531</v>
      </c>
      <c r="J12623" s="1" t="s">
        <v>48320</v>
      </c>
    </row>
    <row r="12624" spans="1:10" x14ac:dyDescent="0.35">
      <c r="A12624" s="1" t="s">
        <v>48260</v>
      </c>
      <c r="B12624" s="1" t="s">
        <v>47525</v>
      </c>
      <c r="C12624" s="1" t="s">
        <v>90</v>
      </c>
      <c r="D12624" s="1" t="s">
        <v>25281</v>
      </c>
      <c r="E12624" s="1" t="s">
        <v>48321</v>
      </c>
      <c r="F12624" s="1" t="s">
        <v>48322</v>
      </c>
      <c r="G12624" s="1" t="s">
        <v>48263</v>
      </c>
      <c r="H12624" s="1" t="s">
        <v>48264</v>
      </c>
      <c r="I12624" s="1" t="s">
        <v>47531</v>
      </c>
      <c r="J12624" s="1" t="s">
        <v>48323</v>
      </c>
    </row>
    <row r="12625" spans="1:10" x14ac:dyDescent="0.35">
      <c r="A12625" s="1" t="s">
        <v>48260</v>
      </c>
      <c r="B12625" s="1" t="s">
        <v>47525</v>
      </c>
      <c r="C12625" s="1" t="s">
        <v>95</v>
      </c>
      <c r="D12625" s="1" t="s">
        <v>48324</v>
      </c>
      <c r="E12625" s="1" t="s">
        <v>48325</v>
      </c>
      <c r="F12625" s="1" t="s">
        <v>48326</v>
      </c>
      <c r="G12625" s="1" t="s">
        <v>48263</v>
      </c>
      <c r="H12625" s="1" t="s">
        <v>48264</v>
      </c>
      <c r="I12625" s="1" t="s">
        <v>47531</v>
      </c>
      <c r="J12625" s="1" t="s">
        <v>48327</v>
      </c>
    </row>
    <row r="12626" spans="1:10" x14ac:dyDescent="0.35">
      <c r="A12626" s="1" t="s">
        <v>48260</v>
      </c>
      <c r="B12626" s="1" t="s">
        <v>47525</v>
      </c>
      <c r="C12626" s="1" t="s">
        <v>100</v>
      </c>
      <c r="D12626" s="1" t="s">
        <v>48328</v>
      </c>
      <c r="E12626" s="1" t="s">
        <v>48329</v>
      </c>
      <c r="F12626" s="1" t="s">
        <v>48330</v>
      </c>
      <c r="G12626" s="1" t="s">
        <v>48263</v>
      </c>
      <c r="H12626" s="1" t="s">
        <v>48264</v>
      </c>
      <c r="I12626" s="1" t="s">
        <v>47531</v>
      </c>
      <c r="J12626" s="1" t="s">
        <v>48331</v>
      </c>
    </row>
    <row r="12627" spans="1:10" x14ac:dyDescent="0.35">
      <c r="A12627" s="1" t="s">
        <v>48260</v>
      </c>
      <c r="B12627" s="1" t="s">
        <v>47525</v>
      </c>
      <c r="C12627" s="1" t="s">
        <v>105</v>
      </c>
      <c r="D12627" s="1" t="s">
        <v>14634</v>
      </c>
      <c r="E12627" s="1" t="s">
        <v>48332</v>
      </c>
      <c r="F12627" s="1" t="s">
        <v>48333</v>
      </c>
      <c r="G12627" s="1" t="s">
        <v>48263</v>
      </c>
      <c r="H12627" s="1" t="s">
        <v>48264</v>
      </c>
      <c r="I12627" s="1" t="s">
        <v>47531</v>
      </c>
      <c r="J12627" s="1" t="s">
        <v>48334</v>
      </c>
    </row>
    <row r="12628" spans="1:10" x14ac:dyDescent="0.35">
      <c r="A12628" s="1" t="s">
        <v>48260</v>
      </c>
      <c r="B12628" s="1" t="s">
        <v>47525</v>
      </c>
      <c r="C12628" s="1" t="s">
        <v>110</v>
      </c>
      <c r="D12628" s="1" t="s">
        <v>48335</v>
      </c>
      <c r="E12628" s="1" t="s">
        <v>48336</v>
      </c>
      <c r="F12628" s="1" t="s">
        <v>48337</v>
      </c>
      <c r="G12628" s="1" t="s">
        <v>48263</v>
      </c>
      <c r="H12628" s="1" t="s">
        <v>48264</v>
      </c>
      <c r="I12628" s="1" t="s">
        <v>47531</v>
      </c>
      <c r="J12628" s="1" t="s">
        <v>48338</v>
      </c>
    </row>
    <row r="12629" spans="1:10" x14ac:dyDescent="0.35">
      <c r="A12629" s="1" t="s">
        <v>48260</v>
      </c>
      <c r="B12629" s="1" t="s">
        <v>47525</v>
      </c>
      <c r="C12629" s="1" t="s">
        <v>115</v>
      </c>
      <c r="D12629" s="1" t="s">
        <v>48339</v>
      </c>
      <c r="E12629" s="1" t="s">
        <v>48340</v>
      </c>
      <c r="F12629" s="1" t="s">
        <v>48341</v>
      </c>
      <c r="G12629" s="1" t="s">
        <v>48263</v>
      </c>
      <c r="H12629" s="1" t="s">
        <v>48264</v>
      </c>
      <c r="I12629" s="1" t="s">
        <v>47531</v>
      </c>
      <c r="J12629" s="1" t="s">
        <v>48342</v>
      </c>
    </row>
    <row r="12630" spans="1:10" x14ac:dyDescent="0.35">
      <c r="A12630" s="1" t="s">
        <v>48260</v>
      </c>
      <c r="B12630" s="1" t="s">
        <v>47525</v>
      </c>
      <c r="C12630" s="1" t="s">
        <v>120</v>
      </c>
      <c r="D12630" s="1" t="s">
        <v>35438</v>
      </c>
      <c r="E12630" s="1" t="s">
        <v>48343</v>
      </c>
      <c r="F12630" s="1" t="s">
        <v>48344</v>
      </c>
      <c r="G12630" s="1" t="s">
        <v>48263</v>
      </c>
      <c r="H12630" s="1" t="s">
        <v>48264</v>
      </c>
      <c r="I12630" s="1" t="s">
        <v>47531</v>
      </c>
      <c r="J12630" s="1" t="s">
        <v>48345</v>
      </c>
    </row>
    <row r="12631" spans="1:10" x14ac:dyDescent="0.35">
      <c r="A12631" s="1" t="s">
        <v>48260</v>
      </c>
      <c r="B12631" s="1" t="s">
        <v>47525</v>
      </c>
      <c r="C12631" s="1" t="s">
        <v>125</v>
      </c>
      <c r="D12631" s="1" t="s">
        <v>34895</v>
      </c>
      <c r="E12631" s="1" t="s">
        <v>48346</v>
      </c>
      <c r="F12631" s="1" t="s">
        <v>48347</v>
      </c>
      <c r="G12631" s="1" t="s">
        <v>48263</v>
      </c>
      <c r="H12631" s="1" t="s">
        <v>48264</v>
      </c>
      <c r="I12631" s="1" t="s">
        <v>47531</v>
      </c>
      <c r="J12631" s="1" t="s">
        <v>48348</v>
      </c>
    </row>
    <row r="12632" spans="1:10" x14ac:dyDescent="0.35">
      <c r="A12632" s="1" t="s">
        <v>48260</v>
      </c>
      <c r="B12632" s="1" t="s">
        <v>47525</v>
      </c>
      <c r="C12632" s="1" t="s">
        <v>130</v>
      </c>
      <c r="D12632" s="1" t="s">
        <v>597</v>
      </c>
      <c r="E12632" s="1" t="s">
        <v>48349</v>
      </c>
      <c r="F12632" s="1" t="s">
        <v>48350</v>
      </c>
      <c r="G12632" s="1" t="s">
        <v>48263</v>
      </c>
      <c r="H12632" s="1" t="s">
        <v>48264</v>
      </c>
      <c r="I12632" s="1" t="s">
        <v>47531</v>
      </c>
      <c r="J12632" s="1" t="s">
        <v>48351</v>
      </c>
    </row>
    <row r="12633" spans="1:10" x14ac:dyDescent="0.35">
      <c r="A12633" s="1" t="s">
        <v>48260</v>
      </c>
      <c r="B12633" s="1" t="s">
        <v>47525</v>
      </c>
      <c r="C12633" s="1" t="s">
        <v>135</v>
      </c>
      <c r="D12633" s="1" t="s">
        <v>31367</v>
      </c>
      <c r="E12633" s="1" t="s">
        <v>48352</v>
      </c>
      <c r="F12633" s="1" t="s">
        <v>48353</v>
      </c>
      <c r="G12633" s="1" t="s">
        <v>48263</v>
      </c>
      <c r="H12633" s="1" t="s">
        <v>48264</v>
      </c>
      <c r="I12633" s="1" t="s">
        <v>47531</v>
      </c>
      <c r="J12633" s="1" t="s">
        <v>48354</v>
      </c>
    </row>
    <row r="12634" spans="1:10" x14ac:dyDescent="0.35">
      <c r="A12634" s="1" t="s">
        <v>48260</v>
      </c>
      <c r="B12634" s="1" t="s">
        <v>47525</v>
      </c>
      <c r="C12634" s="1" t="s">
        <v>140</v>
      </c>
      <c r="D12634" s="1" t="s">
        <v>48355</v>
      </c>
      <c r="E12634" s="1" t="s">
        <v>48356</v>
      </c>
      <c r="F12634" s="1" t="s">
        <v>48357</v>
      </c>
      <c r="G12634" s="1" t="s">
        <v>48263</v>
      </c>
      <c r="H12634" s="1" t="s">
        <v>48264</v>
      </c>
      <c r="I12634" s="1" t="s">
        <v>47531</v>
      </c>
      <c r="J12634" s="1" t="s">
        <v>48358</v>
      </c>
    </row>
    <row r="12635" spans="1:10" x14ac:dyDescent="0.35">
      <c r="A12635" s="1" t="s">
        <v>48260</v>
      </c>
      <c r="B12635" s="1" t="s">
        <v>47525</v>
      </c>
      <c r="C12635" s="1" t="s">
        <v>145</v>
      </c>
      <c r="D12635" s="1" t="s">
        <v>48359</v>
      </c>
      <c r="E12635" s="1" t="s">
        <v>48360</v>
      </c>
      <c r="F12635" s="1" t="s">
        <v>48361</v>
      </c>
      <c r="G12635" s="1" t="s">
        <v>48263</v>
      </c>
      <c r="H12635" s="1" t="s">
        <v>48264</v>
      </c>
      <c r="I12635" s="1" t="s">
        <v>47531</v>
      </c>
      <c r="J12635" s="1" t="s">
        <v>48362</v>
      </c>
    </row>
    <row r="12636" spans="1:10" x14ac:dyDescent="0.35">
      <c r="A12636" s="1" t="s">
        <v>48260</v>
      </c>
      <c r="B12636" s="1" t="s">
        <v>47525</v>
      </c>
      <c r="C12636" s="1" t="s">
        <v>150</v>
      </c>
      <c r="D12636" s="1" t="s">
        <v>34761</v>
      </c>
      <c r="E12636" s="1" t="s">
        <v>48363</v>
      </c>
      <c r="F12636" s="1" t="s">
        <v>48364</v>
      </c>
      <c r="G12636" s="1" t="s">
        <v>48263</v>
      </c>
      <c r="H12636" s="1" t="s">
        <v>48264</v>
      </c>
      <c r="I12636" s="1" t="s">
        <v>47531</v>
      </c>
      <c r="J12636" s="1" t="s">
        <v>48365</v>
      </c>
    </row>
    <row r="12637" spans="1:10" x14ac:dyDescent="0.35">
      <c r="A12637" s="1" t="s">
        <v>48260</v>
      </c>
      <c r="B12637" s="1" t="s">
        <v>47525</v>
      </c>
      <c r="C12637" s="1" t="s">
        <v>155</v>
      </c>
      <c r="D12637" s="1" t="s">
        <v>48095</v>
      </c>
      <c r="E12637" s="1" t="s">
        <v>48366</v>
      </c>
      <c r="F12637" s="1" t="s">
        <v>48367</v>
      </c>
      <c r="G12637" s="1" t="s">
        <v>48263</v>
      </c>
      <c r="H12637" s="1" t="s">
        <v>48264</v>
      </c>
      <c r="I12637" s="1" t="s">
        <v>47531</v>
      </c>
      <c r="J12637" s="1" t="s">
        <v>48368</v>
      </c>
    </row>
    <row r="12638" spans="1:10" x14ac:dyDescent="0.35">
      <c r="A12638" s="1" t="s">
        <v>48260</v>
      </c>
      <c r="B12638" s="1" t="s">
        <v>47525</v>
      </c>
      <c r="C12638" s="1" t="s">
        <v>160</v>
      </c>
      <c r="D12638" s="1" t="s">
        <v>31983</v>
      </c>
      <c r="E12638" s="1" t="s">
        <v>48369</v>
      </c>
      <c r="F12638" s="1" t="s">
        <v>48370</v>
      </c>
      <c r="G12638" s="1" t="s">
        <v>48263</v>
      </c>
      <c r="H12638" s="1" t="s">
        <v>48264</v>
      </c>
      <c r="I12638" s="1" t="s">
        <v>47531</v>
      </c>
      <c r="J12638" s="1" t="s">
        <v>48371</v>
      </c>
    </row>
    <row r="12639" spans="1:10" x14ac:dyDescent="0.35">
      <c r="A12639" s="1" t="s">
        <v>48260</v>
      </c>
      <c r="B12639" s="1" t="s">
        <v>47525</v>
      </c>
      <c r="C12639" s="1" t="s">
        <v>165</v>
      </c>
      <c r="D12639" s="1" t="s">
        <v>10768</v>
      </c>
      <c r="E12639" s="1" t="s">
        <v>48372</v>
      </c>
      <c r="F12639" s="1" t="s">
        <v>48373</v>
      </c>
      <c r="G12639" s="1" t="s">
        <v>48263</v>
      </c>
      <c r="H12639" s="1" t="s">
        <v>48264</v>
      </c>
      <c r="I12639" s="1" t="s">
        <v>47531</v>
      </c>
      <c r="J12639" s="1" t="s">
        <v>48374</v>
      </c>
    </row>
    <row r="12640" spans="1:10" x14ac:dyDescent="0.35">
      <c r="A12640" s="1" t="s">
        <v>48260</v>
      </c>
      <c r="B12640" s="1" t="s">
        <v>47525</v>
      </c>
      <c r="C12640" s="1" t="s">
        <v>170</v>
      </c>
      <c r="D12640" s="1" t="s">
        <v>48375</v>
      </c>
      <c r="E12640" s="1" t="s">
        <v>48376</v>
      </c>
      <c r="F12640" s="1" t="s">
        <v>48377</v>
      </c>
      <c r="G12640" s="1" t="s">
        <v>48263</v>
      </c>
      <c r="H12640" s="1" t="s">
        <v>48264</v>
      </c>
      <c r="I12640" s="1" t="s">
        <v>47531</v>
      </c>
      <c r="J12640" s="1" t="s">
        <v>48378</v>
      </c>
    </row>
    <row r="12641" spans="1:10" x14ac:dyDescent="0.35">
      <c r="A12641" s="1" t="s">
        <v>48379</v>
      </c>
      <c r="B12641" s="1" t="s">
        <v>47525</v>
      </c>
      <c r="C12641" s="1" t="s">
        <v>8</v>
      </c>
      <c r="D12641" s="1" t="s">
        <v>44802</v>
      </c>
      <c r="E12641" s="1" t="s">
        <v>48380</v>
      </c>
      <c r="F12641" s="1" t="s">
        <v>48381</v>
      </c>
      <c r="G12641" s="1" t="s">
        <v>48382</v>
      </c>
      <c r="H12641" s="1" t="s">
        <v>48383</v>
      </c>
      <c r="I12641" s="1" t="s">
        <v>47531</v>
      </c>
      <c r="J12641" s="1" t="s">
        <v>13</v>
      </c>
    </row>
    <row r="12642" spans="1:10" x14ac:dyDescent="0.35">
      <c r="A12642" s="1" t="s">
        <v>48379</v>
      </c>
      <c r="B12642" s="1" t="s">
        <v>47525</v>
      </c>
      <c r="C12642" s="1" t="s">
        <v>15</v>
      </c>
      <c r="D12642" s="1" t="s">
        <v>25277</v>
      </c>
      <c r="E12642" s="1" t="s">
        <v>48384</v>
      </c>
      <c r="F12642" s="1" t="s">
        <v>48385</v>
      </c>
      <c r="G12642" s="1" t="s">
        <v>48382</v>
      </c>
      <c r="H12642" s="1" t="s">
        <v>48383</v>
      </c>
      <c r="I12642" s="1" t="s">
        <v>47531</v>
      </c>
      <c r="J12642" s="1" t="s">
        <v>48386</v>
      </c>
    </row>
    <row r="12643" spans="1:10" x14ac:dyDescent="0.35">
      <c r="A12643" s="1" t="s">
        <v>48379</v>
      </c>
      <c r="B12643" s="1" t="s">
        <v>47525</v>
      </c>
      <c r="C12643" s="1" t="s">
        <v>20</v>
      </c>
      <c r="D12643" s="1" t="s">
        <v>48387</v>
      </c>
      <c r="E12643" s="1" t="s">
        <v>48388</v>
      </c>
      <c r="F12643" s="1" t="s">
        <v>48389</v>
      </c>
      <c r="G12643" s="1" t="s">
        <v>48382</v>
      </c>
      <c r="H12643" s="1" t="s">
        <v>48383</v>
      </c>
      <c r="I12643" s="1" t="s">
        <v>47531</v>
      </c>
      <c r="J12643" s="1" t="s">
        <v>48390</v>
      </c>
    </row>
    <row r="12644" spans="1:10" x14ac:dyDescent="0.35">
      <c r="A12644" s="1" t="s">
        <v>48379</v>
      </c>
      <c r="B12644" s="1" t="s">
        <v>47525</v>
      </c>
      <c r="C12644" s="1" t="s">
        <v>25</v>
      </c>
      <c r="D12644" s="1" t="s">
        <v>8010</v>
      </c>
      <c r="E12644" s="1" t="s">
        <v>48391</v>
      </c>
      <c r="F12644" s="1" t="s">
        <v>48392</v>
      </c>
      <c r="G12644" s="1" t="s">
        <v>48382</v>
      </c>
      <c r="H12644" s="1" t="s">
        <v>48383</v>
      </c>
      <c r="I12644" s="1" t="s">
        <v>47531</v>
      </c>
      <c r="J12644" s="1" t="s">
        <v>48393</v>
      </c>
    </row>
    <row r="12645" spans="1:10" x14ac:dyDescent="0.35">
      <c r="A12645" s="1" t="s">
        <v>48379</v>
      </c>
      <c r="B12645" s="1" t="s">
        <v>47525</v>
      </c>
      <c r="C12645" s="1" t="s">
        <v>30</v>
      </c>
      <c r="D12645" s="1" t="s">
        <v>48394</v>
      </c>
      <c r="E12645" s="1" t="s">
        <v>48395</v>
      </c>
      <c r="F12645" s="1" t="s">
        <v>48396</v>
      </c>
      <c r="G12645" s="1" t="s">
        <v>48382</v>
      </c>
      <c r="H12645" s="1" t="s">
        <v>48383</v>
      </c>
      <c r="I12645" s="1" t="s">
        <v>47531</v>
      </c>
      <c r="J12645" s="1" t="s">
        <v>48397</v>
      </c>
    </row>
    <row r="12646" spans="1:10" x14ac:dyDescent="0.35">
      <c r="A12646" s="1" t="s">
        <v>48379</v>
      </c>
      <c r="B12646" s="1" t="s">
        <v>47525</v>
      </c>
      <c r="C12646" s="1" t="s">
        <v>35</v>
      </c>
      <c r="D12646" s="1" t="s">
        <v>48398</v>
      </c>
      <c r="E12646" s="1" t="s">
        <v>48399</v>
      </c>
      <c r="F12646" s="1" t="s">
        <v>48400</v>
      </c>
      <c r="G12646" s="1" t="s">
        <v>48382</v>
      </c>
      <c r="H12646" s="1" t="s">
        <v>48383</v>
      </c>
      <c r="I12646" s="1" t="s">
        <v>47531</v>
      </c>
      <c r="J12646" s="1" t="s">
        <v>48401</v>
      </c>
    </row>
    <row r="12647" spans="1:10" x14ac:dyDescent="0.35">
      <c r="A12647" s="1" t="s">
        <v>48379</v>
      </c>
      <c r="B12647" s="1" t="s">
        <v>47525</v>
      </c>
      <c r="C12647" s="1" t="s">
        <v>40</v>
      </c>
      <c r="D12647" s="1" t="s">
        <v>13059</v>
      </c>
      <c r="E12647" s="1" t="s">
        <v>48402</v>
      </c>
      <c r="F12647" s="1" t="s">
        <v>48403</v>
      </c>
      <c r="G12647" s="1" t="s">
        <v>48382</v>
      </c>
      <c r="H12647" s="1" t="s">
        <v>48383</v>
      </c>
      <c r="I12647" s="1" t="s">
        <v>47531</v>
      </c>
      <c r="J12647" s="1" t="s">
        <v>48404</v>
      </c>
    </row>
    <row r="12648" spans="1:10" x14ac:dyDescent="0.35">
      <c r="A12648" s="1" t="s">
        <v>48379</v>
      </c>
      <c r="B12648" s="1" t="s">
        <v>47525</v>
      </c>
      <c r="C12648" s="1" t="s">
        <v>45</v>
      </c>
      <c r="D12648" s="1" t="s">
        <v>48405</v>
      </c>
      <c r="E12648" s="1" t="s">
        <v>48406</v>
      </c>
      <c r="F12648" s="1" t="s">
        <v>48407</v>
      </c>
      <c r="G12648" s="1" t="s">
        <v>48382</v>
      </c>
      <c r="H12648" s="1" t="s">
        <v>48383</v>
      </c>
      <c r="I12648" s="1" t="s">
        <v>47531</v>
      </c>
      <c r="J12648" s="1" t="s">
        <v>48408</v>
      </c>
    </row>
    <row r="12649" spans="1:10" x14ac:dyDescent="0.35">
      <c r="A12649" s="1" t="s">
        <v>48379</v>
      </c>
      <c r="B12649" s="1" t="s">
        <v>47525</v>
      </c>
      <c r="C12649" s="1" t="s">
        <v>50</v>
      </c>
      <c r="D12649" s="1" t="s">
        <v>48409</v>
      </c>
      <c r="E12649" s="1" t="s">
        <v>48410</v>
      </c>
      <c r="F12649" s="1" t="s">
        <v>48411</v>
      </c>
      <c r="G12649" s="1" t="s">
        <v>48382</v>
      </c>
      <c r="H12649" s="1" t="s">
        <v>48383</v>
      </c>
      <c r="I12649" s="1" t="s">
        <v>47531</v>
      </c>
      <c r="J12649" s="1" t="s">
        <v>48412</v>
      </c>
    </row>
    <row r="12650" spans="1:10" x14ac:dyDescent="0.35">
      <c r="A12650" s="1" t="s">
        <v>48379</v>
      </c>
      <c r="B12650" s="1" t="s">
        <v>47525</v>
      </c>
      <c r="C12650" s="1" t="s">
        <v>55</v>
      </c>
      <c r="D12650" s="1" t="s">
        <v>48413</v>
      </c>
      <c r="E12650" s="1" t="s">
        <v>48414</v>
      </c>
      <c r="F12650" s="1" t="s">
        <v>48415</v>
      </c>
      <c r="G12650" s="1" t="s">
        <v>48382</v>
      </c>
      <c r="H12650" s="1" t="s">
        <v>48383</v>
      </c>
      <c r="I12650" s="1" t="s">
        <v>47531</v>
      </c>
      <c r="J12650" s="1" t="s">
        <v>48416</v>
      </c>
    </row>
    <row r="12651" spans="1:10" x14ac:dyDescent="0.35">
      <c r="A12651" s="1" t="s">
        <v>48379</v>
      </c>
      <c r="B12651" s="1" t="s">
        <v>47525</v>
      </c>
      <c r="C12651" s="1" t="s">
        <v>60</v>
      </c>
      <c r="D12651" s="1" t="s">
        <v>48417</v>
      </c>
      <c r="E12651" s="1" t="s">
        <v>48418</v>
      </c>
      <c r="F12651" s="1" t="s">
        <v>48419</v>
      </c>
      <c r="G12651" s="1" t="s">
        <v>48382</v>
      </c>
      <c r="H12651" s="1" t="s">
        <v>48383</v>
      </c>
      <c r="I12651" s="1" t="s">
        <v>47531</v>
      </c>
      <c r="J12651" s="1" t="s">
        <v>48420</v>
      </c>
    </row>
    <row r="12652" spans="1:10" x14ac:dyDescent="0.35">
      <c r="A12652" s="1" t="s">
        <v>48379</v>
      </c>
      <c r="B12652" s="1" t="s">
        <v>47525</v>
      </c>
      <c r="C12652" s="1" t="s">
        <v>65</v>
      </c>
      <c r="D12652" s="1" t="s">
        <v>48421</v>
      </c>
      <c r="E12652" s="1" t="s">
        <v>48422</v>
      </c>
      <c r="F12652" s="1" t="s">
        <v>48423</v>
      </c>
      <c r="G12652" s="1" t="s">
        <v>48382</v>
      </c>
      <c r="H12652" s="1" t="s">
        <v>48383</v>
      </c>
      <c r="I12652" s="1" t="s">
        <v>47531</v>
      </c>
      <c r="J12652" s="1" t="s">
        <v>48424</v>
      </c>
    </row>
    <row r="12653" spans="1:10" x14ac:dyDescent="0.35">
      <c r="A12653" s="1" t="s">
        <v>48379</v>
      </c>
      <c r="B12653" s="1" t="s">
        <v>47525</v>
      </c>
      <c r="C12653" s="1" t="s">
        <v>70</v>
      </c>
      <c r="D12653" s="1" t="s">
        <v>1476</v>
      </c>
      <c r="E12653" s="1" t="s">
        <v>48425</v>
      </c>
      <c r="F12653" s="1" t="s">
        <v>48426</v>
      </c>
      <c r="G12653" s="1" t="s">
        <v>48382</v>
      </c>
      <c r="H12653" s="1" t="s">
        <v>48383</v>
      </c>
      <c r="I12653" s="1" t="s">
        <v>47531</v>
      </c>
      <c r="J12653" s="1" t="s">
        <v>48427</v>
      </c>
    </row>
    <row r="12654" spans="1:10" x14ac:dyDescent="0.35">
      <c r="A12654" s="1" t="s">
        <v>48379</v>
      </c>
      <c r="B12654" s="1" t="s">
        <v>47525</v>
      </c>
      <c r="C12654" s="1" t="s">
        <v>75</v>
      </c>
      <c r="D12654" s="1" t="s">
        <v>16038</v>
      </c>
      <c r="E12654" s="1" t="s">
        <v>48428</v>
      </c>
      <c r="F12654" s="1" t="s">
        <v>48429</v>
      </c>
      <c r="G12654" s="1" t="s">
        <v>48382</v>
      </c>
      <c r="H12654" s="1" t="s">
        <v>48383</v>
      </c>
      <c r="I12654" s="1" t="s">
        <v>47531</v>
      </c>
      <c r="J12654" s="1" t="s">
        <v>48430</v>
      </c>
    </row>
    <row r="12655" spans="1:10" x14ac:dyDescent="0.35">
      <c r="A12655" s="1" t="s">
        <v>48379</v>
      </c>
      <c r="B12655" s="1" t="s">
        <v>47525</v>
      </c>
      <c r="C12655" s="1" t="s">
        <v>80</v>
      </c>
      <c r="D12655" s="1" t="s">
        <v>48431</v>
      </c>
      <c r="E12655" s="1" t="s">
        <v>48432</v>
      </c>
      <c r="F12655" s="1" t="s">
        <v>48433</v>
      </c>
      <c r="G12655" s="1" t="s">
        <v>48382</v>
      </c>
      <c r="H12655" s="1" t="s">
        <v>48383</v>
      </c>
      <c r="I12655" s="1" t="s">
        <v>47531</v>
      </c>
      <c r="J12655" s="1" t="s">
        <v>48434</v>
      </c>
    </row>
    <row r="12656" spans="1:10" x14ac:dyDescent="0.35">
      <c r="A12656" s="1" t="s">
        <v>48379</v>
      </c>
      <c r="B12656" s="1" t="s">
        <v>47525</v>
      </c>
      <c r="C12656" s="1" t="s">
        <v>85</v>
      </c>
      <c r="D12656" s="1" t="s">
        <v>16</v>
      </c>
      <c r="E12656" s="1" t="s">
        <v>48435</v>
      </c>
      <c r="F12656" s="1" t="s">
        <v>48436</v>
      </c>
      <c r="G12656" s="1" t="s">
        <v>48382</v>
      </c>
      <c r="H12656" s="1" t="s">
        <v>48383</v>
      </c>
      <c r="I12656" s="1" t="s">
        <v>47531</v>
      </c>
      <c r="J12656" s="1" t="s">
        <v>48437</v>
      </c>
    </row>
    <row r="12657" spans="1:10" x14ac:dyDescent="0.35">
      <c r="A12657" s="1" t="s">
        <v>48379</v>
      </c>
      <c r="B12657" s="1" t="s">
        <v>47525</v>
      </c>
      <c r="C12657" s="1" t="s">
        <v>90</v>
      </c>
      <c r="D12657" s="1" t="s">
        <v>35850</v>
      </c>
      <c r="E12657" s="1" t="s">
        <v>48438</v>
      </c>
      <c r="F12657" s="1" t="s">
        <v>48439</v>
      </c>
      <c r="G12657" s="1" t="s">
        <v>48382</v>
      </c>
      <c r="H12657" s="1" t="s">
        <v>48383</v>
      </c>
      <c r="I12657" s="1" t="s">
        <v>47531</v>
      </c>
      <c r="J12657" s="1" t="s">
        <v>48440</v>
      </c>
    </row>
    <row r="12658" spans="1:10" x14ac:dyDescent="0.35">
      <c r="A12658" s="1" t="s">
        <v>48379</v>
      </c>
      <c r="B12658" s="1" t="s">
        <v>47525</v>
      </c>
      <c r="C12658" s="1" t="s">
        <v>95</v>
      </c>
      <c r="D12658" s="1" t="s">
        <v>42910</v>
      </c>
      <c r="E12658" s="1" t="s">
        <v>48441</v>
      </c>
      <c r="F12658" s="1" t="s">
        <v>48442</v>
      </c>
      <c r="G12658" s="1" t="s">
        <v>48382</v>
      </c>
      <c r="H12658" s="1" t="s">
        <v>48383</v>
      </c>
      <c r="I12658" s="1" t="s">
        <v>47531</v>
      </c>
      <c r="J12658" s="1" t="s">
        <v>48443</v>
      </c>
    </row>
    <row r="12659" spans="1:10" x14ac:dyDescent="0.35">
      <c r="A12659" s="1" t="s">
        <v>48379</v>
      </c>
      <c r="B12659" s="1" t="s">
        <v>47525</v>
      </c>
      <c r="C12659" s="1" t="s">
        <v>100</v>
      </c>
      <c r="D12659" s="1" t="s">
        <v>36573</v>
      </c>
      <c r="E12659" s="1" t="s">
        <v>8802</v>
      </c>
      <c r="F12659" s="1" t="s">
        <v>48444</v>
      </c>
      <c r="G12659" s="1" t="s">
        <v>48382</v>
      </c>
      <c r="H12659" s="1" t="s">
        <v>48383</v>
      </c>
      <c r="I12659" s="1" t="s">
        <v>47531</v>
      </c>
      <c r="J12659" s="1" t="s">
        <v>48445</v>
      </c>
    </row>
    <row r="12660" spans="1:10" x14ac:dyDescent="0.35">
      <c r="A12660" s="1" t="s">
        <v>48379</v>
      </c>
      <c r="B12660" s="1" t="s">
        <v>47525</v>
      </c>
      <c r="C12660" s="1" t="s">
        <v>105</v>
      </c>
      <c r="D12660" s="1" t="s">
        <v>48446</v>
      </c>
      <c r="E12660" s="1" t="s">
        <v>48447</v>
      </c>
      <c r="F12660" s="1" t="s">
        <v>48448</v>
      </c>
      <c r="G12660" s="1" t="s">
        <v>48382</v>
      </c>
      <c r="H12660" s="1" t="s">
        <v>48383</v>
      </c>
      <c r="I12660" s="1" t="s">
        <v>47531</v>
      </c>
      <c r="J12660" s="1" t="s">
        <v>48449</v>
      </c>
    </row>
    <row r="12661" spans="1:10" x14ac:dyDescent="0.35">
      <c r="A12661" s="1" t="s">
        <v>48379</v>
      </c>
      <c r="B12661" s="1" t="s">
        <v>47525</v>
      </c>
      <c r="C12661" s="1" t="s">
        <v>110</v>
      </c>
      <c r="D12661" s="1" t="s">
        <v>19600</v>
      </c>
      <c r="E12661" s="1" t="s">
        <v>48450</v>
      </c>
      <c r="F12661" s="1" t="s">
        <v>48451</v>
      </c>
      <c r="G12661" s="1" t="s">
        <v>48382</v>
      </c>
      <c r="H12661" s="1" t="s">
        <v>48383</v>
      </c>
      <c r="I12661" s="1" t="s">
        <v>47531</v>
      </c>
      <c r="J12661" s="1" t="s">
        <v>48452</v>
      </c>
    </row>
    <row r="12662" spans="1:10" x14ac:dyDescent="0.35">
      <c r="A12662" s="1" t="s">
        <v>48379</v>
      </c>
      <c r="B12662" s="1" t="s">
        <v>47525</v>
      </c>
      <c r="C12662" s="1" t="s">
        <v>115</v>
      </c>
      <c r="D12662" s="1" t="s">
        <v>48453</v>
      </c>
      <c r="E12662" s="1" t="s">
        <v>48454</v>
      </c>
      <c r="F12662" s="1" t="s">
        <v>48455</v>
      </c>
      <c r="G12662" s="1" t="s">
        <v>48382</v>
      </c>
      <c r="H12662" s="1" t="s">
        <v>48383</v>
      </c>
      <c r="I12662" s="1" t="s">
        <v>47531</v>
      </c>
      <c r="J12662" s="1" t="s">
        <v>48456</v>
      </c>
    </row>
    <row r="12663" spans="1:10" x14ac:dyDescent="0.35">
      <c r="A12663" s="1" t="s">
        <v>48379</v>
      </c>
      <c r="B12663" s="1" t="s">
        <v>47525</v>
      </c>
      <c r="C12663" s="1" t="s">
        <v>120</v>
      </c>
      <c r="D12663" s="1" t="s">
        <v>48457</v>
      </c>
      <c r="E12663" s="1" t="s">
        <v>48458</v>
      </c>
      <c r="F12663" s="1" t="s">
        <v>48459</v>
      </c>
      <c r="G12663" s="1" t="s">
        <v>48382</v>
      </c>
      <c r="H12663" s="1" t="s">
        <v>48383</v>
      </c>
      <c r="I12663" s="1" t="s">
        <v>47531</v>
      </c>
      <c r="J12663" s="1" t="s">
        <v>48460</v>
      </c>
    </row>
    <row r="12664" spans="1:10" x14ac:dyDescent="0.35">
      <c r="A12664" s="1" t="s">
        <v>48379</v>
      </c>
      <c r="B12664" s="1" t="s">
        <v>47525</v>
      </c>
      <c r="C12664" s="1" t="s">
        <v>125</v>
      </c>
      <c r="D12664" s="1" t="s">
        <v>19860</v>
      </c>
      <c r="E12664" s="1" t="s">
        <v>48461</v>
      </c>
      <c r="F12664" s="1" t="s">
        <v>48462</v>
      </c>
      <c r="G12664" s="1" t="s">
        <v>48382</v>
      </c>
      <c r="H12664" s="1" t="s">
        <v>48383</v>
      </c>
      <c r="I12664" s="1" t="s">
        <v>47531</v>
      </c>
      <c r="J12664" s="1" t="s">
        <v>48463</v>
      </c>
    </row>
    <row r="12665" spans="1:10" x14ac:dyDescent="0.35">
      <c r="A12665" s="1" t="s">
        <v>48379</v>
      </c>
      <c r="B12665" s="1" t="s">
        <v>47525</v>
      </c>
      <c r="C12665" s="1" t="s">
        <v>130</v>
      </c>
      <c r="D12665" s="1" t="s">
        <v>36577</v>
      </c>
      <c r="E12665" s="1" t="s">
        <v>48464</v>
      </c>
      <c r="F12665" s="1" t="s">
        <v>48465</v>
      </c>
      <c r="G12665" s="1" t="s">
        <v>48382</v>
      </c>
      <c r="H12665" s="1" t="s">
        <v>48383</v>
      </c>
      <c r="I12665" s="1" t="s">
        <v>47531</v>
      </c>
      <c r="J12665" s="1" t="s">
        <v>48466</v>
      </c>
    </row>
    <row r="12666" spans="1:10" x14ac:dyDescent="0.35">
      <c r="A12666" s="1" t="s">
        <v>48379</v>
      </c>
      <c r="B12666" s="1" t="s">
        <v>47525</v>
      </c>
      <c r="C12666" s="1" t="s">
        <v>135</v>
      </c>
      <c r="D12666" s="1" t="s">
        <v>47740</v>
      </c>
      <c r="E12666" s="1" t="s">
        <v>48467</v>
      </c>
      <c r="F12666" s="1" t="s">
        <v>48468</v>
      </c>
      <c r="G12666" s="1" t="s">
        <v>48382</v>
      </c>
      <c r="H12666" s="1" t="s">
        <v>48383</v>
      </c>
      <c r="I12666" s="1" t="s">
        <v>47531</v>
      </c>
      <c r="J12666" s="1" t="s">
        <v>48469</v>
      </c>
    </row>
    <row r="12667" spans="1:10" x14ac:dyDescent="0.35">
      <c r="A12667" s="1" t="s">
        <v>48379</v>
      </c>
      <c r="B12667" s="1" t="s">
        <v>47525</v>
      </c>
      <c r="C12667" s="1" t="s">
        <v>140</v>
      </c>
      <c r="D12667" s="1" t="s">
        <v>48470</v>
      </c>
      <c r="E12667" s="1" t="s">
        <v>48471</v>
      </c>
      <c r="F12667" s="1" t="s">
        <v>48472</v>
      </c>
      <c r="G12667" s="1" t="s">
        <v>48382</v>
      </c>
      <c r="H12667" s="1" t="s">
        <v>48383</v>
      </c>
      <c r="I12667" s="1" t="s">
        <v>47531</v>
      </c>
      <c r="J12667" s="1" t="s">
        <v>48473</v>
      </c>
    </row>
    <row r="12668" spans="1:10" x14ac:dyDescent="0.35">
      <c r="A12668" s="1" t="s">
        <v>48379</v>
      </c>
      <c r="B12668" s="1" t="s">
        <v>47525</v>
      </c>
      <c r="C12668" s="1" t="s">
        <v>145</v>
      </c>
      <c r="D12668" s="1" t="s">
        <v>48474</v>
      </c>
      <c r="E12668" s="1" t="s">
        <v>48475</v>
      </c>
      <c r="F12668" s="1" t="s">
        <v>48476</v>
      </c>
      <c r="G12668" s="1" t="s">
        <v>48382</v>
      </c>
      <c r="H12668" s="1" t="s">
        <v>48383</v>
      </c>
      <c r="I12668" s="1" t="s">
        <v>47531</v>
      </c>
      <c r="J12668" s="1" t="s">
        <v>48477</v>
      </c>
    </row>
    <row r="12669" spans="1:10" x14ac:dyDescent="0.35">
      <c r="A12669" s="1" t="s">
        <v>48379</v>
      </c>
      <c r="B12669" s="1" t="s">
        <v>47525</v>
      </c>
      <c r="C12669" s="1" t="s">
        <v>150</v>
      </c>
      <c r="D12669" s="1" t="s">
        <v>48478</v>
      </c>
      <c r="E12669" s="1" t="s">
        <v>48479</v>
      </c>
      <c r="F12669" s="1" t="s">
        <v>48480</v>
      </c>
      <c r="G12669" s="1" t="s">
        <v>48382</v>
      </c>
      <c r="H12669" s="1" t="s">
        <v>48383</v>
      </c>
      <c r="I12669" s="1" t="s">
        <v>47531</v>
      </c>
      <c r="J12669" s="1" t="s">
        <v>48481</v>
      </c>
    </row>
    <row r="12670" spans="1:10" x14ac:dyDescent="0.35">
      <c r="A12670" s="1" t="s">
        <v>48379</v>
      </c>
      <c r="B12670" s="1" t="s">
        <v>47525</v>
      </c>
      <c r="C12670" s="1" t="s">
        <v>155</v>
      </c>
      <c r="D12670" s="1" t="s">
        <v>48482</v>
      </c>
      <c r="E12670" s="1" t="s">
        <v>48483</v>
      </c>
      <c r="F12670" s="1" t="s">
        <v>48484</v>
      </c>
      <c r="G12670" s="1" t="s">
        <v>48382</v>
      </c>
      <c r="H12670" s="1" t="s">
        <v>48383</v>
      </c>
      <c r="I12670" s="1" t="s">
        <v>47531</v>
      </c>
      <c r="J12670" s="1" t="s">
        <v>48485</v>
      </c>
    </row>
    <row r="12671" spans="1:10" x14ac:dyDescent="0.35">
      <c r="A12671" s="1" t="s">
        <v>48379</v>
      </c>
      <c r="B12671" s="1" t="s">
        <v>47525</v>
      </c>
      <c r="C12671" s="1" t="s">
        <v>160</v>
      </c>
      <c r="D12671" s="1" t="s">
        <v>4153</v>
      </c>
      <c r="E12671" s="1" t="s">
        <v>48486</v>
      </c>
      <c r="F12671" s="1" t="s">
        <v>48487</v>
      </c>
      <c r="G12671" s="1" t="s">
        <v>48382</v>
      </c>
      <c r="H12671" s="1" t="s">
        <v>48383</v>
      </c>
      <c r="I12671" s="1" t="s">
        <v>47531</v>
      </c>
      <c r="J12671" s="1" t="s">
        <v>48488</v>
      </c>
    </row>
    <row r="12672" spans="1:10" x14ac:dyDescent="0.35">
      <c r="A12672" s="1" t="s">
        <v>48379</v>
      </c>
      <c r="B12672" s="1" t="s">
        <v>47525</v>
      </c>
      <c r="C12672" s="1" t="s">
        <v>165</v>
      </c>
      <c r="D12672" s="1" t="s">
        <v>845</v>
      </c>
      <c r="E12672" s="1" t="s">
        <v>48489</v>
      </c>
      <c r="F12672" s="1" t="s">
        <v>48490</v>
      </c>
      <c r="G12672" s="1" t="s">
        <v>48382</v>
      </c>
      <c r="H12672" s="1" t="s">
        <v>48383</v>
      </c>
      <c r="I12672" s="1" t="s">
        <v>47531</v>
      </c>
      <c r="J12672" s="1" t="s">
        <v>48491</v>
      </c>
    </row>
    <row r="12673" spans="1:10" x14ac:dyDescent="0.35">
      <c r="A12673" s="1" t="s">
        <v>48379</v>
      </c>
      <c r="B12673" s="1" t="s">
        <v>47525</v>
      </c>
      <c r="C12673" s="1" t="s">
        <v>170</v>
      </c>
      <c r="D12673" s="1" t="s">
        <v>32954</v>
      </c>
      <c r="E12673" s="1" t="s">
        <v>48492</v>
      </c>
      <c r="F12673" s="1" t="s">
        <v>48493</v>
      </c>
      <c r="G12673" s="1" t="s">
        <v>48382</v>
      </c>
      <c r="H12673" s="1" t="s">
        <v>48383</v>
      </c>
      <c r="I12673" s="1" t="s">
        <v>47531</v>
      </c>
      <c r="J12673" s="1" t="s">
        <v>48494</v>
      </c>
    </row>
    <row r="12674" spans="1:10" x14ac:dyDescent="0.35">
      <c r="A12674" s="1" t="s">
        <v>48495</v>
      </c>
      <c r="B12674" s="1" t="s">
        <v>47525</v>
      </c>
      <c r="C12674" s="1" t="s">
        <v>8</v>
      </c>
      <c r="D12674" s="1" t="s">
        <v>48496</v>
      </c>
      <c r="E12674" s="1" t="s">
        <v>48497</v>
      </c>
      <c r="F12674" s="1" t="s">
        <v>48498</v>
      </c>
      <c r="G12674" s="1" t="s">
        <v>48499</v>
      </c>
      <c r="H12674" s="1" t="s">
        <v>48500</v>
      </c>
      <c r="I12674" s="1" t="s">
        <v>47531</v>
      </c>
      <c r="J12674" s="1" t="s">
        <v>13</v>
      </c>
    </row>
    <row r="12675" spans="1:10" x14ac:dyDescent="0.35">
      <c r="A12675" s="1" t="s">
        <v>48495</v>
      </c>
      <c r="B12675" s="1" t="s">
        <v>47525</v>
      </c>
      <c r="C12675" s="1" t="s">
        <v>15</v>
      </c>
      <c r="D12675" s="1" t="s">
        <v>48501</v>
      </c>
      <c r="E12675" s="1" t="s">
        <v>48502</v>
      </c>
      <c r="F12675" s="1" t="s">
        <v>48503</v>
      </c>
      <c r="G12675" s="1" t="s">
        <v>48499</v>
      </c>
      <c r="H12675" s="1" t="s">
        <v>48500</v>
      </c>
      <c r="I12675" s="1" t="s">
        <v>47531</v>
      </c>
      <c r="J12675" s="1" t="s">
        <v>48504</v>
      </c>
    </row>
    <row r="12676" spans="1:10" x14ac:dyDescent="0.35">
      <c r="A12676" s="1" t="s">
        <v>48495</v>
      </c>
      <c r="B12676" s="1" t="s">
        <v>47525</v>
      </c>
      <c r="C12676" s="1" t="s">
        <v>20</v>
      </c>
      <c r="D12676" s="1" t="s">
        <v>48505</v>
      </c>
      <c r="E12676" s="1" t="s">
        <v>48506</v>
      </c>
      <c r="F12676" s="1" t="s">
        <v>48507</v>
      </c>
      <c r="G12676" s="1" t="s">
        <v>48499</v>
      </c>
      <c r="H12676" s="1" t="s">
        <v>48500</v>
      </c>
      <c r="I12676" s="1" t="s">
        <v>47531</v>
      </c>
      <c r="J12676" s="1" t="s">
        <v>48508</v>
      </c>
    </row>
    <row r="12677" spans="1:10" x14ac:dyDescent="0.35">
      <c r="A12677" s="1" t="s">
        <v>48495</v>
      </c>
      <c r="B12677" s="1" t="s">
        <v>47525</v>
      </c>
      <c r="C12677" s="1" t="s">
        <v>25</v>
      </c>
      <c r="D12677" s="1" t="s">
        <v>48509</v>
      </c>
      <c r="E12677" s="1" t="s">
        <v>48510</v>
      </c>
      <c r="F12677" s="1" t="s">
        <v>48511</v>
      </c>
      <c r="G12677" s="1" t="s">
        <v>48499</v>
      </c>
      <c r="H12677" s="1" t="s">
        <v>48500</v>
      </c>
      <c r="I12677" s="1" t="s">
        <v>47531</v>
      </c>
      <c r="J12677" s="1" t="s">
        <v>48512</v>
      </c>
    </row>
    <row r="12678" spans="1:10" x14ac:dyDescent="0.35">
      <c r="A12678" s="1" t="s">
        <v>48495</v>
      </c>
      <c r="B12678" s="1" t="s">
        <v>47525</v>
      </c>
      <c r="C12678" s="1" t="s">
        <v>30</v>
      </c>
      <c r="D12678" s="1" t="s">
        <v>2109</v>
      </c>
      <c r="E12678" s="1" t="s">
        <v>48513</v>
      </c>
      <c r="F12678" s="1" t="s">
        <v>48514</v>
      </c>
      <c r="G12678" s="1" t="s">
        <v>48499</v>
      </c>
      <c r="H12678" s="1" t="s">
        <v>48500</v>
      </c>
      <c r="I12678" s="1" t="s">
        <v>47531</v>
      </c>
      <c r="J12678" s="1" t="s">
        <v>48515</v>
      </c>
    </row>
    <row r="12679" spans="1:10" x14ac:dyDescent="0.35">
      <c r="A12679" s="1" t="s">
        <v>48495</v>
      </c>
      <c r="B12679" s="1" t="s">
        <v>47525</v>
      </c>
      <c r="C12679" s="1" t="s">
        <v>35</v>
      </c>
      <c r="D12679" s="1" t="s">
        <v>26008</v>
      </c>
      <c r="E12679" s="1" t="s">
        <v>48516</v>
      </c>
      <c r="F12679" s="1" t="s">
        <v>48517</v>
      </c>
      <c r="G12679" s="1" t="s">
        <v>48499</v>
      </c>
      <c r="H12679" s="1" t="s">
        <v>48500</v>
      </c>
      <c r="I12679" s="1" t="s">
        <v>47531</v>
      </c>
      <c r="J12679" s="1" t="s">
        <v>48518</v>
      </c>
    </row>
    <row r="12680" spans="1:10" x14ac:dyDescent="0.35">
      <c r="A12680" s="1" t="s">
        <v>48495</v>
      </c>
      <c r="B12680" s="1" t="s">
        <v>47525</v>
      </c>
      <c r="C12680" s="1" t="s">
        <v>40</v>
      </c>
      <c r="D12680" s="1" t="s">
        <v>2631</v>
      </c>
      <c r="E12680" s="1" t="s">
        <v>48519</v>
      </c>
      <c r="F12680" s="1" t="s">
        <v>48520</v>
      </c>
      <c r="G12680" s="1" t="s">
        <v>48499</v>
      </c>
      <c r="H12680" s="1" t="s">
        <v>48500</v>
      </c>
      <c r="I12680" s="1" t="s">
        <v>47531</v>
      </c>
      <c r="J12680" s="1" t="s">
        <v>48521</v>
      </c>
    </row>
    <row r="12681" spans="1:10" x14ac:dyDescent="0.35">
      <c r="A12681" s="1" t="s">
        <v>48495</v>
      </c>
      <c r="B12681" s="1" t="s">
        <v>47525</v>
      </c>
      <c r="C12681" s="1" t="s">
        <v>45</v>
      </c>
      <c r="D12681" s="1" t="s">
        <v>1739</v>
      </c>
      <c r="E12681" s="1" t="s">
        <v>48522</v>
      </c>
      <c r="F12681" s="1" t="s">
        <v>48523</v>
      </c>
      <c r="G12681" s="1" t="s">
        <v>48499</v>
      </c>
      <c r="H12681" s="1" t="s">
        <v>48500</v>
      </c>
      <c r="I12681" s="1" t="s">
        <v>47531</v>
      </c>
      <c r="J12681" s="1" t="s">
        <v>48524</v>
      </c>
    </row>
    <row r="12682" spans="1:10" x14ac:dyDescent="0.35">
      <c r="A12682" s="1" t="s">
        <v>48495</v>
      </c>
      <c r="B12682" s="1" t="s">
        <v>47525</v>
      </c>
      <c r="C12682" s="1" t="s">
        <v>50</v>
      </c>
      <c r="D12682" s="1" t="s">
        <v>48525</v>
      </c>
      <c r="E12682" s="1" t="s">
        <v>48526</v>
      </c>
      <c r="F12682" s="1" t="s">
        <v>48527</v>
      </c>
      <c r="G12682" s="1" t="s">
        <v>48499</v>
      </c>
      <c r="H12682" s="1" t="s">
        <v>48500</v>
      </c>
      <c r="I12682" s="1" t="s">
        <v>47531</v>
      </c>
      <c r="J12682" s="1" t="s">
        <v>48528</v>
      </c>
    </row>
    <row r="12683" spans="1:10" x14ac:dyDescent="0.35">
      <c r="A12683" s="1" t="s">
        <v>48495</v>
      </c>
      <c r="B12683" s="1" t="s">
        <v>47525</v>
      </c>
      <c r="C12683" s="1" t="s">
        <v>55</v>
      </c>
      <c r="D12683" s="1" t="s">
        <v>15864</v>
      </c>
      <c r="E12683" s="1" t="s">
        <v>48529</v>
      </c>
      <c r="F12683" s="1" t="s">
        <v>48530</v>
      </c>
      <c r="G12683" s="1" t="s">
        <v>48499</v>
      </c>
      <c r="H12683" s="1" t="s">
        <v>48500</v>
      </c>
      <c r="I12683" s="1" t="s">
        <v>47531</v>
      </c>
      <c r="J12683" s="1" t="s">
        <v>48531</v>
      </c>
    </row>
    <row r="12684" spans="1:10" x14ac:dyDescent="0.35">
      <c r="A12684" s="1" t="s">
        <v>48495</v>
      </c>
      <c r="B12684" s="1" t="s">
        <v>47525</v>
      </c>
      <c r="C12684" s="1" t="s">
        <v>60</v>
      </c>
      <c r="D12684" s="1" t="s">
        <v>48532</v>
      </c>
      <c r="E12684" s="1" t="s">
        <v>48533</v>
      </c>
      <c r="F12684" s="1" t="s">
        <v>48534</v>
      </c>
      <c r="G12684" s="1" t="s">
        <v>48499</v>
      </c>
      <c r="H12684" s="1" t="s">
        <v>48500</v>
      </c>
      <c r="I12684" s="1" t="s">
        <v>47531</v>
      </c>
      <c r="J12684" s="1" t="s">
        <v>48535</v>
      </c>
    </row>
    <row r="12685" spans="1:10" x14ac:dyDescent="0.35">
      <c r="A12685" s="1" t="s">
        <v>48495</v>
      </c>
      <c r="B12685" s="1" t="s">
        <v>47525</v>
      </c>
      <c r="C12685" s="1" t="s">
        <v>65</v>
      </c>
      <c r="D12685" s="1" t="s">
        <v>2897</v>
      </c>
      <c r="E12685" s="1" t="s">
        <v>48536</v>
      </c>
      <c r="F12685" s="1" t="s">
        <v>48537</v>
      </c>
      <c r="G12685" s="1" t="s">
        <v>48499</v>
      </c>
      <c r="H12685" s="1" t="s">
        <v>48500</v>
      </c>
      <c r="I12685" s="1" t="s">
        <v>47531</v>
      </c>
      <c r="J12685" s="1" t="s">
        <v>48538</v>
      </c>
    </row>
    <row r="12686" spans="1:10" x14ac:dyDescent="0.35">
      <c r="A12686" s="1" t="s">
        <v>48495</v>
      </c>
      <c r="B12686" s="1" t="s">
        <v>47525</v>
      </c>
      <c r="C12686" s="1" t="s">
        <v>70</v>
      </c>
      <c r="D12686" s="1" t="s">
        <v>7898</v>
      </c>
      <c r="E12686" s="1" t="s">
        <v>48539</v>
      </c>
      <c r="F12686" s="1" t="s">
        <v>48540</v>
      </c>
      <c r="G12686" s="1" t="s">
        <v>48499</v>
      </c>
      <c r="H12686" s="1" t="s">
        <v>48500</v>
      </c>
      <c r="I12686" s="1" t="s">
        <v>47531</v>
      </c>
      <c r="J12686" s="1" t="s">
        <v>48541</v>
      </c>
    </row>
    <row r="12687" spans="1:10" x14ac:dyDescent="0.35">
      <c r="A12687" s="1" t="s">
        <v>48495</v>
      </c>
      <c r="B12687" s="1" t="s">
        <v>47525</v>
      </c>
      <c r="C12687" s="1" t="s">
        <v>75</v>
      </c>
      <c r="D12687" s="1" t="s">
        <v>6952</v>
      </c>
      <c r="E12687" s="1" t="s">
        <v>48542</v>
      </c>
      <c r="F12687" s="1" t="s">
        <v>48543</v>
      </c>
      <c r="G12687" s="1" t="s">
        <v>48499</v>
      </c>
      <c r="H12687" s="1" t="s">
        <v>48500</v>
      </c>
      <c r="I12687" s="1" t="s">
        <v>47531</v>
      </c>
      <c r="J12687" s="1" t="s">
        <v>48544</v>
      </c>
    </row>
    <row r="12688" spans="1:10" x14ac:dyDescent="0.35">
      <c r="A12688" s="1" t="s">
        <v>48495</v>
      </c>
      <c r="B12688" s="1" t="s">
        <v>47525</v>
      </c>
      <c r="C12688" s="1" t="s">
        <v>80</v>
      </c>
      <c r="D12688" s="1" t="s">
        <v>48545</v>
      </c>
      <c r="E12688" s="1" t="s">
        <v>48546</v>
      </c>
      <c r="F12688" s="1" t="s">
        <v>48547</v>
      </c>
      <c r="G12688" s="1" t="s">
        <v>48499</v>
      </c>
      <c r="H12688" s="1" t="s">
        <v>48500</v>
      </c>
      <c r="I12688" s="1" t="s">
        <v>47531</v>
      </c>
      <c r="J12688" s="1" t="s">
        <v>48548</v>
      </c>
    </row>
    <row r="12689" spans="1:10" x14ac:dyDescent="0.35">
      <c r="A12689" s="1" t="s">
        <v>48495</v>
      </c>
      <c r="B12689" s="1" t="s">
        <v>47525</v>
      </c>
      <c r="C12689" s="1" t="s">
        <v>85</v>
      </c>
      <c r="D12689" s="1" t="s">
        <v>48549</v>
      </c>
      <c r="E12689" s="1" t="s">
        <v>48550</v>
      </c>
      <c r="F12689" s="1" t="s">
        <v>48551</v>
      </c>
      <c r="G12689" s="1" t="s">
        <v>48499</v>
      </c>
      <c r="H12689" s="1" t="s">
        <v>48500</v>
      </c>
      <c r="I12689" s="1" t="s">
        <v>47531</v>
      </c>
      <c r="J12689" s="1" t="s">
        <v>48552</v>
      </c>
    </row>
    <row r="12690" spans="1:10" x14ac:dyDescent="0.35">
      <c r="A12690" s="1" t="s">
        <v>48495</v>
      </c>
      <c r="B12690" s="1" t="s">
        <v>47525</v>
      </c>
      <c r="C12690" s="1" t="s">
        <v>90</v>
      </c>
      <c r="D12690" s="1" t="s">
        <v>48553</v>
      </c>
      <c r="E12690" s="1" t="s">
        <v>48554</v>
      </c>
      <c r="F12690" s="1" t="s">
        <v>48555</v>
      </c>
      <c r="G12690" s="1" t="s">
        <v>48499</v>
      </c>
      <c r="H12690" s="1" t="s">
        <v>48500</v>
      </c>
      <c r="I12690" s="1" t="s">
        <v>47531</v>
      </c>
      <c r="J12690" s="1" t="s">
        <v>48556</v>
      </c>
    </row>
    <row r="12691" spans="1:10" x14ac:dyDescent="0.35">
      <c r="A12691" s="1" t="s">
        <v>48495</v>
      </c>
      <c r="B12691" s="1" t="s">
        <v>47525</v>
      </c>
      <c r="C12691" s="1" t="s">
        <v>95</v>
      </c>
      <c r="D12691" s="1" t="s">
        <v>48557</v>
      </c>
      <c r="E12691" s="1" t="s">
        <v>48558</v>
      </c>
      <c r="F12691" s="1" t="s">
        <v>48559</v>
      </c>
      <c r="G12691" s="1" t="s">
        <v>48499</v>
      </c>
      <c r="H12691" s="1" t="s">
        <v>48500</v>
      </c>
      <c r="I12691" s="1" t="s">
        <v>47531</v>
      </c>
      <c r="J12691" s="1" t="s">
        <v>48560</v>
      </c>
    </row>
    <row r="12692" spans="1:10" x14ac:dyDescent="0.35">
      <c r="A12692" s="1" t="s">
        <v>48495</v>
      </c>
      <c r="B12692" s="1" t="s">
        <v>47525</v>
      </c>
      <c r="C12692" s="1" t="s">
        <v>100</v>
      </c>
      <c r="D12692" s="1" t="s">
        <v>48561</v>
      </c>
      <c r="E12692" s="1" t="s">
        <v>48562</v>
      </c>
      <c r="F12692" s="1" t="s">
        <v>48563</v>
      </c>
      <c r="G12692" s="1" t="s">
        <v>48499</v>
      </c>
      <c r="H12692" s="1" t="s">
        <v>48500</v>
      </c>
      <c r="I12692" s="1" t="s">
        <v>47531</v>
      </c>
      <c r="J12692" s="1" t="s">
        <v>48564</v>
      </c>
    </row>
    <row r="12693" spans="1:10" x14ac:dyDescent="0.35">
      <c r="A12693" s="1" t="s">
        <v>48495</v>
      </c>
      <c r="B12693" s="1" t="s">
        <v>47525</v>
      </c>
      <c r="C12693" s="1" t="s">
        <v>105</v>
      </c>
      <c r="D12693" s="1" t="s">
        <v>7074</v>
      </c>
      <c r="E12693" s="1" t="s">
        <v>48565</v>
      </c>
      <c r="F12693" s="1" t="s">
        <v>48566</v>
      </c>
      <c r="G12693" s="1" t="s">
        <v>48499</v>
      </c>
      <c r="H12693" s="1" t="s">
        <v>48500</v>
      </c>
      <c r="I12693" s="1" t="s">
        <v>47531</v>
      </c>
      <c r="J12693" s="1" t="s">
        <v>48567</v>
      </c>
    </row>
    <row r="12694" spans="1:10" x14ac:dyDescent="0.35">
      <c r="A12694" s="1" t="s">
        <v>48495</v>
      </c>
      <c r="B12694" s="1" t="s">
        <v>47525</v>
      </c>
      <c r="C12694" s="1" t="s">
        <v>110</v>
      </c>
      <c r="D12694" s="1" t="s">
        <v>48568</v>
      </c>
      <c r="E12694" s="1" t="s">
        <v>48569</v>
      </c>
      <c r="F12694" s="1" t="s">
        <v>48570</v>
      </c>
      <c r="G12694" s="1" t="s">
        <v>48499</v>
      </c>
      <c r="H12694" s="1" t="s">
        <v>48500</v>
      </c>
      <c r="I12694" s="1" t="s">
        <v>47531</v>
      </c>
      <c r="J12694" s="1" t="s">
        <v>48571</v>
      </c>
    </row>
    <row r="12695" spans="1:10" x14ac:dyDescent="0.35">
      <c r="A12695" s="1" t="s">
        <v>48495</v>
      </c>
      <c r="B12695" s="1" t="s">
        <v>47525</v>
      </c>
      <c r="C12695" s="1" t="s">
        <v>115</v>
      </c>
      <c r="D12695" s="1" t="s">
        <v>48572</v>
      </c>
      <c r="E12695" s="1" t="s">
        <v>48573</v>
      </c>
      <c r="F12695" s="1" t="s">
        <v>48574</v>
      </c>
      <c r="G12695" s="1" t="s">
        <v>48499</v>
      </c>
      <c r="H12695" s="1" t="s">
        <v>48500</v>
      </c>
      <c r="I12695" s="1" t="s">
        <v>47531</v>
      </c>
      <c r="J12695" s="1" t="s">
        <v>48575</v>
      </c>
    </row>
    <row r="12696" spans="1:10" x14ac:dyDescent="0.35">
      <c r="A12696" s="1" t="s">
        <v>48495</v>
      </c>
      <c r="B12696" s="1" t="s">
        <v>47525</v>
      </c>
      <c r="C12696" s="1" t="s">
        <v>120</v>
      </c>
      <c r="D12696" s="1" t="s">
        <v>48576</v>
      </c>
      <c r="E12696" s="1" t="s">
        <v>48577</v>
      </c>
      <c r="F12696" s="1" t="s">
        <v>48578</v>
      </c>
      <c r="G12696" s="1" t="s">
        <v>48499</v>
      </c>
      <c r="H12696" s="1" t="s">
        <v>48500</v>
      </c>
      <c r="I12696" s="1" t="s">
        <v>47531</v>
      </c>
      <c r="J12696" s="1" t="s">
        <v>48579</v>
      </c>
    </row>
    <row r="12697" spans="1:10" x14ac:dyDescent="0.35">
      <c r="A12697" s="1" t="s">
        <v>48495</v>
      </c>
      <c r="B12697" s="1" t="s">
        <v>47525</v>
      </c>
      <c r="C12697" s="1" t="s">
        <v>125</v>
      </c>
      <c r="D12697" s="1" t="s">
        <v>48580</v>
      </c>
      <c r="E12697" s="1" t="s">
        <v>48581</v>
      </c>
      <c r="F12697" s="1" t="s">
        <v>48582</v>
      </c>
      <c r="G12697" s="1" t="s">
        <v>48499</v>
      </c>
      <c r="H12697" s="1" t="s">
        <v>48500</v>
      </c>
      <c r="I12697" s="1" t="s">
        <v>47531</v>
      </c>
      <c r="J12697" s="1" t="s">
        <v>48583</v>
      </c>
    </row>
    <row r="12698" spans="1:10" x14ac:dyDescent="0.35">
      <c r="A12698" s="1" t="s">
        <v>48495</v>
      </c>
      <c r="B12698" s="1" t="s">
        <v>47525</v>
      </c>
      <c r="C12698" s="1" t="s">
        <v>130</v>
      </c>
      <c r="D12698" s="1" t="s">
        <v>6708</v>
      </c>
      <c r="E12698" s="1" t="s">
        <v>48584</v>
      </c>
      <c r="F12698" s="1" t="s">
        <v>48585</v>
      </c>
      <c r="G12698" s="1" t="s">
        <v>48499</v>
      </c>
      <c r="H12698" s="1" t="s">
        <v>48500</v>
      </c>
      <c r="I12698" s="1" t="s">
        <v>47531</v>
      </c>
      <c r="J12698" s="1" t="s">
        <v>48586</v>
      </c>
    </row>
    <row r="12699" spans="1:10" x14ac:dyDescent="0.35">
      <c r="A12699" s="1" t="s">
        <v>48495</v>
      </c>
      <c r="B12699" s="1" t="s">
        <v>47525</v>
      </c>
      <c r="C12699" s="1" t="s">
        <v>135</v>
      </c>
      <c r="D12699" s="1" t="s">
        <v>48587</v>
      </c>
      <c r="E12699" s="1" t="s">
        <v>48588</v>
      </c>
      <c r="F12699" s="1" t="s">
        <v>48589</v>
      </c>
      <c r="G12699" s="1" t="s">
        <v>48499</v>
      </c>
      <c r="H12699" s="1" t="s">
        <v>48500</v>
      </c>
      <c r="I12699" s="1" t="s">
        <v>47531</v>
      </c>
      <c r="J12699" s="1" t="s">
        <v>48590</v>
      </c>
    </row>
    <row r="12700" spans="1:10" x14ac:dyDescent="0.35">
      <c r="A12700" s="1" t="s">
        <v>48495</v>
      </c>
      <c r="B12700" s="1" t="s">
        <v>47525</v>
      </c>
      <c r="C12700" s="1" t="s">
        <v>140</v>
      </c>
      <c r="D12700" s="1" t="s">
        <v>48591</v>
      </c>
      <c r="E12700" s="1" t="s">
        <v>48592</v>
      </c>
      <c r="F12700" s="1" t="s">
        <v>48593</v>
      </c>
      <c r="G12700" s="1" t="s">
        <v>48499</v>
      </c>
      <c r="H12700" s="1" t="s">
        <v>48500</v>
      </c>
      <c r="I12700" s="1" t="s">
        <v>47531</v>
      </c>
      <c r="J12700" s="1" t="s">
        <v>48594</v>
      </c>
    </row>
    <row r="12701" spans="1:10" x14ac:dyDescent="0.35">
      <c r="A12701" s="1" t="s">
        <v>48495</v>
      </c>
      <c r="B12701" s="1" t="s">
        <v>47525</v>
      </c>
      <c r="C12701" s="1" t="s">
        <v>145</v>
      </c>
      <c r="D12701" s="1" t="s">
        <v>48595</v>
      </c>
      <c r="E12701" s="1" t="s">
        <v>48596</v>
      </c>
      <c r="F12701" s="1" t="s">
        <v>48597</v>
      </c>
      <c r="G12701" s="1" t="s">
        <v>48499</v>
      </c>
      <c r="H12701" s="1" t="s">
        <v>48500</v>
      </c>
      <c r="I12701" s="1" t="s">
        <v>47531</v>
      </c>
      <c r="J12701" s="1" t="s">
        <v>48598</v>
      </c>
    </row>
    <row r="12702" spans="1:10" x14ac:dyDescent="0.35">
      <c r="A12702" s="1" t="s">
        <v>48495</v>
      </c>
      <c r="B12702" s="1" t="s">
        <v>47525</v>
      </c>
      <c r="C12702" s="1" t="s">
        <v>150</v>
      </c>
      <c r="D12702" s="1" t="s">
        <v>10342</v>
      </c>
      <c r="E12702" s="1" t="s">
        <v>48599</v>
      </c>
      <c r="F12702" s="1" t="s">
        <v>48600</v>
      </c>
      <c r="G12702" s="1" t="s">
        <v>48499</v>
      </c>
      <c r="H12702" s="1" t="s">
        <v>48500</v>
      </c>
      <c r="I12702" s="1" t="s">
        <v>47531</v>
      </c>
      <c r="J12702" s="1" t="s">
        <v>48601</v>
      </c>
    </row>
    <row r="12703" spans="1:10" x14ac:dyDescent="0.35">
      <c r="A12703" s="1" t="s">
        <v>48495</v>
      </c>
      <c r="B12703" s="1" t="s">
        <v>47525</v>
      </c>
      <c r="C12703" s="1" t="s">
        <v>155</v>
      </c>
      <c r="D12703" s="1" t="s">
        <v>48602</v>
      </c>
      <c r="E12703" s="1" t="s">
        <v>48603</v>
      </c>
      <c r="F12703" s="1" t="s">
        <v>48604</v>
      </c>
      <c r="G12703" s="1" t="s">
        <v>48499</v>
      </c>
      <c r="H12703" s="1" t="s">
        <v>48500</v>
      </c>
      <c r="I12703" s="1" t="s">
        <v>47531</v>
      </c>
      <c r="J12703" s="1" t="s">
        <v>48605</v>
      </c>
    </row>
    <row r="12704" spans="1:10" x14ac:dyDescent="0.35">
      <c r="A12704" s="1" t="s">
        <v>48495</v>
      </c>
      <c r="B12704" s="1" t="s">
        <v>47525</v>
      </c>
      <c r="C12704" s="1" t="s">
        <v>160</v>
      </c>
      <c r="D12704" s="1" t="s">
        <v>48606</v>
      </c>
      <c r="E12704" s="1" t="s">
        <v>48607</v>
      </c>
      <c r="F12704" s="1" t="s">
        <v>48608</v>
      </c>
      <c r="G12704" s="1" t="s">
        <v>48499</v>
      </c>
      <c r="H12704" s="1" t="s">
        <v>48500</v>
      </c>
      <c r="I12704" s="1" t="s">
        <v>47531</v>
      </c>
      <c r="J12704" s="1" t="s">
        <v>48609</v>
      </c>
    </row>
    <row r="12705" spans="1:10" x14ac:dyDescent="0.35">
      <c r="A12705" s="1" t="s">
        <v>48495</v>
      </c>
      <c r="B12705" s="1" t="s">
        <v>47525</v>
      </c>
      <c r="C12705" s="1" t="s">
        <v>165</v>
      </c>
      <c r="D12705" s="1" t="s">
        <v>48610</v>
      </c>
      <c r="E12705" s="1" t="s">
        <v>48611</v>
      </c>
      <c r="F12705" s="1" t="s">
        <v>48612</v>
      </c>
      <c r="G12705" s="1" t="s">
        <v>48499</v>
      </c>
      <c r="H12705" s="1" t="s">
        <v>48500</v>
      </c>
      <c r="I12705" s="1" t="s">
        <v>47531</v>
      </c>
      <c r="J12705" s="1" t="s">
        <v>48613</v>
      </c>
    </row>
    <row r="12706" spans="1:10" x14ac:dyDescent="0.35">
      <c r="A12706" s="1" t="s">
        <v>48495</v>
      </c>
      <c r="B12706" s="1" t="s">
        <v>47525</v>
      </c>
      <c r="C12706" s="1" t="s">
        <v>170</v>
      </c>
      <c r="D12706" s="1" t="s">
        <v>48614</v>
      </c>
      <c r="E12706" s="1" t="s">
        <v>48615</v>
      </c>
      <c r="F12706" s="1" t="s">
        <v>48616</v>
      </c>
      <c r="G12706" s="1" t="s">
        <v>48499</v>
      </c>
      <c r="H12706" s="1" t="s">
        <v>48500</v>
      </c>
      <c r="I12706" s="1" t="s">
        <v>47531</v>
      </c>
      <c r="J12706" s="1" t="s">
        <v>48617</v>
      </c>
    </row>
    <row r="12707" spans="1:10" x14ac:dyDescent="0.35">
      <c r="A12707" s="1" t="s">
        <v>48618</v>
      </c>
      <c r="B12707" s="1" t="s">
        <v>47525</v>
      </c>
      <c r="C12707" s="1" t="s">
        <v>8</v>
      </c>
      <c r="D12707" s="1" t="s">
        <v>2382</v>
      </c>
      <c r="E12707" s="1" t="s">
        <v>48619</v>
      </c>
      <c r="F12707" s="1" t="s">
        <v>48620</v>
      </c>
      <c r="G12707" s="1" t="s">
        <v>48621</v>
      </c>
      <c r="H12707" s="1" t="s">
        <v>48622</v>
      </c>
      <c r="I12707" s="1" t="s">
        <v>47531</v>
      </c>
      <c r="J12707" s="1" t="s">
        <v>13</v>
      </c>
    </row>
    <row r="12708" spans="1:10" x14ac:dyDescent="0.35">
      <c r="A12708" s="1" t="s">
        <v>48618</v>
      </c>
      <c r="B12708" s="1" t="s">
        <v>47525</v>
      </c>
      <c r="C12708" s="1" t="s">
        <v>15</v>
      </c>
      <c r="D12708" s="1" t="s">
        <v>48623</v>
      </c>
      <c r="E12708" s="1" t="s">
        <v>48624</v>
      </c>
      <c r="F12708" s="1" t="s">
        <v>48625</v>
      </c>
      <c r="G12708" s="1" t="s">
        <v>48621</v>
      </c>
      <c r="H12708" s="1" t="s">
        <v>48622</v>
      </c>
      <c r="I12708" s="1" t="s">
        <v>47531</v>
      </c>
      <c r="J12708" s="1" t="s">
        <v>48626</v>
      </c>
    </row>
    <row r="12709" spans="1:10" x14ac:dyDescent="0.35">
      <c r="A12709" s="1" t="s">
        <v>48618</v>
      </c>
      <c r="B12709" s="1" t="s">
        <v>47525</v>
      </c>
      <c r="C12709" s="1" t="s">
        <v>20</v>
      </c>
      <c r="D12709" s="1" t="s">
        <v>25169</v>
      </c>
      <c r="E12709" s="1" t="s">
        <v>48627</v>
      </c>
      <c r="F12709" s="1" t="s">
        <v>48628</v>
      </c>
      <c r="G12709" s="1" t="s">
        <v>48621</v>
      </c>
      <c r="H12709" s="1" t="s">
        <v>48622</v>
      </c>
      <c r="I12709" s="1" t="s">
        <v>47531</v>
      </c>
      <c r="J12709" s="1" t="s">
        <v>48629</v>
      </c>
    </row>
    <row r="12710" spans="1:10" x14ac:dyDescent="0.35">
      <c r="A12710" s="1" t="s">
        <v>48618</v>
      </c>
      <c r="B12710" s="1" t="s">
        <v>47525</v>
      </c>
      <c r="C12710" s="1" t="s">
        <v>25</v>
      </c>
      <c r="D12710" s="1" t="s">
        <v>48630</v>
      </c>
      <c r="E12710" s="1" t="s">
        <v>48631</v>
      </c>
      <c r="F12710" s="1" t="s">
        <v>48632</v>
      </c>
      <c r="G12710" s="1" t="s">
        <v>48621</v>
      </c>
      <c r="H12710" s="1" t="s">
        <v>48622</v>
      </c>
      <c r="I12710" s="1" t="s">
        <v>47531</v>
      </c>
      <c r="J12710" s="1" t="s">
        <v>48633</v>
      </c>
    </row>
    <row r="12711" spans="1:10" x14ac:dyDescent="0.35">
      <c r="A12711" s="1" t="s">
        <v>48618</v>
      </c>
      <c r="B12711" s="1" t="s">
        <v>47525</v>
      </c>
      <c r="C12711" s="1" t="s">
        <v>30</v>
      </c>
      <c r="D12711" s="1" t="s">
        <v>44798</v>
      </c>
      <c r="E12711" s="1" t="s">
        <v>48634</v>
      </c>
      <c r="F12711" s="1" t="s">
        <v>48635</v>
      </c>
      <c r="G12711" s="1" t="s">
        <v>48621</v>
      </c>
      <c r="H12711" s="1" t="s">
        <v>48622</v>
      </c>
      <c r="I12711" s="1" t="s">
        <v>47531</v>
      </c>
      <c r="J12711" s="1" t="s">
        <v>48636</v>
      </c>
    </row>
    <row r="12712" spans="1:10" x14ac:dyDescent="0.35">
      <c r="A12712" s="1" t="s">
        <v>48618</v>
      </c>
      <c r="B12712" s="1" t="s">
        <v>47525</v>
      </c>
      <c r="C12712" s="1" t="s">
        <v>35</v>
      </c>
      <c r="D12712" s="1" t="s">
        <v>48637</v>
      </c>
      <c r="E12712" s="1" t="s">
        <v>48638</v>
      </c>
      <c r="F12712" s="1" t="s">
        <v>48639</v>
      </c>
      <c r="G12712" s="1" t="s">
        <v>48621</v>
      </c>
      <c r="H12712" s="1" t="s">
        <v>48622</v>
      </c>
      <c r="I12712" s="1" t="s">
        <v>47531</v>
      </c>
      <c r="J12712" s="1" t="s">
        <v>48640</v>
      </c>
    </row>
    <row r="12713" spans="1:10" x14ac:dyDescent="0.35">
      <c r="A12713" s="1" t="s">
        <v>48618</v>
      </c>
      <c r="B12713" s="1" t="s">
        <v>47525</v>
      </c>
      <c r="C12713" s="1" t="s">
        <v>40</v>
      </c>
      <c r="D12713" s="1" t="s">
        <v>48641</v>
      </c>
      <c r="E12713" s="1" t="s">
        <v>48642</v>
      </c>
      <c r="F12713" s="1" t="s">
        <v>48643</v>
      </c>
      <c r="G12713" s="1" t="s">
        <v>48621</v>
      </c>
      <c r="H12713" s="1" t="s">
        <v>48622</v>
      </c>
      <c r="I12713" s="1" t="s">
        <v>47531</v>
      </c>
      <c r="J12713" s="1" t="s">
        <v>48644</v>
      </c>
    </row>
    <row r="12714" spans="1:10" x14ac:dyDescent="0.35">
      <c r="A12714" s="1" t="s">
        <v>48618</v>
      </c>
      <c r="B12714" s="1" t="s">
        <v>47525</v>
      </c>
      <c r="C12714" s="1" t="s">
        <v>45</v>
      </c>
      <c r="D12714" s="1" t="s">
        <v>3397</v>
      </c>
      <c r="E12714" s="1" t="s">
        <v>48645</v>
      </c>
      <c r="F12714" s="1" t="s">
        <v>48646</v>
      </c>
      <c r="G12714" s="1" t="s">
        <v>48621</v>
      </c>
      <c r="H12714" s="1" t="s">
        <v>48622</v>
      </c>
      <c r="I12714" s="1" t="s">
        <v>47531</v>
      </c>
      <c r="J12714" s="1" t="s">
        <v>48647</v>
      </c>
    </row>
    <row r="12715" spans="1:10" x14ac:dyDescent="0.35">
      <c r="A12715" s="1" t="s">
        <v>48618</v>
      </c>
      <c r="B12715" s="1" t="s">
        <v>47525</v>
      </c>
      <c r="C12715" s="1" t="s">
        <v>50</v>
      </c>
      <c r="D12715" s="1" t="s">
        <v>38163</v>
      </c>
      <c r="E12715" s="1" t="s">
        <v>48648</v>
      </c>
      <c r="F12715" s="1" t="s">
        <v>48649</v>
      </c>
      <c r="G12715" s="1" t="s">
        <v>48621</v>
      </c>
      <c r="H12715" s="1" t="s">
        <v>48622</v>
      </c>
      <c r="I12715" s="1" t="s">
        <v>47531</v>
      </c>
      <c r="J12715" s="1" t="s">
        <v>48650</v>
      </c>
    </row>
    <row r="12716" spans="1:10" x14ac:dyDescent="0.35">
      <c r="A12716" s="1" t="s">
        <v>48618</v>
      </c>
      <c r="B12716" s="1" t="s">
        <v>47525</v>
      </c>
      <c r="C12716" s="1" t="s">
        <v>55</v>
      </c>
      <c r="D12716" s="1" t="s">
        <v>36038</v>
      </c>
      <c r="E12716" s="1" t="s">
        <v>48651</v>
      </c>
      <c r="F12716" s="1" t="s">
        <v>48652</v>
      </c>
      <c r="G12716" s="1" t="s">
        <v>48621</v>
      </c>
      <c r="H12716" s="1" t="s">
        <v>48622</v>
      </c>
      <c r="I12716" s="1" t="s">
        <v>47531</v>
      </c>
      <c r="J12716" s="1" t="s">
        <v>48653</v>
      </c>
    </row>
    <row r="12717" spans="1:10" x14ac:dyDescent="0.35">
      <c r="A12717" s="1" t="s">
        <v>48618</v>
      </c>
      <c r="B12717" s="1" t="s">
        <v>47525</v>
      </c>
      <c r="C12717" s="1" t="s">
        <v>60</v>
      </c>
      <c r="D12717" s="1" t="s">
        <v>48654</v>
      </c>
      <c r="E12717" s="1" t="s">
        <v>48655</v>
      </c>
      <c r="F12717" s="1" t="s">
        <v>48656</v>
      </c>
      <c r="G12717" s="1" t="s">
        <v>48621</v>
      </c>
      <c r="H12717" s="1" t="s">
        <v>48622</v>
      </c>
      <c r="I12717" s="1" t="s">
        <v>47531</v>
      </c>
      <c r="J12717" s="1" t="s">
        <v>48657</v>
      </c>
    </row>
    <row r="12718" spans="1:10" x14ac:dyDescent="0.35">
      <c r="A12718" s="1" t="s">
        <v>48618</v>
      </c>
      <c r="B12718" s="1" t="s">
        <v>47525</v>
      </c>
      <c r="C12718" s="1" t="s">
        <v>65</v>
      </c>
      <c r="D12718" s="1" t="s">
        <v>48658</v>
      </c>
      <c r="E12718" s="1" t="s">
        <v>48659</v>
      </c>
      <c r="F12718" s="1" t="s">
        <v>48660</v>
      </c>
      <c r="G12718" s="1" t="s">
        <v>48621</v>
      </c>
      <c r="H12718" s="1" t="s">
        <v>48622</v>
      </c>
      <c r="I12718" s="1" t="s">
        <v>47531</v>
      </c>
      <c r="J12718" s="1" t="s">
        <v>48661</v>
      </c>
    </row>
    <row r="12719" spans="1:10" x14ac:dyDescent="0.35">
      <c r="A12719" s="1" t="s">
        <v>48618</v>
      </c>
      <c r="B12719" s="1" t="s">
        <v>47525</v>
      </c>
      <c r="C12719" s="1" t="s">
        <v>70</v>
      </c>
      <c r="D12719" s="1" t="s">
        <v>34719</v>
      </c>
      <c r="E12719" s="1" t="s">
        <v>48662</v>
      </c>
      <c r="F12719" s="1" t="s">
        <v>48663</v>
      </c>
      <c r="G12719" s="1" t="s">
        <v>48621</v>
      </c>
      <c r="H12719" s="1" t="s">
        <v>48622</v>
      </c>
      <c r="I12719" s="1" t="s">
        <v>47531</v>
      </c>
      <c r="J12719" s="1" t="s">
        <v>48664</v>
      </c>
    </row>
    <row r="12720" spans="1:10" x14ac:dyDescent="0.35">
      <c r="A12720" s="1" t="s">
        <v>48618</v>
      </c>
      <c r="B12720" s="1" t="s">
        <v>47525</v>
      </c>
      <c r="C12720" s="1" t="s">
        <v>75</v>
      </c>
      <c r="D12720" s="1" t="s">
        <v>1485</v>
      </c>
      <c r="E12720" s="1" t="s">
        <v>48665</v>
      </c>
      <c r="F12720" s="1" t="s">
        <v>48666</v>
      </c>
      <c r="G12720" s="1" t="s">
        <v>48621</v>
      </c>
      <c r="H12720" s="1" t="s">
        <v>48622</v>
      </c>
      <c r="I12720" s="1" t="s">
        <v>47531</v>
      </c>
      <c r="J12720" s="1" t="s">
        <v>48667</v>
      </c>
    </row>
    <row r="12721" spans="1:10" x14ac:dyDescent="0.35">
      <c r="A12721" s="1" t="s">
        <v>48618</v>
      </c>
      <c r="B12721" s="1" t="s">
        <v>47525</v>
      </c>
      <c r="C12721" s="1" t="s">
        <v>80</v>
      </c>
      <c r="D12721" s="1" t="s">
        <v>48668</v>
      </c>
      <c r="E12721" s="1" t="s">
        <v>48669</v>
      </c>
      <c r="F12721" s="1" t="s">
        <v>48670</v>
      </c>
      <c r="G12721" s="1" t="s">
        <v>48621</v>
      </c>
      <c r="H12721" s="1" t="s">
        <v>48622</v>
      </c>
      <c r="I12721" s="1" t="s">
        <v>47531</v>
      </c>
      <c r="J12721" s="1" t="s">
        <v>48671</v>
      </c>
    </row>
    <row r="12722" spans="1:10" x14ac:dyDescent="0.35">
      <c r="A12722" s="1" t="s">
        <v>48618</v>
      </c>
      <c r="B12722" s="1" t="s">
        <v>47525</v>
      </c>
      <c r="C12722" s="1" t="s">
        <v>85</v>
      </c>
      <c r="D12722" s="1" t="s">
        <v>48672</v>
      </c>
      <c r="E12722" s="1" t="s">
        <v>48673</v>
      </c>
      <c r="F12722" s="1" t="s">
        <v>48674</v>
      </c>
      <c r="G12722" s="1" t="s">
        <v>48621</v>
      </c>
      <c r="H12722" s="1" t="s">
        <v>48622</v>
      </c>
      <c r="I12722" s="1" t="s">
        <v>47531</v>
      </c>
      <c r="J12722" s="1" t="s">
        <v>48675</v>
      </c>
    </row>
    <row r="12723" spans="1:10" x14ac:dyDescent="0.35">
      <c r="A12723" s="1" t="s">
        <v>48618</v>
      </c>
      <c r="B12723" s="1" t="s">
        <v>47525</v>
      </c>
      <c r="C12723" s="1" t="s">
        <v>90</v>
      </c>
      <c r="D12723" s="1" t="s">
        <v>48676</v>
      </c>
      <c r="E12723" s="1" t="s">
        <v>48677</v>
      </c>
      <c r="F12723" s="1" t="s">
        <v>48678</v>
      </c>
      <c r="G12723" s="1" t="s">
        <v>48621</v>
      </c>
      <c r="H12723" s="1" t="s">
        <v>48622</v>
      </c>
      <c r="I12723" s="1" t="s">
        <v>47531</v>
      </c>
      <c r="J12723" s="1" t="s">
        <v>48679</v>
      </c>
    </row>
    <row r="12724" spans="1:10" x14ac:dyDescent="0.35">
      <c r="A12724" s="1" t="s">
        <v>48618</v>
      </c>
      <c r="B12724" s="1" t="s">
        <v>47525</v>
      </c>
      <c r="C12724" s="1" t="s">
        <v>95</v>
      </c>
      <c r="D12724" s="1" t="s">
        <v>7969</v>
      </c>
      <c r="E12724" s="1" t="s">
        <v>48680</v>
      </c>
      <c r="F12724" s="1" t="s">
        <v>48681</v>
      </c>
      <c r="G12724" s="1" t="s">
        <v>48621</v>
      </c>
      <c r="H12724" s="1" t="s">
        <v>48622</v>
      </c>
      <c r="I12724" s="1" t="s">
        <v>47531</v>
      </c>
      <c r="J12724" s="1" t="s">
        <v>48682</v>
      </c>
    </row>
    <row r="12725" spans="1:10" x14ac:dyDescent="0.35">
      <c r="A12725" s="1" t="s">
        <v>48618</v>
      </c>
      <c r="B12725" s="1" t="s">
        <v>47525</v>
      </c>
      <c r="C12725" s="1" t="s">
        <v>100</v>
      </c>
      <c r="D12725" s="1" t="s">
        <v>47229</v>
      </c>
      <c r="E12725" s="1" t="s">
        <v>48683</v>
      </c>
      <c r="F12725" s="1" t="s">
        <v>48684</v>
      </c>
      <c r="G12725" s="1" t="s">
        <v>48621</v>
      </c>
      <c r="H12725" s="1" t="s">
        <v>48622</v>
      </c>
      <c r="I12725" s="1" t="s">
        <v>47531</v>
      </c>
      <c r="J12725" s="1" t="s">
        <v>48685</v>
      </c>
    </row>
    <row r="12726" spans="1:10" x14ac:dyDescent="0.35">
      <c r="A12726" s="1" t="s">
        <v>48618</v>
      </c>
      <c r="B12726" s="1" t="s">
        <v>47525</v>
      </c>
      <c r="C12726" s="1" t="s">
        <v>105</v>
      </c>
      <c r="D12726" s="1" t="s">
        <v>7082</v>
      </c>
      <c r="E12726" s="1" t="s">
        <v>48686</v>
      </c>
      <c r="F12726" s="1" t="s">
        <v>48687</v>
      </c>
      <c r="G12726" s="1" t="s">
        <v>48621</v>
      </c>
      <c r="H12726" s="1" t="s">
        <v>48622</v>
      </c>
      <c r="I12726" s="1" t="s">
        <v>47531</v>
      </c>
      <c r="J12726" s="1" t="s">
        <v>48688</v>
      </c>
    </row>
    <row r="12727" spans="1:10" x14ac:dyDescent="0.35">
      <c r="A12727" s="1" t="s">
        <v>48618</v>
      </c>
      <c r="B12727" s="1" t="s">
        <v>47525</v>
      </c>
      <c r="C12727" s="1" t="s">
        <v>110</v>
      </c>
      <c r="D12727" s="1" t="s">
        <v>48689</v>
      </c>
      <c r="E12727" s="1" t="s">
        <v>48690</v>
      </c>
      <c r="F12727" s="1" t="s">
        <v>48691</v>
      </c>
      <c r="G12727" s="1" t="s">
        <v>48621</v>
      </c>
      <c r="H12727" s="1" t="s">
        <v>48622</v>
      </c>
      <c r="I12727" s="1" t="s">
        <v>47531</v>
      </c>
      <c r="J12727" s="1" t="s">
        <v>48692</v>
      </c>
    </row>
    <row r="12728" spans="1:10" x14ac:dyDescent="0.35">
      <c r="A12728" s="1" t="s">
        <v>48618</v>
      </c>
      <c r="B12728" s="1" t="s">
        <v>47525</v>
      </c>
      <c r="C12728" s="1" t="s">
        <v>115</v>
      </c>
      <c r="D12728" s="1" t="s">
        <v>48693</v>
      </c>
      <c r="E12728" s="1" t="s">
        <v>48694</v>
      </c>
      <c r="F12728" s="1" t="s">
        <v>48695</v>
      </c>
      <c r="G12728" s="1" t="s">
        <v>48621</v>
      </c>
      <c r="H12728" s="1" t="s">
        <v>48622</v>
      </c>
      <c r="I12728" s="1" t="s">
        <v>47531</v>
      </c>
      <c r="J12728" s="1" t="s">
        <v>48696</v>
      </c>
    </row>
    <row r="12729" spans="1:10" x14ac:dyDescent="0.35">
      <c r="A12729" s="1" t="s">
        <v>48618</v>
      </c>
      <c r="B12729" s="1" t="s">
        <v>47525</v>
      </c>
      <c r="C12729" s="1" t="s">
        <v>120</v>
      </c>
      <c r="D12729" s="1" t="s">
        <v>48697</v>
      </c>
      <c r="E12729" s="1" t="s">
        <v>48698</v>
      </c>
      <c r="F12729" s="1" t="s">
        <v>48699</v>
      </c>
      <c r="G12729" s="1" t="s">
        <v>48621</v>
      </c>
      <c r="H12729" s="1" t="s">
        <v>48622</v>
      </c>
      <c r="I12729" s="1" t="s">
        <v>47531</v>
      </c>
      <c r="J12729" s="1" t="s">
        <v>48700</v>
      </c>
    </row>
    <row r="12730" spans="1:10" x14ac:dyDescent="0.35">
      <c r="A12730" s="1" t="s">
        <v>48618</v>
      </c>
      <c r="B12730" s="1" t="s">
        <v>47525</v>
      </c>
      <c r="C12730" s="1" t="s">
        <v>125</v>
      </c>
      <c r="D12730" s="1" t="s">
        <v>48701</v>
      </c>
      <c r="E12730" s="1" t="s">
        <v>48702</v>
      </c>
      <c r="F12730" s="1" t="s">
        <v>48703</v>
      </c>
      <c r="G12730" s="1" t="s">
        <v>48621</v>
      </c>
      <c r="H12730" s="1" t="s">
        <v>48622</v>
      </c>
      <c r="I12730" s="1" t="s">
        <v>47531</v>
      </c>
      <c r="J12730" s="1" t="s">
        <v>48704</v>
      </c>
    </row>
    <row r="12731" spans="1:10" x14ac:dyDescent="0.35">
      <c r="A12731" s="1" t="s">
        <v>48618</v>
      </c>
      <c r="B12731" s="1" t="s">
        <v>47525</v>
      </c>
      <c r="C12731" s="1" t="s">
        <v>130</v>
      </c>
      <c r="D12731" s="1" t="s">
        <v>48705</v>
      </c>
      <c r="E12731" s="1" t="s">
        <v>48706</v>
      </c>
      <c r="F12731" s="1" t="s">
        <v>48707</v>
      </c>
      <c r="G12731" s="1" t="s">
        <v>48621</v>
      </c>
      <c r="H12731" s="1" t="s">
        <v>48622</v>
      </c>
      <c r="I12731" s="1" t="s">
        <v>47531</v>
      </c>
      <c r="J12731" s="1" t="s">
        <v>48708</v>
      </c>
    </row>
    <row r="12732" spans="1:10" x14ac:dyDescent="0.35">
      <c r="A12732" s="1" t="s">
        <v>48618</v>
      </c>
      <c r="B12732" s="1" t="s">
        <v>47525</v>
      </c>
      <c r="C12732" s="1" t="s">
        <v>135</v>
      </c>
      <c r="D12732" s="1" t="s">
        <v>48709</v>
      </c>
      <c r="E12732" s="1" t="s">
        <v>48710</v>
      </c>
      <c r="F12732" s="1" t="s">
        <v>48711</v>
      </c>
      <c r="G12732" s="1" t="s">
        <v>48621</v>
      </c>
      <c r="H12732" s="1" t="s">
        <v>48622</v>
      </c>
      <c r="I12732" s="1" t="s">
        <v>47531</v>
      </c>
      <c r="J12732" s="1" t="s">
        <v>48712</v>
      </c>
    </row>
    <row r="12733" spans="1:10" x14ac:dyDescent="0.35">
      <c r="A12733" s="1" t="s">
        <v>48618</v>
      </c>
      <c r="B12733" s="1" t="s">
        <v>47525</v>
      </c>
      <c r="C12733" s="1" t="s">
        <v>140</v>
      </c>
      <c r="D12733" s="1" t="s">
        <v>48713</v>
      </c>
      <c r="E12733" s="1" t="s">
        <v>48714</v>
      </c>
      <c r="F12733" s="1" t="s">
        <v>48715</v>
      </c>
      <c r="G12733" s="1" t="s">
        <v>48621</v>
      </c>
      <c r="H12733" s="1" t="s">
        <v>48622</v>
      </c>
      <c r="I12733" s="1" t="s">
        <v>47531</v>
      </c>
      <c r="J12733" s="1" t="s">
        <v>48716</v>
      </c>
    </row>
    <row r="12734" spans="1:10" x14ac:dyDescent="0.35">
      <c r="A12734" s="1" t="s">
        <v>48618</v>
      </c>
      <c r="B12734" s="1" t="s">
        <v>47525</v>
      </c>
      <c r="C12734" s="1" t="s">
        <v>145</v>
      </c>
      <c r="D12734" s="1" t="s">
        <v>37815</v>
      </c>
      <c r="E12734" s="1" t="s">
        <v>48717</v>
      </c>
      <c r="F12734" s="1" t="s">
        <v>48718</v>
      </c>
      <c r="G12734" s="1" t="s">
        <v>48621</v>
      </c>
      <c r="H12734" s="1" t="s">
        <v>48622</v>
      </c>
      <c r="I12734" s="1" t="s">
        <v>47531</v>
      </c>
      <c r="J12734" s="1" t="s">
        <v>48719</v>
      </c>
    </row>
    <row r="12735" spans="1:10" x14ac:dyDescent="0.35">
      <c r="A12735" s="1" t="s">
        <v>48618</v>
      </c>
      <c r="B12735" s="1" t="s">
        <v>47525</v>
      </c>
      <c r="C12735" s="1" t="s">
        <v>150</v>
      </c>
      <c r="D12735" s="1" t="s">
        <v>48720</v>
      </c>
      <c r="E12735" s="1" t="s">
        <v>48721</v>
      </c>
      <c r="F12735" s="1" t="s">
        <v>48722</v>
      </c>
      <c r="G12735" s="1" t="s">
        <v>48621</v>
      </c>
      <c r="H12735" s="1" t="s">
        <v>48622</v>
      </c>
      <c r="I12735" s="1" t="s">
        <v>47531</v>
      </c>
      <c r="J12735" s="1" t="s">
        <v>48723</v>
      </c>
    </row>
    <row r="12736" spans="1:10" x14ac:dyDescent="0.35">
      <c r="A12736" s="1" t="s">
        <v>48618</v>
      </c>
      <c r="B12736" s="1" t="s">
        <v>47525</v>
      </c>
      <c r="C12736" s="1" t="s">
        <v>155</v>
      </c>
      <c r="D12736" s="1" t="s">
        <v>48724</v>
      </c>
      <c r="E12736" s="1" t="s">
        <v>48725</v>
      </c>
      <c r="F12736" s="1" t="s">
        <v>48726</v>
      </c>
      <c r="G12736" s="1" t="s">
        <v>48621</v>
      </c>
      <c r="H12736" s="1" t="s">
        <v>48622</v>
      </c>
      <c r="I12736" s="1" t="s">
        <v>47531</v>
      </c>
      <c r="J12736" s="1" t="s">
        <v>48727</v>
      </c>
    </row>
    <row r="12737" spans="1:10" x14ac:dyDescent="0.35">
      <c r="A12737" s="1" t="s">
        <v>48618</v>
      </c>
      <c r="B12737" s="1" t="s">
        <v>47525</v>
      </c>
      <c r="C12737" s="1" t="s">
        <v>160</v>
      </c>
      <c r="D12737" s="1" t="s">
        <v>48728</v>
      </c>
      <c r="E12737" s="1" t="s">
        <v>48729</v>
      </c>
      <c r="F12737" s="1" t="s">
        <v>48730</v>
      </c>
      <c r="G12737" s="1" t="s">
        <v>48621</v>
      </c>
      <c r="H12737" s="1" t="s">
        <v>48622</v>
      </c>
      <c r="I12737" s="1" t="s">
        <v>47531</v>
      </c>
      <c r="J12737" s="1" t="s">
        <v>48731</v>
      </c>
    </row>
    <row r="12738" spans="1:10" x14ac:dyDescent="0.35">
      <c r="A12738" s="1" t="s">
        <v>48618</v>
      </c>
      <c r="B12738" s="1" t="s">
        <v>47525</v>
      </c>
      <c r="C12738" s="1" t="s">
        <v>165</v>
      </c>
      <c r="D12738" s="1" t="s">
        <v>48732</v>
      </c>
      <c r="E12738" s="1" t="s">
        <v>48733</v>
      </c>
      <c r="F12738" s="1" t="s">
        <v>48734</v>
      </c>
      <c r="G12738" s="1" t="s">
        <v>48621</v>
      </c>
      <c r="H12738" s="1" t="s">
        <v>48622</v>
      </c>
      <c r="I12738" s="1" t="s">
        <v>47531</v>
      </c>
      <c r="J12738" s="1" t="s">
        <v>48735</v>
      </c>
    </row>
    <row r="12739" spans="1:10" x14ac:dyDescent="0.35">
      <c r="A12739" s="1" t="s">
        <v>48618</v>
      </c>
      <c r="B12739" s="1" t="s">
        <v>47525</v>
      </c>
      <c r="C12739" s="1" t="s">
        <v>170</v>
      </c>
      <c r="D12739" s="1" t="s">
        <v>48736</v>
      </c>
      <c r="E12739" s="1" t="s">
        <v>48737</v>
      </c>
      <c r="F12739" s="1" t="s">
        <v>48738</v>
      </c>
      <c r="G12739" s="1" t="s">
        <v>48621</v>
      </c>
      <c r="H12739" s="1" t="s">
        <v>48622</v>
      </c>
      <c r="I12739" s="1" t="s">
        <v>47531</v>
      </c>
      <c r="J12739" s="1" t="s">
        <v>48739</v>
      </c>
    </row>
    <row r="12740" spans="1:10" x14ac:dyDescent="0.35">
      <c r="A12740" s="1" t="s">
        <v>48740</v>
      </c>
      <c r="B12740" s="1" t="s">
        <v>47525</v>
      </c>
      <c r="C12740" s="1" t="s">
        <v>8</v>
      </c>
      <c r="D12740" s="1" t="s">
        <v>48741</v>
      </c>
      <c r="E12740" s="1" t="s">
        <v>48742</v>
      </c>
      <c r="F12740" s="1" t="s">
        <v>48743</v>
      </c>
      <c r="G12740" s="1" t="s">
        <v>48744</v>
      </c>
      <c r="H12740" s="1" t="s">
        <v>48745</v>
      </c>
      <c r="I12740" s="1" t="s">
        <v>47531</v>
      </c>
      <c r="J12740" s="1" t="s">
        <v>13</v>
      </c>
    </row>
    <row r="12741" spans="1:10" x14ac:dyDescent="0.35">
      <c r="A12741" s="1" t="s">
        <v>48740</v>
      </c>
      <c r="B12741" s="1" t="s">
        <v>47525</v>
      </c>
      <c r="C12741" s="1" t="s">
        <v>15</v>
      </c>
      <c r="D12741" s="1" t="s">
        <v>48746</v>
      </c>
      <c r="E12741" s="1" t="s">
        <v>48747</v>
      </c>
      <c r="F12741" s="1" t="s">
        <v>48748</v>
      </c>
      <c r="G12741" s="1" t="s">
        <v>48744</v>
      </c>
      <c r="H12741" s="1" t="s">
        <v>48745</v>
      </c>
      <c r="I12741" s="1" t="s">
        <v>47531</v>
      </c>
      <c r="J12741" s="1" t="s">
        <v>48749</v>
      </c>
    </row>
    <row r="12742" spans="1:10" x14ac:dyDescent="0.35">
      <c r="A12742" s="1" t="s">
        <v>48740</v>
      </c>
      <c r="B12742" s="1" t="s">
        <v>47525</v>
      </c>
      <c r="C12742" s="1" t="s">
        <v>20</v>
      </c>
      <c r="D12742" s="1" t="s">
        <v>48750</v>
      </c>
      <c r="E12742" s="1" t="s">
        <v>48751</v>
      </c>
      <c r="F12742" s="1" t="s">
        <v>48752</v>
      </c>
      <c r="G12742" s="1" t="s">
        <v>48744</v>
      </c>
      <c r="H12742" s="1" t="s">
        <v>48745</v>
      </c>
      <c r="I12742" s="1" t="s">
        <v>47531</v>
      </c>
      <c r="J12742" s="1" t="s">
        <v>48753</v>
      </c>
    </row>
    <row r="12743" spans="1:10" x14ac:dyDescent="0.35">
      <c r="A12743" s="1" t="s">
        <v>48740</v>
      </c>
      <c r="B12743" s="1" t="s">
        <v>47525</v>
      </c>
      <c r="C12743" s="1" t="s">
        <v>25</v>
      </c>
      <c r="D12743" s="1" t="s">
        <v>48754</v>
      </c>
      <c r="E12743" s="1" t="s">
        <v>48755</v>
      </c>
      <c r="F12743" s="1" t="s">
        <v>48756</v>
      </c>
      <c r="G12743" s="1" t="s">
        <v>48744</v>
      </c>
      <c r="H12743" s="1" t="s">
        <v>48745</v>
      </c>
      <c r="I12743" s="1" t="s">
        <v>47531</v>
      </c>
      <c r="J12743" s="1" t="s">
        <v>48757</v>
      </c>
    </row>
    <row r="12744" spans="1:10" x14ac:dyDescent="0.35">
      <c r="A12744" s="1" t="s">
        <v>48740</v>
      </c>
      <c r="B12744" s="1" t="s">
        <v>47525</v>
      </c>
      <c r="C12744" s="1" t="s">
        <v>30</v>
      </c>
      <c r="D12744" s="1" t="s">
        <v>45445</v>
      </c>
      <c r="E12744" s="1" t="s">
        <v>48758</v>
      </c>
      <c r="F12744" s="1" t="s">
        <v>48759</v>
      </c>
      <c r="G12744" s="1" t="s">
        <v>48744</v>
      </c>
      <c r="H12744" s="1" t="s">
        <v>48745</v>
      </c>
      <c r="I12744" s="1" t="s">
        <v>47531</v>
      </c>
      <c r="J12744" s="1" t="s">
        <v>48760</v>
      </c>
    </row>
    <row r="12745" spans="1:10" x14ac:dyDescent="0.35">
      <c r="A12745" s="1" t="s">
        <v>48740</v>
      </c>
      <c r="B12745" s="1" t="s">
        <v>47525</v>
      </c>
      <c r="C12745" s="1" t="s">
        <v>35</v>
      </c>
      <c r="D12745" s="1" t="s">
        <v>16279</v>
      </c>
      <c r="E12745" s="1" t="s">
        <v>48761</v>
      </c>
      <c r="F12745" s="1" t="s">
        <v>48762</v>
      </c>
      <c r="G12745" s="1" t="s">
        <v>48744</v>
      </c>
      <c r="H12745" s="1" t="s">
        <v>48745</v>
      </c>
      <c r="I12745" s="1" t="s">
        <v>47531</v>
      </c>
      <c r="J12745" s="1" t="s">
        <v>48763</v>
      </c>
    </row>
    <row r="12746" spans="1:10" x14ac:dyDescent="0.35">
      <c r="A12746" s="1" t="s">
        <v>48740</v>
      </c>
      <c r="B12746" s="1" t="s">
        <v>47525</v>
      </c>
      <c r="C12746" s="1" t="s">
        <v>40</v>
      </c>
      <c r="D12746" s="1" t="s">
        <v>6739</v>
      </c>
      <c r="E12746" s="1" t="s">
        <v>48764</v>
      </c>
      <c r="F12746" s="1" t="s">
        <v>48765</v>
      </c>
      <c r="G12746" s="1" t="s">
        <v>48744</v>
      </c>
      <c r="H12746" s="1" t="s">
        <v>48745</v>
      </c>
      <c r="I12746" s="1" t="s">
        <v>47531</v>
      </c>
      <c r="J12746" s="1" t="s">
        <v>48766</v>
      </c>
    </row>
    <row r="12747" spans="1:10" x14ac:dyDescent="0.35">
      <c r="A12747" s="1" t="s">
        <v>48740</v>
      </c>
      <c r="B12747" s="1" t="s">
        <v>47525</v>
      </c>
      <c r="C12747" s="1" t="s">
        <v>45</v>
      </c>
      <c r="D12747" s="1" t="s">
        <v>32949</v>
      </c>
      <c r="E12747" s="1" t="s">
        <v>48767</v>
      </c>
      <c r="F12747" s="1" t="s">
        <v>48768</v>
      </c>
      <c r="G12747" s="1" t="s">
        <v>48744</v>
      </c>
      <c r="H12747" s="1" t="s">
        <v>48745</v>
      </c>
      <c r="I12747" s="1" t="s">
        <v>47531</v>
      </c>
      <c r="J12747" s="1" t="s">
        <v>48769</v>
      </c>
    </row>
    <row r="12748" spans="1:10" x14ac:dyDescent="0.35">
      <c r="A12748" s="1" t="s">
        <v>48740</v>
      </c>
      <c r="B12748" s="1" t="s">
        <v>47525</v>
      </c>
      <c r="C12748" s="1" t="s">
        <v>50</v>
      </c>
      <c r="D12748" s="1" t="s">
        <v>47118</v>
      </c>
      <c r="E12748" s="1" t="s">
        <v>48770</v>
      </c>
      <c r="F12748" s="1" t="s">
        <v>48771</v>
      </c>
      <c r="G12748" s="1" t="s">
        <v>48744</v>
      </c>
      <c r="H12748" s="1" t="s">
        <v>48745</v>
      </c>
      <c r="I12748" s="1" t="s">
        <v>47531</v>
      </c>
      <c r="J12748" s="1" t="s">
        <v>48772</v>
      </c>
    </row>
    <row r="12749" spans="1:10" x14ac:dyDescent="0.35">
      <c r="A12749" s="1" t="s">
        <v>48740</v>
      </c>
      <c r="B12749" s="1" t="s">
        <v>47525</v>
      </c>
      <c r="C12749" s="1" t="s">
        <v>55</v>
      </c>
      <c r="D12749" s="1" t="s">
        <v>7175</v>
      </c>
      <c r="E12749" s="1" t="s">
        <v>48773</v>
      </c>
      <c r="F12749" s="1" t="s">
        <v>48774</v>
      </c>
      <c r="G12749" s="1" t="s">
        <v>48744</v>
      </c>
      <c r="H12749" s="1" t="s">
        <v>48745</v>
      </c>
      <c r="I12749" s="1" t="s">
        <v>47531</v>
      </c>
      <c r="J12749" s="1" t="s">
        <v>48775</v>
      </c>
    </row>
    <row r="12750" spans="1:10" x14ac:dyDescent="0.35">
      <c r="A12750" s="1" t="s">
        <v>48740</v>
      </c>
      <c r="B12750" s="1" t="s">
        <v>47525</v>
      </c>
      <c r="C12750" s="1" t="s">
        <v>60</v>
      </c>
      <c r="D12750" s="1" t="s">
        <v>48776</v>
      </c>
      <c r="E12750" s="1" t="s">
        <v>48777</v>
      </c>
      <c r="F12750" s="1" t="s">
        <v>48778</v>
      </c>
      <c r="G12750" s="1" t="s">
        <v>48744</v>
      </c>
      <c r="H12750" s="1" t="s">
        <v>48745</v>
      </c>
      <c r="I12750" s="1" t="s">
        <v>47531</v>
      </c>
      <c r="J12750" s="1" t="s">
        <v>48779</v>
      </c>
    </row>
    <row r="12751" spans="1:10" x14ac:dyDescent="0.35">
      <c r="A12751" s="1" t="s">
        <v>48740</v>
      </c>
      <c r="B12751" s="1" t="s">
        <v>47525</v>
      </c>
      <c r="C12751" s="1" t="s">
        <v>65</v>
      </c>
      <c r="D12751" s="1" t="s">
        <v>19790</v>
      </c>
      <c r="E12751" s="1" t="s">
        <v>48780</v>
      </c>
      <c r="F12751" s="1" t="s">
        <v>48781</v>
      </c>
      <c r="G12751" s="1" t="s">
        <v>48744</v>
      </c>
      <c r="H12751" s="1" t="s">
        <v>48745</v>
      </c>
      <c r="I12751" s="1" t="s">
        <v>47531</v>
      </c>
      <c r="J12751" s="1" t="s">
        <v>48782</v>
      </c>
    </row>
    <row r="12752" spans="1:10" x14ac:dyDescent="0.35">
      <c r="A12752" s="1" t="s">
        <v>48740</v>
      </c>
      <c r="B12752" s="1" t="s">
        <v>47525</v>
      </c>
      <c r="C12752" s="1" t="s">
        <v>70</v>
      </c>
      <c r="D12752" s="1" t="s">
        <v>48783</v>
      </c>
      <c r="E12752" s="1" t="s">
        <v>48784</v>
      </c>
      <c r="F12752" s="1" t="s">
        <v>48785</v>
      </c>
      <c r="G12752" s="1" t="s">
        <v>48744</v>
      </c>
      <c r="H12752" s="1" t="s">
        <v>48745</v>
      </c>
      <c r="I12752" s="1" t="s">
        <v>47531</v>
      </c>
      <c r="J12752" s="1" t="s">
        <v>48786</v>
      </c>
    </row>
    <row r="12753" spans="1:10" x14ac:dyDescent="0.35">
      <c r="A12753" s="1" t="s">
        <v>48740</v>
      </c>
      <c r="B12753" s="1" t="s">
        <v>47525</v>
      </c>
      <c r="C12753" s="1" t="s">
        <v>75</v>
      </c>
      <c r="D12753" s="1" t="s">
        <v>48787</v>
      </c>
      <c r="E12753" s="1" t="s">
        <v>48788</v>
      </c>
      <c r="F12753" s="1" t="s">
        <v>48789</v>
      </c>
      <c r="G12753" s="1" t="s">
        <v>48744</v>
      </c>
      <c r="H12753" s="1" t="s">
        <v>48745</v>
      </c>
      <c r="I12753" s="1" t="s">
        <v>47531</v>
      </c>
      <c r="J12753" s="1" t="s">
        <v>48790</v>
      </c>
    </row>
    <row r="12754" spans="1:10" x14ac:dyDescent="0.35">
      <c r="A12754" s="1" t="s">
        <v>48740</v>
      </c>
      <c r="B12754" s="1" t="s">
        <v>47525</v>
      </c>
      <c r="C12754" s="1" t="s">
        <v>80</v>
      </c>
      <c r="D12754" s="1" t="s">
        <v>48791</v>
      </c>
      <c r="E12754" s="1" t="s">
        <v>48792</v>
      </c>
      <c r="F12754" s="1" t="s">
        <v>48793</v>
      </c>
      <c r="G12754" s="1" t="s">
        <v>48744</v>
      </c>
      <c r="H12754" s="1" t="s">
        <v>48745</v>
      </c>
      <c r="I12754" s="1" t="s">
        <v>47531</v>
      </c>
      <c r="J12754" s="1" t="s">
        <v>48794</v>
      </c>
    </row>
    <row r="12755" spans="1:10" x14ac:dyDescent="0.35">
      <c r="A12755" s="1" t="s">
        <v>48740</v>
      </c>
      <c r="B12755" s="1" t="s">
        <v>47525</v>
      </c>
      <c r="C12755" s="1" t="s">
        <v>85</v>
      </c>
      <c r="D12755" s="1" t="s">
        <v>37934</v>
      </c>
      <c r="E12755" s="1" t="s">
        <v>48795</v>
      </c>
      <c r="F12755" s="1" t="s">
        <v>48796</v>
      </c>
      <c r="G12755" s="1" t="s">
        <v>48744</v>
      </c>
      <c r="H12755" s="1" t="s">
        <v>48745</v>
      </c>
      <c r="I12755" s="1" t="s">
        <v>47531</v>
      </c>
      <c r="J12755" s="1" t="s">
        <v>48797</v>
      </c>
    </row>
    <row r="12756" spans="1:10" x14ac:dyDescent="0.35">
      <c r="A12756" s="1" t="s">
        <v>48740</v>
      </c>
      <c r="B12756" s="1" t="s">
        <v>47525</v>
      </c>
      <c r="C12756" s="1" t="s">
        <v>90</v>
      </c>
      <c r="D12756" s="1" t="s">
        <v>15539</v>
      </c>
      <c r="E12756" s="1" t="s">
        <v>48798</v>
      </c>
      <c r="F12756" s="1" t="s">
        <v>48799</v>
      </c>
      <c r="G12756" s="1" t="s">
        <v>48744</v>
      </c>
      <c r="H12756" s="1" t="s">
        <v>48745</v>
      </c>
      <c r="I12756" s="1" t="s">
        <v>47531</v>
      </c>
      <c r="J12756" s="1" t="s">
        <v>48800</v>
      </c>
    </row>
    <row r="12757" spans="1:10" x14ac:dyDescent="0.35">
      <c r="A12757" s="1" t="s">
        <v>48740</v>
      </c>
      <c r="B12757" s="1" t="s">
        <v>47525</v>
      </c>
      <c r="C12757" s="1" t="s">
        <v>95</v>
      </c>
      <c r="D12757" s="1" t="s">
        <v>48801</v>
      </c>
      <c r="E12757" s="1" t="s">
        <v>48802</v>
      </c>
      <c r="F12757" s="1" t="s">
        <v>48803</v>
      </c>
      <c r="G12757" s="1" t="s">
        <v>48744</v>
      </c>
      <c r="H12757" s="1" t="s">
        <v>48745</v>
      </c>
      <c r="I12757" s="1" t="s">
        <v>47531</v>
      </c>
      <c r="J12757" s="1" t="s">
        <v>48804</v>
      </c>
    </row>
    <row r="12758" spans="1:10" x14ac:dyDescent="0.35">
      <c r="A12758" s="1" t="s">
        <v>48740</v>
      </c>
      <c r="B12758" s="1" t="s">
        <v>47525</v>
      </c>
      <c r="C12758" s="1" t="s">
        <v>100</v>
      </c>
      <c r="D12758" s="1" t="s">
        <v>48805</v>
      </c>
      <c r="E12758" s="1" t="s">
        <v>48806</v>
      </c>
      <c r="F12758" s="1" t="s">
        <v>48807</v>
      </c>
      <c r="G12758" s="1" t="s">
        <v>48744</v>
      </c>
      <c r="H12758" s="1" t="s">
        <v>48745</v>
      </c>
      <c r="I12758" s="1" t="s">
        <v>47531</v>
      </c>
      <c r="J12758" s="1" t="s">
        <v>48808</v>
      </c>
    </row>
    <row r="12759" spans="1:10" x14ac:dyDescent="0.35">
      <c r="A12759" s="1" t="s">
        <v>48740</v>
      </c>
      <c r="B12759" s="1" t="s">
        <v>47525</v>
      </c>
      <c r="C12759" s="1" t="s">
        <v>105</v>
      </c>
      <c r="D12759" s="1" t="s">
        <v>46907</v>
      </c>
      <c r="E12759" s="1" t="s">
        <v>48809</v>
      </c>
      <c r="F12759" s="1" t="s">
        <v>48810</v>
      </c>
      <c r="G12759" s="1" t="s">
        <v>48744</v>
      </c>
      <c r="H12759" s="1" t="s">
        <v>48745</v>
      </c>
      <c r="I12759" s="1" t="s">
        <v>47531</v>
      </c>
      <c r="J12759" s="1" t="s">
        <v>48811</v>
      </c>
    </row>
    <row r="12760" spans="1:10" x14ac:dyDescent="0.35">
      <c r="A12760" s="1" t="s">
        <v>48740</v>
      </c>
      <c r="B12760" s="1" t="s">
        <v>47525</v>
      </c>
      <c r="C12760" s="1" t="s">
        <v>110</v>
      </c>
      <c r="D12760" s="1" t="s">
        <v>48812</v>
      </c>
      <c r="E12760" s="1" t="s">
        <v>48813</v>
      </c>
      <c r="F12760" s="1" t="s">
        <v>48814</v>
      </c>
      <c r="G12760" s="1" t="s">
        <v>48744</v>
      </c>
      <c r="H12760" s="1" t="s">
        <v>48745</v>
      </c>
      <c r="I12760" s="1" t="s">
        <v>47531</v>
      </c>
      <c r="J12760" s="1" t="s">
        <v>48815</v>
      </c>
    </row>
    <row r="12761" spans="1:10" x14ac:dyDescent="0.35">
      <c r="A12761" s="1" t="s">
        <v>48740</v>
      </c>
      <c r="B12761" s="1" t="s">
        <v>47525</v>
      </c>
      <c r="C12761" s="1" t="s">
        <v>115</v>
      </c>
      <c r="D12761" s="1" t="s">
        <v>31899</v>
      </c>
      <c r="E12761" s="1" t="s">
        <v>48816</v>
      </c>
      <c r="F12761" s="1" t="s">
        <v>48817</v>
      </c>
      <c r="G12761" s="1" t="s">
        <v>48744</v>
      </c>
      <c r="H12761" s="1" t="s">
        <v>48745</v>
      </c>
      <c r="I12761" s="1" t="s">
        <v>47531</v>
      </c>
      <c r="J12761" s="1" t="s">
        <v>48818</v>
      </c>
    </row>
    <row r="12762" spans="1:10" x14ac:dyDescent="0.35">
      <c r="A12762" s="1" t="s">
        <v>48740</v>
      </c>
      <c r="B12762" s="1" t="s">
        <v>47525</v>
      </c>
      <c r="C12762" s="1" t="s">
        <v>120</v>
      </c>
      <c r="D12762" s="1" t="s">
        <v>48819</v>
      </c>
      <c r="E12762" s="1" t="s">
        <v>48820</v>
      </c>
      <c r="F12762" s="1" t="s">
        <v>48821</v>
      </c>
      <c r="G12762" s="1" t="s">
        <v>48744</v>
      </c>
      <c r="H12762" s="1" t="s">
        <v>48745</v>
      </c>
      <c r="I12762" s="1" t="s">
        <v>47531</v>
      </c>
      <c r="J12762" s="1" t="s">
        <v>48822</v>
      </c>
    </row>
    <row r="12763" spans="1:10" x14ac:dyDescent="0.35">
      <c r="A12763" s="1" t="s">
        <v>48740</v>
      </c>
      <c r="B12763" s="1" t="s">
        <v>47525</v>
      </c>
      <c r="C12763" s="1" t="s">
        <v>125</v>
      </c>
      <c r="D12763" s="1" t="s">
        <v>48823</v>
      </c>
      <c r="E12763" s="1" t="s">
        <v>48824</v>
      </c>
      <c r="F12763" s="1" t="s">
        <v>48825</v>
      </c>
      <c r="G12763" s="1" t="s">
        <v>48744</v>
      </c>
      <c r="H12763" s="1" t="s">
        <v>48745</v>
      </c>
      <c r="I12763" s="1" t="s">
        <v>47531</v>
      </c>
      <c r="J12763" s="1" t="s">
        <v>48826</v>
      </c>
    </row>
    <row r="12764" spans="1:10" x14ac:dyDescent="0.35">
      <c r="A12764" s="1" t="s">
        <v>48740</v>
      </c>
      <c r="B12764" s="1" t="s">
        <v>47525</v>
      </c>
      <c r="C12764" s="1" t="s">
        <v>130</v>
      </c>
      <c r="D12764" s="1" t="s">
        <v>48827</v>
      </c>
      <c r="E12764" s="1" t="s">
        <v>48828</v>
      </c>
      <c r="F12764" s="1" t="s">
        <v>48829</v>
      </c>
      <c r="G12764" s="1" t="s">
        <v>48744</v>
      </c>
      <c r="H12764" s="1" t="s">
        <v>48745</v>
      </c>
      <c r="I12764" s="1" t="s">
        <v>47531</v>
      </c>
      <c r="J12764" s="1" t="s">
        <v>48830</v>
      </c>
    </row>
    <row r="12765" spans="1:10" x14ac:dyDescent="0.35">
      <c r="A12765" s="1" t="s">
        <v>48740</v>
      </c>
      <c r="B12765" s="1" t="s">
        <v>47525</v>
      </c>
      <c r="C12765" s="1" t="s">
        <v>135</v>
      </c>
      <c r="D12765" s="1" t="s">
        <v>43209</v>
      </c>
      <c r="E12765" s="1" t="s">
        <v>48831</v>
      </c>
      <c r="F12765" s="1" t="s">
        <v>48832</v>
      </c>
      <c r="G12765" s="1" t="s">
        <v>48744</v>
      </c>
      <c r="H12765" s="1" t="s">
        <v>48745</v>
      </c>
      <c r="I12765" s="1" t="s">
        <v>47531</v>
      </c>
      <c r="J12765" s="1" t="s">
        <v>48833</v>
      </c>
    </row>
    <row r="12766" spans="1:10" x14ac:dyDescent="0.35">
      <c r="A12766" s="1" t="s">
        <v>48740</v>
      </c>
      <c r="B12766" s="1" t="s">
        <v>47525</v>
      </c>
      <c r="C12766" s="1" t="s">
        <v>140</v>
      </c>
      <c r="D12766" s="1" t="s">
        <v>48834</v>
      </c>
      <c r="E12766" s="1" t="s">
        <v>48835</v>
      </c>
      <c r="F12766" s="1" t="s">
        <v>48836</v>
      </c>
      <c r="G12766" s="1" t="s">
        <v>48744</v>
      </c>
      <c r="H12766" s="1" t="s">
        <v>48745</v>
      </c>
      <c r="I12766" s="1" t="s">
        <v>47531</v>
      </c>
      <c r="J12766" s="1" t="s">
        <v>48837</v>
      </c>
    </row>
    <row r="12767" spans="1:10" x14ac:dyDescent="0.35">
      <c r="A12767" s="1" t="s">
        <v>48740</v>
      </c>
      <c r="B12767" s="1" t="s">
        <v>47525</v>
      </c>
      <c r="C12767" s="1" t="s">
        <v>145</v>
      </c>
      <c r="D12767" s="1" t="s">
        <v>9798</v>
      </c>
      <c r="E12767" s="1" t="s">
        <v>48838</v>
      </c>
      <c r="F12767" s="1" t="s">
        <v>48839</v>
      </c>
      <c r="G12767" s="1" t="s">
        <v>48744</v>
      </c>
      <c r="H12767" s="1" t="s">
        <v>48745</v>
      </c>
      <c r="I12767" s="1" t="s">
        <v>47531</v>
      </c>
      <c r="J12767" s="1" t="s">
        <v>48840</v>
      </c>
    </row>
    <row r="12768" spans="1:10" x14ac:dyDescent="0.35">
      <c r="A12768" s="1" t="s">
        <v>48740</v>
      </c>
      <c r="B12768" s="1" t="s">
        <v>47525</v>
      </c>
      <c r="C12768" s="1" t="s">
        <v>150</v>
      </c>
      <c r="D12768" s="1" t="s">
        <v>48841</v>
      </c>
      <c r="E12768" s="1" t="s">
        <v>48842</v>
      </c>
      <c r="F12768" s="1" t="s">
        <v>48843</v>
      </c>
      <c r="G12768" s="1" t="s">
        <v>48744</v>
      </c>
      <c r="H12768" s="1" t="s">
        <v>48745</v>
      </c>
      <c r="I12768" s="1" t="s">
        <v>47531</v>
      </c>
      <c r="J12768" s="1" t="s">
        <v>48844</v>
      </c>
    </row>
    <row r="12769" spans="1:10" x14ac:dyDescent="0.35">
      <c r="A12769" s="1" t="s">
        <v>48740</v>
      </c>
      <c r="B12769" s="1" t="s">
        <v>47525</v>
      </c>
      <c r="C12769" s="1" t="s">
        <v>155</v>
      </c>
      <c r="D12769" s="1" t="s">
        <v>48845</v>
      </c>
      <c r="E12769" s="1" t="s">
        <v>48846</v>
      </c>
      <c r="F12769" s="1" t="s">
        <v>48847</v>
      </c>
      <c r="G12769" s="1" t="s">
        <v>48744</v>
      </c>
      <c r="H12769" s="1" t="s">
        <v>48745</v>
      </c>
      <c r="I12769" s="1" t="s">
        <v>47531</v>
      </c>
      <c r="J12769" s="1" t="s">
        <v>48848</v>
      </c>
    </row>
    <row r="12770" spans="1:10" x14ac:dyDescent="0.35">
      <c r="A12770" s="1" t="s">
        <v>48740</v>
      </c>
      <c r="B12770" s="1" t="s">
        <v>47525</v>
      </c>
      <c r="C12770" s="1" t="s">
        <v>160</v>
      </c>
      <c r="D12770" s="1" t="s">
        <v>48849</v>
      </c>
      <c r="E12770" s="1" t="s">
        <v>48850</v>
      </c>
      <c r="F12770" s="1" t="s">
        <v>48851</v>
      </c>
      <c r="G12770" s="1" t="s">
        <v>48744</v>
      </c>
      <c r="H12770" s="1" t="s">
        <v>48745</v>
      </c>
      <c r="I12770" s="1" t="s">
        <v>47531</v>
      </c>
      <c r="J12770" s="1" t="s">
        <v>48852</v>
      </c>
    </row>
    <row r="12771" spans="1:10" x14ac:dyDescent="0.35">
      <c r="A12771" s="1" t="s">
        <v>48740</v>
      </c>
      <c r="B12771" s="1" t="s">
        <v>47525</v>
      </c>
      <c r="C12771" s="1" t="s">
        <v>165</v>
      </c>
      <c r="D12771" s="1" t="s">
        <v>48853</v>
      </c>
      <c r="E12771" s="1" t="s">
        <v>48854</v>
      </c>
      <c r="F12771" s="1" t="s">
        <v>48855</v>
      </c>
      <c r="G12771" s="1" t="s">
        <v>48744</v>
      </c>
      <c r="H12771" s="1" t="s">
        <v>48745</v>
      </c>
      <c r="I12771" s="1" t="s">
        <v>47531</v>
      </c>
      <c r="J12771" s="1" t="s">
        <v>48856</v>
      </c>
    </row>
    <row r="12772" spans="1:10" x14ac:dyDescent="0.35">
      <c r="A12772" s="1" t="s">
        <v>48740</v>
      </c>
      <c r="B12772" s="1" t="s">
        <v>47525</v>
      </c>
      <c r="C12772" s="1" t="s">
        <v>170</v>
      </c>
      <c r="D12772" s="1" t="s">
        <v>48857</v>
      </c>
      <c r="E12772" s="1" t="s">
        <v>48858</v>
      </c>
      <c r="F12772" s="1" t="s">
        <v>48859</v>
      </c>
      <c r="G12772" s="1" t="s">
        <v>48744</v>
      </c>
      <c r="H12772" s="1" t="s">
        <v>48745</v>
      </c>
      <c r="I12772" s="1" t="s">
        <v>47531</v>
      </c>
      <c r="J12772" s="1" t="s">
        <v>48860</v>
      </c>
    </row>
    <row r="12773" spans="1:10" x14ac:dyDescent="0.35">
      <c r="A12773" s="1" t="s">
        <v>48861</v>
      </c>
      <c r="B12773" s="1" t="s">
        <v>47525</v>
      </c>
      <c r="C12773" s="1" t="s">
        <v>8</v>
      </c>
      <c r="D12773" s="1" t="s">
        <v>48862</v>
      </c>
      <c r="E12773" s="1" t="s">
        <v>48863</v>
      </c>
      <c r="F12773" s="1" t="s">
        <v>48864</v>
      </c>
      <c r="G12773" s="1" t="s">
        <v>48865</v>
      </c>
      <c r="H12773" s="1" t="s">
        <v>48866</v>
      </c>
      <c r="I12773" s="1" t="s">
        <v>47531</v>
      </c>
      <c r="J12773" s="1" t="s">
        <v>13</v>
      </c>
    </row>
    <row r="12774" spans="1:10" x14ac:dyDescent="0.35">
      <c r="A12774" s="1" t="s">
        <v>48861</v>
      </c>
      <c r="B12774" s="1" t="s">
        <v>47525</v>
      </c>
      <c r="C12774" s="1" t="s">
        <v>15</v>
      </c>
      <c r="D12774" s="1" t="s">
        <v>48867</v>
      </c>
      <c r="E12774" s="1" t="s">
        <v>48868</v>
      </c>
      <c r="F12774" s="1" t="s">
        <v>48869</v>
      </c>
      <c r="G12774" s="1" t="s">
        <v>48865</v>
      </c>
      <c r="H12774" s="1" t="s">
        <v>48866</v>
      </c>
      <c r="I12774" s="1" t="s">
        <v>47531</v>
      </c>
      <c r="J12774" s="1" t="s">
        <v>48870</v>
      </c>
    </row>
    <row r="12775" spans="1:10" x14ac:dyDescent="0.35">
      <c r="A12775" s="1" t="s">
        <v>48861</v>
      </c>
      <c r="B12775" s="1" t="s">
        <v>47525</v>
      </c>
      <c r="C12775" s="1" t="s">
        <v>20</v>
      </c>
      <c r="D12775" s="1" t="s">
        <v>48871</v>
      </c>
      <c r="E12775" s="1" t="s">
        <v>48872</v>
      </c>
      <c r="F12775" s="1" t="s">
        <v>48873</v>
      </c>
      <c r="G12775" s="1" t="s">
        <v>48865</v>
      </c>
      <c r="H12775" s="1" t="s">
        <v>48866</v>
      </c>
      <c r="I12775" s="1" t="s">
        <v>47531</v>
      </c>
      <c r="J12775" s="1" t="s">
        <v>48874</v>
      </c>
    </row>
    <row r="12776" spans="1:10" x14ac:dyDescent="0.35">
      <c r="A12776" s="1" t="s">
        <v>48861</v>
      </c>
      <c r="B12776" s="1" t="s">
        <v>47525</v>
      </c>
      <c r="C12776" s="1" t="s">
        <v>25</v>
      </c>
      <c r="D12776" s="1" t="s">
        <v>48875</v>
      </c>
      <c r="E12776" s="1" t="s">
        <v>48876</v>
      </c>
      <c r="F12776" s="1" t="s">
        <v>48877</v>
      </c>
      <c r="G12776" s="1" t="s">
        <v>48865</v>
      </c>
      <c r="H12776" s="1" t="s">
        <v>48866</v>
      </c>
      <c r="I12776" s="1" t="s">
        <v>47531</v>
      </c>
      <c r="J12776" s="1" t="s">
        <v>48878</v>
      </c>
    </row>
    <row r="12777" spans="1:10" x14ac:dyDescent="0.35">
      <c r="A12777" s="1" t="s">
        <v>48861</v>
      </c>
      <c r="B12777" s="1" t="s">
        <v>47525</v>
      </c>
      <c r="C12777" s="1" t="s">
        <v>30</v>
      </c>
      <c r="D12777" s="1" t="s">
        <v>48879</v>
      </c>
      <c r="E12777" s="1" t="s">
        <v>48880</v>
      </c>
      <c r="F12777" s="1" t="s">
        <v>48881</v>
      </c>
      <c r="G12777" s="1" t="s">
        <v>48865</v>
      </c>
      <c r="H12777" s="1" t="s">
        <v>48866</v>
      </c>
      <c r="I12777" s="1" t="s">
        <v>47531</v>
      </c>
      <c r="J12777" s="1" t="s">
        <v>48882</v>
      </c>
    </row>
    <row r="12778" spans="1:10" x14ac:dyDescent="0.35">
      <c r="A12778" s="1" t="s">
        <v>48861</v>
      </c>
      <c r="B12778" s="1" t="s">
        <v>47525</v>
      </c>
      <c r="C12778" s="1" t="s">
        <v>35</v>
      </c>
      <c r="D12778" s="1" t="s">
        <v>10749</v>
      </c>
      <c r="E12778" s="1" t="s">
        <v>48883</v>
      </c>
      <c r="F12778" s="1" t="s">
        <v>48884</v>
      </c>
      <c r="G12778" s="1" t="s">
        <v>48865</v>
      </c>
      <c r="H12778" s="1" t="s">
        <v>48866</v>
      </c>
      <c r="I12778" s="1" t="s">
        <v>47531</v>
      </c>
      <c r="J12778" s="1" t="s">
        <v>48885</v>
      </c>
    </row>
    <row r="12779" spans="1:10" x14ac:dyDescent="0.35">
      <c r="A12779" s="1" t="s">
        <v>48861</v>
      </c>
      <c r="B12779" s="1" t="s">
        <v>47525</v>
      </c>
      <c r="C12779" s="1" t="s">
        <v>40</v>
      </c>
      <c r="D12779" s="1" t="s">
        <v>15281</v>
      </c>
      <c r="E12779" s="1" t="s">
        <v>48886</v>
      </c>
      <c r="F12779" s="1" t="s">
        <v>48887</v>
      </c>
      <c r="G12779" s="1" t="s">
        <v>48865</v>
      </c>
      <c r="H12779" s="1" t="s">
        <v>48866</v>
      </c>
      <c r="I12779" s="1" t="s">
        <v>47531</v>
      </c>
      <c r="J12779" s="1" t="s">
        <v>48888</v>
      </c>
    </row>
    <row r="12780" spans="1:10" x14ac:dyDescent="0.35">
      <c r="A12780" s="1" t="s">
        <v>48861</v>
      </c>
      <c r="B12780" s="1" t="s">
        <v>47525</v>
      </c>
      <c r="C12780" s="1" t="s">
        <v>45</v>
      </c>
      <c r="D12780" s="1" t="s">
        <v>48889</v>
      </c>
      <c r="E12780" s="1" t="s">
        <v>48890</v>
      </c>
      <c r="F12780" s="1" t="s">
        <v>48891</v>
      </c>
      <c r="G12780" s="1" t="s">
        <v>48865</v>
      </c>
      <c r="H12780" s="1" t="s">
        <v>48866</v>
      </c>
      <c r="I12780" s="1" t="s">
        <v>47531</v>
      </c>
      <c r="J12780" s="1" t="s">
        <v>42327</v>
      </c>
    </row>
    <row r="12781" spans="1:10" x14ac:dyDescent="0.35">
      <c r="A12781" s="1" t="s">
        <v>48861</v>
      </c>
      <c r="B12781" s="1" t="s">
        <v>47525</v>
      </c>
      <c r="C12781" s="1" t="s">
        <v>50</v>
      </c>
      <c r="D12781" s="1" t="s">
        <v>48892</v>
      </c>
      <c r="E12781" s="1" t="s">
        <v>48893</v>
      </c>
      <c r="F12781" s="1" t="s">
        <v>48894</v>
      </c>
      <c r="G12781" s="1" t="s">
        <v>48865</v>
      </c>
      <c r="H12781" s="1" t="s">
        <v>48866</v>
      </c>
      <c r="I12781" s="1" t="s">
        <v>47531</v>
      </c>
      <c r="J12781" s="1" t="s">
        <v>48895</v>
      </c>
    </row>
    <row r="12782" spans="1:10" x14ac:dyDescent="0.35">
      <c r="A12782" s="1" t="s">
        <v>48861</v>
      </c>
      <c r="B12782" s="1" t="s">
        <v>47525</v>
      </c>
      <c r="C12782" s="1" t="s">
        <v>55</v>
      </c>
      <c r="D12782" s="1" t="s">
        <v>48896</v>
      </c>
      <c r="E12782" s="1" t="s">
        <v>48897</v>
      </c>
      <c r="F12782" s="1" t="s">
        <v>48898</v>
      </c>
      <c r="G12782" s="1" t="s">
        <v>48865</v>
      </c>
      <c r="H12782" s="1" t="s">
        <v>48866</v>
      </c>
      <c r="I12782" s="1" t="s">
        <v>47531</v>
      </c>
      <c r="J12782" s="1" t="s">
        <v>48899</v>
      </c>
    </row>
    <row r="12783" spans="1:10" x14ac:dyDescent="0.35">
      <c r="A12783" s="1" t="s">
        <v>48861</v>
      </c>
      <c r="B12783" s="1" t="s">
        <v>47525</v>
      </c>
      <c r="C12783" s="1" t="s">
        <v>60</v>
      </c>
      <c r="D12783" s="1" t="s">
        <v>48900</v>
      </c>
      <c r="E12783" s="1" t="s">
        <v>48901</v>
      </c>
      <c r="F12783" s="1" t="s">
        <v>48902</v>
      </c>
      <c r="G12783" s="1" t="s">
        <v>48865</v>
      </c>
      <c r="H12783" s="1" t="s">
        <v>48866</v>
      </c>
      <c r="I12783" s="1" t="s">
        <v>47531</v>
      </c>
      <c r="J12783" s="1" t="s">
        <v>48903</v>
      </c>
    </row>
    <row r="12784" spans="1:10" x14ac:dyDescent="0.35">
      <c r="A12784" s="1" t="s">
        <v>48861</v>
      </c>
      <c r="B12784" s="1" t="s">
        <v>47525</v>
      </c>
      <c r="C12784" s="1" t="s">
        <v>65</v>
      </c>
      <c r="D12784" s="1" t="s">
        <v>48904</v>
      </c>
      <c r="E12784" s="1" t="s">
        <v>48905</v>
      </c>
      <c r="F12784" s="1" t="s">
        <v>48906</v>
      </c>
      <c r="G12784" s="1" t="s">
        <v>48865</v>
      </c>
      <c r="H12784" s="1" t="s">
        <v>48866</v>
      </c>
      <c r="I12784" s="1" t="s">
        <v>47531</v>
      </c>
      <c r="J12784" s="1" t="s">
        <v>48907</v>
      </c>
    </row>
    <row r="12785" spans="1:10" x14ac:dyDescent="0.35">
      <c r="A12785" s="1" t="s">
        <v>48861</v>
      </c>
      <c r="B12785" s="1" t="s">
        <v>47525</v>
      </c>
      <c r="C12785" s="1" t="s">
        <v>70</v>
      </c>
      <c r="D12785" s="1" t="s">
        <v>38175</v>
      </c>
      <c r="E12785" s="1" t="s">
        <v>48908</v>
      </c>
      <c r="F12785" s="1" t="s">
        <v>48909</v>
      </c>
      <c r="G12785" s="1" t="s">
        <v>48865</v>
      </c>
      <c r="H12785" s="1" t="s">
        <v>48866</v>
      </c>
      <c r="I12785" s="1" t="s">
        <v>47531</v>
      </c>
      <c r="J12785" s="1" t="s">
        <v>48910</v>
      </c>
    </row>
    <row r="12786" spans="1:10" x14ac:dyDescent="0.35">
      <c r="A12786" s="1" t="s">
        <v>48861</v>
      </c>
      <c r="B12786" s="1" t="s">
        <v>47525</v>
      </c>
      <c r="C12786" s="1" t="s">
        <v>75</v>
      </c>
      <c r="D12786" s="1" t="s">
        <v>48911</v>
      </c>
      <c r="E12786" s="1" t="s">
        <v>48912</v>
      </c>
      <c r="F12786" s="1" t="s">
        <v>48913</v>
      </c>
      <c r="G12786" s="1" t="s">
        <v>48865</v>
      </c>
      <c r="H12786" s="1" t="s">
        <v>48866</v>
      </c>
      <c r="I12786" s="1" t="s">
        <v>47531</v>
      </c>
      <c r="J12786" s="1" t="s">
        <v>48914</v>
      </c>
    </row>
    <row r="12787" spans="1:10" x14ac:dyDescent="0.35">
      <c r="A12787" s="1" t="s">
        <v>48861</v>
      </c>
      <c r="B12787" s="1" t="s">
        <v>47525</v>
      </c>
      <c r="C12787" s="1" t="s">
        <v>80</v>
      </c>
      <c r="D12787" s="1" t="s">
        <v>48915</v>
      </c>
      <c r="E12787" s="1" t="s">
        <v>48916</v>
      </c>
      <c r="F12787" s="1" t="s">
        <v>48917</v>
      </c>
      <c r="G12787" s="1" t="s">
        <v>48865</v>
      </c>
      <c r="H12787" s="1" t="s">
        <v>48866</v>
      </c>
      <c r="I12787" s="1" t="s">
        <v>47531</v>
      </c>
      <c r="J12787" s="1" t="s">
        <v>48918</v>
      </c>
    </row>
    <row r="12788" spans="1:10" x14ac:dyDescent="0.35">
      <c r="A12788" s="1" t="s">
        <v>48861</v>
      </c>
      <c r="B12788" s="1" t="s">
        <v>47525</v>
      </c>
      <c r="C12788" s="1" t="s">
        <v>85</v>
      </c>
      <c r="D12788" s="1" t="s">
        <v>48919</v>
      </c>
      <c r="E12788" s="1" t="s">
        <v>48920</v>
      </c>
      <c r="F12788" s="1" t="s">
        <v>48921</v>
      </c>
      <c r="G12788" s="1" t="s">
        <v>48865</v>
      </c>
      <c r="H12788" s="1" t="s">
        <v>48866</v>
      </c>
      <c r="I12788" s="1" t="s">
        <v>47531</v>
      </c>
      <c r="J12788" s="1" t="s">
        <v>48922</v>
      </c>
    </row>
    <row r="12789" spans="1:10" x14ac:dyDescent="0.35">
      <c r="A12789" s="1" t="s">
        <v>48861</v>
      </c>
      <c r="B12789" s="1" t="s">
        <v>47525</v>
      </c>
      <c r="C12789" s="1" t="s">
        <v>90</v>
      </c>
      <c r="D12789" s="1" t="s">
        <v>38638</v>
      </c>
      <c r="E12789" s="1" t="s">
        <v>48923</v>
      </c>
      <c r="F12789" s="1" t="s">
        <v>48924</v>
      </c>
      <c r="G12789" s="1" t="s">
        <v>48865</v>
      </c>
      <c r="H12789" s="1" t="s">
        <v>48866</v>
      </c>
      <c r="I12789" s="1" t="s">
        <v>47531</v>
      </c>
      <c r="J12789" s="1" t="s">
        <v>48925</v>
      </c>
    </row>
    <row r="12790" spans="1:10" x14ac:dyDescent="0.35">
      <c r="A12790" s="1" t="s">
        <v>48861</v>
      </c>
      <c r="B12790" s="1" t="s">
        <v>47525</v>
      </c>
      <c r="C12790" s="1" t="s">
        <v>95</v>
      </c>
      <c r="D12790" s="1" t="s">
        <v>11803</v>
      </c>
      <c r="E12790" s="1" t="s">
        <v>48926</v>
      </c>
      <c r="F12790" s="1" t="s">
        <v>48927</v>
      </c>
      <c r="G12790" s="1" t="s">
        <v>48865</v>
      </c>
      <c r="H12790" s="1" t="s">
        <v>48866</v>
      </c>
      <c r="I12790" s="1" t="s">
        <v>47531</v>
      </c>
      <c r="J12790" s="1" t="s">
        <v>48928</v>
      </c>
    </row>
    <row r="12791" spans="1:10" x14ac:dyDescent="0.35">
      <c r="A12791" s="1" t="s">
        <v>48861</v>
      </c>
      <c r="B12791" s="1" t="s">
        <v>47525</v>
      </c>
      <c r="C12791" s="1" t="s">
        <v>100</v>
      </c>
      <c r="D12791" s="1" t="s">
        <v>32579</v>
      </c>
      <c r="E12791" s="1" t="s">
        <v>48929</v>
      </c>
      <c r="F12791" s="1" t="s">
        <v>48930</v>
      </c>
      <c r="G12791" s="1" t="s">
        <v>48865</v>
      </c>
      <c r="H12791" s="1" t="s">
        <v>48866</v>
      </c>
      <c r="I12791" s="1" t="s">
        <v>47531</v>
      </c>
      <c r="J12791" s="1" t="s">
        <v>48931</v>
      </c>
    </row>
    <row r="12792" spans="1:10" x14ac:dyDescent="0.35">
      <c r="A12792" s="1" t="s">
        <v>48861</v>
      </c>
      <c r="B12792" s="1" t="s">
        <v>47525</v>
      </c>
      <c r="C12792" s="1" t="s">
        <v>105</v>
      </c>
      <c r="D12792" s="1" t="s">
        <v>48932</v>
      </c>
      <c r="E12792" s="1" t="s">
        <v>48933</v>
      </c>
      <c r="F12792" s="1" t="s">
        <v>48934</v>
      </c>
      <c r="G12792" s="1" t="s">
        <v>48865</v>
      </c>
      <c r="H12792" s="1" t="s">
        <v>48866</v>
      </c>
      <c r="I12792" s="1" t="s">
        <v>47531</v>
      </c>
      <c r="J12792" s="1" t="s">
        <v>48935</v>
      </c>
    </row>
    <row r="12793" spans="1:10" x14ac:dyDescent="0.35">
      <c r="A12793" s="1" t="s">
        <v>48861</v>
      </c>
      <c r="B12793" s="1" t="s">
        <v>47525</v>
      </c>
      <c r="C12793" s="1" t="s">
        <v>110</v>
      </c>
      <c r="D12793" s="1" t="s">
        <v>48936</v>
      </c>
      <c r="E12793" s="1" t="s">
        <v>48937</v>
      </c>
      <c r="F12793" s="1" t="s">
        <v>48938</v>
      </c>
      <c r="G12793" s="1" t="s">
        <v>48865</v>
      </c>
      <c r="H12793" s="1" t="s">
        <v>48866</v>
      </c>
      <c r="I12793" s="1" t="s">
        <v>47531</v>
      </c>
      <c r="J12793" s="1" t="s">
        <v>48939</v>
      </c>
    </row>
    <row r="12794" spans="1:10" x14ac:dyDescent="0.35">
      <c r="A12794" s="1" t="s">
        <v>48861</v>
      </c>
      <c r="B12794" s="1" t="s">
        <v>47525</v>
      </c>
      <c r="C12794" s="1" t="s">
        <v>115</v>
      </c>
      <c r="D12794" s="1" t="s">
        <v>48940</v>
      </c>
      <c r="E12794" s="1" t="s">
        <v>48941</v>
      </c>
      <c r="F12794" s="1" t="s">
        <v>48942</v>
      </c>
      <c r="G12794" s="1" t="s">
        <v>48865</v>
      </c>
      <c r="H12794" s="1" t="s">
        <v>48866</v>
      </c>
      <c r="I12794" s="1" t="s">
        <v>47531</v>
      </c>
      <c r="J12794" s="1" t="s">
        <v>48943</v>
      </c>
    </row>
    <row r="12795" spans="1:10" x14ac:dyDescent="0.35">
      <c r="A12795" s="1" t="s">
        <v>48861</v>
      </c>
      <c r="B12795" s="1" t="s">
        <v>47525</v>
      </c>
      <c r="C12795" s="1" t="s">
        <v>120</v>
      </c>
      <c r="D12795" s="1" t="s">
        <v>35358</v>
      </c>
      <c r="E12795" s="1" t="s">
        <v>48944</v>
      </c>
      <c r="F12795" s="1" t="s">
        <v>48945</v>
      </c>
      <c r="G12795" s="1" t="s">
        <v>48865</v>
      </c>
      <c r="H12795" s="1" t="s">
        <v>48866</v>
      </c>
      <c r="I12795" s="1" t="s">
        <v>47531</v>
      </c>
      <c r="J12795" s="1" t="s">
        <v>48946</v>
      </c>
    </row>
    <row r="12796" spans="1:10" x14ac:dyDescent="0.35">
      <c r="A12796" s="1" t="s">
        <v>48861</v>
      </c>
      <c r="B12796" s="1" t="s">
        <v>47525</v>
      </c>
      <c r="C12796" s="1" t="s">
        <v>125</v>
      </c>
      <c r="D12796" s="1" t="s">
        <v>30851</v>
      </c>
      <c r="E12796" s="1" t="s">
        <v>48947</v>
      </c>
      <c r="F12796" s="1" t="s">
        <v>48948</v>
      </c>
      <c r="G12796" s="1" t="s">
        <v>48865</v>
      </c>
      <c r="H12796" s="1" t="s">
        <v>48866</v>
      </c>
      <c r="I12796" s="1" t="s">
        <v>47531</v>
      </c>
      <c r="J12796" s="1" t="s">
        <v>48949</v>
      </c>
    </row>
    <row r="12797" spans="1:10" x14ac:dyDescent="0.35">
      <c r="A12797" s="1" t="s">
        <v>48861</v>
      </c>
      <c r="B12797" s="1" t="s">
        <v>47525</v>
      </c>
      <c r="C12797" s="1" t="s">
        <v>130</v>
      </c>
      <c r="D12797" s="1" t="s">
        <v>48950</v>
      </c>
      <c r="E12797" s="1" t="s">
        <v>48951</v>
      </c>
      <c r="F12797" s="1" t="s">
        <v>48952</v>
      </c>
      <c r="G12797" s="1" t="s">
        <v>48865</v>
      </c>
      <c r="H12797" s="1" t="s">
        <v>48866</v>
      </c>
      <c r="I12797" s="1" t="s">
        <v>47531</v>
      </c>
      <c r="J12797" s="1" t="s">
        <v>48953</v>
      </c>
    </row>
    <row r="12798" spans="1:10" x14ac:dyDescent="0.35">
      <c r="A12798" s="1" t="s">
        <v>48861</v>
      </c>
      <c r="B12798" s="1" t="s">
        <v>47525</v>
      </c>
      <c r="C12798" s="1" t="s">
        <v>135</v>
      </c>
      <c r="D12798" s="1" t="s">
        <v>48954</v>
      </c>
      <c r="E12798" s="1" t="s">
        <v>48955</v>
      </c>
      <c r="F12798" s="1" t="s">
        <v>48956</v>
      </c>
      <c r="G12798" s="1" t="s">
        <v>48865</v>
      </c>
      <c r="H12798" s="1" t="s">
        <v>48866</v>
      </c>
      <c r="I12798" s="1" t="s">
        <v>47531</v>
      </c>
      <c r="J12798" s="1" t="s">
        <v>48957</v>
      </c>
    </row>
    <row r="12799" spans="1:10" x14ac:dyDescent="0.35">
      <c r="A12799" s="1" t="s">
        <v>48861</v>
      </c>
      <c r="B12799" s="1" t="s">
        <v>47525</v>
      </c>
      <c r="C12799" s="1" t="s">
        <v>140</v>
      </c>
      <c r="D12799" s="1" t="s">
        <v>48958</v>
      </c>
      <c r="E12799" s="1" t="s">
        <v>48959</v>
      </c>
      <c r="F12799" s="1" t="s">
        <v>48960</v>
      </c>
      <c r="G12799" s="1" t="s">
        <v>48865</v>
      </c>
      <c r="H12799" s="1" t="s">
        <v>48866</v>
      </c>
      <c r="I12799" s="1" t="s">
        <v>47531</v>
      </c>
      <c r="J12799" s="1" t="s">
        <v>48961</v>
      </c>
    </row>
    <row r="12800" spans="1:10" x14ac:dyDescent="0.35">
      <c r="A12800" s="1" t="s">
        <v>48861</v>
      </c>
      <c r="B12800" s="1" t="s">
        <v>47525</v>
      </c>
      <c r="C12800" s="1" t="s">
        <v>145</v>
      </c>
      <c r="D12800" s="1" t="s">
        <v>48962</v>
      </c>
      <c r="E12800" s="1" t="s">
        <v>48963</v>
      </c>
      <c r="F12800" s="1" t="s">
        <v>48964</v>
      </c>
      <c r="G12800" s="1" t="s">
        <v>48865</v>
      </c>
      <c r="H12800" s="1" t="s">
        <v>48866</v>
      </c>
      <c r="I12800" s="1" t="s">
        <v>47531</v>
      </c>
      <c r="J12800" s="1" t="s">
        <v>48965</v>
      </c>
    </row>
    <row r="12801" spans="1:10" x14ac:dyDescent="0.35">
      <c r="A12801" s="1" t="s">
        <v>48861</v>
      </c>
      <c r="B12801" s="1" t="s">
        <v>47525</v>
      </c>
      <c r="C12801" s="1" t="s">
        <v>150</v>
      </c>
      <c r="D12801" s="1" t="s">
        <v>16185</v>
      </c>
      <c r="E12801" s="1" t="s">
        <v>48966</v>
      </c>
      <c r="F12801" s="1" t="s">
        <v>48967</v>
      </c>
      <c r="G12801" s="1" t="s">
        <v>48865</v>
      </c>
      <c r="H12801" s="1" t="s">
        <v>48866</v>
      </c>
      <c r="I12801" s="1" t="s">
        <v>47531</v>
      </c>
      <c r="J12801" s="1" t="s">
        <v>48968</v>
      </c>
    </row>
    <row r="12802" spans="1:10" x14ac:dyDescent="0.35">
      <c r="A12802" s="1" t="s">
        <v>48861</v>
      </c>
      <c r="B12802" s="1" t="s">
        <v>47525</v>
      </c>
      <c r="C12802" s="1" t="s">
        <v>155</v>
      </c>
      <c r="D12802" s="1" t="s">
        <v>48969</v>
      </c>
      <c r="E12802" s="1" t="s">
        <v>48970</v>
      </c>
      <c r="F12802" s="1" t="s">
        <v>48971</v>
      </c>
      <c r="G12802" s="1" t="s">
        <v>48865</v>
      </c>
      <c r="H12802" s="1" t="s">
        <v>48866</v>
      </c>
      <c r="I12802" s="1" t="s">
        <v>47531</v>
      </c>
      <c r="J12802" s="1" t="s">
        <v>48972</v>
      </c>
    </row>
    <row r="12803" spans="1:10" x14ac:dyDescent="0.35">
      <c r="A12803" s="1" t="s">
        <v>48861</v>
      </c>
      <c r="B12803" s="1" t="s">
        <v>47525</v>
      </c>
      <c r="C12803" s="1" t="s">
        <v>160</v>
      </c>
      <c r="D12803" s="1" t="s">
        <v>18282</v>
      </c>
      <c r="E12803" s="1" t="s">
        <v>48973</v>
      </c>
      <c r="F12803" s="1" t="s">
        <v>48974</v>
      </c>
      <c r="G12803" s="1" t="s">
        <v>48865</v>
      </c>
      <c r="H12803" s="1" t="s">
        <v>48866</v>
      </c>
      <c r="I12803" s="1" t="s">
        <v>47531</v>
      </c>
      <c r="J12803" s="1" t="s">
        <v>48975</v>
      </c>
    </row>
    <row r="12804" spans="1:10" x14ac:dyDescent="0.35">
      <c r="A12804" s="1" t="s">
        <v>48861</v>
      </c>
      <c r="B12804" s="1" t="s">
        <v>47525</v>
      </c>
      <c r="C12804" s="1" t="s">
        <v>165</v>
      </c>
      <c r="D12804" s="1" t="s">
        <v>12401</v>
      </c>
      <c r="E12804" s="1" t="s">
        <v>48976</v>
      </c>
      <c r="F12804" s="1" t="s">
        <v>48977</v>
      </c>
      <c r="G12804" s="1" t="s">
        <v>48865</v>
      </c>
      <c r="H12804" s="1" t="s">
        <v>48866</v>
      </c>
      <c r="I12804" s="1" t="s">
        <v>47531</v>
      </c>
      <c r="J12804" s="1" t="s">
        <v>48978</v>
      </c>
    </row>
    <row r="12805" spans="1:10" x14ac:dyDescent="0.35">
      <c r="A12805" s="1" t="s">
        <v>48861</v>
      </c>
      <c r="B12805" s="1" t="s">
        <v>47525</v>
      </c>
      <c r="C12805" s="1" t="s">
        <v>170</v>
      </c>
      <c r="D12805" s="1" t="s">
        <v>48979</v>
      </c>
      <c r="E12805" s="1" t="s">
        <v>48980</v>
      </c>
      <c r="F12805" s="1" t="s">
        <v>48981</v>
      </c>
      <c r="G12805" s="1" t="s">
        <v>48865</v>
      </c>
      <c r="H12805" s="1" t="s">
        <v>48866</v>
      </c>
      <c r="I12805" s="1" t="s">
        <v>47531</v>
      </c>
      <c r="J12805" s="1" t="s">
        <v>48982</v>
      </c>
    </row>
    <row r="12806" spans="1:10" x14ac:dyDescent="0.35">
      <c r="A12806" s="1" t="s">
        <v>48983</v>
      </c>
      <c r="B12806" s="1" t="s">
        <v>47525</v>
      </c>
      <c r="C12806" s="1" t="s">
        <v>8</v>
      </c>
      <c r="D12806" s="1" t="s">
        <v>48984</v>
      </c>
      <c r="E12806" s="1" t="s">
        <v>48985</v>
      </c>
      <c r="F12806" s="1" t="s">
        <v>48986</v>
      </c>
      <c r="G12806" s="1" t="s">
        <v>48987</v>
      </c>
      <c r="H12806" s="1" t="s">
        <v>48988</v>
      </c>
      <c r="I12806" s="1" t="s">
        <v>47531</v>
      </c>
      <c r="J12806" s="1" t="s">
        <v>13</v>
      </c>
    </row>
    <row r="12807" spans="1:10" x14ac:dyDescent="0.35">
      <c r="A12807" s="1" t="s">
        <v>48983</v>
      </c>
      <c r="B12807" s="1" t="s">
        <v>47525</v>
      </c>
      <c r="C12807" s="1" t="s">
        <v>15</v>
      </c>
      <c r="D12807" s="1" t="s">
        <v>48989</v>
      </c>
      <c r="E12807" s="1" t="s">
        <v>48990</v>
      </c>
      <c r="F12807" s="1" t="s">
        <v>48991</v>
      </c>
      <c r="G12807" s="1" t="s">
        <v>48987</v>
      </c>
      <c r="H12807" s="1" t="s">
        <v>48988</v>
      </c>
      <c r="I12807" s="1" t="s">
        <v>47531</v>
      </c>
      <c r="J12807" s="1" t="s">
        <v>48992</v>
      </c>
    </row>
    <row r="12808" spans="1:10" x14ac:dyDescent="0.35">
      <c r="A12808" s="1" t="s">
        <v>48983</v>
      </c>
      <c r="B12808" s="1" t="s">
        <v>47525</v>
      </c>
      <c r="C12808" s="1" t="s">
        <v>20</v>
      </c>
      <c r="D12808" s="1" t="s">
        <v>48993</v>
      </c>
      <c r="E12808" s="1" t="s">
        <v>48994</v>
      </c>
      <c r="F12808" s="1" t="s">
        <v>48995</v>
      </c>
      <c r="G12808" s="1" t="s">
        <v>48987</v>
      </c>
      <c r="H12808" s="1" t="s">
        <v>48988</v>
      </c>
      <c r="I12808" s="1" t="s">
        <v>47531</v>
      </c>
      <c r="J12808" s="1" t="s">
        <v>48996</v>
      </c>
    </row>
    <row r="12809" spans="1:10" x14ac:dyDescent="0.35">
      <c r="A12809" s="1" t="s">
        <v>48983</v>
      </c>
      <c r="B12809" s="1" t="s">
        <v>47525</v>
      </c>
      <c r="C12809" s="1" t="s">
        <v>25</v>
      </c>
      <c r="D12809" s="1" t="s">
        <v>48997</v>
      </c>
      <c r="E12809" s="1" t="s">
        <v>48998</v>
      </c>
      <c r="F12809" s="1" t="s">
        <v>48999</v>
      </c>
      <c r="G12809" s="1" t="s">
        <v>48987</v>
      </c>
      <c r="H12809" s="1" t="s">
        <v>48988</v>
      </c>
      <c r="I12809" s="1" t="s">
        <v>47531</v>
      </c>
      <c r="J12809" s="1" t="s">
        <v>49000</v>
      </c>
    </row>
    <row r="12810" spans="1:10" x14ac:dyDescent="0.35">
      <c r="A12810" s="1" t="s">
        <v>48983</v>
      </c>
      <c r="B12810" s="1" t="s">
        <v>47525</v>
      </c>
      <c r="C12810" s="1" t="s">
        <v>30</v>
      </c>
      <c r="D12810" s="1" t="s">
        <v>49001</v>
      </c>
      <c r="E12810" s="1" t="s">
        <v>49002</v>
      </c>
      <c r="F12810" s="1" t="s">
        <v>49003</v>
      </c>
      <c r="G12810" s="1" t="s">
        <v>48987</v>
      </c>
      <c r="H12810" s="1" t="s">
        <v>48988</v>
      </c>
      <c r="I12810" s="1" t="s">
        <v>47531</v>
      </c>
      <c r="J12810" s="1" t="s">
        <v>49004</v>
      </c>
    </row>
    <row r="12811" spans="1:10" x14ac:dyDescent="0.35">
      <c r="A12811" s="1" t="s">
        <v>48983</v>
      </c>
      <c r="B12811" s="1" t="s">
        <v>47525</v>
      </c>
      <c r="C12811" s="1" t="s">
        <v>35</v>
      </c>
      <c r="D12811" s="1" t="s">
        <v>49005</v>
      </c>
      <c r="E12811" s="1" t="s">
        <v>49006</v>
      </c>
      <c r="F12811" s="1" t="s">
        <v>49007</v>
      </c>
      <c r="G12811" s="1" t="s">
        <v>48987</v>
      </c>
      <c r="H12811" s="1" t="s">
        <v>48988</v>
      </c>
      <c r="I12811" s="1" t="s">
        <v>47531</v>
      </c>
      <c r="J12811" s="1" t="s">
        <v>49008</v>
      </c>
    </row>
    <row r="12812" spans="1:10" x14ac:dyDescent="0.35">
      <c r="A12812" s="1" t="s">
        <v>48983</v>
      </c>
      <c r="B12812" s="1" t="s">
        <v>47525</v>
      </c>
      <c r="C12812" s="1" t="s">
        <v>40</v>
      </c>
      <c r="D12812" s="1" t="s">
        <v>46757</v>
      </c>
      <c r="E12812" s="1" t="s">
        <v>49009</v>
      </c>
      <c r="F12812" s="1" t="s">
        <v>49010</v>
      </c>
      <c r="G12812" s="1" t="s">
        <v>48987</v>
      </c>
      <c r="H12812" s="1" t="s">
        <v>48988</v>
      </c>
      <c r="I12812" s="1" t="s">
        <v>47531</v>
      </c>
      <c r="J12812" s="1" t="s">
        <v>49011</v>
      </c>
    </row>
    <row r="12813" spans="1:10" x14ac:dyDescent="0.35">
      <c r="A12813" s="1" t="s">
        <v>48983</v>
      </c>
      <c r="B12813" s="1" t="s">
        <v>47525</v>
      </c>
      <c r="C12813" s="1" t="s">
        <v>45</v>
      </c>
      <c r="D12813" s="1" t="s">
        <v>42126</v>
      </c>
      <c r="E12813" s="1" t="s">
        <v>49012</v>
      </c>
      <c r="F12813" s="1" t="s">
        <v>49013</v>
      </c>
      <c r="G12813" s="1" t="s">
        <v>48987</v>
      </c>
      <c r="H12813" s="1" t="s">
        <v>48988</v>
      </c>
      <c r="I12813" s="1" t="s">
        <v>47531</v>
      </c>
      <c r="J12813" s="1" t="s">
        <v>49014</v>
      </c>
    </row>
    <row r="12814" spans="1:10" x14ac:dyDescent="0.35">
      <c r="A12814" s="1" t="s">
        <v>48983</v>
      </c>
      <c r="B12814" s="1" t="s">
        <v>47525</v>
      </c>
      <c r="C12814" s="1" t="s">
        <v>50</v>
      </c>
      <c r="D12814" s="1" t="s">
        <v>17179</v>
      </c>
      <c r="E12814" s="1" t="s">
        <v>49015</v>
      </c>
      <c r="F12814" s="1" t="s">
        <v>49016</v>
      </c>
      <c r="G12814" s="1" t="s">
        <v>48987</v>
      </c>
      <c r="H12814" s="1" t="s">
        <v>48988</v>
      </c>
      <c r="I12814" s="1" t="s">
        <v>47531</v>
      </c>
      <c r="J12814" s="1" t="s">
        <v>49017</v>
      </c>
    </row>
    <row r="12815" spans="1:10" x14ac:dyDescent="0.35">
      <c r="A12815" s="1" t="s">
        <v>48983</v>
      </c>
      <c r="B12815" s="1" t="s">
        <v>47525</v>
      </c>
      <c r="C12815" s="1" t="s">
        <v>55</v>
      </c>
      <c r="D12815" s="1" t="s">
        <v>49018</v>
      </c>
      <c r="E12815" s="1" t="s">
        <v>49019</v>
      </c>
      <c r="F12815" s="1" t="s">
        <v>49020</v>
      </c>
      <c r="G12815" s="1" t="s">
        <v>48987</v>
      </c>
      <c r="H12815" s="1" t="s">
        <v>48988</v>
      </c>
      <c r="I12815" s="1" t="s">
        <v>47531</v>
      </c>
      <c r="J12815" s="1" t="s">
        <v>49021</v>
      </c>
    </row>
    <row r="12816" spans="1:10" x14ac:dyDescent="0.35">
      <c r="A12816" s="1" t="s">
        <v>48983</v>
      </c>
      <c r="B12816" s="1" t="s">
        <v>47525</v>
      </c>
      <c r="C12816" s="1" t="s">
        <v>60</v>
      </c>
      <c r="D12816" s="1" t="s">
        <v>49022</v>
      </c>
      <c r="E12816" s="1" t="s">
        <v>49023</v>
      </c>
      <c r="F12816" s="1" t="s">
        <v>49024</v>
      </c>
      <c r="G12816" s="1" t="s">
        <v>48987</v>
      </c>
      <c r="H12816" s="1" t="s">
        <v>48988</v>
      </c>
      <c r="I12816" s="1" t="s">
        <v>47531</v>
      </c>
      <c r="J12816" s="1" t="s">
        <v>49025</v>
      </c>
    </row>
    <row r="12817" spans="1:10" x14ac:dyDescent="0.35">
      <c r="A12817" s="1" t="s">
        <v>48983</v>
      </c>
      <c r="B12817" s="1" t="s">
        <v>47525</v>
      </c>
      <c r="C12817" s="1" t="s">
        <v>65</v>
      </c>
      <c r="D12817" s="1" t="s">
        <v>49026</v>
      </c>
      <c r="E12817" s="1" t="s">
        <v>49027</v>
      </c>
      <c r="F12817" s="1" t="s">
        <v>49028</v>
      </c>
      <c r="G12817" s="1" t="s">
        <v>48987</v>
      </c>
      <c r="H12817" s="1" t="s">
        <v>48988</v>
      </c>
      <c r="I12817" s="1" t="s">
        <v>47531</v>
      </c>
      <c r="J12817" s="1" t="s">
        <v>49029</v>
      </c>
    </row>
    <row r="12818" spans="1:10" x14ac:dyDescent="0.35">
      <c r="A12818" s="1" t="s">
        <v>48983</v>
      </c>
      <c r="B12818" s="1" t="s">
        <v>47525</v>
      </c>
      <c r="C12818" s="1" t="s">
        <v>70</v>
      </c>
      <c r="D12818" s="1" t="s">
        <v>49030</v>
      </c>
      <c r="E12818" s="1" t="s">
        <v>49031</v>
      </c>
      <c r="F12818" s="1" t="s">
        <v>49032</v>
      </c>
      <c r="G12818" s="1" t="s">
        <v>48987</v>
      </c>
      <c r="H12818" s="1" t="s">
        <v>48988</v>
      </c>
      <c r="I12818" s="1" t="s">
        <v>47531</v>
      </c>
      <c r="J12818" s="1" t="s">
        <v>49033</v>
      </c>
    </row>
    <row r="12819" spans="1:10" x14ac:dyDescent="0.35">
      <c r="A12819" s="1" t="s">
        <v>48983</v>
      </c>
      <c r="B12819" s="1" t="s">
        <v>47525</v>
      </c>
      <c r="C12819" s="1" t="s">
        <v>75</v>
      </c>
      <c r="D12819" s="1" t="s">
        <v>49034</v>
      </c>
      <c r="E12819" s="1" t="s">
        <v>49035</v>
      </c>
      <c r="F12819" s="1" t="s">
        <v>49036</v>
      </c>
      <c r="G12819" s="1" t="s">
        <v>48987</v>
      </c>
      <c r="H12819" s="1" t="s">
        <v>48988</v>
      </c>
      <c r="I12819" s="1" t="s">
        <v>47531</v>
      </c>
      <c r="J12819" s="1" t="s">
        <v>49037</v>
      </c>
    </row>
    <row r="12820" spans="1:10" x14ac:dyDescent="0.35">
      <c r="A12820" s="1" t="s">
        <v>48983</v>
      </c>
      <c r="B12820" s="1" t="s">
        <v>47525</v>
      </c>
      <c r="C12820" s="1" t="s">
        <v>80</v>
      </c>
      <c r="D12820" s="1" t="s">
        <v>49038</v>
      </c>
      <c r="E12820" s="1" t="s">
        <v>49039</v>
      </c>
      <c r="F12820" s="1" t="s">
        <v>49040</v>
      </c>
      <c r="G12820" s="1" t="s">
        <v>48987</v>
      </c>
      <c r="H12820" s="1" t="s">
        <v>48988</v>
      </c>
      <c r="I12820" s="1" t="s">
        <v>47531</v>
      </c>
      <c r="J12820" s="1" t="s">
        <v>49041</v>
      </c>
    </row>
    <row r="12821" spans="1:10" x14ac:dyDescent="0.35">
      <c r="A12821" s="1" t="s">
        <v>48983</v>
      </c>
      <c r="B12821" s="1" t="s">
        <v>47525</v>
      </c>
      <c r="C12821" s="1" t="s">
        <v>85</v>
      </c>
      <c r="D12821" s="1" t="s">
        <v>49042</v>
      </c>
      <c r="E12821" s="1" t="s">
        <v>49043</v>
      </c>
      <c r="F12821" s="1" t="s">
        <v>49044</v>
      </c>
      <c r="G12821" s="1" t="s">
        <v>48987</v>
      </c>
      <c r="H12821" s="1" t="s">
        <v>48988</v>
      </c>
      <c r="I12821" s="1" t="s">
        <v>47531</v>
      </c>
      <c r="J12821" s="1" t="s">
        <v>49045</v>
      </c>
    </row>
    <row r="12822" spans="1:10" x14ac:dyDescent="0.35">
      <c r="A12822" s="1" t="s">
        <v>48983</v>
      </c>
      <c r="B12822" s="1" t="s">
        <v>47525</v>
      </c>
      <c r="C12822" s="1" t="s">
        <v>90</v>
      </c>
      <c r="D12822" s="1" t="s">
        <v>49046</v>
      </c>
      <c r="E12822" s="1" t="s">
        <v>49047</v>
      </c>
      <c r="F12822" s="1" t="s">
        <v>49048</v>
      </c>
      <c r="G12822" s="1" t="s">
        <v>48987</v>
      </c>
      <c r="H12822" s="1" t="s">
        <v>48988</v>
      </c>
      <c r="I12822" s="1" t="s">
        <v>47531</v>
      </c>
      <c r="J12822" s="1" t="s">
        <v>49049</v>
      </c>
    </row>
    <row r="12823" spans="1:10" x14ac:dyDescent="0.35">
      <c r="A12823" s="1" t="s">
        <v>48983</v>
      </c>
      <c r="B12823" s="1" t="s">
        <v>47525</v>
      </c>
      <c r="C12823" s="1" t="s">
        <v>95</v>
      </c>
      <c r="D12823" s="1" t="s">
        <v>43638</v>
      </c>
      <c r="E12823" s="1" t="s">
        <v>49050</v>
      </c>
      <c r="F12823" s="1" t="s">
        <v>49051</v>
      </c>
      <c r="G12823" s="1" t="s">
        <v>48987</v>
      </c>
      <c r="H12823" s="1" t="s">
        <v>48988</v>
      </c>
      <c r="I12823" s="1" t="s">
        <v>47531</v>
      </c>
      <c r="J12823" s="1" t="s">
        <v>49052</v>
      </c>
    </row>
    <row r="12824" spans="1:10" x14ac:dyDescent="0.35">
      <c r="A12824" s="1" t="s">
        <v>48983</v>
      </c>
      <c r="B12824" s="1" t="s">
        <v>47525</v>
      </c>
      <c r="C12824" s="1" t="s">
        <v>100</v>
      </c>
      <c r="D12824" s="1" t="s">
        <v>36562</v>
      </c>
      <c r="E12824" s="1" t="s">
        <v>49053</v>
      </c>
      <c r="F12824" s="1" t="s">
        <v>49054</v>
      </c>
      <c r="G12824" s="1" t="s">
        <v>48987</v>
      </c>
      <c r="H12824" s="1" t="s">
        <v>48988</v>
      </c>
      <c r="I12824" s="1" t="s">
        <v>47531</v>
      </c>
      <c r="J12824" s="1" t="s">
        <v>49055</v>
      </c>
    </row>
    <row r="12825" spans="1:10" x14ac:dyDescent="0.35">
      <c r="A12825" s="1" t="s">
        <v>48983</v>
      </c>
      <c r="B12825" s="1" t="s">
        <v>47525</v>
      </c>
      <c r="C12825" s="1" t="s">
        <v>105</v>
      </c>
      <c r="D12825" s="1" t="s">
        <v>49056</v>
      </c>
      <c r="E12825" s="1" t="s">
        <v>49057</v>
      </c>
      <c r="F12825" s="1" t="s">
        <v>49058</v>
      </c>
      <c r="G12825" s="1" t="s">
        <v>48987</v>
      </c>
      <c r="H12825" s="1" t="s">
        <v>48988</v>
      </c>
      <c r="I12825" s="1" t="s">
        <v>47531</v>
      </c>
      <c r="J12825" s="1" t="s">
        <v>49059</v>
      </c>
    </row>
    <row r="12826" spans="1:10" x14ac:dyDescent="0.35">
      <c r="A12826" s="1" t="s">
        <v>48983</v>
      </c>
      <c r="B12826" s="1" t="s">
        <v>47525</v>
      </c>
      <c r="C12826" s="1" t="s">
        <v>110</v>
      </c>
      <c r="D12826" s="1" t="s">
        <v>49060</v>
      </c>
      <c r="E12826" s="1" t="s">
        <v>49061</v>
      </c>
      <c r="F12826" s="1" t="s">
        <v>49062</v>
      </c>
      <c r="G12826" s="1" t="s">
        <v>48987</v>
      </c>
      <c r="H12826" s="1" t="s">
        <v>48988</v>
      </c>
      <c r="I12826" s="1" t="s">
        <v>47531</v>
      </c>
      <c r="J12826" s="1" t="s">
        <v>49063</v>
      </c>
    </row>
    <row r="12827" spans="1:10" x14ac:dyDescent="0.35">
      <c r="A12827" s="1" t="s">
        <v>48983</v>
      </c>
      <c r="B12827" s="1" t="s">
        <v>47525</v>
      </c>
      <c r="C12827" s="1" t="s">
        <v>115</v>
      </c>
      <c r="D12827" s="1" t="s">
        <v>6743</v>
      </c>
      <c r="E12827" s="1" t="s">
        <v>49064</v>
      </c>
      <c r="F12827" s="1" t="s">
        <v>49065</v>
      </c>
      <c r="G12827" s="1" t="s">
        <v>48987</v>
      </c>
      <c r="H12827" s="1" t="s">
        <v>48988</v>
      </c>
      <c r="I12827" s="1" t="s">
        <v>47531</v>
      </c>
      <c r="J12827" s="1" t="s">
        <v>49066</v>
      </c>
    </row>
    <row r="12828" spans="1:10" x14ac:dyDescent="0.35">
      <c r="A12828" s="1" t="s">
        <v>48983</v>
      </c>
      <c r="B12828" s="1" t="s">
        <v>47525</v>
      </c>
      <c r="C12828" s="1" t="s">
        <v>120</v>
      </c>
      <c r="D12828" s="1" t="s">
        <v>49067</v>
      </c>
      <c r="E12828" s="1" t="s">
        <v>49068</v>
      </c>
      <c r="F12828" s="1" t="s">
        <v>49069</v>
      </c>
      <c r="G12828" s="1" t="s">
        <v>48987</v>
      </c>
      <c r="H12828" s="1" t="s">
        <v>48988</v>
      </c>
      <c r="I12828" s="1" t="s">
        <v>47531</v>
      </c>
      <c r="J12828" s="1" t="s">
        <v>49070</v>
      </c>
    </row>
    <row r="12829" spans="1:10" x14ac:dyDescent="0.35">
      <c r="A12829" s="1" t="s">
        <v>48983</v>
      </c>
      <c r="B12829" s="1" t="s">
        <v>47525</v>
      </c>
      <c r="C12829" s="1" t="s">
        <v>125</v>
      </c>
      <c r="D12829" s="1" t="s">
        <v>38316</v>
      </c>
      <c r="E12829" s="1" t="s">
        <v>49071</v>
      </c>
      <c r="F12829" s="1" t="s">
        <v>49072</v>
      </c>
      <c r="G12829" s="1" t="s">
        <v>48987</v>
      </c>
      <c r="H12829" s="1" t="s">
        <v>48988</v>
      </c>
      <c r="I12829" s="1" t="s">
        <v>47531</v>
      </c>
      <c r="J12829" s="1" t="s">
        <v>49073</v>
      </c>
    </row>
    <row r="12830" spans="1:10" x14ac:dyDescent="0.35">
      <c r="A12830" s="1" t="s">
        <v>48983</v>
      </c>
      <c r="B12830" s="1" t="s">
        <v>47525</v>
      </c>
      <c r="C12830" s="1" t="s">
        <v>130</v>
      </c>
      <c r="D12830" s="1" t="s">
        <v>9601</v>
      </c>
      <c r="E12830" s="1" t="s">
        <v>49074</v>
      </c>
      <c r="F12830" s="1" t="s">
        <v>49075</v>
      </c>
      <c r="G12830" s="1" t="s">
        <v>48987</v>
      </c>
      <c r="H12830" s="1" t="s">
        <v>48988</v>
      </c>
      <c r="I12830" s="1" t="s">
        <v>47531</v>
      </c>
      <c r="J12830" s="1" t="s">
        <v>49076</v>
      </c>
    </row>
    <row r="12831" spans="1:10" x14ac:dyDescent="0.35">
      <c r="A12831" s="1" t="s">
        <v>48983</v>
      </c>
      <c r="B12831" s="1" t="s">
        <v>47525</v>
      </c>
      <c r="C12831" s="1" t="s">
        <v>135</v>
      </c>
      <c r="D12831" s="1" t="s">
        <v>49077</v>
      </c>
      <c r="E12831" s="1" t="s">
        <v>49078</v>
      </c>
      <c r="F12831" s="1" t="s">
        <v>49079</v>
      </c>
      <c r="G12831" s="1" t="s">
        <v>48987</v>
      </c>
      <c r="H12831" s="1" t="s">
        <v>48988</v>
      </c>
      <c r="I12831" s="1" t="s">
        <v>47531</v>
      </c>
      <c r="J12831" s="1" t="s">
        <v>49080</v>
      </c>
    </row>
    <row r="12832" spans="1:10" x14ac:dyDescent="0.35">
      <c r="A12832" s="1" t="s">
        <v>48983</v>
      </c>
      <c r="B12832" s="1" t="s">
        <v>47525</v>
      </c>
      <c r="C12832" s="1" t="s">
        <v>140</v>
      </c>
      <c r="D12832" s="1" t="s">
        <v>49081</v>
      </c>
      <c r="E12832" s="1" t="s">
        <v>49082</v>
      </c>
      <c r="F12832" s="1" t="s">
        <v>49083</v>
      </c>
      <c r="G12832" s="1" t="s">
        <v>48987</v>
      </c>
      <c r="H12832" s="1" t="s">
        <v>48988</v>
      </c>
      <c r="I12832" s="1" t="s">
        <v>47531</v>
      </c>
      <c r="J12832" s="1" t="s">
        <v>49084</v>
      </c>
    </row>
    <row r="12833" spans="1:10" x14ac:dyDescent="0.35">
      <c r="A12833" s="1" t="s">
        <v>48983</v>
      </c>
      <c r="B12833" s="1" t="s">
        <v>47525</v>
      </c>
      <c r="C12833" s="1" t="s">
        <v>145</v>
      </c>
      <c r="D12833" s="1" t="s">
        <v>17389</v>
      </c>
      <c r="E12833" s="1" t="s">
        <v>49085</v>
      </c>
      <c r="F12833" s="1" t="s">
        <v>49086</v>
      </c>
      <c r="G12833" s="1" t="s">
        <v>48987</v>
      </c>
      <c r="H12833" s="1" t="s">
        <v>48988</v>
      </c>
      <c r="I12833" s="1" t="s">
        <v>47531</v>
      </c>
      <c r="J12833" s="1" t="s">
        <v>49087</v>
      </c>
    </row>
    <row r="12834" spans="1:10" x14ac:dyDescent="0.35">
      <c r="A12834" s="1" t="s">
        <v>48983</v>
      </c>
      <c r="B12834" s="1" t="s">
        <v>47525</v>
      </c>
      <c r="C12834" s="1" t="s">
        <v>150</v>
      </c>
      <c r="D12834" s="1" t="s">
        <v>16174</v>
      </c>
      <c r="E12834" s="1" t="s">
        <v>49088</v>
      </c>
      <c r="F12834" s="1" t="s">
        <v>49089</v>
      </c>
      <c r="G12834" s="1" t="s">
        <v>48987</v>
      </c>
      <c r="H12834" s="1" t="s">
        <v>48988</v>
      </c>
      <c r="I12834" s="1" t="s">
        <v>47531</v>
      </c>
      <c r="J12834" s="1" t="s">
        <v>49090</v>
      </c>
    </row>
    <row r="12835" spans="1:10" x14ac:dyDescent="0.35">
      <c r="A12835" s="1" t="s">
        <v>48983</v>
      </c>
      <c r="B12835" s="1" t="s">
        <v>47525</v>
      </c>
      <c r="C12835" s="1" t="s">
        <v>155</v>
      </c>
      <c r="D12835" s="1" t="s">
        <v>42032</v>
      </c>
      <c r="E12835" s="1" t="s">
        <v>49091</v>
      </c>
      <c r="F12835" s="1" t="s">
        <v>49092</v>
      </c>
      <c r="G12835" s="1" t="s">
        <v>48987</v>
      </c>
      <c r="H12835" s="1" t="s">
        <v>48988</v>
      </c>
      <c r="I12835" s="1" t="s">
        <v>47531</v>
      </c>
      <c r="J12835" s="1" t="s">
        <v>49093</v>
      </c>
    </row>
    <row r="12836" spans="1:10" x14ac:dyDescent="0.35">
      <c r="A12836" s="1" t="s">
        <v>48983</v>
      </c>
      <c r="B12836" s="1" t="s">
        <v>47525</v>
      </c>
      <c r="C12836" s="1" t="s">
        <v>160</v>
      </c>
      <c r="D12836" s="1" t="s">
        <v>49094</v>
      </c>
      <c r="E12836" s="1" t="s">
        <v>49095</v>
      </c>
      <c r="F12836" s="1" t="s">
        <v>49096</v>
      </c>
      <c r="G12836" s="1" t="s">
        <v>48987</v>
      </c>
      <c r="H12836" s="1" t="s">
        <v>48988</v>
      </c>
      <c r="I12836" s="1" t="s">
        <v>47531</v>
      </c>
      <c r="J12836" s="1" t="s">
        <v>49097</v>
      </c>
    </row>
    <row r="12837" spans="1:10" x14ac:dyDescent="0.35">
      <c r="A12837" s="1" t="s">
        <v>48983</v>
      </c>
      <c r="B12837" s="1" t="s">
        <v>47525</v>
      </c>
      <c r="C12837" s="1" t="s">
        <v>165</v>
      </c>
      <c r="D12837" s="1" t="s">
        <v>49098</v>
      </c>
      <c r="E12837" s="1" t="s">
        <v>49099</v>
      </c>
      <c r="F12837" s="1" t="s">
        <v>49100</v>
      </c>
      <c r="G12837" s="1" t="s">
        <v>48987</v>
      </c>
      <c r="H12837" s="1" t="s">
        <v>48988</v>
      </c>
      <c r="I12837" s="1" t="s">
        <v>47531</v>
      </c>
      <c r="J12837" s="1" t="s">
        <v>49101</v>
      </c>
    </row>
    <row r="12838" spans="1:10" x14ac:dyDescent="0.35">
      <c r="A12838" s="1" t="s">
        <v>48983</v>
      </c>
      <c r="B12838" s="1" t="s">
        <v>47525</v>
      </c>
      <c r="C12838" s="1" t="s">
        <v>170</v>
      </c>
      <c r="D12838" s="1" t="s">
        <v>49102</v>
      </c>
      <c r="E12838" s="1" t="s">
        <v>49103</v>
      </c>
      <c r="F12838" s="1" t="s">
        <v>49104</v>
      </c>
      <c r="G12838" s="1" t="s">
        <v>48987</v>
      </c>
      <c r="H12838" s="1" t="s">
        <v>48988</v>
      </c>
      <c r="I12838" s="1" t="s">
        <v>47531</v>
      </c>
      <c r="J12838" s="1" t="s">
        <v>49105</v>
      </c>
    </row>
    <row r="12839" spans="1:10" x14ac:dyDescent="0.35">
      <c r="A12839" s="1" t="s">
        <v>49106</v>
      </c>
      <c r="B12839" s="1" t="s">
        <v>47525</v>
      </c>
      <c r="C12839" s="1" t="s">
        <v>8</v>
      </c>
      <c r="D12839" s="1" t="s">
        <v>49107</v>
      </c>
      <c r="E12839" s="1" t="s">
        <v>49108</v>
      </c>
      <c r="F12839" s="1" t="s">
        <v>49109</v>
      </c>
      <c r="G12839" s="1" t="s">
        <v>49110</v>
      </c>
      <c r="H12839" s="1" t="s">
        <v>49111</v>
      </c>
      <c r="I12839" s="1" t="s">
        <v>47531</v>
      </c>
      <c r="J12839" s="1" t="s">
        <v>13</v>
      </c>
    </row>
    <row r="12840" spans="1:10" x14ac:dyDescent="0.35">
      <c r="A12840" s="1" t="s">
        <v>49106</v>
      </c>
      <c r="B12840" s="1" t="s">
        <v>47525</v>
      </c>
      <c r="C12840" s="1" t="s">
        <v>15</v>
      </c>
      <c r="D12840" s="1" t="s">
        <v>49112</v>
      </c>
      <c r="E12840" s="1" t="s">
        <v>49113</v>
      </c>
      <c r="F12840" s="1" t="s">
        <v>49114</v>
      </c>
      <c r="G12840" s="1" t="s">
        <v>49110</v>
      </c>
      <c r="H12840" s="1" t="s">
        <v>49111</v>
      </c>
      <c r="I12840" s="1" t="s">
        <v>47531</v>
      </c>
      <c r="J12840" s="1" t="s">
        <v>49115</v>
      </c>
    </row>
    <row r="12841" spans="1:10" x14ac:dyDescent="0.35">
      <c r="A12841" s="1" t="s">
        <v>49106</v>
      </c>
      <c r="B12841" s="1" t="s">
        <v>47525</v>
      </c>
      <c r="C12841" s="1" t="s">
        <v>20</v>
      </c>
      <c r="D12841" s="1" t="s">
        <v>15463</v>
      </c>
      <c r="E12841" s="1" t="s">
        <v>49116</v>
      </c>
      <c r="F12841" s="1" t="s">
        <v>49117</v>
      </c>
      <c r="G12841" s="1" t="s">
        <v>49110</v>
      </c>
      <c r="H12841" s="1" t="s">
        <v>49111</v>
      </c>
      <c r="I12841" s="1" t="s">
        <v>47531</v>
      </c>
      <c r="J12841" s="1" t="s">
        <v>49118</v>
      </c>
    </row>
    <row r="12842" spans="1:10" x14ac:dyDescent="0.35">
      <c r="A12842" s="1" t="s">
        <v>49106</v>
      </c>
      <c r="B12842" s="1" t="s">
        <v>47525</v>
      </c>
      <c r="C12842" s="1" t="s">
        <v>25</v>
      </c>
      <c r="D12842" s="1" t="s">
        <v>49119</v>
      </c>
      <c r="E12842" s="1" t="s">
        <v>49120</v>
      </c>
      <c r="F12842" s="1" t="s">
        <v>49121</v>
      </c>
      <c r="G12842" s="1" t="s">
        <v>49110</v>
      </c>
      <c r="H12842" s="1" t="s">
        <v>49111</v>
      </c>
      <c r="I12842" s="1" t="s">
        <v>47531</v>
      </c>
      <c r="J12842" s="1" t="s">
        <v>49122</v>
      </c>
    </row>
    <row r="12843" spans="1:10" x14ac:dyDescent="0.35">
      <c r="A12843" s="1" t="s">
        <v>49106</v>
      </c>
      <c r="B12843" s="1" t="s">
        <v>47525</v>
      </c>
      <c r="C12843" s="1" t="s">
        <v>30</v>
      </c>
      <c r="D12843" s="1" t="s">
        <v>49123</v>
      </c>
      <c r="E12843" s="1" t="s">
        <v>49124</v>
      </c>
      <c r="F12843" s="1" t="s">
        <v>49125</v>
      </c>
      <c r="G12843" s="1" t="s">
        <v>49110</v>
      </c>
      <c r="H12843" s="1" t="s">
        <v>49111</v>
      </c>
      <c r="I12843" s="1" t="s">
        <v>47531</v>
      </c>
      <c r="J12843" s="1" t="s">
        <v>49126</v>
      </c>
    </row>
    <row r="12844" spans="1:10" x14ac:dyDescent="0.35">
      <c r="A12844" s="1" t="s">
        <v>49106</v>
      </c>
      <c r="B12844" s="1" t="s">
        <v>47525</v>
      </c>
      <c r="C12844" s="1" t="s">
        <v>35</v>
      </c>
      <c r="D12844" s="1" t="s">
        <v>49127</v>
      </c>
      <c r="E12844" s="1" t="s">
        <v>49128</v>
      </c>
      <c r="F12844" s="1" t="s">
        <v>49129</v>
      </c>
      <c r="G12844" s="1" t="s">
        <v>49110</v>
      </c>
      <c r="H12844" s="1" t="s">
        <v>49111</v>
      </c>
      <c r="I12844" s="1" t="s">
        <v>47531</v>
      </c>
      <c r="J12844" s="1" t="s">
        <v>49130</v>
      </c>
    </row>
    <row r="12845" spans="1:10" x14ac:dyDescent="0.35">
      <c r="A12845" s="1" t="s">
        <v>49106</v>
      </c>
      <c r="B12845" s="1" t="s">
        <v>47525</v>
      </c>
      <c r="C12845" s="1" t="s">
        <v>40</v>
      </c>
      <c r="D12845" s="1" t="s">
        <v>49131</v>
      </c>
      <c r="E12845" s="1" t="s">
        <v>49132</v>
      </c>
      <c r="F12845" s="1" t="s">
        <v>49133</v>
      </c>
      <c r="G12845" s="1" t="s">
        <v>49110</v>
      </c>
      <c r="H12845" s="1" t="s">
        <v>49111</v>
      </c>
      <c r="I12845" s="1" t="s">
        <v>47531</v>
      </c>
      <c r="J12845" s="1" t="s">
        <v>49134</v>
      </c>
    </row>
    <row r="12846" spans="1:10" x14ac:dyDescent="0.35">
      <c r="A12846" s="1" t="s">
        <v>49106</v>
      </c>
      <c r="B12846" s="1" t="s">
        <v>47525</v>
      </c>
      <c r="C12846" s="1" t="s">
        <v>45</v>
      </c>
      <c r="D12846" s="1" t="s">
        <v>49135</v>
      </c>
      <c r="E12846" s="1" t="s">
        <v>49136</v>
      </c>
      <c r="F12846" s="1" t="s">
        <v>49137</v>
      </c>
      <c r="G12846" s="1" t="s">
        <v>49110</v>
      </c>
      <c r="H12846" s="1" t="s">
        <v>49111</v>
      </c>
      <c r="I12846" s="1" t="s">
        <v>47531</v>
      </c>
      <c r="J12846" s="1" t="s">
        <v>49138</v>
      </c>
    </row>
    <row r="12847" spans="1:10" x14ac:dyDescent="0.35">
      <c r="A12847" s="1" t="s">
        <v>49106</v>
      </c>
      <c r="B12847" s="1" t="s">
        <v>47525</v>
      </c>
      <c r="C12847" s="1" t="s">
        <v>50</v>
      </c>
      <c r="D12847" s="1" t="s">
        <v>49139</v>
      </c>
      <c r="E12847" s="1" t="s">
        <v>49140</v>
      </c>
      <c r="F12847" s="1" t="s">
        <v>49141</v>
      </c>
      <c r="G12847" s="1" t="s">
        <v>49110</v>
      </c>
      <c r="H12847" s="1" t="s">
        <v>49111</v>
      </c>
      <c r="I12847" s="1" t="s">
        <v>47531</v>
      </c>
      <c r="J12847" s="1" t="s">
        <v>49142</v>
      </c>
    </row>
    <row r="12848" spans="1:10" x14ac:dyDescent="0.35">
      <c r="A12848" s="1" t="s">
        <v>49106</v>
      </c>
      <c r="B12848" s="1" t="s">
        <v>47525</v>
      </c>
      <c r="C12848" s="1" t="s">
        <v>55</v>
      </c>
      <c r="D12848" s="1" t="s">
        <v>49143</v>
      </c>
      <c r="E12848" s="1" t="s">
        <v>49144</v>
      </c>
      <c r="F12848" s="1" t="s">
        <v>49145</v>
      </c>
      <c r="G12848" s="1" t="s">
        <v>49110</v>
      </c>
      <c r="H12848" s="1" t="s">
        <v>49111</v>
      </c>
      <c r="I12848" s="1" t="s">
        <v>47531</v>
      </c>
      <c r="J12848" s="1" t="s">
        <v>49146</v>
      </c>
    </row>
    <row r="12849" spans="1:10" x14ac:dyDescent="0.35">
      <c r="A12849" s="1" t="s">
        <v>49106</v>
      </c>
      <c r="B12849" s="1" t="s">
        <v>47525</v>
      </c>
      <c r="C12849" s="1" t="s">
        <v>60</v>
      </c>
      <c r="D12849" s="1" t="s">
        <v>25611</v>
      </c>
      <c r="E12849" s="1" t="s">
        <v>49147</v>
      </c>
      <c r="F12849" s="1" t="s">
        <v>49148</v>
      </c>
      <c r="G12849" s="1" t="s">
        <v>49110</v>
      </c>
      <c r="H12849" s="1" t="s">
        <v>49111</v>
      </c>
      <c r="I12849" s="1" t="s">
        <v>47531</v>
      </c>
      <c r="J12849" s="1" t="s">
        <v>49149</v>
      </c>
    </row>
    <row r="12850" spans="1:10" x14ac:dyDescent="0.35">
      <c r="A12850" s="1" t="s">
        <v>49106</v>
      </c>
      <c r="B12850" s="1" t="s">
        <v>47525</v>
      </c>
      <c r="C12850" s="1" t="s">
        <v>65</v>
      </c>
      <c r="D12850" s="1" t="s">
        <v>49150</v>
      </c>
      <c r="E12850" s="1" t="s">
        <v>49151</v>
      </c>
      <c r="F12850" s="1" t="s">
        <v>49152</v>
      </c>
      <c r="G12850" s="1" t="s">
        <v>49110</v>
      </c>
      <c r="H12850" s="1" t="s">
        <v>49111</v>
      </c>
      <c r="I12850" s="1" t="s">
        <v>47531</v>
      </c>
      <c r="J12850" s="1" t="s">
        <v>49153</v>
      </c>
    </row>
    <row r="12851" spans="1:10" x14ac:dyDescent="0.35">
      <c r="A12851" s="1" t="s">
        <v>49106</v>
      </c>
      <c r="B12851" s="1" t="s">
        <v>47525</v>
      </c>
      <c r="C12851" s="1" t="s">
        <v>70</v>
      </c>
      <c r="D12851" s="1" t="s">
        <v>49154</v>
      </c>
      <c r="E12851" s="1" t="s">
        <v>49155</v>
      </c>
      <c r="F12851" s="1" t="s">
        <v>49156</v>
      </c>
      <c r="G12851" s="1" t="s">
        <v>49110</v>
      </c>
      <c r="H12851" s="1" t="s">
        <v>49111</v>
      </c>
      <c r="I12851" s="1" t="s">
        <v>47531</v>
      </c>
      <c r="J12851" s="1" t="s">
        <v>49157</v>
      </c>
    </row>
    <row r="12852" spans="1:10" x14ac:dyDescent="0.35">
      <c r="A12852" s="1" t="s">
        <v>49106</v>
      </c>
      <c r="B12852" s="1" t="s">
        <v>47525</v>
      </c>
      <c r="C12852" s="1" t="s">
        <v>75</v>
      </c>
      <c r="D12852" s="1" t="s">
        <v>49158</v>
      </c>
      <c r="E12852" s="1" t="s">
        <v>49159</v>
      </c>
      <c r="F12852" s="1" t="s">
        <v>49160</v>
      </c>
      <c r="G12852" s="1" t="s">
        <v>49110</v>
      </c>
      <c r="H12852" s="1" t="s">
        <v>49111</v>
      </c>
      <c r="I12852" s="1" t="s">
        <v>47531</v>
      </c>
      <c r="J12852" s="1" t="s">
        <v>49161</v>
      </c>
    </row>
    <row r="12853" spans="1:10" x14ac:dyDescent="0.35">
      <c r="A12853" s="1" t="s">
        <v>49106</v>
      </c>
      <c r="B12853" s="1" t="s">
        <v>47525</v>
      </c>
      <c r="C12853" s="1" t="s">
        <v>80</v>
      </c>
      <c r="D12853" s="1" t="s">
        <v>49162</v>
      </c>
      <c r="E12853" s="1" t="s">
        <v>49163</v>
      </c>
      <c r="F12853" s="1" t="s">
        <v>49164</v>
      </c>
      <c r="G12853" s="1" t="s">
        <v>49110</v>
      </c>
      <c r="H12853" s="1" t="s">
        <v>49111</v>
      </c>
      <c r="I12853" s="1" t="s">
        <v>47531</v>
      </c>
      <c r="J12853" s="1" t="s">
        <v>49165</v>
      </c>
    </row>
    <row r="12854" spans="1:10" x14ac:dyDescent="0.35">
      <c r="A12854" s="1" t="s">
        <v>49106</v>
      </c>
      <c r="B12854" s="1" t="s">
        <v>47525</v>
      </c>
      <c r="C12854" s="1" t="s">
        <v>85</v>
      </c>
      <c r="D12854" s="1" t="s">
        <v>49166</v>
      </c>
      <c r="E12854" s="1" t="s">
        <v>49167</v>
      </c>
      <c r="F12854" s="1" t="s">
        <v>49168</v>
      </c>
      <c r="G12854" s="1" t="s">
        <v>49110</v>
      </c>
      <c r="H12854" s="1" t="s">
        <v>49111</v>
      </c>
      <c r="I12854" s="1" t="s">
        <v>47531</v>
      </c>
      <c r="J12854" s="1" t="s">
        <v>49169</v>
      </c>
    </row>
    <row r="12855" spans="1:10" x14ac:dyDescent="0.35">
      <c r="A12855" s="1" t="s">
        <v>49106</v>
      </c>
      <c r="B12855" s="1" t="s">
        <v>47525</v>
      </c>
      <c r="C12855" s="1" t="s">
        <v>90</v>
      </c>
      <c r="D12855" s="1" t="s">
        <v>49170</v>
      </c>
      <c r="E12855" s="1" t="s">
        <v>49171</v>
      </c>
      <c r="F12855" s="1" t="s">
        <v>49172</v>
      </c>
      <c r="G12855" s="1" t="s">
        <v>49110</v>
      </c>
      <c r="H12855" s="1" t="s">
        <v>49111</v>
      </c>
      <c r="I12855" s="1" t="s">
        <v>47531</v>
      </c>
      <c r="J12855" s="1" t="s">
        <v>49173</v>
      </c>
    </row>
    <row r="12856" spans="1:10" x14ac:dyDescent="0.35">
      <c r="A12856" s="1" t="s">
        <v>49106</v>
      </c>
      <c r="B12856" s="1" t="s">
        <v>47525</v>
      </c>
      <c r="C12856" s="1" t="s">
        <v>95</v>
      </c>
      <c r="D12856" s="1" t="s">
        <v>49174</v>
      </c>
      <c r="E12856" s="1" t="s">
        <v>49175</v>
      </c>
      <c r="F12856" s="1" t="s">
        <v>49176</v>
      </c>
      <c r="G12856" s="1" t="s">
        <v>49110</v>
      </c>
      <c r="H12856" s="1" t="s">
        <v>49111</v>
      </c>
      <c r="I12856" s="1" t="s">
        <v>47531</v>
      </c>
      <c r="J12856" s="1" t="s">
        <v>49177</v>
      </c>
    </row>
    <row r="12857" spans="1:10" x14ac:dyDescent="0.35">
      <c r="A12857" s="1" t="s">
        <v>49106</v>
      </c>
      <c r="B12857" s="1" t="s">
        <v>47525</v>
      </c>
      <c r="C12857" s="1" t="s">
        <v>100</v>
      </c>
      <c r="D12857" s="1" t="s">
        <v>49178</v>
      </c>
      <c r="E12857" s="1" t="s">
        <v>49179</v>
      </c>
      <c r="F12857" s="1" t="s">
        <v>49180</v>
      </c>
      <c r="G12857" s="1" t="s">
        <v>49110</v>
      </c>
      <c r="H12857" s="1" t="s">
        <v>49111</v>
      </c>
      <c r="I12857" s="1" t="s">
        <v>47531</v>
      </c>
      <c r="J12857" s="1" t="s">
        <v>49181</v>
      </c>
    </row>
    <row r="12858" spans="1:10" x14ac:dyDescent="0.35">
      <c r="A12858" s="1" t="s">
        <v>49106</v>
      </c>
      <c r="B12858" s="1" t="s">
        <v>47525</v>
      </c>
      <c r="C12858" s="1" t="s">
        <v>105</v>
      </c>
      <c r="D12858" s="1" t="s">
        <v>49182</v>
      </c>
      <c r="E12858" s="1" t="s">
        <v>49183</v>
      </c>
      <c r="F12858" s="1" t="s">
        <v>49184</v>
      </c>
      <c r="G12858" s="1" t="s">
        <v>49110</v>
      </c>
      <c r="H12858" s="1" t="s">
        <v>49111</v>
      </c>
      <c r="I12858" s="1" t="s">
        <v>47531</v>
      </c>
      <c r="J12858" s="1" t="s">
        <v>49185</v>
      </c>
    </row>
    <row r="12859" spans="1:10" x14ac:dyDescent="0.35">
      <c r="A12859" s="1" t="s">
        <v>49106</v>
      </c>
      <c r="B12859" s="1" t="s">
        <v>47525</v>
      </c>
      <c r="C12859" s="1" t="s">
        <v>110</v>
      </c>
      <c r="D12859" s="1" t="s">
        <v>49186</v>
      </c>
      <c r="E12859" s="1" t="s">
        <v>49187</v>
      </c>
      <c r="F12859" s="1" t="s">
        <v>49188</v>
      </c>
      <c r="G12859" s="1" t="s">
        <v>49110</v>
      </c>
      <c r="H12859" s="1" t="s">
        <v>49111</v>
      </c>
      <c r="I12859" s="1" t="s">
        <v>47531</v>
      </c>
      <c r="J12859" s="1" t="s">
        <v>49189</v>
      </c>
    </row>
    <row r="12860" spans="1:10" x14ac:dyDescent="0.35">
      <c r="A12860" s="1" t="s">
        <v>49106</v>
      </c>
      <c r="B12860" s="1" t="s">
        <v>47525</v>
      </c>
      <c r="C12860" s="1" t="s">
        <v>115</v>
      </c>
      <c r="D12860" s="1" t="s">
        <v>49190</v>
      </c>
      <c r="E12860" s="1" t="s">
        <v>49191</v>
      </c>
      <c r="F12860" s="1" t="s">
        <v>49192</v>
      </c>
      <c r="G12860" s="1" t="s">
        <v>49110</v>
      </c>
      <c r="H12860" s="1" t="s">
        <v>49111</v>
      </c>
      <c r="I12860" s="1" t="s">
        <v>47531</v>
      </c>
      <c r="J12860" s="1" t="s">
        <v>49193</v>
      </c>
    </row>
    <row r="12861" spans="1:10" x14ac:dyDescent="0.35">
      <c r="A12861" s="1" t="s">
        <v>49106</v>
      </c>
      <c r="B12861" s="1" t="s">
        <v>47525</v>
      </c>
      <c r="C12861" s="1" t="s">
        <v>120</v>
      </c>
      <c r="D12861" s="1" t="s">
        <v>49194</v>
      </c>
      <c r="E12861" s="1" t="s">
        <v>49195</v>
      </c>
      <c r="F12861" s="1" t="s">
        <v>49196</v>
      </c>
      <c r="G12861" s="1" t="s">
        <v>49110</v>
      </c>
      <c r="H12861" s="1" t="s">
        <v>49111</v>
      </c>
      <c r="I12861" s="1" t="s">
        <v>47531</v>
      </c>
      <c r="J12861" s="1" t="s">
        <v>49197</v>
      </c>
    </row>
    <row r="12862" spans="1:10" x14ac:dyDescent="0.35">
      <c r="A12862" s="1" t="s">
        <v>49106</v>
      </c>
      <c r="B12862" s="1" t="s">
        <v>47525</v>
      </c>
      <c r="C12862" s="1" t="s">
        <v>125</v>
      </c>
      <c r="D12862" s="1" t="s">
        <v>49198</v>
      </c>
      <c r="E12862" s="1" t="s">
        <v>49199</v>
      </c>
      <c r="F12862" s="1" t="s">
        <v>49200</v>
      </c>
      <c r="G12862" s="1" t="s">
        <v>49110</v>
      </c>
      <c r="H12862" s="1" t="s">
        <v>49111</v>
      </c>
      <c r="I12862" s="1" t="s">
        <v>47531</v>
      </c>
      <c r="J12862" s="1" t="s">
        <v>49201</v>
      </c>
    </row>
    <row r="12863" spans="1:10" x14ac:dyDescent="0.35">
      <c r="A12863" s="1" t="s">
        <v>49106</v>
      </c>
      <c r="B12863" s="1" t="s">
        <v>47525</v>
      </c>
      <c r="C12863" s="1" t="s">
        <v>130</v>
      </c>
      <c r="D12863" s="1" t="s">
        <v>48193</v>
      </c>
      <c r="E12863" s="1" t="s">
        <v>49202</v>
      </c>
      <c r="F12863" s="1" t="s">
        <v>49203</v>
      </c>
      <c r="G12863" s="1" t="s">
        <v>49110</v>
      </c>
      <c r="H12863" s="1" t="s">
        <v>49111</v>
      </c>
      <c r="I12863" s="1" t="s">
        <v>47531</v>
      </c>
      <c r="J12863" s="1" t="s">
        <v>49204</v>
      </c>
    </row>
    <row r="12864" spans="1:10" x14ac:dyDescent="0.35">
      <c r="A12864" s="1" t="s">
        <v>49106</v>
      </c>
      <c r="B12864" s="1" t="s">
        <v>47525</v>
      </c>
      <c r="C12864" s="1" t="s">
        <v>135</v>
      </c>
      <c r="D12864" s="1" t="s">
        <v>48417</v>
      </c>
      <c r="E12864" s="1" t="s">
        <v>49205</v>
      </c>
      <c r="F12864" s="1" t="s">
        <v>49206</v>
      </c>
      <c r="G12864" s="1" t="s">
        <v>49110</v>
      </c>
      <c r="H12864" s="1" t="s">
        <v>49111</v>
      </c>
      <c r="I12864" s="1" t="s">
        <v>47531</v>
      </c>
      <c r="J12864" s="1" t="s">
        <v>49207</v>
      </c>
    </row>
    <row r="12865" spans="1:10" x14ac:dyDescent="0.35">
      <c r="A12865" s="1" t="s">
        <v>49106</v>
      </c>
      <c r="B12865" s="1" t="s">
        <v>47525</v>
      </c>
      <c r="C12865" s="1" t="s">
        <v>140</v>
      </c>
      <c r="D12865" s="1" t="s">
        <v>49208</v>
      </c>
      <c r="E12865" s="1" t="s">
        <v>49209</v>
      </c>
      <c r="F12865" s="1" t="s">
        <v>49210</v>
      </c>
      <c r="G12865" s="1" t="s">
        <v>49110</v>
      </c>
      <c r="H12865" s="1" t="s">
        <v>49111</v>
      </c>
      <c r="I12865" s="1" t="s">
        <v>47531</v>
      </c>
      <c r="J12865" s="1" t="s">
        <v>49211</v>
      </c>
    </row>
    <row r="12866" spans="1:10" x14ac:dyDescent="0.35">
      <c r="A12866" s="1" t="s">
        <v>49106</v>
      </c>
      <c r="B12866" s="1" t="s">
        <v>47525</v>
      </c>
      <c r="C12866" s="1" t="s">
        <v>145</v>
      </c>
      <c r="D12866" s="1" t="s">
        <v>49212</v>
      </c>
      <c r="E12866" s="1" t="s">
        <v>49213</v>
      </c>
      <c r="F12866" s="1" t="s">
        <v>49214</v>
      </c>
      <c r="G12866" s="1" t="s">
        <v>49110</v>
      </c>
      <c r="H12866" s="1" t="s">
        <v>49111</v>
      </c>
      <c r="I12866" s="1" t="s">
        <v>47531</v>
      </c>
      <c r="J12866" s="1" t="s">
        <v>49215</v>
      </c>
    </row>
    <row r="12867" spans="1:10" x14ac:dyDescent="0.35">
      <c r="A12867" s="1" t="s">
        <v>49106</v>
      </c>
      <c r="B12867" s="1" t="s">
        <v>47525</v>
      </c>
      <c r="C12867" s="1" t="s">
        <v>150</v>
      </c>
      <c r="D12867" s="1" t="s">
        <v>49216</v>
      </c>
      <c r="E12867" s="1" t="s">
        <v>49217</v>
      </c>
      <c r="F12867" s="1" t="s">
        <v>49218</v>
      </c>
      <c r="G12867" s="1" t="s">
        <v>49110</v>
      </c>
      <c r="H12867" s="1" t="s">
        <v>49111</v>
      </c>
      <c r="I12867" s="1" t="s">
        <v>47531</v>
      </c>
      <c r="J12867" s="1" t="s">
        <v>49219</v>
      </c>
    </row>
    <row r="12868" spans="1:10" x14ac:dyDescent="0.35">
      <c r="A12868" s="1" t="s">
        <v>49106</v>
      </c>
      <c r="B12868" s="1" t="s">
        <v>47525</v>
      </c>
      <c r="C12868" s="1" t="s">
        <v>155</v>
      </c>
      <c r="D12868" s="1" t="s">
        <v>49220</v>
      </c>
      <c r="E12868" s="1" t="s">
        <v>49221</v>
      </c>
      <c r="F12868" s="1" t="s">
        <v>49222</v>
      </c>
      <c r="G12868" s="1" t="s">
        <v>49110</v>
      </c>
      <c r="H12868" s="1" t="s">
        <v>49111</v>
      </c>
      <c r="I12868" s="1" t="s">
        <v>47531</v>
      </c>
      <c r="J12868" s="1" t="s">
        <v>49223</v>
      </c>
    </row>
    <row r="12869" spans="1:10" x14ac:dyDescent="0.35">
      <c r="A12869" s="1" t="s">
        <v>49106</v>
      </c>
      <c r="B12869" s="1" t="s">
        <v>47525</v>
      </c>
      <c r="C12869" s="1" t="s">
        <v>160</v>
      </c>
      <c r="D12869" s="1" t="s">
        <v>49224</v>
      </c>
      <c r="E12869" s="1" t="s">
        <v>49225</v>
      </c>
      <c r="F12869" s="1" t="s">
        <v>49226</v>
      </c>
      <c r="G12869" s="1" t="s">
        <v>49110</v>
      </c>
      <c r="H12869" s="1" t="s">
        <v>49111</v>
      </c>
      <c r="I12869" s="1" t="s">
        <v>47531</v>
      </c>
      <c r="J12869" s="1" t="s">
        <v>49227</v>
      </c>
    </row>
    <row r="12870" spans="1:10" x14ac:dyDescent="0.35">
      <c r="A12870" s="1" t="s">
        <v>49106</v>
      </c>
      <c r="B12870" s="1" t="s">
        <v>47525</v>
      </c>
      <c r="C12870" s="1" t="s">
        <v>165</v>
      </c>
      <c r="D12870" s="1" t="s">
        <v>49228</v>
      </c>
      <c r="E12870" s="1" t="s">
        <v>49229</v>
      </c>
      <c r="F12870" s="1" t="s">
        <v>49230</v>
      </c>
      <c r="G12870" s="1" t="s">
        <v>49110</v>
      </c>
      <c r="H12870" s="1" t="s">
        <v>49111</v>
      </c>
      <c r="I12870" s="1" t="s">
        <v>47531</v>
      </c>
      <c r="J12870" s="1" t="s">
        <v>49231</v>
      </c>
    </row>
    <row r="12871" spans="1:10" x14ac:dyDescent="0.35">
      <c r="A12871" s="1" t="s">
        <v>49106</v>
      </c>
      <c r="B12871" s="1" t="s">
        <v>47525</v>
      </c>
      <c r="C12871" s="1" t="s">
        <v>170</v>
      </c>
      <c r="D12871" s="1" t="s">
        <v>17779</v>
      </c>
      <c r="E12871" s="1" t="s">
        <v>49232</v>
      </c>
      <c r="F12871" s="1" t="s">
        <v>49233</v>
      </c>
      <c r="G12871" s="1" t="s">
        <v>49110</v>
      </c>
      <c r="H12871" s="1" t="s">
        <v>49111</v>
      </c>
      <c r="I12871" s="1" t="s">
        <v>47531</v>
      </c>
      <c r="J12871" s="1" t="s">
        <v>49234</v>
      </c>
    </row>
    <row r="12872" spans="1:10" x14ac:dyDescent="0.35">
      <c r="A12872" s="1" t="s">
        <v>49235</v>
      </c>
      <c r="B12872" s="1" t="s">
        <v>47525</v>
      </c>
      <c r="C12872" s="1" t="s">
        <v>8</v>
      </c>
      <c r="D12872" s="1" t="s">
        <v>49236</v>
      </c>
      <c r="E12872" s="1" t="s">
        <v>49237</v>
      </c>
      <c r="F12872" s="1" t="s">
        <v>49238</v>
      </c>
      <c r="G12872" s="1" t="s">
        <v>49239</v>
      </c>
      <c r="H12872" s="1" t="s">
        <v>49240</v>
      </c>
      <c r="I12872" s="1" t="s">
        <v>47531</v>
      </c>
      <c r="J12872" s="1" t="s">
        <v>13</v>
      </c>
    </row>
    <row r="12873" spans="1:10" x14ac:dyDescent="0.35">
      <c r="A12873" s="1" t="s">
        <v>49235</v>
      </c>
      <c r="B12873" s="1" t="s">
        <v>47525</v>
      </c>
      <c r="C12873" s="1" t="s">
        <v>15</v>
      </c>
      <c r="D12873" s="1" t="s">
        <v>38350</v>
      </c>
      <c r="E12873" s="1" t="s">
        <v>49241</v>
      </c>
      <c r="F12873" s="1" t="s">
        <v>49242</v>
      </c>
      <c r="G12873" s="1" t="s">
        <v>49239</v>
      </c>
      <c r="H12873" s="1" t="s">
        <v>49240</v>
      </c>
      <c r="I12873" s="1" t="s">
        <v>47531</v>
      </c>
      <c r="J12873" s="1" t="s">
        <v>49243</v>
      </c>
    </row>
    <row r="12874" spans="1:10" x14ac:dyDescent="0.35">
      <c r="A12874" s="1" t="s">
        <v>49235</v>
      </c>
      <c r="B12874" s="1" t="s">
        <v>47525</v>
      </c>
      <c r="C12874" s="1" t="s">
        <v>20</v>
      </c>
      <c r="D12874" s="1" t="s">
        <v>5381</v>
      </c>
      <c r="E12874" s="1" t="s">
        <v>49244</v>
      </c>
      <c r="F12874" s="1" t="s">
        <v>49245</v>
      </c>
      <c r="G12874" s="1" t="s">
        <v>49239</v>
      </c>
      <c r="H12874" s="1" t="s">
        <v>49240</v>
      </c>
      <c r="I12874" s="1" t="s">
        <v>47531</v>
      </c>
      <c r="J12874" s="1" t="s">
        <v>49246</v>
      </c>
    </row>
    <row r="12875" spans="1:10" x14ac:dyDescent="0.35">
      <c r="A12875" s="1" t="s">
        <v>49235</v>
      </c>
      <c r="B12875" s="1" t="s">
        <v>47525</v>
      </c>
      <c r="C12875" s="1" t="s">
        <v>25</v>
      </c>
      <c r="D12875" s="1" t="s">
        <v>11823</v>
      </c>
      <c r="E12875" s="1" t="s">
        <v>49247</v>
      </c>
      <c r="F12875" s="1" t="s">
        <v>49248</v>
      </c>
      <c r="G12875" s="1" t="s">
        <v>49239</v>
      </c>
      <c r="H12875" s="1" t="s">
        <v>49240</v>
      </c>
      <c r="I12875" s="1" t="s">
        <v>47531</v>
      </c>
      <c r="J12875" s="1" t="s">
        <v>49249</v>
      </c>
    </row>
    <row r="12876" spans="1:10" x14ac:dyDescent="0.35">
      <c r="A12876" s="1" t="s">
        <v>49235</v>
      </c>
      <c r="B12876" s="1" t="s">
        <v>47525</v>
      </c>
      <c r="C12876" s="1" t="s">
        <v>30</v>
      </c>
      <c r="D12876" s="1" t="s">
        <v>49250</v>
      </c>
      <c r="E12876" s="1" t="s">
        <v>49251</v>
      </c>
      <c r="F12876" s="1" t="s">
        <v>49252</v>
      </c>
      <c r="G12876" s="1" t="s">
        <v>49239</v>
      </c>
      <c r="H12876" s="1" t="s">
        <v>49240</v>
      </c>
      <c r="I12876" s="1" t="s">
        <v>47531</v>
      </c>
      <c r="J12876" s="1" t="s">
        <v>49253</v>
      </c>
    </row>
    <row r="12877" spans="1:10" x14ac:dyDescent="0.35">
      <c r="A12877" s="1" t="s">
        <v>49235</v>
      </c>
      <c r="B12877" s="1" t="s">
        <v>47525</v>
      </c>
      <c r="C12877" s="1" t="s">
        <v>35</v>
      </c>
      <c r="D12877" s="1" t="s">
        <v>6743</v>
      </c>
      <c r="E12877" s="1" t="s">
        <v>49254</v>
      </c>
      <c r="F12877" s="1" t="s">
        <v>49255</v>
      </c>
      <c r="G12877" s="1" t="s">
        <v>49239</v>
      </c>
      <c r="H12877" s="1" t="s">
        <v>49240</v>
      </c>
      <c r="I12877" s="1" t="s">
        <v>47531</v>
      </c>
      <c r="J12877" s="1" t="s">
        <v>49256</v>
      </c>
    </row>
    <row r="12878" spans="1:10" x14ac:dyDescent="0.35">
      <c r="A12878" s="1" t="s">
        <v>49235</v>
      </c>
      <c r="B12878" s="1" t="s">
        <v>47525</v>
      </c>
      <c r="C12878" s="1" t="s">
        <v>40</v>
      </c>
      <c r="D12878" s="1" t="s">
        <v>49257</v>
      </c>
      <c r="E12878" s="1" t="s">
        <v>49258</v>
      </c>
      <c r="F12878" s="1" t="s">
        <v>49259</v>
      </c>
      <c r="G12878" s="1" t="s">
        <v>49239</v>
      </c>
      <c r="H12878" s="1" t="s">
        <v>49240</v>
      </c>
      <c r="I12878" s="1" t="s">
        <v>47531</v>
      </c>
      <c r="J12878" s="1" t="s">
        <v>49260</v>
      </c>
    </row>
    <row r="12879" spans="1:10" x14ac:dyDescent="0.35">
      <c r="A12879" s="1" t="s">
        <v>49235</v>
      </c>
      <c r="B12879" s="1" t="s">
        <v>47525</v>
      </c>
      <c r="C12879" s="1" t="s">
        <v>45</v>
      </c>
      <c r="D12879" s="1" t="s">
        <v>30483</v>
      </c>
      <c r="E12879" s="1" t="s">
        <v>49261</v>
      </c>
      <c r="F12879" s="1" t="s">
        <v>49262</v>
      </c>
      <c r="G12879" s="1" t="s">
        <v>49239</v>
      </c>
      <c r="H12879" s="1" t="s">
        <v>49240</v>
      </c>
      <c r="I12879" s="1" t="s">
        <v>47531</v>
      </c>
      <c r="J12879" s="1" t="s">
        <v>49263</v>
      </c>
    </row>
    <row r="12880" spans="1:10" x14ac:dyDescent="0.35">
      <c r="A12880" s="1" t="s">
        <v>49235</v>
      </c>
      <c r="B12880" s="1" t="s">
        <v>47525</v>
      </c>
      <c r="C12880" s="1" t="s">
        <v>50</v>
      </c>
      <c r="D12880" s="1" t="s">
        <v>37084</v>
      </c>
      <c r="E12880" s="1" t="s">
        <v>49264</v>
      </c>
      <c r="F12880" s="1" t="s">
        <v>49265</v>
      </c>
      <c r="G12880" s="1" t="s">
        <v>49239</v>
      </c>
      <c r="H12880" s="1" t="s">
        <v>49240</v>
      </c>
      <c r="I12880" s="1" t="s">
        <v>47531</v>
      </c>
      <c r="J12880" s="1" t="s">
        <v>49266</v>
      </c>
    </row>
    <row r="12881" spans="1:10" x14ac:dyDescent="0.35">
      <c r="A12881" s="1" t="s">
        <v>49235</v>
      </c>
      <c r="B12881" s="1" t="s">
        <v>47525</v>
      </c>
      <c r="C12881" s="1" t="s">
        <v>55</v>
      </c>
      <c r="D12881" s="1" t="s">
        <v>3008</v>
      </c>
      <c r="E12881" s="1" t="s">
        <v>49267</v>
      </c>
      <c r="F12881" s="1" t="s">
        <v>49268</v>
      </c>
      <c r="G12881" s="1" t="s">
        <v>49239</v>
      </c>
      <c r="H12881" s="1" t="s">
        <v>49240</v>
      </c>
      <c r="I12881" s="1" t="s">
        <v>47531</v>
      </c>
      <c r="J12881" s="1" t="s">
        <v>49269</v>
      </c>
    </row>
    <row r="12882" spans="1:10" x14ac:dyDescent="0.35">
      <c r="A12882" s="1" t="s">
        <v>49235</v>
      </c>
      <c r="B12882" s="1" t="s">
        <v>47525</v>
      </c>
      <c r="C12882" s="1" t="s">
        <v>60</v>
      </c>
      <c r="D12882" s="1" t="s">
        <v>49270</v>
      </c>
      <c r="E12882" s="1" t="s">
        <v>49271</v>
      </c>
      <c r="F12882" s="1" t="s">
        <v>49272</v>
      </c>
      <c r="G12882" s="1" t="s">
        <v>49239</v>
      </c>
      <c r="H12882" s="1" t="s">
        <v>49240</v>
      </c>
      <c r="I12882" s="1" t="s">
        <v>47531</v>
      </c>
      <c r="J12882" s="1" t="s">
        <v>49273</v>
      </c>
    </row>
    <row r="12883" spans="1:10" x14ac:dyDescent="0.35">
      <c r="A12883" s="1" t="s">
        <v>49235</v>
      </c>
      <c r="B12883" s="1" t="s">
        <v>47525</v>
      </c>
      <c r="C12883" s="1" t="s">
        <v>65</v>
      </c>
      <c r="D12883" s="1" t="s">
        <v>49274</v>
      </c>
      <c r="E12883" s="1" t="s">
        <v>49275</v>
      </c>
      <c r="F12883" s="1" t="s">
        <v>49276</v>
      </c>
      <c r="G12883" s="1" t="s">
        <v>49239</v>
      </c>
      <c r="H12883" s="1" t="s">
        <v>49240</v>
      </c>
      <c r="I12883" s="1" t="s">
        <v>47531</v>
      </c>
      <c r="J12883" s="1" t="s">
        <v>49277</v>
      </c>
    </row>
    <row r="12884" spans="1:10" x14ac:dyDescent="0.35">
      <c r="A12884" s="1" t="s">
        <v>49235</v>
      </c>
      <c r="B12884" s="1" t="s">
        <v>47525</v>
      </c>
      <c r="C12884" s="1" t="s">
        <v>70</v>
      </c>
      <c r="D12884" s="1" t="s">
        <v>49278</v>
      </c>
      <c r="E12884" s="1" t="s">
        <v>49279</v>
      </c>
      <c r="F12884" s="1" t="s">
        <v>49280</v>
      </c>
      <c r="G12884" s="1" t="s">
        <v>49239</v>
      </c>
      <c r="H12884" s="1" t="s">
        <v>49240</v>
      </c>
      <c r="I12884" s="1" t="s">
        <v>47531</v>
      </c>
      <c r="J12884" s="1" t="s">
        <v>49281</v>
      </c>
    </row>
    <row r="12885" spans="1:10" x14ac:dyDescent="0.35">
      <c r="A12885" s="1" t="s">
        <v>49235</v>
      </c>
      <c r="B12885" s="1" t="s">
        <v>47525</v>
      </c>
      <c r="C12885" s="1" t="s">
        <v>75</v>
      </c>
      <c r="D12885" s="1" t="s">
        <v>49282</v>
      </c>
      <c r="E12885" s="1" t="s">
        <v>49283</v>
      </c>
      <c r="F12885" s="1" t="s">
        <v>49284</v>
      </c>
      <c r="G12885" s="1" t="s">
        <v>49239</v>
      </c>
      <c r="H12885" s="1" t="s">
        <v>49240</v>
      </c>
      <c r="I12885" s="1" t="s">
        <v>47531</v>
      </c>
      <c r="J12885" s="1" t="s">
        <v>49285</v>
      </c>
    </row>
    <row r="12886" spans="1:10" x14ac:dyDescent="0.35">
      <c r="A12886" s="1" t="s">
        <v>49235</v>
      </c>
      <c r="B12886" s="1" t="s">
        <v>47525</v>
      </c>
      <c r="C12886" s="1" t="s">
        <v>80</v>
      </c>
      <c r="D12886" s="1" t="s">
        <v>49286</v>
      </c>
      <c r="E12886" s="1" t="s">
        <v>49287</v>
      </c>
      <c r="F12886" s="1" t="s">
        <v>49288</v>
      </c>
      <c r="G12886" s="1" t="s">
        <v>49239</v>
      </c>
      <c r="H12886" s="1" t="s">
        <v>49240</v>
      </c>
      <c r="I12886" s="1" t="s">
        <v>47531</v>
      </c>
      <c r="J12886" s="1" t="s">
        <v>49289</v>
      </c>
    </row>
    <row r="12887" spans="1:10" x14ac:dyDescent="0.35">
      <c r="A12887" s="1" t="s">
        <v>49235</v>
      </c>
      <c r="B12887" s="1" t="s">
        <v>47525</v>
      </c>
      <c r="C12887" s="1" t="s">
        <v>85</v>
      </c>
      <c r="D12887" s="1" t="s">
        <v>49290</v>
      </c>
      <c r="E12887" s="1" t="s">
        <v>49291</v>
      </c>
      <c r="F12887" s="1" t="s">
        <v>49292</v>
      </c>
      <c r="G12887" s="1" t="s">
        <v>49239</v>
      </c>
      <c r="H12887" s="1" t="s">
        <v>49240</v>
      </c>
      <c r="I12887" s="1" t="s">
        <v>47531</v>
      </c>
      <c r="J12887" s="1" t="s">
        <v>49293</v>
      </c>
    </row>
    <row r="12888" spans="1:10" x14ac:dyDescent="0.35">
      <c r="A12888" s="1" t="s">
        <v>49235</v>
      </c>
      <c r="B12888" s="1" t="s">
        <v>47525</v>
      </c>
      <c r="C12888" s="1" t="s">
        <v>90</v>
      </c>
      <c r="D12888" s="1" t="s">
        <v>49294</v>
      </c>
      <c r="E12888" s="1" t="s">
        <v>49295</v>
      </c>
      <c r="F12888" s="1" t="s">
        <v>49296</v>
      </c>
      <c r="G12888" s="1" t="s">
        <v>49239</v>
      </c>
      <c r="H12888" s="1" t="s">
        <v>49240</v>
      </c>
      <c r="I12888" s="1" t="s">
        <v>47531</v>
      </c>
      <c r="J12888" s="1" t="s">
        <v>49297</v>
      </c>
    </row>
    <row r="12889" spans="1:10" x14ac:dyDescent="0.35">
      <c r="A12889" s="1" t="s">
        <v>49235</v>
      </c>
      <c r="B12889" s="1" t="s">
        <v>47525</v>
      </c>
      <c r="C12889" s="1" t="s">
        <v>95</v>
      </c>
      <c r="D12889" s="1" t="s">
        <v>49298</v>
      </c>
      <c r="E12889" s="1" t="s">
        <v>49299</v>
      </c>
      <c r="F12889" s="1" t="s">
        <v>49300</v>
      </c>
      <c r="G12889" s="1" t="s">
        <v>49239</v>
      </c>
      <c r="H12889" s="1" t="s">
        <v>49240</v>
      </c>
      <c r="I12889" s="1" t="s">
        <v>47531</v>
      </c>
      <c r="J12889" s="1" t="s">
        <v>49301</v>
      </c>
    </row>
    <row r="12890" spans="1:10" x14ac:dyDescent="0.35">
      <c r="A12890" s="1" t="s">
        <v>49235</v>
      </c>
      <c r="B12890" s="1" t="s">
        <v>47525</v>
      </c>
      <c r="C12890" s="1" t="s">
        <v>100</v>
      </c>
      <c r="D12890" s="1" t="s">
        <v>45549</v>
      </c>
      <c r="E12890" s="1" t="s">
        <v>49302</v>
      </c>
      <c r="F12890" s="1" t="s">
        <v>49303</v>
      </c>
      <c r="G12890" s="1" t="s">
        <v>49239</v>
      </c>
      <c r="H12890" s="1" t="s">
        <v>49240</v>
      </c>
      <c r="I12890" s="1" t="s">
        <v>47531</v>
      </c>
      <c r="J12890" s="1" t="s">
        <v>49304</v>
      </c>
    </row>
    <row r="12891" spans="1:10" x14ac:dyDescent="0.35">
      <c r="A12891" s="1" t="s">
        <v>49235</v>
      </c>
      <c r="B12891" s="1" t="s">
        <v>47525</v>
      </c>
      <c r="C12891" s="1" t="s">
        <v>105</v>
      </c>
      <c r="D12891" s="1" t="s">
        <v>49305</v>
      </c>
      <c r="E12891" s="1" t="s">
        <v>49306</v>
      </c>
      <c r="F12891" s="1" t="s">
        <v>49307</v>
      </c>
      <c r="G12891" s="1" t="s">
        <v>49239</v>
      </c>
      <c r="H12891" s="1" t="s">
        <v>49240</v>
      </c>
      <c r="I12891" s="1" t="s">
        <v>47531</v>
      </c>
      <c r="J12891" s="1" t="s">
        <v>49308</v>
      </c>
    </row>
    <row r="12892" spans="1:10" x14ac:dyDescent="0.35">
      <c r="A12892" s="1" t="s">
        <v>49235</v>
      </c>
      <c r="B12892" s="1" t="s">
        <v>47525</v>
      </c>
      <c r="C12892" s="1" t="s">
        <v>110</v>
      </c>
      <c r="D12892" s="1" t="s">
        <v>49309</v>
      </c>
      <c r="E12892" s="1" t="s">
        <v>49310</v>
      </c>
      <c r="F12892" s="1" t="s">
        <v>49311</v>
      </c>
      <c r="G12892" s="1" t="s">
        <v>49239</v>
      </c>
      <c r="H12892" s="1" t="s">
        <v>49240</v>
      </c>
      <c r="I12892" s="1" t="s">
        <v>47531</v>
      </c>
      <c r="J12892" s="1" t="s">
        <v>49312</v>
      </c>
    </row>
    <row r="12893" spans="1:10" x14ac:dyDescent="0.35">
      <c r="A12893" s="1" t="s">
        <v>49235</v>
      </c>
      <c r="B12893" s="1" t="s">
        <v>47525</v>
      </c>
      <c r="C12893" s="1" t="s">
        <v>115</v>
      </c>
      <c r="D12893" s="1" t="s">
        <v>49313</v>
      </c>
      <c r="E12893" s="1" t="s">
        <v>49314</v>
      </c>
      <c r="F12893" s="1" t="s">
        <v>49315</v>
      </c>
      <c r="G12893" s="1" t="s">
        <v>49239</v>
      </c>
      <c r="H12893" s="1" t="s">
        <v>49240</v>
      </c>
      <c r="I12893" s="1" t="s">
        <v>47531</v>
      </c>
      <c r="J12893" s="1" t="s">
        <v>49316</v>
      </c>
    </row>
    <row r="12894" spans="1:10" x14ac:dyDescent="0.35">
      <c r="A12894" s="1" t="s">
        <v>49235</v>
      </c>
      <c r="B12894" s="1" t="s">
        <v>47525</v>
      </c>
      <c r="C12894" s="1" t="s">
        <v>120</v>
      </c>
      <c r="D12894" s="1" t="s">
        <v>49317</v>
      </c>
      <c r="E12894" s="1" t="s">
        <v>49318</v>
      </c>
      <c r="F12894" s="1" t="s">
        <v>49319</v>
      </c>
      <c r="G12894" s="1" t="s">
        <v>49239</v>
      </c>
      <c r="H12894" s="1" t="s">
        <v>49240</v>
      </c>
      <c r="I12894" s="1" t="s">
        <v>47531</v>
      </c>
      <c r="J12894" s="1" t="s">
        <v>49320</v>
      </c>
    </row>
    <row r="12895" spans="1:10" x14ac:dyDescent="0.35">
      <c r="A12895" s="1" t="s">
        <v>49235</v>
      </c>
      <c r="B12895" s="1" t="s">
        <v>47525</v>
      </c>
      <c r="C12895" s="1" t="s">
        <v>125</v>
      </c>
      <c r="D12895" s="1" t="s">
        <v>49321</v>
      </c>
      <c r="E12895" s="1" t="s">
        <v>49322</v>
      </c>
      <c r="F12895" s="1" t="s">
        <v>49323</v>
      </c>
      <c r="G12895" s="1" t="s">
        <v>49239</v>
      </c>
      <c r="H12895" s="1" t="s">
        <v>49240</v>
      </c>
      <c r="I12895" s="1" t="s">
        <v>47531</v>
      </c>
      <c r="J12895" s="1" t="s">
        <v>49324</v>
      </c>
    </row>
    <row r="12896" spans="1:10" x14ac:dyDescent="0.35">
      <c r="A12896" s="1" t="s">
        <v>49235</v>
      </c>
      <c r="B12896" s="1" t="s">
        <v>47525</v>
      </c>
      <c r="C12896" s="1" t="s">
        <v>130</v>
      </c>
      <c r="D12896" s="1" t="s">
        <v>36283</v>
      </c>
      <c r="E12896" s="1" t="s">
        <v>49325</v>
      </c>
      <c r="F12896" s="1" t="s">
        <v>49326</v>
      </c>
      <c r="G12896" s="1" t="s">
        <v>49239</v>
      </c>
      <c r="H12896" s="1" t="s">
        <v>49240</v>
      </c>
      <c r="I12896" s="1" t="s">
        <v>47531</v>
      </c>
      <c r="J12896" s="1" t="s">
        <v>49327</v>
      </c>
    </row>
    <row r="12897" spans="1:10" x14ac:dyDescent="0.35">
      <c r="A12897" s="1" t="s">
        <v>49235</v>
      </c>
      <c r="B12897" s="1" t="s">
        <v>47525</v>
      </c>
      <c r="C12897" s="1" t="s">
        <v>135</v>
      </c>
      <c r="D12897" s="1" t="s">
        <v>22515</v>
      </c>
      <c r="E12897" s="1" t="s">
        <v>49328</v>
      </c>
      <c r="F12897" s="1" t="s">
        <v>49329</v>
      </c>
      <c r="G12897" s="1" t="s">
        <v>49239</v>
      </c>
      <c r="H12897" s="1" t="s">
        <v>49240</v>
      </c>
      <c r="I12897" s="1" t="s">
        <v>47531</v>
      </c>
      <c r="J12897" s="1" t="s">
        <v>49330</v>
      </c>
    </row>
    <row r="12898" spans="1:10" x14ac:dyDescent="0.35">
      <c r="A12898" s="1" t="s">
        <v>49235</v>
      </c>
      <c r="B12898" s="1" t="s">
        <v>47525</v>
      </c>
      <c r="C12898" s="1" t="s">
        <v>140</v>
      </c>
      <c r="D12898" s="1" t="s">
        <v>49331</v>
      </c>
      <c r="E12898" s="1" t="s">
        <v>49332</v>
      </c>
      <c r="F12898" s="1" t="s">
        <v>49333</v>
      </c>
      <c r="G12898" s="1" t="s">
        <v>49239</v>
      </c>
      <c r="H12898" s="1" t="s">
        <v>49240</v>
      </c>
      <c r="I12898" s="1" t="s">
        <v>47531</v>
      </c>
      <c r="J12898" s="1" t="s">
        <v>49334</v>
      </c>
    </row>
    <row r="12899" spans="1:10" x14ac:dyDescent="0.35">
      <c r="A12899" s="1" t="s">
        <v>49235</v>
      </c>
      <c r="B12899" s="1" t="s">
        <v>47525</v>
      </c>
      <c r="C12899" s="1" t="s">
        <v>145</v>
      </c>
      <c r="D12899" s="1" t="s">
        <v>49335</v>
      </c>
      <c r="E12899" s="1" t="s">
        <v>49336</v>
      </c>
      <c r="F12899" s="1" t="s">
        <v>49337</v>
      </c>
      <c r="G12899" s="1" t="s">
        <v>49239</v>
      </c>
      <c r="H12899" s="1" t="s">
        <v>49240</v>
      </c>
      <c r="I12899" s="1" t="s">
        <v>47531</v>
      </c>
      <c r="J12899" s="1" t="s">
        <v>49338</v>
      </c>
    </row>
    <row r="12900" spans="1:10" x14ac:dyDescent="0.35">
      <c r="A12900" s="1" t="s">
        <v>49235</v>
      </c>
      <c r="B12900" s="1" t="s">
        <v>47525</v>
      </c>
      <c r="C12900" s="1" t="s">
        <v>150</v>
      </c>
      <c r="D12900" s="1" t="s">
        <v>49339</v>
      </c>
      <c r="E12900" s="1" t="s">
        <v>49340</v>
      </c>
      <c r="F12900" s="1" t="s">
        <v>49341</v>
      </c>
      <c r="G12900" s="1" t="s">
        <v>49239</v>
      </c>
      <c r="H12900" s="1" t="s">
        <v>49240</v>
      </c>
      <c r="I12900" s="1" t="s">
        <v>47531</v>
      </c>
      <c r="J12900" s="1" t="s">
        <v>49342</v>
      </c>
    </row>
    <row r="12901" spans="1:10" x14ac:dyDescent="0.35">
      <c r="A12901" s="1" t="s">
        <v>49235</v>
      </c>
      <c r="B12901" s="1" t="s">
        <v>47525</v>
      </c>
      <c r="C12901" s="1" t="s">
        <v>155</v>
      </c>
      <c r="D12901" s="1" t="s">
        <v>49343</v>
      </c>
      <c r="E12901" s="1" t="s">
        <v>49344</v>
      </c>
      <c r="F12901" s="1" t="s">
        <v>49345</v>
      </c>
      <c r="G12901" s="1" t="s">
        <v>49239</v>
      </c>
      <c r="H12901" s="1" t="s">
        <v>49240</v>
      </c>
      <c r="I12901" s="1" t="s">
        <v>47531</v>
      </c>
      <c r="J12901" s="1" t="s">
        <v>49346</v>
      </c>
    </row>
    <row r="12902" spans="1:10" x14ac:dyDescent="0.35">
      <c r="A12902" s="1" t="s">
        <v>49235</v>
      </c>
      <c r="B12902" s="1" t="s">
        <v>47525</v>
      </c>
      <c r="C12902" s="1" t="s">
        <v>160</v>
      </c>
      <c r="D12902" s="1" t="s">
        <v>49347</v>
      </c>
      <c r="E12902" s="1" t="s">
        <v>49348</v>
      </c>
      <c r="F12902" s="1" t="s">
        <v>49349</v>
      </c>
      <c r="G12902" s="1" t="s">
        <v>49239</v>
      </c>
      <c r="H12902" s="1" t="s">
        <v>49240</v>
      </c>
      <c r="I12902" s="1" t="s">
        <v>47531</v>
      </c>
      <c r="J12902" s="1" t="s">
        <v>49350</v>
      </c>
    </row>
    <row r="12903" spans="1:10" x14ac:dyDescent="0.35">
      <c r="A12903" s="1" t="s">
        <v>49235</v>
      </c>
      <c r="B12903" s="1" t="s">
        <v>47525</v>
      </c>
      <c r="C12903" s="1" t="s">
        <v>165</v>
      </c>
      <c r="D12903" s="1" t="s">
        <v>13358</v>
      </c>
      <c r="E12903" s="1" t="s">
        <v>49351</v>
      </c>
      <c r="F12903" s="1" t="s">
        <v>49352</v>
      </c>
      <c r="G12903" s="1" t="s">
        <v>49239</v>
      </c>
      <c r="H12903" s="1" t="s">
        <v>49240</v>
      </c>
      <c r="I12903" s="1" t="s">
        <v>47531</v>
      </c>
      <c r="J12903" s="1" t="s">
        <v>49353</v>
      </c>
    </row>
    <row r="12904" spans="1:10" x14ac:dyDescent="0.35">
      <c r="A12904" s="1" t="s">
        <v>49235</v>
      </c>
      <c r="B12904" s="1" t="s">
        <v>47525</v>
      </c>
      <c r="C12904" s="1" t="s">
        <v>170</v>
      </c>
      <c r="D12904" s="1" t="s">
        <v>49354</v>
      </c>
      <c r="E12904" s="1" t="s">
        <v>49355</v>
      </c>
      <c r="F12904" s="1" t="s">
        <v>49356</v>
      </c>
      <c r="G12904" s="1" t="s">
        <v>49239</v>
      </c>
      <c r="H12904" s="1" t="s">
        <v>49240</v>
      </c>
      <c r="I12904" s="1" t="s">
        <v>47531</v>
      </c>
      <c r="J12904" s="1" t="s">
        <v>49357</v>
      </c>
    </row>
    <row r="12905" spans="1:10" x14ac:dyDescent="0.35">
      <c r="A12905" s="1" t="s">
        <v>49358</v>
      </c>
      <c r="B12905" s="1" t="s">
        <v>47525</v>
      </c>
      <c r="C12905" s="1" t="s">
        <v>8</v>
      </c>
      <c r="D12905" s="1" t="s">
        <v>49359</v>
      </c>
      <c r="E12905" s="1" t="s">
        <v>49360</v>
      </c>
      <c r="F12905" s="1" t="s">
        <v>49361</v>
      </c>
      <c r="G12905" s="1" t="s">
        <v>49362</v>
      </c>
      <c r="H12905" s="1" t="s">
        <v>49363</v>
      </c>
      <c r="I12905" s="1" t="s">
        <v>47531</v>
      </c>
      <c r="J12905" s="1" t="s">
        <v>13</v>
      </c>
    </row>
    <row r="12906" spans="1:10" x14ac:dyDescent="0.35">
      <c r="A12906" s="1" t="s">
        <v>49358</v>
      </c>
      <c r="B12906" s="1" t="s">
        <v>47525</v>
      </c>
      <c r="C12906" s="1" t="s">
        <v>15</v>
      </c>
      <c r="D12906" s="1" t="s">
        <v>49364</v>
      </c>
      <c r="E12906" s="1" t="s">
        <v>49365</v>
      </c>
      <c r="F12906" s="1" t="s">
        <v>49366</v>
      </c>
      <c r="G12906" s="1" t="s">
        <v>49362</v>
      </c>
      <c r="H12906" s="1" t="s">
        <v>49363</v>
      </c>
      <c r="I12906" s="1" t="s">
        <v>47531</v>
      </c>
      <c r="J12906" s="1" t="s">
        <v>49367</v>
      </c>
    </row>
    <row r="12907" spans="1:10" x14ac:dyDescent="0.35">
      <c r="A12907" s="1" t="s">
        <v>49358</v>
      </c>
      <c r="B12907" s="1" t="s">
        <v>47525</v>
      </c>
      <c r="C12907" s="1" t="s">
        <v>20</v>
      </c>
      <c r="D12907" s="1" t="s">
        <v>2607</v>
      </c>
      <c r="E12907" s="1" t="s">
        <v>49368</v>
      </c>
      <c r="F12907" s="1" t="s">
        <v>49369</v>
      </c>
      <c r="G12907" s="1" t="s">
        <v>49362</v>
      </c>
      <c r="H12907" s="1" t="s">
        <v>49363</v>
      </c>
      <c r="I12907" s="1" t="s">
        <v>47531</v>
      </c>
      <c r="J12907" s="1" t="s">
        <v>49370</v>
      </c>
    </row>
    <row r="12908" spans="1:10" x14ac:dyDescent="0.35">
      <c r="A12908" s="1" t="s">
        <v>49358</v>
      </c>
      <c r="B12908" s="1" t="s">
        <v>47525</v>
      </c>
      <c r="C12908" s="1" t="s">
        <v>25</v>
      </c>
      <c r="D12908" s="1" t="s">
        <v>49371</v>
      </c>
      <c r="E12908" s="1" t="s">
        <v>49372</v>
      </c>
      <c r="F12908" s="1" t="s">
        <v>49373</v>
      </c>
      <c r="G12908" s="1" t="s">
        <v>49362</v>
      </c>
      <c r="H12908" s="1" t="s">
        <v>49363</v>
      </c>
      <c r="I12908" s="1" t="s">
        <v>47531</v>
      </c>
      <c r="J12908" s="1" t="s">
        <v>49374</v>
      </c>
    </row>
    <row r="12909" spans="1:10" x14ac:dyDescent="0.35">
      <c r="A12909" s="1" t="s">
        <v>49358</v>
      </c>
      <c r="B12909" s="1" t="s">
        <v>47525</v>
      </c>
      <c r="C12909" s="1" t="s">
        <v>30</v>
      </c>
      <c r="D12909" s="1" t="s">
        <v>28457</v>
      </c>
      <c r="E12909" s="1" t="s">
        <v>49375</v>
      </c>
      <c r="F12909" s="1" t="s">
        <v>49376</v>
      </c>
      <c r="G12909" s="1" t="s">
        <v>49362</v>
      </c>
      <c r="H12909" s="1" t="s">
        <v>49363</v>
      </c>
      <c r="I12909" s="1" t="s">
        <v>47531</v>
      </c>
      <c r="J12909" s="1" t="s">
        <v>49377</v>
      </c>
    </row>
    <row r="12910" spans="1:10" x14ac:dyDescent="0.35">
      <c r="A12910" s="1" t="s">
        <v>49358</v>
      </c>
      <c r="B12910" s="1" t="s">
        <v>47525</v>
      </c>
      <c r="C12910" s="1" t="s">
        <v>35</v>
      </c>
      <c r="D12910" s="1" t="s">
        <v>49378</v>
      </c>
      <c r="E12910" s="1" t="s">
        <v>49379</v>
      </c>
      <c r="F12910" s="1" t="s">
        <v>49380</v>
      </c>
      <c r="G12910" s="1" t="s">
        <v>49362</v>
      </c>
      <c r="H12910" s="1" t="s">
        <v>49363</v>
      </c>
      <c r="I12910" s="1" t="s">
        <v>47531</v>
      </c>
      <c r="J12910" s="1" t="s">
        <v>49381</v>
      </c>
    </row>
    <row r="12911" spans="1:10" x14ac:dyDescent="0.35">
      <c r="A12911" s="1" t="s">
        <v>49358</v>
      </c>
      <c r="B12911" s="1" t="s">
        <v>47525</v>
      </c>
      <c r="C12911" s="1" t="s">
        <v>40</v>
      </c>
      <c r="D12911" s="1" t="s">
        <v>6645</v>
      </c>
      <c r="E12911" s="1" t="s">
        <v>49382</v>
      </c>
      <c r="F12911" s="1" t="s">
        <v>49383</v>
      </c>
      <c r="G12911" s="1" t="s">
        <v>49362</v>
      </c>
      <c r="H12911" s="1" t="s">
        <v>49363</v>
      </c>
      <c r="I12911" s="1" t="s">
        <v>47531</v>
      </c>
      <c r="J12911" s="1" t="s">
        <v>49384</v>
      </c>
    </row>
    <row r="12912" spans="1:10" x14ac:dyDescent="0.35">
      <c r="A12912" s="1" t="s">
        <v>49358</v>
      </c>
      <c r="B12912" s="1" t="s">
        <v>47525</v>
      </c>
      <c r="C12912" s="1" t="s">
        <v>45</v>
      </c>
      <c r="D12912" s="1" t="s">
        <v>49385</v>
      </c>
      <c r="E12912" s="1" t="s">
        <v>49386</v>
      </c>
      <c r="F12912" s="1" t="s">
        <v>49387</v>
      </c>
      <c r="G12912" s="1" t="s">
        <v>49362</v>
      </c>
      <c r="H12912" s="1" t="s">
        <v>49363</v>
      </c>
      <c r="I12912" s="1" t="s">
        <v>47531</v>
      </c>
      <c r="J12912" s="1" t="s">
        <v>49388</v>
      </c>
    </row>
    <row r="12913" spans="1:10" x14ac:dyDescent="0.35">
      <c r="A12913" s="1" t="s">
        <v>49358</v>
      </c>
      <c r="B12913" s="1" t="s">
        <v>47525</v>
      </c>
      <c r="C12913" s="1" t="s">
        <v>50</v>
      </c>
      <c r="D12913" s="1" t="s">
        <v>29025</v>
      </c>
      <c r="E12913" s="1" t="s">
        <v>49389</v>
      </c>
      <c r="F12913" s="1" t="s">
        <v>49390</v>
      </c>
      <c r="G12913" s="1" t="s">
        <v>49362</v>
      </c>
      <c r="H12913" s="1" t="s">
        <v>49363</v>
      </c>
      <c r="I12913" s="1" t="s">
        <v>47531</v>
      </c>
      <c r="J12913" s="1" t="s">
        <v>49391</v>
      </c>
    </row>
    <row r="12914" spans="1:10" x14ac:dyDescent="0.35">
      <c r="A12914" s="1" t="s">
        <v>49358</v>
      </c>
      <c r="B12914" s="1" t="s">
        <v>47525</v>
      </c>
      <c r="C12914" s="1" t="s">
        <v>55</v>
      </c>
      <c r="D12914" s="1" t="s">
        <v>49392</v>
      </c>
      <c r="E12914" s="1" t="s">
        <v>49393</v>
      </c>
      <c r="F12914" s="1" t="s">
        <v>49394</v>
      </c>
      <c r="G12914" s="1" t="s">
        <v>49362</v>
      </c>
      <c r="H12914" s="1" t="s">
        <v>49363</v>
      </c>
      <c r="I12914" s="1" t="s">
        <v>47531</v>
      </c>
      <c r="J12914" s="1" t="s">
        <v>49395</v>
      </c>
    </row>
    <row r="12915" spans="1:10" x14ac:dyDescent="0.35">
      <c r="A12915" s="1" t="s">
        <v>49358</v>
      </c>
      <c r="B12915" s="1" t="s">
        <v>47525</v>
      </c>
      <c r="C12915" s="1" t="s">
        <v>60</v>
      </c>
      <c r="D12915" s="1" t="s">
        <v>49396</v>
      </c>
      <c r="E12915" s="1" t="s">
        <v>49397</v>
      </c>
      <c r="F12915" s="1" t="s">
        <v>49398</v>
      </c>
      <c r="G12915" s="1" t="s">
        <v>49362</v>
      </c>
      <c r="H12915" s="1" t="s">
        <v>49363</v>
      </c>
      <c r="I12915" s="1" t="s">
        <v>47531</v>
      </c>
      <c r="J12915" s="1" t="s">
        <v>49399</v>
      </c>
    </row>
    <row r="12916" spans="1:10" x14ac:dyDescent="0.35">
      <c r="A12916" s="1" t="s">
        <v>49358</v>
      </c>
      <c r="B12916" s="1" t="s">
        <v>47525</v>
      </c>
      <c r="C12916" s="1" t="s">
        <v>65</v>
      </c>
      <c r="D12916" s="1" t="s">
        <v>36711</v>
      </c>
      <c r="E12916" s="1" t="s">
        <v>49400</v>
      </c>
      <c r="F12916" s="1" t="s">
        <v>49401</v>
      </c>
      <c r="G12916" s="1" t="s">
        <v>49362</v>
      </c>
      <c r="H12916" s="1" t="s">
        <v>49363</v>
      </c>
      <c r="I12916" s="1" t="s">
        <v>47531</v>
      </c>
      <c r="J12916" s="1" t="s">
        <v>49402</v>
      </c>
    </row>
    <row r="12917" spans="1:10" x14ac:dyDescent="0.35">
      <c r="A12917" s="1" t="s">
        <v>49358</v>
      </c>
      <c r="B12917" s="1" t="s">
        <v>47525</v>
      </c>
      <c r="C12917" s="1" t="s">
        <v>70</v>
      </c>
      <c r="D12917" s="1" t="s">
        <v>49403</v>
      </c>
      <c r="E12917" s="1" t="s">
        <v>49404</v>
      </c>
      <c r="F12917" s="1" t="s">
        <v>49405</v>
      </c>
      <c r="G12917" s="1" t="s">
        <v>49362</v>
      </c>
      <c r="H12917" s="1" t="s">
        <v>49363</v>
      </c>
      <c r="I12917" s="1" t="s">
        <v>47531</v>
      </c>
      <c r="J12917" s="1" t="s">
        <v>49406</v>
      </c>
    </row>
    <row r="12918" spans="1:10" x14ac:dyDescent="0.35">
      <c r="A12918" s="1" t="s">
        <v>49358</v>
      </c>
      <c r="B12918" s="1" t="s">
        <v>47525</v>
      </c>
      <c r="C12918" s="1" t="s">
        <v>75</v>
      </c>
      <c r="D12918" s="1" t="s">
        <v>49407</v>
      </c>
      <c r="E12918" s="1" t="s">
        <v>49408</v>
      </c>
      <c r="F12918" s="1" t="s">
        <v>49409</v>
      </c>
      <c r="G12918" s="1" t="s">
        <v>49362</v>
      </c>
      <c r="H12918" s="1" t="s">
        <v>49363</v>
      </c>
      <c r="I12918" s="1" t="s">
        <v>47531</v>
      </c>
      <c r="J12918" s="1" t="s">
        <v>49410</v>
      </c>
    </row>
    <row r="12919" spans="1:10" x14ac:dyDescent="0.35">
      <c r="A12919" s="1" t="s">
        <v>49358</v>
      </c>
      <c r="B12919" s="1" t="s">
        <v>47525</v>
      </c>
      <c r="C12919" s="1" t="s">
        <v>80</v>
      </c>
      <c r="D12919" s="1" t="s">
        <v>49411</v>
      </c>
      <c r="E12919" s="1" t="s">
        <v>49412</v>
      </c>
      <c r="F12919" s="1" t="s">
        <v>49413</v>
      </c>
      <c r="G12919" s="1" t="s">
        <v>49362</v>
      </c>
      <c r="H12919" s="1" t="s">
        <v>49363</v>
      </c>
      <c r="I12919" s="1" t="s">
        <v>47531</v>
      </c>
      <c r="J12919" s="1" t="s">
        <v>49414</v>
      </c>
    </row>
    <row r="12920" spans="1:10" x14ac:dyDescent="0.35">
      <c r="A12920" s="1" t="s">
        <v>49358</v>
      </c>
      <c r="B12920" s="1" t="s">
        <v>47525</v>
      </c>
      <c r="C12920" s="1" t="s">
        <v>85</v>
      </c>
      <c r="D12920" s="1" t="s">
        <v>49415</v>
      </c>
      <c r="E12920" s="1" t="s">
        <v>49416</v>
      </c>
      <c r="F12920" s="1" t="s">
        <v>49417</v>
      </c>
      <c r="G12920" s="1" t="s">
        <v>49362</v>
      </c>
      <c r="H12920" s="1" t="s">
        <v>49363</v>
      </c>
      <c r="I12920" s="1" t="s">
        <v>47531</v>
      </c>
      <c r="J12920" s="1" t="s">
        <v>49418</v>
      </c>
    </row>
    <row r="12921" spans="1:10" x14ac:dyDescent="0.35">
      <c r="A12921" s="1" t="s">
        <v>49358</v>
      </c>
      <c r="B12921" s="1" t="s">
        <v>47525</v>
      </c>
      <c r="C12921" s="1" t="s">
        <v>90</v>
      </c>
      <c r="D12921" s="1" t="s">
        <v>49419</v>
      </c>
      <c r="E12921" s="1" t="s">
        <v>49420</v>
      </c>
      <c r="F12921" s="1" t="s">
        <v>49421</v>
      </c>
      <c r="G12921" s="1" t="s">
        <v>49362</v>
      </c>
      <c r="H12921" s="1" t="s">
        <v>49363</v>
      </c>
      <c r="I12921" s="1" t="s">
        <v>47531</v>
      </c>
      <c r="J12921" s="1" t="s">
        <v>49422</v>
      </c>
    </row>
    <row r="12922" spans="1:10" x14ac:dyDescent="0.35">
      <c r="A12922" s="1" t="s">
        <v>49358</v>
      </c>
      <c r="B12922" s="1" t="s">
        <v>47525</v>
      </c>
      <c r="C12922" s="1" t="s">
        <v>95</v>
      </c>
      <c r="D12922" s="1" t="s">
        <v>46860</v>
      </c>
      <c r="E12922" s="1" t="s">
        <v>49423</v>
      </c>
      <c r="F12922" s="1" t="s">
        <v>49424</v>
      </c>
      <c r="G12922" s="1" t="s">
        <v>49362</v>
      </c>
      <c r="H12922" s="1" t="s">
        <v>49363</v>
      </c>
      <c r="I12922" s="1" t="s">
        <v>47531</v>
      </c>
      <c r="J12922" s="1" t="s">
        <v>49425</v>
      </c>
    </row>
    <row r="12923" spans="1:10" x14ac:dyDescent="0.35">
      <c r="A12923" s="1" t="s">
        <v>49358</v>
      </c>
      <c r="B12923" s="1" t="s">
        <v>47525</v>
      </c>
      <c r="C12923" s="1" t="s">
        <v>100</v>
      </c>
      <c r="D12923" s="1" t="s">
        <v>4110</v>
      </c>
      <c r="E12923" s="1" t="s">
        <v>49426</v>
      </c>
      <c r="F12923" s="1" t="s">
        <v>49427</v>
      </c>
      <c r="G12923" s="1" t="s">
        <v>49362</v>
      </c>
      <c r="H12923" s="1" t="s">
        <v>49363</v>
      </c>
      <c r="I12923" s="1" t="s">
        <v>47531</v>
      </c>
      <c r="J12923" s="1" t="s">
        <v>49428</v>
      </c>
    </row>
    <row r="12924" spans="1:10" x14ac:dyDescent="0.35">
      <c r="A12924" s="1" t="s">
        <v>49358</v>
      </c>
      <c r="B12924" s="1" t="s">
        <v>47525</v>
      </c>
      <c r="C12924" s="1" t="s">
        <v>105</v>
      </c>
      <c r="D12924" s="1" t="s">
        <v>49429</v>
      </c>
      <c r="E12924" s="1" t="s">
        <v>49430</v>
      </c>
      <c r="F12924" s="1" t="s">
        <v>49431</v>
      </c>
      <c r="G12924" s="1" t="s">
        <v>49362</v>
      </c>
      <c r="H12924" s="1" t="s">
        <v>49363</v>
      </c>
      <c r="I12924" s="1" t="s">
        <v>47531</v>
      </c>
      <c r="J12924" s="1" t="s">
        <v>49432</v>
      </c>
    </row>
    <row r="12925" spans="1:10" x14ac:dyDescent="0.35">
      <c r="A12925" s="1" t="s">
        <v>49358</v>
      </c>
      <c r="B12925" s="1" t="s">
        <v>47525</v>
      </c>
      <c r="C12925" s="1" t="s">
        <v>110</v>
      </c>
      <c r="D12925" s="1" t="s">
        <v>28645</v>
      </c>
      <c r="E12925" s="1" t="s">
        <v>49433</v>
      </c>
      <c r="F12925" s="1" t="s">
        <v>49434</v>
      </c>
      <c r="G12925" s="1" t="s">
        <v>49362</v>
      </c>
      <c r="H12925" s="1" t="s">
        <v>49363</v>
      </c>
      <c r="I12925" s="1" t="s">
        <v>47531</v>
      </c>
      <c r="J12925" s="1" t="s">
        <v>49435</v>
      </c>
    </row>
    <row r="12926" spans="1:10" x14ac:dyDescent="0.35">
      <c r="A12926" s="1" t="s">
        <v>49358</v>
      </c>
      <c r="B12926" s="1" t="s">
        <v>47525</v>
      </c>
      <c r="C12926" s="1" t="s">
        <v>115</v>
      </c>
      <c r="D12926" s="1" t="s">
        <v>48145</v>
      </c>
      <c r="E12926" s="1" t="s">
        <v>49436</v>
      </c>
      <c r="F12926" s="1" t="s">
        <v>49437</v>
      </c>
      <c r="G12926" s="1" t="s">
        <v>49362</v>
      </c>
      <c r="H12926" s="1" t="s">
        <v>49363</v>
      </c>
      <c r="I12926" s="1" t="s">
        <v>47531</v>
      </c>
      <c r="J12926" s="1" t="s">
        <v>49438</v>
      </c>
    </row>
    <row r="12927" spans="1:10" x14ac:dyDescent="0.35">
      <c r="A12927" s="1" t="s">
        <v>49358</v>
      </c>
      <c r="B12927" s="1" t="s">
        <v>47525</v>
      </c>
      <c r="C12927" s="1" t="s">
        <v>120</v>
      </c>
      <c r="D12927" s="1" t="s">
        <v>49439</v>
      </c>
      <c r="E12927" s="1" t="s">
        <v>49440</v>
      </c>
      <c r="F12927" s="1" t="s">
        <v>49441</v>
      </c>
      <c r="G12927" s="1" t="s">
        <v>49362</v>
      </c>
      <c r="H12927" s="1" t="s">
        <v>49363</v>
      </c>
      <c r="I12927" s="1" t="s">
        <v>47531</v>
      </c>
      <c r="J12927" s="1" t="s">
        <v>49442</v>
      </c>
    </row>
    <row r="12928" spans="1:10" x14ac:dyDescent="0.35">
      <c r="A12928" s="1" t="s">
        <v>49358</v>
      </c>
      <c r="B12928" s="1" t="s">
        <v>47525</v>
      </c>
      <c r="C12928" s="1" t="s">
        <v>125</v>
      </c>
      <c r="D12928" s="1" t="s">
        <v>49443</v>
      </c>
      <c r="E12928" s="1" t="s">
        <v>49444</v>
      </c>
      <c r="F12928" s="1" t="s">
        <v>49445</v>
      </c>
      <c r="G12928" s="1" t="s">
        <v>49362</v>
      </c>
      <c r="H12928" s="1" t="s">
        <v>49363</v>
      </c>
      <c r="I12928" s="1" t="s">
        <v>47531</v>
      </c>
      <c r="J12928" s="1" t="s">
        <v>49446</v>
      </c>
    </row>
    <row r="12929" spans="1:10" x14ac:dyDescent="0.35">
      <c r="A12929" s="1" t="s">
        <v>49358</v>
      </c>
      <c r="B12929" s="1" t="s">
        <v>47525</v>
      </c>
      <c r="C12929" s="1" t="s">
        <v>130</v>
      </c>
      <c r="D12929" s="1" t="s">
        <v>34849</v>
      </c>
      <c r="E12929" s="1" t="s">
        <v>49447</v>
      </c>
      <c r="F12929" s="1" t="s">
        <v>49448</v>
      </c>
      <c r="G12929" s="1" t="s">
        <v>49362</v>
      </c>
      <c r="H12929" s="1" t="s">
        <v>49363</v>
      </c>
      <c r="I12929" s="1" t="s">
        <v>47531</v>
      </c>
      <c r="J12929" s="1" t="s">
        <v>49449</v>
      </c>
    </row>
    <row r="12930" spans="1:10" x14ac:dyDescent="0.35">
      <c r="A12930" s="1" t="s">
        <v>49358</v>
      </c>
      <c r="B12930" s="1" t="s">
        <v>47525</v>
      </c>
      <c r="C12930" s="1" t="s">
        <v>135</v>
      </c>
      <c r="D12930" s="1" t="s">
        <v>45164</v>
      </c>
      <c r="E12930" s="1" t="s">
        <v>49450</v>
      </c>
      <c r="F12930" s="1" t="s">
        <v>49451</v>
      </c>
      <c r="G12930" s="1" t="s">
        <v>49362</v>
      </c>
      <c r="H12930" s="1" t="s">
        <v>49363</v>
      </c>
      <c r="I12930" s="1" t="s">
        <v>47531</v>
      </c>
      <c r="J12930" s="1" t="s">
        <v>49452</v>
      </c>
    </row>
    <row r="12931" spans="1:10" x14ac:dyDescent="0.35">
      <c r="A12931" s="1" t="s">
        <v>49358</v>
      </c>
      <c r="B12931" s="1" t="s">
        <v>47525</v>
      </c>
      <c r="C12931" s="1" t="s">
        <v>140</v>
      </c>
      <c r="D12931" s="1" t="s">
        <v>49453</v>
      </c>
      <c r="E12931" s="1" t="s">
        <v>49454</v>
      </c>
      <c r="F12931" s="1" t="s">
        <v>49455</v>
      </c>
      <c r="G12931" s="1" t="s">
        <v>49362</v>
      </c>
      <c r="H12931" s="1" t="s">
        <v>49363</v>
      </c>
      <c r="I12931" s="1" t="s">
        <v>47531</v>
      </c>
      <c r="J12931" s="1" t="s">
        <v>49456</v>
      </c>
    </row>
    <row r="12932" spans="1:10" x14ac:dyDescent="0.35">
      <c r="A12932" s="1" t="s">
        <v>49358</v>
      </c>
      <c r="B12932" s="1" t="s">
        <v>47525</v>
      </c>
      <c r="C12932" s="1" t="s">
        <v>145</v>
      </c>
      <c r="D12932" s="1" t="s">
        <v>49457</v>
      </c>
      <c r="E12932" s="1" t="s">
        <v>49458</v>
      </c>
      <c r="F12932" s="1" t="s">
        <v>49459</v>
      </c>
      <c r="G12932" s="1" t="s">
        <v>49362</v>
      </c>
      <c r="H12932" s="1" t="s">
        <v>49363</v>
      </c>
      <c r="I12932" s="1" t="s">
        <v>47531</v>
      </c>
      <c r="J12932" s="1" t="s">
        <v>49460</v>
      </c>
    </row>
    <row r="12933" spans="1:10" x14ac:dyDescent="0.35">
      <c r="A12933" s="1" t="s">
        <v>49358</v>
      </c>
      <c r="B12933" s="1" t="s">
        <v>47525</v>
      </c>
      <c r="C12933" s="1" t="s">
        <v>150</v>
      </c>
      <c r="D12933" s="1" t="s">
        <v>49461</v>
      </c>
      <c r="E12933" s="1" t="s">
        <v>49462</v>
      </c>
      <c r="F12933" s="1" t="s">
        <v>49463</v>
      </c>
      <c r="G12933" s="1" t="s">
        <v>49362</v>
      </c>
      <c r="H12933" s="1" t="s">
        <v>49363</v>
      </c>
      <c r="I12933" s="1" t="s">
        <v>47531</v>
      </c>
      <c r="J12933" s="1" t="s">
        <v>49464</v>
      </c>
    </row>
    <row r="12934" spans="1:10" x14ac:dyDescent="0.35">
      <c r="A12934" s="1" t="s">
        <v>49358</v>
      </c>
      <c r="B12934" s="1" t="s">
        <v>47525</v>
      </c>
      <c r="C12934" s="1" t="s">
        <v>155</v>
      </c>
      <c r="D12934" s="1" t="s">
        <v>49465</v>
      </c>
      <c r="E12934" s="1" t="s">
        <v>49466</v>
      </c>
      <c r="F12934" s="1" t="s">
        <v>49467</v>
      </c>
      <c r="G12934" s="1" t="s">
        <v>49362</v>
      </c>
      <c r="H12934" s="1" t="s">
        <v>49363</v>
      </c>
      <c r="I12934" s="1" t="s">
        <v>47531</v>
      </c>
      <c r="J12934" s="1" t="s">
        <v>49468</v>
      </c>
    </row>
    <row r="12935" spans="1:10" x14ac:dyDescent="0.35">
      <c r="A12935" s="1" t="s">
        <v>49358</v>
      </c>
      <c r="B12935" s="1" t="s">
        <v>47525</v>
      </c>
      <c r="C12935" s="1" t="s">
        <v>160</v>
      </c>
      <c r="D12935" s="1" t="s">
        <v>35107</v>
      </c>
      <c r="E12935" s="1" t="s">
        <v>49469</v>
      </c>
      <c r="F12935" s="1" t="s">
        <v>49470</v>
      </c>
      <c r="G12935" s="1" t="s">
        <v>49362</v>
      </c>
      <c r="H12935" s="1" t="s">
        <v>49363</v>
      </c>
      <c r="I12935" s="1" t="s">
        <v>47531</v>
      </c>
      <c r="J12935" s="1" t="s">
        <v>49471</v>
      </c>
    </row>
    <row r="12936" spans="1:10" x14ac:dyDescent="0.35">
      <c r="A12936" s="1" t="s">
        <v>49358</v>
      </c>
      <c r="B12936" s="1" t="s">
        <v>47525</v>
      </c>
      <c r="C12936" s="1" t="s">
        <v>165</v>
      </c>
      <c r="D12936" s="1" t="s">
        <v>13055</v>
      </c>
      <c r="E12936" s="1" t="s">
        <v>49472</v>
      </c>
      <c r="F12936" s="1" t="s">
        <v>49473</v>
      </c>
      <c r="G12936" s="1" t="s">
        <v>49362</v>
      </c>
      <c r="H12936" s="1" t="s">
        <v>49363</v>
      </c>
      <c r="I12936" s="1" t="s">
        <v>47531</v>
      </c>
      <c r="J12936" s="1" t="s">
        <v>49474</v>
      </c>
    </row>
    <row r="12937" spans="1:10" x14ac:dyDescent="0.35">
      <c r="A12937" s="1" t="s">
        <v>49358</v>
      </c>
      <c r="B12937" s="1" t="s">
        <v>47525</v>
      </c>
      <c r="C12937" s="1" t="s">
        <v>170</v>
      </c>
      <c r="D12937" s="1" t="s">
        <v>33147</v>
      </c>
      <c r="E12937" s="1" t="s">
        <v>49475</v>
      </c>
      <c r="F12937" s="1" t="s">
        <v>49476</v>
      </c>
      <c r="G12937" s="1" t="s">
        <v>49362</v>
      </c>
      <c r="H12937" s="1" t="s">
        <v>49363</v>
      </c>
      <c r="I12937" s="1" t="s">
        <v>47531</v>
      </c>
      <c r="J12937" s="1" t="s">
        <v>49477</v>
      </c>
    </row>
    <row r="12938" spans="1:10" x14ac:dyDescent="0.35">
      <c r="A12938" s="1" t="s">
        <v>49478</v>
      </c>
      <c r="B12938" s="1" t="s">
        <v>47525</v>
      </c>
      <c r="C12938" s="1" t="s">
        <v>8</v>
      </c>
      <c r="D12938" s="1" t="s">
        <v>2370</v>
      </c>
      <c r="E12938" s="1" t="s">
        <v>49479</v>
      </c>
      <c r="F12938" s="1" t="s">
        <v>49480</v>
      </c>
      <c r="G12938" s="1" t="s">
        <v>49481</v>
      </c>
      <c r="H12938" s="1" t="s">
        <v>49482</v>
      </c>
      <c r="I12938" s="1" t="s">
        <v>47531</v>
      </c>
      <c r="J12938" s="1" t="s">
        <v>13</v>
      </c>
    </row>
    <row r="12939" spans="1:10" x14ac:dyDescent="0.35">
      <c r="A12939" s="1" t="s">
        <v>49478</v>
      </c>
      <c r="B12939" s="1" t="s">
        <v>47525</v>
      </c>
      <c r="C12939" s="1" t="s">
        <v>15</v>
      </c>
      <c r="D12939" s="1" t="s">
        <v>33678</v>
      </c>
      <c r="E12939" s="1" t="s">
        <v>49483</v>
      </c>
      <c r="F12939" s="1" t="s">
        <v>49484</v>
      </c>
      <c r="G12939" s="1" t="s">
        <v>49481</v>
      </c>
      <c r="H12939" s="1" t="s">
        <v>49482</v>
      </c>
      <c r="I12939" s="1" t="s">
        <v>47531</v>
      </c>
      <c r="J12939" s="1" t="s">
        <v>49485</v>
      </c>
    </row>
    <row r="12940" spans="1:10" x14ac:dyDescent="0.35">
      <c r="A12940" s="1" t="s">
        <v>49478</v>
      </c>
      <c r="B12940" s="1" t="s">
        <v>47525</v>
      </c>
      <c r="C12940" s="1" t="s">
        <v>20</v>
      </c>
      <c r="D12940" s="1" t="s">
        <v>49486</v>
      </c>
      <c r="E12940" s="1" t="s">
        <v>49487</v>
      </c>
      <c r="F12940" s="1" t="s">
        <v>49488</v>
      </c>
      <c r="G12940" s="1" t="s">
        <v>49481</v>
      </c>
      <c r="H12940" s="1" t="s">
        <v>49482</v>
      </c>
      <c r="I12940" s="1" t="s">
        <v>47531</v>
      </c>
      <c r="J12940" s="1" t="s">
        <v>49489</v>
      </c>
    </row>
    <row r="12941" spans="1:10" x14ac:dyDescent="0.35">
      <c r="A12941" s="1" t="s">
        <v>49478</v>
      </c>
      <c r="B12941" s="1" t="s">
        <v>47525</v>
      </c>
      <c r="C12941" s="1" t="s">
        <v>25</v>
      </c>
      <c r="D12941" s="1" t="s">
        <v>49490</v>
      </c>
      <c r="E12941" s="1" t="s">
        <v>49491</v>
      </c>
      <c r="F12941" s="1" t="s">
        <v>49492</v>
      </c>
      <c r="G12941" s="1" t="s">
        <v>49481</v>
      </c>
      <c r="H12941" s="1" t="s">
        <v>49482</v>
      </c>
      <c r="I12941" s="1" t="s">
        <v>47531</v>
      </c>
      <c r="J12941" s="1" t="s">
        <v>49493</v>
      </c>
    </row>
    <row r="12942" spans="1:10" x14ac:dyDescent="0.35">
      <c r="A12942" s="1" t="s">
        <v>49478</v>
      </c>
      <c r="B12942" s="1" t="s">
        <v>47525</v>
      </c>
      <c r="C12942" s="1" t="s">
        <v>30</v>
      </c>
      <c r="D12942" s="1" t="s">
        <v>49494</v>
      </c>
      <c r="E12942" s="1" t="s">
        <v>49495</v>
      </c>
      <c r="F12942" s="1" t="s">
        <v>49496</v>
      </c>
      <c r="G12942" s="1" t="s">
        <v>49481</v>
      </c>
      <c r="H12942" s="1" t="s">
        <v>49482</v>
      </c>
      <c r="I12942" s="1" t="s">
        <v>47531</v>
      </c>
      <c r="J12942" s="1" t="s">
        <v>49497</v>
      </c>
    </row>
    <row r="12943" spans="1:10" x14ac:dyDescent="0.35">
      <c r="A12943" s="1" t="s">
        <v>49478</v>
      </c>
      <c r="B12943" s="1" t="s">
        <v>47525</v>
      </c>
      <c r="C12943" s="1" t="s">
        <v>35</v>
      </c>
      <c r="D12943" s="1" t="s">
        <v>49498</v>
      </c>
      <c r="E12943" s="1" t="s">
        <v>49499</v>
      </c>
      <c r="F12943" s="1" t="s">
        <v>49500</v>
      </c>
      <c r="G12943" s="1" t="s">
        <v>49481</v>
      </c>
      <c r="H12943" s="1" t="s">
        <v>49482</v>
      </c>
      <c r="I12943" s="1" t="s">
        <v>47531</v>
      </c>
      <c r="J12943" s="1" t="s">
        <v>49501</v>
      </c>
    </row>
    <row r="12944" spans="1:10" x14ac:dyDescent="0.35">
      <c r="A12944" s="1" t="s">
        <v>49478</v>
      </c>
      <c r="B12944" s="1" t="s">
        <v>47525</v>
      </c>
      <c r="C12944" s="1" t="s">
        <v>40</v>
      </c>
      <c r="D12944" s="1" t="s">
        <v>15983</v>
      </c>
      <c r="E12944" s="1" t="s">
        <v>49502</v>
      </c>
      <c r="F12944" s="1" t="s">
        <v>49503</v>
      </c>
      <c r="G12944" s="1" t="s">
        <v>49481</v>
      </c>
      <c r="H12944" s="1" t="s">
        <v>49482</v>
      </c>
      <c r="I12944" s="1" t="s">
        <v>47531</v>
      </c>
      <c r="J12944" s="1" t="s">
        <v>49504</v>
      </c>
    </row>
    <row r="12945" spans="1:10" x14ac:dyDescent="0.35">
      <c r="A12945" s="1" t="s">
        <v>49478</v>
      </c>
      <c r="B12945" s="1" t="s">
        <v>47525</v>
      </c>
      <c r="C12945" s="1" t="s">
        <v>45</v>
      </c>
      <c r="D12945" s="1" t="s">
        <v>49505</v>
      </c>
      <c r="E12945" s="1" t="s">
        <v>49506</v>
      </c>
      <c r="F12945" s="1" t="s">
        <v>49507</v>
      </c>
      <c r="G12945" s="1" t="s">
        <v>49481</v>
      </c>
      <c r="H12945" s="1" t="s">
        <v>49482</v>
      </c>
      <c r="I12945" s="1" t="s">
        <v>47531</v>
      </c>
      <c r="J12945" s="1" t="s">
        <v>49508</v>
      </c>
    </row>
    <row r="12946" spans="1:10" x14ac:dyDescent="0.35">
      <c r="A12946" s="1" t="s">
        <v>49478</v>
      </c>
      <c r="B12946" s="1" t="s">
        <v>47525</v>
      </c>
      <c r="C12946" s="1" t="s">
        <v>50</v>
      </c>
      <c r="D12946" s="1" t="s">
        <v>49509</v>
      </c>
      <c r="E12946" s="1" t="s">
        <v>49510</v>
      </c>
      <c r="F12946" s="1" t="s">
        <v>49511</v>
      </c>
      <c r="G12946" s="1" t="s">
        <v>49481</v>
      </c>
      <c r="H12946" s="1" t="s">
        <v>49482</v>
      </c>
      <c r="I12946" s="1" t="s">
        <v>47531</v>
      </c>
      <c r="J12946" s="1" t="s">
        <v>49512</v>
      </c>
    </row>
    <row r="12947" spans="1:10" x14ac:dyDescent="0.35">
      <c r="A12947" s="1" t="s">
        <v>49478</v>
      </c>
      <c r="B12947" s="1" t="s">
        <v>47525</v>
      </c>
      <c r="C12947" s="1" t="s">
        <v>55</v>
      </c>
      <c r="D12947" s="1" t="s">
        <v>49139</v>
      </c>
      <c r="E12947" s="1" t="s">
        <v>49513</v>
      </c>
      <c r="F12947" s="1" t="s">
        <v>49514</v>
      </c>
      <c r="G12947" s="1" t="s">
        <v>49481</v>
      </c>
      <c r="H12947" s="1" t="s">
        <v>49482</v>
      </c>
      <c r="I12947" s="1" t="s">
        <v>47531</v>
      </c>
      <c r="J12947" s="1" t="s">
        <v>49515</v>
      </c>
    </row>
    <row r="12948" spans="1:10" x14ac:dyDescent="0.35">
      <c r="A12948" s="1" t="s">
        <v>49478</v>
      </c>
      <c r="B12948" s="1" t="s">
        <v>47525</v>
      </c>
      <c r="C12948" s="1" t="s">
        <v>60</v>
      </c>
      <c r="D12948" s="1" t="s">
        <v>37454</v>
      </c>
      <c r="E12948" s="1" t="s">
        <v>49516</v>
      </c>
      <c r="F12948" s="1" t="s">
        <v>49517</v>
      </c>
      <c r="G12948" s="1" t="s">
        <v>49481</v>
      </c>
      <c r="H12948" s="1" t="s">
        <v>49482</v>
      </c>
      <c r="I12948" s="1" t="s">
        <v>47531</v>
      </c>
      <c r="J12948" s="1" t="s">
        <v>49518</v>
      </c>
    </row>
    <row r="12949" spans="1:10" x14ac:dyDescent="0.35">
      <c r="A12949" s="1" t="s">
        <v>49478</v>
      </c>
      <c r="B12949" s="1" t="s">
        <v>47525</v>
      </c>
      <c r="C12949" s="1" t="s">
        <v>65</v>
      </c>
      <c r="D12949" s="1" t="s">
        <v>49519</v>
      </c>
      <c r="E12949" s="1" t="s">
        <v>49520</v>
      </c>
      <c r="F12949" s="1" t="s">
        <v>49521</v>
      </c>
      <c r="G12949" s="1" t="s">
        <v>49481</v>
      </c>
      <c r="H12949" s="1" t="s">
        <v>49482</v>
      </c>
      <c r="I12949" s="1" t="s">
        <v>47531</v>
      </c>
      <c r="J12949" s="1" t="s">
        <v>49522</v>
      </c>
    </row>
    <row r="12950" spans="1:10" x14ac:dyDescent="0.35">
      <c r="A12950" s="1" t="s">
        <v>49478</v>
      </c>
      <c r="B12950" s="1" t="s">
        <v>47525</v>
      </c>
      <c r="C12950" s="1" t="s">
        <v>70</v>
      </c>
      <c r="D12950" s="1" t="s">
        <v>38823</v>
      </c>
      <c r="E12950" s="1" t="s">
        <v>49523</v>
      </c>
      <c r="F12950" s="1" t="s">
        <v>49524</v>
      </c>
      <c r="G12950" s="1" t="s">
        <v>49481</v>
      </c>
      <c r="H12950" s="1" t="s">
        <v>49482</v>
      </c>
      <c r="I12950" s="1" t="s">
        <v>47531</v>
      </c>
      <c r="J12950" s="1" t="s">
        <v>49525</v>
      </c>
    </row>
    <row r="12951" spans="1:10" x14ac:dyDescent="0.35">
      <c r="A12951" s="1" t="s">
        <v>49478</v>
      </c>
      <c r="B12951" s="1" t="s">
        <v>47525</v>
      </c>
      <c r="C12951" s="1" t="s">
        <v>75</v>
      </c>
      <c r="D12951" s="1" t="s">
        <v>49190</v>
      </c>
      <c r="E12951" s="1" t="s">
        <v>49526</v>
      </c>
      <c r="F12951" s="1" t="s">
        <v>49527</v>
      </c>
      <c r="G12951" s="1" t="s">
        <v>49481</v>
      </c>
      <c r="H12951" s="1" t="s">
        <v>49482</v>
      </c>
      <c r="I12951" s="1" t="s">
        <v>47531</v>
      </c>
      <c r="J12951" s="1" t="s">
        <v>49528</v>
      </c>
    </row>
    <row r="12952" spans="1:10" x14ac:dyDescent="0.35">
      <c r="A12952" s="1" t="s">
        <v>49478</v>
      </c>
      <c r="B12952" s="1" t="s">
        <v>47525</v>
      </c>
      <c r="C12952" s="1" t="s">
        <v>80</v>
      </c>
      <c r="D12952" s="1" t="s">
        <v>49529</v>
      </c>
      <c r="E12952" s="1" t="s">
        <v>49530</v>
      </c>
      <c r="F12952" s="1" t="s">
        <v>49531</v>
      </c>
      <c r="G12952" s="1" t="s">
        <v>49481</v>
      </c>
      <c r="H12952" s="1" t="s">
        <v>49482</v>
      </c>
      <c r="I12952" s="1" t="s">
        <v>47531</v>
      </c>
      <c r="J12952" s="1" t="s">
        <v>49532</v>
      </c>
    </row>
    <row r="12953" spans="1:10" x14ac:dyDescent="0.35">
      <c r="A12953" s="1" t="s">
        <v>49478</v>
      </c>
      <c r="B12953" s="1" t="s">
        <v>47525</v>
      </c>
      <c r="C12953" s="1" t="s">
        <v>85</v>
      </c>
      <c r="D12953" s="1" t="s">
        <v>9730</v>
      </c>
      <c r="E12953" s="1" t="s">
        <v>49533</v>
      </c>
      <c r="F12953" s="1" t="s">
        <v>49534</v>
      </c>
      <c r="G12953" s="1" t="s">
        <v>49481</v>
      </c>
      <c r="H12953" s="1" t="s">
        <v>49482</v>
      </c>
      <c r="I12953" s="1" t="s">
        <v>47531</v>
      </c>
      <c r="J12953" s="1" t="s">
        <v>49535</v>
      </c>
    </row>
    <row r="12954" spans="1:10" x14ac:dyDescent="0.35">
      <c r="A12954" s="1" t="s">
        <v>49478</v>
      </c>
      <c r="B12954" s="1" t="s">
        <v>47525</v>
      </c>
      <c r="C12954" s="1" t="s">
        <v>90</v>
      </c>
      <c r="D12954" s="1" t="s">
        <v>38787</v>
      </c>
      <c r="E12954" s="1" t="s">
        <v>49536</v>
      </c>
      <c r="F12954" s="1" t="s">
        <v>49537</v>
      </c>
      <c r="G12954" s="1" t="s">
        <v>49481</v>
      </c>
      <c r="H12954" s="1" t="s">
        <v>49482</v>
      </c>
      <c r="I12954" s="1" t="s">
        <v>47531</v>
      </c>
      <c r="J12954" s="1" t="s">
        <v>49538</v>
      </c>
    </row>
    <row r="12955" spans="1:10" x14ac:dyDescent="0.35">
      <c r="A12955" s="1" t="s">
        <v>49478</v>
      </c>
      <c r="B12955" s="1" t="s">
        <v>47525</v>
      </c>
      <c r="C12955" s="1" t="s">
        <v>95</v>
      </c>
      <c r="D12955" s="1" t="s">
        <v>13007</v>
      </c>
      <c r="E12955" s="1" t="s">
        <v>49539</v>
      </c>
      <c r="F12955" s="1" t="s">
        <v>49540</v>
      </c>
      <c r="G12955" s="1" t="s">
        <v>49481</v>
      </c>
      <c r="H12955" s="1" t="s">
        <v>49482</v>
      </c>
      <c r="I12955" s="1" t="s">
        <v>47531</v>
      </c>
      <c r="J12955" s="1" t="s">
        <v>49541</v>
      </c>
    </row>
    <row r="12956" spans="1:10" x14ac:dyDescent="0.35">
      <c r="A12956" s="1" t="s">
        <v>49478</v>
      </c>
      <c r="B12956" s="1" t="s">
        <v>47525</v>
      </c>
      <c r="C12956" s="1" t="s">
        <v>100</v>
      </c>
      <c r="D12956" s="1" t="s">
        <v>36057</v>
      </c>
      <c r="E12956" s="1" t="s">
        <v>49542</v>
      </c>
      <c r="F12956" s="1" t="s">
        <v>49543</v>
      </c>
      <c r="G12956" s="1" t="s">
        <v>49481</v>
      </c>
      <c r="H12956" s="1" t="s">
        <v>49482</v>
      </c>
      <c r="I12956" s="1" t="s">
        <v>47531</v>
      </c>
      <c r="J12956" s="1" t="s">
        <v>49544</v>
      </c>
    </row>
    <row r="12957" spans="1:10" x14ac:dyDescent="0.35">
      <c r="A12957" s="1" t="s">
        <v>49478</v>
      </c>
      <c r="B12957" s="1" t="s">
        <v>47525</v>
      </c>
      <c r="C12957" s="1" t="s">
        <v>105</v>
      </c>
      <c r="D12957" s="1" t="s">
        <v>25615</v>
      </c>
      <c r="E12957" s="1" t="s">
        <v>49545</v>
      </c>
      <c r="F12957" s="1" t="s">
        <v>49546</v>
      </c>
      <c r="G12957" s="1" t="s">
        <v>49481</v>
      </c>
      <c r="H12957" s="1" t="s">
        <v>49482</v>
      </c>
      <c r="I12957" s="1" t="s">
        <v>47531</v>
      </c>
      <c r="J12957" s="1" t="s">
        <v>49547</v>
      </c>
    </row>
    <row r="12958" spans="1:10" x14ac:dyDescent="0.35">
      <c r="A12958" s="1" t="s">
        <v>49478</v>
      </c>
      <c r="B12958" s="1" t="s">
        <v>47525</v>
      </c>
      <c r="C12958" s="1" t="s">
        <v>110</v>
      </c>
      <c r="D12958" s="1" t="s">
        <v>34512</v>
      </c>
      <c r="E12958" s="1" t="s">
        <v>49548</v>
      </c>
      <c r="F12958" s="1" t="s">
        <v>49549</v>
      </c>
      <c r="G12958" s="1" t="s">
        <v>49481</v>
      </c>
      <c r="H12958" s="1" t="s">
        <v>49482</v>
      </c>
      <c r="I12958" s="1" t="s">
        <v>47531</v>
      </c>
      <c r="J12958" s="1" t="s">
        <v>49550</v>
      </c>
    </row>
    <row r="12959" spans="1:10" x14ac:dyDescent="0.35">
      <c r="A12959" s="1" t="s">
        <v>49478</v>
      </c>
      <c r="B12959" s="1" t="s">
        <v>47525</v>
      </c>
      <c r="C12959" s="1" t="s">
        <v>115</v>
      </c>
      <c r="D12959" s="1" t="s">
        <v>49551</v>
      </c>
      <c r="E12959" s="1" t="s">
        <v>49552</v>
      </c>
      <c r="F12959" s="1" t="s">
        <v>49553</v>
      </c>
      <c r="G12959" s="1" t="s">
        <v>49481</v>
      </c>
      <c r="H12959" s="1" t="s">
        <v>49482</v>
      </c>
      <c r="I12959" s="1" t="s">
        <v>47531</v>
      </c>
      <c r="J12959" s="1" t="s">
        <v>49554</v>
      </c>
    </row>
    <row r="12960" spans="1:10" x14ac:dyDescent="0.35">
      <c r="A12960" s="1" t="s">
        <v>49478</v>
      </c>
      <c r="B12960" s="1" t="s">
        <v>47525</v>
      </c>
      <c r="C12960" s="1" t="s">
        <v>120</v>
      </c>
      <c r="D12960" s="1" t="s">
        <v>33805</v>
      </c>
      <c r="E12960" s="1" t="s">
        <v>49555</v>
      </c>
      <c r="F12960" s="1" t="s">
        <v>49556</v>
      </c>
      <c r="G12960" s="1" t="s">
        <v>49481</v>
      </c>
      <c r="H12960" s="1" t="s">
        <v>49482</v>
      </c>
      <c r="I12960" s="1" t="s">
        <v>47531</v>
      </c>
      <c r="J12960" s="1" t="s">
        <v>49557</v>
      </c>
    </row>
    <row r="12961" spans="1:10" x14ac:dyDescent="0.35">
      <c r="A12961" s="1" t="s">
        <v>49478</v>
      </c>
      <c r="B12961" s="1" t="s">
        <v>47525</v>
      </c>
      <c r="C12961" s="1" t="s">
        <v>125</v>
      </c>
      <c r="D12961" s="1" t="s">
        <v>28329</v>
      </c>
      <c r="E12961" s="1" t="s">
        <v>49558</v>
      </c>
      <c r="F12961" s="1" t="s">
        <v>49559</v>
      </c>
      <c r="G12961" s="1" t="s">
        <v>49481</v>
      </c>
      <c r="H12961" s="1" t="s">
        <v>49482</v>
      </c>
      <c r="I12961" s="1" t="s">
        <v>47531</v>
      </c>
      <c r="J12961" s="1" t="s">
        <v>49560</v>
      </c>
    </row>
    <row r="12962" spans="1:10" x14ac:dyDescent="0.35">
      <c r="A12962" s="1" t="s">
        <v>49478</v>
      </c>
      <c r="B12962" s="1" t="s">
        <v>47525</v>
      </c>
      <c r="C12962" s="1" t="s">
        <v>130</v>
      </c>
      <c r="D12962" s="1" t="s">
        <v>49561</v>
      </c>
      <c r="E12962" s="1" t="s">
        <v>49562</v>
      </c>
      <c r="F12962" s="1" t="s">
        <v>49563</v>
      </c>
      <c r="G12962" s="1" t="s">
        <v>49481</v>
      </c>
      <c r="H12962" s="1" t="s">
        <v>49482</v>
      </c>
      <c r="I12962" s="1" t="s">
        <v>47531</v>
      </c>
      <c r="J12962" s="1" t="s">
        <v>49564</v>
      </c>
    </row>
    <row r="12963" spans="1:10" x14ac:dyDescent="0.35">
      <c r="A12963" s="1" t="s">
        <v>49478</v>
      </c>
      <c r="B12963" s="1" t="s">
        <v>47525</v>
      </c>
      <c r="C12963" s="1" t="s">
        <v>135</v>
      </c>
      <c r="D12963" s="1" t="s">
        <v>49565</v>
      </c>
      <c r="E12963" s="1" t="s">
        <v>49566</v>
      </c>
      <c r="F12963" s="1" t="s">
        <v>49567</v>
      </c>
      <c r="G12963" s="1" t="s">
        <v>49481</v>
      </c>
      <c r="H12963" s="1" t="s">
        <v>49482</v>
      </c>
      <c r="I12963" s="1" t="s">
        <v>47531</v>
      </c>
      <c r="J12963" s="1" t="s">
        <v>49568</v>
      </c>
    </row>
    <row r="12964" spans="1:10" x14ac:dyDescent="0.35">
      <c r="A12964" s="1" t="s">
        <v>49478</v>
      </c>
      <c r="B12964" s="1" t="s">
        <v>47525</v>
      </c>
      <c r="C12964" s="1" t="s">
        <v>140</v>
      </c>
      <c r="D12964" s="1" t="s">
        <v>36257</v>
      </c>
      <c r="E12964" s="1" t="s">
        <v>49569</v>
      </c>
      <c r="F12964" s="1" t="s">
        <v>49570</v>
      </c>
      <c r="G12964" s="1" t="s">
        <v>49481</v>
      </c>
      <c r="H12964" s="1" t="s">
        <v>49482</v>
      </c>
      <c r="I12964" s="1" t="s">
        <v>47531</v>
      </c>
      <c r="J12964" s="1" t="s">
        <v>49571</v>
      </c>
    </row>
    <row r="12965" spans="1:10" x14ac:dyDescent="0.35">
      <c r="A12965" s="1" t="s">
        <v>49478</v>
      </c>
      <c r="B12965" s="1" t="s">
        <v>47525</v>
      </c>
      <c r="C12965" s="1" t="s">
        <v>145</v>
      </c>
      <c r="D12965" s="1" t="s">
        <v>49572</v>
      </c>
      <c r="E12965" s="1" t="s">
        <v>49573</v>
      </c>
      <c r="F12965" s="1" t="s">
        <v>49574</v>
      </c>
      <c r="G12965" s="1" t="s">
        <v>49481</v>
      </c>
      <c r="H12965" s="1" t="s">
        <v>49482</v>
      </c>
      <c r="I12965" s="1" t="s">
        <v>47531</v>
      </c>
      <c r="J12965" s="1" t="s">
        <v>49575</v>
      </c>
    </row>
    <row r="12966" spans="1:10" x14ac:dyDescent="0.35">
      <c r="A12966" s="1" t="s">
        <v>49478</v>
      </c>
      <c r="B12966" s="1" t="s">
        <v>47525</v>
      </c>
      <c r="C12966" s="1" t="s">
        <v>150</v>
      </c>
      <c r="D12966" s="1" t="s">
        <v>49576</v>
      </c>
      <c r="E12966" s="1" t="s">
        <v>49577</v>
      </c>
      <c r="F12966" s="1" t="s">
        <v>49578</v>
      </c>
      <c r="G12966" s="1" t="s">
        <v>49481</v>
      </c>
      <c r="H12966" s="1" t="s">
        <v>49482</v>
      </c>
      <c r="I12966" s="1" t="s">
        <v>47531</v>
      </c>
      <c r="J12966" s="1" t="s">
        <v>49579</v>
      </c>
    </row>
    <row r="12967" spans="1:10" x14ac:dyDescent="0.35">
      <c r="A12967" s="1" t="s">
        <v>49478</v>
      </c>
      <c r="B12967" s="1" t="s">
        <v>47525</v>
      </c>
      <c r="C12967" s="1" t="s">
        <v>155</v>
      </c>
      <c r="D12967" s="1" t="s">
        <v>49580</v>
      </c>
      <c r="E12967" s="1" t="s">
        <v>49581</v>
      </c>
      <c r="F12967" s="1" t="s">
        <v>49582</v>
      </c>
      <c r="G12967" s="1" t="s">
        <v>49481</v>
      </c>
      <c r="H12967" s="1" t="s">
        <v>49482</v>
      </c>
      <c r="I12967" s="1" t="s">
        <v>47531</v>
      </c>
      <c r="J12967" s="1" t="s">
        <v>49583</v>
      </c>
    </row>
    <row r="12968" spans="1:10" x14ac:dyDescent="0.35">
      <c r="A12968" s="1" t="s">
        <v>49478</v>
      </c>
      <c r="B12968" s="1" t="s">
        <v>47525</v>
      </c>
      <c r="C12968" s="1" t="s">
        <v>160</v>
      </c>
      <c r="D12968" s="1" t="s">
        <v>49584</v>
      </c>
      <c r="E12968" s="1" t="s">
        <v>49585</v>
      </c>
      <c r="F12968" s="1" t="s">
        <v>49586</v>
      </c>
      <c r="G12968" s="1" t="s">
        <v>49481</v>
      </c>
      <c r="H12968" s="1" t="s">
        <v>49482</v>
      </c>
      <c r="I12968" s="1" t="s">
        <v>47531</v>
      </c>
      <c r="J12968" s="1" t="s">
        <v>49587</v>
      </c>
    </row>
    <row r="12969" spans="1:10" x14ac:dyDescent="0.35">
      <c r="A12969" s="1" t="s">
        <v>49478</v>
      </c>
      <c r="B12969" s="1" t="s">
        <v>47525</v>
      </c>
      <c r="C12969" s="1" t="s">
        <v>165</v>
      </c>
      <c r="D12969" s="1" t="s">
        <v>49588</v>
      </c>
      <c r="E12969" s="1" t="s">
        <v>49589</v>
      </c>
      <c r="F12969" s="1" t="s">
        <v>49590</v>
      </c>
      <c r="G12969" s="1" t="s">
        <v>49481</v>
      </c>
      <c r="H12969" s="1" t="s">
        <v>49482</v>
      </c>
      <c r="I12969" s="1" t="s">
        <v>47531</v>
      </c>
      <c r="J12969" s="1" t="s">
        <v>49591</v>
      </c>
    </row>
    <row r="12970" spans="1:10" x14ac:dyDescent="0.35">
      <c r="A12970" s="1" t="s">
        <v>49478</v>
      </c>
      <c r="B12970" s="1" t="s">
        <v>47525</v>
      </c>
      <c r="C12970" s="1" t="s">
        <v>170</v>
      </c>
      <c r="D12970" s="1" t="s">
        <v>49592</v>
      </c>
      <c r="E12970" s="1" t="s">
        <v>49593</v>
      </c>
      <c r="F12970" s="1" t="s">
        <v>49594</v>
      </c>
      <c r="G12970" s="1" t="s">
        <v>49481</v>
      </c>
      <c r="H12970" s="1" t="s">
        <v>49482</v>
      </c>
      <c r="I12970" s="1" t="s">
        <v>47531</v>
      </c>
      <c r="J12970" s="1" t="s">
        <v>49595</v>
      </c>
    </row>
    <row r="12971" spans="1:10" x14ac:dyDescent="0.35">
      <c r="A12971" s="1" t="s">
        <v>49596</v>
      </c>
      <c r="B12971" s="1" t="s">
        <v>47525</v>
      </c>
      <c r="C12971" s="1" t="s">
        <v>8</v>
      </c>
      <c r="D12971" s="1" t="s">
        <v>49597</v>
      </c>
      <c r="E12971" s="1" t="s">
        <v>49598</v>
      </c>
      <c r="F12971" s="1" t="s">
        <v>49599</v>
      </c>
      <c r="G12971" s="1" t="s">
        <v>49600</v>
      </c>
      <c r="H12971" s="1" t="s">
        <v>49601</v>
      </c>
      <c r="I12971" s="1" t="s">
        <v>47531</v>
      </c>
      <c r="J12971" s="1" t="s">
        <v>13</v>
      </c>
    </row>
    <row r="12972" spans="1:10" x14ac:dyDescent="0.35">
      <c r="A12972" s="1" t="s">
        <v>49596</v>
      </c>
      <c r="B12972" s="1" t="s">
        <v>47525</v>
      </c>
      <c r="C12972" s="1" t="s">
        <v>15</v>
      </c>
      <c r="D12972" s="1" t="s">
        <v>49602</v>
      </c>
      <c r="E12972" s="1" t="s">
        <v>49603</v>
      </c>
      <c r="F12972" s="1" t="s">
        <v>49604</v>
      </c>
      <c r="G12972" s="1" t="s">
        <v>49600</v>
      </c>
      <c r="H12972" s="1" t="s">
        <v>49601</v>
      </c>
      <c r="I12972" s="1" t="s">
        <v>47531</v>
      </c>
      <c r="J12972" s="1" t="s">
        <v>49605</v>
      </c>
    </row>
    <row r="12973" spans="1:10" x14ac:dyDescent="0.35">
      <c r="A12973" s="1" t="s">
        <v>49596</v>
      </c>
      <c r="B12973" s="1" t="s">
        <v>47525</v>
      </c>
      <c r="C12973" s="1" t="s">
        <v>20</v>
      </c>
      <c r="D12973" s="1" t="s">
        <v>49606</v>
      </c>
      <c r="E12973" s="1" t="s">
        <v>49607</v>
      </c>
      <c r="F12973" s="1" t="s">
        <v>49608</v>
      </c>
      <c r="G12973" s="1" t="s">
        <v>49600</v>
      </c>
      <c r="H12973" s="1" t="s">
        <v>49601</v>
      </c>
      <c r="I12973" s="1" t="s">
        <v>47531</v>
      </c>
      <c r="J12973" s="1" t="s">
        <v>49609</v>
      </c>
    </row>
    <row r="12974" spans="1:10" x14ac:dyDescent="0.35">
      <c r="A12974" s="1" t="s">
        <v>49596</v>
      </c>
      <c r="B12974" s="1" t="s">
        <v>47525</v>
      </c>
      <c r="C12974" s="1" t="s">
        <v>25</v>
      </c>
      <c r="D12974" s="1" t="s">
        <v>49610</v>
      </c>
      <c r="E12974" s="1" t="s">
        <v>49611</v>
      </c>
      <c r="F12974" s="1" t="s">
        <v>49612</v>
      </c>
      <c r="G12974" s="1" t="s">
        <v>49600</v>
      </c>
      <c r="H12974" s="1" t="s">
        <v>49601</v>
      </c>
      <c r="I12974" s="1" t="s">
        <v>47531</v>
      </c>
      <c r="J12974" s="1" t="s">
        <v>49613</v>
      </c>
    </row>
    <row r="12975" spans="1:10" x14ac:dyDescent="0.35">
      <c r="A12975" s="1" t="s">
        <v>49596</v>
      </c>
      <c r="B12975" s="1" t="s">
        <v>47525</v>
      </c>
      <c r="C12975" s="1" t="s">
        <v>30</v>
      </c>
      <c r="D12975" s="1" t="s">
        <v>49614</v>
      </c>
      <c r="E12975" s="1" t="s">
        <v>49615</v>
      </c>
      <c r="F12975" s="1" t="s">
        <v>49616</v>
      </c>
      <c r="G12975" s="1" t="s">
        <v>49600</v>
      </c>
      <c r="H12975" s="1" t="s">
        <v>49601</v>
      </c>
      <c r="I12975" s="1" t="s">
        <v>47531</v>
      </c>
      <c r="J12975" s="1" t="s">
        <v>49617</v>
      </c>
    </row>
    <row r="12976" spans="1:10" x14ac:dyDescent="0.35">
      <c r="A12976" s="1" t="s">
        <v>49596</v>
      </c>
      <c r="B12976" s="1" t="s">
        <v>47525</v>
      </c>
      <c r="C12976" s="1" t="s">
        <v>35</v>
      </c>
      <c r="D12976" s="1" t="s">
        <v>31043</v>
      </c>
      <c r="E12976" s="1" t="s">
        <v>49618</v>
      </c>
      <c r="F12976" s="1" t="s">
        <v>49619</v>
      </c>
      <c r="G12976" s="1" t="s">
        <v>49600</v>
      </c>
      <c r="H12976" s="1" t="s">
        <v>49601</v>
      </c>
      <c r="I12976" s="1" t="s">
        <v>47531</v>
      </c>
      <c r="J12976" s="1" t="s">
        <v>49620</v>
      </c>
    </row>
    <row r="12977" spans="1:10" x14ac:dyDescent="0.35">
      <c r="A12977" s="1" t="s">
        <v>49596</v>
      </c>
      <c r="B12977" s="1" t="s">
        <v>47525</v>
      </c>
      <c r="C12977" s="1" t="s">
        <v>40</v>
      </c>
      <c r="D12977" s="1" t="s">
        <v>49621</v>
      </c>
      <c r="E12977" s="1" t="s">
        <v>49622</v>
      </c>
      <c r="F12977" s="1" t="s">
        <v>49623</v>
      </c>
      <c r="G12977" s="1" t="s">
        <v>49600</v>
      </c>
      <c r="H12977" s="1" t="s">
        <v>49601</v>
      </c>
      <c r="I12977" s="1" t="s">
        <v>47531</v>
      </c>
      <c r="J12977" s="1" t="s">
        <v>49624</v>
      </c>
    </row>
    <row r="12978" spans="1:10" x14ac:dyDescent="0.35">
      <c r="A12978" s="1" t="s">
        <v>49596</v>
      </c>
      <c r="B12978" s="1" t="s">
        <v>47525</v>
      </c>
      <c r="C12978" s="1" t="s">
        <v>45</v>
      </c>
      <c r="D12978" s="1" t="s">
        <v>49625</v>
      </c>
      <c r="E12978" s="1" t="s">
        <v>49626</v>
      </c>
      <c r="F12978" s="1" t="s">
        <v>49627</v>
      </c>
      <c r="G12978" s="1" t="s">
        <v>49600</v>
      </c>
      <c r="H12978" s="1" t="s">
        <v>49601</v>
      </c>
      <c r="I12978" s="1" t="s">
        <v>47531</v>
      </c>
      <c r="J12978" s="1" t="s">
        <v>49628</v>
      </c>
    </row>
    <row r="12979" spans="1:10" x14ac:dyDescent="0.35">
      <c r="A12979" s="1" t="s">
        <v>49596</v>
      </c>
      <c r="B12979" s="1" t="s">
        <v>47525</v>
      </c>
      <c r="C12979" s="1" t="s">
        <v>50</v>
      </c>
      <c r="D12979" s="1" t="s">
        <v>38458</v>
      </c>
      <c r="E12979" s="1" t="s">
        <v>49629</v>
      </c>
      <c r="F12979" s="1" t="s">
        <v>49630</v>
      </c>
      <c r="G12979" s="1" t="s">
        <v>49600</v>
      </c>
      <c r="H12979" s="1" t="s">
        <v>49601</v>
      </c>
      <c r="I12979" s="1" t="s">
        <v>47531</v>
      </c>
      <c r="J12979" s="1" t="s">
        <v>49631</v>
      </c>
    </row>
    <row r="12980" spans="1:10" x14ac:dyDescent="0.35">
      <c r="A12980" s="1" t="s">
        <v>49596</v>
      </c>
      <c r="B12980" s="1" t="s">
        <v>47525</v>
      </c>
      <c r="C12980" s="1" t="s">
        <v>55</v>
      </c>
      <c r="D12980" s="1" t="s">
        <v>49632</v>
      </c>
      <c r="E12980" s="1" t="s">
        <v>49633</v>
      </c>
      <c r="F12980" s="1" t="s">
        <v>49634</v>
      </c>
      <c r="G12980" s="1" t="s">
        <v>49600</v>
      </c>
      <c r="H12980" s="1" t="s">
        <v>49601</v>
      </c>
      <c r="I12980" s="1" t="s">
        <v>47531</v>
      </c>
      <c r="J12980" s="1" t="s">
        <v>49635</v>
      </c>
    </row>
    <row r="12981" spans="1:10" x14ac:dyDescent="0.35">
      <c r="A12981" s="1" t="s">
        <v>49596</v>
      </c>
      <c r="B12981" s="1" t="s">
        <v>47525</v>
      </c>
      <c r="C12981" s="1" t="s">
        <v>60</v>
      </c>
      <c r="D12981" s="1" t="s">
        <v>49636</v>
      </c>
      <c r="E12981" s="1" t="s">
        <v>49637</v>
      </c>
      <c r="F12981" s="1" t="s">
        <v>49638</v>
      </c>
      <c r="G12981" s="1" t="s">
        <v>49600</v>
      </c>
      <c r="H12981" s="1" t="s">
        <v>49601</v>
      </c>
      <c r="I12981" s="1" t="s">
        <v>47531</v>
      </c>
      <c r="J12981" s="1" t="s">
        <v>49639</v>
      </c>
    </row>
    <row r="12982" spans="1:10" x14ac:dyDescent="0.35">
      <c r="A12982" s="1" t="s">
        <v>49596</v>
      </c>
      <c r="B12982" s="1" t="s">
        <v>47525</v>
      </c>
      <c r="C12982" s="1" t="s">
        <v>65</v>
      </c>
      <c r="D12982" s="1" t="s">
        <v>34011</v>
      </c>
      <c r="E12982" s="1" t="s">
        <v>49640</v>
      </c>
      <c r="F12982" s="1" t="s">
        <v>49641</v>
      </c>
      <c r="G12982" s="1" t="s">
        <v>49600</v>
      </c>
      <c r="H12982" s="1" t="s">
        <v>49601</v>
      </c>
      <c r="I12982" s="1" t="s">
        <v>47531</v>
      </c>
      <c r="J12982" s="1" t="s">
        <v>49642</v>
      </c>
    </row>
    <row r="12983" spans="1:10" x14ac:dyDescent="0.35">
      <c r="A12983" s="1" t="s">
        <v>49596</v>
      </c>
      <c r="B12983" s="1" t="s">
        <v>47525</v>
      </c>
      <c r="C12983" s="1" t="s">
        <v>70</v>
      </c>
      <c r="D12983" s="1" t="s">
        <v>49643</v>
      </c>
      <c r="E12983" s="1" t="s">
        <v>49644</v>
      </c>
      <c r="F12983" s="1" t="s">
        <v>49645</v>
      </c>
      <c r="G12983" s="1" t="s">
        <v>49600</v>
      </c>
      <c r="H12983" s="1" t="s">
        <v>49601</v>
      </c>
      <c r="I12983" s="1" t="s">
        <v>47531</v>
      </c>
      <c r="J12983" s="1" t="s">
        <v>49646</v>
      </c>
    </row>
    <row r="12984" spans="1:10" x14ac:dyDescent="0.35">
      <c r="A12984" s="1" t="s">
        <v>49596</v>
      </c>
      <c r="B12984" s="1" t="s">
        <v>47525</v>
      </c>
      <c r="C12984" s="1" t="s">
        <v>75</v>
      </c>
      <c r="D12984" s="1" t="s">
        <v>49647</v>
      </c>
      <c r="E12984" s="1" t="s">
        <v>49648</v>
      </c>
      <c r="F12984" s="1" t="s">
        <v>49649</v>
      </c>
      <c r="G12984" s="1" t="s">
        <v>49600</v>
      </c>
      <c r="H12984" s="1" t="s">
        <v>49601</v>
      </c>
      <c r="I12984" s="1" t="s">
        <v>47531</v>
      </c>
      <c r="J12984" s="1" t="s">
        <v>49650</v>
      </c>
    </row>
    <row r="12985" spans="1:10" x14ac:dyDescent="0.35">
      <c r="A12985" s="1" t="s">
        <v>49596</v>
      </c>
      <c r="B12985" s="1" t="s">
        <v>47525</v>
      </c>
      <c r="C12985" s="1" t="s">
        <v>80</v>
      </c>
      <c r="D12985" s="1" t="s">
        <v>32332</v>
      </c>
      <c r="E12985" s="1" t="s">
        <v>49651</v>
      </c>
      <c r="F12985" s="1" t="s">
        <v>49652</v>
      </c>
      <c r="G12985" s="1" t="s">
        <v>49600</v>
      </c>
      <c r="H12985" s="1" t="s">
        <v>49601</v>
      </c>
      <c r="I12985" s="1" t="s">
        <v>47531</v>
      </c>
      <c r="J12985" s="1" t="s">
        <v>49653</v>
      </c>
    </row>
    <row r="12986" spans="1:10" x14ac:dyDescent="0.35">
      <c r="A12986" s="1" t="s">
        <v>49596</v>
      </c>
      <c r="B12986" s="1" t="s">
        <v>47525</v>
      </c>
      <c r="C12986" s="1" t="s">
        <v>85</v>
      </c>
      <c r="D12986" s="1" t="s">
        <v>49654</v>
      </c>
      <c r="E12986" s="1" t="s">
        <v>49655</v>
      </c>
      <c r="F12986" s="1" t="s">
        <v>49656</v>
      </c>
      <c r="G12986" s="1" t="s">
        <v>49600</v>
      </c>
      <c r="H12986" s="1" t="s">
        <v>49601</v>
      </c>
      <c r="I12986" s="1" t="s">
        <v>47531</v>
      </c>
      <c r="J12986" s="1" t="s">
        <v>49657</v>
      </c>
    </row>
    <row r="12987" spans="1:10" x14ac:dyDescent="0.35">
      <c r="A12987" s="1" t="s">
        <v>49596</v>
      </c>
      <c r="B12987" s="1" t="s">
        <v>47525</v>
      </c>
      <c r="C12987" s="1" t="s">
        <v>90</v>
      </c>
      <c r="D12987" s="1" t="s">
        <v>49658</v>
      </c>
      <c r="E12987" s="1" t="s">
        <v>49659</v>
      </c>
      <c r="F12987" s="1" t="s">
        <v>49660</v>
      </c>
      <c r="G12987" s="1" t="s">
        <v>49600</v>
      </c>
      <c r="H12987" s="1" t="s">
        <v>49601</v>
      </c>
      <c r="I12987" s="1" t="s">
        <v>47531</v>
      </c>
      <c r="J12987" s="1" t="s">
        <v>49661</v>
      </c>
    </row>
    <row r="12988" spans="1:10" x14ac:dyDescent="0.35">
      <c r="A12988" s="1" t="s">
        <v>49596</v>
      </c>
      <c r="B12988" s="1" t="s">
        <v>47525</v>
      </c>
      <c r="C12988" s="1" t="s">
        <v>95</v>
      </c>
      <c r="D12988" s="1" t="s">
        <v>49662</v>
      </c>
      <c r="E12988" s="1" t="s">
        <v>49663</v>
      </c>
      <c r="F12988" s="1" t="s">
        <v>49664</v>
      </c>
      <c r="G12988" s="1" t="s">
        <v>49600</v>
      </c>
      <c r="H12988" s="1" t="s">
        <v>49601</v>
      </c>
      <c r="I12988" s="1" t="s">
        <v>47531</v>
      </c>
      <c r="J12988" s="1" t="s">
        <v>49665</v>
      </c>
    </row>
    <row r="12989" spans="1:10" x14ac:dyDescent="0.35">
      <c r="A12989" s="1" t="s">
        <v>49596</v>
      </c>
      <c r="B12989" s="1" t="s">
        <v>47525</v>
      </c>
      <c r="C12989" s="1" t="s">
        <v>100</v>
      </c>
      <c r="D12989" s="1" t="s">
        <v>49666</v>
      </c>
      <c r="E12989" s="1" t="s">
        <v>49667</v>
      </c>
      <c r="F12989" s="1" t="s">
        <v>49668</v>
      </c>
      <c r="G12989" s="1" t="s">
        <v>49600</v>
      </c>
      <c r="H12989" s="1" t="s">
        <v>49601</v>
      </c>
      <c r="I12989" s="1" t="s">
        <v>47531</v>
      </c>
      <c r="J12989" s="1" t="s">
        <v>49669</v>
      </c>
    </row>
    <row r="12990" spans="1:10" x14ac:dyDescent="0.35">
      <c r="A12990" s="1" t="s">
        <v>49596</v>
      </c>
      <c r="B12990" s="1" t="s">
        <v>47525</v>
      </c>
      <c r="C12990" s="1" t="s">
        <v>105</v>
      </c>
      <c r="D12990" s="1" t="s">
        <v>49670</v>
      </c>
      <c r="E12990" s="1" t="s">
        <v>49671</v>
      </c>
      <c r="F12990" s="1" t="s">
        <v>49672</v>
      </c>
      <c r="G12990" s="1" t="s">
        <v>49600</v>
      </c>
      <c r="H12990" s="1" t="s">
        <v>49601</v>
      </c>
      <c r="I12990" s="1" t="s">
        <v>47531</v>
      </c>
      <c r="J12990" s="1" t="s">
        <v>49673</v>
      </c>
    </row>
    <row r="12991" spans="1:10" x14ac:dyDescent="0.35">
      <c r="A12991" s="1" t="s">
        <v>49596</v>
      </c>
      <c r="B12991" s="1" t="s">
        <v>47525</v>
      </c>
      <c r="C12991" s="1" t="s">
        <v>110</v>
      </c>
      <c r="D12991" s="1" t="s">
        <v>49674</v>
      </c>
      <c r="E12991" s="1" t="s">
        <v>49675</v>
      </c>
      <c r="F12991" s="1" t="s">
        <v>49676</v>
      </c>
      <c r="G12991" s="1" t="s">
        <v>49600</v>
      </c>
      <c r="H12991" s="1" t="s">
        <v>49601</v>
      </c>
      <c r="I12991" s="1" t="s">
        <v>47531</v>
      </c>
      <c r="J12991" s="1" t="s">
        <v>49677</v>
      </c>
    </row>
    <row r="12992" spans="1:10" x14ac:dyDescent="0.35">
      <c r="A12992" s="1" t="s">
        <v>49596</v>
      </c>
      <c r="B12992" s="1" t="s">
        <v>47525</v>
      </c>
      <c r="C12992" s="1" t="s">
        <v>115</v>
      </c>
      <c r="D12992" s="1" t="s">
        <v>49678</v>
      </c>
      <c r="E12992" s="1" t="s">
        <v>49679</v>
      </c>
      <c r="F12992" s="1" t="s">
        <v>49680</v>
      </c>
      <c r="G12992" s="1" t="s">
        <v>49600</v>
      </c>
      <c r="H12992" s="1" t="s">
        <v>49601</v>
      </c>
      <c r="I12992" s="1" t="s">
        <v>47531</v>
      </c>
      <c r="J12992" s="1" t="s">
        <v>49681</v>
      </c>
    </row>
    <row r="12993" spans="1:10" x14ac:dyDescent="0.35">
      <c r="A12993" s="1" t="s">
        <v>49596</v>
      </c>
      <c r="B12993" s="1" t="s">
        <v>47525</v>
      </c>
      <c r="C12993" s="1" t="s">
        <v>120</v>
      </c>
      <c r="D12993" s="1" t="s">
        <v>49682</v>
      </c>
      <c r="E12993" s="1" t="s">
        <v>49683</v>
      </c>
      <c r="F12993" s="1" t="s">
        <v>49684</v>
      </c>
      <c r="G12993" s="1" t="s">
        <v>49600</v>
      </c>
      <c r="H12993" s="1" t="s">
        <v>49601</v>
      </c>
      <c r="I12993" s="1" t="s">
        <v>47531</v>
      </c>
      <c r="J12993" s="1" t="s">
        <v>49685</v>
      </c>
    </row>
    <row r="12994" spans="1:10" x14ac:dyDescent="0.35">
      <c r="A12994" s="1" t="s">
        <v>49596</v>
      </c>
      <c r="B12994" s="1" t="s">
        <v>47525</v>
      </c>
      <c r="C12994" s="1" t="s">
        <v>125</v>
      </c>
      <c r="D12994" s="1" t="s">
        <v>49305</v>
      </c>
      <c r="E12994" s="1" t="s">
        <v>49686</v>
      </c>
      <c r="F12994" s="1" t="s">
        <v>49687</v>
      </c>
      <c r="G12994" s="1" t="s">
        <v>49600</v>
      </c>
      <c r="H12994" s="1" t="s">
        <v>49601</v>
      </c>
      <c r="I12994" s="1" t="s">
        <v>47531</v>
      </c>
      <c r="J12994" s="1" t="s">
        <v>49688</v>
      </c>
    </row>
    <row r="12995" spans="1:10" x14ac:dyDescent="0.35">
      <c r="A12995" s="1" t="s">
        <v>49596</v>
      </c>
      <c r="B12995" s="1" t="s">
        <v>47525</v>
      </c>
      <c r="C12995" s="1" t="s">
        <v>130</v>
      </c>
      <c r="D12995" s="1" t="s">
        <v>49689</v>
      </c>
      <c r="E12995" s="1" t="s">
        <v>49690</v>
      </c>
      <c r="F12995" s="1" t="s">
        <v>49691</v>
      </c>
      <c r="G12995" s="1" t="s">
        <v>49600</v>
      </c>
      <c r="H12995" s="1" t="s">
        <v>49601</v>
      </c>
      <c r="I12995" s="1" t="s">
        <v>47531</v>
      </c>
      <c r="J12995" s="1" t="s">
        <v>49692</v>
      </c>
    </row>
    <row r="12996" spans="1:10" x14ac:dyDescent="0.35">
      <c r="A12996" s="1" t="s">
        <v>49596</v>
      </c>
      <c r="B12996" s="1" t="s">
        <v>47525</v>
      </c>
      <c r="C12996" s="1" t="s">
        <v>135</v>
      </c>
      <c r="D12996" s="1" t="s">
        <v>49693</v>
      </c>
      <c r="E12996" s="1" t="s">
        <v>49694</v>
      </c>
      <c r="F12996" s="1" t="s">
        <v>49695</v>
      </c>
      <c r="G12996" s="1" t="s">
        <v>49600</v>
      </c>
      <c r="H12996" s="1" t="s">
        <v>49601</v>
      </c>
      <c r="I12996" s="1" t="s">
        <v>47531</v>
      </c>
      <c r="J12996" s="1" t="s">
        <v>49696</v>
      </c>
    </row>
    <row r="12997" spans="1:10" x14ac:dyDescent="0.35">
      <c r="A12997" s="1" t="s">
        <v>49596</v>
      </c>
      <c r="B12997" s="1" t="s">
        <v>47525</v>
      </c>
      <c r="C12997" s="1" t="s">
        <v>140</v>
      </c>
      <c r="D12997" s="1" t="s">
        <v>49697</v>
      </c>
      <c r="E12997" s="1" t="s">
        <v>49698</v>
      </c>
      <c r="F12997" s="1" t="s">
        <v>49699</v>
      </c>
      <c r="G12997" s="1" t="s">
        <v>49600</v>
      </c>
      <c r="H12997" s="1" t="s">
        <v>49601</v>
      </c>
      <c r="I12997" s="1" t="s">
        <v>47531</v>
      </c>
      <c r="J12997" s="1" t="s">
        <v>49700</v>
      </c>
    </row>
    <row r="12998" spans="1:10" x14ac:dyDescent="0.35">
      <c r="A12998" s="1" t="s">
        <v>49596</v>
      </c>
      <c r="B12998" s="1" t="s">
        <v>47525</v>
      </c>
      <c r="C12998" s="1" t="s">
        <v>145</v>
      </c>
      <c r="D12998" s="1" t="s">
        <v>49701</v>
      </c>
      <c r="E12998" s="1" t="s">
        <v>49702</v>
      </c>
      <c r="F12998" s="1" t="s">
        <v>49703</v>
      </c>
      <c r="G12998" s="1" t="s">
        <v>49600</v>
      </c>
      <c r="H12998" s="1" t="s">
        <v>49601</v>
      </c>
      <c r="I12998" s="1" t="s">
        <v>47531</v>
      </c>
      <c r="J12998" s="1" t="s">
        <v>49704</v>
      </c>
    </row>
    <row r="12999" spans="1:10" x14ac:dyDescent="0.35">
      <c r="A12999" s="1" t="s">
        <v>49596</v>
      </c>
      <c r="B12999" s="1" t="s">
        <v>47525</v>
      </c>
      <c r="C12999" s="1" t="s">
        <v>150</v>
      </c>
      <c r="D12999" s="1" t="s">
        <v>9083</v>
      </c>
      <c r="E12999" s="1" t="s">
        <v>49705</v>
      </c>
      <c r="F12999" s="1" t="s">
        <v>49706</v>
      </c>
      <c r="G12999" s="1" t="s">
        <v>49600</v>
      </c>
      <c r="H12999" s="1" t="s">
        <v>49601</v>
      </c>
      <c r="I12999" s="1" t="s">
        <v>47531</v>
      </c>
      <c r="J12999" s="1" t="s">
        <v>49707</v>
      </c>
    </row>
    <row r="13000" spans="1:10" x14ac:dyDescent="0.35">
      <c r="A13000" s="1" t="s">
        <v>49596</v>
      </c>
      <c r="B13000" s="1" t="s">
        <v>47525</v>
      </c>
      <c r="C13000" s="1" t="s">
        <v>155</v>
      </c>
      <c r="D13000" s="1" t="s">
        <v>49708</v>
      </c>
      <c r="E13000" s="1" t="s">
        <v>49709</v>
      </c>
      <c r="F13000" s="1" t="s">
        <v>49710</v>
      </c>
      <c r="G13000" s="1" t="s">
        <v>49600</v>
      </c>
      <c r="H13000" s="1" t="s">
        <v>49601</v>
      </c>
      <c r="I13000" s="1" t="s">
        <v>47531</v>
      </c>
      <c r="J13000" s="1" t="s">
        <v>49711</v>
      </c>
    </row>
    <row r="13001" spans="1:10" x14ac:dyDescent="0.35">
      <c r="A13001" s="1" t="s">
        <v>49596</v>
      </c>
      <c r="B13001" s="1" t="s">
        <v>47525</v>
      </c>
      <c r="C13001" s="1" t="s">
        <v>160</v>
      </c>
      <c r="D13001" s="1" t="s">
        <v>49712</v>
      </c>
      <c r="E13001" s="1" t="s">
        <v>49713</v>
      </c>
      <c r="F13001" s="1" t="s">
        <v>49714</v>
      </c>
      <c r="G13001" s="1" t="s">
        <v>49600</v>
      </c>
      <c r="H13001" s="1" t="s">
        <v>49601</v>
      </c>
      <c r="I13001" s="1" t="s">
        <v>47531</v>
      </c>
      <c r="J13001" s="1" t="s">
        <v>49715</v>
      </c>
    </row>
    <row r="13002" spans="1:10" x14ac:dyDescent="0.35">
      <c r="A13002" s="1" t="s">
        <v>49596</v>
      </c>
      <c r="B13002" s="1" t="s">
        <v>47525</v>
      </c>
      <c r="C13002" s="1" t="s">
        <v>165</v>
      </c>
      <c r="D13002" s="1" t="s">
        <v>49716</v>
      </c>
      <c r="E13002" s="1" t="s">
        <v>49717</v>
      </c>
      <c r="F13002" s="1" t="s">
        <v>49718</v>
      </c>
      <c r="G13002" s="1" t="s">
        <v>49600</v>
      </c>
      <c r="H13002" s="1" t="s">
        <v>49601</v>
      </c>
      <c r="I13002" s="1" t="s">
        <v>47531</v>
      </c>
      <c r="J13002" s="1" t="s">
        <v>49719</v>
      </c>
    </row>
    <row r="13003" spans="1:10" x14ac:dyDescent="0.35">
      <c r="A13003" s="1" t="s">
        <v>49596</v>
      </c>
      <c r="B13003" s="1" t="s">
        <v>47525</v>
      </c>
      <c r="C13003" s="1" t="s">
        <v>170</v>
      </c>
      <c r="D13003" s="1" t="s">
        <v>32418</v>
      </c>
      <c r="E13003" s="1" t="s">
        <v>49720</v>
      </c>
      <c r="F13003" s="1" t="s">
        <v>49721</v>
      </c>
      <c r="G13003" s="1" t="s">
        <v>49600</v>
      </c>
      <c r="H13003" s="1" t="s">
        <v>49601</v>
      </c>
      <c r="I13003" s="1" t="s">
        <v>47531</v>
      </c>
      <c r="J13003" s="1" t="s">
        <v>49722</v>
      </c>
    </row>
    <row r="13004" spans="1:10" x14ac:dyDescent="0.35">
      <c r="A13004" s="1" t="s">
        <v>49723</v>
      </c>
      <c r="B13004" s="1" t="s">
        <v>47525</v>
      </c>
      <c r="C13004" s="1" t="s">
        <v>8</v>
      </c>
      <c r="D13004" s="1" t="s">
        <v>49724</v>
      </c>
      <c r="E13004" s="1" t="s">
        <v>49725</v>
      </c>
      <c r="F13004" s="1" t="s">
        <v>49726</v>
      </c>
      <c r="G13004" s="1" t="s">
        <v>49727</v>
      </c>
      <c r="H13004" s="1" t="s">
        <v>49728</v>
      </c>
      <c r="I13004" s="1" t="s">
        <v>47531</v>
      </c>
      <c r="J13004" s="1" t="s">
        <v>13</v>
      </c>
    </row>
    <row r="13005" spans="1:10" x14ac:dyDescent="0.35">
      <c r="A13005" s="1" t="s">
        <v>49723</v>
      </c>
      <c r="B13005" s="1" t="s">
        <v>47525</v>
      </c>
      <c r="C13005" s="1" t="s">
        <v>15</v>
      </c>
      <c r="D13005" s="1" t="s">
        <v>43266</v>
      </c>
      <c r="E13005" s="1" t="s">
        <v>49729</v>
      </c>
      <c r="F13005" s="1" t="s">
        <v>49730</v>
      </c>
      <c r="G13005" s="1" t="s">
        <v>49727</v>
      </c>
      <c r="H13005" s="1" t="s">
        <v>49728</v>
      </c>
      <c r="I13005" s="1" t="s">
        <v>47531</v>
      </c>
      <c r="J13005" s="1" t="s">
        <v>49731</v>
      </c>
    </row>
    <row r="13006" spans="1:10" x14ac:dyDescent="0.35">
      <c r="A13006" s="1" t="s">
        <v>49723</v>
      </c>
      <c r="B13006" s="1" t="s">
        <v>47525</v>
      </c>
      <c r="C13006" s="1" t="s">
        <v>20</v>
      </c>
      <c r="D13006" s="1" t="s">
        <v>49732</v>
      </c>
      <c r="E13006" s="1" t="s">
        <v>49733</v>
      </c>
      <c r="F13006" s="1" t="s">
        <v>49734</v>
      </c>
      <c r="G13006" s="1" t="s">
        <v>49727</v>
      </c>
      <c r="H13006" s="1" t="s">
        <v>49728</v>
      </c>
      <c r="I13006" s="1" t="s">
        <v>47531</v>
      </c>
      <c r="J13006" s="1" t="s">
        <v>49735</v>
      </c>
    </row>
    <row r="13007" spans="1:10" x14ac:dyDescent="0.35">
      <c r="A13007" s="1" t="s">
        <v>49723</v>
      </c>
      <c r="B13007" s="1" t="s">
        <v>47525</v>
      </c>
      <c r="C13007" s="1" t="s">
        <v>25</v>
      </c>
      <c r="D13007" s="1" t="s">
        <v>49736</v>
      </c>
      <c r="E13007" s="1" t="s">
        <v>49737</v>
      </c>
      <c r="F13007" s="1" t="s">
        <v>49738</v>
      </c>
      <c r="G13007" s="1" t="s">
        <v>49727</v>
      </c>
      <c r="H13007" s="1" t="s">
        <v>49728</v>
      </c>
      <c r="I13007" s="1" t="s">
        <v>47531</v>
      </c>
      <c r="J13007" s="1" t="s">
        <v>49739</v>
      </c>
    </row>
    <row r="13008" spans="1:10" x14ac:dyDescent="0.35">
      <c r="A13008" s="1" t="s">
        <v>49723</v>
      </c>
      <c r="B13008" s="1" t="s">
        <v>47525</v>
      </c>
      <c r="C13008" s="1" t="s">
        <v>30</v>
      </c>
      <c r="D13008" s="1" t="s">
        <v>49740</v>
      </c>
      <c r="E13008" s="1" t="s">
        <v>49741</v>
      </c>
      <c r="F13008" s="1" t="s">
        <v>49742</v>
      </c>
      <c r="G13008" s="1" t="s">
        <v>49727</v>
      </c>
      <c r="H13008" s="1" t="s">
        <v>49728</v>
      </c>
      <c r="I13008" s="1" t="s">
        <v>47531</v>
      </c>
      <c r="J13008" s="1" t="s">
        <v>49743</v>
      </c>
    </row>
    <row r="13009" spans="1:10" x14ac:dyDescent="0.35">
      <c r="A13009" s="1" t="s">
        <v>49723</v>
      </c>
      <c r="B13009" s="1" t="s">
        <v>47525</v>
      </c>
      <c r="C13009" s="1" t="s">
        <v>35</v>
      </c>
      <c r="D13009" s="1" t="s">
        <v>16396</v>
      </c>
      <c r="E13009" s="1" t="s">
        <v>15516</v>
      </c>
      <c r="F13009" s="1" t="s">
        <v>49744</v>
      </c>
      <c r="G13009" s="1" t="s">
        <v>49727</v>
      </c>
      <c r="H13009" s="1" t="s">
        <v>49728</v>
      </c>
      <c r="I13009" s="1" t="s">
        <v>47531</v>
      </c>
      <c r="J13009" s="1" t="s">
        <v>49745</v>
      </c>
    </row>
    <row r="13010" spans="1:10" x14ac:dyDescent="0.35">
      <c r="A13010" s="1" t="s">
        <v>49723</v>
      </c>
      <c r="B13010" s="1" t="s">
        <v>47525</v>
      </c>
      <c r="C13010" s="1" t="s">
        <v>40</v>
      </c>
      <c r="D13010" s="1" t="s">
        <v>49746</v>
      </c>
      <c r="E13010" s="1" t="s">
        <v>15445</v>
      </c>
      <c r="F13010" s="1" t="s">
        <v>49747</v>
      </c>
      <c r="G13010" s="1" t="s">
        <v>49727</v>
      </c>
      <c r="H13010" s="1" t="s">
        <v>49728</v>
      </c>
      <c r="I13010" s="1" t="s">
        <v>47531</v>
      </c>
      <c r="J13010" s="1" t="s">
        <v>49748</v>
      </c>
    </row>
    <row r="13011" spans="1:10" x14ac:dyDescent="0.35">
      <c r="A13011" s="1" t="s">
        <v>49723</v>
      </c>
      <c r="B13011" s="1" t="s">
        <v>47525</v>
      </c>
      <c r="C13011" s="1" t="s">
        <v>45</v>
      </c>
      <c r="D13011" s="1" t="s">
        <v>31728</v>
      </c>
      <c r="E13011" s="1" t="s">
        <v>49749</v>
      </c>
      <c r="F13011" s="1" t="s">
        <v>49750</v>
      </c>
      <c r="G13011" s="1" t="s">
        <v>49727</v>
      </c>
      <c r="H13011" s="1" t="s">
        <v>49728</v>
      </c>
      <c r="I13011" s="1" t="s">
        <v>47531</v>
      </c>
      <c r="J13011" s="1" t="s">
        <v>49751</v>
      </c>
    </row>
    <row r="13012" spans="1:10" x14ac:dyDescent="0.35">
      <c r="A13012" s="1" t="s">
        <v>49723</v>
      </c>
      <c r="B13012" s="1" t="s">
        <v>47525</v>
      </c>
      <c r="C13012" s="1" t="s">
        <v>50</v>
      </c>
      <c r="D13012" s="1" t="s">
        <v>49752</v>
      </c>
      <c r="E13012" s="1" t="s">
        <v>49753</v>
      </c>
      <c r="F13012" s="1" t="s">
        <v>49754</v>
      </c>
      <c r="G13012" s="1" t="s">
        <v>49727</v>
      </c>
      <c r="H13012" s="1" t="s">
        <v>49728</v>
      </c>
      <c r="I13012" s="1" t="s">
        <v>47531</v>
      </c>
      <c r="J13012" s="1" t="s">
        <v>49755</v>
      </c>
    </row>
    <row r="13013" spans="1:10" x14ac:dyDescent="0.35">
      <c r="A13013" s="1" t="s">
        <v>49723</v>
      </c>
      <c r="B13013" s="1" t="s">
        <v>47525</v>
      </c>
      <c r="C13013" s="1" t="s">
        <v>55</v>
      </c>
      <c r="D13013" s="1" t="s">
        <v>49756</v>
      </c>
      <c r="E13013" s="1" t="s">
        <v>49757</v>
      </c>
      <c r="F13013" s="1" t="s">
        <v>49758</v>
      </c>
      <c r="G13013" s="1" t="s">
        <v>49727</v>
      </c>
      <c r="H13013" s="1" t="s">
        <v>49728</v>
      </c>
      <c r="I13013" s="1" t="s">
        <v>47531</v>
      </c>
      <c r="J13013" s="1" t="s">
        <v>49759</v>
      </c>
    </row>
    <row r="13014" spans="1:10" x14ac:dyDescent="0.35">
      <c r="A13014" s="1" t="s">
        <v>49723</v>
      </c>
      <c r="B13014" s="1" t="s">
        <v>47525</v>
      </c>
      <c r="C13014" s="1" t="s">
        <v>60</v>
      </c>
      <c r="D13014" s="1" t="s">
        <v>48724</v>
      </c>
      <c r="E13014" s="1" t="s">
        <v>49760</v>
      </c>
      <c r="F13014" s="1" t="s">
        <v>49761</v>
      </c>
      <c r="G13014" s="1" t="s">
        <v>49727</v>
      </c>
      <c r="H13014" s="1" t="s">
        <v>49728</v>
      </c>
      <c r="I13014" s="1" t="s">
        <v>47531</v>
      </c>
      <c r="J13014" s="1" t="s">
        <v>49762</v>
      </c>
    </row>
    <row r="13015" spans="1:10" x14ac:dyDescent="0.35">
      <c r="A13015" s="1" t="s">
        <v>49723</v>
      </c>
      <c r="B13015" s="1" t="s">
        <v>47525</v>
      </c>
      <c r="C13015" s="1" t="s">
        <v>65</v>
      </c>
      <c r="D13015" s="1" t="s">
        <v>49763</v>
      </c>
      <c r="E13015" s="1" t="s">
        <v>49764</v>
      </c>
      <c r="F13015" s="1" t="s">
        <v>49765</v>
      </c>
      <c r="G13015" s="1" t="s">
        <v>49727</v>
      </c>
      <c r="H13015" s="1" t="s">
        <v>49728</v>
      </c>
      <c r="I13015" s="1" t="s">
        <v>47531</v>
      </c>
      <c r="J13015" s="1" t="s">
        <v>49766</v>
      </c>
    </row>
    <row r="13016" spans="1:10" x14ac:dyDescent="0.35">
      <c r="A13016" s="1" t="s">
        <v>49723</v>
      </c>
      <c r="B13016" s="1" t="s">
        <v>47525</v>
      </c>
      <c r="C13016" s="1" t="s">
        <v>70</v>
      </c>
      <c r="D13016" s="1" t="s">
        <v>49767</v>
      </c>
      <c r="E13016" s="1" t="s">
        <v>49768</v>
      </c>
      <c r="F13016" s="1" t="s">
        <v>49769</v>
      </c>
      <c r="G13016" s="1" t="s">
        <v>49727</v>
      </c>
      <c r="H13016" s="1" t="s">
        <v>49728</v>
      </c>
      <c r="I13016" s="1" t="s">
        <v>47531</v>
      </c>
      <c r="J13016" s="1" t="s">
        <v>49770</v>
      </c>
    </row>
    <row r="13017" spans="1:10" x14ac:dyDescent="0.35">
      <c r="A13017" s="1" t="s">
        <v>49723</v>
      </c>
      <c r="B13017" s="1" t="s">
        <v>47525</v>
      </c>
      <c r="C13017" s="1" t="s">
        <v>75</v>
      </c>
      <c r="D13017" s="1" t="s">
        <v>49771</v>
      </c>
      <c r="E13017" s="1" t="s">
        <v>49772</v>
      </c>
      <c r="F13017" s="1" t="s">
        <v>49773</v>
      </c>
      <c r="G13017" s="1" t="s">
        <v>49727</v>
      </c>
      <c r="H13017" s="1" t="s">
        <v>49728</v>
      </c>
      <c r="I13017" s="1" t="s">
        <v>47531</v>
      </c>
      <c r="J13017" s="1" t="s">
        <v>49774</v>
      </c>
    </row>
    <row r="13018" spans="1:10" x14ac:dyDescent="0.35">
      <c r="A13018" s="1" t="s">
        <v>49723</v>
      </c>
      <c r="B13018" s="1" t="s">
        <v>47525</v>
      </c>
      <c r="C13018" s="1" t="s">
        <v>80</v>
      </c>
      <c r="D13018" s="1" t="s">
        <v>49775</v>
      </c>
      <c r="E13018" s="1" t="s">
        <v>15504</v>
      </c>
      <c r="F13018" s="1" t="s">
        <v>49776</v>
      </c>
      <c r="G13018" s="1" t="s">
        <v>49727</v>
      </c>
      <c r="H13018" s="1" t="s">
        <v>49728</v>
      </c>
      <c r="I13018" s="1" t="s">
        <v>47531</v>
      </c>
      <c r="J13018" s="1" t="s">
        <v>49777</v>
      </c>
    </row>
    <row r="13019" spans="1:10" x14ac:dyDescent="0.35">
      <c r="A13019" s="1" t="s">
        <v>49723</v>
      </c>
      <c r="B13019" s="1" t="s">
        <v>47525</v>
      </c>
      <c r="C13019" s="1" t="s">
        <v>85</v>
      </c>
      <c r="D13019" s="1" t="s">
        <v>30752</v>
      </c>
      <c r="E13019" s="1" t="s">
        <v>16305</v>
      </c>
      <c r="F13019" s="1" t="s">
        <v>49778</v>
      </c>
      <c r="G13019" s="1" t="s">
        <v>49727</v>
      </c>
      <c r="H13019" s="1" t="s">
        <v>49728</v>
      </c>
      <c r="I13019" s="1" t="s">
        <v>47531</v>
      </c>
      <c r="J13019" s="1" t="s">
        <v>49779</v>
      </c>
    </row>
    <row r="13020" spans="1:10" x14ac:dyDescent="0.35">
      <c r="A13020" s="1" t="s">
        <v>49723</v>
      </c>
      <c r="B13020" s="1" t="s">
        <v>47525</v>
      </c>
      <c r="C13020" s="1" t="s">
        <v>90</v>
      </c>
      <c r="D13020" s="1" t="s">
        <v>49780</v>
      </c>
      <c r="E13020" s="1" t="s">
        <v>49781</v>
      </c>
      <c r="F13020" s="1" t="s">
        <v>4880</v>
      </c>
      <c r="G13020" s="1" t="s">
        <v>49727</v>
      </c>
      <c r="H13020" s="1" t="s">
        <v>49728</v>
      </c>
      <c r="I13020" s="1" t="s">
        <v>47531</v>
      </c>
      <c r="J13020" s="1" t="s">
        <v>49782</v>
      </c>
    </row>
    <row r="13021" spans="1:10" x14ac:dyDescent="0.35">
      <c r="A13021" s="1" t="s">
        <v>49723</v>
      </c>
      <c r="B13021" s="1" t="s">
        <v>47525</v>
      </c>
      <c r="C13021" s="1" t="s">
        <v>95</v>
      </c>
      <c r="D13021" s="1" t="s">
        <v>49783</v>
      </c>
      <c r="E13021" s="1" t="s">
        <v>49784</v>
      </c>
      <c r="F13021" s="1" t="s">
        <v>49785</v>
      </c>
      <c r="G13021" s="1" t="s">
        <v>49727</v>
      </c>
      <c r="H13021" s="1" t="s">
        <v>49728</v>
      </c>
      <c r="I13021" s="1" t="s">
        <v>47531</v>
      </c>
      <c r="J13021" s="1" t="s">
        <v>49786</v>
      </c>
    </row>
    <row r="13022" spans="1:10" x14ac:dyDescent="0.35">
      <c r="A13022" s="1" t="s">
        <v>49723</v>
      </c>
      <c r="B13022" s="1" t="s">
        <v>47525</v>
      </c>
      <c r="C13022" s="1" t="s">
        <v>100</v>
      </c>
      <c r="D13022" s="1" t="s">
        <v>49787</v>
      </c>
      <c r="E13022" s="1" t="s">
        <v>49788</v>
      </c>
      <c r="F13022" s="1" t="s">
        <v>49789</v>
      </c>
      <c r="G13022" s="1" t="s">
        <v>49727</v>
      </c>
      <c r="H13022" s="1" t="s">
        <v>49728</v>
      </c>
      <c r="I13022" s="1" t="s">
        <v>47531</v>
      </c>
      <c r="J13022" s="1" t="s">
        <v>49790</v>
      </c>
    </row>
    <row r="13023" spans="1:10" x14ac:dyDescent="0.35">
      <c r="A13023" s="1" t="s">
        <v>49723</v>
      </c>
      <c r="B13023" s="1" t="s">
        <v>47525</v>
      </c>
      <c r="C13023" s="1" t="s">
        <v>105</v>
      </c>
      <c r="D13023" s="1" t="s">
        <v>49791</v>
      </c>
      <c r="E13023" s="1" t="s">
        <v>49792</v>
      </c>
      <c r="F13023" s="1" t="s">
        <v>49793</v>
      </c>
      <c r="G13023" s="1" t="s">
        <v>49727</v>
      </c>
      <c r="H13023" s="1" t="s">
        <v>49728</v>
      </c>
      <c r="I13023" s="1" t="s">
        <v>47531</v>
      </c>
      <c r="J13023" s="1" t="s">
        <v>49794</v>
      </c>
    </row>
    <row r="13024" spans="1:10" x14ac:dyDescent="0.35">
      <c r="A13024" s="1" t="s">
        <v>49723</v>
      </c>
      <c r="B13024" s="1" t="s">
        <v>47525</v>
      </c>
      <c r="C13024" s="1" t="s">
        <v>110</v>
      </c>
      <c r="D13024" s="1" t="s">
        <v>49795</v>
      </c>
      <c r="E13024" s="1" t="s">
        <v>49796</v>
      </c>
      <c r="F13024" s="1" t="s">
        <v>49797</v>
      </c>
      <c r="G13024" s="1" t="s">
        <v>49727</v>
      </c>
      <c r="H13024" s="1" t="s">
        <v>49728</v>
      </c>
      <c r="I13024" s="1" t="s">
        <v>47531</v>
      </c>
      <c r="J13024" s="1" t="s">
        <v>49798</v>
      </c>
    </row>
    <row r="13025" spans="1:10" x14ac:dyDescent="0.35">
      <c r="A13025" s="1" t="s">
        <v>49723</v>
      </c>
      <c r="B13025" s="1" t="s">
        <v>47525</v>
      </c>
      <c r="C13025" s="1" t="s">
        <v>115</v>
      </c>
      <c r="D13025" s="1" t="s">
        <v>49799</v>
      </c>
      <c r="E13025" s="1" t="s">
        <v>49800</v>
      </c>
      <c r="F13025" s="1" t="s">
        <v>49801</v>
      </c>
      <c r="G13025" s="1" t="s">
        <v>49727</v>
      </c>
      <c r="H13025" s="1" t="s">
        <v>49728</v>
      </c>
      <c r="I13025" s="1" t="s">
        <v>47531</v>
      </c>
      <c r="J13025" s="1" t="s">
        <v>49802</v>
      </c>
    </row>
    <row r="13026" spans="1:10" x14ac:dyDescent="0.35">
      <c r="A13026" s="1" t="s">
        <v>49723</v>
      </c>
      <c r="B13026" s="1" t="s">
        <v>47525</v>
      </c>
      <c r="C13026" s="1" t="s">
        <v>120</v>
      </c>
      <c r="D13026" s="1" t="s">
        <v>49803</v>
      </c>
      <c r="E13026" s="1" t="s">
        <v>49804</v>
      </c>
      <c r="F13026" s="1" t="s">
        <v>49805</v>
      </c>
      <c r="G13026" s="1" t="s">
        <v>49727</v>
      </c>
      <c r="H13026" s="1" t="s">
        <v>49728</v>
      </c>
      <c r="I13026" s="1" t="s">
        <v>47531</v>
      </c>
      <c r="J13026" s="1" t="s">
        <v>49806</v>
      </c>
    </row>
    <row r="13027" spans="1:10" x14ac:dyDescent="0.35">
      <c r="A13027" s="1" t="s">
        <v>49723</v>
      </c>
      <c r="B13027" s="1" t="s">
        <v>47525</v>
      </c>
      <c r="C13027" s="1" t="s">
        <v>125</v>
      </c>
      <c r="D13027" s="1" t="s">
        <v>37054</v>
      </c>
      <c r="E13027" s="1" t="s">
        <v>15563</v>
      </c>
      <c r="F13027" s="1" t="s">
        <v>49807</v>
      </c>
      <c r="G13027" s="1" t="s">
        <v>49727</v>
      </c>
      <c r="H13027" s="1" t="s">
        <v>49728</v>
      </c>
      <c r="I13027" s="1" t="s">
        <v>47531</v>
      </c>
      <c r="J13027" s="1" t="s">
        <v>49808</v>
      </c>
    </row>
    <row r="13028" spans="1:10" x14ac:dyDescent="0.35">
      <c r="A13028" s="1" t="s">
        <v>49723</v>
      </c>
      <c r="B13028" s="1" t="s">
        <v>47525</v>
      </c>
      <c r="C13028" s="1" t="s">
        <v>130</v>
      </c>
      <c r="D13028" s="1" t="s">
        <v>3473</v>
      </c>
      <c r="E13028" s="1" t="s">
        <v>49809</v>
      </c>
      <c r="F13028" s="1" t="s">
        <v>49810</v>
      </c>
      <c r="G13028" s="1" t="s">
        <v>49727</v>
      </c>
      <c r="H13028" s="1" t="s">
        <v>49728</v>
      </c>
      <c r="I13028" s="1" t="s">
        <v>47531</v>
      </c>
      <c r="J13028" s="1" t="s">
        <v>49811</v>
      </c>
    </row>
    <row r="13029" spans="1:10" x14ac:dyDescent="0.35">
      <c r="A13029" s="1" t="s">
        <v>49723</v>
      </c>
      <c r="B13029" s="1" t="s">
        <v>47525</v>
      </c>
      <c r="C13029" s="1" t="s">
        <v>135</v>
      </c>
      <c r="D13029" s="1" t="s">
        <v>49812</v>
      </c>
      <c r="E13029" s="1" t="s">
        <v>49813</v>
      </c>
      <c r="F13029" s="1" t="s">
        <v>49814</v>
      </c>
      <c r="G13029" s="1" t="s">
        <v>49727</v>
      </c>
      <c r="H13029" s="1" t="s">
        <v>49728</v>
      </c>
      <c r="I13029" s="1" t="s">
        <v>47531</v>
      </c>
      <c r="J13029" s="1" t="s">
        <v>49815</v>
      </c>
    </row>
    <row r="13030" spans="1:10" x14ac:dyDescent="0.35">
      <c r="A13030" s="1" t="s">
        <v>49723</v>
      </c>
      <c r="B13030" s="1" t="s">
        <v>47525</v>
      </c>
      <c r="C13030" s="1" t="s">
        <v>140</v>
      </c>
      <c r="D13030" s="1" t="s">
        <v>36577</v>
      </c>
      <c r="E13030" s="1" t="s">
        <v>49816</v>
      </c>
      <c r="F13030" s="1" t="s">
        <v>49817</v>
      </c>
      <c r="G13030" s="1" t="s">
        <v>49727</v>
      </c>
      <c r="H13030" s="1" t="s">
        <v>49728</v>
      </c>
      <c r="I13030" s="1" t="s">
        <v>47531</v>
      </c>
      <c r="J13030" s="1" t="s">
        <v>49818</v>
      </c>
    </row>
    <row r="13031" spans="1:10" x14ac:dyDescent="0.35">
      <c r="A13031" s="1" t="s">
        <v>49723</v>
      </c>
      <c r="B13031" s="1" t="s">
        <v>47525</v>
      </c>
      <c r="C13031" s="1" t="s">
        <v>145</v>
      </c>
      <c r="D13031" s="1" t="s">
        <v>49819</v>
      </c>
      <c r="E13031" s="1" t="s">
        <v>49820</v>
      </c>
      <c r="F13031" s="1" t="s">
        <v>49821</v>
      </c>
      <c r="G13031" s="1" t="s">
        <v>49727</v>
      </c>
      <c r="H13031" s="1" t="s">
        <v>49728</v>
      </c>
      <c r="I13031" s="1" t="s">
        <v>47531</v>
      </c>
      <c r="J13031" s="1" t="s">
        <v>49822</v>
      </c>
    </row>
    <row r="13032" spans="1:10" x14ac:dyDescent="0.35">
      <c r="A13032" s="1" t="s">
        <v>49723</v>
      </c>
      <c r="B13032" s="1" t="s">
        <v>47525</v>
      </c>
      <c r="C13032" s="1" t="s">
        <v>150</v>
      </c>
      <c r="D13032" s="1" t="s">
        <v>856</v>
      </c>
      <c r="E13032" s="1" t="s">
        <v>49820</v>
      </c>
      <c r="F13032" s="1" t="s">
        <v>3068</v>
      </c>
      <c r="G13032" s="1" t="s">
        <v>49727</v>
      </c>
      <c r="H13032" s="1" t="s">
        <v>49728</v>
      </c>
      <c r="I13032" s="1" t="s">
        <v>47531</v>
      </c>
      <c r="J13032" s="1" t="s">
        <v>49823</v>
      </c>
    </row>
    <row r="13033" spans="1:10" x14ac:dyDescent="0.35">
      <c r="A13033" s="1" t="s">
        <v>49723</v>
      </c>
      <c r="B13033" s="1" t="s">
        <v>47525</v>
      </c>
      <c r="C13033" s="1" t="s">
        <v>155</v>
      </c>
      <c r="D13033" s="1" t="s">
        <v>49824</v>
      </c>
      <c r="E13033" s="1" t="s">
        <v>49825</v>
      </c>
      <c r="F13033" s="1" t="s">
        <v>49826</v>
      </c>
      <c r="G13033" s="1" t="s">
        <v>49727</v>
      </c>
      <c r="H13033" s="1" t="s">
        <v>49728</v>
      </c>
      <c r="I13033" s="1" t="s">
        <v>47531</v>
      </c>
      <c r="J13033" s="1" t="s">
        <v>49827</v>
      </c>
    </row>
    <row r="13034" spans="1:10" x14ac:dyDescent="0.35">
      <c r="A13034" s="1" t="s">
        <v>49723</v>
      </c>
      <c r="B13034" s="1" t="s">
        <v>47525</v>
      </c>
      <c r="C13034" s="1" t="s">
        <v>160</v>
      </c>
      <c r="D13034" s="1" t="s">
        <v>49828</v>
      </c>
      <c r="E13034" s="1" t="s">
        <v>49829</v>
      </c>
      <c r="F13034" s="1" t="s">
        <v>49830</v>
      </c>
      <c r="G13034" s="1" t="s">
        <v>49727</v>
      </c>
      <c r="H13034" s="1" t="s">
        <v>49728</v>
      </c>
      <c r="I13034" s="1" t="s">
        <v>47531</v>
      </c>
      <c r="J13034" s="1" t="s">
        <v>49831</v>
      </c>
    </row>
    <row r="13035" spans="1:10" x14ac:dyDescent="0.35">
      <c r="A13035" s="1" t="s">
        <v>49723</v>
      </c>
      <c r="B13035" s="1" t="s">
        <v>47525</v>
      </c>
      <c r="C13035" s="1" t="s">
        <v>165</v>
      </c>
      <c r="D13035" s="1" t="s">
        <v>35370</v>
      </c>
      <c r="E13035" s="1" t="s">
        <v>49832</v>
      </c>
      <c r="F13035" s="1" t="s">
        <v>49833</v>
      </c>
      <c r="G13035" s="1" t="s">
        <v>49727</v>
      </c>
      <c r="H13035" s="1" t="s">
        <v>49728</v>
      </c>
      <c r="I13035" s="1" t="s">
        <v>47531</v>
      </c>
      <c r="J13035" s="1" t="s">
        <v>49834</v>
      </c>
    </row>
    <row r="13036" spans="1:10" x14ac:dyDescent="0.35">
      <c r="A13036" s="1" t="s">
        <v>49723</v>
      </c>
      <c r="B13036" s="1" t="s">
        <v>47525</v>
      </c>
      <c r="C13036" s="1" t="s">
        <v>170</v>
      </c>
      <c r="D13036" s="1" t="s">
        <v>49835</v>
      </c>
      <c r="E13036" s="1" t="s">
        <v>49836</v>
      </c>
      <c r="F13036" s="1" t="s">
        <v>49837</v>
      </c>
      <c r="G13036" s="1" t="s">
        <v>49727</v>
      </c>
      <c r="H13036" s="1" t="s">
        <v>49728</v>
      </c>
      <c r="I13036" s="1" t="s">
        <v>47531</v>
      </c>
      <c r="J13036" s="1" t="s">
        <v>49838</v>
      </c>
    </row>
    <row r="13037" spans="1:10" x14ac:dyDescent="0.35">
      <c r="A13037" s="1" t="s">
        <v>49839</v>
      </c>
      <c r="B13037" s="1" t="s">
        <v>47525</v>
      </c>
      <c r="C13037" s="1" t="s">
        <v>8</v>
      </c>
      <c r="D13037" s="1" t="s">
        <v>49840</v>
      </c>
      <c r="E13037" s="1" t="s">
        <v>49841</v>
      </c>
      <c r="F13037" s="1" t="s">
        <v>49842</v>
      </c>
      <c r="G13037" s="1" t="s">
        <v>49843</v>
      </c>
      <c r="H13037" s="1" t="s">
        <v>49844</v>
      </c>
      <c r="I13037" s="1" t="s">
        <v>47531</v>
      </c>
      <c r="J13037" s="1" t="s">
        <v>13</v>
      </c>
    </row>
    <row r="13038" spans="1:10" x14ac:dyDescent="0.35">
      <c r="A13038" s="1" t="s">
        <v>49839</v>
      </c>
      <c r="B13038" s="1" t="s">
        <v>47525</v>
      </c>
      <c r="C13038" s="1" t="s">
        <v>15</v>
      </c>
      <c r="D13038" s="1" t="s">
        <v>49845</v>
      </c>
      <c r="E13038" s="1" t="s">
        <v>49846</v>
      </c>
      <c r="F13038" s="1" t="s">
        <v>49847</v>
      </c>
      <c r="G13038" s="1" t="s">
        <v>49843</v>
      </c>
      <c r="H13038" s="1" t="s">
        <v>49844</v>
      </c>
      <c r="I13038" s="1" t="s">
        <v>47531</v>
      </c>
      <c r="J13038" s="1" t="s">
        <v>49848</v>
      </c>
    </row>
    <row r="13039" spans="1:10" x14ac:dyDescent="0.35">
      <c r="A13039" s="1" t="s">
        <v>49839</v>
      </c>
      <c r="B13039" s="1" t="s">
        <v>47525</v>
      </c>
      <c r="C13039" s="1" t="s">
        <v>20</v>
      </c>
      <c r="D13039" s="1" t="s">
        <v>49849</v>
      </c>
      <c r="E13039" s="1" t="s">
        <v>49850</v>
      </c>
      <c r="F13039" s="1" t="s">
        <v>49851</v>
      </c>
      <c r="G13039" s="1" t="s">
        <v>49843</v>
      </c>
      <c r="H13039" s="1" t="s">
        <v>49844</v>
      </c>
      <c r="I13039" s="1" t="s">
        <v>47531</v>
      </c>
      <c r="J13039" s="1" t="s">
        <v>49852</v>
      </c>
    </row>
    <row r="13040" spans="1:10" x14ac:dyDescent="0.35">
      <c r="A13040" s="1" t="s">
        <v>49839</v>
      </c>
      <c r="B13040" s="1" t="s">
        <v>47525</v>
      </c>
      <c r="C13040" s="1" t="s">
        <v>25</v>
      </c>
      <c r="D13040" s="1" t="s">
        <v>49853</v>
      </c>
      <c r="E13040" s="1" t="s">
        <v>49854</v>
      </c>
      <c r="F13040" s="1" t="s">
        <v>49855</v>
      </c>
      <c r="G13040" s="1" t="s">
        <v>49843</v>
      </c>
      <c r="H13040" s="1" t="s">
        <v>49844</v>
      </c>
      <c r="I13040" s="1" t="s">
        <v>47531</v>
      </c>
      <c r="J13040" s="1" t="s">
        <v>49856</v>
      </c>
    </row>
    <row r="13041" spans="1:10" x14ac:dyDescent="0.35">
      <c r="A13041" s="1" t="s">
        <v>49839</v>
      </c>
      <c r="B13041" s="1" t="s">
        <v>47525</v>
      </c>
      <c r="C13041" s="1" t="s">
        <v>30</v>
      </c>
      <c r="D13041" s="1" t="s">
        <v>49857</v>
      </c>
      <c r="E13041" s="1" t="s">
        <v>49854</v>
      </c>
      <c r="F13041" s="1" t="s">
        <v>49858</v>
      </c>
      <c r="G13041" s="1" t="s">
        <v>49843</v>
      </c>
      <c r="H13041" s="1" t="s">
        <v>49844</v>
      </c>
      <c r="I13041" s="1" t="s">
        <v>47531</v>
      </c>
      <c r="J13041" s="1" t="s">
        <v>49859</v>
      </c>
    </row>
    <row r="13042" spans="1:10" x14ac:dyDescent="0.35">
      <c r="A13042" s="1" t="s">
        <v>49839</v>
      </c>
      <c r="B13042" s="1" t="s">
        <v>47525</v>
      </c>
      <c r="C13042" s="1" t="s">
        <v>35</v>
      </c>
      <c r="D13042" s="1" t="s">
        <v>37860</v>
      </c>
      <c r="E13042" s="1" t="s">
        <v>49860</v>
      </c>
      <c r="F13042" s="1" t="s">
        <v>49861</v>
      </c>
      <c r="G13042" s="1" t="s">
        <v>49843</v>
      </c>
      <c r="H13042" s="1" t="s">
        <v>49844</v>
      </c>
      <c r="I13042" s="1" t="s">
        <v>47531</v>
      </c>
      <c r="J13042" s="1" t="s">
        <v>49862</v>
      </c>
    </row>
    <row r="13043" spans="1:10" x14ac:dyDescent="0.35">
      <c r="A13043" s="1" t="s">
        <v>49839</v>
      </c>
      <c r="B13043" s="1" t="s">
        <v>47525</v>
      </c>
      <c r="C13043" s="1" t="s">
        <v>40</v>
      </c>
      <c r="D13043" s="1" t="s">
        <v>49863</v>
      </c>
      <c r="E13043" s="1" t="s">
        <v>49864</v>
      </c>
      <c r="F13043" s="1" t="s">
        <v>49865</v>
      </c>
      <c r="G13043" s="1" t="s">
        <v>49843</v>
      </c>
      <c r="H13043" s="1" t="s">
        <v>49844</v>
      </c>
      <c r="I13043" s="1" t="s">
        <v>47531</v>
      </c>
      <c r="J13043" s="1" t="s">
        <v>49866</v>
      </c>
    </row>
    <row r="13044" spans="1:10" x14ac:dyDescent="0.35">
      <c r="A13044" s="1" t="s">
        <v>49839</v>
      </c>
      <c r="B13044" s="1" t="s">
        <v>47525</v>
      </c>
      <c r="C13044" s="1" t="s">
        <v>45</v>
      </c>
      <c r="D13044" s="1" t="s">
        <v>49867</v>
      </c>
      <c r="E13044" s="1" t="s">
        <v>49868</v>
      </c>
      <c r="F13044" s="1" t="s">
        <v>49869</v>
      </c>
      <c r="G13044" s="1" t="s">
        <v>49843</v>
      </c>
      <c r="H13044" s="1" t="s">
        <v>49844</v>
      </c>
      <c r="I13044" s="1" t="s">
        <v>47531</v>
      </c>
      <c r="J13044" s="1" t="s">
        <v>49870</v>
      </c>
    </row>
    <row r="13045" spans="1:10" x14ac:dyDescent="0.35">
      <c r="A13045" s="1" t="s">
        <v>49839</v>
      </c>
      <c r="B13045" s="1" t="s">
        <v>47525</v>
      </c>
      <c r="C13045" s="1" t="s">
        <v>50</v>
      </c>
      <c r="D13045" s="1" t="s">
        <v>49871</v>
      </c>
      <c r="E13045" s="1" t="s">
        <v>49872</v>
      </c>
      <c r="F13045" s="1" t="s">
        <v>49873</v>
      </c>
      <c r="G13045" s="1" t="s">
        <v>49843</v>
      </c>
      <c r="H13045" s="1" t="s">
        <v>49844</v>
      </c>
      <c r="I13045" s="1" t="s">
        <v>47531</v>
      </c>
      <c r="J13045" s="1" t="s">
        <v>49874</v>
      </c>
    </row>
    <row r="13046" spans="1:10" x14ac:dyDescent="0.35">
      <c r="A13046" s="1" t="s">
        <v>49839</v>
      </c>
      <c r="B13046" s="1" t="s">
        <v>47525</v>
      </c>
      <c r="C13046" s="1" t="s">
        <v>55</v>
      </c>
      <c r="D13046" s="1" t="s">
        <v>49875</v>
      </c>
      <c r="E13046" s="1" t="s">
        <v>49876</v>
      </c>
      <c r="F13046" s="1" t="s">
        <v>49877</v>
      </c>
      <c r="G13046" s="1" t="s">
        <v>49843</v>
      </c>
      <c r="H13046" s="1" t="s">
        <v>49844</v>
      </c>
      <c r="I13046" s="1" t="s">
        <v>47531</v>
      </c>
      <c r="J13046" s="1" t="s">
        <v>49878</v>
      </c>
    </row>
    <row r="13047" spans="1:10" x14ac:dyDescent="0.35">
      <c r="A13047" s="1" t="s">
        <v>49839</v>
      </c>
      <c r="B13047" s="1" t="s">
        <v>47525</v>
      </c>
      <c r="C13047" s="1" t="s">
        <v>60</v>
      </c>
      <c r="D13047" s="1" t="s">
        <v>49879</v>
      </c>
      <c r="E13047" s="1" t="s">
        <v>49880</v>
      </c>
      <c r="F13047" s="1" t="s">
        <v>49881</v>
      </c>
      <c r="G13047" s="1" t="s">
        <v>49843</v>
      </c>
      <c r="H13047" s="1" t="s">
        <v>49844</v>
      </c>
      <c r="I13047" s="1" t="s">
        <v>47531</v>
      </c>
      <c r="J13047" s="1" t="s">
        <v>49882</v>
      </c>
    </row>
    <row r="13048" spans="1:10" x14ac:dyDescent="0.35">
      <c r="A13048" s="1" t="s">
        <v>49839</v>
      </c>
      <c r="B13048" s="1" t="s">
        <v>47525</v>
      </c>
      <c r="C13048" s="1" t="s">
        <v>65</v>
      </c>
      <c r="D13048" s="1" t="s">
        <v>49883</v>
      </c>
      <c r="E13048" s="1" t="s">
        <v>49884</v>
      </c>
      <c r="F13048" s="1" t="s">
        <v>49885</v>
      </c>
      <c r="G13048" s="1" t="s">
        <v>49843</v>
      </c>
      <c r="H13048" s="1" t="s">
        <v>49844</v>
      </c>
      <c r="I13048" s="1" t="s">
        <v>47531</v>
      </c>
      <c r="J13048" s="1" t="s">
        <v>49886</v>
      </c>
    </row>
    <row r="13049" spans="1:10" x14ac:dyDescent="0.35">
      <c r="A13049" s="1" t="s">
        <v>49839</v>
      </c>
      <c r="B13049" s="1" t="s">
        <v>47525</v>
      </c>
      <c r="C13049" s="1" t="s">
        <v>70</v>
      </c>
      <c r="D13049" s="1" t="s">
        <v>3433</v>
      </c>
      <c r="E13049" s="1" t="s">
        <v>49887</v>
      </c>
      <c r="F13049" s="1" t="s">
        <v>49888</v>
      </c>
      <c r="G13049" s="1" t="s">
        <v>49843</v>
      </c>
      <c r="H13049" s="1" t="s">
        <v>49844</v>
      </c>
      <c r="I13049" s="1" t="s">
        <v>47531</v>
      </c>
      <c r="J13049" s="1" t="s">
        <v>49889</v>
      </c>
    </row>
    <row r="13050" spans="1:10" x14ac:dyDescent="0.35">
      <c r="A13050" s="1" t="s">
        <v>49839</v>
      </c>
      <c r="B13050" s="1" t="s">
        <v>47525</v>
      </c>
      <c r="C13050" s="1" t="s">
        <v>75</v>
      </c>
      <c r="D13050" s="1" t="s">
        <v>49890</v>
      </c>
      <c r="E13050" s="1" t="s">
        <v>49891</v>
      </c>
      <c r="F13050" s="1" t="s">
        <v>49892</v>
      </c>
      <c r="G13050" s="1" t="s">
        <v>49843</v>
      </c>
      <c r="H13050" s="1" t="s">
        <v>49844</v>
      </c>
      <c r="I13050" s="1" t="s">
        <v>47531</v>
      </c>
      <c r="J13050" s="1" t="s">
        <v>49893</v>
      </c>
    </row>
    <row r="13051" spans="1:10" x14ac:dyDescent="0.35">
      <c r="A13051" s="1" t="s">
        <v>49839</v>
      </c>
      <c r="B13051" s="1" t="s">
        <v>47525</v>
      </c>
      <c r="C13051" s="1" t="s">
        <v>80</v>
      </c>
      <c r="D13051" s="1" t="s">
        <v>28686</v>
      </c>
      <c r="E13051" s="1" t="s">
        <v>49894</v>
      </c>
      <c r="F13051" s="1" t="s">
        <v>49895</v>
      </c>
      <c r="G13051" s="1" t="s">
        <v>49843</v>
      </c>
      <c r="H13051" s="1" t="s">
        <v>49844</v>
      </c>
      <c r="I13051" s="1" t="s">
        <v>47531</v>
      </c>
      <c r="J13051" s="1" t="s">
        <v>49896</v>
      </c>
    </row>
    <row r="13052" spans="1:10" x14ac:dyDescent="0.35">
      <c r="A13052" s="1" t="s">
        <v>49839</v>
      </c>
      <c r="B13052" s="1" t="s">
        <v>47525</v>
      </c>
      <c r="C13052" s="1" t="s">
        <v>85</v>
      </c>
      <c r="D13052" s="1" t="s">
        <v>49897</v>
      </c>
      <c r="E13052" s="1" t="s">
        <v>49898</v>
      </c>
      <c r="F13052" s="1" t="s">
        <v>49899</v>
      </c>
      <c r="G13052" s="1" t="s">
        <v>49843</v>
      </c>
      <c r="H13052" s="1" t="s">
        <v>49844</v>
      </c>
      <c r="I13052" s="1" t="s">
        <v>47531</v>
      </c>
      <c r="J13052" s="1" t="s">
        <v>49900</v>
      </c>
    </row>
    <row r="13053" spans="1:10" x14ac:dyDescent="0.35">
      <c r="A13053" s="1" t="s">
        <v>49839</v>
      </c>
      <c r="B13053" s="1" t="s">
        <v>47525</v>
      </c>
      <c r="C13053" s="1" t="s">
        <v>90</v>
      </c>
      <c r="D13053" s="1" t="s">
        <v>49901</v>
      </c>
      <c r="E13053" s="1" t="s">
        <v>49902</v>
      </c>
      <c r="F13053" s="1" t="s">
        <v>49903</v>
      </c>
      <c r="G13053" s="1" t="s">
        <v>49843</v>
      </c>
      <c r="H13053" s="1" t="s">
        <v>49844</v>
      </c>
      <c r="I13053" s="1" t="s">
        <v>47531</v>
      </c>
      <c r="J13053" s="1" t="s">
        <v>49904</v>
      </c>
    </row>
    <row r="13054" spans="1:10" x14ac:dyDescent="0.35">
      <c r="A13054" s="1" t="s">
        <v>49839</v>
      </c>
      <c r="B13054" s="1" t="s">
        <v>47525</v>
      </c>
      <c r="C13054" s="1" t="s">
        <v>95</v>
      </c>
      <c r="D13054" s="1" t="s">
        <v>38859</v>
      </c>
      <c r="E13054" s="1" t="s">
        <v>49905</v>
      </c>
      <c r="F13054" s="1" t="s">
        <v>49906</v>
      </c>
      <c r="G13054" s="1" t="s">
        <v>49843</v>
      </c>
      <c r="H13054" s="1" t="s">
        <v>49844</v>
      </c>
      <c r="I13054" s="1" t="s">
        <v>47531</v>
      </c>
      <c r="J13054" s="1" t="s">
        <v>49907</v>
      </c>
    </row>
    <row r="13055" spans="1:10" x14ac:dyDescent="0.35">
      <c r="A13055" s="1" t="s">
        <v>49839</v>
      </c>
      <c r="B13055" s="1" t="s">
        <v>47525</v>
      </c>
      <c r="C13055" s="1" t="s">
        <v>100</v>
      </c>
      <c r="D13055" s="1" t="s">
        <v>49908</v>
      </c>
      <c r="E13055" s="1" t="s">
        <v>49909</v>
      </c>
      <c r="F13055" s="1" t="s">
        <v>49910</v>
      </c>
      <c r="G13055" s="1" t="s">
        <v>49843</v>
      </c>
      <c r="H13055" s="1" t="s">
        <v>49844</v>
      </c>
      <c r="I13055" s="1" t="s">
        <v>47531</v>
      </c>
      <c r="J13055" s="1" t="s">
        <v>49911</v>
      </c>
    </row>
    <row r="13056" spans="1:10" x14ac:dyDescent="0.35">
      <c r="A13056" s="1" t="s">
        <v>49839</v>
      </c>
      <c r="B13056" s="1" t="s">
        <v>47525</v>
      </c>
      <c r="C13056" s="1" t="s">
        <v>105</v>
      </c>
      <c r="D13056" s="1" t="s">
        <v>49912</v>
      </c>
      <c r="E13056" s="1" t="s">
        <v>49913</v>
      </c>
      <c r="F13056" s="1" t="s">
        <v>49914</v>
      </c>
      <c r="G13056" s="1" t="s">
        <v>49843</v>
      </c>
      <c r="H13056" s="1" t="s">
        <v>49844</v>
      </c>
      <c r="I13056" s="1" t="s">
        <v>47531</v>
      </c>
      <c r="J13056" s="1" t="s">
        <v>49915</v>
      </c>
    </row>
    <row r="13057" spans="1:10" x14ac:dyDescent="0.35">
      <c r="A13057" s="1" t="s">
        <v>49839</v>
      </c>
      <c r="B13057" s="1" t="s">
        <v>47525</v>
      </c>
      <c r="C13057" s="1" t="s">
        <v>110</v>
      </c>
      <c r="D13057" s="1" t="s">
        <v>49916</v>
      </c>
      <c r="E13057" s="1" t="s">
        <v>49917</v>
      </c>
      <c r="F13057" s="1" t="s">
        <v>49918</v>
      </c>
      <c r="G13057" s="1" t="s">
        <v>49843</v>
      </c>
      <c r="H13057" s="1" t="s">
        <v>49844</v>
      </c>
      <c r="I13057" s="1" t="s">
        <v>47531</v>
      </c>
      <c r="J13057" s="1" t="s">
        <v>49919</v>
      </c>
    </row>
    <row r="13058" spans="1:10" x14ac:dyDescent="0.35">
      <c r="A13058" s="1" t="s">
        <v>49839</v>
      </c>
      <c r="B13058" s="1" t="s">
        <v>47525</v>
      </c>
      <c r="C13058" s="1" t="s">
        <v>115</v>
      </c>
      <c r="D13058" s="1" t="s">
        <v>37054</v>
      </c>
      <c r="E13058" s="1" t="s">
        <v>49920</v>
      </c>
      <c r="F13058" s="1" t="s">
        <v>49921</v>
      </c>
      <c r="G13058" s="1" t="s">
        <v>49843</v>
      </c>
      <c r="H13058" s="1" t="s">
        <v>49844</v>
      </c>
      <c r="I13058" s="1" t="s">
        <v>47531</v>
      </c>
      <c r="J13058" s="1" t="s">
        <v>49922</v>
      </c>
    </row>
    <row r="13059" spans="1:10" x14ac:dyDescent="0.35">
      <c r="A13059" s="1" t="s">
        <v>49839</v>
      </c>
      <c r="B13059" s="1" t="s">
        <v>47525</v>
      </c>
      <c r="C13059" s="1" t="s">
        <v>120</v>
      </c>
      <c r="D13059" s="1" t="s">
        <v>49923</v>
      </c>
      <c r="E13059" s="1" t="s">
        <v>49924</v>
      </c>
      <c r="F13059" s="1" t="s">
        <v>49925</v>
      </c>
      <c r="G13059" s="1" t="s">
        <v>49843</v>
      </c>
      <c r="H13059" s="1" t="s">
        <v>49844</v>
      </c>
      <c r="I13059" s="1" t="s">
        <v>47531</v>
      </c>
      <c r="J13059" s="1" t="s">
        <v>49926</v>
      </c>
    </row>
    <row r="13060" spans="1:10" x14ac:dyDescent="0.35">
      <c r="A13060" s="1" t="s">
        <v>49839</v>
      </c>
      <c r="B13060" s="1" t="s">
        <v>47525</v>
      </c>
      <c r="C13060" s="1" t="s">
        <v>125</v>
      </c>
      <c r="D13060" s="1" t="s">
        <v>49927</v>
      </c>
      <c r="E13060" s="1" t="s">
        <v>49928</v>
      </c>
      <c r="F13060" s="1" t="s">
        <v>49929</v>
      </c>
      <c r="G13060" s="1" t="s">
        <v>49843</v>
      </c>
      <c r="H13060" s="1" t="s">
        <v>49844</v>
      </c>
      <c r="I13060" s="1" t="s">
        <v>47531</v>
      </c>
      <c r="J13060" s="1" t="s">
        <v>49930</v>
      </c>
    </row>
    <row r="13061" spans="1:10" x14ac:dyDescent="0.35">
      <c r="A13061" s="1" t="s">
        <v>49839</v>
      </c>
      <c r="B13061" s="1" t="s">
        <v>47525</v>
      </c>
      <c r="C13061" s="1" t="s">
        <v>130</v>
      </c>
      <c r="D13061" s="1" t="s">
        <v>42638</v>
      </c>
      <c r="E13061" s="1" t="s">
        <v>49931</v>
      </c>
      <c r="F13061" s="1" t="s">
        <v>49932</v>
      </c>
      <c r="G13061" s="1" t="s">
        <v>49843</v>
      </c>
      <c r="H13061" s="1" t="s">
        <v>49844</v>
      </c>
      <c r="I13061" s="1" t="s">
        <v>47531</v>
      </c>
      <c r="J13061" s="1" t="s">
        <v>49933</v>
      </c>
    </row>
    <row r="13062" spans="1:10" x14ac:dyDescent="0.35">
      <c r="A13062" s="1" t="s">
        <v>49839</v>
      </c>
      <c r="B13062" s="1" t="s">
        <v>47525</v>
      </c>
      <c r="C13062" s="1" t="s">
        <v>135</v>
      </c>
      <c r="D13062" s="1" t="s">
        <v>38229</v>
      </c>
      <c r="E13062" s="1" t="s">
        <v>49934</v>
      </c>
      <c r="F13062" s="1" t="s">
        <v>49935</v>
      </c>
      <c r="G13062" s="1" t="s">
        <v>49843</v>
      </c>
      <c r="H13062" s="1" t="s">
        <v>49844</v>
      </c>
      <c r="I13062" s="1" t="s">
        <v>47531</v>
      </c>
      <c r="J13062" s="1" t="s">
        <v>49936</v>
      </c>
    </row>
    <row r="13063" spans="1:10" x14ac:dyDescent="0.35">
      <c r="A13063" s="1" t="s">
        <v>49839</v>
      </c>
      <c r="B13063" s="1" t="s">
        <v>47525</v>
      </c>
      <c r="C13063" s="1" t="s">
        <v>140</v>
      </c>
      <c r="D13063" s="1" t="s">
        <v>49937</v>
      </c>
      <c r="E13063" s="1" t="s">
        <v>49938</v>
      </c>
      <c r="F13063" s="1" t="s">
        <v>49939</v>
      </c>
      <c r="G13063" s="1" t="s">
        <v>49843</v>
      </c>
      <c r="H13063" s="1" t="s">
        <v>49844</v>
      </c>
      <c r="I13063" s="1" t="s">
        <v>47531</v>
      </c>
      <c r="J13063" s="1" t="s">
        <v>49940</v>
      </c>
    </row>
    <row r="13064" spans="1:10" x14ac:dyDescent="0.35">
      <c r="A13064" s="1" t="s">
        <v>49839</v>
      </c>
      <c r="B13064" s="1" t="s">
        <v>47525</v>
      </c>
      <c r="C13064" s="1" t="s">
        <v>145</v>
      </c>
      <c r="D13064" s="1" t="s">
        <v>49941</v>
      </c>
      <c r="E13064" s="1" t="s">
        <v>19490</v>
      </c>
      <c r="F13064" s="1" t="s">
        <v>49942</v>
      </c>
      <c r="G13064" s="1" t="s">
        <v>49843</v>
      </c>
      <c r="H13064" s="1" t="s">
        <v>49844</v>
      </c>
      <c r="I13064" s="1" t="s">
        <v>47531</v>
      </c>
      <c r="J13064" s="1" t="s">
        <v>49943</v>
      </c>
    </row>
    <row r="13065" spans="1:10" x14ac:dyDescent="0.35">
      <c r="A13065" s="1" t="s">
        <v>49839</v>
      </c>
      <c r="B13065" s="1" t="s">
        <v>47525</v>
      </c>
      <c r="C13065" s="1" t="s">
        <v>150</v>
      </c>
      <c r="D13065" s="1" t="s">
        <v>17983</v>
      </c>
      <c r="E13065" s="1" t="s">
        <v>49944</v>
      </c>
      <c r="F13065" s="1" t="s">
        <v>49945</v>
      </c>
      <c r="G13065" s="1" t="s">
        <v>49843</v>
      </c>
      <c r="H13065" s="1" t="s">
        <v>49844</v>
      </c>
      <c r="I13065" s="1" t="s">
        <v>47531</v>
      </c>
      <c r="J13065" s="1" t="s">
        <v>49946</v>
      </c>
    </row>
    <row r="13066" spans="1:10" x14ac:dyDescent="0.35">
      <c r="A13066" s="1" t="s">
        <v>49839</v>
      </c>
      <c r="B13066" s="1" t="s">
        <v>47525</v>
      </c>
      <c r="C13066" s="1" t="s">
        <v>155</v>
      </c>
      <c r="D13066" s="1" t="s">
        <v>49947</v>
      </c>
      <c r="E13066" s="1" t="s">
        <v>49948</v>
      </c>
      <c r="F13066" s="1" t="s">
        <v>49949</v>
      </c>
      <c r="G13066" s="1" t="s">
        <v>49843</v>
      </c>
      <c r="H13066" s="1" t="s">
        <v>49844</v>
      </c>
      <c r="I13066" s="1" t="s">
        <v>47531</v>
      </c>
      <c r="J13066" s="1" t="s">
        <v>49950</v>
      </c>
    </row>
    <row r="13067" spans="1:10" x14ac:dyDescent="0.35">
      <c r="A13067" s="1" t="s">
        <v>49839</v>
      </c>
      <c r="B13067" s="1" t="s">
        <v>47525</v>
      </c>
      <c r="C13067" s="1" t="s">
        <v>160</v>
      </c>
      <c r="D13067" s="1" t="s">
        <v>49951</v>
      </c>
      <c r="E13067" s="1" t="s">
        <v>49952</v>
      </c>
      <c r="F13067" s="1" t="s">
        <v>49953</v>
      </c>
      <c r="G13067" s="1" t="s">
        <v>49843</v>
      </c>
      <c r="H13067" s="1" t="s">
        <v>49844</v>
      </c>
      <c r="I13067" s="1" t="s">
        <v>47531</v>
      </c>
      <c r="J13067" s="1" t="s">
        <v>49954</v>
      </c>
    </row>
    <row r="13068" spans="1:10" x14ac:dyDescent="0.35">
      <c r="A13068" s="1" t="s">
        <v>49839</v>
      </c>
      <c r="B13068" s="1" t="s">
        <v>47525</v>
      </c>
      <c r="C13068" s="1" t="s">
        <v>165</v>
      </c>
      <c r="D13068" s="1" t="s">
        <v>30699</v>
      </c>
      <c r="E13068" s="1" t="s">
        <v>49955</v>
      </c>
      <c r="F13068" s="1" t="s">
        <v>49956</v>
      </c>
      <c r="G13068" s="1" t="s">
        <v>49843</v>
      </c>
      <c r="H13068" s="1" t="s">
        <v>49844</v>
      </c>
      <c r="I13068" s="1" t="s">
        <v>47531</v>
      </c>
      <c r="J13068" s="1" t="s">
        <v>49957</v>
      </c>
    </row>
    <row r="13069" spans="1:10" x14ac:dyDescent="0.35">
      <c r="A13069" s="1" t="s">
        <v>49839</v>
      </c>
      <c r="B13069" s="1" t="s">
        <v>47525</v>
      </c>
      <c r="C13069" s="1" t="s">
        <v>170</v>
      </c>
      <c r="D13069" s="1" t="s">
        <v>49958</v>
      </c>
      <c r="E13069" s="1" t="s">
        <v>49959</v>
      </c>
      <c r="F13069" s="1" t="s">
        <v>49960</v>
      </c>
      <c r="G13069" s="1" t="s">
        <v>49843</v>
      </c>
      <c r="H13069" s="1" t="s">
        <v>49844</v>
      </c>
      <c r="I13069" s="1" t="s">
        <v>47531</v>
      </c>
      <c r="J13069" s="1" t="s">
        <v>49961</v>
      </c>
    </row>
    <row r="13070" spans="1:10" x14ac:dyDescent="0.35">
      <c r="A13070" s="1" t="s">
        <v>13958</v>
      </c>
      <c r="B13070" s="1" t="s">
        <v>47525</v>
      </c>
      <c r="C13070" s="1" t="s">
        <v>8</v>
      </c>
      <c r="D13070" s="1" t="s">
        <v>33957</v>
      </c>
      <c r="E13070" s="1" t="s">
        <v>49962</v>
      </c>
      <c r="F13070" s="1" t="s">
        <v>49963</v>
      </c>
      <c r="G13070" s="1" t="s">
        <v>49964</v>
      </c>
      <c r="H13070" s="1" t="s">
        <v>49965</v>
      </c>
      <c r="I13070" s="1" t="s">
        <v>47531</v>
      </c>
      <c r="J13070" s="1" t="s">
        <v>13</v>
      </c>
    </row>
    <row r="13071" spans="1:10" x14ac:dyDescent="0.35">
      <c r="A13071" s="1" t="s">
        <v>13958</v>
      </c>
      <c r="B13071" s="1" t="s">
        <v>47525</v>
      </c>
      <c r="C13071" s="1" t="s">
        <v>15</v>
      </c>
      <c r="D13071" s="1" t="s">
        <v>49966</v>
      </c>
      <c r="E13071" s="1" t="s">
        <v>49967</v>
      </c>
      <c r="F13071" s="1" t="s">
        <v>49968</v>
      </c>
      <c r="G13071" s="1" t="s">
        <v>49964</v>
      </c>
      <c r="H13071" s="1" t="s">
        <v>49965</v>
      </c>
      <c r="I13071" s="1" t="s">
        <v>47531</v>
      </c>
      <c r="J13071" s="1" t="s">
        <v>49969</v>
      </c>
    </row>
    <row r="13072" spans="1:10" x14ac:dyDescent="0.35">
      <c r="A13072" s="1" t="s">
        <v>13958</v>
      </c>
      <c r="B13072" s="1" t="s">
        <v>47525</v>
      </c>
      <c r="C13072" s="1" t="s">
        <v>20</v>
      </c>
      <c r="D13072" s="1" t="s">
        <v>4614</v>
      </c>
      <c r="E13072" s="1" t="s">
        <v>49970</v>
      </c>
      <c r="F13072" s="1" t="s">
        <v>49971</v>
      </c>
      <c r="G13072" s="1" t="s">
        <v>49964</v>
      </c>
      <c r="H13072" s="1" t="s">
        <v>49965</v>
      </c>
      <c r="I13072" s="1" t="s">
        <v>47531</v>
      </c>
      <c r="J13072" s="1" t="s">
        <v>49972</v>
      </c>
    </row>
    <row r="13073" spans="1:10" x14ac:dyDescent="0.35">
      <c r="A13073" s="1" t="s">
        <v>13958</v>
      </c>
      <c r="B13073" s="1" t="s">
        <v>47525</v>
      </c>
      <c r="C13073" s="1" t="s">
        <v>25</v>
      </c>
      <c r="D13073" s="1" t="s">
        <v>49973</v>
      </c>
      <c r="E13073" s="1" t="s">
        <v>49974</v>
      </c>
      <c r="F13073" s="1" t="s">
        <v>49975</v>
      </c>
      <c r="G13073" s="1" t="s">
        <v>49964</v>
      </c>
      <c r="H13073" s="1" t="s">
        <v>49965</v>
      </c>
      <c r="I13073" s="1" t="s">
        <v>47531</v>
      </c>
      <c r="J13073" s="1" t="s">
        <v>49976</v>
      </c>
    </row>
    <row r="13074" spans="1:10" x14ac:dyDescent="0.35">
      <c r="A13074" s="1" t="s">
        <v>13958</v>
      </c>
      <c r="B13074" s="1" t="s">
        <v>47525</v>
      </c>
      <c r="C13074" s="1" t="s">
        <v>30</v>
      </c>
      <c r="D13074" s="1" t="s">
        <v>49977</v>
      </c>
      <c r="E13074" s="1" t="s">
        <v>49978</v>
      </c>
      <c r="F13074" s="1" t="s">
        <v>49979</v>
      </c>
      <c r="G13074" s="1" t="s">
        <v>49964</v>
      </c>
      <c r="H13074" s="1" t="s">
        <v>49965</v>
      </c>
      <c r="I13074" s="1" t="s">
        <v>47531</v>
      </c>
      <c r="J13074" s="1" t="s">
        <v>49980</v>
      </c>
    </row>
    <row r="13075" spans="1:10" x14ac:dyDescent="0.35">
      <c r="A13075" s="1" t="s">
        <v>13958</v>
      </c>
      <c r="B13075" s="1" t="s">
        <v>47525</v>
      </c>
      <c r="C13075" s="1" t="s">
        <v>35</v>
      </c>
      <c r="D13075" s="1" t="s">
        <v>49981</v>
      </c>
      <c r="E13075" s="1" t="s">
        <v>49982</v>
      </c>
      <c r="F13075" s="1" t="s">
        <v>49983</v>
      </c>
      <c r="G13075" s="1" t="s">
        <v>49964</v>
      </c>
      <c r="H13075" s="1" t="s">
        <v>49965</v>
      </c>
      <c r="I13075" s="1" t="s">
        <v>47531</v>
      </c>
      <c r="J13075" s="1" t="s">
        <v>49984</v>
      </c>
    </row>
    <row r="13076" spans="1:10" x14ac:dyDescent="0.35">
      <c r="A13076" s="1" t="s">
        <v>13958</v>
      </c>
      <c r="B13076" s="1" t="s">
        <v>47525</v>
      </c>
      <c r="C13076" s="1" t="s">
        <v>40</v>
      </c>
      <c r="D13076" s="1" t="s">
        <v>49985</v>
      </c>
      <c r="E13076" s="1" t="s">
        <v>49986</v>
      </c>
      <c r="F13076" s="1" t="s">
        <v>49987</v>
      </c>
      <c r="G13076" s="1" t="s">
        <v>49964</v>
      </c>
      <c r="H13076" s="1" t="s">
        <v>49965</v>
      </c>
      <c r="I13076" s="1" t="s">
        <v>47531</v>
      </c>
      <c r="J13076" s="1" t="s">
        <v>49988</v>
      </c>
    </row>
    <row r="13077" spans="1:10" x14ac:dyDescent="0.35">
      <c r="A13077" s="1" t="s">
        <v>13958</v>
      </c>
      <c r="B13077" s="1" t="s">
        <v>47525</v>
      </c>
      <c r="C13077" s="1" t="s">
        <v>45</v>
      </c>
      <c r="D13077" s="1" t="s">
        <v>49989</v>
      </c>
      <c r="E13077" s="1" t="s">
        <v>49990</v>
      </c>
      <c r="F13077" s="1" t="s">
        <v>49991</v>
      </c>
      <c r="G13077" s="1" t="s">
        <v>49964</v>
      </c>
      <c r="H13077" s="1" t="s">
        <v>49965</v>
      </c>
      <c r="I13077" s="1" t="s">
        <v>47531</v>
      </c>
      <c r="J13077" s="1" t="s">
        <v>49992</v>
      </c>
    </row>
    <row r="13078" spans="1:10" x14ac:dyDescent="0.35">
      <c r="A13078" s="1" t="s">
        <v>13958</v>
      </c>
      <c r="B13078" s="1" t="s">
        <v>47525</v>
      </c>
      <c r="C13078" s="1" t="s">
        <v>50</v>
      </c>
      <c r="D13078" s="1" t="s">
        <v>49993</v>
      </c>
      <c r="E13078" s="1" t="s">
        <v>49994</v>
      </c>
      <c r="F13078" s="1" t="s">
        <v>49995</v>
      </c>
      <c r="G13078" s="1" t="s">
        <v>49964</v>
      </c>
      <c r="H13078" s="1" t="s">
        <v>49965</v>
      </c>
      <c r="I13078" s="1" t="s">
        <v>47531</v>
      </c>
      <c r="J13078" s="1" t="s">
        <v>49996</v>
      </c>
    </row>
    <row r="13079" spans="1:10" x14ac:dyDescent="0.35">
      <c r="A13079" s="1" t="s">
        <v>13958</v>
      </c>
      <c r="B13079" s="1" t="s">
        <v>47525</v>
      </c>
      <c r="C13079" s="1" t="s">
        <v>55</v>
      </c>
      <c r="D13079" s="1" t="s">
        <v>49997</v>
      </c>
      <c r="E13079" s="1" t="s">
        <v>49998</v>
      </c>
      <c r="F13079" s="1" t="s">
        <v>49999</v>
      </c>
      <c r="G13079" s="1" t="s">
        <v>49964</v>
      </c>
      <c r="H13079" s="1" t="s">
        <v>49965</v>
      </c>
      <c r="I13079" s="1" t="s">
        <v>47531</v>
      </c>
      <c r="J13079" s="1" t="s">
        <v>50000</v>
      </c>
    </row>
    <row r="13080" spans="1:10" x14ac:dyDescent="0.35">
      <c r="A13080" s="1" t="s">
        <v>13958</v>
      </c>
      <c r="B13080" s="1" t="s">
        <v>47525</v>
      </c>
      <c r="C13080" s="1" t="s">
        <v>60</v>
      </c>
      <c r="D13080" s="1" t="s">
        <v>50001</v>
      </c>
      <c r="E13080" s="1" t="s">
        <v>50002</v>
      </c>
      <c r="F13080" s="1" t="s">
        <v>50003</v>
      </c>
      <c r="G13080" s="1" t="s">
        <v>49964</v>
      </c>
      <c r="H13080" s="1" t="s">
        <v>49965</v>
      </c>
      <c r="I13080" s="1" t="s">
        <v>47531</v>
      </c>
      <c r="J13080" s="1" t="s">
        <v>50004</v>
      </c>
    </row>
    <row r="13081" spans="1:10" x14ac:dyDescent="0.35">
      <c r="A13081" s="1" t="s">
        <v>13958</v>
      </c>
      <c r="B13081" s="1" t="s">
        <v>47525</v>
      </c>
      <c r="C13081" s="1" t="s">
        <v>65</v>
      </c>
      <c r="D13081" s="1" t="s">
        <v>47871</v>
      </c>
      <c r="E13081" s="1" t="s">
        <v>50005</v>
      </c>
      <c r="F13081" s="1" t="s">
        <v>50006</v>
      </c>
      <c r="G13081" s="1" t="s">
        <v>49964</v>
      </c>
      <c r="H13081" s="1" t="s">
        <v>49965</v>
      </c>
      <c r="I13081" s="1" t="s">
        <v>47531</v>
      </c>
      <c r="J13081" s="1" t="s">
        <v>50007</v>
      </c>
    </row>
    <row r="13082" spans="1:10" x14ac:dyDescent="0.35">
      <c r="A13082" s="1" t="s">
        <v>13958</v>
      </c>
      <c r="B13082" s="1" t="s">
        <v>47525</v>
      </c>
      <c r="C13082" s="1" t="s">
        <v>70</v>
      </c>
      <c r="D13082" s="1" t="s">
        <v>50008</v>
      </c>
      <c r="E13082" s="1" t="s">
        <v>50009</v>
      </c>
      <c r="F13082" s="1" t="s">
        <v>50010</v>
      </c>
      <c r="G13082" s="1" t="s">
        <v>49964</v>
      </c>
      <c r="H13082" s="1" t="s">
        <v>49965</v>
      </c>
      <c r="I13082" s="1" t="s">
        <v>47531</v>
      </c>
      <c r="J13082" s="1" t="s">
        <v>50011</v>
      </c>
    </row>
    <row r="13083" spans="1:10" x14ac:dyDescent="0.35">
      <c r="A13083" s="1" t="s">
        <v>13958</v>
      </c>
      <c r="B13083" s="1" t="s">
        <v>47525</v>
      </c>
      <c r="C13083" s="1" t="s">
        <v>75</v>
      </c>
      <c r="D13083" s="1" t="s">
        <v>50012</v>
      </c>
      <c r="E13083" s="1" t="s">
        <v>50013</v>
      </c>
      <c r="F13083" s="1" t="s">
        <v>50014</v>
      </c>
      <c r="G13083" s="1" t="s">
        <v>49964</v>
      </c>
      <c r="H13083" s="1" t="s">
        <v>49965</v>
      </c>
      <c r="I13083" s="1" t="s">
        <v>47531</v>
      </c>
      <c r="J13083" s="1" t="s">
        <v>50015</v>
      </c>
    </row>
    <row r="13084" spans="1:10" x14ac:dyDescent="0.35">
      <c r="A13084" s="1" t="s">
        <v>13958</v>
      </c>
      <c r="B13084" s="1" t="s">
        <v>47525</v>
      </c>
      <c r="C13084" s="1" t="s">
        <v>80</v>
      </c>
      <c r="D13084" s="1" t="s">
        <v>50016</v>
      </c>
      <c r="E13084" s="1" t="s">
        <v>50017</v>
      </c>
      <c r="F13084" s="1" t="s">
        <v>50018</v>
      </c>
      <c r="G13084" s="1" t="s">
        <v>49964</v>
      </c>
      <c r="H13084" s="1" t="s">
        <v>49965</v>
      </c>
      <c r="I13084" s="1" t="s">
        <v>47531</v>
      </c>
      <c r="J13084" s="1" t="s">
        <v>50019</v>
      </c>
    </row>
    <row r="13085" spans="1:10" x14ac:dyDescent="0.35">
      <c r="A13085" s="1" t="s">
        <v>13958</v>
      </c>
      <c r="B13085" s="1" t="s">
        <v>47525</v>
      </c>
      <c r="C13085" s="1" t="s">
        <v>85</v>
      </c>
      <c r="D13085" s="1" t="s">
        <v>50020</v>
      </c>
      <c r="E13085" s="1" t="s">
        <v>50021</v>
      </c>
      <c r="F13085" s="1" t="s">
        <v>50022</v>
      </c>
      <c r="G13085" s="1" t="s">
        <v>49964</v>
      </c>
      <c r="H13085" s="1" t="s">
        <v>49965</v>
      </c>
      <c r="I13085" s="1" t="s">
        <v>47531</v>
      </c>
      <c r="J13085" s="1" t="s">
        <v>50023</v>
      </c>
    </row>
    <row r="13086" spans="1:10" x14ac:dyDescent="0.35">
      <c r="A13086" s="1" t="s">
        <v>13958</v>
      </c>
      <c r="B13086" s="1" t="s">
        <v>47525</v>
      </c>
      <c r="C13086" s="1" t="s">
        <v>90</v>
      </c>
      <c r="D13086" s="1" t="s">
        <v>17029</v>
      </c>
      <c r="E13086" s="1" t="s">
        <v>50024</v>
      </c>
      <c r="F13086" s="1" t="s">
        <v>50025</v>
      </c>
      <c r="G13086" s="1" t="s">
        <v>49964</v>
      </c>
      <c r="H13086" s="1" t="s">
        <v>49965</v>
      </c>
      <c r="I13086" s="1" t="s">
        <v>47531</v>
      </c>
      <c r="J13086" s="1" t="s">
        <v>50026</v>
      </c>
    </row>
    <row r="13087" spans="1:10" x14ac:dyDescent="0.35">
      <c r="A13087" s="1" t="s">
        <v>13958</v>
      </c>
      <c r="B13087" s="1" t="s">
        <v>47525</v>
      </c>
      <c r="C13087" s="1" t="s">
        <v>95</v>
      </c>
      <c r="D13087" s="1" t="s">
        <v>50027</v>
      </c>
      <c r="E13087" s="1" t="s">
        <v>50028</v>
      </c>
      <c r="F13087" s="1" t="s">
        <v>50029</v>
      </c>
      <c r="G13087" s="1" t="s">
        <v>49964</v>
      </c>
      <c r="H13087" s="1" t="s">
        <v>49965</v>
      </c>
      <c r="I13087" s="1" t="s">
        <v>47531</v>
      </c>
      <c r="J13087" s="1" t="s">
        <v>50030</v>
      </c>
    </row>
    <row r="13088" spans="1:10" x14ac:dyDescent="0.35">
      <c r="A13088" s="1" t="s">
        <v>13958</v>
      </c>
      <c r="B13088" s="1" t="s">
        <v>47525</v>
      </c>
      <c r="C13088" s="1" t="s">
        <v>100</v>
      </c>
      <c r="D13088" s="1" t="s">
        <v>46527</v>
      </c>
      <c r="E13088" s="1" t="s">
        <v>50031</v>
      </c>
      <c r="F13088" s="1" t="s">
        <v>50032</v>
      </c>
      <c r="G13088" s="1" t="s">
        <v>49964</v>
      </c>
      <c r="H13088" s="1" t="s">
        <v>49965</v>
      </c>
      <c r="I13088" s="1" t="s">
        <v>47531</v>
      </c>
      <c r="J13088" s="1" t="s">
        <v>50033</v>
      </c>
    </row>
    <row r="13089" spans="1:10" x14ac:dyDescent="0.35">
      <c r="A13089" s="1" t="s">
        <v>13958</v>
      </c>
      <c r="B13089" s="1" t="s">
        <v>47525</v>
      </c>
      <c r="C13089" s="1" t="s">
        <v>105</v>
      </c>
      <c r="D13089" s="1" t="s">
        <v>936</v>
      </c>
      <c r="E13089" s="1" t="s">
        <v>50034</v>
      </c>
      <c r="F13089" s="1" t="s">
        <v>50035</v>
      </c>
      <c r="G13089" s="1" t="s">
        <v>49964</v>
      </c>
      <c r="H13089" s="1" t="s">
        <v>49965</v>
      </c>
      <c r="I13089" s="1" t="s">
        <v>47531</v>
      </c>
      <c r="J13089" s="1" t="s">
        <v>50036</v>
      </c>
    </row>
    <row r="13090" spans="1:10" x14ac:dyDescent="0.35">
      <c r="A13090" s="1" t="s">
        <v>13958</v>
      </c>
      <c r="B13090" s="1" t="s">
        <v>47525</v>
      </c>
      <c r="C13090" s="1" t="s">
        <v>110</v>
      </c>
      <c r="D13090" s="1" t="s">
        <v>50037</v>
      </c>
      <c r="E13090" s="1" t="s">
        <v>50038</v>
      </c>
      <c r="F13090" s="1" t="s">
        <v>50039</v>
      </c>
      <c r="G13090" s="1" t="s">
        <v>49964</v>
      </c>
      <c r="H13090" s="1" t="s">
        <v>49965</v>
      </c>
      <c r="I13090" s="1" t="s">
        <v>47531</v>
      </c>
      <c r="J13090" s="1" t="s">
        <v>50040</v>
      </c>
    </row>
    <row r="13091" spans="1:10" x14ac:dyDescent="0.35">
      <c r="A13091" s="1" t="s">
        <v>13958</v>
      </c>
      <c r="B13091" s="1" t="s">
        <v>47525</v>
      </c>
      <c r="C13091" s="1" t="s">
        <v>115</v>
      </c>
      <c r="D13091" s="1" t="s">
        <v>50041</v>
      </c>
      <c r="E13091" s="1" t="s">
        <v>50042</v>
      </c>
      <c r="F13091" s="1" t="s">
        <v>50043</v>
      </c>
      <c r="G13091" s="1" t="s">
        <v>49964</v>
      </c>
      <c r="H13091" s="1" t="s">
        <v>49965</v>
      </c>
      <c r="I13091" s="1" t="s">
        <v>47531</v>
      </c>
      <c r="J13091" s="1" t="s">
        <v>50044</v>
      </c>
    </row>
    <row r="13092" spans="1:10" x14ac:dyDescent="0.35">
      <c r="A13092" s="1" t="s">
        <v>13958</v>
      </c>
      <c r="B13092" s="1" t="s">
        <v>47525</v>
      </c>
      <c r="C13092" s="1" t="s">
        <v>120</v>
      </c>
      <c r="D13092" s="1" t="s">
        <v>50045</v>
      </c>
      <c r="E13092" s="1" t="s">
        <v>50046</v>
      </c>
      <c r="F13092" s="1" t="s">
        <v>50047</v>
      </c>
      <c r="G13092" s="1" t="s">
        <v>49964</v>
      </c>
      <c r="H13092" s="1" t="s">
        <v>49965</v>
      </c>
      <c r="I13092" s="1" t="s">
        <v>47531</v>
      </c>
      <c r="J13092" s="1" t="s">
        <v>50048</v>
      </c>
    </row>
    <row r="13093" spans="1:10" x14ac:dyDescent="0.35">
      <c r="A13093" s="1" t="s">
        <v>13958</v>
      </c>
      <c r="B13093" s="1" t="s">
        <v>47525</v>
      </c>
      <c r="C13093" s="1" t="s">
        <v>125</v>
      </c>
      <c r="D13093" s="1" t="s">
        <v>50049</v>
      </c>
      <c r="E13093" s="1" t="s">
        <v>50050</v>
      </c>
      <c r="F13093" s="1" t="s">
        <v>50051</v>
      </c>
      <c r="G13093" s="1" t="s">
        <v>49964</v>
      </c>
      <c r="H13093" s="1" t="s">
        <v>49965</v>
      </c>
      <c r="I13093" s="1" t="s">
        <v>47531</v>
      </c>
      <c r="J13093" s="1" t="s">
        <v>50052</v>
      </c>
    </row>
    <row r="13094" spans="1:10" x14ac:dyDescent="0.35">
      <c r="A13094" s="1" t="s">
        <v>13958</v>
      </c>
      <c r="B13094" s="1" t="s">
        <v>47525</v>
      </c>
      <c r="C13094" s="1" t="s">
        <v>130</v>
      </c>
      <c r="D13094" s="1" t="s">
        <v>50053</v>
      </c>
      <c r="E13094" s="1" t="s">
        <v>50054</v>
      </c>
      <c r="F13094" s="1" t="s">
        <v>50055</v>
      </c>
      <c r="G13094" s="1" t="s">
        <v>49964</v>
      </c>
      <c r="H13094" s="1" t="s">
        <v>49965</v>
      </c>
      <c r="I13094" s="1" t="s">
        <v>47531</v>
      </c>
      <c r="J13094" s="1" t="s">
        <v>50056</v>
      </c>
    </row>
    <row r="13095" spans="1:10" x14ac:dyDescent="0.35">
      <c r="A13095" s="1" t="s">
        <v>13958</v>
      </c>
      <c r="B13095" s="1" t="s">
        <v>47525</v>
      </c>
      <c r="C13095" s="1" t="s">
        <v>135</v>
      </c>
      <c r="D13095" s="1" t="s">
        <v>50057</v>
      </c>
      <c r="E13095" s="1" t="s">
        <v>50058</v>
      </c>
      <c r="F13095" s="1" t="s">
        <v>50059</v>
      </c>
      <c r="G13095" s="1" t="s">
        <v>49964</v>
      </c>
      <c r="H13095" s="1" t="s">
        <v>49965</v>
      </c>
      <c r="I13095" s="1" t="s">
        <v>47531</v>
      </c>
      <c r="J13095" s="1" t="s">
        <v>50060</v>
      </c>
    </row>
    <row r="13096" spans="1:10" x14ac:dyDescent="0.35">
      <c r="A13096" s="1" t="s">
        <v>13958</v>
      </c>
      <c r="B13096" s="1" t="s">
        <v>47525</v>
      </c>
      <c r="C13096" s="1" t="s">
        <v>140</v>
      </c>
      <c r="D13096" s="1" t="s">
        <v>50061</v>
      </c>
      <c r="E13096" s="1" t="s">
        <v>50062</v>
      </c>
      <c r="F13096" s="1" t="s">
        <v>50063</v>
      </c>
      <c r="G13096" s="1" t="s">
        <v>49964</v>
      </c>
      <c r="H13096" s="1" t="s">
        <v>49965</v>
      </c>
      <c r="I13096" s="1" t="s">
        <v>47531</v>
      </c>
      <c r="J13096" s="1" t="s">
        <v>50064</v>
      </c>
    </row>
    <row r="13097" spans="1:10" x14ac:dyDescent="0.35">
      <c r="A13097" s="1" t="s">
        <v>13958</v>
      </c>
      <c r="B13097" s="1" t="s">
        <v>47525</v>
      </c>
      <c r="C13097" s="1" t="s">
        <v>145</v>
      </c>
      <c r="D13097" s="1" t="s">
        <v>50065</v>
      </c>
      <c r="E13097" s="1" t="s">
        <v>50066</v>
      </c>
      <c r="F13097" s="1" t="s">
        <v>50067</v>
      </c>
      <c r="G13097" s="1" t="s">
        <v>49964</v>
      </c>
      <c r="H13097" s="1" t="s">
        <v>49965</v>
      </c>
      <c r="I13097" s="1" t="s">
        <v>47531</v>
      </c>
      <c r="J13097" s="1" t="s">
        <v>50068</v>
      </c>
    </row>
    <row r="13098" spans="1:10" x14ac:dyDescent="0.35">
      <c r="A13098" s="1" t="s">
        <v>13958</v>
      </c>
      <c r="B13098" s="1" t="s">
        <v>47525</v>
      </c>
      <c r="C13098" s="1" t="s">
        <v>150</v>
      </c>
      <c r="D13098" s="1" t="s">
        <v>50069</v>
      </c>
      <c r="E13098" s="1" t="s">
        <v>50070</v>
      </c>
      <c r="F13098" s="1" t="s">
        <v>50071</v>
      </c>
      <c r="G13098" s="1" t="s">
        <v>49964</v>
      </c>
      <c r="H13098" s="1" t="s">
        <v>49965</v>
      </c>
      <c r="I13098" s="1" t="s">
        <v>47531</v>
      </c>
      <c r="J13098" s="1" t="s">
        <v>50072</v>
      </c>
    </row>
    <row r="13099" spans="1:10" x14ac:dyDescent="0.35">
      <c r="A13099" s="1" t="s">
        <v>13958</v>
      </c>
      <c r="B13099" s="1" t="s">
        <v>47525</v>
      </c>
      <c r="C13099" s="1" t="s">
        <v>155</v>
      </c>
      <c r="D13099" s="1" t="s">
        <v>50073</v>
      </c>
      <c r="E13099" s="1" t="s">
        <v>50074</v>
      </c>
      <c r="F13099" s="1" t="s">
        <v>50075</v>
      </c>
      <c r="G13099" s="1" t="s">
        <v>49964</v>
      </c>
      <c r="H13099" s="1" t="s">
        <v>49965</v>
      </c>
      <c r="I13099" s="1" t="s">
        <v>47531</v>
      </c>
      <c r="J13099" s="1" t="s">
        <v>50076</v>
      </c>
    </row>
    <row r="13100" spans="1:10" x14ac:dyDescent="0.35">
      <c r="A13100" s="1" t="s">
        <v>13958</v>
      </c>
      <c r="B13100" s="1" t="s">
        <v>47525</v>
      </c>
      <c r="C13100" s="1" t="s">
        <v>160</v>
      </c>
      <c r="D13100" s="1" t="s">
        <v>50077</v>
      </c>
      <c r="E13100" s="1" t="s">
        <v>50078</v>
      </c>
      <c r="F13100" s="1" t="s">
        <v>50079</v>
      </c>
      <c r="G13100" s="1" t="s">
        <v>49964</v>
      </c>
      <c r="H13100" s="1" t="s">
        <v>49965</v>
      </c>
      <c r="I13100" s="1" t="s">
        <v>47531</v>
      </c>
      <c r="J13100" s="1" t="s">
        <v>50080</v>
      </c>
    </row>
    <row r="13101" spans="1:10" x14ac:dyDescent="0.35">
      <c r="A13101" s="1" t="s">
        <v>13958</v>
      </c>
      <c r="B13101" s="1" t="s">
        <v>47525</v>
      </c>
      <c r="C13101" s="1" t="s">
        <v>165</v>
      </c>
      <c r="D13101" s="1" t="s">
        <v>50081</v>
      </c>
      <c r="E13101" s="1" t="s">
        <v>50082</v>
      </c>
      <c r="F13101" s="1" t="s">
        <v>50083</v>
      </c>
      <c r="G13101" s="1" t="s">
        <v>49964</v>
      </c>
      <c r="H13101" s="1" t="s">
        <v>49965</v>
      </c>
      <c r="I13101" s="1" t="s">
        <v>47531</v>
      </c>
      <c r="J13101" s="1" t="s">
        <v>50084</v>
      </c>
    </row>
    <row r="13102" spans="1:10" x14ac:dyDescent="0.35">
      <c r="A13102" s="1" t="s">
        <v>13958</v>
      </c>
      <c r="B13102" s="1" t="s">
        <v>47525</v>
      </c>
      <c r="C13102" s="1" t="s">
        <v>170</v>
      </c>
      <c r="D13102" s="1" t="s">
        <v>50085</v>
      </c>
      <c r="E13102" s="1" t="s">
        <v>50086</v>
      </c>
      <c r="F13102" s="1" t="s">
        <v>50087</v>
      </c>
      <c r="G13102" s="1" t="s">
        <v>49964</v>
      </c>
      <c r="H13102" s="1" t="s">
        <v>49965</v>
      </c>
      <c r="I13102" s="1" t="s">
        <v>47531</v>
      </c>
      <c r="J13102" s="1" t="s">
        <v>50088</v>
      </c>
    </row>
    <row r="13103" spans="1:10" x14ac:dyDescent="0.35">
      <c r="A13103" s="1" t="s">
        <v>50089</v>
      </c>
      <c r="B13103" s="1" t="s">
        <v>47525</v>
      </c>
      <c r="C13103" s="1" t="s">
        <v>8</v>
      </c>
      <c r="D13103" s="1" t="s">
        <v>50090</v>
      </c>
      <c r="E13103" s="1" t="s">
        <v>50091</v>
      </c>
      <c r="F13103" s="1" t="s">
        <v>50092</v>
      </c>
      <c r="G13103" s="1" t="s">
        <v>50093</v>
      </c>
      <c r="H13103" s="1" t="s">
        <v>50094</v>
      </c>
      <c r="I13103" s="1" t="s">
        <v>47531</v>
      </c>
      <c r="J13103" s="1" t="s">
        <v>13</v>
      </c>
    </row>
    <row r="13104" spans="1:10" x14ac:dyDescent="0.35">
      <c r="A13104" s="1" t="s">
        <v>50089</v>
      </c>
      <c r="B13104" s="1" t="s">
        <v>47525</v>
      </c>
      <c r="C13104" s="1" t="s">
        <v>15</v>
      </c>
      <c r="D13104" s="1" t="s">
        <v>4090</v>
      </c>
      <c r="E13104" s="1" t="s">
        <v>50095</v>
      </c>
      <c r="F13104" s="1" t="s">
        <v>50096</v>
      </c>
      <c r="G13104" s="1" t="s">
        <v>50093</v>
      </c>
      <c r="H13104" s="1" t="s">
        <v>50094</v>
      </c>
      <c r="I13104" s="1" t="s">
        <v>47531</v>
      </c>
      <c r="J13104" s="1" t="s">
        <v>50097</v>
      </c>
    </row>
    <row r="13105" spans="1:10" x14ac:dyDescent="0.35">
      <c r="A13105" s="1" t="s">
        <v>50089</v>
      </c>
      <c r="B13105" s="1" t="s">
        <v>47525</v>
      </c>
      <c r="C13105" s="1" t="s">
        <v>20</v>
      </c>
      <c r="D13105" s="1" t="s">
        <v>50098</v>
      </c>
      <c r="E13105" s="1" t="s">
        <v>50099</v>
      </c>
      <c r="F13105" s="1" t="s">
        <v>50100</v>
      </c>
      <c r="G13105" s="1" t="s">
        <v>50093</v>
      </c>
      <c r="H13105" s="1" t="s">
        <v>50094</v>
      </c>
      <c r="I13105" s="1" t="s">
        <v>47531</v>
      </c>
      <c r="J13105" s="1" t="s">
        <v>50101</v>
      </c>
    </row>
    <row r="13106" spans="1:10" x14ac:dyDescent="0.35">
      <c r="A13106" s="1" t="s">
        <v>50089</v>
      </c>
      <c r="B13106" s="1" t="s">
        <v>47525</v>
      </c>
      <c r="C13106" s="1" t="s">
        <v>25</v>
      </c>
      <c r="D13106" s="1" t="s">
        <v>50102</v>
      </c>
      <c r="E13106" s="1" t="s">
        <v>50103</v>
      </c>
      <c r="F13106" s="1" t="s">
        <v>50104</v>
      </c>
      <c r="G13106" s="1" t="s">
        <v>50093</v>
      </c>
      <c r="H13106" s="1" t="s">
        <v>50094</v>
      </c>
      <c r="I13106" s="1" t="s">
        <v>47531</v>
      </c>
      <c r="J13106" s="1" t="s">
        <v>50105</v>
      </c>
    </row>
    <row r="13107" spans="1:10" x14ac:dyDescent="0.35">
      <c r="A13107" s="1" t="s">
        <v>50089</v>
      </c>
      <c r="B13107" s="1" t="s">
        <v>47525</v>
      </c>
      <c r="C13107" s="1" t="s">
        <v>30</v>
      </c>
      <c r="D13107" s="1" t="s">
        <v>50106</v>
      </c>
      <c r="E13107" s="1" t="s">
        <v>50107</v>
      </c>
      <c r="F13107" s="1" t="s">
        <v>50108</v>
      </c>
      <c r="G13107" s="1" t="s">
        <v>50093</v>
      </c>
      <c r="H13107" s="1" t="s">
        <v>50094</v>
      </c>
      <c r="I13107" s="1" t="s">
        <v>47531</v>
      </c>
      <c r="J13107" s="1" t="s">
        <v>50109</v>
      </c>
    </row>
    <row r="13108" spans="1:10" x14ac:dyDescent="0.35">
      <c r="A13108" s="1" t="s">
        <v>50089</v>
      </c>
      <c r="B13108" s="1" t="s">
        <v>47525</v>
      </c>
      <c r="C13108" s="1" t="s">
        <v>35</v>
      </c>
      <c r="D13108" s="1" t="s">
        <v>6543</v>
      </c>
      <c r="E13108" s="1" t="s">
        <v>50110</v>
      </c>
      <c r="F13108" s="1" t="s">
        <v>50111</v>
      </c>
      <c r="G13108" s="1" t="s">
        <v>50093</v>
      </c>
      <c r="H13108" s="1" t="s">
        <v>50094</v>
      </c>
      <c r="I13108" s="1" t="s">
        <v>47531</v>
      </c>
      <c r="J13108" s="1" t="s">
        <v>50112</v>
      </c>
    </row>
    <row r="13109" spans="1:10" x14ac:dyDescent="0.35">
      <c r="A13109" s="1" t="s">
        <v>50089</v>
      </c>
      <c r="B13109" s="1" t="s">
        <v>47525</v>
      </c>
      <c r="C13109" s="1" t="s">
        <v>40</v>
      </c>
      <c r="D13109" s="1" t="s">
        <v>50113</v>
      </c>
      <c r="E13109" s="1" t="s">
        <v>50114</v>
      </c>
      <c r="F13109" s="1" t="s">
        <v>50115</v>
      </c>
      <c r="G13109" s="1" t="s">
        <v>50093</v>
      </c>
      <c r="H13109" s="1" t="s">
        <v>50094</v>
      </c>
      <c r="I13109" s="1" t="s">
        <v>47531</v>
      </c>
      <c r="J13109" s="1" t="s">
        <v>50116</v>
      </c>
    </row>
    <row r="13110" spans="1:10" x14ac:dyDescent="0.35">
      <c r="A13110" s="1" t="s">
        <v>50089</v>
      </c>
      <c r="B13110" s="1" t="s">
        <v>47525</v>
      </c>
      <c r="C13110" s="1" t="s">
        <v>45</v>
      </c>
      <c r="D13110" s="1" t="s">
        <v>50117</v>
      </c>
      <c r="E13110" s="1" t="s">
        <v>50118</v>
      </c>
      <c r="F13110" s="1" t="s">
        <v>50119</v>
      </c>
      <c r="G13110" s="1" t="s">
        <v>50093</v>
      </c>
      <c r="H13110" s="1" t="s">
        <v>50094</v>
      </c>
      <c r="I13110" s="1" t="s">
        <v>47531</v>
      </c>
      <c r="J13110" s="1" t="s">
        <v>50120</v>
      </c>
    </row>
    <row r="13111" spans="1:10" x14ac:dyDescent="0.35">
      <c r="A13111" s="1" t="s">
        <v>50089</v>
      </c>
      <c r="B13111" s="1" t="s">
        <v>47525</v>
      </c>
      <c r="C13111" s="1" t="s">
        <v>50</v>
      </c>
      <c r="D13111" s="1" t="s">
        <v>37299</v>
      </c>
      <c r="E13111" s="1" t="s">
        <v>50121</v>
      </c>
      <c r="F13111" s="1" t="s">
        <v>50122</v>
      </c>
      <c r="G13111" s="1" t="s">
        <v>50093</v>
      </c>
      <c r="H13111" s="1" t="s">
        <v>50094</v>
      </c>
      <c r="I13111" s="1" t="s">
        <v>47531</v>
      </c>
      <c r="J13111" s="1" t="s">
        <v>50123</v>
      </c>
    </row>
    <row r="13112" spans="1:10" x14ac:dyDescent="0.35">
      <c r="A13112" s="1" t="s">
        <v>50089</v>
      </c>
      <c r="B13112" s="1" t="s">
        <v>47525</v>
      </c>
      <c r="C13112" s="1" t="s">
        <v>55</v>
      </c>
      <c r="D13112" s="1" t="s">
        <v>10334</v>
      </c>
      <c r="E13112" s="1" t="s">
        <v>50124</v>
      </c>
      <c r="F13112" s="1" t="s">
        <v>50125</v>
      </c>
      <c r="G13112" s="1" t="s">
        <v>50093</v>
      </c>
      <c r="H13112" s="1" t="s">
        <v>50094</v>
      </c>
      <c r="I13112" s="1" t="s">
        <v>47531</v>
      </c>
      <c r="J13112" s="1" t="s">
        <v>50126</v>
      </c>
    </row>
    <row r="13113" spans="1:10" x14ac:dyDescent="0.35">
      <c r="A13113" s="1" t="s">
        <v>50089</v>
      </c>
      <c r="B13113" s="1" t="s">
        <v>47525</v>
      </c>
      <c r="C13113" s="1" t="s">
        <v>60</v>
      </c>
      <c r="D13113" s="1" t="s">
        <v>2398</v>
      </c>
      <c r="E13113" s="1" t="s">
        <v>50127</v>
      </c>
      <c r="F13113" s="1" t="s">
        <v>50128</v>
      </c>
      <c r="G13113" s="1" t="s">
        <v>50093</v>
      </c>
      <c r="H13113" s="1" t="s">
        <v>50094</v>
      </c>
      <c r="I13113" s="1" t="s">
        <v>47531</v>
      </c>
      <c r="J13113" s="1" t="s">
        <v>50129</v>
      </c>
    </row>
    <row r="13114" spans="1:10" x14ac:dyDescent="0.35">
      <c r="A13114" s="1" t="s">
        <v>50089</v>
      </c>
      <c r="B13114" s="1" t="s">
        <v>47525</v>
      </c>
      <c r="C13114" s="1" t="s">
        <v>65</v>
      </c>
      <c r="D13114" s="1" t="s">
        <v>48525</v>
      </c>
      <c r="E13114" s="1" t="s">
        <v>50130</v>
      </c>
      <c r="F13114" s="1" t="s">
        <v>50131</v>
      </c>
      <c r="G13114" s="1" t="s">
        <v>50093</v>
      </c>
      <c r="H13114" s="1" t="s">
        <v>50094</v>
      </c>
      <c r="I13114" s="1" t="s">
        <v>47531</v>
      </c>
      <c r="J13114" s="1" t="s">
        <v>50132</v>
      </c>
    </row>
    <row r="13115" spans="1:10" x14ac:dyDescent="0.35">
      <c r="A13115" s="1" t="s">
        <v>50089</v>
      </c>
      <c r="B13115" s="1" t="s">
        <v>47525</v>
      </c>
      <c r="C13115" s="1" t="s">
        <v>70</v>
      </c>
      <c r="D13115" s="1" t="s">
        <v>7606</v>
      </c>
      <c r="E13115" s="1" t="s">
        <v>50133</v>
      </c>
      <c r="F13115" s="1" t="s">
        <v>50134</v>
      </c>
      <c r="G13115" s="1" t="s">
        <v>50093</v>
      </c>
      <c r="H13115" s="1" t="s">
        <v>50094</v>
      </c>
      <c r="I13115" s="1" t="s">
        <v>47531</v>
      </c>
      <c r="J13115" s="1" t="s">
        <v>50135</v>
      </c>
    </row>
    <row r="13116" spans="1:10" x14ac:dyDescent="0.35">
      <c r="A13116" s="1" t="s">
        <v>50089</v>
      </c>
      <c r="B13116" s="1" t="s">
        <v>47525</v>
      </c>
      <c r="C13116" s="1" t="s">
        <v>75</v>
      </c>
      <c r="D13116" s="1" t="s">
        <v>50136</v>
      </c>
      <c r="E13116" s="1" t="s">
        <v>50137</v>
      </c>
      <c r="F13116" s="1" t="s">
        <v>50138</v>
      </c>
      <c r="G13116" s="1" t="s">
        <v>50093</v>
      </c>
      <c r="H13116" s="1" t="s">
        <v>50094</v>
      </c>
      <c r="I13116" s="1" t="s">
        <v>47531</v>
      </c>
      <c r="J13116" s="1" t="s">
        <v>50139</v>
      </c>
    </row>
    <row r="13117" spans="1:10" x14ac:dyDescent="0.35">
      <c r="A13117" s="1" t="s">
        <v>50089</v>
      </c>
      <c r="B13117" s="1" t="s">
        <v>47525</v>
      </c>
      <c r="C13117" s="1" t="s">
        <v>80</v>
      </c>
      <c r="D13117" s="1" t="s">
        <v>50140</v>
      </c>
      <c r="E13117" s="1" t="s">
        <v>50141</v>
      </c>
      <c r="F13117" s="1" t="s">
        <v>50142</v>
      </c>
      <c r="G13117" s="1" t="s">
        <v>50093</v>
      </c>
      <c r="H13117" s="1" t="s">
        <v>50094</v>
      </c>
      <c r="I13117" s="1" t="s">
        <v>47531</v>
      </c>
      <c r="J13117" s="1" t="s">
        <v>50143</v>
      </c>
    </row>
    <row r="13118" spans="1:10" x14ac:dyDescent="0.35">
      <c r="A13118" s="1" t="s">
        <v>50089</v>
      </c>
      <c r="B13118" s="1" t="s">
        <v>47525</v>
      </c>
      <c r="C13118" s="1" t="s">
        <v>85</v>
      </c>
      <c r="D13118" s="1" t="s">
        <v>50144</v>
      </c>
      <c r="E13118" s="1" t="s">
        <v>50145</v>
      </c>
      <c r="F13118" s="1" t="s">
        <v>50146</v>
      </c>
      <c r="G13118" s="1" t="s">
        <v>50093</v>
      </c>
      <c r="H13118" s="1" t="s">
        <v>50094</v>
      </c>
      <c r="I13118" s="1" t="s">
        <v>47531</v>
      </c>
      <c r="J13118" s="1" t="s">
        <v>50147</v>
      </c>
    </row>
    <row r="13119" spans="1:10" x14ac:dyDescent="0.35">
      <c r="A13119" s="1" t="s">
        <v>50089</v>
      </c>
      <c r="B13119" s="1" t="s">
        <v>47525</v>
      </c>
      <c r="C13119" s="1" t="s">
        <v>90</v>
      </c>
      <c r="D13119" s="1" t="s">
        <v>50148</v>
      </c>
      <c r="E13119" s="1" t="s">
        <v>50149</v>
      </c>
      <c r="F13119" s="1" t="s">
        <v>50150</v>
      </c>
      <c r="G13119" s="1" t="s">
        <v>50093</v>
      </c>
      <c r="H13119" s="1" t="s">
        <v>50094</v>
      </c>
      <c r="I13119" s="1" t="s">
        <v>47531</v>
      </c>
      <c r="J13119" s="1" t="s">
        <v>50151</v>
      </c>
    </row>
    <row r="13120" spans="1:10" x14ac:dyDescent="0.35">
      <c r="A13120" s="1" t="s">
        <v>50089</v>
      </c>
      <c r="B13120" s="1" t="s">
        <v>47525</v>
      </c>
      <c r="C13120" s="1" t="s">
        <v>95</v>
      </c>
      <c r="D13120" s="1" t="s">
        <v>50152</v>
      </c>
      <c r="E13120" s="1" t="s">
        <v>50153</v>
      </c>
      <c r="F13120" s="1" t="s">
        <v>50154</v>
      </c>
      <c r="G13120" s="1" t="s">
        <v>50093</v>
      </c>
      <c r="H13120" s="1" t="s">
        <v>50094</v>
      </c>
      <c r="I13120" s="1" t="s">
        <v>47531</v>
      </c>
      <c r="J13120" s="1" t="s">
        <v>50155</v>
      </c>
    </row>
    <row r="13121" spans="1:10" x14ac:dyDescent="0.35">
      <c r="A13121" s="1" t="s">
        <v>50089</v>
      </c>
      <c r="B13121" s="1" t="s">
        <v>47525</v>
      </c>
      <c r="C13121" s="1" t="s">
        <v>100</v>
      </c>
      <c r="D13121" s="1" t="s">
        <v>6600</v>
      </c>
      <c r="E13121" s="1" t="s">
        <v>50156</v>
      </c>
      <c r="F13121" s="1" t="s">
        <v>50157</v>
      </c>
      <c r="G13121" s="1" t="s">
        <v>50093</v>
      </c>
      <c r="H13121" s="1" t="s">
        <v>50094</v>
      </c>
      <c r="I13121" s="1" t="s">
        <v>47531</v>
      </c>
      <c r="J13121" s="1" t="s">
        <v>50158</v>
      </c>
    </row>
    <row r="13122" spans="1:10" x14ac:dyDescent="0.35">
      <c r="A13122" s="1" t="s">
        <v>50089</v>
      </c>
      <c r="B13122" s="1" t="s">
        <v>47525</v>
      </c>
      <c r="C13122" s="1" t="s">
        <v>105</v>
      </c>
      <c r="D13122" s="1" t="s">
        <v>50159</v>
      </c>
      <c r="E13122" s="1" t="s">
        <v>50160</v>
      </c>
      <c r="F13122" s="1" t="s">
        <v>50161</v>
      </c>
      <c r="G13122" s="1" t="s">
        <v>50093</v>
      </c>
      <c r="H13122" s="1" t="s">
        <v>50094</v>
      </c>
      <c r="I13122" s="1" t="s">
        <v>47531</v>
      </c>
      <c r="J13122" s="1" t="s">
        <v>50162</v>
      </c>
    </row>
    <row r="13123" spans="1:10" x14ac:dyDescent="0.35">
      <c r="A13123" s="1" t="s">
        <v>50089</v>
      </c>
      <c r="B13123" s="1" t="s">
        <v>47525</v>
      </c>
      <c r="C13123" s="1" t="s">
        <v>110</v>
      </c>
      <c r="D13123" s="1" t="s">
        <v>37299</v>
      </c>
      <c r="E13123" s="1" t="s">
        <v>50163</v>
      </c>
      <c r="F13123" s="1" t="s">
        <v>50164</v>
      </c>
      <c r="G13123" s="1" t="s">
        <v>50093</v>
      </c>
      <c r="H13123" s="1" t="s">
        <v>50094</v>
      </c>
      <c r="I13123" s="1" t="s">
        <v>47531</v>
      </c>
      <c r="J13123" s="1" t="s">
        <v>50165</v>
      </c>
    </row>
    <row r="13124" spans="1:10" x14ac:dyDescent="0.35">
      <c r="A13124" s="1" t="s">
        <v>50089</v>
      </c>
      <c r="B13124" s="1" t="s">
        <v>47525</v>
      </c>
      <c r="C13124" s="1" t="s">
        <v>115</v>
      </c>
      <c r="D13124" s="1" t="s">
        <v>50166</v>
      </c>
      <c r="E13124" s="1" t="s">
        <v>50167</v>
      </c>
      <c r="F13124" s="1" t="s">
        <v>50168</v>
      </c>
      <c r="G13124" s="1" t="s">
        <v>50093</v>
      </c>
      <c r="H13124" s="1" t="s">
        <v>50094</v>
      </c>
      <c r="I13124" s="1" t="s">
        <v>47531</v>
      </c>
      <c r="J13124" s="1" t="s">
        <v>50169</v>
      </c>
    </row>
    <row r="13125" spans="1:10" x14ac:dyDescent="0.35">
      <c r="A13125" s="1" t="s">
        <v>50089</v>
      </c>
      <c r="B13125" s="1" t="s">
        <v>47525</v>
      </c>
      <c r="C13125" s="1" t="s">
        <v>120</v>
      </c>
      <c r="D13125" s="1" t="s">
        <v>50170</v>
      </c>
      <c r="E13125" s="1" t="s">
        <v>50171</v>
      </c>
      <c r="F13125" s="1" t="s">
        <v>50172</v>
      </c>
      <c r="G13125" s="1" t="s">
        <v>50093</v>
      </c>
      <c r="H13125" s="1" t="s">
        <v>50094</v>
      </c>
      <c r="I13125" s="1" t="s">
        <v>47531</v>
      </c>
      <c r="J13125" s="1" t="s">
        <v>50173</v>
      </c>
    </row>
    <row r="13126" spans="1:10" x14ac:dyDescent="0.35">
      <c r="A13126" s="1" t="s">
        <v>50089</v>
      </c>
      <c r="B13126" s="1" t="s">
        <v>47525</v>
      </c>
      <c r="C13126" s="1" t="s">
        <v>125</v>
      </c>
      <c r="D13126" s="1" t="s">
        <v>50174</v>
      </c>
      <c r="E13126" s="1" t="s">
        <v>50175</v>
      </c>
      <c r="F13126" s="1" t="s">
        <v>50176</v>
      </c>
      <c r="G13126" s="1" t="s">
        <v>50093</v>
      </c>
      <c r="H13126" s="1" t="s">
        <v>50094</v>
      </c>
      <c r="I13126" s="1" t="s">
        <v>47531</v>
      </c>
      <c r="J13126" s="1" t="s">
        <v>50177</v>
      </c>
    </row>
    <row r="13127" spans="1:10" x14ac:dyDescent="0.35">
      <c r="A13127" s="1" t="s">
        <v>50089</v>
      </c>
      <c r="B13127" s="1" t="s">
        <v>47525</v>
      </c>
      <c r="C13127" s="1" t="s">
        <v>130</v>
      </c>
      <c r="D13127" s="1" t="s">
        <v>50178</v>
      </c>
      <c r="E13127" s="1" t="s">
        <v>50179</v>
      </c>
      <c r="F13127" s="1" t="s">
        <v>50180</v>
      </c>
      <c r="G13127" s="1" t="s">
        <v>50093</v>
      </c>
      <c r="H13127" s="1" t="s">
        <v>50094</v>
      </c>
      <c r="I13127" s="1" t="s">
        <v>47531</v>
      </c>
      <c r="J13127" s="1" t="s">
        <v>50181</v>
      </c>
    </row>
    <row r="13128" spans="1:10" x14ac:dyDescent="0.35">
      <c r="A13128" s="1" t="s">
        <v>50089</v>
      </c>
      <c r="B13128" s="1" t="s">
        <v>47525</v>
      </c>
      <c r="C13128" s="1" t="s">
        <v>135</v>
      </c>
      <c r="D13128" s="1" t="s">
        <v>5774</v>
      </c>
      <c r="E13128" s="1" t="s">
        <v>50182</v>
      </c>
      <c r="F13128" s="1" t="s">
        <v>50183</v>
      </c>
      <c r="G13128" s="1" t="s">
        <v>50093</v>
      </c>
      <c r="H13128" s="1" t="s">
        <v>50094</v>
      </c>
      <c r="I13128" s="1" t="s">
        <v>47531</v>
      </c>
      <c r="J13128" s="1" t="s">
        <v>50184</v>
      </c>
    </row>
    <row r="13129" spans="1:10" x14ac:dyDescent="0.35">
      <c r="A13129" s="1" t="s">
        <v>50089</v>
      </c>
      <c r="B13129" s="1" t="s">
        <v>47525</v>
      </c>
      <c r="C13129" s="1" t="s">
        <v>140</v>
      </c>
      <c r="D13129" s="1" t="s">
        <v>50185</v>
      </c>
      <c r="E13129" s="1" t="s">
        <v>50186</v>
      </c>
      <c r="F13129" s="1" t="s">
        <v>50187</v>
      </c>
      <c r="G13129" s="1" t="s">
        <v>50093</v>
      </c>
      <c r="H13129" s="1" t="s">
        <v>50094</v>
      </c>
      <c r="I13129" s="1" t="s">
        <v>47531</v>
      </c>
      <c r="J13129" s="1" t="s">
        <v>50188</v>
      </c>
    </row>
    <row r="13130" spans="1:10" x14ac:dyDescent="0.35">
      <c r="A13130" s="1" t="s">
        <v>50089</v>
      </c>
      <c r="B13130" s="1" t="s">
        <v>47525</v>
      </c>
      <c r="C13130" s="1" t="s">
        <v>145</v>
      </c>
      <c r="D13130" s="1" t="s">
        <v>48176</v>
      </c>
      <c r="E13130" s="1" t="s">
        <v>50189</v>
      </c>
      <c r="F13130" s="1" t="s">
        <v>50190</v>
      </c>
      <c r="G13130" s="1" t="s">
        <v>50093</v>
      </c>
      <c r="H13130" s="1" t="s">
        <v>50094</v>
      </c>
      <c r="I13130" s="1" t="s">
        <v>47531</v>
      </c>
      <c r="J13130" s="1" t="s">
        <v>50191</v>
      </c>
    </row>
    <row r="13131" spans="1:10" x14ac:dyDescent="0.35">
      <c r="A13131" s="1" t="s">
        <v>50089</v>
      </c>
      <c r="B13131" s="1" t="s">
        <v>47525</v>
      </c>
      <c r="C13131" s="1" t="s">
        <v>150</v>
      </c>
      <c r="D13131" s="1" t="s">
        <v>25786</v>
      </c>
      <c r="E13131" s="1" t="s">
        <v>50192</v>
      </c>
      <c r="F13131" s="1" t="s">
        <v>50193</v>
      </c>
      <c r="G13131" s="1" t="s">
        <v>50093</v>
      </c>
      <c r="H13131" s="1" t="s">
        <v>50094</v>
      </c>
      <c r="I13131" s="1" t="s">
        <v>47531</v>
      </c>
      <c r="J13131" s="1" t="s">
        <v>50194</v>
      </c>
    </row>
    <row r="13132" spans="1:10" x14ac:dyDescent="0.35">
      <c r="A13132" s="1" t="s">
        <v>50089</v>
      </c>
      <c r="B13132" s="1" t="s">
        <v>47525</v>
      </c>
      <c r="C13132" s="1" t="s">
        <v>155</v>
      </c>
      <c r="D13132" s="1" t="s">
        <v>50195</v>
      </c>
      <c r="E13132" s="1" t="s">
        <v>50196</v>
      </c>
      <c r="F13132" s="1" t="s">
        <v>50197</v>
      </c>
      <c r="G13132" s="1" t="s">
        <v>50093</v>
      </c>
      <c r="H13132" s="1" t="s">
        <v>50094</v>
      </c>
      <c r="I13132" s="1" t="s">
        <v>47531</v>
      </c>
      <c r="J13132" s="1" t="s">
        <v>50198</v>
      </c>
    </row>
    <row r="13133" spans="1:10" x14ac:dyDescent="0.35">
      <c r="A13133" s="1" t="s">
        <v>50089</v>
      </c>
      <c r="B13133" s="1" t="s">
        <v>47525</v>
      </c>
      <c r="C13133" s="1" t="s">
        <v>160</v>
      </c>
      <c r="D13133" s="1" t="s">
        <v>50199</v>
      </c>
      <c r="E13133" s="1" t="s">
        <v>50200</v>
      </c>
      <c r="F13133" s="1" t="s">
        <v>50201</v>
      </c>
      <c r="G13133" s="1" t="s">
        <v>50093</v>
      </c>
      <c r="H13133" s="1" t="s">
        <v>50094</v>
      </c>
      <c r="I13133" s="1" t="s">
        <v>47531</v>
      </c>
      <c r="J13133" s="1" t="s">
        <v>50202</v>
      </c>
    </row>
    <row r="13134" spans="1:10" x14ac:dyDescent="0.35">
      <c r="A13134" s="1" t="s">
        <v>50089</v>
      </c>
      <c r="B13134" s="1" t="s">
        <v>47525</v>
      </c>
      <c r="C13134" s="1" t="s">
        <v>165</v>
      </c>
      <c r="D13134" s="1" t="s">
        <v>50203</v>
      </c>
      <c r="E13134" s="1" t="s">
        <v>50204</v>
      </c>
      <c r="F13134" s="1" t="s">
        <v>50205</v>
      </c>
      <c r="G13134" s="1" t="s">
        <v>50093</v>
      </c>
      <c r="H13134" s="1" t="s">
        <v>50094</v>
      </c>
      <c r="I13134" s="1" t="s">
        <v>47531</v>
      </c>
      <c r="J13134" s="1" t="s">
        <v>50206</v>
      </c>
    </row>
    <row r="13135" spans="1:10" x14ac:dyDescent="0.35">
      <c r="A13135" s="1" t="s">
        <v>50089</v>
      </c>
      <c r="B13135" s="1" t="s">
        <v>47525</v>
      </c>
      <c r="C13135" s="1" t="s">
        <v>170</v>
      </c>
      <c r="D13135" s="1" t="s">
        <v>50207</v>
      </c>
      <c r="E13135" s="1" t="s">
        <v>50208</v>
      </c>
      <c r="F13135" s="1" t="s">
        <v>50209</v>
      </c>
      <c r="G13135" s="1" t="s">
        <v>50093</v>
      </c>
      <c r="H13135" s="1" t="s">
        <v>50094</v>
      </c>
      <c r="I13135" s="1" t="s">
        <v>47531</v>
      </c>
      <c r="J13135" s="1" t="s">
        <v>50210</v>
      </c>
    </row>
    <row r="13136" spans="1:10" x14ac:dyDescent="0.35">
      <c r="A13136" s="1" t="s">
        <v>50211</v>
      </c>
      <c r="B13136" s="1" t="s">
        <v>47525</v>
      </c>
      <c r="C13136" s="1" t="s">
        <v>8</v>
      </c>
      <c r="D13136" s="1" t="s">
        <v>50212</v>
      </c>
      <c r="E13136" s="1" t="s">
        <v>50213</v>
      </c>
      <c r="F13136" s="1" t="s">
        <v>50214</v>
      </c>
      <c r="G13136" s="1" t="s">
        <v>50215</v>
      </c>
      <c r="H13136" s="1" t="s">
        <v>50216</v>
      </c>
      <c r="I13136" s="1" t="s">
        <v>47531</v>
      </c>
      <c r="J13136" s="1" t="s">
        <v>13</v>
      </c>
    </row>
    <row r="13137" spans="1:10" x14ac:dyDescent="0.35">
      <c r="A13137" s="1" t="s">
        <v>50211</v>
      </c>
      <c r="B13137" s="1" t="s">
        <v>47525</v>
      </c>
      <c r="C13137" s="1" t="s">
        <v>15</v>
      </c>
      <c r="D13137" s="1" t="s">
        <v>19509</v>
      </c>
      <c r="E13137" s="1" t="s">
        <v>50217</v>
      </c>
      <c r="F13137" s="1" t="s">
        <v>50218</v>
      </c>
      <c r="G13137" s="1" t="s">
        <v>50215</v>
      </c>
      <c r="H13137" s="1" t="s">
        <v>50216</v>
      </c>
      <c r="I13137" s="1" t="s">
        <v>47531</v>
      </c>
      <c r="J13137" s="1" t="s">
        <v>50219</v>
      </c>
    </row>
    <row r="13138" spans="1:10" x14ac:dyDescent="0.35">
      <c r="A13138" s="1" t="s">
        <v>50211</v>
      </c>
      <c r="B13138" s="1" t="s">
        <v>47525</v>
      </c>
      <c r="C13138" s="1" t="s">
        <v>20</v>
      </c>
      <c r="D13138" s="1" t="s">
        <v>50220</v>
      </c>
      <c r="E13138" s="1" t="s">
        <v>50221</v>
      </c>
      <c r="F13138" s="1" t="s">
        <v>50222</v>
      </c>
      <c r="G13138" s="1" t="s">
        <v>50215</v>
      </c>
      <c r="H13138" s="1" t="s">
        <v>50216</v>
      </c>
      <c r="I13138" s="1" t="s">
        <v>47531</v>
      </c>
      <c r="J13138" s="1" t="s">
        <v>50223</v>
      </c>
    </row>
    <row r="13139" spans="1:10" x14ac:dyDescent="0.35">
      <c r="A13139" s="1" t="s">
        <v>50211</v>
      </c>
      <c r="B13139" s="1" t="s">
        <v>47525</v>
      </c>
      <c r="C13139" s="1" t="s">
        <v>25</v>
      </c>
      <c r="D13139" s="1" t="s">
        <v>49034</v>
      </c>
      <c r="E13139" s="1" t="s">
        <v>50224</v>
      </c>
      <c r="F13139" s="1" t="s">
        <v>50225</v>
      </c>
      <c r="G13139" s="1" t="s">
        <v>50215</v>
      </c>
      <c r="H13139" s="1" t="s">
        <v>50216</v>
      </c>
      <c r="I13139" s="1" t="s">
        <v>47531</v>
      </c>
      <c r="J13139" s="1" t="s">
        <v>50226</v>
      </c>
    </row>
    <row r="13140" spans="1:10" x14ac:dyDescent="0.35">
      <c r="A13140" s="1" t="s">
        <v>50211</v>
      </c>
      <c r="B13140" s="1" t="s">
        <v>47525</v>
      </c>
      <c r="C13140" s="1" t="s">
        <v>30</v>
      </c>
      <c r="D13140" s="1" t="s">
        <v>50227</v>
      </c>
      <c r="E13140" s="1" t="s">
        <v>50228</v>
      </c>
      <c r="F13140" s="1" t="s">
        <v>50229</v>
      </c>
      <c r="G13140" s="1" t="s">
        <v>50215</v>
      </c>
      <c r="H13140" s="1" t="s">
        <v>50216</v>
      </c>
      <c r="I13140" s="1" t="s">
        <v>47531</v>
      </c>
      <c r="J13140" s="1" t="s">
        <v>50230</v>
      </c>
    </row>
    <row r="13141" spans="1:10" x14ac:dyDescent="0.35">
      <c r="A13141" s="1" t="s">
        <v>50211</v>
      </c>
      <c r="B13141" s="1" t="s">
        <v>47525</v>
      </c>
      <c r="C13141" s="1" t="s">
        <v>35</v>
      </c>
      <c r="D13141" s="1" t="s">
        <v>50231</v>
      </c>
      <c r="E13141" s="1" t="s">
        <v>50232</v>
      </c>
      <c r="F13141" s="1" t="s">
        <v>50233</v>
      </c>
      <c r="G13141" s="1" t="s">
        <v>50215</v>
      </c>
      <c r="H13141" s="1" t="s">
        <v>50216</v>
      </c>
      <c r="I13141" s="1" t="s">
        <v>47531</v>
      </c>
      <c r="J13141" s="1" t="s">
        <v>50234</v>
      </c>
    </row>
    <row r="13142" spans="1:10" x14ac:dyDescent="0.35">
      <c r="A13142" s="1" t="s">
        <v>50211</v>
      </c>
      <c r="B13142" s="1" t="s">
        <v>47525</v>
      </c>
      <c r="C13142" s="1" t="s">
        <v>40</v>
      </c>
      <c r="D13142" s="1" t="s">
        <v>50235</v>
      </c>
      <c r="E13142" s="1" t="s">
        <v>50236</v>
      </c>
      <c r="F13142" s="1" t="s">
        <v>50237</v>
      </c>
      <c r="G13142" s="1" t="s">
        <v>50215</v>
      </c>
      <c r="H13142" s="1" t="s">
        <v>50216</v>
      </c>
      <c r="I13142" s="1" t="s">
        <v>47531</v>
      </c>
      <c r="J13142" s="1" t="s">
        <v>50238</v>
      </c>
    </row>
    <row r="13143" spans="1:10" x14ac:dyDescent="0.35">
      <c r="A13143" s="1" t="s">
        <v>50211</v>
      </c>
      <c r="B13143" s="1" t="s">
        <v>47525</v>
      </c>
      <c r="C13143" s="1" t="s">
        <v>45</v>
      </c>
      <c r="D13143" s="1" t="s">
        <v>49908</v>
      </c>
      <c r="E13143" s="1" t="s">
        <v>50239</v>
      </c>
      <c r="F13143" s="1" t="s">
        <v>50240</v>
      </c>
      <c r="G13143" s="1" t="s">
        <v>50215</v>
      </c>
      <c r="H13143" s="1" t="s">
        <v>50216</v>
      </c>
      <c r="I13143" s="1" t="s">
        <v>47531</v>
      </c>
      <c r="J13143" s="1" t="s">
        <v>50241</v>
      </c>
    </row>
    <row r="13144" spans="1:10" x14ac:dyDescent="0.35">
      <c r="A13144" s="1" t="s">
        <v>50211</v>
      </c>
      <c r="B13144" s="1" t="s">
        <v>47525</v>
      </c>
      <c r="C13144" s="1" t="s">
        <v>50</v>
      </c>
      <c r="D13144" s="1" t="s">
        <v>50242</v>
      </c>
      <c r="E13144" s="1" t="s">
        <v>50243</v>
      </c>
      <c r="F13144" s="1" t="s">
        <v>50244</v>
      </c>
      <c r="G13144" s="1" t="s">
        <v>50215</v>
      </c>
      <c r="H13144" s="1" t="s">
        <v>50216</v>
      </c>
      <c r="I13144" s="1" t="s">
        <v>47531</v>
      </c>
      <c r="J13144" s="1" t="s">
        <v>50245</v>
      </c>
    </row>
    <row r="13145" spans="1:10" x14ac:dyDescent="0.35">
      <c r="A13145" s="1" t="s">
        <v>50211</v>
      </c>
      <c r="B13145" s="1" t="s">
        <v>47525</v>
      </c>
      <c r="C13145" s="1" t="s">
        <v>55</v>
      </c>
      <c r="D13145" s="1" t="s">
        <v>46875</v>
      </c>
      <c r="E13145" s="1" t="s">
        <v>50246</v>
      </c>
      <c r="F13145" s="1" t="s">
        <v>50247</v>
      </c>
      <c r="G13145" s="1" t="s">
        <v>50215</v>
      </c>
      <c r="H13145" s="1" t="s">
        <v>50216</v>
      </c>
      <c r="I13145" s="1" t="s">
        <v>47531</v>
      </c>
      <c r="J13145" s="1" t="s">
        <v>50248</v>
      </c>
    </row>
    <row r="13146" spans="1:10" x14ac:dyDescent="0.35">
      <c r="A13146" s="1" t="s">
        <v>50211</v>
      </c>
      <c r="B13146" s="1" t="s">
        <v>47525</v>
      </c>
      <c r="C13146" s="1" t="s">
        <v>60</v>
      </c>
      <c r="D13146" s="1" t="s">
        <v>50249</v>
      </c>
      <c r="E13146" s="1" t="s">
        <v>50250</v>
      </c>
      <c r="F13146" s="1" t="s">
        <v>50251</v>
      </c>
      <c r="G13146" s="1" t="s">
        <v>50215</v>
      </c>
      <c r="H13146" s="1" t="s">
        <v>50216</v>
      </c>
      <c r="I13146" s="1" t="s">
        <v>47531</v>
      </c>
      <c r="J13146" s="1" t="s">
        <v>50252</v>
      </c>
    </row>
    <row r="13147" spans="1:10" x14ac:dyDescent="0.35">
      <c r="A13147" s="1" t="s">
        <v>50211</v>
      </c>
      <c r="B13147" s="1" t="s">
        <v>47525</v>
      </c>
      <c r="C13147" s="1" t="s">
        <v>65</v>
      </c>
      <c r="D13147" s="1" t="s">
        <v>35758</v>
      </c>
      <c r="E13147" s="1" t="s">
        <v>50253</v>
      </c>
      <c r="F13147" s="1" t="s">
        <v>50254</v>
      </c>
      <c r="G13147" s="1" t="s">
        <v>50215</v>
      </c>
      <c r="H13147" s="1" t="s">
        <v>50216</v>
      </c>
      <c r="I13147" s="1" t="s">
        <v>47531</v>
      </c>
      <c r="J13147" s="1" t="s">
        <v>50255</v>
      </c>
    </row>
    <row r="13148" spans="1:10" x14ac:dyDescent="0.35">
      <c r="A13148" s="1" t="s">
        <v>50211</v>
      </c>
      <c r="B13148" s="1" t="s">
        <v>47525</v>
      </c>
      <c r="C13148" s="1" t="s">
        <v>70</v>
      </c>
      <c r="D13148" s="1" t="s">
        <v>19493</v>
      </c>
      <c r="E13148" s="1" t="s">
        <v>50256</v>
      </c>
      <c r="F13148" s="1" t="s">
        <v>50257</v>
      </c>
      <c r="G13148" s="1" t="s">
        <v>50215</v>
      </c>
      <c r="H13148" s="1" t="s">
        <v>50216</v>
      </c>
      <c r="I13148" s="1" t="s">
        <v>47531</v>
      </c>
      <c r="J13148" s="1" t="s">
        <v>50258</v>
      </c>
    </row>
    <row r="13149" spans="1:10" x14ac:dyDescent="0.35">
      <c r="A13149" s="1" t="s">
        <v>50211</v>
      </c>
      <c r="B13149" s="1" t="s">
        <v>47525</v>
      </c>
      <c r="C13149" s="1" t="s">
        <v>75</v>
      </c>
      <c r="D13149" s="1" t="s">
        <v>50259</v>
      </c>
      <c r="E13149" s="1" t="s">
        <v>50260</v>
      </c>
      <c r="F13149" s="1" t="s">
        <v>50261</v>
      </c>
      <c r="G13149" s="1" t="s">
        <v>50215</v>
      </c>
      <c r="H13149" s="1" t="s">
        <v>50216</v>
      </c>
      <c r="I13149" s="1" t="s">
        <v>47531</v>
      </c>
      <c r="J13149" s="1" t="s">
        <v>50262</v>
      </c>
    </row>
    <row r="13150" spans="1:10" x14ac:dyDescent="0.35">
      <c r="A13150" s="1" t="s">
        <v>50211</v>
      </c>
      <c r="B13150" s="1" t="s">
        <v>47525</v>
      </c>
      <c r="C13150" s="1" t="s">
        <v>80</v>
      </c>
      <c r="D13150" s="1" t="s">
        <v>50263</v>
      </c>
      <c r="E13150" s="1" t="s">
        <v>50264</v>
      </c>
      <c r="F13150" s="1" t="s">
        <v>50265</v>
      </c>
      <c r="G13150" s="1" t="s">
        <v>50215</v>
      </c>
      <c r="H13150" s="1" t="s">
        <v>50216</v>
      </c>
      <c r="I13150" s="1" t="s">
        <v>47531</v>
      </c>
      <c r="J13150" s="1" t="s">
        <v>50266</v>
      </c>
    </row>
    <row r="13151" spans="1:10" x14ac:dyDescent="0.35">
      <c r="A13151" s="1" t="s">
        <v>50211</v>
      </c>
      <c r="B13151" s="1" t="s">
        <v>47525</v>
      </c>
      <c r="C13151" s="1" t="s">
        <v>85</v>
      </c>
      <c r="D13151" s="1" t="s">
        <v>50267</v>
      </c>
      <c r="E13151" s="1" t="s">
        <v>50268</v>
      </c>
      <c r="F13151" s="1" t="s">
        <v>50269</v>
      </c>
      <c r="G13151" s="1" t="s">
        <v>50215</v>
      </c>
      <c r="H13151" s="1" t="s">
        <v>50216</v>
      </c>
      <c r="I13151" s="1" t="s">
        <v>47531</v>
      </c>
      <c r="J13151" s="1" t="s">
        <v>50270</v>
      </c>
    </row>
    <row r="13152" spans="1:10" x14ac:dyDescent="0.35">
      <c r="A13152" s="1" t="s">
        <v>50211</v>
      </c>
      <c r="B13152" s="1" t="s">
        <v>47525</v>
      </c>
      <c r="C13152" s="1" t="s">
        <v>90</v>
      </c>
      <c r="D13152" s="1" t="s">
        <v>48172</v>
      </c>
      <c r="E13152" s="1" t="s">
        <v>50271</v>
      </c>
      <c r="F13152" s="1" t="s">
        <v>50272</v>
      </c>
      <c r="G13152" s="1" t="s">
        <v>50215</v>
      </c>
      <c r="H13152" s="1" t="s">
        <v>50216</v>
      </c>
      <c r="I13152" s="1" t="s">
        <v>47531</v>
      </c>
      <c r="J13152" s="1" t="s">
        <v>50273</v>
      </c>
    </row>
    <row r="13153" spans="1:10" x14ac:dyDescent="0.35">
      <c r="A13153" s="1" t="s">
        <v>50211</v>
      </c>
      <c r="B13153" s="1" t="s">
        <v>47525</v>
      </c>
      <c r="C13153" s="1" t="s">
        <v>95</v>
      </c>
      <c r="D13153" s="1" t="s">
        <v>3116</v>
      </c>
      <c r="E13153" s="1" t="s">
        <v>50274</v>
      </c>
      <c r="F13153" s="1" t="s">
        <v>50275</v>
      </c>
      <c r="G13153" s="1" t="s">
        <v>50215</v>
      </c>
      <c r="H13153" s="1" t="s">
        <v>50216</v>
      </c>
      <c r="I13153" s="1" t="s">
        <v>47531</v>
      </c>
      <c r="J13153" s="1" t="s">
        <v>50276</v>
      </c>
    </row>
    <row r="13154" spans="1:10" x14ac:dyDescent="0.35">
      <c r="A13154" s="1" t="s">
        <v>50211</v>
      </c>
      <c r="B13154" s="1" t="s">
        <v>47525</v>
      </c>
      <c r="C13154" s="1" t="s">
        <v>100</v>
      </c>
      <c r="D13154" s="1" t="s">
        <v>50277</v>
      </c>
      <c r="E13154" s="1" t="s">
        <v>50278</v>
      </c>
      <c r="F13154" s="1" t="s">
        <v>50279</v>
      </c>
      <c r="G13154" s="1" t="s">
        <v>50215</v>
      </c>
      <c r="H13154" s="1" t="s">
        <v>50216</v>
      </c>
      <c r="I13154" s="1" t="s">
        <v>47531</v>
      </c>
      <c r="J13154" s="1" t="s">
        <v>50280</v>
      </c>
    </row>
    <row r="13155" spans="1:10" x14ac:dyDescent="0.35">
      <c r="A13155" s="1" t="s">
        <v>50211</v>
      </c>
      <c r="B13155" s="1" t="s">
        <v>47525</v>
      </c>
      <c r="C13155" s="1" t="s">
        <v>105</v>
      </c>
      <c r="D13155" s="1" t="s">
        <v>37518</v>
      </c>
      <c r="E13155" s="1" t="s">
        <v>50281</v>
      </c>
      <c r="F13155" s="1" t="s">
        <v>50282</v>
      </c>
      <c r="G13155" s="1" t="s">
        <v>50215</v>
      </c>
      <c r="H13155" s="1" t="s">
        <v>50216</v>
      </c>
      <c r="I13155" s="1" t="s">
        <v>47531</v>
      </c>
      <c r="J13155" s="1" t="s">
        <v>50283</v>
      </c>
    </row>
    <row r="13156" spans="1:10" x14ac:dyDescent="0.35">
      <c r="A13156" s="1" t="s">
        <v>50211</v>
      </c>
      <c r="B13156" s="1" t="s">
        <v>47525</v>
      </c>
      <c r="C13156" s="1" t="s">
        <v>110</v>
      </c>
      <c r="D13156" s="1" t="s">
        <v>50284</v>
      </c>
      <c r="E13156" s="1" t="s">
        <v>50285</v>
      </c>
      <c r="F13156" s="1" t="s">
        <v>50286</v>
      </c>
      <c r="G13156" s="1" t="s">
        <v>50215</v>
      </c>
      <c r="H13156" s="1" t="s">
        <v>50216</v>
      </c>
      <c r="I13156" s="1" t="s">
        <v>47531</v>
      </c>
      <c r="J13156" s="1" t="s">
        <v>50287</v>
      </c>
    </row>
    <row r="13157" spans="1:10" x14ac:dyDescent="0.35">
      <c r="A13157" s="1" t="s">
        <v>50211</v>
      </c>
      <c r="B13157" s="1" t="s">
        <v>47525</v>
      </c>
      <c r="C13157" s="1" t="s">
        <v>115</v>
      </c>
      <c r="D13157" s="1" t="s">
        <v>50288</v>
      </c>
      <c r="E13157" s="1" t="s">
        <v>50289</v>
      </c>
      <c r="F13157" s="1" t="s">
        <v>50290</v>
      </c>
      <c r="G13157" s="1" t="s">
        <v>50215</v>
      </c>
      <c r="H13157" s="1" t="s">
        <v>50216</v>
      </c>
      <c r="I13157" s="1" t="s">
        <v>47531</v>
      </c>
      <c r="J13157" s="1" t="s">
        <v>50291</v>
      </c>
    </row>
    <row r="13158" spans="1:10" x14ac:dyDescent="0.35">
      <c r="A13158" s="1" t="s">
        <v>50211</v>
      </c>
      <c r="B13158" s="1" t="s">
        <v>47525</v>
      </c>
      <c r="C13158" s="1" t="s">
        <v>120</v>
      </c>
      <c r="D13158" s="1" t="s">
        <v>5167</v>
      </c>
      <c r="E13158" s="1" t="s">
        <v>50292</v>
      </c>
      <c r="F13158" s="1" t="s">
        <v>50293</v>
      </c>
      <c r="G13158" s="1" t="s">
        <v>50215</v>
      </c>
      <c r="H13158" s="1" t="s">
        <v>50216</v>
      </c>
      <c r="I13158" s="1" t="s">
        <v>47531</v>
      </c>
      <c r="J13158" s="1" t="s">
        <v>50294</v>
      </c>
    </row>
    <row r="13159" spans="1:10" x14ac:dyDescent="0.35">
      <c r="A13159" s="1" t="s">
        <v>50211</v>
      </c>
      <c r="B13159" s="1" t="s">
        <v>47525</v>
      </c>
      <c r="C13159" s="1" t="s">
        <v>125</v>
      </c>
      <c r="D13159" s="1" t="s">
        <v>49927</v>
      </c>
      <c r="E13159" s="1" t="s">
        <v>50295</v>
      </c>
      <c r="F13159" s="1" t="s">
        <v>50296</v>
      </c>
      <c r="G13159" s="1" t="s">
        <v>50215</v>
      </c>
      <c r="H13159" s="1" t="s">
        <v>50216</v>
      </c>
      <c r="I13159" s="1" t="s">
        <v>47531</v>
      </c>
      <c r="J13159" s="1" t="s">
        <v>50297</v>
      </c>
    </row>
    <row r="13160" spans="1:10" x14ac:dyDescent="0.35">
      <c r="A13160" s="1" t="s">
        <v>50211</v>
      </c>
      <c r="B13160" s="1" t="s">
        <v>47525</v>
      </c>
      <c r="C13160" s="1" t="s">
        <v>130</v>
      </c>
      <c r="D13160" s="1" t="s">
        <v>50298</v>
      </c>
      <c r="E13160" s="1" t="s">
        <v>50299</v>
      </c>
      <c r="F13160" s="1" t="s">
        <v>50300</v>
      </c>
      <c r="G13160" s="1" t="s">
        <v>50215</v>
      </c>
      <c r="H13160" s="1" t="s">
        <v>50216</v>
      </c>
      <c r="I13160" s="1" t="s">
        <v>47531</v>
      </c>
      <c r="J13160" s="1" t="s">
        <v>50301</v>
      </c>
    </row>
    <row r="13161" spans="1:10" x14ac:dyDescent="0.35">
      <c r="A13161" s="1" t="s">
        <v>50211</v>
      </c>
      <c r="B13161" s="1" t="s">
        <v>47525</v>
      </c>
      <c r="C13161" s="1" t="s">
        <v>135</v>
      </c>
      <c r="D13161" s="1" t="s">
        <v>50302</v>
      </c>
      <c r="E13161" s="1" t="s">
        <v>50303</v>
      </c>
      <c r="F13161" s="1" t="s">
        <v>50304</v>
      </c>
      <c r="G13161" s="1" t="s">
        <v>50215</v>
      </c>
      <c r="H13161" s="1" t="s">
        <v>50216</v>
      </c>
      <c r="I13161" s="1" t="s">
        <v>47531</v>
      </c>
      <c r="J13161" s="1" t="s">
        <v>50305</v>
      </c>
    </row>
    <row r="13162" spans="1:10" x14ac:dyDescent="0.35">
      <c r="A13162" s="1" t="s">
        <v>50211</v>
      </c>
      <c r="B13162" s="1" t="s">
        <v>47525</v>
      </c>
      <c r="C13162" s="1" t="s">
        <v>140</v>
      </c>
      <c r="D13162" s="1" t="s">
        <v>17971</v>
      </c>
      <c r="E13162" s="1" t="s">
        <v>50306</v>
      </c>
      <c r="F13162" s="1" t="s">
        <v>50307</v>
      </c>
      <c r="G13162" s="1" t="s">
        <v>50215</v>
      </c>
      <c r="H13162" s="1" t="s">
        <v>50216</v>
      </c>
      <c r="I13162" s="1" t="s">
        <v>47531</v>
      </c>
      <c r="J13162" s="1" t="s">
        <v>50308</v>
      </c>
    </row>
    <row r="13163" spans="1:10" x14ac:dyDescent="0.35">
      <c r="A13163" s="1" t="s">
        <v>50211</v>
      </c>
      <c r="B13163" s="1" t="s">
        <v>47525</v>
      </c>
      <c r="C13163" s="1" t="s">
        <v>145</v>
      </c>
      <c r="D13163" s="1" t="s">
        <v>50309</v>
      </c>
      <c r="E13163" s="1" t="s">
        <v>50310</v>
      </c>
      <c r="F13163" s="1" t="s">
        <v>50311</v>
      </c>
      <c r="G13163" s="1" t="s">
        <v>50215</v>
      </c>
      <c r="H13163" s="1" t="s">
        <v>50216</v>
      </c>
      <c r="I13163" s="1" t="s">
        <v>47531</v>
      </c>
      <c r="J13163" s="1" t="s">
        <v>50312</v>
      </c>
    </row>
    <row r="13164" spans="1:10" x14ac:dyDescent="0.35">
      <c r="A13164" s="1" t="s">
        <v>50211</v>
      </c>
      <c r="B13164" s="1" t="s">
        <v>47525</v>
      </c>
      <c r="C13164" s="1" t="s">
        <v>150</v>
      </c>
      <c r="D13164" s="1" t="s">
        <v>50309</v>
      </c>
      <c r="E13164" s="1" t="s">
        <v>50313</v>
      </c>
      <c r="F13164" s="1" t="s">
        <v>50314</v>
      </c>
      <c r="G13164" s="1" t="s">
        <v>50215</v>
      </c>
      <c r="H13164" s="1" t="s">
        <v>50216</v>
      </c>
      <c r="I13164" s="1" t="s">
        <v>47531</v>
      </c>
      <c r="J13164" s="1" t="s">
        <v>1180</v>
      </c>
    </row>
    <row r="13165" spans="1:10" x14ac:dyDescent="0.35">
      <c r="A13165" s="1" t="s">
        <v>50211</v>
      </c>
      <c r="B13165" s="1" t="s">
        <v>47525</v>
      </c>
      <c r="C13165" s="1" t="s">
        <v>155</v>
      </c>
      <c r="D13165" s="1" t="s">
        <v>11852</v>
      </c>
      <c r="E13165" s="1" t="s">
        <v>50315</v>
      </c>
      <c r="F13165" s="1" t="s">
        <v>50316</v>
      </c>
      <c r="G13165" s="1" t="s">
        <v>50215</v>
      </c>
      <c r="H13165" s="1" t="s">
        <v>50216</v>
      </c>
      <c r="I13165" s="1" t="s">
        <v>47531</v>
      </c>
      <c r="J13165" s="1" t="s">
        <v>50317</v>
      </c>
    </row>
    <row r="13166" spans="1:10" x14ac:dyDescent="0.35">
      <c r="A13166" s="1" t="s">
        <v>50211</v>
      </c>
      <c r="B13166" s="1" t="s">
        <v>47525</v>
      </c>
      <c r="C13166" s="1" t="s">
        <v>160</v>
      </c>
      <c r="D13166" s="1" t="s">
        <v>50318</v>
      </c>
      <c r="E13166" s="1" t="s">
        <v>50319</v>
      </c>
      <c r="F13166" s="1" t="s">
        <v>50320</v>
      </c>
      <c r="G13166" s="1" t="s">
        <v>50215</v>
      </c>
      <c r="H13166" s="1" t="s">
        <v>50216</v>
      </c>
      <c r="I13166" s="1" t="s">
        <v>47531</v>
      </c>
      <c r="J13166" s="1" t="s">
        <v>50321</v>
      </c>
    </row>
    <row r="13167" spans="1:10" x14ac:dyDescent="0.35">
      <c r="A13167" s="1" t="s">
        <v>50211</v>
      </c>
      <c r="B13167" s="1" t="s">
        <v>47525</v>
      </c>
      <c r="C13167" s="1" t="s">
        <v>165</v>
      </c>
      <c r="D13167" s="1" t="s">
        <v>17222</v>
      </c>
      <c r="E13167" s="1" t="s">
        <v>50322</v>
      </c>
      <c r="F13167" s="1" t="s">
        <v>50323</v>
      </c>
      <c r="G13167" s="1" t="s">
        <v>50215</v>
      </c>
      <c r="H13167" s="1" t="s">
        <v>50216</v>
      </c>
      <c r="I13167" s="1" t="s">
        <v>47531</v>
      </c>
      <c r="J13167" s="1" t="s">
        <v>50324</v>
      </c>
    </row>
    <row r="13168" spans="1:10" x14ac:dyDescent="0.35">
      <c r="A13168" s="1" t="s">
        <v>50211</v>
      </c>
      <c r="B13168" s="1" t="s">
        <v>47525</v>
      </c>
      <c r="C13168" s="1" t="s">
        <v>170</v>
      </c>
      <c r="D13168" s="1" t="s">
        <v>50325</v>
      </c>
      <c r="E13168" s="1" t="s">
        <v>50326</v>
      </c>
      <c r="F13168" s="1" t="s">
        <v>50327</v>
      </c>
      <c r="G13168" s="1" t="s">
        <v>50215</v>
      </c>
      <c r="H13168" s="1" t="s">
        <v>50216</v>
      </c>
      <c r="I13168" s="1" t="s">
        <v>47531</v>
      </c>
      <c r="J13168" s="1" t="s">
        <v>50328</v>
      </c>
    </row>
    <row r="13169" spans="1:10" x14ac:dyDescent="0.35">
      <c r="A13169" s="1" t="s">
        <v>50329</v>
      </c>
      <c r="B13169" s="1" t="s">
        <v>47525</v>
      </c>
      <c r="C13169" s="1" t="s">
        <v>8</v>
      </c>
      <c r="D13169" s="1" t="s">
        <v>50330</v>
      </c>
      <c r="E13169" s="1" t="s">
        <v>50331</v>
      </c>
      <c r="F13169" s="1" t="s">
        <v>50332</v>
      </c>
      <c r="G13169" s="1" t="s">
        <v>50333</v>
      </c>
      <c r="H13169" s="1" t="s">
        <v>50334</v>
      </c>
      <c r="I13169" s="1" t="s">
        <v>47531</v>
      </c>
      <c r="J13169" s="1" t="s">
        <v>13</v>
      </c>
    </row>
    <row r="13170" spans="1:10" x14ac:dyDescent="0.35">
      <c r="A13170" s="1" t="s">
        <v>50329</v>
      </c>
      <c r="B13170" s="1" t="s">
        <v>47525</v>
      </c>
      <c r="C13170" s="1" t="s">
        <v>15</v>
      </c>
      <c r="D13170" s="1" t="s">
        <v>3663</v>
      </c>
      <c r="E13170" s="1" t="s">
        <v>50335</v>
      </c>
      <c r="F13170" s="1" t="s">
        <v>50336</v>
      </c>
      <c r="G13170" s="1" t="s">
        <v>50333</v>
      </c>
      <c r="H13170" s="1" t="s">
        <v>50334</v>
      </c>
      <c r="I13170" s="1" t="s">
        <v>47531</v>
      </c>
      <c r="J13170" s="1" t="s">
        <v>50337</v>
      </c>
    </row>
    <row r="13171" spans="1:10" x14ac:dyDescent="0.35">
      <c r="A13171" s="1" t="s">
        <v>50329</v>
      </c>
      <c r="B13171" s="1" t="s">
        <v>47525</v>
      </c>
      <c r="C13171" s="1" t="s">
        <v>20</v>
      </c>
      <c r="D13171" s="1" t="s">
        <v>17417</v>
      </c>
      <c r="E13171" s="1" t="s">
        <v>50338</v>
      </c>
      <c r="F13171" s="1" t="s">
        <v>50339</v>
      </c>
      <c r="G13171" s="1" t="s">
        <v>50333</v>
      </c>
      <c r="H13171" s="1" t="s">
        <v>50334</v>
      </c>
      <c r="I13171" s="1" t="s">
        <v>47531</v>
      </c>
      <c r="J13171" s="1" t="s">
        <v>50340</v>
      </c>
    </row>
    <row r="13172" spans="1:10" x14ac:dyDescent="0.35">
      <c r="A13172" s="1" t="s">
        <v>50329</v>
      </c>
      <c r="B13172" s="1" t="s">
        <v>47525</v>
      </c>
      <c r="C13172" s="1" t="s">
        <v>25</v>
      </c>
      <c r="D13172" s="1" t="s">
        <v>50341</v>
      </c>
      <c r="E13172" s="1" t="s">
        <v>50342</v>
      </c>
      <c r="F13172" s="1" t="s">
        <v>50343</v>
      </c>
      <c r="G13172" s="1" t="s">
        <v>50333</v>
      </c>
      <c r="H13172" s="1" t="s">
        <v>50334</v>
      </c>
      <c r="I13172" s="1" t="s">
        <v>47531</v>
      </c>
      <c r="J13172" s="1" t="s">
        <v>50344</v>
      </c>
    </row>
    <row r="13173" spans="1:10" x14ac:dyDescent="0.35">
      <c r="A13173" s="1" t="s">
        <v>50329</v>
      </c>
      <c r="B13173" s="1" t="s">
        <v>47525</v>
      </c>
      <c r="C13173" s="1" t="s">
        <v>30</v>
      </c>
      <c r="D13173" s="1" t="s">
        <v>11844</v>
      </c>
      <c r="E13173" s="1" t="s">
        <v>50345</v>
      </c>
      <c r="F13173" s="1" t="s">
        <v>50346</v>
      </c>
      <c r="G13173" s="1" t="s">
        <v>50333</v>
      </c>
      <c r="H13173" s="1" t="s">
        <v>50334</v>
      </c>
      <c r="I13173" s="1" t="s">
        <v>47531</v>
      </c>
      <c r="J13173" s="1" t="s">
        <v>50347</v>
      </c>
    </row>
    <row r="13174" spans="1:10" x14ac:dyDescent="0.35">
      <c r="A13174" s="1" t="s">
        <v>50329</v>
      </c>
      <c r="B13174" s="1" t="s">
        <v>47525</v>
      </c>
      <c r="C13174" s="1" t="s">
        <v>35</v>
      </c>
      <c r="D13174" s="1" t="s">
        <v>36635</v>
      </c>
      <c r="E13174" s="1" t="s">
        <v>50348</v>
      </c>
      <c r="F13174" s="1" t="s">
        <v>50349</v>
      </c>
      <c r="G13174" s="1" t="s">
        <v>50333</v>
      </c>
      <c r="H13174" s="1" t="s">
        <v>50334</v>
      </c>
      <c r="I13174" s="1" t="s">
        <v>47531</v>
      </c>
      <c r="J13174" s="1" t="s">
        <v>50350</v>
      </c>
    </row>
    <row r="13175" spans="1:10" x14ac:dyDescent="0.35">
      <c r="A13175" s="1" t="s">
        <v>50329</v>
      </c>
      <c r="B13175" s="1" t="s">
        <v>47525</v>
      </c>
      <c r="C13175" s="1" t="s">
        <v>40</v>
      </c>
      <c r="D13175" s="1" t="s">
        <v>17621</v>
      </c>
      <c r="E13175" s="1" t="s">
        <v>50351</v>
      </c>
      <c r="F13175" s="1" t="s">
        <v>50352</v>
      </c>
      <c r="G13175" s="1" t="s">
        <v>50333</v>
      </c>
      <c r="H13175" s="1" t="s">
        <v>50334</v>
      </c>
      <c r="I13175" s="1" t="s">
        <v>47531</v>
      </c>
      <c r="J13175" s="1" t="s">
        <v>50353</v>
      </c>
    </row>
    <row r="13176" spans="1:10" x14ac:dyDescent="0.35">
      <c r="A13176" s="1" t="s">
        <v>50329</v>
      </c>
      <c r="B13176" s="1" t="s">
        <v>47525</v>
      </c>
      <c r="C13176" s="1" t="s">
        <v>45</v>
      </c>
      <c r="D13176" s="1" t="s">
        <v>50354</v>
      </c>
      <c r="E13176" s="1" t="s">
        <v>50355</v>
      </c>
      <c r="F13176" s="1" t="s">
        <v>50356</v>
      </c>
      <c r="G13176" s="1" t="s">
        <v>50333</v>
      </c>
      <c r="H13176" s="1" t="s">
        <v>50334</v>
      </c>
      <c r="I13176" s="1" t="s">
        <v>47531</v>
      </c>
      <c r="J13176" s="1" t="s">
        <v>50357</v>
      </c>
    </row>
    <row r="13177" spans="1:10" x14ac:dyDescent="0.35">
      <c r="A13177" s="1" t="s">
        <v>50329</v>
      </c>
      <c r="B13177" s="1" t="s">
        <v>47525</v>
      </c>
      <c r="C13177" s="1" t="s">
        <v>50</v>
      </c>
      <c r="D13177" s="1" t="s">
        <v>50358</v>
      </c>
      <c r="E13177" s="1" t="s">
        <v>50359</v>
      </c>
      <c r="F13177" s="1" t="s">
        <v>50360</v>
      </c>
      <c r="G13177" s="1" t="s">
        <v>50333</v>
      </c>
      <c r="H13177" s="1" t="s">
        <v>50334</v>
      </c>
      <c r="I13177" s="1" t="s">
        <v>47531</v>
      </c>
      <c r="J13177" s="1" t="s">
        <v>50361</v>
      </c>
    </row>
    <row r="13178" spans="1:10" x14ac:dyDescent="0.35">
      <c r="A13178" s="1" t="s">
        <v>50329</v>
      </c>
      <c r="B13178" s="1" t="s">
        <v>47525</v>
      </c>
      <c r="C13178" s="1" t="s">
        <v>55</v>
      </c>
      <c r="D13178" s="1" t="s">
        <v>50362</v>
      </c>
      <c r="E13178" s="1" t="s">
        <v>50363</v>
      </c>
      <c r="F13178" s="1" t="s">
        <v>50364</v>
      </c>
      <c r="G13178" s="1" t="s">
        <v>50333</v>
      </c>
      <c r="H13178" s="1" t="s">
        <v>50334</v>
      </c>
      <c r="I13178" s="1" t="s">
        <v>47531</v>
      </c>
      <c r="J13178" s="1" t="s">
        <v>50365</v>
      </c>
    </row>
    <row r="13179" spans="1:10" x14ac:dyDescent="0.35">
      <c r="A13179" s="1" t="s">
        <v>50329</v>
      </c>
      <c r="B13179" s="1" t="s">
        <v>47525</v>
      </c>
      <c r="C13179" s="1" t="s">
        <v>60</v>
      </c>
      <c r="D13179" s="1" t="s">
        <v>50366</v>
      </c>
      <c r="E13179" s="1" t="s">
        <v>50367</v>
      </c>
      <c r="F13179" s="1" t="s">
        <v>50368</v>
      </c>
      <c r="G13179" s="1" t="s">
        <v>50333</v>
      </c>
      <c r="H13179" s="1" t="s">
        <v>50334</v>
      </c>
      <c r="I13179" s="1" t="s">
        <v>47531</v>
      </c>
      <c r="J13179" s="1" t="s">
        <v>50369</v>
      </c>
    </row>
    <row r="13180" spans="1:10" x14ac:dyDescent="0.35">
      <c r="A13180" s="1" t="s">
        <v>50329</v>
      </c>
      <c r="B13180" s="1" t="s">
        <v>47525</v>
      </c>
      <c r="C13180" s="1" t="s">
        <v>65</v>
      </c>
      <c r="D13180" s="1" t="s">
        <v>3148</v>
      </c>
      <c r="E13180" s="1" t="s">
        <v>50370</v>
      </c>
      <c r="F13180" s="1" t="s">
        <v>50371</v>
      </c>
      <c r="G13180" s="1" t="s">
        <v>50333</v>
      </c>
      <c r="H13180" s="1" t="s">
        <v>50334</v>
      </c>
      <c r="I13180" s="1" t="s">
        <v>47531</v>
      </c>
      <c r="J13180" s="1" t="s">
        <v>50372</v>
      </c>
    </row>
    <row r="13181" spans="1:10" x14ac:dyDescent="0.35">
      <c r="A13181" s="1" t="s">
        <v>50329</v>
      </c>
      <c r="B13181" s="1" t="s">
        <v>47525</v>
      </c>
      <c r="C13181" s="1" t="s">
        <v>70</v>
      </c>
      <c r="D13181" s="1" t="s">
        <v>50373</v>
      </c>
      <c r="E13181" s="1" t="s">
        <v>50374</v>
      </c>
      <c r="F13181" s="1" t="s">
        <v>50375</v>
      </c>
      <c r="G13181" s="1" t="s">
        <v>50333</v>
      </c>
      <c r="H13181" s="1" t="s">
        <v>50334</v>
      </c>
      <c r="I13181" s="1" t="s">
        <v>47531</v>
      </c>
      <c r="J13181" s="1" t="s">
        <v>50376</v>
      </c>
    </row>
    <row r="13182" spans="1:10" x14ac:dyDescent="0.35">
      <c r="A13182" s="1" t="s">
        <v>50329</v>
      </c>
      <c r="B13182" s="1" t="s">
        <v>47525</v>
      </c>
      <c r="C13182" s="1" t="s">
        <v>75</v>
      </c>
      <c r="D13182" s="1" t="s">
        <v>50377</v>
      </c>
      <c r="E13182" s="1" t="s">
        <v>50378</v>
      </c>
      <c r="F13182" s="1" t="s">
        <v>50379</v>
      </c>
      <c r="G13182" s="1" t="s">
        <v>50333</v>
      </c>
      <c r="H13182" s="1" t="s">
        <v>50334</v>
      </c>
      <c r="I13182" s="1" t="s">
        <v>47531</v>
      </c>
      <c r="J13182" s="1" t="s">
        <v>50380</v>
      </c>
    </row>
    <row r="13183" spans="1:10" x14ac:dyDescent="0.35">
      <c r="A13183" s="1" t="s">
        <v>50329</v>
      </c>
      <c r="B13183" s="1" t="s">
        <v>47525</v>
      </c>
      <c r="C13183" s="1" t="s">
        <v>80</v>
      </c>
      <c r="D13183" s="1" t="s">
        <v>14645</v>
      </c>
      <c r="E13183" s="1" t="s">
        <v>50381</v>
      </c>
      <c r="F13183" s="1" t="s">
        <v>50382</v>
      </c>
      <c r="G13183" s="1" t="s">
        <v>50333</v>
      </c>
      <c r="H13183" s="1" t="s">
        <v>50334</v>
      </c>
      <c r="I13183" s="1" t="s">
        <v>47531</v>
      </c>
      <c r="J13183" s="1" t="s">
        <v>50383</v>
      </c>
    </row>
    <row r="13184" spans="1:10" x14ac:dyDescent="0.35">
      <c r="A13184" s="1" t="s">
        <v>50329</v>
      </c>
      <c r="B13184" s="1" t="s">
        <v>47525</v>
      </c>
      <c r="C13184" s="1" t="s">
        <v>85</v>
      </c>
      <c r="D13184" s="1" t="s">
        <v>50384</v>
      </c>
      <c r="E13184" s="1" t="s">
        <v>50385</v>
      </c>
      <c r="F13184" s="1" t="s">
        <v>50386</v>
      </c>
      <c r="G13184" s="1" t="s">
        <v>50333</v>
      </c>
      <c r="H13184" s="1" t="s">
        <v>50334</v>
      </c>
      <c r="I13184" s="1" t="s">
        <v>47531</v>
      </c>
      <c r="J13184" s="1" t="s">
        <v>50387</v>
      </c>
    </row>
    <row r="13185" spans="1:10" x14ac:dyDescent="0.35">
      <c r="A13185" s="1" t="s">
        <v>50329</v>
      </c>
      <c r="B13185" s="1" t="s">
        <v>47525</v>
      </c>
      <c r="C13185" s="1" t="s">
        <v>90</v>
      </c>
      <c r="D13185" s="1" t="s">
        <v>50388</v>
      </c>
      <c r="E13185" s="1" t="s">
        <v>50389</v>
      </c>
      <c r="F13185" s="1" t="s">
        <v>50390</v>
      </c>
      <c r="G13185" s="1" t="s">
        <v>50333</v>
      </c>
      <c r="H13185" s="1" t="s">
        <v>50334</v>
      </c>
      <c r="I13185" s="1" t="s">
        <v>47531</v>
      </c>
      <c r="J13185" s="1" t="s">
        <v>50391</v>
      </c>
    </row>
    <row r="13186" spans="1:10" x14ac:dyDescent="0.35">
      <c r="A13186" s="1" t="s">
        <v>50329</v>
      </c>
      <c r="B13186" s="1" t="s">
        <v>47525</v>
      </c>
      <c r="C13186" s="1" t="s">
        <v>95</v>
      </c>
      <c r="D13186" s="1" t="s">
        <v>47871</v>
      </c>
      <c r="E13186" s="1" t="s">
        <v>50392</v>
      </c>
      <c r="F13186" s="1" t="s">
        <v>50393</v>
      </c>
      <c r="G13186" s="1" t="s">
        <v>50333</v>
      </c>
      <c r="H13186" s="1" t="s">
        <v>50334</v>
      </c>
      <c r="I13186" s="1" t="s">
        <v>47531</v>
      </c>
      <c r="J13186" s="1" t="s">
        <v>50394</v>
      </c>
    </row>
    <row r="13187" spans="1:10" x14ac:dyDescent="0.35">
      <c r="A13187" s="1" t="s">
        <v>50329</v>
      </c>
      <c r="B13187" s="1" t="s">
        <v>47525</v>
      </c>
      <c r="C13187" s="1" t="s">
        <v>100</v>
      </c>
      <c r="D13187" s="1" t="s">
        <v>50395</v>
      </c>
      <c r="E13187" s="1" t="s">
        <v>50396</v>
      </c>
      <c r="F13187" s="1" t="s">
        <v>50397</v>
      </c>
      <c r="G13187" s="1" t="s">
        <v>50333</v>
      </c>
      <c r="H13187" s="1" t="s">
        <v>50334</v>
      </c>
      <c r="I13187" s="1" t="s">
        <v>47531</v>
      </c>
      <c r="J13187" s="1" t="s">
        <v>50398</v>
      </c>
    </row>
    <row r="13188" spans="1:10" x14ac:dyDescent="0.35">
      <c r="A13188" s="1" t="s">
        <v>50329</v>
      </c>
      <c r="B13188" s="1" t="s">
        <v>47525</v>
      </c>
      <c r="C13188" s="1" t="s">
        <v>105</v>
      </c>
      <c r="D13188" s="1" t="s">
        <v>50399</v>
      </c>
      <c r="E13188" s="1" t="s">
        <v>50400</v>
      </c>
      <c r="F13188" s="1" t="s">
        <v>50401</v>
      </c>
      <c r="G13188" s="1" t="s">
        <v>50333</v>
      </c>
      <c r="H13188" s="1" t="s">
        <v>50334</v>
      </c>
      <c r="I13188" s="1" t="s">
        <v>47531</v>
      </c>
      <c r="J13188" s="1" t="s">
        <v>50402</v>
      </c>
    </row>
    <row r="13189" spans="1:10" x14ac:dyDescent="0.35">
      <c r="A13189" s="1" t="s">
        <v>50329</v>
      </c>
      <c r="B13189" s="1" t="s">
        <v>47525</v>
      </c>
      <c r="C13189" s="1" t="s">
        <v>110</v>
      </c>
      <c r="D13189" s="1" t="s">
        <v>13279</v>
      </c>
      <c r="E13189" s="1" t="s">
        <v>50403</v>
      </c>
      <c r="F13189" s="1" t="s">
        <v>50404</v>
      </c>
      <c r="G13189" s="1" t="s">
        <v>50333</v>
      </c>
      <c r="H13189" s="1" t="s">
        <v>50334</v>
      </c>
      <c r="I13189" s="1" t="s">
        <v>47531</v>
      </c>
      <c r="J13189" s="1" t="s">
        <v>50405</v>
      </c>
    </row>
    <row r="13190" spans="1:10" x14ac:dyDescent="0.35">
      <c r="A13190" s="1" t="s">
        <v>50329</v>
      </c>
      <c r="B13190" s="1" t="s">
        <v>47525</v>
      </c>
      <c r="C13190" s="1" t="s">
        <v>115</v>
      </c>
      <c r="D13190" s="1" t="s">
        <v>50406</v>
      </c>
      <c r="E13190" s="1" t="s">
        <v>50407</v>
      </c>
      <c r="F13190" s="1" t="s">
        <v>50408</v>
      </c>
      <c r="G13190" s="1" t="s">
        <v>50333</v>
      </c>
      <c r="H13190" s="1" t="s">
        <v>50334</v>
      </c>
      <c r="I13190" s="1" t="s">
        <v>47531</v>
      </c>
      <c r="J13190" s="1" t="s">
        <v>50409</v>
      </c>
    </row>
    <row r="13191" spans="1:10" x14ac:dyDescent="0.35">
      <c r="A13191" s="1" t="s">
        <v>50329</v>
      </c>
      <c r="B13191" s="1" t="s">
        <v>47525</v>
      </c>
      <c r="C13191" s="1" t="s">
        <v>120</v>
      </c>
      <c r="D13191" s="1" t="s">
        <v>32430</v>
      </c>
      <c r="E13191" s="1" t="s">
        <v>50410</v>
      </c>
      <c r="F13191" s="1" t="s">
        <v>50411</v>
      </c>
      <c r="G13191" s="1" t="s">
        <v>50333</v>
      </c>
      <c r="H13191" s="1" t="s">
        <v>50334</v>
      </c>
      <c r="I13191" s="1" t="s">
        <v>47531</v>
      </c>
      <c r="J13191" s="1" t="s">
        <v>50412</v>
      </c>
    </row>
    <row r="13192" spans="1:10" x14ac:dyDescent="0.35">
      <c r="A13192" s="1" t="s">
        <v>50329</v>
      </c>
      <c r="B13192" s="1" t="s">
        <v>47525</v>
      </c>
      <c r="C13192" s="1" t="s">
        <v>125</v>
      </c>
      <c r="D13192" s="1" t="s">
        <v>32867</v>
      </c>
      <c r="E13192" s="1" t="s">
        <v>50413</v>
      </c>
      <c r="F13192" s="1" t="s">
        <v>50414</v>
      </c>
      <c r="G13192" s="1" t="s">
        <v>50333</v>
      </c>
      <c r="H13192" s="1" t="s">
        <v>50334</v>
      </c>
      <c r="I13192" s="1" t="s">
        <v>47531</v>
      </c>
      <c r="J13192" s="1" t="s">
        <v>50415</v>
      </c>
    </row>
    <row r="13193" spans="1:10" x14ac:dyDescent="0.35">
      <c r="A13193" s="1" t="s">
        <v>50329</v>
      </c>
      <c r="B13193" s="1" t="s">
        <v>47525</v>
      </c>
      <c r="C13193" s="1" t="s">
        <v>130</v>
      </c>
      <c r="D13193" s="1" t="s">
        <v>50416</v>
      </c>
      <c r="E13193" s="1" t="s">
        <v>50417</v>
      </c>
      <c r="F13193" s="1" t="s">
        <v>50418</v>
      </c>
      <c r="G13193" s="1" t="s">
        <v>50333</v>
      </c>
      <c r="H13193" s="1" t="s">
        <v>50334</v>
      </c>
      <c r="I13193" s="1" t="s">
        <v>47531</v>
      </c>
      <c r="J13193" s="1" t="s">
        <v>50419</v>
      </c>
    </row>
    <row r="13194" spans="1:10" x14ac:dyDescent="0.35">
      <c r="A13194" s="1" t="s">
        <v>50329</v>
      </c>
      <c r="B13194" s="1" t="s">
        <v>47525</v>
      </c>
      <c r="C13194" s="1" t="s">
        <v>135</v>
      </c>
      <c r="D13194" s="1" t="s">
        <v>50420</v>
      </c>
      <c r="E13194" s="1" t="s">
        <v>50421</v>
      </c>
      <c r="F13194" s="1" t="s">
        <v>50422</v>
      </c>
      <c r="G13194" s="1" t="s">
        <v>50333</v>
      </c>
      <c r="H13194" s="1" t="s">
        <v>50334</v>
      </c>
      <c r="I13194" s="1" t="s">
        <v>47531</v>
      </c>
      <c r="J13194" s="1" t="s">
        <v>50423</v>
      </c>
    </row>
    <row r="13195" spans="1:10" x14ac:dyDescent="0.35">
      <c r="A13195" s="1" t="s">
        <v>50329</v>
      </c>
      <c r="B13195" s="1" t="s">
        <v>47525</v>
      </c>
      <c r="C13195" s="1" t="s">
        <v>140</v>
      </c>
      <c r="D13195" s="1" t="s">
        <v>50424</v>
      </c>
      <c r="E13195" s="1" t="s">
        <v>50425</v>
      </c>
      <c r="F13195" s="1" t="s">
        <v>50426</v>
      </c>
      <c r="G13195" s="1" t="s">
        <v>50333</v>
      </c>
      <c r="H13195" s="1" t="s">
        <v>50334</v>
      </c>
      <c r="I13195" s="1" t="s">
        <v>47531</v>
      </c>
      <c r="J13195" s="1" t="s">
        <v>50427</v>
      </c>
    </row>
    <row r="13196" spans="1:10" x14ac:dyDescent="0.35">
      <c r="A13196" s="1" t="s">
        <v>50329</v>
      </c>
      <c r="B13196" s="1" t="s">
        <v>47525</v>
      </c>
      <c r="C13196" s="1" t="s">
        <v>145</v>
      </c>
      <c r="D13196" s="1" t="s">
        <v>9153</v>
      </c>
      <c r="E13196" s="1" t="s">
        <v>50428</v>
      </c>
      <c r="F13196" s="1" t="s">
        <v>50429</v>
      </c>
      <c r="G13196" s="1" t="s">
        <v>50333</v>
      </c>
      <c r="H13196" s="1" t="s">
        <v>50334</v>
      </c>
      <c r="I13196" s="1" t="s">
        <v>47531</v>
      </c>
      <c r="J13196" s="1" t="s">
        <v>50430</v>
      </c>
    </row>
    <row r="13197" spans="1:10" x14ac:dyDescent="0.35">
      <c r="A13197" s="1" t="s">
        <v>50329</v>
      </c>
      <c r="B13197" s="1" t="s">
        <v>47525</v>
      </c>
      <c r="C13197" s="1" t="s">
        <v>150</v>
      </c>
      <c r="D13197" s="1" t="s">
        <v>50431</v>
      </c>
      <c r="E13197" s="1" t="s">
        <v>50432</v>
      </c>
      <c r="F13197" s="1" t="s">
        <v>50433</v>
      </c>
      <c r="G13197" s="1" t="s">
        <v>50333</v>
      </c>
      <c r="H13197" s="1" t="s">
        <v>50334</v>
      </c>
      <c r="I13197" s="1" t="s">
        <v>47531</v>
      </c>
      <c r="J13197" s="1" t="s">
        <v>50434</v>
      </c>
    </row>
    <row r="13198" spans="1:10" x14ac:dyDescent="0.35">
      <c r="A13198" s="1" t="s">
        <v>50329</v>
      </c>
      <c r="B13198" s="1" t="s">
        <v>47525</v>
      </c>
      <c r="C13198" s="1" t="s">
        <v>155</v>
      </c>
      <c r="D13198" s="1" t="s">
        <v>50435</v>
      </c>
      <c r="E13198" s="1" t="s">
        <v>50436</v>
      </c>
      <c r="F13198" s="1" t="s">
        <v>50437</v>
      </c>
      <c r="G13198" s="1" t="s">
        <v>50333</v>
      </c>
      <c r="H13198" s="1" t="s">
        <v>50334</v>
      </c>
      <c r="I13198" s="1" t="s">
        <v>47531</v>
      </c>
      <c r="J13198" s="1" t="s">
        <v>50438</v>
      </c>
    </row>
    <row r="13199" spans="1:10" x14ac:dyDescent="0.35">
      <c r="A13199" s="1" t="s">
        <v>50329</v>
      </c>
      <c r="B13199" s="1" t="s">
        <v>47525</v>
      </c>
      <c r="C13199" s="1" t="s">
        <v>160</v>
      </c>
      <c r="D13199" s="1" t="s">
        <v>50439</v>
      </c>
      <c r="E13199" s="1" t="s">
        <v>50440</v>
      </c>
      <c r="F13199" s="1" t="s">
        <v>50441</v>
      </c>
      <c r="G13199" s="1" t="s">
        <v>50333</v>
      </c>
      <c r="H13199" s="1" t="s">
        <v>50334</v>
      </c>
      <c r="I13199" s="1" t="s">
        <v>47531</v>
      </c>
      <c r="J13199" s="1" t="s">
        <v>50442</v>
      </c>
    </row>
    <row r="13200" spans="1:10" x14ac:dyDescent="0.35">
      <c r="A13200" s="1" t="s">
        <v>50329</v>
      </c>
      <c r="B13200" s="1" t="s">
        <v>47525</v>
      </c>
      <c r="C13200" s="1" t="s">
        <v>165</v>
      </c>
      <c r="D13200" s="1" t="s">
        <v>50443</v>
      </c>
      <c r="E13200" s="1" t="s">
        <v>50444</v>
      </c>
      <c r="F13200" s="1" t="s">
        <v>50445</v>
      </c>
      <c r="G13200" s="1" t="s">
        <v>50333</v>
      </c>
      <c r="H13200" s="1" t="s">
        <v>50334</v>
      </c>
      <c r="I13200" s="1" t="s">
        <v>47531</v>
      </c>
      <c r="J13200" s="1" t="s">
        <v>50446</v>
      </c>
    </row>
    <row r="13201" spans="1:10" x14ac:dyDescent="0.35">
      <c r="A13201" s="1" t="s">
        <v>50329</v>
      </c>
      <c r="B13201" s="1" t="s">
        <v>47525</v>
      </c>
      <c r="C13201" s="1" t="s">
        <v>170</v>
      </c>
      <c r="D13201" s="1" t="s">
        <v>50447</v>
      </c>
      <c r="E13201" s="1" t="s">
        <v>50448</v>
      </c>
      <c r="F13201" s="1" t="s">
        <v>50449</v>
      </c>
      <c r="G13201" s="1" t="s">
        <v>50333</v>
      </c>
      <c r="H13201" s="1" t="s">
        <v>50334</v>
      </c>
      <c r="I13201" s="1" t="s">
        <v>47531</v>
      </c>
      <c r="J13201" s="1" t="s">
        <v>50450</v>
      </c>
    </row>
    <row r="13202" spans="1:10" x14ac:dyDescent="0.35">
      <c r="A13202" s="1" t="s">
        <v>50451</v>
      </c>
      <c r="B13202" s="1" t="s">
        <v>50452</v>
      </c>
      <c r="C13202" s="1" t="s">
        <v>8</v>
      </c>
      <c r="D13202" s="1" t="s">
        <v>50453</v>
      </c>
      <c r="E13202" s="1" t="s">
        <v>50454</v>
      </c>
      <c r="F13202" s="1" t="s">
        <v>50455</v>
      </c>
      <c r="G13202" s="1" t="s">
        <v>50456</v>
      </c>
      <c r="H13202" s="1" t="s">
        <v>50457</v>
      </c>
      <c r="I13202" s="1" t="s">
        <v>50458</v>
      </c>
      <c r="J13202" s="1" t="s">
        <v>13</v>
      </c>
    </row>
    <row r="13203" spans="1:10" x14ac:dyDescent="0.35">
      <c r="A13203" s="1" t="s">
        <v>50451</v>
      </c>
      <c r="B13203" s="1" t="s">
        <v>50452</v>
      </c>
      <c r="C13203" s="1" t="s">
        <v>15</v>
      </c>
      <c r="D13203" s="1" t="s">
        <v>6673</v>
      </c>
      <c r="E13203" s="1" t="s">
        <v>50459</v>
      </c>
      <c r="F13203" s="1" t="s">
        <v>50460</v>
      </c>
      <c r="G13203" s="1" t="s">
        <v>50456</v>
      </c>
      <c r="H13203" s="1" t="s">
        <v>50457</v>
      </c>
      <c r="I13203" s="1" t="s">
        <v>50458</v>
      </c>
      <c r="J13203" s="1" t="s">
        <v>50461</v>
      </c>
    </row>
    <row r="13204" spans="1:10" x14ac:dyDescent="0.35">
      <c r="A13204" s="1" t="s">
        <v>50451</v>
      </c>
      <c r="B13204" s="1" t="s">
        <v>50452</v>
      </c>
      <c r="C13204" s="1" t="s">
        <v>20</v>
      </c>
      <c r="D13204" s="1" t="s">
        <v>15327</v>
      </c>
      <c r="E13204" s="1" t="s">
        <v>50462</v>
      </c>
      <c r="F13204" s="1" t="s">
        <v>50463</v>
      </c>
      <c r="G13204" s="1" t="s">
        <v>50456</v>
      </c>
      <c r="H13204" s="1" t="s">
        <v>50457</v>
      </c>
      <c r="I13204" s="1" t="s">
        <v>50458</v>
      </c>
      <c r="J13204" s="1" t="s">
        <v>50464</v>
      </c>
    </row>
    <row r="13205" spans="1:10" x14ac:dyDescent="0.35">
      <c r="A13205" s="1" t="s">
        <v>50451</v>
      </c>
      <c r="B13205" s="1" t="s">
        <v>50452</v>
      </c>
      <c r="C13205" s="1" t="s">
        <v>25</v>
      </c>
      <c r="D13205" s="1" t="s">
        <v>29637</v>
      </c>
      <c r="E13205" s="1" t="s">
        <v>50465</v>
      </c>
      <c r="F13205" s="1" t="s">
        <v>50466</v>
      </c>
      <c r="G13205" s="1" t="s">
        <v>50456</v>
      </c>
      <c r="H13205" s="1" t="s">
        <v>50457</v>
      </c>
      <c r="I13205" s="1" t="s">
        <v>50458</v>
      </c>
      <c r="J13205" s="1" t="s">
        <v>50467</v>
      </c>
    </row>
    <row r="13206" spans="1:10" x14ac:dyDescent="0.35">
      <c r="A13206" s="1" t="s">
        <v>50451</v>
      </c>
      <c r="B13206" s="1" t="s">
        <v>50452</v>
      </c>
      <c r="C13206" s="1" t="s">
        <v>30</v>
      </c>
      <c r="D13206" s="1" t="s">
        <v>45590</v>
      </c>
      <c r="E13206" s="1" t="s">
        <v>50468</v>
      </c>
      <c r="F13206" s="1" t="s">
        <v>50469</v>
      </c>
      <c r="G13206" s="1" t="s">
        <v>50456</v>
      </c>
      <c r="H13206" s="1" t="s">
        <v>50457</v>
      </c>
      <c r="I13206" s="1" t="s">
        <v>50458</v>
      </c>
      <c r="J13206" s="1" t="s">
        <v>50470</v>
      </c>
    </row>
    <row r="13207" spans="1:10" x14ac:dyDescent="0.35">
      <c r="A13207" s="1" t="s">
        <v>50451</v>
      </c>
      <c r="B13207" s="1" t="s">
        <v>50452</v>
      </c>
      <c r="C13207" s="1" t="s">
        <v>35</v>
      </c>
      <c r="D13207" s="1" t="s">
        <v>50471</v>
      </c>
      <c r="E13207" s="1" t="s">
        <v>50472</v>
      </c>
      <c r="F13207" s="1" t="s">
        <v>50473</v>
      </c>
      <c r="G13207" s="1" t="s">
        <v>50456</v>
      </c>
      <c r="H13207" s="1" t="s">
        <v>50457</v>
      </c>
      <c r="I13207" s="1" t="s">
        <v>50458</v>
      </c>
      <c r="J13207" s="1" t="s">
        <v>50474</v>
      </c>
    </row>
    <row r="13208" spans="1:10" x14ac:dyDescent="0.35">
      <c r="A13208" s="1" t="s">
        <v>50451</v>
      </c>
      <c r="B13208" s="1" t="s">
        <v>50452</v>
      </c>
      <c r="C13208" s="1" t="s">
        <v>40</v>
      </c>
      <c r="D13208" s="1" t="s">
        <v>50475</v>
      </c>
      <c r="E13208" s="1" t="s">
        <v>50476</v>
      </c>
      <c r="F13208" s="1" t="s">
        <v>50477</v>
      </c>
      <c r="G13208" s="1" t="s">
        <v>50456</v>
      </c>
      <c r="H13208" s="1" t="s">
        <v>50457</v>
      </c>
      <c r="I13208" s="1" t="s">
        <v>50458</v>
      </c>
      <c r="J13208" s="1" t="s">
        <v>50478</v>
      </c>
    </row>
    <row r="13209" spans="1:10" x14ac:dyDescent="0.35">
      <c r="A13209" s="1" t="s">
        <v>50451</v>
      </c>
      <c r="B13209" s="1" t="s">
        <v>50452</v>
      </c>
      <c r="C13209" s="1" t="s">
        <v>45</v>
      </c>
      <c r="D13209" s="1" t="s">
        <v>50479</v>
      </c>
      <c r="E13209" s="1" t="s">
        <v>50480</v>
      </c>
      <c r="F13209" s="1" t="s">
        <v>50481</v>
      </c>
      <c r="G13209" s="1" t="s">
        <v>50456</v>
      </c>
      <c r="H13209" s="1" t="s">
        <v>50457</v>
      </c>
      <c r="I13209" s="1" t="s">
        <v>50458</v>
      </c>
      <c r="J13209" s="1" t="s">
        <v>50482</v>
      </c>
    </row>
    <row r="13210" spans="1:10" x14ac:dyDescent="0.35">
      <c r="A13210" s="1" t="s">
        <v>50451</v>
      </c>
      <c r="B13210" s="1" t="s">
        <v>50452</v>
      </c>
      <c r="C13210" s="1" t="s">
        <v>50</v>
      </c>
      <c r="D13210" s="1" t="s">
        <v>1813</v>
      </c>
      <c r="E13210" s="1" t="s">
        <v>50483</v>
      </c>
      <c r="F13210" s="1" t="s">
        <v>50484</v>
      </c>
      <c r="G13210" s="1" t="s">
        <v>50456</v>
      </c>
      <c r="H13210" s="1" t="s">
        <v>50457</v>
      </c>
      <c r="I13210" s="1" t="s">
        <v>50458</v>
      </c>
      <c r="J13210" s="1" t="s">
        <v>50485</v>
      </c>
    </row>
    <row r="13211" spans="1:10" x14ac:dyDescent="0.35">
      <c r="A13211" s="1" t="s">
        <v>50451</v>
      </c>
      <c r="B13211" s="1" t="s">
        <v>50452</v>
      </c>
      <c r="C13211" s="1" t="s">
        <v>55</v>
      </c>
      <c r="D13211" s="1" t="s">
        <v>46807</v>
      </c>
      <c r="E13211" s="1" t="s">
        <v>50486</v>
      </c>
      <c r="F13211" s="1" t="s">
        <v>50487</v>
      </c>
      <c r="G13211" s="1" t="s">
        <v>50456</v>
      </c>
      <c r="H13211" s="1" t="s">
        <v>50457</v>
      </c>
      <c r="I13211" s="1" t="s">
        <v>50458</v>
      </c>
      <c r="J13211" s="1" t="s">
        <v>50488</v>
      </c>
    </row>
    <row r="13212" spans="1:10" x14ac:dyDescent="0.35">
      <c r="A13212" s="1" t="s">
        <v>50451</v>
      </c>
      <c r="B13212" s="1" t="s">
        <v>50452</v>
      </c>
      <c r="C13212" s="1" t="s">
        <v>60</v>
      </c>
      <c r="D13212" s="1" t="s">
        <v>46807</v>
      </c>
      <c r="E13212" s="1" t="s">
        <v>50489</v>
      </c>
      <c r="F13212" s="1" t="s">
        <v>50490</v>
      </c>
      <c r="G13212" s="1" t="s">
        <v>50456</v>
      </c>
      <c r="H13212" s="1" t="s">
        <v>50457</v>
      </c>
      <c r="I13212" s="1" t="s">
        <v>50458</v>
      </c>
      <c r="J13212" s="1" t="s">
        <v>1180</v>
      </c>
    </row>
    <row r="13213" spans="1:10" x14ac:dyDescent="0.35">
      <c r="A13213" s="1" t="s">
        <v>50451</v>
      </c>
      <c r="B13213" s="1" t="s">
        <v>50452</v>
      </c>
      <c r="C13213" s="1" t="s">
        <v>65</v>
      </c>
      <c r="D13213" s="1" t="s">
        <v>43784</v>
      </c>
      <c r="E13213" s="1" t="s">
        <v>50491</v>
      </c>
      <c r="F13213" s="1" t="s">
        <v>50492</v>
      </c>
      <c r="G13213" s="1" t="s">
        <v>50456</v>
      </c>
      <c r="H13213" s="1" t="s">
        <v>50457</v>
      </c>
      <c r="I13213" s="1" t="s">
        <v>50458</v>
      </c>
      <c r="J13213" s="1" t="s">
        <v>50493</v>
      </c>
    </row>
    <row r="13214" spans="1:10" x14ac:dyDescent="0.35">
      <c r="A13214" s="1" t="s">
        <v>50451</v>
      </c>
      <c r="B13214" s="1" t="s">
        <v>50452</v>
      </c>
      <c r="C13214" s="1" t="s">
        <v>70</v>
      </c>
      <c r="D13214" s="1" t="s">
        <v>9301</v>
      </c>
      <c r="E13214" s="1" t="s">
        <v>50494</v>
      </c>
      <c r="F13214" s="1" t="s">
        <v>50495</v>
      </c>
      <c r="G13214" s="1" t="s">
        <v>50456</v>
      </c>
      <c r="H13214" s="1" t="s">
        <v>50457</v>
      </c>
      <c r="I13214" s="1" t="s">
        <v>50458</v>
      </c>
      <c r="J13214" s="1" t="s">
        <v>50496</v>
      </c>
    </row>
    <row r="13215" spans="1:10" x14ac:dyDescent="0.35">
      <c r="A13215" s="1" t="s">
        <v>50451</v>
      </c>
      <c r="B13215" s="1" t="s">
        <v>50452</v>
      </c>
      <c r="C13215" s="1" t="s">
        <v>75</v>
      </c>
      <c r="D13215" s="1" t="s">
        <v>70</v>
      </c>
      <c r="E13215" s="1" t="s">
        <v>50497</v>
      </c>
      <c r="F13215" s="1" t="s">
        <v>50498</v>
      </c>
      <c r="G13215" s="1" t="s">
        <v>50456</v>
      </c>
      <c r="H13215" s="1" t="s">
        <v>50457</v>
      </c>
      <c r="I13215" s="1" t="s">
        <v>50458</v>
      </c>
      <c r="J13215" s="1" t="s">
        <v>50499</v>
      </c>
    </row>
    <row r="13216" spans="1:10" x14ac:dyDescent="0.35">
      <c r="A13216" s="1" t="s">
        <v>50451</v>
      </c>
      <c r="B13216" s="1" t="s">
        <v>50452</v>
      </c>
      <c r="C13216" s="1" t="s">
        <v>80</v>
      </c>
      <c r="D13216" s="1" t="s">
        <v>10070</v>
      </c>
      <c r="E13216" s="1" t="s">
        <v>50500</v>
      </c>
      <c r="F13216" s="1" t="s">
        <v>50501</v>
      </c>
      <c r="G13216" s="1" t="s">
        <v>50456</v>
      </c>
      <c r="H13216" s="1" t="s">
        <v>50457</v>
      </c>
      <c r="I13216" s="1" t="s">
        <v>50458</v>
      </c>
      <c r="J13216" s="1" t="s">
        <v>50502</v>
      </c>
    </row>
    <row r="13217" spans="1:10" x14ac:dyDescent="0.35">
      <c r="A13217" s="1" t="s">
        <v>50451</v>
      </c>
      <c r="B13217" s="1" t="s">
        <v>50452</v>
      </c>
      <c r="C13217" s="1" t="s">
        <v>85</v>
      </c>
      <c r="D13217" s="1" t="s">
        <v>27802</v>
      </c>
      <c r="E13217" s="1" t="s">
        <v>50503</v>
      </c>
      <c r="F13217" s="1" t="s">
        <v>50504</v>
      </c>
      <c r="G13217" s="1" t="s">
        <v>50456</v>
      </c>
      <c r="H13217" s="1" t="s">
        <v>50457</v>
      </c>
      <c r="I13217" s="1" t="s">
        <v>50458</v>
      </c>
      <c r="J13217" s="1" t="s">
        <v>50505</v>
      </c>
    </row>
    <row r="13218" spans="1:10" x14ac:dyDescent="0.35">
      <c r="A13218" s="1" t="s">
        <v>50451</v>
      </c>
      <c r="B13218" s="1" t="s">
        <v>50452</v>
      </c>
      <c r="C13218" s="1" t="s">
        <v>90</v>
      </c>
      <c r="D13218" s="1" t="s">
        <v>27410</v>
      </c>
      <c r="E13218" s="1" t="s">
        <v>50506</v>
      </c>
      <c r="F13218" s="1" t="s">
        <v>50507</v>
      </c>
      <c r="G13218" s="1" t="s">
        <v>50456</v>
      </c>
      <c r="H13218" s="1" t="s">
        <v>50457</v>
      </c>
      <c r="I13218" s="1" t="s">
        <v>50458</v>
      </c>
      <c r="J13218" s="1" t="s">
        <v>50508</v>
      </c>
    </row>
    <row r="13219" spans="1:10" x14ac:dyDescent="0.35">
      <c r="A13219" s="1" t="s">
        <v>50451</v>
      </c>
      <c r="B13219" s="1" t="s">
        <v>50452</v>
      </c>
      <c r="C13219" s="1" t="s">
        <v>95</v>
      </c>
      <c r="D13219" s="1" t="s">
        <v>50509</v>
      </c>
      <c r="E13219" s="1" t="s">
        <v>50510</v>
      </c>
      <c r="F13219" s="1" t="s">
        <v>50511</v>
      </c>
      <c r="G13219" s="1" t="s">
        <v>50456</v>
      </c>
      <c r="H13219" s="1" t="s">
        <v>50457</v>
      </c>
      <c r="I13219" s="1" t="s">
        <v>50458</v>
      </c>
      <c r="J13219" s="1" t="s">
        <v>50512</v>
      </c>
    </row>
    <row r="13220" spans="1:10" x14ac:dyDescent="0.35">
      <c r="A13220" s="1" t="s">
        <v>50451</v>
      </c>
      <c r="B13220" s="1" t="s">
        <v>50452</v>
      </c>
      <c r="C13220" s="1" t="s">
        <v>100</v>
      </c>
      <c r="D13220" s="1" t="s">
        <v>50513</v>
      </c>
      <c r="E13220" s="1" t="s">
        <v>50514</v>
      </c>
      <c r="F13220" s="1" t="s">
        <v>50515</v>
      </c>
      <c r="G13220" s="1" t="s">
        <v>50456</v>
      </c>
      <c r="H13220" s="1" t="s">
        <v>50457</v>
      </c>
      <c r="I13220" s="1" t="s">
        <v>50458</v>
      </c>
      <c r="J13220" s="1" t="s">
        <v>50516</v>
      </c>
    </row>
    <row r="13221" spans="1:10" x14ac:dyDescent="0.35">
      <c r="A13221" s="1" t="s">
        <v>50451</v>
      </c>
      <c r="B13221" s="1" t="s">
        <v>50452</v>
      </c>
      <c r="C13221" s="1" t="s">
        <v>105</v>
      </c>
      <c r="D13221" s="1" t="s">
        <v>50517</v>
      </c>
      <c r="E13221" s="1" t="s">
        <v>50518</v>
      </c>
      <c r="F13221" s="1" t="s">
        <v>50519</v>
      </c>
      <c r="G13221" s="1" t="s">
        <v>50456</v>
      </c>
      <c r="H13221" s="1" t="s">
        <v>50457</v>
      </c>
      <c r="I13221" s="1" t="s">
        <v>50458</v>
      </c>
      <c r="J13221" s="1" t="s">
        <v>50520</v>
      </c>
    </row>
    <row r="13222" spans="1:10" x14ac:dyDescent="0.35">
      <c r="A13222" s="1" t="s">
        <v>50451</v>
      </c>
      <c r="B13222" s="1" t="s">
        <v>50452</v>
      </c>
      <c r="C13222" s="1" t="s">
        <v>110</v>
      </c>
      <c r="D13222" s="1" t="s">
        <v>50521</v>
      </c>
      <c r="E13222" s="1" t="s">
        <v>50522</v>
      </c>
      <c r="F13222" s="1" t="s">
        <v>50523</v>
      </c>
      <c r="G13222" s="1" t="s">
        <v>50456</v>
      </c>
      <c r="H13222" s="1" t="s">
        <v>50457</v>
      </c>
      <c r="I13222" s="1" t="s">
        <v>50458</v>
      </c>
      <c r="J13222" s="1" t="s">
        <v>50524</v>
      </c>
    </row>
    <row r="13223" spans="1:10" x14ac:dyDescent="0.35">
      <c r="A13223" s="1" t="s">
        <v>50451</v>
      </c>
      <c r="B13223" s="1" t="s">
        <v>50452</v>
      </c>
      <c r="C13223" s="1" t="s">
        <v>115</v>
      </c>
      <c r="D13223" s="1" t="s">
        <v>50525</v>
      </c>
      <c r="E13223" s="1" t="s">
        <v>50526</v>
      </c>
      <c r="F13223" s="1" t="s">
        <v>50527</v>
      </c>
      <c r="G13223" s="1" t="s">
        <v>50456</v>
      </c>
      <c r="H13223" s="1" t="s">
        <v>50457</v>
      </c>
      <c r="I13223" s="1" t="s">
        <v>50458</v>
      </c>
      <c r="J13223" s="1" t="s">
        <v>50528</v>
      </c>
    </row>
    <row r="13224" spans="1:10" x14ac:dyDescent="0.35">
      <c r="A13224" s="1" t="s">
        <v>50451</v>
      </c>
      <c r="B13224" s="1" t="s">
        <v>50452</v>
      </c>
      <c r="C13224" s="1" t="s">
        <v>120</v>
      </c>
      <c r="D13224" s="1" t="s">
        <v>50529</v>
      </c>
      <c r="E13224" s="1" t="s">
        <v>50530</v>
      </c>
      <c r="F13224" s="1" t="s">
        <v>50531</v>
      </c>
      <c r="G13224" s="1" t="s">
        <v>50456</v>
      </c>
      <c r="H13224" s="1" t="s">
        <v>50457</v>
      </c>
      <c r="I13224" s="1" t="s">
        <v>50458</v>
      </c>
      <c r="J13224" s="1" t="s">
        <v>50532</v>
      </c>
    </row>
    <row r="13225" spans="1:10" x14ac:dyDescent="0.35">
      <c r="A13225" s="1" t="s">
        <v>50451</v>
      </c>
      <c r="B13225" s="1" t="s">
        <v>50452</v>
      </c>
      <c r="C13225" s="1" t="s">
        <v>125</v>
      </c>
      <c r="D13225" s="1" t="s">
        <v>4582</v>
      </c>
      <c r="E13225" s="1" t="s">
        <v>50533</v>
      </c>
      <c r="F13225" s="1" t="s">
        <v>50534</v>
      </c>
      <c r="G13225" s="1" t="s">
        <v>50456</v>
      </c>
      <c r="H13225" s="1" t="s">
        <v>50457</v>
      </c>
      <c r="I13225" s="1" t="s">
        <v>50458</v>
      </c>
      <c r="J13225" s="1" t="s">
        <v>50535</v>
      </c>
    </row>
    <row r="13226" spans="1:10" x14ac:dyDescent="0.35">
      <c r="A13226" s="1" t="s">
        <v>50451</v>
      </c>
      <c r="B13226" s="1" t="s">
        <v>50452</v>
      </c>
      <c r="C13226" s="1" t="s">
        <v>130</v>
      </c>
      <c r="D13226" s="1" t="s">
        <v>50536</v>
      </c>
      <c r="E13226" s="1" t="s">
        <v>50537</v>
      </c>
      <c r="F13226" s="1" t="s">
        <v>50538</v>
      </c>
      <c r="G13226" s="1" t="s">
        <v>50456</v>
      </c>
      <c r="H13226" s="1" t="s">
        <v>50457</v>
      </c>
      <c r="I13226" s="1" t="s">
        <v>50458</v>
      </c>
      <c r="J13226" s="1" t="s">
        <v>50539</v>
      </c>
    </row>
    <row r="13227" spans="1:10" x14ac:dyDescent="0.35">
      <c r="A13227" s="1" t="s">
        <v>50451</v>
      </c>
      <c r="B13227" s="1" t="s">
        <v>50452</v>
      </c>
      <c r="C13227" s="1" t="s">
        <v>135</v>
      </c>
      <c r="D13227" s="1" t="s">
        <v>50540</v>
      </c>
      <c r="E13227" s="1" t="s">
        <v>50541</v>
      </c>
      <c r="F13227" s="1" t="s">
        <v>50542</v>
      </c>
      <c r="G13227" s="1" t="s">
        <v>50456</v>
      </c>
      <c r="H13227" s="1" t="s">
        <v>50457</v>
      </c>
      <c r="I13227" s="1" t="s">
        <v>50458</v>
      </c>
      <c r="J13227" s="1" t="s">
        <v>50543</v>
      </c>
    </row>
    <row r="13228" spans="1:10" x14ac:dyDescent="0.35">
      <c r="A13228" s="1" t="s">
        <v>50451</v>
      </c>
      <c r="B13228" s="1" t="s">
        <v>50452</v>
      </c>
      <c r="C13228" s="1" t="s">
        <v>140</v>
      </c>
      <c r="D13228" s="1" t="s">
        <v>50544</v>
      </c>
      <c r="E13228" s="1" t="s">
        <v>50545</v>
      </c>
      <c r="F13228" s="1" t="s">
        <v>50546</v>
      </c>
      <c r="G13228" s="1" t="s">
        <v>50456</v>
      </c>
      <c r="H13228" s="1" t="s">
        <v>50457</v>
      </c>
      <c r="I13228" s="1" t="s">
        <v>50458</v>
      </c>
      <c r="J13228" s="1" t="s">
        <v>50547</v>
      </c>
    </row>
    <row r="13229" spans="1:10" x14ac:dyDescent="0.35">
      <c r="A13229" s="1" t="s">
        <v>50451</v>
      </c>
      <c r="B13229" s="1" t="s">
        <v>50452</v>
      </c>
      <c r="C13229" s="1" t="s">
        <v>145</v>
      </c>
      <c r="D13229" s="1" t="s">
        <v>35817</v>
      </c>
      <c r="E13229" s="1" t="s">
        <v>50548</v>
      </c>
      <c r="F13229" s="1" t="s">
        <v>50549</v>
      </c>
      <c r="G13229" s="1" t="s">
        <v>50456</v>
      </c>
      <c r="H13229" s="1" t="s">
        <v>50457</v>
      </c>
      <c r="I13229" s="1" t="s">
        <v>50458</v>
      </c>
      <c r="J13229" s="1" t="s">
        <v>50550</v>
      </c>
    </row>
    <row r="13230" spans="1:10" x14ac:dyDescent="0.35">
      <c r="A13230" s="1" t="s">
        <v>50451</v>
      </c>
      <c r="B13230" s="1" t="s">
        <v>50452</v>
      </c>
      <c r="C13230" s="1" t="s">
        <v>150</v>
      </c>
      <c r="D13230" s="1" t="s">
        <v>50551</v>
      </c>
      <c r="E13230" s="1" t="s">
        <v>50552</v>
      </c>
      <c r="F13230" s="1" t="s">
        <v>50553</v>
      </c>
      <c r="G13230" s="1" t="s">
        <v>50456</v>
      </c>
      <c r="H13230" s="1" t="s">
        <v>50457</v>
      </c>
      <c r="I13230" s="1" t="s">
        <v>50458</v>
      </c>
      <c r="J13230" s="1" t="s">
        <v>50554</v>
      </c>
    </row>
    <row r="13231" spans="1:10" x14ac:dyDescent="0.35">
      <c r="A13231" s="1" t="s">
        <v>50451</v>
      </c>
      <c r="B13231" s="1" t="s">
        <v>50452</v>
      </c>
      <c r="C13231" s="1" t="s">
        <v>155</v>
      </c>
      <c r="D13231" s="1" t="s">
        <v>44939</v>
      </c>
      <c r="E13231" s="1" t="s">
        <v>50555</v>
      </c>
      <c r="F13231" s="1" t="s">
        <v>50556</v>
      </c>
      <c r="G13231" s="1" t="s">
        <v>50456</v>
      </c>
      <c r="H13231" s="1" t="s">
        <v>50457</v>
      </c>
      <c r="I13231" s="1" t="s">
        <v>50458</v>
      </c>
      <c r="J13231" s="1" t="s">
        <v>50557</v>
      </c>
    </row>
    <row r="13232" spans="1:10" x14ac:dyDescent="0.35">
      <c r="A13232" s="1" t="s">
        <v>50451</v>
      </c>
      <c r="B13232" s="1" t="s">
        <v>50452</v>
      </c>
      <c r="C13232" s="1" t="s">
        <v>160</v>
      </c>
      <c r="D13232" s="1" t="s">
        <v>17179</v>
      </c>
      <c r="E13232" s="1" t="s">
        <v>50558</v>
      </c>
      <c r="F13232" s="1" t="s">
        <v>50559</v>
      </c>
      <c r="G13232" s="1" t="s">
        <v>50456</v>
      </c>
      <c r="H13232" s="1" t="s">
        <v>50457</v>
      </c>
      <c r="I13232" s="1" t="s">
        <v>50458</v>
      </c>
      <c r="J13232" s="1" t="s">
        <v>50560</v>
      </c>
    </row>
    <row r="13233" spans="1:10" x14ac:dyDescent="0.35">
      <c r="A13233" s="1" t="s">
        <v>50451</v>
      </c>
      <c r="B13233" s="1" t="s">
        <v>50452</v>
      </c>
      <c r="C13233" s="1" t="s">
        <v>165</v>
      </c>
      <c r="D13233" s="1" t="s">
        <v>50561</v>
      </c>
      <c r="E13233" s="1" t="s">
        <v>50562</v>
      </c>
      <c r="F13233" s="1" t="s">
        <v>50563</v>
      </c>
      <c r="G13233" s="1" t="s">
        <v>50456</v>
      </c>
      <c r="H13233" s="1" t="s">
        <v>50457</v>
      </c>
      <c r="I13233" s="1" t="s">
        <v>50458</v>
      </c>
      <c r="J13233" s="1" t="s">
        <v>50564</v>
      </c>
    </row>
    <row r="13234" spans="1:10" x14ac:dyDescent="0.35">
      <c r="A13234" s="1" t="s">
        <v>50451</v>
      </c>
      <c r="B13234" s="1" t="s">
        <v>50452</v>
      </c>
      <c r="C13234" s="1" t="s">
        <v>170</v>
      </c>
      <c r="D13234" s="1" t="s">
        <v>15423</v>
      </c>
      <c r="E13234" s="1" t="s">
        <v>50565</v>
      </c>
      <c r="F13234" s="1" t="s">
        <v>50566</v>
      </c>
      <c r="G13234" s="1" t="s">
        <v>50456</v>
      </c>
      <c r="H13234" s="1" t="s">
        <v>50457</v>
      </c>
      <c r="I13234" s="1" t="s">
        <v>50458</v>
      </c>
      <c r="J13234" s="1" t="s">
        <v>50567</v>
      </c>
    </row>
    <row r="13235" spans="1:10" x14ac:dyDescent="0.35">
      <c r="A13235" s="1" t="s">
        <v>50568</v>
      </c>
      <c r="B13235" s="1" t="s">
        <v>50452</v>
      </c>
      <c r="C13235" s="1" t="s">
        <v>8</v>
      </c>
      <c r="D13235" s="1" t="s">
        <v>14045</v>
      </c>
      <c r="E13235" s="1" t="s">
        <v>50569</v>
      </c>
      <c r="F13235" s="1" t="s">
        <v>50570</v>
      </c>
      <c r="G13235" s="1" t="s">
        <v>50571</v>
      </c>
      <c r="H13235" s="1" t="s">
        <v>50572</v>
      </c>
      <c r="I13235" s="1" t="s">
        <v>50458</v>
      </c>
      <c r="J13235" s="1" t="s">
        <v>13</v>
      </c>
    </row>
    <row r="13236" spans="1:10" x14ac:dyDescent="0.35">
      <c r="A13236" s="1" t="s">
        <v>50568</v>
      </c>
      <c r="B13236" s="1" t="s">
        <v>50452</v>
      </c>
      <c r="C13236" s="1" t="s">
        <v>15</v>
      </c>
      <c r="D13236" s="1" t="s">
        <v>6649</v>
      </c>
      <c r="E13236" s="1" t="s">
        <v>50573</v>
      </c>
      <c r="F13236" s="1" t="s">
        <v>50574</v>
      </c>
      <c r="G13236" s="1" t="s">
        <v>50571</v>
      </c>
      <c r="H13236" s="1" t="s">
        <v>50572</v>
      </c>
      <c r="I13236" s="1" t="s">
        <v>50458</v>
      </c>
      <c r="J13236" s="1" t="s">
        <v>50575</v>
      </c>
    </row>
    <row r="13237" spans="1:10" x14ac:dyDescent="0.35">
      <c r="A13237" s="1" t="s">
        <v>50568</v>
      </c>
      <c r="B13237" s="1" t="s">
        <v>50452</v>
      </c>
      <c r="C13237" s="1" t="s">
        <v>20</v>
      </c>
      <c r="D13237" s="1" t="s">
        <v>2861</v>
      </c>
      <c r="E13237" s="1" t="s">
        <v>50576</v>
      </c>
      <c r="F13237" s="1" t="s">
        <v>50577</v>
      </c>
      <c r="G13237" s="1" t="s">
        <v>50571</v>
      </c>
      <c r="H13237" s="1" t="s">
        <v>50572</v>
      </c>
      <c r="I13237" s="1" t="s">
        <v>50458</v>
      </c>
      <c r="J13237" s="1" t="s">
        <v>50578</v>
      </c>
    </row>
    <row r="13238" spans="1:10" x14ac:dyDescent="0.35">
      <c r="A13238" s="1" t="s">
        <v>50568</v>
      </c>
      <c r="B13238" s="1" t="s">
        <v>50452</v>
      </c>
      <c r="C13238" s="1" t="s">
        <v>25</v>
      </c>
      <c r="D13238" s="1" t="s">
        <v>12899</v>
      </c>
      <c r="E13238" s="1" t="s">
        <v>50579</v>
      </c>
      <c r="F13238" s="1" t="s">
        <v>50580</v>
      </c>
      <c r="G13238" s="1" t="s">
        <v>50571</v>
      </c>
      <c r="H13238" s="1" t="s">
        <v>50572</v>
      </c>
      <c r="I13238" s="1" t="s">
        <v>50458</v>
      </c>
      <c r="J13238" s="1" t="s">
        <v>50581</v>
      </c>
    </row>
    <row r="13239" spans="1:10" x14ac:dyDescent="0.35">
      <c r="A13239" s="1" t="s">
        <v>50568</v>
      </c>
      <c r="B13239" s="1" t="s">
        <v>50452</v>
      </c>
      <c r="C13239" s="1" t="s">
        <v>30</v>
      </c>
      <c r="D13239" s="1" t="s">
        <v>3545</v>
      </c>
      <c r="E13239" s="1" t="s">
        <v>50582</v>
      </c>
      <c r="F13239" s="1" t="s">
        <v>50583</v>
      </c>
      <c r="G13239" s="1" t="s">
        <v>50571</v>
      </c>
      <c r="H13239" s="1" t="s">
        <v>50572</v>
      </c>
      <c r="I13239" s="1" t="s">
        <v>50458</v>
      </c>
      <c r="J13239" s="1" t="s">
        <v>50584</v>
      </c>
    </row>
    <row r="13240" spans="1:10" x14ac:dyDescent="0.35">
      <c r="A13240" s="1" t="s">
        <v>50568</v>
      </c>
      <c r="B13240" s="1" t="s">
        <v>50452</v>
      </c>
      <c r="C13240" s="1" t="s">
        <v>35</v>
      </c>
      <c r="D13240" s="1" t="s">
        <v>50585</v>
      </c>
      <c r="E13240" s="1" t="s">
        <v>50586</v>
      </c>
      <c r="F13240" s="1" t="s">
        <v>50587</v>
      </c>
      <c r="G13240" s="1" t="s">
        <v>50571</v>
      </c>
      <c r="H13240" s="1" t="s">
        <v>50572</v>
      </c>
      <c r="I13240" s="1" t="s">
        <v>50458</v>
      </c>
      <c r="J13240" s="1" t="s">
        <v>50588</v>
      </c>
    </row>
    <row r="13241" spans="1:10" x14ac:dyDescent="0.35">
      <c r="A13241" s="1" t="s">
        <v>50568</v>
      </c>
      <c r="B13241" s="1" t="s">
        <v>50452</v>
      </c>
      <c r="C13241" s="1" t="s">
        <v>40</v>
      </c>
      <c r="D13241" s="1" t="s">
        <v>50589</v>
      </c>
      <c r="E13241" s="1" t="s">
        <v>50590</v>
      </c>
      <c r="F13241" s="1" t="s">
        <v>50591</v>
      </c>
      <c r="G13241" s="1" t="s">
        <v>50571</v>
      </c>
      <c r="H13241" s="1" t="s">
        <v>50572</v>
      </c>
      <c r="I13241" s="1" t="s">
        <v>50458</v>
      </c>
      <c r="J13241" s="1" t="s">
        <v>50592</v>
      </c>
    </row>
    <row r="13242" spans="1:10" x14ac:dyDescent="0.35">
      <c r="A13242" s="1" t="s">
        <v>50568</v>
      </c>
      <c r="B13242" s="1" t="s">
        <v>50452</v>
      </c>
      <c r="C13242" s="1" t="s">
        <v>45</v>
      </c>
      <c r="D13242" s="1" t="s">
        <v>50593</v>
      </c>
      <c r="E13242" s="1" t="s">
        <v>50594</v>
      </c>
      <c r="F13242" s="1" t="s">
        <v>50595</v>
      </c>
      <c r="G13242" s="1" t="s">
        <v>50571</v>
      </c>
      <c r="H13242" s="1" t="s">
        <v>50572</v>
      </c>
      <c r="I13242" s="1" t="s">
        <v>50458</v>
      </c>
      <c r="J13242" s="1" t="s">
        <v>50596</v>
      </c>
    </row>
    <row r="13243" spans="1:10" x14ac:dyDescent="0.35">
      <c r="A13243" s="1" t="s">
        <v>50568</v>
      </c>
      <c r="B13243" s="1" t="s">
        <v>50452</v>
      </c>
      <c r="C13243" s="1" t="s">
        <v>50</v>
      </c>
      <c r="D13243" s="1" t="s">
        <v>50597</v>
      </c>
      <c r="E13243" s="1" t="s">
        <v>50598</v>
      </c>
      <c r="F13243" s="1" t="s">
        <v>50599</v>
      </c>
      <c r="G13243" s="1" t="s">
        <v>50571</v>
      </c>
      <c r="H13243" s="1" t="s">
        <v>50572</v>
      </c>
      <c r="I13243" s="1" t="s">
        <v>50458</v>
      </c>
      <c r="J13243" s="1" t="s">
        <v>50600</v>
      </c>
    </row>
    <row r="13244" spans="1:10" x14ac:dyDescent="0.35">
      <c r="A13244" s="1" t="s">
        <v>50568</v>
      </c>
      <c r="B13244" s="1" t="s">
        <v>50452</v>
      </c>
      <c r="C13244" s="1" t="s">
        <v>55</v>
      </c>
      <c r="D13244" s="1" t="s">
        <v>25092</v>
      </c>
      <c r="E13244" s="1" t="s">
        <v>50601</v>
      </c>
      <c r="F13244" s="1" t="s">
        <v>50602</v>
      </c>
      <c r="G13244" s="1" t="s">
        <v>50571</v>
      </c>
      <c r="H13244" s="1" t="s">
        <v>50572</v>
      </c>
      <c r="I13244" s="1" t="s">
        <v>50458</v>
      </c>
      <c r="J13244" s="1" t="s">
        <v>50603</v>
      </c>
    </row>
    <row r="13245" spans="1:10" x14ac:dyDescent="0.35">
      <c r="A13245" s="1" t="s">
        <v>50568</v>
      </c>
      <c r="B13245" s="1" t="s">
        <v>50452</v>
      </c>
      <c r="C13245" s="1" t="s">
        <v>60</v>
      </c>
      <c r="D13245" s="1" t="s">
        <v>25092</v>
      </c>
      <c r="E13245" s="1" t="s">
        <v>50604</v>
      </c>
      <c r="F13245" s="1" t="s">
        <v>50605</v>
      </c>
      <c r="G13245" s="1" t="s">
        <v>50571</v>
      </c>
      <c r="H13245" s="1" t="s">
        <v>50572</v>
      </c>
      <c r="I13245" s="1" t="s">
        <v>50458</v>
      </c>
      <c r="J13245" s="1" t="s">
        <v>1180</v>
      </c>
    </row>
    <row r="13246" spans="1:10" x14ac:dyDescent="0.35">
      <c r="A13246" s="1" t="s">
        <v>50568</v>
      </c>
      <c r="B13246" s="1" t="s">
        <v>50452</v>
      </c>
      <c r="C13246" s="1" t="s">
        <v>65</v>
      </c>
      <c r="D13246" s="1" t="s">
        <v>50606</v>
      </c>
      <c r="E13246" s="1" t="s">
        <v>50607</v>
      </c>
      <c r="F13246" s="1" t="s">
        <v>50608</v>
      </c>
      <c r="G13246" s="1" t="s">
        <v>50571</v>
      </c>
      <c r="H13246" s="1" t="s">
        <v>50572</v>
      </c>
      <c r="I13246" s="1" t="s">
        <v>50458</v>
      </c>
      <c r="J13246" s="1" t="s">
        <v>50609</v>
      </c>
    </row>
    <row r="13247" spans="1:10" x14ac:dyDescent="0.35">
      <c r="A13247" s="1" t="s">
        <v>50568</v>
      </c>
      <c r="B13247" s="1" t="s">
        <v>50452</v>
      </c>
      <c r="C13247" s="1" t="s">
        <v>70</v>
      </c>
      <c r="D13247" s="1" t="s">
        <v>10243</v>
      </c>
      <c r="E13247" s="1" t="s">
        <v>50610</v>
      </c>
      <c r="F13247" s="1" t="s">
        <v>50611</v>
      </c>
      <c r="G13247" s="1" t="s">
        <v>50571</v>
      </c>
      <c r="H13247" s="1" t="s">
        <v>50572</v>
      </c>
      <c r="I13247" s="1" t="s">
        <v>50458</v>
      </c>
      <c r="J13247" s="1" t="s">
        <v>50612</v>
      </c>
    </row>
    <row r="13248" spans="1:10" x14ac:dyDescent="0.35">
      <c r="A13248" s="1" t="s">
        <v>50568</v>
      </c>
      <c r="B13248" s="1" t="s">
        <v>50452</v>
      </c>
      <c r="C13248" s="1" t="s">
        <v>75</v>
      </c>
      <c r="D13248" s="1" t="s">
        <v>13866</v>
      </c>
      <c r="E13248" s="1" t="s">
        <v>50613</v>
      </c>
      <c r="F13248" s="1" t="s">
        <v>50614</v>
      </c>
      <c r="G13248" s="1" t="s">
        <v>50571</v>
      </c>
      <c r="H13248" s="1" t="s">
        <v>50572</v>
      </c>
      <c r="I13248" s="1" t="s">
        <v>50458</v>
      </c>
      <c r="J13248" s="1" t="s">
        <v>50615</v>
      </c>
    </row>
    <row r="13249" spans="1:10" x14ac:dyDescent="0.35">
      <c r="A13249" s="1" t="s">
        <v>50568</v>
      </c>
      <c r="B13249" s="1" t="s">
        <v>50452</v>
      </c>
      <c r="C13249" s="1" t="s">
        <v>80</v>
      </c>
      <c r="D13249" s="1" t="s">
        <v>50616</v>
      </c>
      <c r="E13249" s="1" t="s">
        <v>50617</v>
      </c>
      <c r="F13249" s="1" t="s">
        <v>50618</v>
      </c>
      <c r="G13249" s="1" t="s">
        <v>50571</v>
      </c>
      <c r="H13249" s="1" t="s">
        <v>50572</v>
      </c>
      <c r="I13249" s="1" t="s">
        <v>50458</v>
      </c>
      <c r="J13249" s="1" t="s">
        <v>50619</v>
      </c>
    </row>
    <row r="13250" spans="1:10" x14ac:dyDescent="0.35">
      <c r="A13250" s="1" t="s">
        <v>50568</v>
      </c>
      <c r="B13250" s="1" t="s">
        <v>50452</v>
      </c>
      <c r="C13250" s="1" t="s">
        <v>85</v>
      </c>
      <c r="D13250" s="1" t="s">
        <v>10270</v>
      </c>
      <c r="E13250" s="1" t="s">
        <v>50620</v>
      </c>
      <c r="F13250" s="1" t="s">
        <v>50621</v>
      </c>
      <c r="G13250" s="1" t="s">
        <v>50571</v>
      </c>
      <c r="H13250" s="1" t="s">
        <v>50572</v>
      </c>
      <c r="I13250" s="1" t="s">
        <v>50458</v>
      </c>
      <c r="J13250" s="1" t="s">
        <v>50622</v>
      </c>
    </row>
    <row r="13251" spans="1:10" x14ac:dyDescent="0.35">
      <c r="A13251" s="1" t="s">
        <v>50568</v>
      </c>
      <c r="B13251" s="1" t="s">
        <v>50452</v>
      </c>
      <c r="C13251" s="1" t="s">
        <v>90</v>
      </c>
      <c r="D13251" s="1" t="s">
        <v>27771</v>
      </c>
      <c r="E13251" s="1" t="s">
        <v>50623</v>
      </c>
      <c r="F13251" s="1" t="s">
        <v>50624</v>
      </c>
      <c r="G13251" s="1" t="s">
        <v>50571</v>
      </c>
      <c r="H13251" s="1" t="s">
        <v>50572</v>
      </c>
      <c r="I13251" s="1" t="s">
        <v>50458</v>
      </c>
      <c r="J13251" s="1" t="s">
        <v>50625</v>
      </c>
    </row>
    <row r="13252" spans="1:10" x14ac:dyDescent="0.35">
      <c r="A13252" s="1" t="s">
        <v>50568</v>
      </c>
      <c r="B13252" s="1" t="s">
        <v>50452</v>
      </c>
      <c r="C13252" s="1" t="s">
        <v>95</v>
      </c>
      <c r="D13252" s="1" t="s">
        <v>36089</v>
      </c>
      <c r="E13252" s="1" t="s">
        <v>50626</v>
      </c>
      <c r="F13252" s="1" t="s">
        <v>50627</v>
      </c>
      <c r="G13252" s="1" t="s">
        <v>50571</v>
      </c>
      <c r="H13252" s="1" t="s">
        <v>50572</v>
      </c>
      <c r="I13252" s="1" t="s">
        <v>50458</v>
      </c>
      <c r="J13252" s="1" t="s">
        <v>50628</v>
      </c>
    </row>
    <row r="13253" spans="1:10" x14ac:dyDescent="0.35">
      <c r="A13253" s="1" t="s">
        <v>50568</v>
      </c>
      <c r="B13253" s="1" t="s">
        <v>50452</v>
      </c>
      <c r="C13253" s="1" t="s">
        <v>100</v>
      </c>
      <c r="D13253" s="1" t="s">
        <v>7099</v>
      </c>
      <c r="E13253" s="1" t="s">
        <v>50629</v>
      </c>
      <c r="F13253" s="1" t="s">
        <v>50630</v>
      </c>
      <c r="G13253" s="1" t="s">
        <v>50571</v>
      </c>
      <c r="H13253" s="1" t="s">
        <v>50572</v>
      </c>
      <c r="I13253" s="1" t="s">
        <v>50458</v>
      </c>
      <c r="J13253" s="1" t="s">
        <v>50631</v>
      </c>
    </row>
    <row r="13254" spans="1:10" x14ac:dyDescent="0.35">
      <c r="A13254" s="1" t="s">
        <v>50568</v>
      </c>
      <c r="B13254" s="1" t="s">
        <v>50452</v>
      </c>
      <c r="C13254" s="1" t="s">
        <v>105</v>
      </c>
      <c r="D13254" s="1" t="s">
        <v>50632</v>
      </c>
      <c r="E13254" s="1" t="s">
        <v>50633</v>
      </c>
      <c r="F13254" s="1" t="s">
        <v>50634</v>
      </c>
      <c r="G13254" s="1" t="s">
        <v>50571</v>
      </c>
      <c r="H13254" s="1" t="s">
        <v>50572</v>
      </c>
      <c r="I13254" s="1" t="s">
        <v>50458</v>
      </c>
      <c r="J13254" s="1" t="s">
        <v>50635</v>
      </c>
    </row>
    <row r="13255" spans="1:10" x14ac:dyDescent="0.35">
      <c r="A13255" s="1" t="s">
        <v>50568</v>
      </c>
      <c r="B13255" s="1" t="s">
        <v>50452</v>
      </c>
      <c r="C13255" s="1" t="s">
        <v>110</v>
      </c>
      <c r="D13255" s="1" t="s">
        <v>50636</v>
      </c>
      <c r="E13255" s="1" t="s">
        <v>50637</v>
      </c>
      <c r="F13255" s="1" t="s">
        <v>50638</v>
      </c>
      <c r="G13255" s="1" t="s">
        <v>50571</v>
      </c>
      <c r="H13255" s="1" t="s">
        <v>50572</v>
      </c>
      <c r="I13255" s="1" t="s">
        <v>50458</v>
      </c>
      <c r="J13255" s="1" t="s">
        <v>50639</v>
      </c>
    </row>
    <row r="13256" spans="1:10" x14ac:dyDescent="0.35">
      <c r="A13256" s="1" t="s">
        <v>50568</v>
      </c>
      <c r="B13256" s="1" t="s">
        <v>50452</v>
      </c>
      <c r="C13256" s="1" t="s">
        <v>115</v>
      </c>
      <c r="D13256" s="1" t="s">
        <v>46871</v>
      </c>
      <c r="E13256" s="1" t="s">
        <v>50640</v>
      </c>
      <c r="F13256" s="1" t="s">
        <v>50641</v>
      </c>
      <c r="G13256" s="1" t="s">
        <v>50571</v>
      </c>
      <c r="H13256" s="1" t="s">
        <v>50572</v>
      </c>
      <c r="I13256" s="1" t="s">
        <v>50458</v>
      </c>
      <c r="J13256" s="1" t="s">
        <v>50642</v>
      </c>
    </row>
    <row r="13257" spans="1:10" x14ac:dyDescent="0.35">
      <c r="A13257" s="1" t="s">
        <v>50568</v>
      </c>
      <c r="B13257" s="1" t="s">
        <v>50452</v>
      </c>
      <c r="C13257" s="1" t="s">
        <v>120</v>
      </c>
      <c r="D13257" s="1" t="s">
        <v>50643</v>
      </c>
      <c r="E13257" s="1" t="s">
        <v>50644</v>
      </c>
      <c r="F13257" s="1" t="s">
        <v>50645</v>
      </c>
      <c r="G13257" s="1" t="s">
        <v>50571</v>
      </c>
      <c r="H13257" s="1" t="s">
        <v>50572</v>
      </c>
      <c r="I13257" s="1" t="s">
        <v>50458</v>
      </c>
      <c r="J13257" s="1" t="s">
        <v>50646</v>
      </c>
    </row>
    <row r="13258" spans="1:10" x14ac:dyDescent="0.35">
      <c r="A13258" s="1" t="s">
        <v>50568</v>
      </c>
      <c r="B13258" s="1" t="s">
        <v>50452</v>
      </c>
      <c r="C13258" s="1" t="s">
        <v>125</v>
      </c>
      <c r="D13258" s="1" t="s">
        <v>50647</v>
      </c>
      <c r="E13258" s="1" t="s">
        <v>50648</v>
      </c>
      <c r="F13258" s="1" t="s">
        <v>50649</v>
      </c>
      <c r="G13258" s="1" t="s">
        <v>50571</v>
      </c>
      <c r="H13258" s="1" t="s">
        <v>50572</v>
      </c>
      <c r="I13258" s="1" t="s">
        <v>50458</v>
      </c>
      <c r="J13258" s="1" t="s">
        <v>50650</v>
      </c>
    </row>
    <row r="13259" spans="1:10" x14ac:dyDescent="0.35">
      <c r="A13259" s="1" t="s">
        <v>50568</v>
      </c>
      <c r="B13259" s="1" t="s">
        <v>50452</v>
      </c>
      <c r="C13259" s="1" t="s">
        <v>130</v>
      </c>
      <c r="D13259" s="1" t="s">
        <v>50651</v>
      </c>
      <c r="E13259" s="1" t="s">
        <v>50652</v>
      </c>
      <c r="F13259" s="1" t="s">
        <v>50653</v>
      </c>
      <c r="G13259" s="1" t="s">
        <v>50571</v>
      </c>
      <c r="H13259" s="1" t="s">
        <v>50572</v>
      </c>
      <c r="I13259" s="1" t="s">
        <v>50458</v>
      </c>
      <c r="J13259" s="1" t="s">
        <v>50654</v>
      </c>
    </row>
    <row r="13260" spans="1:10" x14ac:dyDescent="0.35">
      <c r="A13260" s="1" t="s">
        <v>50568</v>
      </c>
      <c r="B13260" s="1" t="s">
        <v>50452</v>
      </c>
      <c r="C13260" s="1" t="s">
        <v>135</v>
      </c>
      <c r="D13260" s="1" t="s">
        <v>34173</v>
      </c>
      <c r="E13260" s="1" t="s">
        <v>50655</v>
      </c>
      <c r="F13260" s="1" t="s">
        <v>50656</v>
      </c>
      <c r="G13260" s="1" t="s">
        <v>50571</v>
      </c>
      <c r="H13260" s="1" t="s">
        <v>50572</v>
      </c>
      <c r="I13260" s="1" t="s">
        <v>50458</v>
      </c>
      <c r="J13260" s="1" t="s">
        <v>50657</v>
      </c>
    </row>
    <row r="13261" spans="1:10" x14ac:dyDescent="0.35">
      <c r="A13261" s="1" t="s">
        <v>50568</v>
      </c>
      <c r="B13261" s="1" t="s">
        <v>50452</v>
      </c>
      <c r="C13261" s="1" t="s">
        <v>140</v>
      </c>
      <c r="D13261" s="1" t="s">
        <v>50658</v>
      </c>
      <c r="E13261" s="1" t="s">
        <v>50659</v>
      </c>
      <c r="F13261" s="1" t="s">
        <v>50660</v>
      </c>
      <c r="G13261" s="1" t="s">
        <v>50571</v>
      </c>
      <c r="H13261" s="1" t="s">
        <v>50572</v>
      </c>
      <c r="I13261" s="1" t="s">
        <v>50458</v>
      </c>
      <c r="J13261" s="1" t="s">
        <v>50661</v>
      </c>
    </row>
    <row r="13262" spans="1:10" x14ac:dyDescent="0.35">
      <c r="A13262" s="1" t="s">
        <v>50568</v>
      </c>
      <c r="B13262" s="1" t="s">
        <v>50452</v>
      </c>
      <c r="C13262" s="1" t="s">
        <v>145</v>
      </c>
      <c r="D13262" s="1" t="s">
        <v>50662</v>
      </c>
      <c r="E13262" s="1" t="s">
        <v>50663</v>
      </c>
      <c r="F13262" s="1" t="s">
        <v>50664</v>
      </c>
      <c r="G13262" s="1" t="s">
        <v>50571</v>
      </c>
      <c r="H13262" s="1" t="s">
        <v>50572</v>
      </c>
      <c r="I13262" s="1" t="s">
        <v>50458</v>
      </c>
      <c r="J13262" s="1" t="s">
        <v>50665</v>
      </c>
    </row>
    <row r="13263" spans="1:10" x14ac:dyDescent="0.35">
      <c r="A13263" s="1" t="s">
        <v>50568</v>
      </c>
      <c r="B13263" s="1" t="s">
        <v>50452</v>
      </c>
      <c r="C13263" s="1" t="s">
        <v>150</v>
      </c>
      <c r="D13263" s="1" t="s">
        <v>50666</v>
      </c>
      <c r="E13263" s="1" t="s">
        <v>50667</v>
      </c>
      <c r="F13263" s="1" t="s">
        <v>50668</v>
      </c>
      <c r="G13263" s="1" t="s">
        <v>50571</v>
      </c>
      <c r="H13263" s="1" t="s">
        <v>50572</v>
      </c>
      <c r="I13263" s="1" t="s">
        <v>50458</v>
      </c>
      <c r="J13263" s="1" t="s">
        <v>50669</v>
      </c>
    </row>
    <row r="13264" spans="1:10" x14ac:dyDescent="0.35">
      <c r="A13264" s="1" t="s">
        <v>50568</v>
      </c>
      <c r="B13264" s="1" t="s">
        <v>50452</v>
      </c>
      <c r="C13264" s="1" t="s">
        <v>155</v>
      </c>
      <c r="D13264" s="1" t="s">
        <v>50670</v>
      </c>
      <c r="E13264" s="1" t="s">
        <v>50671</v>
      </c>
      <c r="F13264" s="1" t="s">
        <v>50672</v>
      </c>
      <c r="G13264" s="1" t="s">
        <v>50571</v>
      </c>
      <c r="H13264" s="1" t="s">
        <v>50572</v>
      </c>
      <c r="I13264" s="1" t="s">
        <v>50458</v>
      </c>
      <c r="J13264" s="1" t="s">
        <v>50673</v>
      </c>
    </row>
    <row r="13265" spans="1:10" x14ac:dyDescent="0.35">
      <c r="A13265" s="1" t="s">
        <v>50568</v>
      </c>
      <c r="B13265" s="1" t="s">
        <v>50452</v>
      </c>
      <c r="C13265" s="1" t="s">
        <v>160</v>
      </c>
      <c r="D13265" s="1" t="s">
        <v>50674</v>
      </c>
      <c r="E13265" s="1" t="s">
        <v>50675</v>
      </c>
      <c r="F13265" s="1" t="s">
        <v>50676</v>
      </c>
      <c r="G13265" s="1" t="s">
        <v>50571</v>
      </c>
      <c r="H13265" s="1" t="s">
        <v>50572</v>
      </c>
      <c r="I13265" s="1" t="s">
        <v>50458</v>
      </c>
      <c r="J13265" s="1" t="s">
        <v>50677</v>
      </c>
    </row>
    <row r="13266" spans="1:10" x14ac:dyDescent="0.35">
      <c r="A13266" s="1" t="s">
        <v>50568</v>
      </c>
      <c r="B13266" s="1" t="s">
        <v>50452</v>
      </c>
      <c r="C13266" s="1" t="s">
        <v>165</v>
      </c>
      <c r="D13266" s="1" t="s">
        <v>50678</v>
      </c>
      <c r="E13266" s="1" t="s">
        <v>50679</v>
      </c>
      <c r="F13266" s="1" t="s">
        <v>50680</v>
      </c>
      <c r="G13266" s="1" t="s">
        <v>50571</v>
      </c>
      <c r="H13266" s="1" t="s">
        <v>50572</v>
      </c>
      <c r="I13266" s="1" t="s">
        <v>50458</v>
      </c>
      <c r="J13266" s="1" t="s">
        <v>50681</v>
      </c>
    </row>
    <row r="13267" spans="1:10" x14ac:dyDescent="0.35">
      <c r="A13267" s="1" t="s">
        <v>50568</v>
      </c>
      <c r="B13267" s="1" t="s">
        <v>50452</v>
      </c>
      <c r="C13267" s="1" t="s">
        <v>170</v>
      </c>
      <c r="D13267" s="1" t="s">
        <v>31855</v>
      </c>
      <c r="E13267" s="1" t="s">
        <v>50682</v>
      </c>
      <c r="F13267" s="1" t="s">
        <v>50683</v>
      </c>
      <c r="G13267" s="1" t="s">
        <v>50571</v>
      </c>
      <c r="H13267" s="1" t="s">
        <v>50572</v>
      </c>
      <c r="I13267" s="1" t="s">
        <v>50458</v>
      </c>
      <c r="J13267" s="1" t="s">
        <v>50684</v>
      </c>
    </row>
    <row r="13268" spans="1:10" x14ac:dyDescent="0.35">
      <c r="A13268" s="1" t="s">
        <v>50685</v>
      </c>
      <c r="B13268" s="1" t="s">
        <v>50452</v>
      </c>
      <c r="C13268" s="1" t="s">
        <v>8</v>
      </c>
      <c r="D13268" s="1" t="s">
        <v>8337</v>
      </c>
      <c r="E13268" s="1" t="s">
        <v>50686</v>
      </c>
      <c r="F13268" s="1" t="s">
        <v>50687</v>
      </c>
      <c r="G13268" s="1" t="s">
        <v>50688</v>
      </c>
      <c r="H13268" s="1" t="s">
        <v>50689</v>
      </c>
      <c r="I13268" s="1" t="s">
        <v>50458</v>
      </c>
      <c r="J13268" s="1" t="s">
        <v>13</v>
      </c>
    </row>
    <row r="13269" spans="1:10" x14ac:dyDescent="0.35">
      <c r="A13269" s="1" t="s">
        <v>50685</v>
      </c>
      <c r="B13269" s="1" t="s">
        <v>50452</v>
      </c>
      <c r="C13269" s="1" t="s">
        <v>15</v>
      </c>
      <c r="D13269" s="1" t="s">
        <v>1572</v>
      </c>
      <c r="E13269" s="1" t="s">
        <v>50690</v>
      </c>
      <c r="F13269" s="1" t="s">
        <v>50691</v>
      </c>
      <c r="G13269" s="1" t="s">
        <v>50688</v>
      </c>
      <c r="H13269" s="1" t="s">
        <v>50689</v>
      </c>
      <c r="I13269" s="1" t="s">
        <v>50458</v>
      </c>
      <c r="J13269" s="1" t="s">
        <v>50692</v>
      </c>
    </row>
    <row r="13270" spans="1:10" x14ac:dyDescent="0.35">
      <c r="A13270" s="1" t="s">
        <v>50685</v>
      </c>
      <c r="B13270" s="1" t="s">
        <v>50452</v>
      </c>
      <c r="C13270" s="1" t="s">
        <v>20</v>
      </c>
      <c r="D13270" s="1" t="s">
        <v>50693</v>
      </c>
      <c r="E13270" s="1" t="s">
        <v>50694</v>
      </c>
      <c r="F13270" s="1" t="s">
        <v>50695</v>
      </c>
      <c r="G13270" s="1" t="s">
        <v>50688</v>
      </c>
      <c r="H13270" s="1" t="s">
        <v>50689</v>
      </c>
      <c r="I13270" s="1" t="s">
        <v>50458</v>
      </c>
      <c r="J13270" s="1" t="s">
        <v>50696</v>
      </c>
    </row>
    <row r="13271" spans="1:10" x14ac:dyDescent="0.35">
      <c r="A13271" s="1" t="s">
        <v>50685</v>
      </c>
      <c r="B13271" s="1" t="s">
        <v>50452</v>
      </c>
      <c r="C13271" s="1" t="s">
        <v>25</v>
      </c>
      <c r="D13271" s="1" t="s">
        <v>8438</v>
      </c>
      <c r="E13271" s="1" t="s">
        <v>50697</v>
      </c>
      <c r="F13271" s="1" t="s">
        <v>50698</v>
      </c>
      <c r="G13271" s="1" t="s">
        <v>50688</v>
      </c>
      <c r="H13271" s="1" t="s">
        <v>50689</v>
      </c>
      <c r="I13271" s="1" t="s">
        <v>50458</v>
      </c>
      <c r="J13271" s="1" t="s">
        <v>50699</v>
      </c>
    </row>
    <row r="13272" spans="1:10" x14ac:dyDescent="0.35">
      <c r="A13272" s="1" t="s">
        <v>50685</v>
      </c>
      <c r="B13272" s="1" t="s">
        <v>50452</v>
      </c>
      <c r="C13272" s="1" t="s">
        <v>30</v>
      </c>
      <c r="D13272" s="1" t="s">
        <v>50700</v>
      </c>
      <c r="E13272" s="1" t="s">
        <v>28033</v>
      </c>
      <c r="F13272" s="1" t="s">
        <v>50701</v>
      </c>
      <c r="G13272" s="1" t="s">
        <v>50688</v>
      </c>
      <c r="H13272" s="1" t="s">
        <v>50689</v>
      </c>
      <c r="I13272" s="1" t="s">
        <v>50458</v>
      </c>
      <c r="J13272" s="1" t="s">
        <v>50702</v>
      </c>
    </row>
    <row r="13273" spans="1:10" x14ac:dyDescent="0.35">
      <c r="A13273" s="1" t="s">
        <v>50685</v>
      </c>
      <c r="B13273" s="1" t="s">
        <v>50452</v>
      </c>
      <c r="C13273" s="1" t="s">
        <v>35</v>
      </c>
      <c r="D13273" s="1" t="s">
        <v>50703</v>
      </c>
      <c r="E13273" s="1" t="s">
        <v>50704</v>
      </c>
      <c r="F13273" s="1" t="s">
        <v>50705</v>
      </c>
      <c r="G13273" s="1" t="s">
        <v>50688</v>
      </c>
      <c r="H13273" s="1" t="s">
        <v>50689</v>
      </c>
      <c r="I13273" s="1" t="s">
        <v>50458</v>
      </c>
      <c r="J13273" s="1" t="s">
        <v>50706</v>
      </c>
    </row>
    <row r="13274" spans="1:10" x14ac:dyDescent="0.35">
      <c r="A13274" s="1" t="s">
        <v>50685</v>
      </c>
      <c r="B13274" s="1" t="s">
        <v>50452</v>
      </c>
      <c r="C13274" s="1" t="s">
        <v>40</v>
      </c>
      <c r="D13274" s="1" t="s">
        <v>33773</v>
      </c>
      <c r="E13274" s="1" t="s">
        <v>50707</v>
      </c>
      <c r="F13274" s="1" t="s">
        <v>50708</v>
      </c>
      <c r="G13274" s="1" t="s">
        <v>50688</v>
      </c>
      <c r="H13274" s="1" t="s">
        <v>50689</v>
      </c>
      <c r="I13274" s="1" t="s">
        <v>50458</v>
      </c>
      <c r="J13274" s="1" t="s">
        <v>50709</v>
      </c>
    </row>
    <row r="13275" spans="1:10" x14ac:dyDescent="0.35">
      <c r="A13275" s="1" t="s">
        <v>50685</v>
      </c>
      <c r="B13275" s="1" t="s">
        <v>50452</v>
      </c>
      <c r="C13275" s="1" t="s">
        <v>45</v>
      </c>
      <c r="D13275" s="1" t="s">
        <v>50710</v>
      </c>
      <c r="E13275" s="1" t="s">
        <v>50711</v>
      </c>
      <c r="F13275" s="1" t="s">
        <v>50712</v>
      </c>
      <c r="G13275" s="1" t="s">
        <v>50688</v>
      </c>
      <c r="H13275" s="1" t="s">
        <v>50689</v>
      </c>
      <c r="I13275" s="1" t="s">
        <v>50458</v>
      </c>
      <c r="J13275" s="1" t="s">
        <v>50713</v>
      </c>
    </row>
    <row r="13276" spans="1:10" x14ac:dyDescent="0.35">
      <c r="A13276" s="1" t="s">
        <v>50685</v>
      </c>
      <c r="B13276" s="1" t="s">
        <v>50452</v>
      </c>
      <c r="C13276" s="1" t="s">
        <v>50</v>
      </c>
      <c r="D13276" s="1" t="s">
        <v>50714</v>
      </c>
      <c r="E13276" s="1" t="s">
        <v>50715</v>
      </c>
      <c r="F13276" s="1" t="s">
        <v>50716</v>
      </c>
      <c r="G13276" s="1" t="s">
        <v>50688</v>
      </c>
      <c r="H13276" s="1" t="s">
        <v>50689</v>
      </c>
      <c r="I13276" s="1" t="s">
        <v>50458</v>
      </c>
      <c r="J13276" s="1" t="s">
        <v>50717</v>
      </c>
    </row>
    <row r="13277" spans="1:10" x14ac:dyDescent="0.35">
      <c r="A13277" s="1" t="s">
        <v>50685</v>
      </c>
      <c r="B13277" s="1" t="s">
        <v>50452</v>
      </c>
      <c r="C13277" s="1" t="s">
        <v>55</v>
      </c>
      <c r="D13277" s="1" t="s">
        <v>13770</v>
      </c>
      <c r="E13277" s="1" t="s">
        <v>50718</v>
      </c>
      <c r="F13277" s="1" t="s">
        <v>50719</v>
      </c>
      <c r="G13277" s="1" t="s">
        <v>50688</v>
      </c>
      <c r="H13277" s="1" t="s">
        <v>50689</v>
      </c>
      <c r="I13277" s="1" t="s">
        <v>50458</v>
      </c>
      <c r="J13277" s="1" t="s">
        <v>50720</v>
      </c>
    </row>
    <row r="13278" spans="1:10" x14ac:dyDescent="0.35">
      <c r="A13278" s="1" t="s">
        <v>50685</v>
      </c>
      <c r="B13278" s="1" t="s">
        <v>50452</v>
      </c>
      <c r="C13278" s="1" t="s">
        <v>60</v>
      </c>
      <c r="D13278" s="1" t="s">
        <v>13770</v>
      </c>
      <c r="E13278" s="1" t="s">
        <v>50721</v>
      </c>
      <c r="F13278" s="1" t="s">
        <v>50722</v>
      </c>
      <c r="G13278" s="1" t="s">
        <v>50688</v>
      </c>
      <c r="H13278" s="1" t="s">
        <v>50689</v>
      </c>
      <c r="I13278" s="1" t="s">
        <v>50458</v>
      </c>
      <c r="J13278" s="1" t="s">
        <v>1180</v>
      </c>
    </row>
    <row r="13279" spans="1:10" x14ac:dyDescent="0.35">
      <c r="A13279" s="1" t="s">
        <v>50685</v>
      </c>
      <c r="B13279" s="1" t="s">
        <v>50452</v>
      </c>
      <c r="C13279" s="1" t="s">
        <v>65</v>
      </c>
      <c r="D13279" s="1" t="s">
        <v>50723</v>
      </c>
      <c r="E13279" s="1" t="s">
        <v>50724</v>
      </c>
      <c r="F13279" s="1" t="s">
        <v>50725</v>
      </c>
      <c r="G13279" s="1" t="s">
        <v>50688</v>
      </c>
      <c r="H13279" s="1" t="s">
        <v>50689</v>
      </c>
      <c r="I13279" s="1" t="s">
        <v>50458</v>
      </c>
      <c r="J13279" s="1" t="s">
        <v>50726</v>
      </c>
    </row>
    <row r="13280" spans="1:10" x14ac:dyDescent="0.35">
      <c r="A13280" s="1" t="s">
        <v>50685</v>
      </c>
      <c r="B13280" s="1" t="s">
        <v>50452</v>
      </c>
      <c r="C13280" s="1" t="s">
        <v>70</v>
      </c>
      <c r="D13280" s="1" t="s">
        <v>6221</v>
      </c>
      <c r="E13280" s="1" t="s">
        <v>50727</v>
      </c>
      <c r="F13280" s="1" t="s">
        <v>50728</v>
      </c>
      <c r="G13280" s="1" t="s">
        <v>50688</v>
      </c>
      <c r="H13280" s="1" t="s">
        <v>50689</v>
      </c>
      <c r="I13280" s="1" t="s">
        <v>50458</v>
      </c>
      <c r="J13280" s="1" t="s">
        <v>50729</v>
      </c>
    </row>
    <row r="13281" spans="1:10" x14ac:dyDescent="0.35">
      <c r="A13281" s="1" t="s">
        <v>50685</v>
      </c>
      <c r="B13281" s="1" t="s">
        <v>50452</v>
      </c>
      <c r="C13281" s="1" t="s">
        <v>75</v>
      </c>
      <c r="D13281" s="1" t="s">
        <v>44273</v>
      </c>
      <c r="E13281" s="1" t="s">
        <v>50730</v>
      </c>
      <c r="F13281" s="1" t="s">
        <v>50731</v>
      </c>
      <c r="G13281" s="1" t="s">
        <v>50688</v>
      </c>
      <c r="H13281" s="1" t="s">
        <v>50689</v>
      </c>
      <c r="I13281" s="1" t="s">
        <v>50458</v>
      </c>
      <c r="J13281" s="1" t="s">
        <v>50732</v>
      </c>
    </row>
    <row r="13282" spans="1:10" x14ac:dyDescent="0.35">
      <c r="A13282" s="1" t="s">
        <v>50685</v>
      </c>
      <c r="B13282" s="1" t="s">
        <v>50452</v>
      </c>
      <c r="C13282" s="1" t="s">
        <v>80</v>
      </c>
      <c r="D13282" s="1" t="s">
        <v>44019</v>
      </c>
      <c r="E13282" s="1" t="s">
        <v>50733</v>
      </c>
      <c r="F13282" s="1" t="s">
        <v>50734</v>
      </c>
      <c r="G13282" s="1" t="s">
        <v>50688</v>
      </c>
      <c r="H13282" s="1" t="s">
        <v>50689</v>
      </c>
      <c r="I13282" s="1" t="s">
        <v>50458</v>
      </c>
      <c r="J13282" s="1" t="s">
        <v>50735</v>
      </c>
    </row>
    <row r="13283" spans="1:10" x14ac:dyDescent="0.35">
      <c r="A13283" s="1" t="s">
        <v>50685</v>
      </c>
      <c r="B13283" s="1" t="s">
        <v>50452</v>
      </c>
      <c r="C13283" s="1" t="s">
        <v>85</v>
      </c>
      <c r="D13283" s="1" t="s">
        <v>29619</v>
      </c>
      <c r="E13283" s="1" t="s">
        <v>50736</v>
      </c>
      <c r="F13283" s="1" t="s">
        <v>50737</v>
      </c>
      <c r="G13283" s="1" t="s">
        <v>50688</v>
      </c>
      <c r="H13283" s="1" t="s">
        <v>50689</v>
      </c>
      <c r="I13283" s="1" t="s">
        <v>50458</v>
      </c>
      <c r="J13283" s="1" t="s">
        <v>50738</v>
      </c>
    </row>
    <row r="13284" spans="1:10" x14ac:dyDescent="0.35">
      <c r="A13284" s="1" t="s">
        <v>50685</v>
      </c>
      <c r="B13284" s="1" t="s">
        <v>50452</v>
      </c>
      <c r="C13284" s="1" t="s">
        <v>90</v>
      </c>
      <c r="D13284" s="1" t="s">
        <v>4297</v>
      </c>
      <c r="E13284" s="1" t="s">
        <v>50739</v>
      </c>
      <c r="F13284" s="1" t="s">
        <v>50740</v>
      </c>
      <c r="G13284" s="1" t="s">
        <v>50688</v>
      </c>
      <c r="H13284" s="1" t="s">
        <v>50689</v>
      </c>
      <c r="I13284" s="1" t="s">
        <v>50458</v>
      </c>
      <c r="J13284" s="1" t="s">
        <v>50741</v>
      </c>
    </row>
    <row r="13285" spans="1:10" x14ac:dyDescent="0.35">
      <c r="A13285" s="1" t="s">
        <v>50685</v>
      </c>
      <c r="B13285" s="1" t="s">
        <v>50452</v>
      </c>
      <c r="C13285" s="1" t="s">
        <v>95</v>
      </c>
      <c r="D13285" s="1" t="s">
        <v>27517</v>
      </c>
      <c r="E13285" s="1" t="s">
        <v>50742</v>
      </c>
      <c r="F13285" s="1" t="s">
        <v>50743</v>
      </c>
      <c r="G13285" s="1" t="s">
        <v>50688</v>
      </c>
      <c r="H13285" s="1" t="s">
        <v>50689</v>
      </c>
      <c r="I13285" s="1" t="s">
        <v>50458</v>
      </c>
      <c r="J13285" s="1" t="s">
        <v>50744</v>
      </c>
    </row>
    <row r="13286" spans="1:10" x14ac:dyDescent="0.35">
      <c r="A13286" s="1" t="s">
        <v>50685</v>
      </c>
      <c r="B13286" s="1" t="s">
        <v>50452</v>
      </c>
      <c r="C13286" s="1" t="s">
        <v>100</v>
      </c>
      <c r="D13286" s="1" t="s">
        <v>50745</v>
      </c>
      <c r="E13286" s="1" t="s">
        <v>50746</v>
      </c>
      <c r="F13286" s="1" t="s">
        <v>50747</v>
      </c>
      <c r="G13286" s="1" t="s">
        <v>50688</v>
      </c>
      <c r="H13286" s="1" t="s">
        <v>50689</v>
      </c>
      <c r="I13286" s="1" t="s">
        <v>50458</v>
      </c>
      <c r="J13286" s="1" t="s">
        <v>50748</v>
      </c>
    </row>
    <row r="13287" spans="1:10" x14ac:dyDescent="0.35">
      <c r="A13287" s="1" t="s">
        <v>50685</v>
      </c>
      <c r="B13287" s="1" t="s">
        <v>50452</v>
      </c>
      <c r="C13287" s="1" t="s">
        <v>105</v>
      </c>
      <c r="D13287" s="1" t="s">
        <v>45646</v>
      </c>
      <c r="E13287" s="1" t="s">
        <v>50749</v>
      </c>
      <c r="F13287" s="1" t="s">
        <v>50750</v>
      </c>
      <c r="G13287" s="1" t="s">
        <v>50688</v>
      </c>
      <c r="H13287" s="1" t="s">
        <v>50689</v>
      </c>
      <c r="I13287" s="1" t="s">
        <v>50458</v>
      </c>
      <c r="J13287" s="1" t="s">
        <v>50751</v>
      </c>
    </row>
    <row r="13288" spans="1:10" x14ac:dyDescent="0.35">
      <c r="A13288" s="1" t="s">
        <v>50685</v>
      </c>
      <c r="B13288" s="1" t="s">
        <v>50452</v>
      </c>
      <c r="C13288" s="1" t="s">
        <v>110</v>
      </c>
      <c r="D13288" s="1" t="s">
        <v>9694</v>
      </c>
      <c r="E13288" s="1" t="s">
        <v>50752</v>
      </c>
      <c r="F13288" s="1" t="s">
        <v>50753</v>
      </c>
      <c r="G13288" s="1" t="s">
        <v>50688</v>
      </c>
      <c r="H13288" s="1" t="s">
        <v>50689</v>
      </c>
      <c r="I13288" s="1" t="s">
        <v>50458</v>
      </c>
      <c r="J13288" s="1" t="s">
        <v>50754</v>
      </c>
    </row>
    <row r="13289" spans="1:10" x14ac:dyDescent="0.35">
      <c r="A13289" s="1" t="s">
        <v>50685</v>
      </c>
      <c r="B13289" s="1" t="s">
        <v>50452</v>
      </c>
      <c r="C13289" s="1" t="s">
        <v>115</v>
      </c>
      <c r="D13289" s="1" t="s">
        <v>50755</v>
      </c>
      <c r="E13289" s="1" t="s">
        <v>50756</v>
      </c>
      <c r="F13289" s="1" t="s">
        <v>50757</v>
      </c>
      <c r="G13289" s="1" t="s">
        <v>50688</v>
      </c>
      <c r="H13289" s="1" t="s">
        <v>50689</v>
      </c>
      <c r="I13289" s="1" t="s">
        <v>50458</v>
      </c>
      <c r="J13289" s="1" t="s">
        <v>50758</v>
      </c>
    </row>
    <row r="13290" spans="1:10" x14ac:dyDescent="0.35">
      <c r="A13290" s="1" t="s">
        <v>50685</v>
      </c>
      <c r="B13290" s="1" t="s">
        <v>50452</v>
      </c>
      <c r="C13290" s="1" t="s">
        <v>120</v>
      </c>
      <c r="D13290" s="1" t="s">
        <v>44693</v>
      </c>
      <c r="E13290" s="1" t="s">
        <v>50759</v>
      </c>
      <c r="F13290" s="1" t="s">
        <v>50760</v>
      </c>
      <c r="G13290" s="1" t="s">
        <v>50688</v>
      </c>
      <c r="H13290" s="1" t="s">
        <v>50689</v>
      </c>
      <c r="I13290" s="1" t="s">
        <v>50458</v>
      </c>
      <c r="J13290" s="1" t="s">
        <v>50761</v>
      </c>
    </row>
    <row r="13291" spans="1:10" x14ac:dyDescent="0.35">
      <c r="A13291" s="1" t="s">
        <v>50685</v>
      </c>
      <c r="B13291" s="1" t="s">
        <v>50452</v>
      </c>
      <c r="C13291" s="1" t="s">
        <v>125</v>
      </c>
      <c r="D13291" s="1" t="s">
        <v>47343</v>
      </c>
      <c r="E13291" s="1" t="s">
        <v>50762</v>
      </c>
      <c r="F13291" s="1" t="s">
        <v>50763</v>
      </c>
      <c r="G13291" s="1" t="s">
        <v>50688</v>
      </c>
      <c r="H13291" s="1" t="s">
        <v>50689</v>
      </c>
      <c r="I13291" s="1" t="s">
        <v>50458</v>
      </c>
      <c r="J13291" s="1" t="s">
        <v>50764</v>
      </c>
    </row>
    <row r="13292" spans="1:10" x14ac:dyDescent="0.35">
      <c r="A13292" s="1" t="s">
        <v>50685</v>
      </c>
      <c r="B13292" s="1" t="s">
        <v>50452</v>
      </c>
      <c r="C13292" s="1" t="s">
        <v>130</v>
      </c>
      <c r="D13292" s="1" t="s">
        <v>34052</v>
      </c>
      <c r="E13292" s="1" t="s">
        <v>50765</v>
      </c>
      <c r="F13292" s="1" t="s">
        <v>50766</v>
      </c>
      <c r="G13292" s="1" t="s">
        <v>50688</v>
      </c>
      <c r="H13292" s="1" t="s">
        <v>50689</v>
      </c>
      <c r="I13292" s="1" t="s">
        <v>50458</v>
      </c>
      <c r="J13292" s="1" t="s">
        <v>50767</v>
      </c>
    </row>
    <row r="13293" spans="1:10" x14ac:dyDescent="0.35">
      <c r="A13293" s="1" t="s">
        <v>50685</v>
      </c>
      <c r="B13293" s="1" t="s">
        <v>50452</v>
      </c>
      <c r="C13293" s="1" t="s">
        <v>135</v>
      </c>
      <c r="D13293" s="1" t="s">
        <v>34056</v>
      </c>
      <c r="E13293" s="1" t="s">
        <v>50768</v>
      </c>
      <c r="F13293" s="1" t="s">
        <v>50769</v>
      </c>
      <c r="G13293" s="1" t="s">
        <v>50688</v>
      </c>
      <c r="H13293" s="1" t="s">
        <v>50689</v>
      </c>
      <c r="I13293" s="1" t="s">
        <v>50458</v>
      </c>
      <c r="J13293" s="1" t="s">
        <v>34059</v>
      </c>
    </row>
    <row r="13294" spans="1:10" x14ac:dyDescent="0.35">
      <c r="A13294" s="1" t="s">
        <v>50685</v>
      </c>
      <c r="B13294" s="1" t="s">
        <v>50452</v>
      </c>
      <c r="C13294" s="1" t="s">
        <v>140</v>
      </c>
      <c r="D13294" s="1" t="s">
        <v>3355</v>
      </c>
      <c r="E13294" s="1" t="s">
        <v>50770</v>
      </c>
      <c r="F13294" s="1" t="s">
        <v>50771</v>
      </c>
      <c r="G13294" s="1" t="s">
        <v>50688</v>
      </c>
      <c r="H13294" s="1" t="s">
        <v>50689</v>
      </c>
      <c r="I13294" s="1" t="s">
        <v>50458</v>
      </c>
      <c r="J13294" s="1" t="s">
        <v>50772</v>
      </c>
    </row>
    <row r="13295" spans="1:10" x14ac:dyDescent="0.35">
      <c r="A13295" s="1" t="s">
        <v>50685</v>
      </c>
      <c r="B13295" s="1" t="s">
        <v>50452</v>
      </c>
      <c r="C13295" s="1" t="s">
        <v>145</v>
      </c>
      <c r="D13295" s="1" t="s">
        <v>50773</v>
      </c>
      <c r="E13295" s="1" t="s">
        <v>50774</v>
      </c>
      <c r="F13295" s="1" t="s">
        <v>50775</v>
      </c>
      <c r="G13295" s="1" t="s">
        <v>50688</v>
      </c>
      <c r="H13295" s="1" t="s">
        <v>50689</v>
      </c>
      <c r="I13295" s="1" t="s">
        <v>50458</v>
      </c>
      <c r="J13295" s="1" t="s">
        <v>50776</v>
      </c>
    </row>
    <row r="13296" spans="1:10" x14ac:dyDescent="0.35">
      <c r="A13296" s="1" t="s">
        <v>50685</v>
      </c>
      <c r="B13296" s="1" t="s">
        <v>50452</v>
      </c>
      <c r="C13296" s="1" t="s">
        <v>150</v>
      </c>
      <c r="D13296" s="1" t="s">
        <v>50777</v>
      </c>
      <c r="E13296" s="1" t="s">
        <v>50778</v>
      </c>
      <c r="F13296" s="1" t="s">
        <v>50779</v>
      </c>
      <c r="G13296" s="1" t="s">
        <v>50688</v>
      </c>
      <c r="H13296" s="1" t="s">
        <v>50689</v>
      </c>
      <c r="I13296" s="1" t="s">
        <v>50458</v>
      </c>
      <c r="J13296" s="1" t="s">
        <v>50780</v>
      </c>
    </row>
    <row r="13297" spans="1:10" x14ac:dyDescent="0.35">
      <c r="A13297" s="1" t="s">
        <v>50685</v>
      </c>
      <c r="B13297" s="1" t="s">
        <v>50452</v>
      </c>
      <c r="C13297" s="1" t="s">
        <v>155</v>
      </c>
      <c r="D13297" s="1" t="s">
        <v>50781</v>
      </c>
      <c r="E13297" s="1" t="s">
        <v>50782</v>
      </c>
      <c r="F13297" s="1" t="s">
        <v>50783</v>
      </c>
      <c r="G13297" s="1" t="s">
        <v>50688</v>
      </c>
      <c r="H13297" s="1" t="s">
        <v>50689</v>
      </c>
      <c r="I13297" s="1" t="s">
        <v>50458</v>
      </c>
      <c r="J13297" s="1" t="s">
        <v>50784</v>
      </c>
    </row>
    <row r="13298" spans="1:10" x14ac:dyDescent="0.35">
      <c r="A13298" s="1" t="s">
        <v>50685</v>
      </c>
      <c r="B13298" s="1" t="s">
        <v>50452</v>
      </c>
      <c r="C13298" s="1" t="s">
        <v>160</v>
      </c>
      <c r="D13298" s="1" t="s">
        <v>50785</v>
      </c>
      <c r="E13298" s="1" t="s">
        <v>50786</v>
      </c>
      <c r="F13298" s="1" t="s">
        <v>50787</v>
      </c>
      <c r="G13298" s="1" t="s">
        <v>50688</v>
      </c>
      <c r="H13298" s="1" t="s">
        <v>50689</v>
      </c>
      <c r="I13298" s="1" t="s">
        <v>50458</v>
      </c>
      <c r="J13298" s="1" t="s">
        <v>50788</v>
      </c>
    </row>
    <row r="13299" spans="1:10" x14ac:dyDescent="0.35">
      <c r="A13299" s="1" t="s">
        <v>50685</v>
      </c>
      <c r="B13299" s="1" t="s">
        <v>50452</v>
      </c>
      <c r="C13299" s="1" t="s">
        <v>165</v>
      </c>
      <c r="D13299" s="1" t="s">
        <v>14214</v>
      </c>
      <c r="E13299" s="1" t="s">
        <v>50789</v>
      </c>
      <c r="F13299" s="1" t="s">
        <v>50790</v>
      </c>
      <c r="G13299" s="1" t="s">
        <v>50688</v>
      </c>
      <c r="H13299" s="1" t="s">
        <v>50689</v>
      </c>
      <c r="I13299" s="1" t="s">
        <v>50458</v>
      </c>
      <c r="J13299" s="1" t="s">
        <v>50791</v>
      </c>
    </row>
    <row r="13300" spans="1:10" x14ac:dyDescent="0.35">
      <c r="A13300" s="1" t="s">
        <v>50685</v>
      </c>
      <c r="B13300" s="1" t="s">
        <v>50452</v>
      </c>
      <c r="C13300" s="1" t="s">
        <v>170</v>
      </c>
      <c r="D13300" s="1" t="s">
        <v>33425</v>
      </c>
      <c r="E13300" s="1" t="s">
        <v>50792</v>
      </c>
      <c r="F13300" s="1" t="s">
        <v>50793</v>
      </c>
      <c r="G13300" s="1" t="s">
        <v>50688</v>
      </c>
      <c r="H13300" s="1" t="s">
        <v>50689</v>
      </c>
      <c r="I13300" s="1" t="s">
        <v>50458</v>
      </c>
      <c r="J13300" s="1" t="s">
        <v>50794</v>
      </c>
    </row>
    <row r="13301" spans="1:10" x14ac:dyDescent="0.35">
      <c r="A13301" s="1" t="s">
        <v>50795</v>
      </c>
      <c r="B13301" s="1" t="s">
        <v>50452</v>
      </c>
      <c r="C13301" s="1" t="s">
        <v>8</v>
      </c>
      <c r="D13301" s="1" t="s">
        <v>50796</v>
      </c>
      <c r="E13301" s="1" t="s">
        <v>28969</v>
      </c>
      <c r="F13301" s="1" t="s">
        <v>50797</v>
      </c>
      <c r="G13301" s="1" t="s">
        <v>50798</v>
      </c>
      <c r="H13301" s="1" t="s">
        <v>50799</v>
      </c>
      <c r="I13301" s="1" t="s">
        <v>50458</v>
      </c>
      <c r="J13301" s="1" t="s">
        <v>13</v>
      </c>
    </row>
    <row r="13302" spans="1:10" x14ac:dyDescent="0.35">
      <c r="A13302" s="1" t="s">
        <v>50795</v>
      </c>
      <c r="B13302" s="1" t="s">
        <v>50452</v>
      </c>
      <c r="C13302" s="1" t="s">
        <v>15</v>
      </c>
      <c r="D13302" s="1" t="s">
        <v>50800</v>
      </c>
      <c r="E13302" s="1" t="s">
        <v>50762</v>
      </c>
      <c r="F13302" s="1" t="s">
        <v>50801</v>
      </c>
      <c r="G13302" s="1" t="s">
        <v>50798</v>
      </c>
      <c r="H13302" s="1" t="s">
        <v>50799</v>
      </c>
      <c r="I13302" s="1" t="s">
        <v>50458</v>
      </c>
      <c r="J13302" s="1" t="s">
        <v>50802</v>
      </c>
    </row>
    <row r="13303" spans="1:10" x14ac:dyDescent="0.35">
      <c r="A13303" s="1" t="s">
        <v>50795</v>
      </c>
      <c r="B13303" s="1" t="s">
        <v>50452</v>
      </c>
      <c r="C13303" s="1" t="s">
        <v>20</v>
      </c>
      <c r="D13303" s="1" t="s">
        <v>35362</v>
      </c>
      <c r="E13303" s="1" t="s">
        <v>50803</v>
      </c>
      <c r="F13303" s="1" t="s">
        <v>50804</v>
      </c>
      <c r="G13303" s="1" t="s">
        <v>50798</v>
      </c>
      <c r="H13303" s="1" t="s">
        <v>50799</v>
      </c>
      <c r="I13303" s="1" t="s">
        <v>50458</v>
      </c>
      <c r="J13303" s="1" t="s">
        <v>50805</v>
      </c>
    </row>
    <row r="13304" spans="1:10" x14ac:dyDescent="0.35">
      <c r="A13304" s="1" t="s">
        <v>50795</v>
      </c>
      <c r="B13304" s="1" t="s">
        <v>50452</v>
      </c>
      <c r="C13304" s="1" t="s">
        <v>25</v>
      </c>
      <c r="D13304" s="1" t="s">
        <v>50806</v>
      </c>
      <c r="E13304" s="1" t="s">
        <v>50807</v>
      </c>
      <c r="F13304" s="1" t="s">
        <v>50808</v>
      </c>
      <c r="G13304" s="1" t="s">
        <v>50798</v>
      </c>
      <c r="H13304" s="1" t="s">
        <v>50799</v>
      </c>
      <c r="I13304" s="1" t="s">
        <v>50458</v>
      </c>
      <c r="J13304" s="1" t="s">
        <v>50809</v>
      </c>
    </row>
    <row r="13305" spans="1:10" x14ac:dyDescent="0.35">
      <c r="A13305" s="1" t="s">
        <v>50795</v>
      </c>
      <c r="B13305" s="1" t="s">
        <v>50452</v>
      </c>
      <c r="C13305" s="1" t="s">
        <v>30</v>
      </c>
      <c r="D13305" s="1" t="s">
        <v>50810</v>
      </c>
      <c r="E13305" s="1" t="s">
        <v>28152</v>
      </c>
      <c r="F13305" s="1" t="s">
        <v>50811</v>
      </c>
      <c r="G13305" s="1" t="s">
        <v>50798</v>
      </c>
      <c r="H13305" s="1" t="s">
        <v>50799</v>
      </c>
      <c r="I13305" s="1" t="s">
        <v>50458</v>
      </c>
      <c r="J13305" s="1" t="s">
        <v>50812</v>
      </c>
    </row>
    <row r="13306" spans="1:10" x14ac:dyDescent="0.35">
      <c r="A13306" s="1" t="s">
        <v>50795</v>
      </c>
      <c r="B13306" s="1" t="s">
        <v>50452</v>
      </c>
      <c r="C13306" s="1" t="s">
        <v>35</v>
      </c>
      <c r="D13306" s="1" t="s">
        <v>29410</v>
      </c>
      <c r="E13306" s="1" t="s">
        <v>50813</v>
      </c>
      <c r="F13306" s="1" t="s">
        <v>50814</v>
      </c>
      <c r="G13306" s="1" t="s">
        <v>50798</v>
      </c>
      <c r="H13306" s="1" t="s">
        <v>50799</v>
      </c>
      <c r="I13306" s="1" t="s">
        <v>50458</v>
      </c>
      <c r="J13306" s="1" t="s">
        <v>50815</v>
      </c>
    </row>
    <row r="13307" spans="1:10" x14ac:dyDescent="0.35">
      <c r="A13307" s="1" t="s">
        <v>50795</v>
      </c>
      <c r="B13307" s="1" t="s">
        <v>50452</v>
      </c>
      <c r="C13307" s="1" t="s">
        <v>40</v>
      </c>
      <c r="D13307" s="1" t="s">
        <v>27903</v>
      </c>
      <c r="E13307" s="1" t="s">
        <v>50816</v>
      </c>
      <c r="F13307" s="1" t="s">
        <v>50817</v>
      </c>
      <c r="G13307" s="1" t="s">
        <v>50798</v>
      </c>
      <c r="H13307" s="1" t="s">
        <v>50799</v>
      </c>
      <c r="I13307" s="1" t="s">
        <v>50458</v>
      </c>
      <c r="J13307" s="1" t="s">
        <v>50818</v>
      </c>
    </row>
    <row r="13308" spans="1:10" x14ac:dyDescent="0.35">
      <c r="A13308" s="1" t="s">
        <v>50795</v>
      </c>
      <c r="B13308" s="1" t="s">
        <v>50452</v>
      </c>
      <c r="C13308" s="1" t="s">
        <v>45</v>
      </c>
      <c r="D13308" s="1" t="s">
        <v>50819</v>
      </c>
      <c r="E13308" s="1" t="s">
        <v>50820</v>
      </c>
      <c r="F13308" s="1" t="s">
        <v>50821</v>
      </c>
      <c r="G13308" s="1" t="s">
        <v>50798</v>
      </c>
      <c r="H13308" s="1" t="s">
        <v>50799</v>
      </c>
      <c r="I13308" s="1" t="s">
        <v>50458</v>
      </c>
      <c r="J13308" s="1" t="s">
        <v>50822</v>
      </c>
    </row>
    <row r="13309" spans="1:10" x14ac:dyDescent="0.35">
      <c r="A13309" s="1" t="s">
        <v>50795</v>
      </c>
      <c r="B13309" s="1" t="s">
        <v>50452</v>
      </c>
      <c r="C13309" s="1" t="s">
        <v>50</v>
      </c>
      <c r="D13309" s="1" t="s">
        <v>15860</v>
      </c>
      <c r="E13309" s="1" t="s">
        <v>50823</v>
      </c>
      <c r="F13309" s="1" t="s">
        <v>50824</v>
      </c>
      <c r="G13309" s="1" t="s">
        <v>50798</v>
      </c>
      <c r="H13309" s="1" t="s">
        <v>50799</v>
      </c>
      <c r="I13309" s="1" t="s">
        <v>50458</v>
      </c>
      <c r="J13309" s="1" t="s">
        <v>50825</v>
      </c>
    </row>
    <row r="13310" spans="1:10" x14ac:dyDescent="0.35">
      <c r="A13310" s="1" t="s">
        <v>50795</v>
      </c>
      <c r="B13310" s="1" t="s">
        <v>50452</v>
      </c>
      <c r="C13310" s="1" t="s">
        <v>55</v>
      </c>
      <c r="D13310" s="1" t="s">
        <v>50826</v>
      </c>
      <c r="E13310" s="1" t="s">
        <v>11796</v>
      </c>
      <c r="F13310" s="1" t="s">
        <v>50827</v>
      </c>
      <c r="G13310" s="1" t="s">
        <v>50798</v>
      </c>
      <c r="H13310" s="1" t="s">
        <v>50799</v>
      </c>
      <c r="I13310" s="1" t="s">
        <v>50458</v>
      </c>
      <c r="J13310" s="1" t="s">
        <v>50828</v>
      </c>
    </row>
    <row r="13311" spans="1:10" x14ac:dyDescent="0.35">
      <c r="A13311" s="1" t="s">
        <v>50795</v>
      </c>
      <c r="B13311" s="1" t="s">
        <v>50452</v>
      </c>
      <c r="C13311" s="1" t="s">
        <v>60</v>
      </c>
      <c r="D13311" s="1" t="s">
        <v>50829</v>
      </c>
      <c r="E13311" s="1" t="s">
        <v>50830</v>
      </c>
      <c r="F13311" s="1" t="s">
        <v>27485</v>
      </c>
      <c r="G13311" s="1" t="s">
        <v>50798</v>
      </c>
      <c r="H13311" s="1" t="s">
        <v>50799</v>
      </c>
      <c r="I13311" s="1" t="s">
        <v>50458</v>
      </c>
      <c r="J13311" s="1" t="s">
        <v>50831</v>
      </c>
    </row>
    <row r="13312" spans="1:10" x14ac:dyDescent="0.35">
      <c r="A13312" s="1" t="s">
        <v>50795</v>
      </c>
      <c r="B13312" s="1" t="s">
        <v>50452</v>
      </c>
      <c r="C13312" s="1" t="s">
        <v>65</v>
      </c>
      <c r="D13312" s="1" t="s">
        <v>15732</v>
      </c>
      <c r="E13312" s="1" t="s">
        <v>50832</v>
      </c>
      <c r="F13312" s="1" t="s">
        <v>50833</v>
      </c>
      <c r="G13312" s="1" t="s">
        <v>50798</v>
      </c>
      <c r="H13312" s="1" t="s">
        <v>50799</v>
      </c>
      <c r="I13312" s="1" t="s">
        <v>50458</v>
      </c>
      <c r="J13312" s="1" t="s">
        <v>50834</v>
      </c>
    </row>
    <row r="13313" spans="1:10" x14ac:dyDescent="0.35">
      <c r="A13313" s="1" t="s">
        <v>50795</v>
      </c>
      <c r="B13313" s="1" t="s">
        <v>50452</v>
      </c>
      <c r="C13313" s="1" t="s">
        <v>70</v>
      </c>
      <c r="D13313" s="1" t="s">
        <v>50835</v>
      </c>
      <c r="E13313" s="1" t="s">
        <v>50836</v>
      </c>
      <c r="F13313" s="1" t="s">
        <v>50837</v>
      </c>
      <c r="G13313" s="1" t="s">
        <v>50798</v>
      </c>
      <c r="H13313" s="1" t="s">
        <v>50799</v>
      </c>
      <c r="I13313" s="1" t="s">
        <v>50458</v>
      </c>
      <c r="J13313" s="1" t="s">
        <v>50838</v>
      </c>
    </row>
    <row r="13314" spans="1:10" x14ac:dyDescent="0.35">
      <c r="A13314" s="1" t="s">
        <v>50795</v>
      </c>
      <c r="B13314" s="1" t="s">
        <v>50452</v>
      </c>
      <c r="C13314" s="1" t="s">
        <v>75</v>
      </c>
      <c r="D13314" s="1" t="s">
        <v>50839</v>
      </c>
      <c r="E13314" s="1" t="s">
        <v>50840</v>
      </c>
      <c r="F13314" s="1" t="s">
        <v>50841</v>
      </c>
      <c r="G13314" s="1" t="s">
        <v>50798</v>
      </c>
      <c r="H13314" s="1" t="s">
        <v>50799</v>
      </c>
      <c r="I13314" s="1" t="s">
        <v>50458</v>
      </c>
      <c r="J13314" s="1" t="s">
        <v>50842</v>
      </c>
    </row>
    <row r="13315" spans="1:10" x14ac:dyDescent="0.35">
      <c r="A13315" s="1" t="s">
        <v>50795</v>
      </c>
      <c r="B13315" s="1" t="s">
        <v>50452</v>
      </c>
      <c r="C13315" s="1" t="s">
        <v>80</v>
      </c>
      <c r="D13315" s="1" t="s">
        <v>35583</v>
      </c>
      <c r="E13315" s="1" t="s">
        <v>50843</v>
      </c>
      <c r="F13315" s="1" t="s">
        <v>50844</v>
      </c>
      <c r="G13315" s="1" t="s">
        <v>50798</v>
      </c>
      <c r="H13315" s="1" t="s">
        <v>50799</v>
      </c>
      <c r="I13315" s="1" t="s">
        <v>50458</v>
      </c>
      <c r="J13315" s="1" t="s">
        <v>50845</v>
      </c>
    </row>
    <row r="13316" spans="1:10" x14ac:dyDescent="0.35">
      <c r="A13316" s="1" t="s">
        <v>50795</v>
      </c>
      <c r="B13316" s="1" t="s">
        <v>50452</v>
      </c>
      <c r="C13316" s="1" t="s">
        <v>85</v>
      </c>
      <c r="D13316" s="1" t="s">
        <v>50846</v>
      </c>
      <c r="E13316" s="1" t="s">
        <v>11804</v>
      </c>
      <c r="F13316" s="1" t="s">
        <v>50847</v>
      </c>
      <c r="G13316" s="1" t="s">
        <v>50798</v>
      </c>
      <c r="H13316" s="1" t="s">
        <v>50799</v>
      </c>
      <c r="I13316" s="1" t="s">
        <v>50458</v>
      </c>
      <c r="J13316" s="1" t="s">
        <v>50848</v>
      </c>
    </row>
    <row r="13317" spans="1:10" x14ac:dyDescent="0.35">
      <c r="A13317" s="1" t="s">
        <v>50795</v>
      </c>
      <c r="B13317" s="1" t="s">
        <v>50452</v>
      </c>
      <c r="C13317" s="1" t="s">
        <v>90</v>
      </c>
      <c r="D13317" s="1" t="s">
        <v>50849</v>
      </c>
      <c r="E13317" s="1" t="s">
        <v>50820</v>
      </c>
      <c r="F13317" s="1" t="s">
        <v>50850</v>
      </c>
      <c r="G13317" s="1" t="s">
        <v>50798</v>
      </c>
      <c r="H13317" s="1" t="s">
        <v>50799</v>
      </c>
      <c r="I13317" s="1" t="s">
        <v>50458</v>
      </c>
      <c r="J13317" s="1" t="s">
        <v>50851</v>
      </c>
    </row>
    <row r="13318" spans="1:10" x14ac:dyDescent="0.35">
      <c r="A13318" s="1" t="s">
        <v>50795</v>
      </c>
      <c r="B13318" s="1" t="s">
        <v>50452</v>
      </c>
      <c r="C13318" s="1" t="s">
        <v>95</v>
      </c>
      <c r="D13318" s="1" t="s">
        <v>50852</v>
      </c>
      <c r="E13318" s="1" t="s">
        <v>28229</v>
      </c>
      <c r="F13318" s="1" t="s">
        <v>50853</v>
      </c>
      <c r="G13318" s="1" t="s">
        <v>50798</v>
      </c>
      <c r="H13318" s="1" t="s">
        <v>50799</v>
      </c>
      <c r="I13318" s="1" t="s">
        <v>50458</v>
      </c>
      <c r="J13318" s="1" t="s">
        <v>50854</v>
      </c>
    </row>
    <row r="13319" spans="1:10" x14ac:dyDescent="0.35">
      <c r="A13319" s="1" t="s">
        <v>50795</v>
      </c>
      <c r="B13319" s="1" t="s">
        <v>50452</v>
      </c>
      <c r="C13319" s="1" t="s">
        <v>100</v>
      </c>
      <c r="D13319" s="1" t="s">
        <v>50855</v>
      </c>
      <c r="E13319" s="1" t="s">
        <v>50856</v>
      </c>
      <c r="F13319" s="1" t="s">
        <v>50857</v>
      </c>
      <c r="G13319" s="1" t="s">
        <v>50798</v>
      </c>
      <c r="H13319" s="1" t="s">
        <v>50799</v>
      </c>
      <c r="I13319" s="1" t="s">
        <v>50458</v>
      </c>
      <c r="J13319" s="1" t="s">
        <v>50858</v>
      </c>
    </row>
    <row r="13320" spans="1:10" x14ac:dyDescent="0.35">
      <c r="A13320" s="1" t="s">
        <v>50795</v>
      </c>
      <c r="B13320" s="1" t="s">
        <v>50452</v>
      </c>
      <c r="C13320" s="1" t="s">
        <v>105</v>
      </c>
      <c r="D13320" s="1" t="s">
        <v>50859</v>
      </c>
      <c r="E13320" s="1" t="s">
        <v>50843</v>
      </c>
      <c r="F13320" s="1" t="s">
        <v>50860</v>
      </c>
      <c r="G13320" s="1" t="s">
        <v>50798</v>
      </c>
      <c r="H13320" s="1" t="s">
        <v>50799</v>
      </c>
      <c r="I13320" s="1" t="s">
        <v>50458</v>
      </c>
      <c r="J13320" s="1" t="s">
        <v>50861</v>
      </c>
    </row>
    <row r="13321" spans="1:10" x14ac:dyDescent="0.35">
      <c r="A13321" s="1" t="s">
        <v>50795</v>
      </c>
      <c r="B13321" s="1" t="s">
        <v>50452</v>
      </c>
      <c r="C13321" s="1" t="s">
        <v>110</v>
      </c>
      <c r="D13321" s="1" t="s">
        <v>50862</v>
      </c>
      <c r="E13321" s="1" t="s">
        <v>8062</v>
      </c>
      <c r="F13321" s="1" t="s">
        <v>50863</v>
      </c>
      <c r="G13321" s="1" t="s">
        <v>50798</v>
      </c>
      <c r="H13321" s="1" t="s">
        <v>50799</v>
      </c>
      <c r="I13321" s="1" t="s">
        <v>50458</v>
      </c>
      <c r="J13321" s="1" t="s">
        <v>50864</v>
      </c>
    </row>
    <row r="13322" spans="1:10" x14ac:dyDescent="0.35">
      <c r="A13322" s="1" t="s">
        <v>50795</v>
      </c>
      <c r="B13322" s="1" t="s">
        <v>50452</v>
      </c>
      <c r="C13322" s="1" t="s">
        <v>115</v>
      </c>
      <c r="D13322" s="1" t="s">
        <v>50865</v>
      </c>
      <c r="E13322" s="1" t="s">
        <v>28969</v>
      </c>
      <c r="F13322" s="1" t="s">
        <v>24789</v>
      </c>
      <c r="G13322" s="1" t="s">
        <v>50798</v>
      </c>
      <c r="H13322" s="1" t="s">
        <v>50799</v>
      </c>
      <c r="I13322" s="1" t="s">
        <v>50458</v>
      </c>
      <c r="J13322" s="1" t="s">
        <v>50866</v>
      </c>
    </row>
    <row r="13323" spans="1:10" x14ac:dyDescent="0.35">
      <c r="A13323" s="1" t="s">
        <v>50795</v>
      </c>
      <c r="B13323" s="1" t="s">
        <v>50452</v>
      </c>
      <c r="C13323" s="1" t="s">
        <v>120</v>
      </c>
      <c r="D13323" s="1" t="s">
        <v>50867</v>
      </c>
      <c r="E13323" s="1" t="s">
        <v>28138</v>
      </c>
      <c r="F13323" s="1" t="s">
        <v>50868</v>
      </c>
      <c r="G13323" s="1" t="s">
        <v>50798</v>
      </c>
      <c r="H13323" s="1" t="s">
        <v>50799</v>
      </c>
      <c r="I13323" s="1" t="s">
        <v>50458</v>
      </c>
      <c r="J13323" s="1" t="s">
        <v>50869</v>
      </c>
    </row>
    <row r="13324" spans="1:10" x14ac:dyDescent="0.35">
      <c r="A13324" s="1" t="s">
        <v>50795</v>
      </c>
      <c r="B13324" s="1" t="s">
        <v>50452</v>
      </c>
      <c r="C13324" s="1" t="s">
        <v>125</v>
      </c>
      <c r="D13324" s="1" t="s">
        <v>50870</v>
      </c>
      <c r="E13324" s="1" t="s">
        <v>50871</v>
      </c>
      <c r="F13324" s="1" t="s">
        <v>50872</v>
      </c>
      <c r="G13324" s="1" t="s">
        <v>50798</v>
      </c>
      <c r="H13324" s="1" t="s">
        <v>50799</v>
      </c>
      <c r="I13324" s="1" t="s">
        <v>50458</v>
      </c>
      <c r="J13324" s="1" t="s">
        <v>50873</v>
      </c>
    </row>
    <row r="13325" spans="1:10" x14ac:dyDescent="0.35">
      <c r="A13325" s="1" t="s">
        <v>50795</v>
      </c>
      <c r="B13325" s="1" t="s">
        <v>50452</v>
      </c>
      <c r="C13325" s="1" t="s">
        <v>130</v>
      </c>
      <c r="D13325" s="1" t="s">
        <v>50874</v>
      </c>
      <c r="E13325" s="1" t="s">
        <v>50875</v>
      </c>
      <c r="F13325" s="1" t="s">
        <v>50876</v>
      </c>
      <c r="G13325" s="1" t="s">
        <v>50798</v>
      </c>
      <c r="H13325" s="1" t="s">
        <v>50799</v>
      </c>
      <c r="I13325" s="1" t="s">
        <v>50458</v>
      </c>
      <c r="J13325" s="1" t="s">
        <v>50877</v>
      </c>
    </row>
    <row r="13326" spans="1:10" x14ac:dyDescent="0.35">
      <c r="A13326" s="1" t="s">
        <v>50795</v>
      </c>
      <c r="B13326" s="1" t="s">
        <v>50452</v>
      </c>
      <c r="C13326" s="1" t="s">
        <v>135</v>
      </c>
      <c r="D13326" s="1" t="s">
        <v>50878</v>
      </c>
      <c r="E13326" s="1" t="s">
        <v>50879</v>
      </c>
      <c r="F13326" s="1" t="s">
        <v>50880</v>
      </c>
      <c r="G13326" s="1" t="s">
        <v>50798</v>
      </c>
      <c r="H13326" s="1" t="s">
        <v>50799</v>
      </c>
      <c r="I13326" s="1" t="s">
        <v>50458</v>
      </c>
      <c r="J13326" s="1" t="s">
        <v>50881</v>
      </c>
    </row>
    <row r="13327" spans="1:10" x14ac:dyDescent="0.35">
      <c r="A13327" s="1" t="s">
        <v>50795</v>
      </c>
      <c r="B13327" s="1" t="s">
        <v>50452</v>
      </c>
      <c r="C13327" s="1" t="s">
        <v>140</v>
      </c>
      <c r="D13327" s="1" t="s">
        <v>50882</v>
      </c>
      <c r="E13327" s="1" t="s">
        <v>50883</v>
      </c>
      <c r="F13327" s="1" t="s">
        <v>50884</v>
      </c>
      <c r="G13327" s="1" t="s">
        <v>50798</v>
      </c>
      <c r="H13327" s="1" t="s">
        <v>50799</v>
      </c>
      <c r="I13327" s="1" t="s">
        <v>50458</v>
      </c>
      <c r="J13327" s="1" t="s">
        <v>50885</v>
      </c>
    </row>
    <row r="13328" spans="1:10" x14ac:dyDescent="0.35">
      <c r="A13328" s="1" t="s">
        <v>50795</v>
      </c>
      <c r="B13328" s="1" t="s">
        <v>50452</v>
      </c>
      <c r="C13328" s="1" t="s">
        <v>145</v>
      </c>
      <c r="D13328" s="1" t="s">
        <v>50886</v>
      </c>
      <c r="E13328" s="1" t="s">
        <v>28217</v>
      </c>
      <c r="F13328" s="1" t="s">
        <v>50887</v>
      </c>
      <c r="G13328" s="1" t="s">
        <v>50798</v>
      </c>
      <c r="H13328" s="1" t="s">
        <v>50799</v>
      </c>
      <c r="I13328" s="1" t="s">
        <v>50458</v>
      </c>
      <c r="J13328" s="1" t="s">
        <v>50888</v>
      </c>
    </row>
    <row r="13329" spans="1:10" x14ac:dyDescent="0.35">
      <c r="A13329" s="1" t="s">
        <v>50795</v>
      </c>
      <c r="B13329" s="1" t="s">
        <v>50452</v>
      </c>
      <c r="C13329" s="1" t="s">
        <v>150</v>
      </c>
      <c r="D13329" s="1" t="s">
        <v>50889</v>
      </c>
      <c r="E13329" s="1" t="s">
        <v>50890</v>
      </c>
      <c r="F13329" s="1" t="s">
        <v>50891</v>
      </c>
      <c r="G13329" s="1" t="s">
        <v>50798</v>
      </c>
      <c r="H13329" s="1" t="s">
        <v>50799</v>
      </c>
      <c r="I13329" s="1" t="s">
        <v>50458</v>
      </c>
      <c r="J13329" s="1" t="s">
        <v>50892</v>
      </c>
    </row>
    <row r="13330" spans="1:10" x14ac:dyDescent="0.35">
      <c r="A13330" s="1" t="s">
        <v>50795</v>
      </c>
      <c r="B13330" s="1" t="s">
        <v>50452</v>
      </c>
      <c r="C13330" s="1" t="s">
        <v>155</v>
      </c>
      <c r="D13330" s="1" t="s">
        <v>50893</v>
      </c>
      <c r="E13330" s="1" t="s">
        <v>50894</v>
      </c>
      <c r="F13330" s="1" t="s">
        <v>50895</v>
      </c>
      <c r="G13330" s="1" t="s">
        <v>50798</v>
      </c>
      <c r="H13330" s="1" t="s">
        <v>50799</v>
      </c>
      <c r="I13330" s="1" t="s">
        <v>50458</v>
      </c>
      <c r="J13330" s="1" t="s">
        <v>50896</v>
      </c>
    </row>
    <row r="13331" spans="1:10" x14ac:dyDescent="0.35">
      <c r="A13331" s="1" t="s">
        <v>50795</v>
      </c>
      <c r="B13331" s="1" t="s">
        <v>50452</v>
      </c>
      <c r="C13331" s="1" t="s">
        <v>160</v>
      </c>
      <c r="D13331" s="1" t="s">
        <v>50897</v>
      </c>
      <c r="E13331" s="1" t="s">
        <v>15186</v>
      </c>
      <c r="F13331" s="1" t="s">
        <v>50898</v>
      </c>
      <c r="G13331" s="1" t="s">
        <v>50798</v>
      </c>
      <c r="H13331" s="1" t="s">
        <v>50799</v>
      </c>
      <c r="I13331" s="1" t="s">
        <v>50458</v>
      </c>
      <c r="J13331" s="1" t="s">
        <v>50899</v>
      </c>
    </row>
    <row r="13332" spans="1:10" x14ac:dyDescent="0.35">
      <c r="A13332" s="1" t="s">
        <v>50795</v>
      </c>
      <c r="B13332" s="1" t="s">
        <v>50452</v>
      </c>
      <c r="C13332" s="1" t="s">
        <v>165</v>
      </c>
      <c r="D13332" s="1" t="s">
        <v>50900</v>
      </c>
      <c r="E13332" s="1" t="s">
        <v>28116</v>
      </c>
      <c r="F13332" s="1" t="s">
        <v>50901</v>
      </c>
      <c r="G13332" s="1" t="s">
        <v>50798</v>
      </c>
      <c r="H13332" s="1" t="s">
        <v>50799</v>
      </c>
      <c r="I13332" s="1" t="s">
        <v>50458</v>
      </c>
      <c r="J13332" s="1" t="s">
        <v>50902</v>
      </c>
    </row>
    <row r="13333" spans="1:10" x14ac:dyDescent="0.35">
      <c r="A13333" s="1" t="s">
        <v>50795</v>
      </c>
      <c r="B13333" s="1" t="s">
        <v>50452</v>
      </c>
      <c r="C13333" s="1" t="s">
        <v>170</v>
      </c>
      <c r="D13333" s="1" t="s">
        <v>50903</v>
      </c>
      <c r="E13333" s="1" t="s">
        <v>15157</v>
      </c>
      <c r="F13333" s="1" t="s">
        <v>50904</v>
      </c>
      <c r="G13333" s="1" t="s">
        <v>50798</v>
      </c>
      <c r="H13333" s="1" t="s">
        <v>50799</v>
      </c>
      <c r="I13333" s="1" t="s">
        <v>50458</v>
      </c>
      <c r="J13333" s="1" t="s">
        <v>50905</v>
      </c>
    </row>
    <row r="13334" spans="1:10" x14ac:dyDescent="0.35">
      <c r="A13334" s="1" t="s">
        <v>50906</v>
      </c>
      <c r="B13334" s="1" t="s">
        <v>50452</v>
      </c>
      <c r="C13334" s="1" t="s">
        <v>8</v>
      </c>
      <c r="D13334" s="1" t="s">
        <v>50907</v>
      </c>
      <c r="E13334" s="1" t="s">
        <v>50908</v>
      </c>
      <c r="F13334" s="1" t="s">
        <v>50909</v>
      </c>
      <c r="G13334" s="1" t="s">
        <v>50910</v>
      </c>
      <c r="H13334" s="1" t="s">
        <v>50911</v>
      </c>
      <c r="I13334" s="1" t="s">
        <v>50458</v>
      </c>
      <c r="J13334" s="1" t="s">
        <v>13</v>
      </c>
    </row>
    <row r="13335" spans="1:10" x14ac:dyDescent="0.35">
      <c r="A13335" s="1" t="s">
        <v>50906</v>
      </c>
      <c r="B13335" s="1" t="s">
        <v>50452</v>
      </c>
      <c r="C13335" s="1" t="s">
        <v>15</v>
      </c>
      <c r="D13335" s="1" t="s">
        <v>50912</v>
      </c>
      <c r="E13335" s="1" t="s">
        <v>50913</v>
      </c>
      <c r="F13335" s="1" t="s">
        <v>50914</v>
      </c>
      <c r="G13335" s="1" t="s">
        <v>50910</v>
      </c>
      <c r="H13335" s="1" t="s">
        <v>50911</v>
      </c>
      <c r="I13335" s="1" t="s">
        <v>50458</v>
      </c>
      <c r="J13335" s="1" t="s">
        <v>50915</v>
      </c>
    </row>
    <row r="13336" spans="1:10" x14ac:dyDescent="0.35">
      <c r="A13336" s="1" t="s">
        <v>50906</v>
      </c>
      <c r="B13336" s="1" t="s">
        <v>50452</v>
      </c>
      <c r="C13336" s="1" t="s">
        <v>20</v>
      </c>
      <c r="D13336" s="1" t="s">
        <v>13862</v>
      </c>
      <c r="E13336" s="1" t="s">
        <v>50916</v>
      </c>
      <c r="F13336" s="1" t="s">
        <v>50917</v>
      </c>
      <c r="G13336" s="1" t="s">
        <v>50910</v>
      </c>
      <c r="H13336" s="1" t="s">
        <v>50911</v>
      </c>
      <c r="I13336" s="1" t="s">
        <v>50458</v>
      </c>
      <c r="J13336" s="1" t="s">
        <v>50918</v>
      </c>
    </row>
    <row r="13337" spans="1:10" x14ac:dyDescent="0.35">
      <c r="A13337" s="1" t="s">
        <v>50906</v>
      </c>
      <c r="B13337" s="1" t="s">
        <v>50452</v>
      </c>
      <c r="C13337" s="1" t="s">
        <v>25</v>
      </c>
      <c r="D13337" s="1" t="s">
        <v>25092</v>
      </c>
      <c r="E13337" s="1" t="s">
        <v>50919</v>
      </c>
      <c r="F13337" s="1" t="s">
        <v>50920</v>
      </c>
      <c r="G13337" s="1" t="s">
        <v>50910</v>
      </c>
      <c r="H13337" s="1" t="s">
        <v>50911</v>
      </c>
      <c r="I13337" s="1" t="s">
        <v>50458</v>
      </c>
      <c r="J13337" s="1" t="s">
        <v>50921</v>
      </c>
    </row>
    <row r="13338" spans="1:10" x14ac:dyDescent="0.35">
      <c r="A13338" s="1" t="s">
        <v>50906</v>
      </c>
      <c r="B13338" s="1" t="s">
        <v>50452</v>
      </c>
      <c r="C13338" s="1" t="s">
        <v>30</v>
      </c>
      <c r="D13338" s="1" t="s">
        <v>50922</v>
      </c>
      <c r="E13338" s="1" t="s">
        <v>50923</v>
      </c>
      <c r="F13338" s="1" t="s">
        <v>50924</v>
      </c>
      <c r="G13338" s="1" t="s">
        <v>50910</v>
      </c>
      <c r="H13338" s="1" t="s">
        <v>50911</v>
      </c>
      <c r="I13338" s="1" t="s">
        <v>50458</v>
      </c>
      <c r="J13338" s="1" t="s">
        <v>50925</v>
      </c>
    </row>
    <row r="13339" spans="1:10" x14ac:dyDescent="0.35">
      <c r="A13339" s="1" t="s">
        <v>50906</v>
      </c>
      <c r="B13339" s="1" t="s">
        <v>50452</v>
      </c>
      <c r="C13339" s="1" t="s">
        <v>35</v>
      </c>
      <c r="D13339" s="1" t="s">
        <v>36397</v>
      </c>
      <c r="E13339" s="1" t="s">
        <v>50926</v>
      </c>
      <c r="F13339" s="1" t="s">
        <v>50927</v>
      </c>
      <c r="G13339" s="1" t="s">
        <v>50910</v>
      </c>
      <c r="H13339" s="1" t="s">
        <v>50911</v>
      </c>
      <c r="I13339" s="1" t="s">
        <v>50458</v>
      </c>
      <c r="J13339" s="1" t="s">
        <v>50928</v>
      </c>
    </row>
    <row r="13340" spans="1:10" x14ac:dyDescent="0.35">
      <c r="A13340" s="1" t="s">
        <v>50906</v>
      </c>
      <c r="B13340" s="1" t="s">
        <v>50452</v>
      </c>
      <c r="C13340" s="1" t="s">
        <v>40</v>
      </c>
      <c r="D13340" s="1" t="s">
        <v>37031</v>
      </c>
      <c r="E13340" s="1" t="s">
        <v>50929</v>
      </c>
      <c r="F13340" s="1" t="s">
        <v>50930</v>
      </c>
      <c r="G13340" s="1" t="s">
        <v>50910</v>
      </c>
      <c r="H13340" s="1" t="s">
        <v>50911</v>
      </c>
      <c r="I13340" s="1" t="s">
        <v>50458</v>
      </c>
      <c r="J13340" s="1" t="s">
        <v>50931</v>
      </c>
    </row>
    <row r="13341" spans="1:10" x14ac:dyDescent="0.35">
      <c r="A13341" s="1" t="s">
        <v>50906</v>
      </c>
      <c r="B13341" s="1" t="s">
        <v>50452</v>
      </c>
      <c r="C13341" s="1" t="s">
        <v>45</v>
      </c>
      <c r="D13341" s="1" t="s">
        <v>45707</v>
      </c>
      <c r="E13341" s="1" t="s">
        <v>50932</v>
      </c>
      <c r="F13341" s="1" t="s">
        <v>50933</v>
      </c>
      <c r="G13341" s="1" t="s">
        <v>50910</v>
      </c>
      <c r="H13341" s="1" t="s">
        <v>50911</v>
      </c>
      <c r="I13341" s="1" t="s">
        <v>50458</v>
      </c>
      <c r="J13341" s="1" t="s">
        <v>50934</v>
      </c>
    </row>
    <row r="13342" spans="1:10" x14ac:dyDescent="0.35">
      <c r="A13342" s="1" t="s">
        <v>50906</v>
      </c>
      <c r="B13342" s="1" t="s">
        <v>50452</v>
      </c>
      <c r="C13342" s="1" t="s">
        <v>50</v>
      </c>
      <c r="D13342" s="1" t="s">
        <v>50935</v>
      </c>
      <c r="E13342" s="1" t="s">
        <v>50936</v>
      </c>
      <c r="F13342" s="1" t="s">
        <v>50937</v>
      </c>
      <c r="G13342" s="1" t="s">
        <v>50910</v>
      </c>
      <c r="H13342" s="1" t="s">
        <v>50911</v>
      </c>
      <c r="I13342" s="1" t="s">
        <v>50458</v>
      </c>
      <c r="J13342" s="1" t="s">
        <v>50938</v>
      </c>
    </row>
    <row r="13343" spans="1:10" x14ac:dyDescent="0.35">
      <c r="A13343" s="1" t="s">
        <v>50906</v>
      </c>
      <c r="B13343" s="1" t="s">
        <v>50452</v>
      </c>
      <c r="C13343" s="1" t="s">
        <v>55</v>
      </c>
      <c r="D13343" s="1" t="s">
        <v>50939</v>
      </c>
      <c r="E13343" s="1" t="s">
        <v>50940</v>
      </c>
      <c r="F13343" s="1" t="s">
        <v>50941</v>
      </c>
      <c r="G13343" s="1" t="s">
        <v>50910</v>
      </c>
      <c r="H13343" s="1" t="s">
        <v>50911</v>
      </c>
      <c r="I13343" s="1" t="s">
        <v>50458</v>
      </c>
      <c r="J13343" s="1" t="s">
        <v>50942</v>
      </c>
    </row>
    <row r="13344" spans="1:10" x14ac:dyDescent="0.35">
      <c r="A13344" s="1" t="s">
        <v>50906</v>
      </c>
      <c r="B13344" s="1" t="s">
        <v>50452</v>
      </c>
      <c r="C13344" s="1" t="s">
        <v>60</v>
      </c>
      <c r="D13344" s="1" t="s">
        <v>50939</v>
      </c>
      <c r="E13344" s="1" t="s">
        <v>50943</v>
      </c>
      <c r="F13344" s="1" t="s">
        <v>50944</v>
      </c>
      <c r="G13344" s="1" t="s">
        <v>50910</v>
      </c>
      <c r="H13344" s="1" t="s">
        <v>50911</v>
      </c>
      <c r="I13344" s="1" t="s">
        <v>50458</v>
      </c>
      <c r="J13344" s="1" t="s">
        <v>1180</v>
      </c>
    </row>
    <row r="13345" spans="1:10" x14ac:dyDescent="0.35">
      <c r="A13345" s="1" t="s">
        <v>50906</v>
      </c>
      <c r="B13345" s="1" t="s">
        <v>50452</v>
      </c>
      <c r="C13345" s="1" t="s">
        <v>65</v>
      </c>
      <c r="D13345" s="1" t="s">
        <v>6998</v>
      </c>
      <c r="E13345" s="1" t="s">
        <v>50945</v>
      </c>
      <c r="F13345" s="1" t="s">
        <v>50946</v>
      </c>
      <c r="G13345" s="1" t="s">
        <v>50910</v>
      </c>
      <c r="H13345" s="1" t="s">
        <v>50911</v>
      </c>
      <c r="I13345" s="1" t="s">
        <v>50458</v>
      </c>
      <c r="J13345" s="1" t="s">
        <v>50947</v>
      </c>
    </row>
    <row r="13346" spans="1:10" x14ac:dyDescent="0.35">
      <c r="A13346" s="1" t="s">
        <v>50906</v>
      </c>
      <c r="B13346" s="1" t="s">
        <v>50452</v>
      </c>
      <c r="C13346" s="1" t="s">
        <v>70</v>
      </c>
      <c r="D13346" s="1" t="s">
        <v>7293</v>
      </c>
      <c r="E13346" s="1" t="s">
        <v>50948</v>
      </c>
      <c r="F13346" s="1" t="s">
        <v>50949</v>
      </c>
      <c r="G13346" s="1" t="s">
        <v>50910</v>
      </c>
      <c r="H13346" s="1" t="s">
        <v>50911</v>
      </c>
      <c r="I13346" s="1" t="s">
        <v>50458</v>
      </c>
      <c r="J13346" s="1" t="s">
        <v>50950</v>
      </c>
    </row>
    <row r="13347" spans="1:10" x14ac:dyDescent="0.35">
      <c r="A13347" s="1" t="s">
        <v>50906</v>
      </c>
      <c r="B13347" s="1" t="s">
        <v>50452</v>
      </c>
      <c r="C13347" s="1" t="s">
        <v>75</v>
      </c>
      <c r="D13347" s="1" t="s">
        <v>7342</v>
      </c>
      <c r="E13347" s="1" t="s">
        <v>50951</v>
      </c>
      <c r="F13347" s="1" t="s">
        <v>50952</v>
      </c>
      <c r="G13347" s="1" t="s">
        <v>50910</v>
      </c>
      <c r="H13347" s="1" t="s">
        <v>50911</v>
      </c>
      <c r="I13347" s="1" t="s">
        <v>50458</v>
      </c>
      <c r="J13347" s="1" t="s">
        <v>50953</v>
      </c>
    </row>
    <row r="13348" spans="1:10" x14ac:dyDescent="0.35">
      <c r="A13348" s="1" t="s">
        <v>50906</v>
      </c>
      <c r="B13348" s="1" t="s">
        <v>50452</v>
      </c>
      <c r="C13348" s="1" t="s">
        <v>80</v>
      </c>
      <c r="D13348" s="1" t="s">
        <v>12052</v>
      </c>
      <c r="E13348" s="1" t="s">
        <v>50954</v>
      </c>
      <c r="F13348" s="1" t="s">
        <v>50955</v>
      </c>
      <c r="G13348" s="1" t="s">
        <v>50910</v>
      </c>
      <c r="H13348" s="1" t="s">
        <v>50911</v>
      </c>
      <c r="I13348" s="1" t="s">
        <v>50458</v>
      </c>
      <c r="J13348" s="1" t="s">
        <v>50956</v>
      </c>
    </row>
    <row r="13349" spans="1:10" x14ac:dyDescent="0.35">
      <c r="A13349" s="1" t="s">
        <v>50906</v>
      </c>
      <c r="B13349" s="1" t="s">
        <v>50452</v>
      </c>
      <c r="C13349" s="1" t="s">
        <v>85</v>
      </c>
      <c r="D13349" s="1" t="s">
        <v>29507</v>
      </c>
      <c r="E13349" s="1" t="s">
        <v>50957</v>
      </c>
      <c r="F13349" s="1" t="s">
        <v>50958</v>
      </c>
      <c r="G13349" s="1" t="s">
        <v>50910</v>
      </c>
      <c r="H13349" s="1" t="s">
        <v>50911</v>
      </c>
      <c r="I13349" s="1" t="s">
        <v>50458</v>
      </c>
      <c r="J13349" s="1" t="s">
        <v>50959</v>
      </c>
    </row>
    <row r="13350" spans="1:10" x14ac:dyDescent="0.35">
      <c r="A13350" s="1" t="s">
        <v>50906</v>
      </c>
      <c r="B13350" s="1" t="s">
        <v>50452</v>
      </c>
      <c r="C13350" s="1" t="s">
        <v>90</v>
      </c>
      <c r="D13350" s="1" t="s">
        <v>4451</v>
      </c>
      <c r="E13350" s="1" t="s">
        <v>50960</v>
      </c>
      <c r="F13350" s="1" t="s">
        <v>50961</v>
      </c>
      <c r="G13350" s="1" t="s">
        <v>50910</v>
      </c>
      <c r="H13350" s="1" t="s">
        <v>50911</v>
      </c>
      <c r="I13350" s="1" t="s">
        <v>50458</v>
      </c>
      <c r="J13350" s="1" t="s">
        <v>50962</v>
      </c>
    </row>
    <row r="13351" spans="1:10" x14ac:dyDescent="0.35">
      <c r="A13351" s="1" t="s">
        <v>50906</v>
      </c>
      <c r="B13351" s="1" t="s">
        <v>50452</v>
      </c>
      <c r="C13351" s="1" t="s">
        <v>95</v>
      </c>
      <c r="D13351" s="1" t="s">
        <v>50963</v>
      </c>
      <c r="E13351" s="1" t="s">
        <v>50964</v>
      </c>
      <c r="F13351" s="1" t="s">
        <v>50965</v>
      </c>
      <c r="G13351" s="1" t="s">
        <v>50910</v>
      </c>
      <c r="H13351" s="1" t="s">
        <v>50911</v>
      </c>
      <c r="I13351" s="1" t="s">
        <v>50458</v>
      </c>
      <c r="J13351" s="1" t="s">
        <v>50966</v>
      </c>
    </row>
    <row r="13352" spans="1:10" x14ac:dyDescent="0.35">
      <c r="A13352" s="1" t="s">
        <v>50906</v>
      </c>
      <c r="B13352" s="1" t="s">
        <v>50452</v>
      </c>
      <c r="C13352" s="1" t="s">
        <v>100</v>
      </c>
      <c r="D13352" s="1" t="s">
        <v>50967</v>
      </c>
      <c r="E13352" s="1" t="s">
        <v>50968</v>
      </c>
      <c r="F13352" s="1" t="s">
        <v>50969</v>
      </c>
      <c r="G13352" s="1" t="s">
        <v>50910</v>
      </c>
      <c r="H13352" s="1" t="s">
        <v>50911</v>
      </c>
      <c r="I13352" s="1" t="s">
        <v>50458</v>
      </c>
      <c r="J13352" s="1" t="s">
        <v>50970</v>
      </c>
    </row>
    <row r="13353" spans="1:10" x14ac:dyDescent="0.35">
      <c r="A13353" s="1" t="s">
        <v>50906</v>
      </c>
      <c r="B13353" s="1" t="s">
        <v>50452</v>
      </c>
      <c r="C13353" s="1" t="s">
        <v>105</v>
      </c>
      <c r="D13353" s="1" t="s">
        <v>25143</v>
      </c>
      <c r="E13353" s="1" t="s">
        <v>50971</v>
      </c>
      <c r="F13353" s="1" t="s">
        <v>50972</v>
      </c>
      <c r="G13353" s="1" t="s">
        <v>50910</v>
      </c>
      <c r="H13353" s="1" t="s">
        <v>50911</v>
      </c>
      <c r="I13353" s="1" t="s">
        <v>50458</v>
      </c>
      <c r="J13353" s="1" t="s">
        <v>50973</v>
      </c>
    </row>
    <row r="13354" spans="1:10" x14ac:dyDescent="0.35">
      <c r="A13354" s="1" t="s">
        <v>50906</v>
      </c>
      <c r="B13354" s="1" t="s">
        <v>50452</v>
      </c>
      <c r="C13354" s="1" t="s">
        <v>110</v>
      </c>
      <c r="D13354" s="1" t="s">
        <v>50974</v>
      </c>
      <c r="E13354" s="1" t="s">
        <v>50975</v>
      </c>
      <c r="F13354" s="1" t="s">
        <v>50976</v>
      </c>
      <c r="G13354" s="1" t="s">
        <v>50910</v>
      </c>
      <c r="H13354" s="1" t="s">
        <v>50911</v>
      </c>
      <c r="I13354" s="1" t="s">
        <v>50458</v>
      </c>
      <c r="J13354" s="1" t="s">
        <v>50977</v>
      </c>
    </row>
    <row r="13355" spans="1:10" x14ac:dyDescent="0.35">
      <c r="A13355" s="1" t="s">
        <v>50906</v>
      </c>
      <c r="B13355" s="1" t="s">
        <v>50452</v>
      </c>
      <c r="C13355" s="1" t="s">
        <v>115</v>
      </c>
      <c r="D13355" s="1" t="s">
        <v>2323</v>
      </c>
      <c r="E13355" s="1" t="s">
        <v>50978</v>
      </c>
      <c r="F13355" s="1" t="s">
        <v>50979</v>
      </c>
      <c r="G13355" s="1" t="s">
        <v>50910</v>
      </c>
      <c r="H13355" s="1" t="s">
        <v>50911</v>
      </c>
      <c r="I13355" s="1" t="s">
        <v>50458</v>
      </c>
      <c r="J13355" s="1" t="s">
        <v>50980</v>
      </c>
    </row>
    <row r="13356" spans="1:10" x14ac:dyDescent="0.35">
      <c r="A13356" s="1" t="s">
        <v>50906</v>
      </c>
      <c r="B13356" s="1" t="s">
        <v>50452</v>
      </c>
      <c r="C13356" s="1" t="s">
        <v>120</v>
      </c>
      <c r="D13356" s="1" t="s">
        <v>50981</v>
      </c>
      <c r="E13356" s="1" t="s">
        <v>50982</v>
      </c>
      <c r="F13356" s="1" t="s">
        <v>50983</v>
      </c>
      <c r="G13356" s="1" t="s">
        <v>50910</v>
      </c>
      <c r="H13356" s="1" t="s">
        <v>50911</v>
      </c>
      <c r="I13356" s="1" t="s">
        <v>50458</v>
      </c>
      <c r="J13356" s="1" t="s">
        <v>50984</v>
      </c>
    </row>
    <row r="13357" spans="1:10" x14ac:dyDescent="0.35">
      <c r="A13357" s="1" t="s">
        <v>50906</v>
      </c>
      <c r="B13357" s="1" t="s">
        <v>50452</v>
      </c>
      <c r="C13357" s="1" t="s">
        <v>125</v>
      </c>
      <c r="D13357" s="1" t="s">
        <v>25173</v>
      </c>
      <c r="E13357" s="1" t="s">
        <v>50985</v>
      </c>
      <c r="F13357" s="1" t="s">
        <v>50986</v>
      </c>
      <c r="G13357" s="1" t="s">
        <v>50910</v>
      </c>
      <c r="H13357" s="1" t="s">
        <v>50911</v>
      </c>
      <c r="I13357" s="1" t="s">
        <v>50458</v>
      </c>
      <c r="J13357" s="1" t="s">
        <v>50987</v>
      </c>
    </row>
    <row r="13358" spans="1:10" x14ac:dyDescent="0.35">
      <c r="A13358" s="1" t="s">
        <v>50906</v>
      </c>
      <c r="B13358" s="1" t="s">
        <v>50452</v>
      </c>
      <c r="C13358" s="1" t="s">
        <v>130</v>
      </c>
      <c r="D13358" s="1" t="s">
        <v>50988</v>
      </c>
      <c r="E13358" s="1" t="s">
        <v>50989</v>
      </c>
      <c r="F13358" s="1" t="s">
        <v>50990</v>
      </c>
      <c r="G13358" s="1" t="s">
        <v>50910</v>
      </c>
      <c r="H13358" s="1" t="s">
        <v>50911</v>
      </c>
      <c r="I13358" s="1" t="s">
        <v>50458</v>
      </c>
      <c r="J13358" s="1" t="s">
        <v>50991</v>
      </c>
    </row>
    <row r="13359" spans="1:10" x14ac:dyDescent="0.35">
      <c r="A13359" s="1" t="s">
        <v>50906</v>
      </c>
      <c r="B13359" s="1" t="s">
        <v>50452</v>
      </c>
      <c r="C13359" s="1" t="s">
        <v>135</v>
      </c>
      <c r="D13359" s="1" t="s">
        <v>33667</v>
      </c>
      <c r="E13359" s="1" t="s">
        <v>50992</v>
      </c>
      <c r="F13359" s="1" t="s">
        <v>50993</v>
      </c>
      <c r="G13359" s="1" t="s">
        <v>50910</v>
      </c>
      <c r="H13359" s="1" t="s">
        <v>50911</v>
      </c>
      <c r="I13359" s="1" t="s">
        <v>50458</v>
      </c>
      <c r="J13359" s="1" t="s">
        <v>50994</v>
      </c>
    </row>
    <row r="13360" spans="1:10" x14ac:dyDescent="0.35">
      <c r="A13360" s="1" t="s">
        <v>50906</v>
      </c>
      <c r="B13360" s="1" t="s">
        <v>50452</v>
      </c>
      <c r="C13360" s="1" t="s">
        <v>140</v>
      </c>
      <c r="D13360" s="1" t="s">
        <v>48140</v>
      </c>
      <c r="E13360" s="1" t="s">
        <v>50995</v>
      </c>
      <c r="F13360" s="1" t="s">
        <v>50996</v>
      </c>
      <c r="G13360" s="1" t="s">
        <v>50910</v>
      </c>
      <c r="H13360" s="1" t="s">
        <v>50911</v>
      </c>
      <c r="I13360" s="1" t="s">
        <v>50458</v>
      </c>
      <c r="J13360" s="1" t="s">
        <v>50997</v>
      </c>
    </row>
    <row r="13361" spans="1:10" x14ac:dyDescent="0.35">
      <c r="A13361" s="1" t="s">
        <v>50906</v>
      </c>
      <c r="B13361" s="1" t="s">
        <v>50452</v>
      </c>
      <c r="C13361" s="1" t="s">
        <v>145</v>
      </c>
      <c r="D13361" s="1" t="s">
        <v>50998</v>
      </c>
      <c r="E13361" s="1" t="s">
        <v>50999</v>
      </c>
      <c r="F13361" s="1" t="s">
        <v>51000</v>
      </c>
      <c r="G13361" s="1" t="s">
        <v>50910</v>
      </c>
      <c r="H13361" s="1" t="s">
        <v>50911</v>
      </c>
      <c r="I13361" s="1" t="s">
        <v>50458</v>
      </c>
      <c r="J13361" s="1" t="s">
        <v>51001</v>
      </c>
    </row>
    <row r="13362" spans="1:10" x14ac:dyDescent="0.35">
      <c r="A13362" s="1" t="s">
        <v>50906</v>
      </c>
      <c r="B13362" s="1" t="s">
        <v>50452</v>
      </c>
      <c r="C13362" s="1" t="s">
        <v>150</v>
      </c>
      <c r="D13362" s="1" t="s">
        <v>37725</v>
      </c>
      <c r="E13362" s="1" t="s">
        <v>51002</v>
      </c>
      <c r="F13362" s="1" t="s">
        <v>51003</v>
      </c>
      <c r="G13362" s="1" t="s">
        <v>50910</v>
      </c>
      <c r="H13362" s="1" t="s">
        <v>50911</v>
      </c>
      <c r="I13362" s="1" t="s">
        <v>50458</v>
      </c>
      <c r="J13362" s="1" t="s">
        <v>51004</v>
      </c>
    </row>
    <row r="13363" spans="1:10" x14ac:dyDescent="0.35">
      <c r="A13363" s="1" t="s">
        <v>50906</v>
      </c>
      <c r="B13363" s="1" t="s">
        <v>50452</v>
      </c>
      <c r="C13363" s="1" t="s">
        <v>155</v>
      </c>
      <c r="D13363" s="1" t="s">
        <v>25273</v>
      </c>
      <c r="E13363" s="1" t="s">
        <v>51005</v>
      </c>
      <c r="F13363" s="1" t="s">
        <v>51006</v>
      </c>
      <c r="G13363" s="1" t="s">
        <v>50910</v>
      </c>
      <c r="H13363" s="1" t="s">
        <v>50911</v>
      </c>
      <c r="I13363" s="1" t="s">
        <v>50458</v>
      </c>
      <c r="J13363" s="1" t="s">
        <v>51007</v>
      </c>
    </row>
    <row r="13364" spans="1:10" x14ac:dyDescent="0.35">
      <c r="A13364" s="1" t="s">
        <v>50906</v>
      </c>
      <c r="B13364" s="1" t="s">
        <v>50452</v>
      </c>
      <c r="C13364" s="1" t="s">
        <v>160</v>
      </c>
      <c r="D13364" s="1" t="s">
        <v>360</v>
      </c>
      <c r="E13364" s="1" t="s">
        <v>51008</v>
      </c>
      <c r="F13364" s="1" t="s">
        <v>51009</v>
      </c>
      <c r="G13364" s="1" t="s">
        <v>50910</v>
      </c>
      <c r="H13364" s="1" t="s">
        <v>50911</v>
      </c>
      <c r="I13364" s="1" t="s">
        <v>50458</v>
      </c>
      <c r="J13364" s="1" t="s">
        <v>51010</v>
      </c>
    </row>
    <row r="13365" spans="1:10" x14ac:dyDescent="0.35">
      <c r="A13365" s="1" t="s">
        <v>50906</v>
      </c>
      <c r="B13365" s="1" t="s">
        <v>50452</v>
      </c>
      <c r="C13365" s="1" t="s">
        <v>165</v>
      </c>
      <c r="D13365" s="1" t="s">
        <v>51011</v>
      </c>
      <c r="E13365" s="1" t="s">
        <v>51012</v>
      </c>
      <c r="F13365" s="1" t="s">
        <v>51013</v>
      </c>
      <c r="G13365" s="1" t="s">
        <v>50910</v>
      </c>
      <c r="H13365" s="1" t="s">
        <v>50911</v>
      </c>
      <c r="I13365" s="1" t="s">
        <v>50458</v>
      </c>
      <c r="J13365" s="1" t="s">
        <v>51014</v>
      </c>
    </row>
    <row r="13366" spans="1:10" x14ac:dyDescent="0.35">
      <c r="A13366" s="1" t="s">
        <v>50906</v>
      </c>
      <c r="B13366" s="1" t="s">
        <v>50452</v>
      </c>
      <c r="C13366" s="1" t="s">
        <v>170</v>
      </c>
      <c r="D13366" s="1" t="s">
        <v>51015</v>
      </c>
      <c r="E13366" s="1" t="s">
        <v>51016</v>
      </c>
      <c r="F13366" s="1" t="s">
        <v>51017</v>
      </c>
      <c r="G13366" s="1" t="s">
        <v>50910</v>
      </c>
      <c r="H13366" s="1" t="s">
        <v>50911</v>
      </c>
      <c r="I13366" s="1" t="s">
        <v>50458</v>
      </c>
      <c r="J13366" s="1" t="s">
        <v>51018</v>
      </c>
    </row>
    <row r="13367" spans="1:10" x14ac:dyDescent="0.35">
      <c r="A13367" s="1" t="s">
        <v>51019</v>
      </c>
      <c r="B13367" s="1" t="s">
        <v>50452</v>
      </c>
      <c r="C13367" s="1" t="s">
        <v>8</v>
      </c>
      <c r="D13367" s="1" t="s">
        <v>51020</v>
      </c>
      <c r="E13367" s="1" t="s">
        <v>51021</v>
      </c>
      <c r="F13367" s="1" t="s">
        <v>51022</v>
      </c>
      <c r="G13367" s="1" t="s">
        <v>51023</v>
      </c>
      <c r="H13367" s="1" t="s">
        <v>51024</v>
      </c>
      <c r="I13367" s="1" t="s">
        <v>50458</v>
      </c>
      <c r="J13367" s="1" t="s">
        <v>13</v>
      </c>
    </row>
    <row r="13368" spans="1:10" x14ac:dyDescent="0.35">
      <c r="A13368" s="1" t="s">
        <v>51019</v>
      </c>
      <c r="B13368" s="1" t="s">
        <v>50452</v>
      </c>
      <c r="C13368" s="1" t="s">
        <v>15</v>
      </c>
      <c r="D13368" s="1" t="s">
        <v>51025</v>
      </c>
      <c r="E13368" s="1" t="s">
        <v>51026</v>
      </c>
      <c r="F13368" s="1" t="s">
        <v>51027</v>
      </c>
      <c r="G13368" s="1" t="s">
        <v>51023</v>
      </c>
      <c r="H13368" s="1" t="s">
        <v>51024</v>
      </c>
      <c r="I13368" s="1" t="s">
        <v>50458</v>
      </c>
      <c r="J13368" s="1" t="s">
        <v>51028</v>
      </c>
    </row>
    <row r="13369" spans="1:10" x14ac:dyDescent="0.35">
      <c r="A13369" s="1" t="s">
        <v>51019</v>
      </c>
      <c r="B13369" s="1" t="s">
        <v>50452</v>
      </c>
      <c r="C13369" s="1" t="s">
        <v>20</v>
      </c>
      <c r="D13369" s="1" t="s">
        <v>1185</v>
      </c>
      <c r="E13369" s="1" t="s">
        <v>51029</v>
      </c>
      <c r="F13369" s="1" t="s">
        <v>51030</v>
      </c>
      <c r="G13369" s="1" t="s">
        <v>51023</v>
      </c>
      <c r="H13369" s="1" t="s">
        <v>51024</v>
      </c>
      <c r="I13369" s="1" t="s">
        <v>50458</v>
      </c>
      <c r="J13369" s="1" t="s">
        <v>51031</v>
      </c>
    </row>
    <row r="13370" spans="1:10" x14ac:dyDescent="0.35">
      <c r="A13370" s="1" t="s">
        <v>51019</v>
      </c>
      <c r="B13370" s="1" t="s">
        <v>50452</v>
      </c>
      <c r="C13370" s="1" t="s">
        <v>25</v>
      </c>
      <c r="D13370" s="1" t="s">
        <v>1817</v>
      </c>
      <c r="E13370" s="1" t="s">
        <v>51032</v>
      </c>
      <c r="F13370" s="1" t="s">
        <v>51033</v>
      </c>
      <c r="G13370" s="1" t="s">
        <v>51023</v>
      </c>
      <c r="H13370" s="1" t="s">
        <v>51024</v>
      </c>
      <c r="I13370" s="1" t="s">
        <v>50458</v>
      </c>
      <c r="J13370" s="1" t="s">
        <v>51034</v>
      </c>
    </row>
    <row r="13371" spans="1:10" x14ac:dyDescent="0.35">
      <c r="A13371" s="1" t="s">
        <v>51019</v>
      </c>
      <c r="B13371" s="1" t="s">
        <v>50452</v>
      </c>
      <c r="C13371" s="1" t="s">
        <v>30</v>
      </c>
      <c r="D13371" s="1" t="s">
        <v>51035</v>
      </c>
      <c r="E13371" s="1" t="s">
        <v>51036</v>
      </c>
      <c r="F13371" s="1" t="s">
        <v>51037</v>
      </c>
      <c r="G13371" s="1" t="s">
        <v>51023</v>
      </c>
      <c r="H13371" s="1" t="s">
        <v>51024</v>
      </c>
      <c r="I13371" s="1" t="s">
        <v>50458</v>
      </c>
      <c r="J13371" s="1" t="s">
        <v>51038</v>
      </c>
    </row>
    <row r="13372" spans="1:10" x14ac:dyDescent="0.35">
      <c r="A13372" s="1" t="s">
        <v>51019</v>
      </c>
      <c r="B13372" s="1" t="s">
        <v>50452</v>
      </c>
      <c r="C13372" s="1" t="s">
        <v>35</v>
      </c>
      <c r="D13372" s="1" t="s">
        <v>32651</v>
      </c>
      <c r="E13372" s="1" t="s">
        <v>51039</v>
      </c>
      <c r="F13372" s="1" t="s">
        <v>51040</v>
      </c>
      <c r="G13372" s="1" t="s">
        <v>51023</v>
      </c>
      <c r="H13372" s="1" t="s">
        <v>51024</v>
      </c>
      <c r="I13372" s="1" t="s">
        <v>50458</v>
      </c>
      <c r="J13372" s="1" t="s">
        <v>51041</v>
      </c>
    </row>
    <row r="13373" spans="1:10" x14ac:dyDescent="0.35">
      <c r="A13373" s="1" t="s">
        <v>51019</v>
      </c>
      <c r="B13373" s="1" t="s">
        <v>50452</v>
      </c>
      <c r="C13373" s="1" t="s">
        <v>40</v>
      </c>
      <c r="D13373" s="1" t="s">
        <v>33137</v>
      </c>
      <c r="E13373" s="1" t="s">
        <v>51042</v>
      </c>
      <c r="F13373" s="1" t="s">
        <v>51043</v>
      </c>
      <c r="G13373" s="1" t="s">
        <v>51023</v>
      </c>
      <c r="H13373" s="1" t="s">
        <v>51024</v>
      </c>
      <c r="I13373" s="1" t="s">
        <v>50458</v>
      </c>
      <c r="J13373" s="1" t="s">
        <v>51044</v>
      </c>
    </row>
    <row r="13374" spans="1:10" x14ac:dyDescent="0.35">
      <c r="A13374" s="1" t="s">
        <v>51019</v>
      </c>
      <c r="B13374" s="1" t="s">
        <v>50452</v>
      </c>
      <c r="C13374" s="1" t="s">
        <v>45</v>
      </c>
      <c r="D13374" s="1" t="s">
        <v>41253</v>
      </c>
      <c r="E13374" s="1" t="s">
        <v>51045</v>
      </c>
      <c r="F13374" s="1" t="s">
        <v>51046</v>
      </c>
      <c r="G13374" s="1" t="s">
        <v>51023</v>
      </c>
      <c r="H13374" s="1" t="s">
        <v>51024</v>
      </c>
      <c r="I13374" s="1" t="s">
        <v>50458</v>
      </c>
      <c r="J13374" s="1" t="s">
        <v>51047</v>
      </c>
    </row>
    <row r="13375" spans="1:10" x14ac:dyDescent="0.35">
      <c r="A13375" s="1" t="s">
        <v>51019</v>
      </c>
      <c r="B13375" s="1" t="s">
        <v>50452</v>
      </c>
      <c r="C13375" s="1" t="s">
        <v>50</v>
      </c>
      <c r="D13375" s="1" t="s">
        <v>51048</v>
      </c>
      <c r="E13375" s="1" t="s">
        <v>51049</v>
      </c>
      <c r="F13375" s="1" t="s">
        <v>51050</v>
      </c>
      <c r="G13375" s="1" t="s">
        <v>51023</v>
      </c>
      <c r="H13375" s="1" t="s">
        <v>51024</v>
      </c>
      <c r="I13375" s="1" t="s">
        <v>50458</v>
      </c>
      <c r="J13375" s="1" t="s">
        <v>51051</v>
      </c>
    </row>
    <row r="13376" spans="1:10" x14ac:dyDescent="0.35">
      <c r="A13376" s="1" t="s">
        <v>51019</v>
      </c>
      <c r="B13376" s="1" t="s">
        <v>50452</v>
      </c>
      <c r="C13376" s="1" t="s">
        <v>55</v>
      </c>
      <c r="D13376" s="1" t="s">
        <v>51052</v>
      </c>
      <c r="E13376" s="1" t="s">
        <v>51053</v>
      </c>
      <c r="F13376" s="1" t="s">
        <v>51054</v>
      </c>
      <c r="G13376" s="1" t="s">
        <v>51023</v>
      </c>
      <c r="H13376" s="1" t="s">
        <v>51024</v>
      </c>
      <c r="I13376" s="1" t="s">
        <v>50458</v>
      </c>
      <c r="J13376" s="1" t="s">
        <v>51055</v>
      </c>
    </row>
    <row r="13377" spans="1:10" x14ac:dyDescent="0.35">
      <c r="A13377" s="1" t="s">
        <v>51019</v>
      </c>
      <c r="B13377" s="1" t="s">
        <v>50452</v>
      </c>
      <c r="C13377" s="1" t="s">
        <v>60</v>
      </c>
      <c r="D13377" s="1" t="s">
        <v>51052</v>
      </c>
      <c r="E13377" s="1" t="s">
        <v>51056</v>
      </c>
      <c r="F13377" s="1" t="s">
        <v>51057</v>
      </c>
      <c r="G13377" s="1" t="s">
        <v>51023</v>
      </c>
      <c r="H13377" s="1" t="s">
        <v>51024</v>
      </c>
      <c r="I13377" s="1" t="s">
        <v>50458</v>
      </c>
      <c r="J13377" s="1" t="s">
        <v>1180</v>
      </c>
    </row>
    <row r="13378" spans="1:10" x14ac:dyDescent="0.35">
      <c r="A13378" s="1" t="s">
        <v>51019</v>
      </c>
      <c r="B13378" s="1" t="s">
        <v>50452</v>
      </c>
      <c r="C13378" s="1" t="s">
        <v>65</v>
      </c>
      <c r="D13378" s="1" t="s">
        <v>3526</v>
      </c>
      <c r="E13378" s="1" t="s">
        <v>51058</v>
      </c>
      <c r="F13378" s="1" t="s">
        <v>51059</v>
      </c>
      <c r="G13378" s="1" t="s">
        <v>51023</v>
      </c>
      <c r="H13378" s="1" t="s">
        <v>51024</v>
      </c>
      <c r="I13378" s="1" t="s">
        <v>50458</v>
      </c>
      <c r="J13378" s="1" t="s">
        <v>51060</v>
      </c>
    </row>
    <row r="13379" spans="1:10" x14ac:dyDescent="0.35">
      <c r="A13379" s="1" t="s">
        <v>51019</v>
      </c>
      <c r="B13379" s="1" t="s">
        <v>50452</v>
      </c>
      <c r="C13379" s="1" t="s">
        <v>70</v>
      </c>
      <c r="D13379" s="1" t="s">
        <v>2238</v>
      </c>
      <c r="E13379" s="1" t="s">
        <v>51061</v>
      </c>
      <c r="F13379" s="1" t="s">
        <v>51062</v>
      </c>
      <c r="G13379" s="1" t="s">
        <v>51023</v>
      </c>
      <c r="H13379" s="1" t="s">
        <v>51024</v>
      </c>
      <c r="I13379" s="1" t="s">
        <v>50458</v>
      </c>
      <c r="J13379" s="1" t="s">
        <v>51063</v>
      </c>
    </row>
    <row r="13380" spans="1:10" x14ac:dyDescent="0.35">
      <c r="A13380" s="1" t="s">
        <v>51019</v>
      </c>
      <c r="B13380" s="1" t="s">
        <v>50452</v>
      </c>
      <c r="C13380" s="1" t="s">
        <v>75</v>
      </c>
      <c r="D13380" s="1" t="s">
        <v>25361</v>
      </c>
      <c r="E13380" s="1" t="s">
        <v>51064</v>
      </c>
      <c r="F13380" s="1" t="s">
        <v>51065</v>
      </c>
      <c r="G13380" s="1" t="s">
        <v>51023</v>
      </c>
      <c r="H13380" s="1" t="s">
        <v>51024</v>
      </c>
      <c r="I13380" s="1" t="s">
        <v>50458</v>
      </c>
      <c r="J13380" s="1" t="s">
        <v>51066</v>
      </c>
    </row>
    <row r="13381" spans="1:10" x14ac:dyDescent="0.35">
      <c r="A13381" s="1" t="s">
        <v>51019</v>
      </c>
      <c r="B13381" s="1" t="s">
        <v>50452</v>
      </c>
      <c r="C13381" s="1" t="s">
        <v>80</v>
      </c>
      <c r="D13381" s="1" t="s">
        <v>51067</v>
      </c>
      <c r="E13381" s="1" t="s">
        <v>51068</v>
      </c>
      <c r="F13381" s="1" t="s">
        <v>51069</v>
      </c>
      <c r="G13381" s="1" t="s">
        <v>51023</v>
      </c>
      <c r="H13381" s="1" t="s">
        <v>51024</v>
      </c>
      <c r="I13381" s="1" t="s">
        <v>50458</v>
      </c>
      <c r="J13381" s="1" t="s">
        <v>51070</v>
      </c>
    </row>
    <row r="13382" spans="1:10" x14ac:dyDescent="0.35">
      <c r="A13382" s="1" t="s">
        <v>51019</v>
      </c>
      <c r="B13382" s="1" t="s">
        <v>50452</v>
      </c>
      <c r="C13382" s="1" t="s">
        <v>85</v>
      </c>
      <c r="D13382" s="1" t="s">
        <v>1150</v>
      </c>
      <c r="E13382" s="1" t="s">
        <v>51071</v>
      </c>
      <c r="F13382" s="1" t="s">
        <v>51072</v>
      </c>
      <c r="G13382" s="1" t="s">
        <v>51023</v>
      </c>
      <c r="H13382" s="1" t="s">
        <v>51024</v>
      </c>
      <c r="I13382" s="1" t="s">
        <v>50458</v>
      </c>
      <c r="J13382" s="1" t="s">
        <v>51073</v>
      </c>
    </row>
    <row r="13383" spans="1:10" x14ac:dyDescent="0.35">
      <c r="A13383" s="1" t="s">
        <v>51019</v>
      </c>
      <c r="B13383" s="1" t="s">
        <v>50452</v>
      </c>
      <c r="C13383" s="1" t="s">
        <v>90</v>
      </c>
      <c r="D13383" s="1" t="s">
        <v>10488</v>
      </c>
      <c r="E13383" s="1" t="s">
        <v>51074</v>
      </c>
      <c r="F13383" s="1" t="s">
        <v>51075</v>
      </c>
      <c r="G13383" s="1" t="s">
        <v>51023</v>
      </c>
      <c r="H13383" s="1" t="s">
        <v>51024</v>
      </c>
      <c r="I13383" s="1" t="s">
        <v>50458</v>
      </c>
      <c r="J13383" s="1" t="s">
        <v>51076</v>
      </c>
    </row>
    <row r="13384" spans="1:10" x14ac:dyDescent="0.35">
      <c r="A13384" s="1" t="s">
        <v>51019</v>
      </c>
      <c r="B13384" s="1" t="s">
        <v>50452</v>
      </c>
      <c r="C13384" s="1" t="s">
        <v>95</v>
      </c>
      <c r="D13384" s="1" t="s">
        <v>51077</v>
      </c>
      <c r="E13384" s="1" t="s">
        <v>51078</v>
      </c>
      <c r="F13384" s="1" t="s">
        <v>51079</v>
      </c>
      <c r="G13384" s="1" t="s">
        <v>51023</v>
      </c>
      <c r="H13384" s="1" t="s">
        <v>51024</v>
      </c>
      <c r="I13384" s="1" t="s">
        <v>50458</v>
      </c>
      <c r="J13384" s="1" t="s">
        <v>51080</v>
      </c>
    </row>
    <row r="13385" spans="1:10" x14ac:dyDescent="0.35">
      <c r="A13385" s="1" t="s">
        <v>51019</v>
      </c>
      <c r="B13385" s="1" t="s">
        <v>50452</v>
      </c>
      <c r="C13385" s="1" t="s">
        <v>100</v>
      </c>
      <c r="D13385" s="1" t="s">
        <v>25604</v>
      </c>
      <c r="E13385" s="1" t="s">
        <v>51081</v>
      </c>
      <c r="F13385" s="1" t="s">
        <v>51082</v>
      </c>
      <c r="G13385" s="1" t="s">
        <v>51023</v>
      </c>
      <c r="H13385" s="1" t="s">
        <v>51024</v>
      </c>
      <c r="I13385" s="1" t="s">
        <v>50458</v>
      </c>
      <c r="J13385" s="1" t="s">
        <v>51083</v>
      </c>
    </row>
    <row r="13386" spans="1:10" x14ac:dyDescent="0.35">
      <c r="A13386" s="1" t="s">
        <v>51019</v>
      </c>
      <c r="B13386" s="1" t="s">
        <v>50452</v>
      </c>
      <c r="C13386" s="1" t="s">
        <v>105</v>
      </c>
      <c r="D13386" s="1" t="s">
        <v>27476</v>
      </c>
      <c r="E13386" s="1" t="s">
        <v>51084</v>
      </c>
      <c r="F13386" s="1" t="s">
        <v>51085</v>
      </c>
      <c r="G13386" s="1" t="s">
        <v>51023</v>
      </c>
      <c r="H13386" s="1" t="s">
        <v>51024</v>
      </c>
      <c r="I13386" s="1" t="s">
        <v>50458</v>
      </c>
      <c r="J13386" s="1" t="s">
        <v>51086</v>
      </c>
    </row>
    <row r="13387" spans="1:10" x14ac:dyDescent="0.35">
      <c r="A13387" s="1" t="s">
        <v>51019</v>
      </c>
      <c r="B13387" s="1" t="s">
        <v>50452</v>
      </c>
      <c r="C13387" s="1" t="s">
        <v>110</v>
      </c>
      <c r="D13387" s="1" t="s">
        <v>51087</v>
      </c>
      <c r="E13387" s="1" t="s">
        <v>51088</v>
      </c>
      <c r="F13387" s="1" t="s">
        <v>51089</v>
      </c>
      <c r="G13387" s="1" t="s">
        <v>51023</v>
      </c>
      <c r="H13387" s="1" t="s">
        <v>51024</v>
      </c>
      <c r="I13387" s="1" t="s">
        <v>50458</v>
      </c>
      <c r="J13387" s="1" t="s">
        <v>51090</v>
      </c>
    </row>
    <row r="13388" spans="1:10" x14ac:dyDescent="0.35">
      <c r="A13388" s="1" t="s">
        <v>51019</v>
      </c>
      <c r="B13388" s="1" t="s">
        <v>50452</v>
      </c>
      <c r="C13388" s="1" t="s">
        <v>115</v>
      </c>
      <c r="D13388" s="1" t="s">
        <v>15587</v>
      </c>
      <c r="E13388" s="1" t="s">
        <v>51091</v>
      </c>
      <c r="F13388" s="1" t="s">
        <v>51092</v>
      </c>
      <c r="G13388" s="1" t="s">
        <v>51023</v>
      </c>
      <c r="H13388" s="1" t="s">
        <v>51024</v>
      </c>
      <c r="I13388" s="1" t="s">
        <v>50458</v>
      </c>
      <c r="J13388" s="1" t="s">
        <v>51093</v>
      </c>
    </row>
    <row r="13389" spans="1:10" x14ac:dyDescent="0.35">
      <c r="A13389" s="1" t="s">
        <v>51019</v>
      </c>
      <c r="B13389" s="1" t="s">
        <v>50452</v>
      </c>
      <c r="C13389" s="1" t="s">
        <v>120</v>
      </c>
      <c r="D13389" s="1" t="s">
        <v>51094</v>
      </c>
      <c r="E13389" s="1" t="s">
        <v>51095</v>
      </c>
      <c r="F13389" s="1" t="s">
        <v>51096</v>
      </c>
      <c r="G13389" s="1" t="s">
        <v>51023</v>
      </c>
      <c r="H13389" s="1" t="s">
        <v>51024</v>
      </c>
      <c r="I13389" s="1" t="s">
        <v>50458</v>
      </c>
      <c r="J13389" s="1" t="s">
        <v>51097</v>
      </c>
    </row>
    <row r="13390" spans="1:10" x14ac:dyDescent="0.35">
      <c r="A13390" s="1" t="s">
        <v>51019</v>
      </c>
      <c r="B13390" s="1" t="s">
        <v>50452</v>
      </c>
      <c r="C13390" s="1" t="s">
        <v>125</v>
      </c>
      <c r="D13390" s="1" t="s">
        <v>51098</v>
      </c>
      <c r="E13390" s="1" t="s">
        <v>51099</v>
      </c>
      <c r="F13390" s="1" t="s">
        <v>51100</v>
      </c>
      <c r="G13390" s="1" t="s">
        <v>51023</v>
      </c>
      <c r="H13390" s="1" t="s">
        <v>51024</v>
      </c>
      <c r="I13390" s="1" t="s">
        <v>50458</v>
      </c>
      <c r="J13390" s="1" t="s">
        <v>51101</v>
      </c>
    </row>
    <row r="13391" spans="1:10" x14ac:dyDescent="0.35">
      <c r="A13391" s="1" t="s">
        <v>51019</v>
      </c>
      <c r="B13391" s="1" t="s">
        <v>50452</v>
      </c>
      <c r="C13391" s="1" t="s">
        <v>130</v>
      </c>
      <c r="D13391" s="1" t="s">
        <v>34807</v>
      </c>
      <c r="E13391" s="1" t="s">
        <v>51102</v>
      </c>
      <c r="F13391" s="1" t="s">
        <v>51103</v>
      </c>
      <c r="G13391" s="1" t="s">
        <v>51023</v>
      </c>
      <c r="H13391" s="1" t="s">
        <v>51024</v>
      </c>
      <c r="I13391" s="1" t="s">
        <v>50458</v>
      </c>
      <c r="J13391" s="1" t="s">
        <v>51104</v>
      </c>
    </row>
    <row r="13392" spans="1:10" x14ac:dyDescent="0.35">
      <c r="A13392" s="1" t="s">
        <v>51019</v>
      </c>
      <c r="B13392" s="1" t="s">
        <v>50452</v>
      </c>
      <c r="C13392" s="1" t="s">
        <v>135</v>
      </c>
      <c r="D13392" s="1" t="s">
        <v>202</v>
      </c>
      <c r="E13392" s="1" t="s">
        <v>51105</v>
      </c>
      <c r="F13392" s="1" t="s">
        <v>51106</v>
      </c>
      <c r="G13392" s="1" t="s">
        <v>51023</v>
      </c>
      <c r="H13392" s="1" t="s">
        <v>51024</v>
      </c>
      <c r="I13392" s="1" t="s">
        <v>50458</v>
      </c>
      <c r="J13392" s="1" t="s">
        <v>51107</v>
      </c>
    </row>
    <row r="13393" spans="1:10" x14ac:dyDescent="0.35">
      <c r="A13393" s="1" t="s">
        <v>51019</v>
      </c>
      <c r="B13393" s="1" t="s">
        <v>50452</v>
      </c>
      <c r="C13393" s="1" t="s">
        <v>140</v>
      </c>
      <c r="D13393" s="1" t="s">
        <v>34803</v>
      </c>
      <c r="E13393" s="1" t="s">
        <v>51108</v>
      </c>
      <c r="F13393" s="1" t="s">
        <v>51109</v>
      </c>
      <c r="G13393" s="1" t="s">
        <v>51023</v>
      </c>
      <c r="H13393" s="1" t="s">
        <v>51024</v>
      </c>
      <c r="I13393" s="1" t="s">
        <v>50458</v>
      </c>
      <c r="J13393" s="1" t="s">
        <v>51110</v>
      </c>
    </row>
    <row r="13394" spans="1:10" x14ac:dyDescent="0.35">
      <c r="A13394" s="1" t="s">
        <v>51019</v>
      </c>
      <c r="B13394" s="1" t="s">
        <v>50452</v>
      </c>
      <c r="C13394" s="1" t="s">
        <v>145</v>
      </c>
      <c r="D13394" s="1" t="s">
        <v>51111</v>
      </c>
      <c r="E13394" s="1" t="s">
        <v>51112</v>
      </c>
      <c r="F13394" s="1" t="s">
        <v>51113</v>
      </c>
      <c r="G13394" s="1" t="s">
        <v>51023</v>
      </c>
      <c r="H13394" s="1" t="s">
        <v>51024</v>
      </c>
      <c r="I13394" s="1" t="s">
        <v>50458</v>
      </c>
      <c r="J13394" s="1" t="s">
        <v>51114</v>
      </c>
    </row>
    <row r="13395" spans="1:10" x14ac:dyDescent="0.35">
      <c r="A13395" s="1" t="s">
        <v>51019</v>
      </c>
      <c r="B13395" s="1" t="s">
        <v>50452</v>
      </c>
      <c r="C13395" s="1" t="s">
        <v>150</v>
      </c>
      <c r="D13395" s="1" t="s">
        <v>51115</v>
      </c>
      <c r="E13395" s="1" t="s">
        <v>51116</v>
      </c>
      <c r="F13395" s="1" t="s">
        <v>51117</v>
      </c>
      <c r="G13395" s="1" t="s">
        <v>51023</v>
      </c>
      <c r="H13395" s="1" t="s">
        <v>51024</v>
      </c>
      <c r="I13395" s="1" t="s">
        <v>50458</v>
      </c>
      <c r="J13395" s="1" t="s">
        <v>51118</v>
      </c>
    </row>
    <row r="13396" spans="1:10" x14ac:dyDescent="0.35">
      <c r="A13396" s="1" t="s">
        <v>51019</v>
      </c>
      <c r="B13396" s="1" t="s">
        <v>50452</v>
      </c>
      <c r="C13396" s="1" t="s">
        <v>155</v>
      </c>
      <c r="D13396" s="1" t="s">
        <v>51119</v>
      </c>
      <c r="E13396" s="1" t="s">
        <v>51120</v>
      </c>
      <c r="F13396" s="1" t="s">
        <v>51121</v>
      </c>
      <c r="G13396" s="1" t="s">
        <v>51023</v>
      </c>
      <c r="H13396" s="1" t="s">
        <v>51024</v>
      </c>
      <c r="I13396" s="1" t="s">
        <v>50458</v>
      </c>
      <c r="J13396" s="1" t="s">
        <v>51122</v>
      </c>
    </row>
    <row r="13397" spans="1:10" x14ac:dyDescent="0.35">
      <c r="A13397" s="1" t="s">
        <v>51019</v>
      </c>
      <c r="B13397" s="1" t="s">
        <v>50452</v>
      </c>
      <c r="C13397" s="1" t="s">
        <v>160</v>
      </c>
      <c r="D13397" s="1" t="s">
        <v>28641</v>
      </c>
      <c r="E13397" s="1" t="s">
        <v>51123</v>
      </c>
      <c r="F13397" s="1" t="s">
        <v>51124</v>
      </c>
      <c r="G13397" s="1" t="s">
        <v>51023</v>
      </c>
      <c r="H13397" s="1" t="s">
        <v>51024</v>
      </c>
      <c r="I13397" s="1" t="s">
        <v>50458</v>
      </c>
      <c r="J13397" s="1" t="s">
        <v>51125</v>
      </c>
    </row>
    <row r="13398" spans="1:10" x14ac:dyDescent="0.35">
      <c r="A13398" s="1" t="s">
        <v>51019</v>
      </c>
      <c r="B13398" s="1" t="s">
        <v>50452</v>
      </c>
      <c r="C13398" s="1" t="s">
        <v>165</v>
      </c>
      <c r="D13398" s="1" t="s">
        <v>25173</v>
      </c>
      <c r="E13398" s="1" t="s">
        <v>51126</v>
      </c>
      <c r="F13398" s="1" t="s">
        <v>51127</v>
      </c>
      <c r="G13398" s="1" t="s">
        <v>51023</v>
      </c>
      <c r="H13398" s="1" t="s">
        <v>51024</v>
      </c>
      <c r="I13398" s="1" t="s">
        <v>50458</v>
      </c>
      <c r="J13398" s="1" t="s">
        <v>51128</v>
      </c>
    </row>
    <row r="13399" spans="1:10" x14ac:dyDescent="0.35">
      <c r="A13399" s="1" t="s">
        <v>51019</v>
      </c>
      <c r="B13399" s="1" t="s">
        <v>50452</v>
      </c>
      <c r="C13399" s="1" t="s">
        <v>170</v>
      </c>
      <c r="D13399" s="1" t="s">
        <v>51129</v>
      </c>
      <c r="E13399" s="1" t="s">
        <v>51130</v>
      </c>
      <c r="F13399" s="1" t="s">
        <v>51131</v>
      </c>
      <c r="G13399" s="1" t="s">
        <v>51023</v>
      </c>
      <c r="H13399" s="1" t="s">
        <v>51024</v>
      </c>
      <c r="I13399" s="1" t="s">
        <v>50458</v>
      </c>
      <c r="J13399" s="1" t="s">
        <v>51132</v>
      </c>
    </row>
    <row r="13400" spans="1:10" x14ac:dyDescent="0.35">
      <c r="A13400" s="1" t="s">
        <v>51133</v>
      </c>
      <c r="B13400" s="1" t="s">
        <v>50452</v>
      </c>
      <c r="C13400" s="1" t="s">
        <v>8</v>
      </c>
      <c r="D13400" s="1" t="s">
        <v>51134</v>
      </c>
      <c r="E13400" s="1" t="s">
        <v>51135</v>
      </c>
      <c r="F13400" s="1" t="s">
        <v>51136</v>
      </c>
      <c r="G13400" s="1" t="s">
        <v>51137</v>
      </c>
      <c r="H13400" s="1" t="s">
        <v>51138</v>
      </c>
      <c r="I13400" s="1" t="s">
        <v>50458</v>
      </c>
      <c r="J13400" s="1" t="s">
        <v>13</v>
      </c>
    </row>
    <row r="13401" spans="1:10" x14ac:dyDescent="0.35">
      <c r="A13401" s="1" t="s">
        <v>51133</v>
      </c>
      <c r="B13401" s="1" t="s">
        <v>50452</v>
      </c>
      <c r="C13401" s="1" t="s">
        <v>15</v>
      </c>
      <c r="D13401" s="1" t="s">
        <v>51139</v>
      </c>
      <c r="E13401" s="1" t="s">
        <v>51140</v>
      </c>
      <c r="F13401" s="1" t="s">
        <v>51141</v>
      </c>
      <c r="G13401" s="1" t="s">
        <v>51137</v>
      </c>
      <c r="H13401" s="1" t="s">
        <v>51138</v>
      </c>
      <c r="I13401" s="1" t="s">
        <v>50458</v>
      </c>
      <c r="J13401" s="1" t="s">
        <v>51142</v>
      </c>
    </row>
    <row r="13402" spans="1:10" x14ac:dyDescent="0.35">
      <c r="A13402" s="1" t="s">
        <v>51133</v>
      </c>
      <c r="B13402" s="1" t="s">
        <v>50452</v>
      </c>
      <c r="C13402" s="1" t="s">
        <v>20</v>
      </c>
      <c r="D13402" s="1" t="s">
        <v>51143</v>
      </c>
      <c r="E13402" s="1" t="s">
        <v>51144</v>
      </c>
      <c r="F13402" s="1" t="s">
        <v>51145</v>
      </c>
      <c r="G13402" s="1" t="s">
        <v>51137</v>
      </c>
      <c r="H13402" s="1" t="s">
        <v>51138</v>
      </c>
      <c r="I13402" s="1" t="s">
        <v>50458</v>
      </c>
      <c r="J13402" s="1" t="s">
        <v>51146</v>
      </c>
    </row>
    <row r="13403" spans="1:10" x14ac:dyDescent="0.35">
      <c r="A13403" s="1" t="s">
        <v>51133</v>
      </c>
      <c r="B13403" s="1" t="s">
        <v>50452</v>
      </c>
      <c r="C13403" s="1" t="s">
        <v>25</v>
      </c>
      <c r="D13403" s="1" t="s">
        <v>8518</v>
      </c>
      <c r="E13403" s="1" t="s">
        <v>51147</v>
      </c>
      <c r="F13403" s="1" t="s">
        <v>51148</v>
      </c>
      <c r="G13403" s="1" t="s">
        <v>51137</v>
      </c>
      <c r="H13403" s="1" t="s">
        <v>51138</v>
      </c>
      <c r="I13403" s="1" t="s">
        <v>50458</v>
      </c>
      <c r="J13403" s="1" t="s">
        <v>51149</v>
      </c>
    </row>
    <row r="13404" spans="1:10" x14ac:dyDescent="0.35">
      <c r="A13404" s="1" t="s">
        <v>51133</v>
      </c>
      <c r="B13404" s="1" t="s">
        <v>50452</v>
      </c>
      <c r="C13404" s="1" t="s">
        <v>30</v>
      </c>
      <c r="D13404" s="1" t="s">
        <v>51150</v>
      </c>
      <c r="E13404" s="1" t="s">
        <v>51151</v>
      </c>
      <c r="F13404" s="1" t="s">
        <v>51152</v>
      </c>
      <c r="G13404" s="1" t="s">
        <v>51137</v>
      </c>
      <c r="H13404" s="1" t="s">
        <v>51138</v>
      </c>
      <c r="I13404" s="1" t="s">
        <v>50458</v>
      </c>
      <c r="J13404" s="1" t="s">
        <v>51153</v>
      </c>
    </row>
    <row r="13405" spans="1:10" x14ac:dyDescent="0.35">
      <c r="A13405" s="1" t="s">
        <v>51133</v>
      </c>
      <c r="B13405" s="1" t="s">
        <v>50452</v>
      </c>
      <c r="C13405" s="1" t="s">
        <v>35</v>
      </c>
      <c r="D13405" s="1" t="s">
        <v>51154</v>
      </c>
      <c r="E13405" s="1" t="s">
        <v>51155</v>
      </c>
      <c r="F13405" s="1" t="s">
        <v>51156</v>
      </c>
      <c r="G13405" s="1" t="s">
        <v>51137</v>
      </c>
      <c r="H13405" s="1" t="s">
        <v>51138</v>
      </c>
      <c r="I13405" s="1" t="s">
        <v>50458</v>
      </c>
      <c r="J13405" s="1" t="s">
        <v>51157</v>
      </c>
    </row>
    <row r="13406" spans="1:10" x14ac:dyDescent="0.35">
      <c r="A13406" s="1" t="s">
        <v>51133</v>
      </c>
      <c r="B13406" s="1" t="s">
        <v>50452</v>
      </c>
      <c r="C13406" s="1" t="s">
        <v>40</v>
      </c>
      <c r="D13406" s="1" t="s">
        <v>51158</v>
      </c>
      <c r="E13406" s="1" t="s">
        <v>51159</v>
      </c>
      <c r="F13406" s="1" t="s">
        <v>51160</v>
      </c>
      <c r="G13406" s="1" t="s">
        <v>51137</v>
      </c>
      <c r="H13406" s="1" t="s">
        <v>51138</v>
      </c>
      <c r="I13406" s="1" t="s">
        <v>50458</v>
      </c>
      <c r="J13406" s="1" t="s">
        <v>51161</v>
      </c>
    </row>
    <row r="13407" spans="1:10" x14ac:dyDescent="0.35">
      <c r="A13407" s="1" t="s">
        <v>51133</v>
      </c>
      <c r="B13407" s="1" t="s">
        <v>50452</v>
      </c>
      <c r="C13407" s="1" t="s">
        <v>45</v>
      </c>
      <c r="D13407" s="1" t="s">
        <v>25328</v>
      </c>
      <c r="E13407" s="1" t="s">
        <v>51162</v>
      </c>
      <c r="F13407" s="1" t="s">
        <v>51163</v>
      </c>
      <c r="G13407" s="1" t="s">
        <v>51137</v>
      </c>
      <c r="H13407" s="1" t="s">
        <v>51138</v>
      </c>
      <c r="I13407" s="1" t="s">
        <v>50458</v>
      </c>
      <c r="J13407" s="1" t="s">
        <v>51164</v>
      </c>
    </row>
    <row r="13408" spans="1:10" x14ac:dyDescent="0.35">
      <c r="A13408" s="1" t="s">
        <v>51133</v>
      </c>
      <c r="B13408" s="1" t="s">
        <v>50452</v>
      </c>
      <c r="C13408" s="1" t="s">
        <v>50</v>
      </c>
      <c r="D13408" s="1" t="s">
        <v>3541</v>
      </c>
      <c r="E13408" s="1" t="s">
        <v>51165</v>
      </c>
      <c r="F13408" s="1" t="s">
        <v>51166</v>
      </c>
      <c r="G13408" s="1" t="s">
        <v>51137</v>
      </c>
      <c r="H13408" s="1" t="s">
        <v>51138</v>
      </c>
      <c r="I13408" s="1" t="s">
        <v>50458</v>
      </c>
      <c r="J13408" s="1" t="s">
        <v>51167</v>
      </c>
    </row>
    <row r="13409" spans="1:10" x14ac:dyDescent="0.35">
      <c r="A13409" s="1" t="s">
        <v>51133</v>
      </c>
      <c r="B13409" s="1" t="s">
        <v>50452</v>
      </c>
      <c r="C13409" s="1" t="s">
        <v>55</v>
      </c>
      <c r="D13409" s="1" t="s">
        <v>1789</v>
      </c>
      <c r="E13409" s="1" t="s">
        <v>51168</v>
      </c>
      <c r="F13409" s="1" t="s">
        <v>51169</v>
      </c>
      <c r="G13409" s="1" t="s">
        <v>51137</v>
      </c>
      <c r="H13409" s="1" t="s">
        <v>51138</v>
      </c>
      <c r="I13409" s="1" t="s">
        <v>50458</v>
      </c>
      <c r="J13409" s="1" t="s">
        <v>51170</v>
      </c>
    </row>
    <row r="13410" spans="1:10" x14ac:dyDescent="0.35">
      <c r="A13410" s="1" t="s">
        <v>51133</v>
      </c>
      <c r="B13410" s="1" t="s">
        <v>50452</v>
      </c>
      <c r="C13410" s="1" t="s">
        <v>60</v>
      </c>
      <c r="D13410" s="1" t="s">
        <v>1789</v>
      </c>
      <c r="E13410" s="1" t="s">
        <v>51171</v>
      </c>
      <c r="F13410" s="1" t="s">
        <v>51172</v>
      </c>
      <c r="G13410" s="1" t="s">
        <v>51137</v>
      </c>
      <c r="H13410" s="1" t="s">
        <v>51138</v>
      </c>
      <c r="I13410" s="1" t="s">
        <v>50458</v>
      </c>
      <c r="J13410" s="1" t="s">
        <v>1180</v>
      </c>
    </row>
    <row r="13411" spans="1:10" x14ac:dyDescent="0.35">
      <c r="A13411" s="1" t="s">
        <v>51133</v>
      </c>
      <c r="B13411" s="1" t="s">
        <v>50452</v>
      </c>
      <c r="C13411" s="1" t="s">
        <v>65</v>
      </c>
      <c r="D13411" s="1" t="s">
        <v>51173</v>
      </c>
      <c r="E13411" s="1" t="s">
        <v>51174</v>
      </c>
      <c r="F13411" s="1" t="s">
        <v>51175</v>
      </c>
      <c r="G13411" s="1" t="s">
        <v>51137</v>
      </c>
      <c r="H13411" s="1" t="s">
        <v>51138</v>
      </c>
      <c r="I13411" s="1" t="s">
        <v>50458</v>
      </c>
      <c r="J13411" s="1" t="s">
        <v>51176</v>
      </c>
    </row>
    <row r="13412" spans="1:10" x14ac:dyDescent="0.35">
      <c r="A13412" s="1" t="s">
        <v>51133</v>
      </c>
      <c r="B13412" s="1" t="s">
        <v>50452</v>
      </c>
      <c r="C13412" s="1" t="s">
        <v>70</v>
      </c>
      <c r="D13412" s="1" t="s">
        <v>6298</v>
      </c>
      <c r="E13412" s="1" t="s">
        <v>51177</v>
      </c>
      <c r="F13412" s="1" t="s">
        <v>51178</v>
      </c>
      <c r="G13412" s="1" t="s">
        <v>51137</v>
      </c>
      <c r="H13412" s="1" t="s">
        <v>51138</v>
      </c>
      <c r="I13412" s="1" t="s">
        <v>50458</v>
      </c>
      <c r="J13412" s="1" t="s">
        <v>51179</v>
      </c>
    </row>
    <row r="13413" spans="1:10" x14ac:dyDescent="0.35">
      <c r="A13413" s="1" t="s">
        <v>51133</v>
      </c>
      <c r="B13413" s="1" t="s">
        <v>50452</v>
      </c>
      <c r="C13413" s="1" t="s">
        <v>75</v>
      </c>
      <c r="D13413" s="1" t="s">
        <v>4329</v>
      </c>
      <c r="E13413" s="1" t="s">
        <v>51180</v>
      </c>
      <c r="F13413" s="1" t="s">
        <v>51181</v>
      </c>
      <c r="G13413" s="1" t="s">
        <v>51137</v>
      </c>
      <c r="H13413" s="1" t="s">
        <v>51138</v>
      </c>
      <c r="I13413" s="1" t="s">
        <v>50458</v>
      </c>
      <c r="J13413" s="1" t="s">
        <v>51182</v>
      </c>
    </row>
    <row r="13414" spans="1:10" x14ac:dyDescent="0.35">
      <c r="A13414" s="1" t="s">
        <v>51133</v>
      </c>
      <c r="B13414" s="1" t="s">
        <v>50452</v>
      </c>
      <c r="C13414" s="1" t="s">
        <v>80</v>
      </c>
      <c r="D13414" s="1" t="s">
        <v>46331</v>
      </c>
      <c r="E13414" s="1" t="s">
        <v>51183</v>
      </c>
      <c r="F13414" s="1" t="s">
        <v>51184</v>
      </c>
      <c r="G13414" s="1" t="s">
        <v>51137</v>
      </c>
      <c r="H13414" s="1" t="s">
        <v>51138</v>
      </c>
      <c r="I13414" s="1" t="s">
        <v>50458</v>
      </c>
      <c r="J13414" s="1" t="s">
        <v>51185</v>
      </c>
    </row>
    <row r="13415" spans="1:10" x14ac:dyDescent="0.35">
      <c r="A13415" s="1" t="s">
        <v>51133</v>
      </c>
      <c r="B13415" s="1" t="s">
        <v>50452</v>
      </c>
      <c r="C13415" s="1" t="s">
        <v>85</v>
      </c>
      <c r="D13415" s="1" t="s">
        <v>27973</v>
      </c>
      <c r="E13415" s="1" t="s">
        <v>51186</v>
      </c>
      <c r="F13415" s="1" t="s">
        <v>51187</v>
      </c>
      <c r="G13415" s="1" t="s">
        <v>51137</v>
      </c>
      <c r="H13415" s="1" t="s">
        <v>51138</v>
      </c>
      <c r="I13415" s="1" t="s">
        <v>50458</v>
      </c>
      <c r="J13415" s="1" t="s">
        <v>51188</v>
      </c>
    </row>
    <row r="13416" spans="1:10" x14ac:dyDescent="0.35">
      <c r="A13416" s="1" t="s">
        <v>51133</v>
      </c>
      <c r="B13416" s="1" t="s">
        <v>50452</v>
      </c>
      <c r="C13416" s="1" t="s">
        <v>90</v>
      </c>
      <c r="D13416" s="1" t="s">
        <v>51189</v>
      </c>
      <c r="E13416" s="1" t="s">
        <v>51190</v>
      </c>
      <c r="F13416" s="1" t="s">
        <v>51191</v>
      </c>
      <c r="G13416" s="1" t="s">
        <v>51137</v>
      </c>
      <c r="H13416" s="1" t="s">
        <v>51138</v>
      </c>
      <c r="I13416" s="1" t="s">
        <v>50458</v>
      </c>
      <c r="J13416" s="1" t="s">
        <v>51192</v>
      </c>
    </row>
    <row r="13417" spans="1:10" x14ac:dyDescent="0.35">
      <c r="A13417" s="1" t="s">
        <v>51133</v>
      </c>
      <c r="B13417" s="1" t="s">
        <v>50452</v>
      </c>
      <c r="C13417" s="1" t="s">
        <v>95</v>
      </c>
      <c r="D13417" s="1" t="s">
        <v>50517</v>
      </c>
      <c r="E13417" s="1" t="s">
        <v>51193</v>
      </c>
      <c r="F13417" s="1" t="s">
        <v>51194</v>
      </c>
      <c r="G13417" s="1" t="s">
        <v>51137</v>
      </c>
      <c r="H13417" s="1" t="s">
        <v>51138</v>
      </c>
      <c r="I13417" s="1" t="s">
        <v>50458</v>
      </c>
      <c r="J13417" s="1" t="s">
        <v>51195</v>
      </c>
    </row>
    <row r="13418" spans="1:10" x14ac:dyDescent="0.35">
      <c r="A13418" s="1" t="s">
        <v>51133</v>
      </c>
      <c r="B13418" s="1" t="s">
        <v>50452</v>
      </c>
      <c r="C13418" s="1" t="s">
        <v>100</v>
      </c>
      <c r="D13418" s="1" t="s">
        <v>36750</v>
      </c>
      <c r="E13418" s="1" t="s">
        <v>51196</v>
      </c>
      <c r="F13418" s="1" t="s">
        <v>51197</v>
      </c>
      <c r="G13418" s="1" t="s">
        <v>51137</v>
      </c>
      <c r="H13418" s="1" t="s">
        <v>51138</v>
      </c>
      <c r="I13418" s="1" t="s">
        <v>50458</v>
      </c>
      <c r="J13418" s="1" t="s">
        <v>51198</v>
      </c>
    </row>
    <row r="13419" spans="1:10" x14ac:dyDescent="0.35">
      <c r="A13419" s="1" t="s">
        <v>51133</v>
      </c>
      <c r="B13419" s="1" t="s">
        <v>50452</v>
      </c>
      <c r="C13419" s="1" t="s">
        <v>105</v>
      </c>
      <c r="D13419" s="1" t="s">
        <v>51199</v>
      </c>
      <c r="E13419" s="1" t="s">
        <v>51200</v>
      </c>
      <c r="F13419" s="1" t="s">
        <v>51201</v>
      </c>
      <c r="G13419" s="1" t="s">
        <v>51137</v>
      </c>
      <c r="H13419" s="1" t="s">
        <v>51138</v>
      </c>
      <c r="I13419" s="1" t="s">
        <v>50458</v>
      </c>
      <c r="J13419" s="1" t="s">
        <v>51202</v>
      </c>
    </row>
    <row r="13420" spans="1:10" x14ac:dyDescent="0.35">
      <c r="A13420" s="1" t="s">
        <v>51133</v>
      </c>
      <c r="B13420" s="1" t="s">
        <v>50452</v>
      </c>
      <c r="C13420" s="1" t="s">
        <v>110</v>
      </c>
      <c r="D13420" s="1" t="s">
        <v>51203</v>
      </c>
      <c r="E13420" s="1" t="s">
        <v>51204</v>
      </c>
      <c r="F13420" s="1" t="s">
        <v>51205</v>
      </c>
      <c r="G13420" s="1" t="s">
        <v>51137</v>
      </c>
      <c r="H13420" s="1" t="s">
        <v>51138</v>
      </c>
      <c r="I13420" s="1" t="s">
        <v>50458</v>
      </c>
      <c r="J13420" s="1" t="s">
        <v>51206</v>
      </c>
    </row>
    <row r="13421" spans="1:10" x14ac:dyDescent="0.35">
      <c r="A13421" s="1" t="s">
        <v>51133</v>
      </c>
      <c r="B13421" s="1" t="s">
        <v>50452</v>
      </c>
      <c r="C13421" s="1" t="s">
        <v>115</v>
      </c>
      <c r="D13421" s="1" t="s">
        <v>51207</v>
      </c>
      <c r="E13421" s="1" t="s">
        <v>51208</v>
      </c>
      <c r="F13421" s="1" t="s">
        <v>51209</v>
      </c>
      <c r="G13421" s="1" t="s">
        <v>51137</v>
      </c>
      <c r="H13421" s="1" t="s">
        <v>51138</v>
      </c>
      <c r="I13421" s="1" t="s">
        <v>50458</v>
      </c>
      <c r="J13421" s="1" t="s">
        <v>51210</v>
      </c>
    </row>
    <row r="13422" spans="1:10" x14ac:dyDescent="0.35">
      <c r="A13422" s="1" t="s">
        <v>51133</v>
      </c>
      <c r="B13422" s="1" t="s">
        <v>50452</v>
      </c>
      <c r="C13422" s="1" t="s">
        <v>120</v>
      </c>
      <c r="D13422" s="1" t="s">
        <v>15997</v>
      </c>
      <c r="E13422" s="1" t="s">
        <v>51211</v>
      </c>
      <c r="F13422" s="1" t="s">
        <v>51212</v>
      </c>
      <c r="G13422" s="1" t="s">
        <v>51137</v>
      </c>
      <c r="H13422" s="1" t="s">
        <v>51138</v>
      </c>
      <c r="I13422" s="1" t="s">
        <v>50458</v>
      </c>
      <c r="J13422" s="1" t="s">
        <v>51213</v>
      </c>
    </row>
    <row r="13423" spans="1:10" x14ac:dyDescent="0.35">
      <c r="A13423" s="1" t="s">
        <v>51133</v>
      </c>
      <c r="B13423" s="1" t="s">
        <v>50452</v>
      </c>
      <c r="C13423" s="1" t="s">
        <v>125</v>
      </c>
      <c r="D13423" s="1" t="s">
        <v>51214</v>
      </c>
      <c r="E13423" s="1" t="s">
        <v>51215</v>
      </c>
      <c r="F13423" s="1" t="s">
        <v>51216</v>
      </c>
      <c r="G13423" s="1" t="s">
        <v>51137</v>
      </c>
      <c r="H13423" s="1" t="s">
        <v>51138</v>
      </c>
      <c r="I13423" s="1" t="s">
        <v>50458</v>
      </c>
      <c r="J13423" s="1" t="s">
        <v>51217</v>
      </c>
    </row>
    <row r="13424" spans="1:10" x14ac:dyDescent="0.35">
      <c r="A13424" s="1" t="s">
        <v>51133</v>
      </c>
      <c r="B13424" s="1" t="s">
        <v>50452</v>
      </c>
      <c r="C13424" s="1" t="s">
        <v>130</v>
      </c>
      <c r="D13424" s="1" t="s">
        <v>31261</v>
      </c>
      <c r="E13424" s="1" t="s">
        <v>51218</v>
      </c>
      <c r="F13424" s="1" t="s">
        <v>51219</v>
      </c>
      <c r="G13424" s="1" t="s">
        <v>51137</v>
      </c>
      <c r="H13424" s="1" t="s">
        <v>51138</v>
      </c>
      <c r="I13424" s="1" t="s">
        <v>50458</v>
      </c>
      <c r="J13424" s="1" t="s">
        <v>51220</v>
      </c>
    </row>
    <row r="13425" spans="1:10" x14ac:dyDescent="0.35">
      <c r="A13425" s="1" t="s">
        <v>51133</v>
      </c>
      <c r="B13425" s="1" t="s">
        <v>50452</v>
      </c>
      <c r="C13425" s="1" t="s">
        <v>135</v>
      </c>
      <c r="D13425" s="1" t="s">
        <v>245</v>
      </c>
      <c r="E13425" s="1" t="s">
        <v>51221</v>
      </c>
      <c r="F13425" s="1" t="s">
        <v>51222</v>
      </c>
      <c r="G13425" s="1" t="s">
        <v>51137</v>
      </c>
      <c r="H13425" s="1" t="s">
        <v>51138</v>
      </c>
      <c r="I13425" s="1" t="s">
        <v>50458</v>
      </c>
      <c r="J13425" s="1" t="s">
        <v>51223</v>
      </c>
    </row>
    <row r="13426" spans="1:10" x14ac:dyDescent="0.35">
      <c r="A13426" s="1" t="s">
        <v>51133</v>
      </c>
      <c r="B13426" s="1" t="s">
        <v>50452</v>
      </c>
      <c r="C13426" s="1" t="s">
        <v>140</v>
      </c>
      <c r="D13426" s="1" t="s">
        <v>51224</v>
      </c>
      <c r="E13426" s="1" t="s">
        <v>51225</v>
      </c>
      <c r="F13426" s="1" t="s">
        <v>51226</v>
      </c>
      <c r="G13426" s="1" t="s">
        <v>51137</v>
      </c>
      <c r="H13426" s="1" t="s">
        <v>51138</v>
      </c>
      <c r="I13426" s="1" t="s">
        <v>50458</v>
      </c>
      <c r="J13426" s="1" t="s">
        <v>51227</v>
      </c>
    </row>
    <row r="13427" spans="1:10" x14ac:dyDescent="0.35">
      <c r="A13427" s="1" t="s">
        <v>51133</v>
      </c>
      <c r="B13427" s="1" t="s">
        <v>50452</v>
      </c>
      <c r="C13427" s="1" t="s">
        <v>145</v>
      </c>
      <c r="D13427" s="1" t="s">
        <v>51228</v>
      </c>
      <c r="E13427" s="1" t="s">
        <v>51229</v>
      </c>
      <c r="F13427" s="1" t="s">
        <v>51230</v>
      </c>
      <c r="G13427" s="1" t="s">
        <v>51137</v>
      </c>
      <c r="H13427" s="1" t="s">
        <v>51138</v>
      </c>
      <c r="I13427" s="1" t="s">
        <v>50458</v>
      </c>
      <c r="J13427" s="1" t="s">
        <v>51231</v>
      </c>
    </row>
    <row r="13428" spans="1:10" x14ac:dyDescent="0.35">
      <c r="A13428" s="1" t="s">
        <v>51133</v>
      </c>
      <c r="B13428" s="1" t="s">
        <v>50452</v>
      </c>
      <c r="C13428" s="1" t="s">
        <v>150</v>
      </c>
      <c r="D13428" s="1" t="s">
        <v>51232</v>
      </c>
      <c r="E13428" s="1" t="s">
        <v>51233</v>
      </c>
      <c r="F13428" s="1" t="s">
        <v>51234</v>
      </c>
      <c r="G13428" s="1" t="s">
        <v>51137</v>
      </c>
      <c r="H13428" s="1" t="s">
        <v>51138</v>
      </c>
      <c r="I13428" s="1" t="s">
        <v>50458</v>
      </c>
      <c r="J13428" s="1" t="s">
        <v>51235</v>
      </c>
    </row>
    <row r="13429" spans="1:10" x14ac:dyDescent="0.35">
      <c r="A13429" s="1" t="s">
        <v>51133</v>
      </c>
      <c r="B13429" s="1" t="s">
        <v>50452</v>
      </c>
      <c r="C13429" s="1" t="s">
        <v>155</v>
      </c>
      <c r="D13429" s="1" t="s">
        <v>51236</v>
      </c>
      <c r="E13429" s="1" t="s">
        <v>51237</v>
      </c>
      <c r="F13429" s="1" t="s">
        <v>51238</v>
      </c>
      <c r="G13429" s="1" t="s">
        <v>51137</v>
      </c>
      <c r="H13429" s="1" t="s">
        <v>51138</v>
      </c>
      <c r="I13429" s="1" t="s">
        <v>50458</v>
      </c>
      <c r="J13429" s="1" t="s">
        <v>51239</v>
      </c>
    </row>
    <row r="13430" spans="1:10" x14ac:dyDescent="0.35">
      <c r="A13430" s="1" t="s">
        <v>51133</v>
      </c>
      <c r="B13430" s="1" t="s">
        <v>50452</v>
      </c>
      <c r="C13430" s="1" t="s">
        <v>160</v>
      </c>
      <c r="D13430" s="1" t="s">
        <v>5786</v>
      </c>
      <c r="E13430" s="1" t="s">
        <v>51240</v>
      </c>
      <c r="F13430" s="1" t="s">
        <v>51241</v>
      </c>
      <c r="G13430" s="1" t="s">
        <v>51137</v>
      </c>
      <c r="H13430" s="1" t="s">
        <v>51138</v>
      </c>
      <c r="I13430" s="1" t="s">
        <v>50458</v>
      </c>
      <c r="J13430" s="1" t="s">
        <v>51242</v>
      </c>
    </row>
    <row r="13431" spans="1:10" x14ac:dyDescent="0.35">
      <c r="A13431" s="1" t="s">
        <v>51133</v>
      </c>
      <c r="B13431" s="1" t="s">
        <v>50452</v>
      </c>
      <c r="C13431" s="1" t="s">
        <v>165</v>
      </c>
      <c r="D13431" s="1" t="s">
        <v>51243</v>
      </c>
      <c r="E13431" s="1" t="s">
        <v>51244</v>
      </c>
      <c r="F13431" s="1" t="s">
        <v>51245</v>
      </c>
      <c r="G13431" s="1" t="s">
        <v>51137</v>
      </c>
      <c r="H13431" s="1" t="s">
        <v>51138</v>
      </c>
      <c r="I13431" s="1" t="s">
        <v>50458</v>
      </c>
      <c r="J13431" s="1" t="s">
        <v>51246</v>
      </c>
    </row>
    <row r="13432" spans="1:10" x14ac:dyDescent="0.35">
      <c r="A13432" s="1" t="s">
        <v>51133</v>
      </c>
      <c r="B13432" s="1" t="s">
        <v>50452</v>
      </c>
      <c r="C13432" s="1" t="s">
        <v>170</v>
      </c>
      <c r="D13432" s="1" t="s">
        <v>17904</v>
      </c>
      <c r="E13432" s="1" t="s">
        <v>51247</v>
      </c>
      <c r="F13432" s="1" t="s">
        <v>51248</v>
      </c>
      <c r="G13432" s="1" t="s">
        <v>51137</v>
      </c>
      <c r="H13432" s="1" t="s">
        <v>51138</v>
      </c>
      <c r="I13432" s="1" t="s">
        <v>50458</v>
      </c>
      <c r="J13432" s="1" t="s">
        <v>51249</v>
      </c>
    </row>
    <row r="13433" spans="1:10" x14ac:dyDescent="0.35">
      <c r="A13433" s="1" t="s">
        <v>51250</v>
      </c>
      <c r="B13433" s="1" t="s">
        <v>50452</v>
      </c>
      <c r="C13433" s="1" t="s">
        <v>8</v>
      </c>
      <c r="D13433" s="1" t="s">
        <v>51251</v>
      </c>
      <c r="E13433" s="1" t="s">
        <v>51252</v>
      </c>
      <c r="F13433" s="1" t="s">
        <v>51253</v>
      </c>
      <c r="G13433" s="1" t="s">
        <v>51254</v>
      </c>
      <c r="H13433" s="1" t="s">
        <v>51255</v>
      </c>
      <c r="I13433" s="1" t="s">
        <v>50458</v>
      </c>
      <c r="J13433" s="1" t="s">
        <v>13</v>
      </c>
    </row>
    <row r="13434" spans="1:10" x14ac:dyDescent="0.35">
      <c r="A13434" s="1" t="s">
        <v>51250</v>
      </c>
      <c r="B13434" s="1" t="s">
        <v>50452</v>
      </c>
      <c r="C13434" s="1" t="s">
        <v>15</v>
      </c>
      <c r="D13434" s="1" t="s">
        <v>47424</v>
      </c>
      <c r="E13434" s="1" t="s">
        <v>51256</v>
      </c>
      <c r="F13434" s="1" t="s">
        <v>51257</v>
      </c>
      <c r="G13434" s="1" t="s">
        <v>51254</v>
      </c>
      <c r="H13434" s="1" t="s">
        <v>51255</v>
      </c>
      <c r="I13434" s="1" t="s">
        <v>50458</v>
      </c>
      <c r="J13434" s="1" t="s">
        <v>51258</v>
      </c>
    </row>
    <row r="13435" spans="1:10" x14ac:dyDescent="0.35">
      <c r="A13435" s="1" t="s">
        <v>51250</v>
      </c>
      <c r="B13435" s="1" t="s">
        <v>50452</v>
      </c>
      <c r="C13435" s="1" t="s">
        <v>20</v>
      </c>
      <c r="D13435" s="1" t="s">
        <v>51259</v>
      </c>
      <c r="E13435" s="1" t="s">
        <v>51260</v>
      </c>
      <c r="F13435" s="1" t="s">
        <v>51261</v>
      </c>
      <c r="G13435" s="1" t="s">
        <v>51254</v>
      </c>
      <c r="H13435" s="1" t="s">
        <v>51255</v>
      </c>
      <c r="I13435" s="1" t="s">
        <v>50458</v>
      </c>
      <c r="J13435" s="1" t="s">
        <v>51262</v>
      </c>
    </row>
    <row r="13436" spans="1:10" x14ac:dyDescent="0.35">
      <c r="A13436" s="1" t="s">
        <v>51250</v>
      </c>
      <c r="B13436" s="1" t="s">
        <v>50452</v>
      </c>
      <c r="C13436" s="1" t="s">
        <v>25</v>
      </c>
      <c r="D13436" s="1" t="s">
        <v>28875</v>
      </c>
      <c r="E13436" s="1" t="s">
        <v>51263</v>
      </c>
      <c r="F13436" s="1" t="s">
        <v>51264</v>
      </c>
      <c r="G13436" s="1" t="s">
        <v>51254</v>
      </c>
      <c r="H13436" s="1" t="s">
        <v>51255</v>
      </c>
      <c r="I13436" s="1" t="s">
        <v>50458</v>
      </c>
      <c r="J13436" s="1" t="s">
        <v>51265</v>
      </c>
    </row>
    <row r="13437" spans="1:10" x14ac:dyDescent="0.35">
      <c r="A13437" s="1" t="s">
        <v>51250</v>
      </c>
      <c r="B13437" s="1" t="s">
        <v>50452</v>
      </c>
      <c r="C13437" s="1" t="s">
        <v>30</v>
      </c>
      <c r="D13437" s="1" t="s">
        <v>45590</v>
      </c>
      <c r="E13437" s="1" t="s">
        <v>51266</v>
      </c>
      <c r="F13437" s="1" t="s">
        <v>51267</v>
      </c>
      <c r="G13437" s="1" t="s">
        <v>51254</v>
      </c>
      <c r="H13437" s="1" t="s">
        <v>51255</v>
      </c>
      <c r="I13437" s="1" t="s">
        <v>50458</v>
      </c>
      <c r="J13437" s="1" t="s">
        <v>51268</v>
      </c>
    </row>
    <row r="13438" spans="1:10" x14ac:dyDescent="0.35">
      <c r="A13438" s="1" t="s">
        <v>51250</v>
      </c>
      <c r="B13438" s="1" t="s">
        <v>50452</v>
      </c>
      <c r="C13438" s="1" t="s">
        <v>35</v>
      </c>
      <c r="D13438" s="1" t="s">
        <v>50471</v>
      </c>
      <c r="E13438" s="1" t="s">
        <v>51269</v>
      </c>
      <c r="F13438" s="1" t="s">
        <v>51270</v>
      </c>
      <c r="G13438" s="1" t="s">
        <v>51254</v>
      </c>
      <c r="H13438" s="1" t="s">
        <v>51255</v>
      </c>
      <c r="I13438" s="1" t="s">
        <v>50458</v>
      </c>
      <c r="J13438" s="1" t="s">
        <v>50474</v>
      </c>
    </row>
    <row r="13439" spans="1:10" x14ac:dyDescent="0.35">
      <c r="A13439" s="1" t="s">
        <v>51250</v>
      </c>
      <c r="B13439" s="1" t="s">
        <v>50452</v>
      </c>
      <c r="C13439" s="1" t="s">
        <v>40</v>
      </c>
      <c r="D13439" s="1" t="s">
        <v>50475</v>
      </c>
      <c r="E13439" s="1" t="s">
        <v>51271</v>
      </c>
      <c r="F13439" s="1" t="s">
        <v>51272</v>
      </c>
      <c r="G13439" s="1" t="s">
        <v>51254</v>
      </c>
      <c r="H13439" s="1" t="s">
        <v>51255</v>
      </c>
      <c r="I13439" s="1" t="s">
        <v>50458</v>
      </c>
      <c r="J13439" s="1" t="s">
        <v>50478</v>
      </c>
    </row>
    <row r="13440" spans="1:10" x14ac:dyDescent="0.35">
      <c r="A13440" s="1" t="s">
        <v>51250</v>
      </c>
      <c r="B13440" s="1" t="s">
        <v>50452</v>
      </c>
      <c r="C13440" s="1" t="s">
        <v>45</v>
      </c>
      <c r="D13440" s="1" t="s">
        <v>50479</v>
      </c>
      <c r="E13440" s="1" t="s">
        <v>51273</v>
      </c>
      <c r="F13440" s="1" t="s">
        <v>51274</v>
      </c>
      <c r="G13440" s="1" t="s">
        <v>51254</v>
      </c>
      <c r="H13440" s="1" t="s">
        <v>51255</v>
      </c>
      <c r="I13440" s="1" t="s">
        <v>50458</v>
      </c>
      <c r="J13440" s="1" t="s">
        <v>50482</v>
      </c>
    </row>
    <row r="13441" spans="1:10" x14ac:dyDescent="0.35">
      <c r="A13441" s="1" t="s">
        <v>51250</v>
      </c>
      <c r="B13441" s="1" t="s">
        <v>50452</v>
      </c>
      <c r="C13441" s="1" t="s">
        <v>50</v>
      </c>
      <c r="D13441" s="1" t="s">
        <v>1813</v>
      </c>
      <c r="E13441" s="1" t="s">
        <v>51275</v>
      </c>
      <c r="F13441" s="1" t="s">
        <v>51276</v>
      </c>
      <c r="G13441" s="1" t="s">
        <v>51254</v>
      </c>
      <c r="H13441" s="1" t="s">
        <v>51255</v>
      </c>
      <c r="I13441" s="1" t="s">
        <v>50458</v>
      </c>
      <c r="J13441" s="1" t="s">
        <v>50485</v>
      </c>
    </row>
    <row r="13442" spans="1:10" x14ac:dyDescent="0.35">
      <c r="A13442" s="1" t="s">
        <v>51250</v>
      </c>
      <c r="B13442" s="1" t="s">
        <v>50452</v>
      </c>
      <c r="C13442" s="1" t="s">
        <v>55</v>
      </c>
      <c r="D13442" s="1" t="s">
        <v>46807</v>
      </c>
      <c r="E13442" s="1" t="s">
        <v>51277</v>
      </c>
      <c r="F13442" s="1" t="s">
        <v>51278</v>
      </c>
      <c r="G13442" s="1" t="s">
        <v>51254</v>
      </c>
      <c r="H13442" s="1" t="s">
        <v>51255</v>
      </c>
      <c r="I13442" s="1" t="s">
        <v>50458</v>
      </c>
      <c r="J13442" s="1" t="s">
        <v>50488</v>
      </c>
    </row>
    <row r="13443" spans="1:10" x14ac:dyDescent="0.35">
      <c r="A13443" s="1" t="s">
        <v>51250</v>
      </c>
      <c r="B13443" s="1" t="s">
        <v>50452</v>
      </c>
      <c r="C13443" s="1" t="s">
        <v>60</v>
      </c>
      <c r="D13443" s="1" t="s">
        <v>46807</v>
      </c>
      <c r="E13443" s="1" t="s">
        <v>51279</v>
      </c>
      <c r="F13443" s="1" t="s">
        <v>51280</v>
      </c>
      <c r="G13443" s="1" t="s">
        <v>51254</v>
      </c>
      <c r="H13443" s="1" t="s">
        <v>51255</v>
      </c>
      <c r="I13443" s="1" t="s">
        <v>50458</v>
      </c>
      <c r="J13443" s="1" t="s">
        <v>1180</v>
      </c>
    </row>
    <row r="13444" spans="1:10" x14ac:dyDescent="0.35">
      <c r="A13444" s="1" t="s">
        <v>51250</v>
      </c>
      <c r="B13444" s="1" t="s">
        <v>50452</v>
      </c>
      <c r="C13444" s="1" t="s">
        <v>65</v>
      </c>
      <c r="D13444" s="1" t="s">
        <v>43784</v>
      </c>
      <c r="E13444" s="1" t="s">
        <v>51281</v>
      </c>
      <c r="F13444" s="1" t="s">
        <v>51282</v>
      </c>
      <c r="G13444" s="1" t="s">
        <v>51254</v>
      </c>
      <c r="H13444" s="1" t="s">
        <v>51255</v>
      </c>
      <c r="I13444" s="1" t="s">
        <v>50458</v>
      </c>
      <c r="J13444" s="1" t="s">
        <v>50493</v>
      </c>
    </row>
    <row r="13445" spans="1:10" x14ac:dyDescent="0.35">
      <c r="A13445" s="1" t="s">
        <v>51250</v>
      </c>
      <c r="B13445" s="1" t="s">
        <v>50452</v>
      </c>
      <c r="C13445" s="1" t="s">
        <v>70</v>
      </c>
      <c r="D13445" s="1" t="s">
        <v>9301</v>
      </c>
      <c r="E13445" s="1" t="s">
        <v>51283</v>
      </c>
      <c r="F13445" s="1" t="s">
        <v>51284</v>
      </c>
      <c r="G13445" s="1" t="s">
        <v>51254</v>
      </c>
      <c r="H13445" s="1" t="s">
        <v>51255</v>
      </c>
      <c r="I13445" s="1" t="s">
        <v>50458</v>
      </c>
      <c r="J13445" s="1" t="s">
        <v>50496</v>
      </c>
    </row>
    <row r="13446" spans="1:10" x14ac:dyDescent="0.35">
      <c r="A13446" s="1" t="s">
        <v>51250</v>
      </c>
      <c r="B13446" s="1" t="s">
        <v>50452</v>
      </c>
      <c r="C13446" s="1" t="s">
        <v>75</v>
      </c>
      <c r="D13446" s="1" t="s">
        <v>70</v>
      </c>
      <c r="E13446" s="1" t="s">
        <v>51285</v>
      </c>
      <c r="F13446" s="1" t="s">
        <v>51286</v>
      </c>
      <c r="G13446" s="1" t="s">
        <v>51254</v>
      </c>
      <c r="H13446" s="1" t="s">
        <v>51255</v>
      </c>
      <c r="I13446" s="1" t="s">
        <v>50458</v>
      </c>
      <c r="J13446" s="1" t="s">
        <v>50499</v>
      </c>
    </row>
    <row r="13447" spans="1:10" x14ac:dyDescent="0.35">
      <c r="A13447" s="1" t="s">
        <v>51250</v>
      </c>
      <c r="B13447" s="1" t="s">
        <v>50452</v>
      </c>
      <c r="C13447" s="1" t="s">
        <v>80</v>
      </c>
      <c r="D13447" s="1" t="s">
        <v>10070</v>
      </c>
      <c r="E13447" s="1" t="s">
        <v>51283</v>
      </c>
      <c r="F13447" s="1" t="s">
        <v>51287</v>
      </c>
      <c r="G13447" s="1" t="s">
        <v>51254</v>
      </c>
      <c r="H13447" s="1" t="s">
        <v>51255</v>
      </c>
      <c r="I13447" s="1" t="s">
        <v>50458</v>
      </c>
      <c r="J13447" s="1" t="s">
        <v>50502</v>
      </c>
    </row>
    <row r="13448" spans="1:10" x14ac:dyDescent="0.35">
      <c r="A13448" s="1" t="s">
        <v>51250</v>
      </c>
      <c r="B13448" s="1" t="s">
        <v>50452</v>
      </c>
      <c r="C13448" s="1" t="s">
        <v>85</v>
      </c>
      <c r="D13448" s="1" t="s">
        <v>51288</v>
      </c>
      <c r="E13448" s="1" t="s">
        <v>51289</v>
      </c>
      <c r="F13448" s="1" t="s">
        <v>51290</v>
      </c>
      <c r="G13448" s="1" t="s">
        <v>51254</v>
      </c>
      <c r="H13448" s="1" t="s">
        <v>51255</v>
      </c>
      <c r="I13448" s="1" t="s">
        <v>50458</v>
      </c>
      <c r="J13448" s="1" t="s">
        <v>51291</v>
      </c>
    </row>
    <row r="13449" spans="1:10" x14ac:dyDescent="0.35">
      <c r="A13449" s="1" t="s">
        <v>51250</v>
      </c>
      <c r="B13449" s="1" t="s">
        <v>50452</v>
      </c>
      <c r="C13449" s="1" t="s">
        <v>90</v>
      </c>
      <c r="D13449" s="1" t="s">
        <v>51292</v>
      </c>
      <c r="E13449" s="1" t="s">
        <v>51293</v>
      </c>
      <c r="F13449" s="1" t="s">
        <v>51294</v>
      </c>
      <c r="G13449" s="1" t="s">
        <v>51254</v>
      </c>
      <c r="H13449" s="1" t="s">
        <v>51255</v>
      </c>
      <c r="I13449" s="1" t="s">
        <v>50458</v>
      </c>
      <c r="J13449" s="1" t="s">
        <v>51295</v>
      </c>
    </row>
    <row r="13450" spans="1:10" x14ac:dyDescent="0.35">
      <c r="A13450" s="1" t="s">
        <v>51250</v>
      </c>
      <c r="B13450" s="1" t="s">
        <v>50452</v>
      </c>
      <c r="C13450" s="1" t="s">
        <v>95</v>
      </c>
      <c r="D13450" s="1" t="s">
        <v>51296</v>
      </c>
      <c r="E13450" s="1" t="s">
        <v>51297</v>
      </c>
      <c r="F13450" s="1" t="s">
        <v>51298</v>
      </c>
      <c r="G13450" s="1" t="s">
        <v>51254</v>
      </c>
      <c r="H13450" s="1" t="s">
        <v>51255</v>
      </c>
      <c r="I13450" s="1" t="s">
        <v>50458</v>
      </c>
      <c r="J13450" s="1" t="s">
        <v>51299</v>
      </c>
    </row>
    <row r="13451" spans="1:10" x14ac:dyDescent="0.35">
      <c r="A13451" s="1" t="s">
        <v>51250</v>
      </c>
      <c r="B13451" s="1" t="s">
        <v>50452</v>
      </c>
      <c r="C13451" s="1" t="s">
        <v>100</v>
      </c>
      <c r="D13451" s="1" t="s">
        <v>51300</v>
      </c>
      <c r="E13451" s="1" t="s">
        <v>51301</v>
      </c>
      <c r="F13451" s="1" t="s">
        <v>51302</v>
      </c>
      <c r="G13451" s="1" t="s">
        <v>51254</v>
      </c>
      <c r="H13451" s="1" t="s">
        <v>51255</v>
      </c>
      <c r="I13451" s="1" t="s">
        <v>50458</v>
      </c>
      <c r="J13451" s="1" t="s">
        <v>51303</v>
      </c>
    </row>
    <row r="13452" spans="1:10" x14ac:dyDescent="0.35">
      <c r="A13452" s="1" t="s">
        <v>51250</v>
      </c>
      <c r="B13452" s="1" t="s">
        <v>50452</v>
      </c>
      <c r="C13452" s="1" t="s">
        <v>105</v>
      </c>
      <c r="D13452" s="1" t="s">
        <v>51304</v>
      </c>
      <c r="E13452" s="1" t="s">
        <v>51305</v>
      </c>
      <c r="F13452" s="1" t="s">
        <v>51306</v>
      </c>
      <c r="G13452" s="1" t="s">
        <v>51254</v>
      </c>
      <c r="H13452" s="1" t="s">
        <v>51255</v>
      </c>
      <c r="I13452" s="1" t="s">
        <v>50458</v>
      </c>
      <c r="J13452" s="1" t="s">
        <v>51307</v>
      </c>
    </row>
    <row r="13453" spans="1:10" x14ac:dyDescent="0.35">
      <c r="A13453" s="1" t="s">
        <v>51250</v>
      </c>
      <c r="B13453" s="1" t="s">
        <v>50452</v>
      </c>
      <c r="C13453" s="1" t="s">
        <v>110</v>
      </c>
      <c r="D13453" s="1" t="s">
        <v>51308</v>
      </c>
      <c r="E13453" s="1" t="s">
        <v>51309</v>
      </c>
      <c r="F13453" s="1" t="s">
        <v>51310</v>
      </c>
      <c r="G13453" s="1" t="s">
        <v>51254</v>
      </c>
      <c r="H13453" s="1" t="s">
        <v>51255</v>
      </c>
      <c r="I13453" s="1" t="s">
        <v>50458</v>
      </c>
      <c r="J13453" s="1" t="s">
        <v>51311</v>
      </c>
    </row>
    <row r="13454" spans="1:10" x14ac:dyDescent="0.35">
      <c r="A13454" s="1" t="s">
        <v>51250</v>
      </c>
      <c r="B13454" s="1" t="s">
        <v>50452</v>
      </c>
      <c r="C13454" s="1" t="s">
        <v>115</v>
      </c>
      <c r="D13454" s="1" t="s">
        <v>51312</v>
      </c>
      <c r="E13454" s="1" t="s">
        <v>51313</v>
      </c>
      <c r="F13454" s="1" t="s">
        <v>51314</v>
      </c>
      <c r="G13454" s="1" t="s">
        <v>51254</v>
      </c>
      <c r="H13454" s="1" t="s">
        <v>51255</v>
      </c>
      <c r="I13454" s="1" t="s">
        <v>50458</v>
      </c>
      <c r="J13454" s="1" t="s">
        <v>51315</v>
      </c>
    </row>
    <row r="13455" spans="1:10" x14ac:dyDescent="0.35">
      <c r="A13455" s="1" t="s">
        <v>51250</v>
      </c>
      <c r="B13455" s="1" t="s">
        <v>50452</v>
      </c>
      <c r="C13455" s="1" t="s">
        <v>120</v>
      </c>
      <c r="D13455" s="1" t="s">
        <v>38579</v>
      </c>
      <c r="E13455" s="1" t="s">
        <v>51316</v>
      </c>
      <c r="F13455" s="1" t="s">
        <v>51317</v>
      </c>
      <c r="G13455" s="1" t="s">
        <v>51254</v>
      </c>
      <c r="H13455" s="1" t="s">
        <v>51255</v>
      </c>
      <c r="I13455" s="1" t="s">
        <v>50458</v>
      </c>
      <c r="J13455" s="1" t="s">
        <v>51318</v>
      </c>
    </row>
    <row r="13456" spans="1:10" x14ac:dyDescent="0.35">
      <c r="A13456" s="1" t="s">
        <v>51250</v>
      </c>
      <c r="B13456" s="1" t="s">
        <v>50452</v>
      </c>
      <c r="C13456" s="1" t="s">
        <v>125</v>
      </c>
      <c r="D13456" s="1" t="s">
        <v>32554</v>
      </c>
      <c r="E13456" s="1" t="s">
        <v>51319</v>
      </c>
      <c r="F13456" s="1" t="s">
        <v>51320</v>
      </c>
      <c r="G13456" s="1" t="s">
        <v>51254</v>
      </c>
      <c r="H13456" s="1" t="s">
        <v>51255</v>
      </c>
      <c r="I13456" s="1" t="s">
        <v>50458</v>
      </c>
      <c r="J13456" s="1" t="s">
        <v>51321</v>
      </c>
    </row>
    <row r="13457" spans="1:10" x14ac:dyDescent="0.35">
      <c r="A13457" s="1" t="s">
        <v>51250</v>
      </c>
      <c r="B13457" s="1" t="s">
        <v>50452</v>
      </c>
      <c r="C13457" s="1" t="s">
        <v>130</v>
      </c>
      <c r="D13457" s="1" t="s">
        <v>51322</v>
      </c>
      <c r="E13457" s="1" t="s">
        <v>51281</v>
      </c>
      <c r="F13457" s="1" t="s">
        <v>51323</v>
      </c>
      <c r="G13457" s="1" t="s">
        <v>51254</v>
      </c>
      <c r="H13457" s="1" t="s">
        <v>51255</v>
      </c>
      <c r="I13457" s="1" t="s">
        <v>50458</v>
      </c>
      <c r="J13457" s="1" t="s">
        <v>51324</v>
      </c>
    </row>
    <row r="13458" spans="1:10" x14ac:dyDescent="0.35">
      <c r="A13458" s="1" t="s">
        <v>51250</v>
      </c>
      <c r="B13458" s="1" t="s">
        <v>50452</v>
      </c>
      <c r="C13458" s="1" t="s">
        <v>135</v>
      </c>
      <c r="D13458" s="1" t="s">
        <v>51325</v>
      </c>
      <c r="E13458" s="1" t="s">
        <v>51326</v>
      </c>
      <c r="F13458" s="1" t="s">
        <v>51327</v>
      </c>
      <c r="G13458" s="1" t="s">
        <v>51254</v>
      </c>
      <c r="H13458" s="1" t="s">
        <v>51255</v>
      </c>
      <c r="I13458" s="1" t="s">
        <v>50458</v>
      </c>
      <c r="J13458" s="1" t="s">
        <v>51328</v>
      </c>
    </row>
    <row r="13459" spans="1:10" x14ac:dyDescent="0.35">
      <c r="A13459" s="1" t="s">
        <v>51250</v>
      </c>
      <c r="B13459" s="1" t="s">
        <v>50452</v>
      </c>
      <c r="C13459" s="1" t="s">
        <v>140</v>
      </c>
      <c r="D13459" s="1" t="s">
        <v>51329</v>
      </c>
      <c r="E13459" s="1" t="s">
        <v>51330</v>
      </c>
      <c r="F13459" s="1" t="s">
        <v>51331</v>
      </c>
      <c r="G13459" s="1" t="s">
        <v>51254</v>
      </c>
      <c r="H13459" s="1" t="s">
        <v>51255</v>
      </c>
      <c r="I13459" s="1" t="s">
        <v>50458</v>
      </c>
      <c r="J13459" s="1" t="s">
        <v>51332</v>
      </c>
    </row>
    <row r="13460" spans="1:10" x14ac:dyDescent="0.35">
      <c r="A13460" s="1" t="s">
        <v>51250</v>
      </c>
      <c r="B13460" s="1" t="s">
        <v>50452</v>
      </c>
      <c r="C13460" s="1" t="s">
        <v>145</v>
      </c>
      <c r="D13460" s="1" t="s">
        <v>31273</v>
      </c>
      <c r="E13460" s="1" t="s">
        <v>51333</v>
      </c>
      <c r="F13460" s="1" t="s">
        <v>51334</v>
      </c>
      <c r="G13460" s="1" t="s">
        <v>51254</v>
      </c>
      <c r="H13460" s="1" t="s">
        <v>51255</v>
      </c>
      <c r="I13460" s="1" t="s">
        <v>50458</v>
      </c>
      <c r="J13460" s="1" t="s">
        <v>51335</v>
      </c>
    </row>
    <row r="13461" spans="1:10" x14ac:dyDescent="0.35">
      <c r="A13461" s="1" t="s">
        <v>51250</v>
      </c>
      <c r="B13461" s="1" t="s">
        <v>50452</v>
      </c>
      <c r="C13461" s="1" t="s">
        <v>150</v>
      </c>
      <c r="D13461" s="1" t="s">
        <v>51336</v>
      </c>
      <c r="E13461" s="1" t="s">
        <v>51337</v>
      </c>
      <c r="F13461" s="1" t="s">
        <v>51338</v>
      </c>
      <c r="G13461" s="1" t="s">
        <v>51254</v>
      </c>
      <c r="H13461" s="1" t="s">
        <v>51255</v>
      </c>
      <c r="I13461" s="1" t="s">
        <v>50458</v>
      </c>
      <c r="J13461" s="1" t="s">
        <v>51339</v>
      </c>
    </row>
    <row r="13462" spans="1:10" x14ac:dyDescent="0.35">
      <c r="A13462" s="1" t="s">
        <v>51250</v>
      </c>
      <c r="B13462" s="1" t="s">
        <v>50452</v>
      </c>
      <c r="C13462" s="1" t="s">
        <v>155</v>
      </c>
      <c r="D13462" s="1" t="s">
        <v>51340</v>
      </c>
      <c r="E13462" s="1" t="s">
        <v>51341</v>
      </c>
      <c r="F13462" s="1" t="s">
        <v>51342</v>
      </c>
      <c r="G13462" s="1" t="s">
        <v>51254</v>
      </c>
      <c r="H13462" s="1" t="s">
        <v>51255</v>
      </c>
      <c r="I13462" s="1" t="s">
        <v>50458</v>
      </c>
      <c r="J13462" s="1" t="s">
        <v>51343</v>
      </c>
    </row>
    <row r="13463" spans="1:10" x14ac:dyDescent="0.35">
      <c r="A13463" s="1" t="s">
        <v>51250</v>
      </c>
      <c r="B13463" s="1" t="s">
        <v>50452</v>
      </c>
      <c r="C13463" s="1" t="s">
        <v>160</v>
      </c>
      <c r="D13463" s="1" t="s">
        <v>51344</v>
      </c>
      <c r="E13463" s="1" t="s">
        <v>51345</v>
      </c>
      <c r="F13463" s="1" t="s">
        <v>51346</v>
      </c>
      <c r="G13463" s="1" t="s">
        <v>51254</v>
      </c>
      <c r="H13463" s="1" t="s">
        <v>51255</v>
      </c>
      <c r="I13463" s="1" t="s">
        <v>50458</v>
      </c>
      <c r="J13463" s="1" t="s">
        <v>51347</v>
      </c>
    </row>
    <row r="13464" spans="1:10" x14ac:dyDescent="0.35">
      <c r="A13464" s="1" t="s">
        <v>51250</v>
      </c>
      <c r="B13464" s="1" t="s">
        <v>50452</v>
      </c>
      <c r="C13464" s="1" t="s">
        <v>165</v>
      </c>
      <c r="D13464" s="1" t="s">
        <v>51348</v>
      </c>
      <c r="E13464" s="1" t="s">
        <v>51349</v>
      </c>
      <c r="F13464" s="1" t="s">
        <v>51350</v>
      </c>
      <c r="G13464" s="1" t="s">
        <v>51254</v>
      </c>
      <c r="H13464" s="1" t="s">
        <v>51255</v>
      </c>
      <c r="I13464" s="1" t="s">
        <v>50458</v>
      </c>
      <c r="J13464" s="1" t="s">
        <v>51351</v>
      </c>
    </row>
    <row r="13465" spans="1:10" x14ac:dyDescent="0.35">
      <c r="A13465" s="1" t="s">
        <v>51250</v>
      </c>
      <c r="B13465" s="1" t="s">
        <v>50452</v>
      </c>
      <c r="C13465" s="1" t="s">
        <v>170</v>
      </c>
      <c r="D13465" s="1" t="s">
        <v>51352</v>
      </c>
      <c r="E13465" s="1" t="s">
        <v>51353</v>
      </c>
      <c r="F13465" s="1" t="s">
        <v>51354</v>
      </c>
      <c r="G13465" s="1" t="s">
        <v>51254</v>
      </c>
      <c r="H13465" s="1" t="s">
        <v>51255</v>
      </c>
      <c r="I13465" s="1" t="s">
        <v>50458</v>
      </c>
      <c r="J13465" s="1" t="s">
        <v>51355</v>
      </c>
    </row>
    <row r="13466" spans="1:10" x14ac:dyDescent="0.35">
      <c r="A13466" s="1" t="s">
        <v>51356</v>
      </c>
      <c r="B13466" s="1" t="s">
        <v>50452</v>
      </c>
      <c r="C13466" s="1" t="s">
        <v>8</v>
      </c>
      <c r="D13466" s="1" t="s">
        <v>50796</v>
      </c>
      <c r="E13466" s="1" t="s">
        <v>51357</v>
      </c>
      <c r="F13466" s="1" t="s">
        <v>51358</v>
      </c>
      <c r="G13466" s="1" t="s">
        <v>51359</v>
      </c>
      <c r="H13466" s="1" t="s">
        <v>51360</v>
      </c>
      <c r="I13466" s="1" t="s">
        <v>50458</v>
      </c>
      <c r="J13466" s="1" t="s">
        <v>13</v>
      </c>
    </row>
    <row r="13467" spans="1:10" x14ac:dyDescent="0.35">
      <c r="A13467" s="1" t="s">
        <v>51356</v>
      </c>
      <c r="B13467" s="1" t="s">
        <v>50452</v>
      </c>
      <c r="C13467" s="1" t="s">
        <v>15</v>
      </c>
      <c r="D13467" s="1" t="s">
        <v>50800</v>
      </c>
      <c r="E13467" s="1" t="s">
        <v>11853</v>
      </c>
      <c r="F13467" s="1" t="s">
        <v>51361</v>
      </c>
      <c r="G13467" s="1" t="s">
        <v>51359</v>
      </c>
      <c r="H13467" s="1" t="s">
        <v>51360</v>
      </c>
      <c r="I13467" s="1" t="s">
        <v>50458</v>
      </c>
      <c r="J13467" s="1" t="s">
        <v>50802</v>
      </c>
    </row>
    <row r="13468" spans="1:10" x14ac:dyDescent="0.35">
      <c r="A13468" s="1" t="s">
        <v>51356</v>
      </c>
      <c r="B13468" s="1" t="s">
        <v>50452</v>
      </c>
      <c r="C13468" s="1" t="s">
        <v>20</v>
      </c>
      <c r="D13468" s="1" t="s">
        <v>35362</v>
      </c>
      <c r="E13468" s="1" t="s">
        <v>51362</v>
      </c>
      <c r="F13468" s="1" t="s">
        <v>51363</v>
      </c>
      <c r="G13468" s="1" t="s">
        <v>51359</v>
      </c>
      <c r="H13468" s="1" t="s">
        <v>51360</v>
      </c>
      <c r="I13468" s="1" t="s">
        <v>50458</v>
      </c>
      <c r="J13468" s="1" t="s">
        <v>50805</v>
      </c>
    </row>
    <row r="13469" spans="1:10" x14ac:dyDescent="0.35">
      <c r="A13469" s="1" t="s">
        <v>51356</v>
      </c>
      <c r="B13469" s="1" t="s">
        <v>50452</v>
      </c>
      <c r="C13469" s="1" t="s">
        <v>25</v>
      </c>
      <c r="D13469" s="1" t="s">
        <v>50806</v>
      </c>
      <c r="E13469" s="1" t="s">
        <v>51364</v>
      </c>
      <c r="F13469" s="1" t="s">
        <v>51365</v>
      </c>
      <c r="G13469" s="1" t="s">
        <v>51359</v>
      </c>
      <c r="H13469" s="1" t="s">
        <v>51360</v>
      </c>
      <c r="I13469" s="1" t="s">
        <v>50458</v>
      </c>
      <c r="J13469" s="1" t="s">
        <v>50809</v>
      </c>
    </row>
    <row r="13470" spans="1:10" x14ac:dyDescent="0.35">
      <c r="A13470" s="1" t="s">
        <v>51356</v>
      </c>
      <c r="B13470" s="1" t="s">
        <v>50452</v>
      </c>
      <c r="C13470" s="1" t="s">
        <v>30</v>
      </c>
      <c r="D13470" s="1" t="s">
        <v>50810</v>
      </c>
      <c r="E13470" s="1" t="s">
        <v>51366</v>
      </c>
      <c r="F13470" s="1" t="s">
        <v>51367</v>
      </c>
      <c r="G13470" s="1" t="s">
        <v>51359</v>
      </c>
      <c r="H13470" s="1" t="s">
        <v>51360</v>
      </c>
      <c r="I13470" s="1" t="s">
        <v>50458</v>
      </c>
      <c r="J13470" s="1" t="s">
        <v>50812</v>
      </c>
    </row>
    <row r="13471" spans="1:10" x14ac:dyDescent="0.35">
      <c r="A13471" s="1" t="s">
        <v>51356</v>
      </c>
      <c r="B13471" s="1" t="s">
        <v>50452</v>
      </c>
      <c r="C13471" s="1" t="s">
        <v>35</v>
      </c>
      <c r="D13471" s="1" t="s">
        <v>29410</v>
      </c>
      <c r="E13471" s="1" t="s">
        <v>51368</v>
      </c>
      <c r="F13471" s="1" t="s">
        <v>51369</v>
      </c>
      <c r="G13471" s="1" t="s">
        <v>51359</v>
      </c>
      <c r="H13471" s="1" t="s">
        <v>51360</v>
      </c>
      <c r="I13471" s="1" t="s">
        <v>50458</v>
      </c>
      <c r="J13471" s="1" t="s">
        <v>50815</v>
      </c>
    </row>
    <row r="13472" spans="1:10" x14ac:dyDescent="0.35">
      <c r="A13472" s="1" t="s">
        <v>51356</v>
      </c>
      <c r="B13472" s="1" t="s">
        <v>50452</v>
      </c>
      <c r="C13472" s="1" t="s">
        <v>40</v>
      </c>
      <c r="D13472" s="1" t="s">
        <v>27903</v>
      </c>
      <c r="E13472" s="1" t="s">
        <v>11764</v>
      </c>
      <c r="F13472" s="1" t="s">
        <v>51370</v>
      </c>
      <c r="G13472" s="1" t="s">
        <v>51359</v>
      </c>
      <c r="H13472" s="1" t="s">
        <v>51360</v>
      </c>
      <c r="I13472" s="1" t="s">
        <v>50458</v>
      </c>
      <c r="J13472" s="1" t="s">
        <v>50818</v>
      </c>
    </row>
    <row r="13473" spans="1:10" x14ac:dyDescent="0.35">
      <c r="A13473" s="1" t="s">
        <v>51356</v>
      </c>
      <c r="B13473" s="1" t="s">
        <v>50452</v>
      </c>
      <c r="C13473" s="1" t="s">
        <v>45</v>
      </c>
      <c r="D13473" s="1" t="s">
        <v>50819</v>
      </c>
      <c r="E13473" s="1" t="s">
        <v>29033</v>
      </c>
      <c r="F13473" s="1" t="s">
        <v>51371</v>
      </c>
      <c r="G13473" s="1" t="s">
        <v>51359</v>
      </c>
      <c r="H13473" s="1" t="s">
        <v>51360</v>
      </c>
      <c r="I13473" s="1" t="s">
        <v>50458</v>
      </c>
      <c r="J13473" s="1" t="s">
        <v>50822</v>
      </c>
    </row>
    <row r="13474" spans="1:10" x14ac:dyDescent="0.35">
      <c r="A13474" s="1" t="s">
        <v>51356</v>
      </c>
      <c r="B13474" s="1" t="s">
        <v>50452</v>
      </c>
      <c r="C13474" s="1" t="s">
        <v>50</v>
      </c>
      <c r="D13474" s="1" t="s">
        <v>15860</v>
      </c>
      <c r="E13474" s="1" t="s">
        <v>51372</v>
      </c>
      <c r="F13474" s="1" t="s">
        <v>51373</v>
      </c>
      <c r="G13474" s="1" t="s">
        <v>51359</v>
      </c>
      <c r="H13474" s="1" t="s">
        <v>51360</v>
      </c>
      <c r="I13474" s="1" t="s">
        <v>50458</v>
      </c>
      <c r="J13474" s="1" t="s">
        <v>50825</v>
      </c>
    </row>
    <row r="13475" spans="1:10" x14ac:dyDescent="0.35">
      <c r="A13475" s="1" t="s">
        <v>51356</v>
      </c>
      <c r="B13475" s="1" t="s">
        <v>50452</v>
      </c>
      <c r="C13475" s="1" t="s">
        <v>55</v>
      </c>
      <c r="D13475" s="1" t="s">
        <v>50826</v>
      </c>
      <c r="E13475" s="1" t="s">
        <v>51374</v>
      </c>
      <c r="F13475" s="1" t="s">
        <v>24402</v>
      </c>
      <c r="G13475" s="1" t="s">
        <v>51359</v>
      </c>
      <c r="H13475" s="1" t="s">
        <v>51360</v>
      </c>
      <c r="I13475" s="1" t="s">
        <v>50458</v>
      </c>
      <c r="J13475" s="1" t="s">
        <v>50828</v>
      </c>
    </row>
    <row r="13476" spans="1:10" x14ac:dyDescent="0.35">
      <c r="A13476" s="1" t="s">
        <v>51356</v>
      </c>
      <c r="B13476" s="1" t="s">
        <v>50452</v>
      </c>
      <c r="C13476" s="1" t="s">
        <v>60</v>
      </c>
      <c r="D13476" s="1" t="s">
        <v>50829</v>
      </c>
      <c r="E13476" s="1" t="s">
        <v>51375</v>
      </c>
      <c r="F13476" s="1" t="s">
        <v>51376</v>
      </c>
      <c r="G13476" s="1" t="s">
        <v>51359</v>
      </c>
      <c r="H13476" s="1" t="s">
        <v>51360</v>
      </c>
      <c r="I13476" s="1" t="s">
        <v>50458</v>
      </c>
      <c r="J13476" s="1" t="s">
        <v>50831</v>
      </c>
    </row>
    <row r="13477" spans="1:10" x14ac:dyDescent="0.35">
      <c r="A13477" s="1" t="s">
        <v>51356</v>
      </c>
      <c r="B13477" s="1" t="s">
        <v>50452</v>
      </c>
      <c r="C13477" s="1" t="s">
        <v>65</v>
      </c>
      <c r="D13477" s="1" t="s">
        <v>15732</v>
      </c>
      <c r="E13477" s="1" t="s">
        <v>11853</v>
      </c>
      <c r="F13477" s="1" t="s">
        <v>51377</v>
      </c>
      <c r="G13477" s="1" t="s">
        <v>51359</v>
      </c>
      <c r="H13477" s="1" t="s">
        <v>51360</v>
      </c>
      <c r="I13477" s="1" t="s">
        <v>50458</v>
      </c>
      <c r="J13477" s="1" t="s">
        <v>50834</v>
      </c>
    </row>
    <row r="13478" spans="1:10" x14ac:dyDescent="0.35">
      <c r="A13478" s="1" t="s">
        <v>51356</v>
      </c>
      <c r="B13478" s="1" t="s">
        <v>50452</v>
      </c>
      <c r="C13478" s="1" t="s">
        <v>70</v>
      </c>
      <c r="D13478" s="1" t="s">
        <v>50835</v>
      </c>
      <c r="E13478" s="1" t="s">
        <v>11812</v>
      </c>
      <c r="F13478" s="1" t="s">
        <v>51378</v>
      </c>
      <c r="G13478" s="1" t="s">
        <v>51359</v>
      </c>
      <c r="H13478" s="1" t="s">
        <v>51360</v>
      </c>
      <c r="I13478" s="1" t="s">
        <v>50458</v>
      </c>
      <c r="J13478" s="1" t="s">
        <v>50838</v>
      </c>
    </row>
    <row r="13479" spans="1:10" x14ac:dyDescent="0.35">
      <c r="A13479" s="1" t="s">
        <v>51356</v>
      </c>
      <c r="B13479" s="1" t="s">
        <v>50452</v>
      </c>
      <c r="C13479" s="1" t="s">
        <v>75</v>
      </c>
      <c r="D13479" s="1" t="s">
        <v>50839</v>
      </c>
      <c r="E13479" s="1" t="s">
        <v>51379</v>
      </c>
      <c r="F13479" s="1" t="s">
        <v>51380</v>
      </c>
      <c r="G13479" s="1" t="s">
        <v>51359</v>
      </c>
      <c r="H13479" s="1" t="s">
        <v>51360</v>
      </c>
      <c r="I13479" s="1" t="s">
        <v>50458</v>
      </c>
      <c r="J13479" s="1" t="s">
        <v>50842</v>
      </c>
    </row>
    <row r="13480" spans="1:10" x14ac:dyDescent="0.35">
      <c r="A13480" s="1" t="s">
        <v>51356</v>
      </c>
      <c r="B13480" s="1" t="s">
        <v>50452</v>
      </c>
      <c r="C13480" s="1" t="s">
        <v>80</v>
      </c>
      <c r="D13480" s="1" t="s">
        <v>35583</v>
      </c>
      <c r="E13480" s="1" t="s">
        <v>11845</v>
      </c>
      <c r="F13480" s="1" t="s">
        <v>51381</v>
      </c>
      <c r="G13480" s="1" t="s">
        <v>51359</v>
      </c>
      <c r="H13480" s="1" t="s">
        <v>51360</v>
      </c>
      <c r="I13480" s="1" t="s">
        <v>50458</v>
      </c>
      <c r="J13480" s="1" t="s">
        <v>50845</v>
      </c>
    </row>
    <row r="13481" spans="1:10" x14ac:dyDescent="0.35">
      <c r="A13481" s="1" t="s">
        <v>51356</v>
      </c>
      <c r="B13481" s="1" t="s">
        <v>50452</v>
      </c>
      <c r="C13481" s="1" t="s">
        <v>85</v>
      </c>
      <c r="D13481" s="1" t="s">
        <v>50846</v>
      </c>
      <c r="E13481" s="1" t="s">
        <v>11839</v>
      </c>
      <c r="F13481" s="1" t="s">
        <v>51382</v>
      </c>
      <c r="G13481" s="1" t="s">
        <v>51359</v>
      </c>
      <c r="H13481" s="1" t="s">
        <v>51360</v>
      </c>
      <c r="I13481" s="1" t="s">
        <v>50458</v>
      </c>
      <c r="J13481" s="1" t="s">
        <v>50848</v>
      </c>
    </row>
    <row r="13482" spans="1:10" x14ac:dyDescent="0.35">
      <c r="A13482" s="1" t="s">
        <v>51356</v>
      </c>
      <c r="B13482" s="1" t="s">
        <v>50452</v>
      </c>
      <c r="C13482" s="1" t="s">
        <v>90</v>
      </c>
      <c r="D13482" s="1" t="s">
        <v>50849</v>
      </c>
      <c r="E13482" s="1" t="s">
        <v>51383</v>
      </c>
      <c r="F13482" s="1" t="s">
        <v>51384</v>
      </c>
      <c r="G13482" s="1" t="s">
        <v>51359</v>
      </c>
      <c r="H13482" s="1" t="s">
        <v>51360</v>
      </c>
      <c r="I13482" s="1" t="s">
        <v>50458</v>
      </c>
      <c r="J13482" s="1" t="s">
        <v>50851</v>
      </c>
    </row>
    <row r="13483" spans="1:10" x14ac:dyDescent="0.35">
      <c r="A13483" s="1" t="s">
        <v>51356</v>
      </c>
      <c r="B13483" s="1" t="s">
        <v>50452</v>
      </c>
      <c r="C13483" s="1" t="s">
        <v>95</v>
      </c>
      <c r="D13483" s="1" t="s">
        <v>50852</v>
      </c>
      <c r="E13483" s="1" t="s">
        <v>51385</v>
      </c>
      <c r="F13483" s="1" t="s">
        <v>51386</v>
      </c>
      <c r="G13483" s="1" t="s">
        <v>51359</v>
      </c>
      <c r="H13483" s="1" t="s">
        <v>51360</v>
      </c>
      <c r="I13483" s="1" t="s">
        <v>50458</v>
      </c>
      <c r="J13483" s="1" t="s">
        <v>50854</v>
      </c>
    </row>
    <row r="13484" spans="1:10" x14ac:dyDescent="0.35">
      <c r="A13484" s="1" t="s">
        <v>51356</v>
      </c>
      <c r="B13484" s="1" t="s">
        <v>50452</v>
      </c>
      <c r="C13484" s="1" t="s">
        <v>100</v>
      </c>
      <c r="D13484" s="1" t="s">
        <v>50855</v>
      </c>
      <c r="E13484" s="1" t="s">
        <v>50856</v>
      </c>
      <c r="F13484" s="1" t="s">
        <v>51387</v>
      </c>
      <c r="G13484" s="1" t="s">
        <v>51359</v>
      </c>
      <c r="H13484" s="1" t="s">
        <v>51360</v>
      </c>
      <c r="I13484" s="1" t="s">
        <v>50458</v>
      </c>
      <c r="J13484" s="1" t="s">
        <v>50858</v>
      </c>
    </row>
    <row r="13485" spans="1:10" x14ac:dyDescent="0.35">
      <c r="A13485" s="1" t="s">
        <v>51356</v>
      </c>
      <c r="B13485" s="1" t="s">
        <v>50452</v>
      </c>
      <c r="C13485" s="1" t="s">
        <v>105</v>
      </c>
      <c r="D13485" s="1" t="s">
        <v>50859</v>
      </c>
      <c r="E13485" s="1" t="s">
        <v>51388</v>
      </c>
      <c r="F13485" s="1" t="s">
        <v>51389</v>
      </c>
      <c r="G13485" s="1" t="s">
        <v>51359</v>
      </c>
      <c r="H13485" s="1" t="s">
        <v>51360</v>
      </c>
      <c r="I13485" s="1" t="s">
        <v>50458</v>
      </c>
      <c r="J13485" s="1" t="s">
        <v>50861</v>
      </c>
    </row>
    <row r="13486" spans="1:10" x14ac:dyDescent="0.35">
      <c r="A13486" s="1" t="s">
        <v>51356</v>
      </c>
      <c r="B13486" s="1" t="s">
        <v>50452</v>
      </c>
      <c r="C13486" s="1" t="s">
        <v>110</v>
      </c>
      <c r="D13486" s="1" t="s">
        <v>50862</v>
      </c>
      <c r="E13486" s="1" t="s">
        <v>8088</v>
      </c>
      <c r="F13486" s="1" t="s">
        <v>51390</v>
      </c>
      <c r="G13486" s="1" t="s">
        <v>51359</v>
      </c>
      <c r="H13486" s="1" t="s">
        <v>51360</v>
      </c>
      <c r="I13486" s="1" t="s">
        <v>50458</v>
      </c>
      <c r="J13486" s="1" t="s">
        <v>50864</v>
      </c>
    </row>
    <row r="13487" spans="1:10" x14ac:dyDescent="0.35">
      <c r="A13487" s="1" t="s">
        <v>51356</v>
      </c>
      <c r="B13487" s="1" t="s">
        <v>50452</v>
      </c>
      <c r="C13487" s="1" t="s">
        <v>115</v>
      </c>
      <c r="D13487" s="1" t="s">
        <v>50865</v>
      </c>
      <c r="E13487" s="1" t="s">
        <v>51391</v>
      </c>
      <c r="F13487" s="1" t="s">
        <v>51392</v>
      </c>
      <c r="G13487" s="1" t="s">
        <v>51359</v>
      </c>
      <c r="H13487" s="1" t="s">
        <v>51360</v>
      </c>
      <c r="I13487" s="1" t="s">
        <v>50458</v>
      </c>
      <c r="J13487" s="1" t="s">
        <v>50866</v>
      </c>
    </row>
    <row r="13488" spans="1:10" x14ac:dyDescent="0.35">
      <c r="A13488" s="1" t="s">
        <v>51356</v>
      </c>
      <c r="B13488" s="1" t="s">
        <v>50452</v>
      </c>
      <c r="C13488" s="1" t="s">
        <v>120</v>
      </c>
      <c r="D13488" s="1" t="s">
        <v>50867</v>
      </c>
      <c r="E13488" s="1" t="s">
        <v>51393</v>
      </c>
      <c r="F13488" s="1" t="s">
        <v>51394</v>
      </c>
      <c r="G13488" s="1" t="s">
        <v>51359</v>
      </c>
      <c r="H13488" s="1" t="s">
        <v>51360</v>
      </c>
      <c r="I13488" s="1" t="s">
        <v>50458</v>
      </c>
      <c r="J13488" s="1" t="s">
        <v>50869</v>
      </c>
    </row>
    <row r="13489" spans="1:10" x14ac:dyDescent="0.35">
      <c r="A13489" s="1" t="s">
        <v>51356</v>
      </c>
      <c r="B13489" s="1" t="s">
        <v>50452</v>
      </c>
      <c r="C13489" s="1" t="s">
        <v>125</v>
      </c>
      <c r="D13489" s="1" t="s">
        <v>50870</v>
      </c>
      <c r="E13489" s="1" t="s">
        <v>50762</v>
      </c>
      <c r="F13489" s="1" t="s">
        <v>51395</v>
      </c>
      <c r="G13489" s="1" t="s">
        <v>51359</v>
      </c>
      <c r="H13489" s="1" t="s">
        <v>51360</v>
      </c>
      <c r="I13489" s="1" t="s">
        <v>50458</v>
      </c>
      <c r="J13489" s="1" t="s">
        <v>50873</v>
      </c>
    </row>
    <row r="13490" spans="1:10" x14ac:dyDescent="0.35">
      <c r="A13490" s="1" t="s">
        <v>51356</v>
      </c>
      <c r="B13490" s="1" t="s">
        <v>50452</v>
      </c>
      <c r="C13490" s="1" t="s">
        <v>130</v>
      </c>
      <c r="D13490" s="1" t="s">
        <v>50874</v>
      </c>
      <c r="E13490" s="1" t="s">
        <v>51396</v>
      </c>
      <c r="F13490" s="1" t="s">
        <v>51397</v>
      </c>
      <c r="G13490" s="1" t="s">
        <v>51359</v>
      </c>
      <c r="H13490" s="1" t="s">
        <v>51360</v>
      </c>
      <c r="I13490" s="1" t="s">
        <v>50458</v>
      </c>
      <c r="J13490" s="1" t="s">
        <v>50877</v>
      </c>
    </row>
    <row r="13491" spans="1:10" x14ac:dyDescent="0.35">
      <c r="A13491" s="1" t="s">
        <v>51356</v>
      </c>
      <c r="B13491" s="1" t="s">
        <v>50452</v>
      </c>
      <c r="C13491" s="1" t="s">
        <v>135</v>
      </c>
      <c r="D13491" s="1" t="s">
        <v>50878</v>
      </c>
      <c r="E13491" s="1" t="s">
        <v>51398</v>
      </c>
      <c r="F13491" s="1" t="s">
        <v>51399</v>
      </c>
      <c r="G13491" s="1" t="s">
        <v>51359</v>
      </c>
      <c r="H13491" s="1" t="s">
        <v>51360</v>
      </c>
      <c r="I13491" s="1" t="s">
        <v>50458</v>
      </c>
      <c r="J13491" s="1" t="s">
        <v>50881</v>
      </c>
    </row>
    <row r="13492" spans="1:10" x14ac:dyDescent="0.35">
      <c r="A13492" s="1" t="s">
        <v>51356</v>
      </c>
      <c r="B13492" s="1" t="s">
        <v>50452</v>
      </c>
      <c r="C13492" s="1" t="s">
        <v>140</v>
      </c>
      <c r="D13492" s="1" t="s">
        <v>50882</v>
      </c>
      <c r="E13492" s="1" t="s">
        <v>15097</v>
      </c>
      <c r="F13492" s="1" t="s">
        <v>51400</v>
      </c>
      <c r="G13492" s="1" t="s">
        <v>51359</v>
      </c>
      <c r="H13492" s="1" t="s">
        <v>51360</v>
      </c>
      <c r="I13492" s="1" t="s">
        <v>50458</v>
      </c>
      <c r="J13492" s="1" t="s">
        <v>50885</v>
      </c>
    </row>
    <row r="13493" spans="1:10" x14ac:dyDescent="0.35">
      <c r="A13493" s="1" t="s">
        <v>51356</v>
      </c>
      <c r="B13493" s="1" t="s">
        <v>50452</v>
      </c>
      <c r="C13493" s="1" t="s">
        <v>145</v>
      </c>
      <c r="D13493" s="1" t="s">
        <v>50886</v>
      </c>
      <c r="E13493" s="1" t="s">
        <v>28336</v>
      </c>
      <c r="F13493" s="1" t="s">
        <v>51401</v>
      </c>
      <c r="G13493" s="1" t="s">
        <v>51359</v>
      </c>
      <c r="H13493" s="1" t="s">
        <v>51360</v>
      </c>
      <c r="I13493" s="1" t="s">
        <v>50458</v>
      </c>
      <c r="J13493" s="1" t="s">
        <v>50888</v>
      </c>
    </row>
    <row r="13494" spans="1:10" x14ac:dyDescent="0.35">
      <c r="A13494" s="1" t="s">
        <v>51356</v>
      </c>
      <c r="B13494" s="1" t="s">
        <v>50452</v>
      </c>
      <c r="C13494" s="1" t="s">
        <v>150</v>
      </c>
      <c r="D13494" s="1" t="s">
        <v>50889</v>
      </c>
      <c r="E13494" s="1" t="s">
        <v>28221</v>
      </c>
      <c r="F13494" s="1" t="s">
        <v>51402</v>
      </c>
      <c r="G13494" s="1" t="s">
        <v>51359</v>
      </c>
      <c r="H13494" s="1" t="s">
        <v>51360</v>
      </c>
      <c r="I13494" s="1" t="s">
        <v>50458</v>
      </c>
      <c r="J13494" s="1" t="s">
        <v>50892</v>
      </c>
    </row>
    <row r="13495" spans="1:10" x14ac:dyDescent="0.35">
      <c r="A13495" s="1" t="s">
        <v>51356</v>
      </c>
      <c r="B13495" s="1" t="s">
        <v>50452</v>
      </c>
      <c r="C13495" s="1" t="s">
        <v>155</v>
      </c>
      <c r="D13495" s="1" t="s">
        <v>50893</v>
      </c>
      <c r="E13495" s="1" t="s">
        <v>8843</v>
      </c>
      <c r="F13495" s="1" t="s">
        <v>51403</v>
      </c>
      <c r="G13495" s="1" t="s">
        <v>51359</v>
      </c>
      <c r="H13495" s="1" t="s">
        <v>51360</v>
      </c>
      <c r="I13495" s="1" t="s">
        <v>50458</v>
      </c>
      <c r="J13495" s="1" t="s">
        <v>50896</v>
      </c>
    </row>
    <row r="13496" spans="1:10" x14ac:dyDescent="0.35">
      <c r="A13496" s="1" t="s">
        <v>51356</v>
      </c>
      <c r="B13496" s="1" t="s">
        <v>50452</v>
      </c>
      <c r="C13496" s="1" t="s">
        <v>160</v>
      </c>
      <c r="D13496" s="1" t="s">
        <v>50897</v>
      </c>
      <c r="E13496" s="1" t="s">
        <v>8817</v>
      </c>
      <c r="F13496" s="1" t="s">
        <v>51404</v>
      </c>
      <c r="G13496" s="1" t="s">
        <v>51359</v>
      </c>
      <c r="H13496" s="1" t="s">
        <v>51360</v>
      </c>
      <c r="I13496" s="1" t="s">
        <v>50458</v>
      </c>
      <c r="J13496" s="1" t="s">
        <v>50899</v>
      </c>
    </row>
    <row r="13497" spans="1:10" x14ac:dyDescent="0.35">
      <c r="A13497" s="1" t="s">
        <v>51356</v>
      </c>
      <c r="B13497" s="1" t="s">
        <v>50452</v>
      </c>
      <c r="C13497" s="1" t="s">
        <v>165</v>
      </c>
      <c r="D13497" s="1" t="s">
        <v>50900</v>
      </c>
      <c r="E13497" s="1" t="s">
        <v>15114</v>
      </c>
      <c r="F13497" s="1" t="s">
        <v>51405</v>
      </c>
      <c r="G13497" s="1" t="s">
        <v>51359</v>
      </c>
      <c r="H13497" s="1" t="s">
        <v>51360</v>
      </c>
      <c r="I13497" s="1" t="s">
        <v>50458</v>
      </c>
      <c r="J13497" s="1" t="s">
        <v>50902</v>
      </c>
    </row>
    <row r="13498" spans="1:10" x14ac:dyDescent="0.35">
      <c r="A13498" s="1" t="s">
        <v>51356</v>
      </c>
      <c r="B13498" s="1" t="s">
        <v>50452</v>
      </c>
      <c r="C13498" s="1" t="s">
        <v>170</v>
      </c>
      <c r="D13498" s="1" t="s">
        <v>50903</v>
      </c>
      <c r="E13498" s="1" t="s">
        <v>8882</v>
      </c>
      <c r="F13498" s="1" t="s">
        <v>51406</v>
      </c>
      <c r="G13498" s="1" t="s">
        <v>51359</v>
      </c>
      <c r="H13498" s="1" t="s">
        <v>51360</v>
      </c>
      <c r="I13498" s="1" t="s">
        <v>50458</v>
      </c>
      <c r="J13498" s="1" t="s">
        <v>50905</v>
      </c>
    </row>
    <row r="13499" spans="1:10" x14ac:dyDescent="0.35">
      <c r="A13499" s="1" t="s">
        <v>51407</v>
      </c>
      <c r="B13499" s="1" t="s">
        <v>50452</v>
      </c>
      <c r="C13499" s="1" t="s">
        <v>8</v>
      </c>
      <c r="D13499" s="1" t="s">
        <v>51408</v>
      </c>
      <c r="E13499" s="1" t="s">
        <v>51409</v>
      </c>
      <c r="F13499" s="1" t="s">
        <v>51410</v>
      </c>
      <c r="G13499" s="1" t="s">
        <v>51411</v>
      </c>
      <c r="H13499" s="1" t="s">
        <v>51412</v>
      </c>
      <c r="I13499" s="1" t="s">
        <v>50458</v>
      </c>
      <c r="J13499" s="1" t="s">
        <v>13</v>
      </c>
    </row>
    <row r="13500" spans="1:10" x14ac:dyDescent="0.35">
      <c r="A13500" s="1" t="s">
        <v>51407</v>
      </c>
      <c r="B13500" s="1" t="s">
        <v>50452</v>
      </c>
      <c r="C13500" s="1" t="s">
        <v>15</v>
      </c>
      <c r="D13500" s="1" t="s">
        <v>51413</v>
      </c>
      <c r="E13500" s="1" t="s">
        <v>51414</v>
      </c>
      <c r="F13500" s="1" t="s">
        <v>51415</v>
      </c>
      <c r="G13500" s="1" t="s">
        <v>51411</v>
      </c>
      <c r="H13500" s="1" t="s">
        <v>51412</v>
      </c>
      <c r="I13500" s="1" t="s">
        <v>50458</v>
      </c>
      <c r="J13500" s="1" t="s">
        <v>42327</v>
      </c>
    </row>
    <row r="13501" spans="1:10" x14ac:dyDescent="0.35">
      <c r="A13501" s="1" t="s">
        <v>51407</v>
      </c>
      <c r="B13501" s="1" t="s">
        <v>50452</v>
      </c>
      <c r="C13501" s="1" t="s">
        <v>20</v>
      </c>
      <c r="D13501" s="1" t="s">
        <v>1364</v>
      </c>
      <c r="E13501" s="1" t="s">
        <v>51416</v>
      </c>
      <c r="F13501" s="1" t="s">
        <v>51417</v>
      </c>
      <c r="G13501" s="1" t="s">
        <v>51411</v>
      </c>
      <c r="H13501" s="1" t="s">
        <v>51412</v>
      </c>
      <c r="I13501" s="1" t="s">
        <v>50458</v>
      </c>
      <c r="J13501" s="1" t="s">
        <v>51418</v>
      </c>
    </row>
    <row r="13502" spans="1:10" x14ac:dyDescent="0.35">
      <c r="A13502" s="1" t="s">
        <v>51407</v>
      </c>
      <c r="B13502" s="1" t="s">
        <v>50452</v>
      </c>
      <c r="C13502" s="1" t="s">
        <v>25</v>
      </c>
      <c r="D13502" s="1" t="s">
        <v>44259</v>
      </c>
      <c r="E13502" s="1" t="s">
        <v>51419</v>
      </c>
      <c r="F13502" s="1" t="s">
        <v>51420</v>
      </c>
      <c r="G13502" s="1" t="s">
        <v>51411</v>
      </c>
      <c r="H13502" s="1" t="s">
        <v>51412</v>
      </c>
      <c r="I13502" s="1" t="s">
        <v>50458</v>
      </c>
      <c r="J13502" s="1" t="s">
        <v>51421</v>
      </c>
    </row>
    <row r="13503" spans="1:10" x14ac:dyDescent="0.35">
      <c r="A13503" s="1" t="s">
        <v>51407</v>
      </c>
      <c r="B13503" s="1" t="s">
        <v>50452</v>
      </c>
      <c r="C13503" s="1" t="s">
        <v>30</v>
      </c>
      <c r="D13503" s="1" t="s">
        <v>23272</v>
      </c>
      <c r="E13503" s="1" t="s">
        <v>51422</v>
      </c>
      <c r="F13503" s="1" t="s">
        <v>51423</v>
      </c>
      <c r="G13503" s="1" t="s">
        <v>51411</v>
      </c>
      <c r="H13503" s="1" t="s">
        <v>51412</v>
      </c>
      <c r="I13503" s="1" t="s">
        <v>50458</v>
      </c>
      <c r="J13503" s="1" t="s">
        <v>51424</v>
      </c>
    </row>
    <row r="13504" spans="1:10" x14ac:dyDescent="0.35">
      <c r="A13504" s="1" t="s">
        <v>51407</v>
      </c>
      <c r="B13504" s="1" t="s">
        <v>50452</v>
      </c>
      <c r="C13504" s="1" t="s">
        <v>35</v>
      </c>
      <c r="D13504" s="1" t="s">
        <v>51425</v>
      </c>
      <c r="E13504" s="1" t="s">
        <v>51426</v>
      </c>
      <c r="F13504" s="1" t="s">
        <v>51427</v>
      </c>
      <c r="G13504" s="1" t="s">
        <v>51411</v>
      </c>
      <c r="H13504" s="1" t="s">
        <v>51412</v>
      </c>
      <c r="I13504" s="1" t="s">
        <v>50458</v>
      </c>
      <c r="J13504" s="1" t="s">
        <v>51428</v>
      </c>
    </row>
    <row r="13505" spans="1:10" x14ac:dyDescent="0.35">
      <c r="A13505" s="1" t="s">
        <v>51407</v>
      </c>
      <c r="B13505" s="1" t="s">
        <v>50452</v>
      </c>
      <c r="C13505" s="1" t="s">
        <v>40</v>
      </c>
      <c r="D13505" s="1" t="s">
        <v>51429</v>
      </c>
      <c r="E13505" s="1" t="s">
        <v>51430</v>
      </c>
      <c r="F13505" s="1" t="s">
        <v>51431</v>
      </c>
      <c r="G13505" s="1" t="s">
        <v>51411</v>
      </c>
      <c r="H13505" s="1" t="s">
        <v>51412</v>
      </c>
      <c r="I13505" s="1" t="s">
        <v>50458</v>
      </c>
      <c r="J13505" s="1" t="s">
        <v>51432</v>
      </c>
    </row>
    <row r="13506" spans="1:10" x14ac:dyDescent="0.35">
      <c r="A13506" s="1" t="s">
        <v>51407</v>
      </c>
      <c r="B13506" s="1" t="s">
        <v>50452</v>
      </c>
      <c r="C13506" s="1" t="s">
        <v>45</v>
      </c>
      <c r="D13506" s="1" t="s">
        <v>16191</v>
      </c>
      <c r="E13506" s="1" t="s">
        <v>51433</v>
      </c>
      <c r="F13506" s="1" t="s">
        <v>51434</v>
      </c>
      <c r="G13506" s="1" t="s">
        <v>51411</v>
      </c>
      <c r="H13506" s="1" t="s">
        <v>51412</v>
      </c>
      <c r="I13506" s="1" t="s">
        <v>50458</v>
      </c>
      <c r="J13506" s="1" t="s">
        <v>51435</v>
      </c>
    </row>
    <row r="13507" spans="1:10" x14ac:dyDescent="0.35">
      <c r="A13507" s="1" t="s">
        <v>51407</v>
      </c>
      <c r="B13507" s="1" t="s">
        <v>50452</v>
      </c>
      <c r="C13507" s="1" t="s">
        <v>50</v>
      </c>
      <c r="D13507" s="1" t="s">
        <v>23019</v>
      </c>
      <c r="E13507" s="1" t="s">
        <v>51436</v>
      </c>
      <c r="F13507" s="1" t="s">
        <v>51437</v>
      </c>
      <c r="G13507" s="1" t="s">
        <v>51411</v>
      </c>
      <c r="H13507" s="1" t="s">
        <v>51412</v>
      </c>
      <c r="I13507" s="1" t="s">
        <v>50458</v>
      </c>
      <c r="J13507" s="1" t="s">
        <v>51438</v>
      </c>
    </row>
    <row r="13508" spans="1:10" x14ac:dyDescent="0.35">
      <c r="A13508" s="1" t="s">
        <v>51407</v>
      </c>
      <c r="B13508" s="1" t="s">
        <v>50452</v>
      </c>
      <c r="C13508" s="1" t="s">
        <v>55</v>
      </c>
      <c r="D13508" s="1" t="s">
        <v>28469</v>
      </c>
      <c r="E13508" s="1" t="s">
        <v>51439</v>
      </c>
      <c r="F13508" s="1" t="s">
        <v>51440</v>
      </c>
      <c r="G13508" s="1" t="s">
        <v>51411</v>
      </c>
      <c r="H13508" s="1" t="s">
        <v>51412</v>
      </c>
      <c r="I13508" s="1" t="s">
        <v>50458</v>
      </c>
      <c r="J13508" s="1" t="s">
        <v>51441</v>
      </c>
    </row>
    <row r="13509" spans="1:10" x14ac:dyDescent="0.35">
      <c r="A13509" s="1" t="s">
        <v>51407</v>
      </c>
      <c r="B13509" s="1" t="s">
        <v>50452</v>
      </c>
      <c r="C13509" s="1" t="s">
        <v>60</v>
      </c>
      <c r="D13509" s="1" t="s">
        <v>28469</v>
      </c>
      <c r="E13509" s="1" t="s">
        <v>51442</v>
      </c>
      <c r="F13509" s="1" t="s">
        <v>51443</v>
      </c>
      <c r="G13509" s="1" t="s">
        <v>51411</v>
      </c>
      <c r="H13509" s="1" t="s">
        <v>51412</v>
      </c>
      <c r="I13509" s="1" t="s">
        <v>50458</v>
      </c>
      <c r="J13509" s="1" t="s">
        <v>1180</v>
      </c>
    </row>
    <row r="13510" spans="1:10" x14ac:dyDescent="0.35">
      <c r="A13510" s="1" t="s">
        <v>51407</v>
      </c>
      <c r="B13510" s="1" t="s">
        <v>50452</v>
      </c>
      <c r="C13510" s="1" t="s">
        <v>65</v>
      </c>
      <c r="D13510" s="1" t="s">
        <v>33398</v>
      </c>
      <c r="E13510" s="1" t="s">
        <v>51444</v>
      </c>
      <c r="F13510" s="1" t="s">
        <v>51445</v>
      </c>
      <c r="G13510" s="1" t="s">
        <v>51411</v>
      </c>
      <c r="H13510" s="1" t="s">
        <v>51412</v>
      </c>
      <c r="I13510" s="1" t="s">
        <v>50458</v>
      </c>
      <c r="J13510" s="1" t="s">
        <v>51446</v>
      </c>
    </row>
    <row r="13511" spans="1:10" x14ac:dyDescent="0.35">
      <c r="A13511" s="1" t="s">
        <v>51407</v>
      </c>
      <c r="B13511" s="1" t="s">
        <v>50452</v>
      </c>
      <c r="C13511" s="1" t="s">
        <v>70</v>
      </c>
      <c r="D13511" s="1" t="s">
        <v>39175</v>
      </c>
      <c r="E13511" s="1" t="s">
        <v>51447</v>
      </c>
      <c r="F13511" s="1" t="s">
        <v>51448</v>
      </c>
      <c r="G13511" s="1" t="s">
        <v>51411</v>
      </c>
      <c r="H13511" s="1" t="s">
        <v>51412</v>
      </c>
      <c r="I13511" s="1" t="s">
        <v>50458</v>
      </c>
      <c r="J13511" s="1" t="s">
        <v>51449</v>
      </c>
    </row>
    <row r="13512" spans="1:10" x14ac:dyDescent="0.35">
      <c r="A13512" s="1" t="s">
        <v>51407</v>
      </c>
      <c r="B13512" s="1" t="s">
        <v>50452</v>
      </c>
      <c r="C13512" s="1" t="s">
        <v>75</v>
      </c>
      <c r="D13512" s="1" t="s">
        <v>49106</v>
      </c>
      <c r="E13512" s="1" t="s">
        <v>51450</v>
      </c>
      <c r="F13512" s="1" t="s">
        <v>51451</v>
      </c>
      <c r="G13512" s="1" t="s">
        <v>51411</v>
      </c>
      <c r="H13512" s="1" t="s">
        <v>51412</v>
      </c>
      <c r="I13512" s="1" t="s">
        <v>50458</v>
      </c>
      <c r="J13512" s="1" t="s">
        <v>51452</v>
      </c>
    </row>
    <row r="13513" spans="1:10" x14ac:dyDescent="0.35">
      <c r="A13513" s="1" t="s">
        <v>51407</v>
      </c>
      <c r="B13513" s="1" t="s">
        <v>50452</v>
      </c>
      <c r="C13513" s="1" t="s">
        <v>80</v>
      </c>
      <c r="D13513" s="1" t="s">
        <v>51019</v>
      </c>
      <c r="E13513" s="1" t="s">
        <v>51453</v>
      </c>
      <c r="F13513" s="1" t="s">
        <v>51454</v>
      </c>
      <c r="G13513" s="1" t="s">
        <v>51411</v>
      </c>
      <c r="H13513" s="1" t="s">
        <v>51412</v>
      </c>
      <c r="I13513" s="1" t="s">
        <v>50458</v>
      </c>
      <c r="J13513" s="1" t="s">
        <v>51455</v>
      </c>
    </row>
    <row r="13514" spans="1:10" x14ac:dyDescent="0.35">
      <c r="A13514" s="1" t="s">
        <v>51407</v>
      </c>
      <c r="B13514" s="1" t="s">
        <v>50452</v>
      </c>
      <c r="C13514" s="1" t="s">
        <v>85</v>
      </c>
      <c r="D13514" s="1" t="s">
        <v>51456</v>
      </c>
      <c r="E13514" s="1" t="s">
        <v>51457</v>
      </c>
      <c r="F13514" s="1" t="s">
        <v>51458</v>
      </c>
      <c r="G13514" s="1" t="s">
        <v>51411</v>
      </c>
      <c r="H13514" s="1" t="s">
        <v>51412</v>
      </c>
      <c r="I13514" s="1" t="s">
        <v>50458</v>
      </c>
      <c r="J13514" s="1" t="s">
        <v>51459</v>
      </c>
    </row>
    <row r="13515" spans="1:10" x14ac:dyDescent="0.35">
      <c r="A13515" s="1" t="s">
        <v>51407</v>
      </c>
      <c r="B13515" s="1" t="s">
        <v>50452</v>
      </c>
      <c r="C13515" s="1" t="s">
        <v>90</v>
      </c>
      <c r="D13515" s="1" t="s">
        <v>13942</v>
      </c>
      <c r="E13515" s="1" t="s">
        <v>51460</v>
      </c>
      <c r="F13515" s="1" t="s">
        <v>51461</v>
      </c>
      <c r="G13515" s="1" t="s">
        <v>51411</v>
      </c>
      <c r="H13515" s="1" t="s">
        <v>51412</v>
      </c>
      <c r="I13515" s="1" t="s">
        <v>50458</v>
      </c>
      <c r="J13515" s="1" t="s">
        <v>51462</v>
      </c>
    </row>
    <row r="13516" spans="1:10" x14ac:dyDescent="0.35">
      <c r="A13516" s="1" t="s">
        <v>51407</v>
      </c>
      <c r="B13516" s="1" t="s">
        <v>50452</v>
      </c>
      <c r="C13516" s="1" t="s">
        <v>95</v>
      </c>
      <c r="D13516" s="1" t="s">
        <v>10530</v>
      </c>
      <c r="E13516" s="1" t="s">
        <v>51463</v>
      </c>
      <c r="F13516" s="1" t="s">
        <v>51464</v>
      </c>
      <c r="G13516" s="1" t="s">
        <v>51411</v>
      </c>
      <c r="H13516" s="1" t="s">
        <v>51412</v>
      </c>
      <c r="I13516" s="1" t="s">
        <v>50458</v>
      </c>
      <c r="J13516" s="1" t="s">
        <v>51465</v>
      </c>
    </row>
    <row r="13517" spans="1:10" x14ac:dyDescent="0.35">
      <c r="A13517" s="1" t="s">
        <v>51407</v>
      </c>
      <c r="B13517" s="1" t="s">
        <v>50452</v>
      </c>
      <c r="C13517" s="1" t="s">
        <v>100</v>
      </c>
      <c r="D13517" s="1" t="s">
        <v>4283</v>
      </c>
      <c r="E13517" s="1" t="s">
        <v>51466</v>
      </c>
      <c r="F13517" s="1" t="s">
        <v>51467</v>
      </c>
      <c r="G13517" s="1" t="s">
        <v>51411</v>
      </c>
      <c r="H13517" s="1" t="s">
        <v>51412</v>
      </c>
      <c r="I13517" s="1" t="s">
        <v>50458</v>
      </c>
      <c r="J13517" s="1" t="s">
        <v>51468</v>
      </c>
    </row>
    <row r="13518" spans="1:10" x14ac:dyDescent="0.35">
      <c r="A13518" s="1" t="s">
        <v>51407</v>
      </c>
      <c r="B13518" s="1" t="s">
        <v>50452</v>
      </c>
      <c r="C13518" s="1" t="s">
        <v>105</v>
      </c>
      <c r="D13518" s="1" t="s">
        <v>3573</v>
      </c>
      <c r="E13518" s="1" t="s">
        <v>51469</v>
      </c>
      <c r="F13518" s="1" t="s">
        <v>51470</v>
      </c>
      <c r="G13518" s="1" t="s">
        <v>51411</v>
      </c>
      <c r="H13518" s="1" t="s">
        <v>51412</v>
      </c>
      <c r="I13518" s="1" t="s">
        <v>50458</v>
      </c>
      <c r="J13518" s="1" t="s">
        <v>51471</v>
      </c>
    </row>
    <row r="13519" spans="1:10" x14ac:dyDescent="0.35">
      <c r="A13519" s="1" t="s">
        <v>51407</v>
      </c>
      <c r="B13519" s="1" t="s">
        <v>50452</v>
      </c>
      <c r="C13519" s="1" t="s">
        <v>110</v>
      </c>
      <c r="D13519" s="1" t="s">
        <v>51472</v>
      </c>
      <c r="E13519" s="1" t="s">
        <v>51473</v>
      </c>
      <c r="F13519" s="1" t="s">
        <v>51474</v>
      </c>
      <c r="G13519" s="1" t="s">
        <v>51411</v>
      </c>
      <c r="H13519" s="1" t="s">
        <v>51412</v>
      </c>
      <c r="I13519" s="1" t="s">
        <v>50458</v>
      </c>
      <c r="J13519" s="1" t="s">
        <v>51475</v>
      </c>
    </row>
    <row r="13520" spans="1:10" x14ac:dyDescent="0.35">
      <c r="A13520" s="1" t="s">
        <v>51407</v>
      </c>
      <c r="B13520" s="1" t="s">
        <v>50452</v>
      </c>
      <c r="C13520" s="1" t="s">
        <v>115</v>
      </c>
      <c r="D13520" s="1" t="s">
        <v>1540</v>
      </c>
      <c r="E13520" s="1" t="s">
        <v>51476</v>
      </c>
      <c r="F13520" s="1" t="s">
        <v>51477</v>
      </c>
      <c r="G13520" s="1" t="s">
        <v>51411</v>
      </c>
      <c r="H13520" s="1" t="s">
        <v>51412</v>
      </c>
      <c r="I13520" s="1" t="s">
        <v>50458</v>
      </c>
      <c r="J13520" s="1" t="s">
        <v>51478</v>
      </c>
    </row>
    <row r="13521" spans="1:10" x14ac:dyDescent="0.35">
      <c r="A13521" s="1" t="s">
        <v>51407</v>
      </c>
      <c r="B13521" s="1" t="s">
        <v>50452</v>
      </c>
      <c r="C13521" s="1" t="s">
        <v>120</v>
      </c>
      <c r="D13521" s="1" t="s">
        <v>13119</v>
      </c>
      <c r="E13521" s="1" t="s">
        <v>51479</v>
      </c>
      <c r="F13521" s="1" t="s">
        <v>51480</v>
      </c>
      <c r="G13521" s="1" t="s">
        <v>51411</v>
      </c>
      <c r="H13521" s="1" t="s">
        <v>51412</v>
      </c>
      <c r="I13521" s="1" t="s">
        <v>50458</v>
      </c>
      <c r="J13521" s="1" t="s">
        <v>51481</v>
      </c>
    </row>
    <row r="13522" spans="1:10" x14ac:dyDescent="0.35">
      <c r="A13522" s="1" t="s">
        <v>51407</v>
      </c>
      <c r="B13522" s="1" t="s">
        <v>50452</v>
      </c>
      <c r="C13522" s="1" t="s">
        <v>125</v>
      </c>
      <c r="D13522" s="1" t="s">
        <v>51482</v>
      </c>
      <c r="E13522" s="1" t="s">
        <v>51483</v>
      </c>
      <c r="F13522" s="1" t="s">
        <v>51484</v>
      </c>
      <c r="G13522" s="1" t="s">
        <v>51411</v>
      </c>
      <c r="H13522" s="1" t="s">
        <v>51412</v>
      </c>
      <c r="I13522" s="1" t="s">
        <v>50458</v>
      </c>
      <c r="J13522" s="1" t="s">
        <v>51485</v>
      </c>
    </row>
    <row r="13523" spans="1:10" x14ac:dyDescent="0.35">
      <c r="A13523" s="1" t="s">
        <v>51407</v>
      </c>
      <c r="B13523" s="1" t="s">
        <v>50452</v>
      </c>
      <c r="C13523" s="1" t="s">
        <v>130</v>
      </c>
      <c r="D13523" s="1" t="s">
        <v>5525</v>
      </c>
      <c r="E13523" s="1" t="s">
        <v>51486</v>
      </c>
      <c r="F13523" s="1" t="s">
        <v>51487</v>
      </c>
      <c r="G13523" s="1" t="s">
        <v>51411</v>
      </c>
      <c r="H13523" s="1" t="s">
        <v>51412</v>
      </c>
      <c r="I13523" s="1" t="s">
        <v>50458</v>
      </c>
      <c r="J13523" s="1" t="s">
        <v>51488</v>
      </c>
    </row>
    <row r="13524" spans="1:10" x14ac:dyDescent="0.35">
      <c r="A13524" s="1" t="s">
        <v>51407</v>
      </c>
      <c r="B13524" s="1" t="s">
        <v>50452</v>
      </c>
      <c r="C13524" s="1" t="s">
        <v>135</v>
      </c>
      <c r="D13524" s="1" t="s">
        <v>5523</v>
      </c>
      <c r="E13524" s="1" t="s">
        <v>51489</v>
      </c>
      <c r="F13524" s="1" t="s">
        <v>51490</v>
      </c>
      <c r="G13524" s="1" t="s">
        <v>51411</v>
      </c>
      <c r="H13524" s="1" t="s">
        <v>51412</v>
      </c>
      <c r="I13524" s="1" t="s">
        <v>50458</v>
      </c>
      <c r="J13524" s="1" t="s">
        <v>51491</v>
      </c>
    </row>
    <row r="13525" spans="1:10" x14ac:dyDescent="0.35">
      <c r="A13525" s="1" t="s">
        <v>51407</v>
      </c>
      <c r="B13525" s="1" t="s">
        <v>50452</v>
      </c>
      <c r="C13525" s="1" t="s">
        <v>140</v>
      </c>
      <c r="D13525" s="1" t="s">
        <v>51492</v>
      </c>
      <c r="E13525" s="1" t="s">
        <v>51493</v>
      </c>
      <c r="F13525" s="1" t="s">
        <v>51494</v>
      </c>
      <c r="G13525" s="1" t="s">
        <v>51411</v>
      </c>
      <c r="H13525" s="1" t="s">
        <v>51412</v>
      </c>
      <c r="I13525" s="1" t="s">
        <v>50458</v>
      </c>
      <c r="J13525" s="1" t="s">
        <v>51495</v>
      </c>
    </row>
    <row r="13526" spans="1:10" x14ac:dyDescent="0.35">
      <c r="A13526" s="1" t="s">
        <v>51407</v>
      </c>
      <c r="B13526" s="1" t="s">
        <v>50452</v>
      </c>
      <c r="C13526" s="1" t="s">
        <v>145</v>
      </c>
      <c r="D13526" s="1" t="s">
        <v>8710</v>
      </c>
      <c r="E13526" s="1" t="s">
        <v>51496</v>
      </c>
      <c r="F13526" s="1" t="s">
        <v>51497</v>
      </c>
      <c r="G13526" s="1" t="s">
        <v>51411</v>
      </c>
      <c r="H13526" s="1" t="s">
        <v>51412</v>
      </c>
      <c r="I13526" s="1" t="s">
        <v>50458</v>
      </c>
      <c r="J13526" s="1" t="s">
        <v>51498</v>
      </c>
    </row>
    <row r="13527" spans="1:10" x14ac:dyDescent="0.35">
      <c r="A13527" s="1" t="s">
        <v>51407</v>
      </c>
      <c r="B13527" s="1" t="s">
        <v>50452</v>
      </c>
      <c r="C13527" s="1" t="s">
        <v>150</v>
      </c>
      <c r="D13527" s="1" t="s">
        <v>6396</v>
      </c>
      <c r="E13527" s="1" t="s">
        <v>51499</v>
      </c>
      <c r="F13527" s="1" t="s">
        <v>51500</v>
      </c>
      <c r="G13527" s="1" t="s">
        <v>51411</v>
      </c>
      <c r="H13527" s="1" t="s">
        <v>51412</v>
      </c>
      <c r="I13527" s="1" t="s">
        <v>50458</v>
      </c>
      <c r="J13527" s="1" t="s">
        <v>51501</v>
      </c>
    </row>
    <row r="13528" spans="1:10" x14ac:dyDescent="0.35">
      <c r="A13528" s="1" t="s">
        <v>51407</v>
      </c>
      <c r="B13528" s="1" t="s">
        <v>50452</v>
      </c>
      <c r="C13528" s="1" t="s">
        <v>155</v>
      </c>
      <c r="D13528" s="1" t="s">
        <v>27666</v>
      </c>
      <c r="E13528" s="1" t="s">
        <v>51502</v>
      </c>
      <c r="F13528" s="1" t="s">
        <v>51503</v>
      </c>
      <c r="G13528" s="1" t="s">
        <v>51411</v>
      </c>
      <c r="H13528" s="1" t="s">
        <v>51412</v>
      </c>
      <c r="I13528" s="1" t="s">
        <v>50458</v>
      </c>
      <c r="J13528" s="1" t="s">
        <v>51504</v>
      </c>
    </row>
    <row r="13529" spans="1:10" x14ac:dyDescent="0.35">
      <c r="A13529" s="1" t="s">
        <v>51407</v>
      </c>
      <c r="B13529" s="1" t="s">
        <v>50452</v>
      </c>
      <c r="C13529" s="1" t="s">
        <v>160</v>
      </c>
      <c r="D13529" s="1" t="s">
        <v>6388</v>
      </c>
      <c r="E13529" s="1" t="s">
        <v>51505</v>
      </c>
      <c r="F13529" s="1" t="s">
        <v>51506</v>
      </c>
      <c r="G13529" s="1" t="s">
        <v>51411</v>
      </c>
      <c r="H13529" s="1" t="s">
        <v>51412</v>
      </c>
      <c r="I13529" s="1" t="s">
        <v>50458</v>
      </c>
      <c r="J13529" s="1" t="s">
        <v>51507</v>
      </c>
    </row>
    <row r="13530" spans="1:10" x14ac:dyDescent="0.35">
      <c r="A13530" s="1" t="s">
        <v>51407</v>
      </c>
      <c r="B13530" s="1" t="s">
        <v>50452</v>
      </c>
      <c r="C13530" s="1" t="s">
        <v>165</v>
      </c>
      <c r="D13530" s="1" t="s">
        <v>51508</v>
      </c>
      <c r="E13530" s="1" t="s">
        <v>51509</v>
      </c>
      <c r="F13530" s="1" t="s">
        <v>51510</v>
      </c>
      <c r="G13530" s="1" t="s">
        <v>51411</v>
      </c>
      <c r="H13530" s="1" t="s">
        <v>51412</v>
      </c>
      <c r="I13530" s="1" t="s">
        <v>50458</v>
      </c>
      <c r="J13530" s="1" t="s">
        <v>51511</v>
      </c>
    </row>
    <row r="13531" spans="1:10" x14ac:dyDescent="0.35">
      <c r="A13531" s="1" t="s">
        <v>51407</v>
      </c>
      <c r="B13531" s="1" t="s">
        <v>50452</v>
      </c>
      <c r="C13531" s="1" t="s">
        <v>170</v>
      </c>
      <c r="D13531" s="1" t="s">
        <v>3942</v>
      </c>
      <c r="E13531" s="1" t="s">
        <v>51512</v>
      </c>
      <c r="F13531" s="1" t="s">
        <v>51513</v>
      </c>
      <c r="G13531" s="1" t="s">
        <v>51411</v>
      </c>
      <c r="H13531" s="1" t="s">
        <v>51412</v>
      </c>
      <c r="I13531" s="1" t="s">
        <v>50458</v>
      </c>
      <c r="J13531" s="1" t="s">
        <v>51514</v>
      </c>
    </row>
    <row r="13532" spans="1:10" x14ac:dyDescent="0.35">
      <c r="A13532" s="1" t="s">
        <v>51515</v>
      </c>
      <c r="B13532" s="1" t="s">
        <v>50452</v>
      </c>
      <c r="C13532" s="1" t="s">
        <v>8</v>
      </c>
      <c r="D13532" s="1" t="s">
        <v>51516</v>
      </c>
      <c r="E13532" s="1" t="s">
        <v>51517</v>
      </c>
      <c r="F13532" s="1" t="s">
        <v>51518</v>
      </c>
      <c r="G13532" s="1" t="s">
        <v>51519</v>
      </c>
      <c r="H13532" s="1" t="s">
        <v>51520</v>
      </c>
      <c r="I13532" s="1" t="s">
        <v>50458</v>
      </c>
      <c r="J13532" s="1" t="s">
        <v>13</v>
      </c>
    </row>
    <row r="13533" spans="1:10" x14ac:dyDescent="0.35">
      <c r="A13533" s="1" t="s">
        <v>51515</v>
      </c>
      <c r="B13533" s="1" t="s">
        <v>50452</v>
      </c>
      <c r="C13533" s="1" t="s">
        <v>15</v>
      </c>
      <c r="D13533" s="1" t="s">
        <v>51521</v>
      </c>
      <c r="E13533" s="1" t="s">
        <v>51522</v>
      </c>
      <c r="F13533" s="1" t="s">
        <v>51523</v>
      </c>
      <c r="G13533" s="1" t="s">
        <v>51519</v>
      </c>
      <c r="H13533" s="1" t="s">
        <v>51520</v>
      </c>
      <c r="I13533" s="1" t="s">
        <v>50458</v>
      </c>
      <c r="J13533" s="1" t="s">
        <v>51524</v>
      </c>
    </row>
    <row r="13534" spans="1:10" x14ac:dyDescent="0.35">
      <c r="A13534" s="1" t="s">
        <v>51515</v>
      </c>
      <c r="B13534" s="1" t="s">
        <v>50452</v>
      </c>
      <c r="C13534" s="1" t="s">
        <v>20</v>
      </c>
      <c r="D13534" s="1" t="s">
        <v>29920</v>
      </c>
      <c r="E13534" s="1" t="s">
        <v>51525</v>
      </c>
      <c r="F13534" s="1" t="s">
        <v>51526</v>
      </c>
      <c r="G13534" s="1" t="s">
        <v>51519</v>
      </c>
      <c r="H13534" s="1" t="s">
        <v>51520</v>
      </c>
      <c r="I13534" s="1" t="s">
        <v>50458</v>
      </c>
      <c r="J13534" s="1" t="s">
        <v>51527</v>
      </c>
    </row>
    <row r="13535" spans="1:10" x14ac:dyDescent="0.35">
      <c r="A13535" s="1" t="s">
        <v>51515</v>
      </c>
      <c r="B13535" s="1" t="s">
        <v>50452</v>
      </c>
      <c r="C13535" s="1" t="s">
        <v>25</v>
      </c>
      <c r="D13535" s="1" t="s">
        <v>27370</v>
      </c>
      <c r="E13535" s="1" t="s">
        <v>51528</v>
      </c>
      <c r="F13535" s="1" t="s">
        <v>51529</v>
      </c>
      <c r="G13535" s="1" t="s">
        <v>51519</v>
      </c>
      <c r="H13535" s="1" t="s">
        <v>51520</v>
      </c>
      <c r="I13535" s="1" t="s">
        <v>50458</v>
      </c>
      <c r="J13535" s="1" t="s">
        <v>51530</v>
      </c>
    </row>
    <row r="13536" spans="1:10" x14ac:dyDescent="0.35">
      <c r="A13536" s="1" t="s">
        <v>51515</v>
      </c>
      <c r="B13536" s="1" t="s">
        <v>50452</v>
      </c>
      <c r="C13536" s="1" t="s">
        <v>30</v>
      </c>
      <c r="D13536" s="1" t="s">
        <v>51531</v>
      </c>
      <c r="E13536" s="1" t="s">
        <v>51532</v>
      </c>
      <c r="F13536" s="1" t="s">
        <v>51533</v>
      </c>
      <c r="G13536" s="1" t="s">
        <v>51519</v>
      </c>
      <c r="H13536" s="1" t="s">
        <v>51520</v>
      </c>
      <c r="I13536" s="1" t="s">
        <v>50458</v>
      </c>
      <c r="J13536" s="1" t="s">
        <v>51534</v>
      </c>
    </row>
    <row r="13537" spans="1:10" x14ac:dyDescent="0.35">
      <c r="A13537" s="1" t="s">
        <v>51515</v>
      </c>
      <c r="B13537" s="1" t="s">
        <v>50452</v>
      </c>
      <c r="C13537" s="1" t="s">
        <v>35</v>
      </c>
      <c r="D13537" s="1" t="s">
        <v>51535</v>
      </c>
      <c r="E13537" s="1" t="s">
        <v>51536</v>
      </c>
      <c r="F13537" s="1" t="s">
        <v>51537</v>
      </c>
      <c r="G13537" s="1" t="s">
        <v>51519</v>
      </c>
      <c r="H13537" s="1" t="s">
        <v>51520</v>
      </c>
      <c r="I13537" s="1" t="s">
        <v>50458</v>
      </c>
      <c r="J13537" s="1" t="s">
        <v>51538</v>
      </c>
    </row>
    <row r="13538" spans="1:10" x14ac:dyDescent="0.35">
      <c r="A13538" s="1" t="s">
        <v>51515</v>
      </c>
      <c r="B13538" s="1" t="s">
        <v>50452</v>
      </c>
      <c r="C13538" s="1" t="s">
        <v>40</v>
      </c>
      <c r="D13538" s="1" t="s">
        <v>51539</v>
      </c>
      <c r="E13538" s="1" t="s">
        <v>51540</v>
      </c>
      <c r="F13538" s="1" t="s">
        <v>51541</v>
      </c>
      <c r="G13538" s="1" t="s">
        <v>51519</v>
      </c>
      <c r="H13538" s="1" t="s">
        <v>51520</v>
      </c>
      <c r="I13538" s="1" t="s">
        <v>50458</v>
      </c>
      <c r="J13538" s="1" t="s">
        <v>1812</v>
      </c>
    </row>
    <row r="13539" spans="1:10" x14ac:dyDescent="0.35">
      <c r="A13539" s="1" t="s">
        <v>51515</v>
      </c>
      <c r="B13539" s="1" t="s">
        <v>50452</v>
      </c>
      <c r="C13539" s="1" t="s">
        <v>45</v>
      </c>
      <c r="D13539" s="1" t="s">
        <v>51542</v>
      </c>
      <c r="E13539" s="1" t="s">
        <v>51543</v>
      </c>
      <c r="F13539" s="1" t="s">
        <v>51544</v>
      </c>
      <c r="G13539" s="1" t="s">
        <v>51519</v>
      </c>
      <c r="H13539" s="1" t="s">
        <v>51520</v>
      </c>
      <c r="I13539" s="1" t="s">
        <v>50458</v>
      </c>
      <c r="J13539" s="1" t="s">
        <v>51545</v>
      </c>
    </row>
    <row r="13540" spans="1:10" x14ac:dyDescent="0.35">
      <c r="A13540" s="1" t="s">
        <v>51515</v>
      </c>
      <c r="B13540" s="1" t="s">
        <v>50452</v>
      </c>
      <c r="C13540" s="1" t="s">
        <v>50</v>
      </c>
      <c r="D13540" s="1" t="s">
        <v>7308</v>
      </c>
      <c r="E13540" s="1" t="s">
        <v>51546</v>
      </c>
      <c r="F13540" s="1" t="s">
        <v>51547</v>
      </c>
      <c r="G13540" s="1" t="s">
        <v>51519</v>
      </c>
      <c r="H13540" s="1" t="s">
        <v>51520</v>
      </c>
      <c r="I13540" s="1" t="s">
        <v>50458</v>
      </c>
      <c r="J13540" s="1" t="s">
        <v>51548</v>
      </c>
    </row>
    <row r="13541" spans="1:10" x14ac:dyDescent="0.35">
      <c r="A13541" s="1" t="s">
        <v>51515</v>
      </c>
      <c r="B13541" s="1" t="s">
        <v>50452</v>
      </c>
      <c r="C13541" s="1" t="s">
        <v>55</v>
      </c>
      <c r="D13541" s="1" t="s">
        <v>25834</v>
      </c>
      <c r="E13541" s="1" t="s">
        <v>51549</v>
      </c>
      <c r="F13541" s="1" t="s">
        <v>51550</v>
      </c>
      <c r="G13541" s="1" t="s">
        <v>51519</v>
      </c>
      <c r="H13541" s="1" t="s">
        <v>51520</v>
      </c>
      <c r="I13541" s="1" t="s">
        <v>50458</v>
      </c>
      <c r="J13541" s="1" t="s">
        <v>51551</v>
      </c>
    </row>
    <row r="13542" spans="1:10" x14ac:dyDescent="0.35">
      <c r="A13542" s="1" t="s">
        <v>51515</v>
      </c>
      <c r="B13542" s="1" t="s">
        <v>50452</v>
      </c>
      <c r="C13542" s="1" t="s">
        <v>60</v>
      </c>
      <c r="D13542" s="1" t="s">
        <v>46311</v>
      </c>
      <c r="E13542" s="1" t="s">
        <v>51552</v>
      </c>
      <c r="F13542" s="1" t="s">
        <v>51553</v>
      </c>
      <c r="G13542" s="1" t="s">
        <v>51519</v>
      </c>
      <c r="H13542" s="1" t="s">
        <v>51520</v>
      </c>
      <c r="I13542" s="1" t="s">
        <v>50458</v>
      </c>
      <c r="J13542" s="1" t="s">
        <v>51554</v>
      </c>
    </row>
    <row r="13543" spans="1:10" x14ac:dyDescent="0.35">
      <c r="A13543" s="1" t="s">
        <v>51515</v>
      </c>
      <c r="B13543" s="1" t="s">
        <v>50452</v>
      </c>
      <c r="C13543" s="1" t="s">
        <v>65</v>
      </c>
      <c r="D13543" s="1" t="s">
        <v>28958</v>
      </c>
      <c r="E13543" s="1" t="s">
        <v>51555</v>
      </c>
      <c r="F13543" s="1" t="s">
        <v>51556</v>
      </c>
      <c r="G13543" s="1" t="s">
        <v>51519</v>
      </c>
      <c r="H13543" s="1" t="s">
        <v>51520</v>
      </c>
      <c r="I13543" s="1" t="s">
        <v>50458</v>
      </c>
      <c r="J13543" s="1" t="s">
        <v>51557</v>
      </c>
    </row>
    <row r="13544" spans="1:10" x14ac:dyDescent="0.35">
      <c r="A13544" s="1" t="s">
        <v>51515</v>
      </c>
      <c r="B13544" s="1" t="s">
        <v>50452</v>
      </c>
      <c r="C13544" s="1" t="s">
        <v>70</v>
      </c>
      <c r="D13544" s="1" t="s">
        <v>28141</v>
      </c>
      <c r="E13544" s="1" t="s">
        <v>51558</v>
      </c>
      <c r="F13544" s="1" t="s">
        <v>51559</v>
      </c>
      <c r="G13544" s="1" t="s">
        <v>51519</v>
      </c>
      <c r="H13544" s="1" t="s">
        <v>51520</v>
      </c>
      <c r="I13544" s="1" t="s">
        <v>50458</v>
      </c>
      <c r="J13544" s="1" t="s">
        <v>51560</v>
      </c>
    </row>
    <row r="13545" spans="1:10" x14ac:dyDescent="0.35">
      <c r="A13545" s="1" t="s">
        <v>51515</v>
      </c>
      <c r="B13545" s="1" t="s">
        <v>50452</v>
      </c>
      <c r="C13545" s="1" t="s">
        <v>75</v>
      </c>
      <c r="D13545" s="1" t="s">
        <v>9399</v>
      </c>
      <c r="E13545" s="1" t="s">
        <v>51561</v>
      </c>
      <c r="F13545" s="1" t="s">
        <v>51562</v>
      </c>
      <c r="G13545" s="1" t="s">
        <v>51519</v>
      </c>
      <c r="H13545" s="1" t="s">
        <v>51520</v>
      </c>
      <c r="I13545" s="1" t="s">
        <v>50458</v>
      </c>
      <c r="J13545" s="1" t="s">
        <v>51563</v>
      </c>
    </row>
    <row r="13546" spans="1:10" x14ac:dyDescent="0.35">
      <c r="A13546" s="1" t="s">
        <v>51515</v>
      </c>
      <c r="B13546" s="1" t="s">
        <v>50452</v>
      </c>
      <c r="C13546" s="1" t="s">
        <v>80</v>
      </c>
      <c r="D13546" s="1" t="s">
        <v>30016</v>
      </c>
      <c r="E13546" s="1" t="s">
        <v>51564</v>
      </c>
      <c r="F13546" s="1" t="s">
        <v>51565</v>
      </c>
      <c r="G13546" s="1" t="s">
        <v>51519</v>
      </c>
      <c r="H13546" s="1" t="s">
        <v>51520</v>
      </c>
      <c r="I13546" s="1" t="s">
        <v>50458</v>
      </c>
      <c r="J13546" s="1" t="s">
        <v>51566</v>
      </c>
    </row>
    <row r="13547" spans="1:10" x14ac:dyDescent="0.35">
      <c r="A13547" s="1" t="s">
        <v>51515</v>
      </c>
      <c r="B13547" s="1" t="s">
        <v>50452</v>
      </c>
      <c r="C13547" s="1" t="s">
        <v>85</v>
      </c>
      <c r="D13547" s="1" t="s">
        <v>25401</v>
      </c>
      <c r="E13547" s="1" t="s">
        <v>51567</v>
      </c>
      <c r="F13547" s="1" t="s">
        <v>51568</v>
      </c>
      <c r="G13547" s="1" t="s">
        <v>51519</v>
      </c>
      <c r="H13547" s="1" t="s">
        <v>51520</v>
      </c>
      <c r="I13547" s="1" t="s">
        <v>50458</v>
      </c>
      <c r="J13547" s="1" t="s">
        <v>51569</v>
      </c>
    </row>
    <row r="13548" spans="1:10" x14ac:dyDescent="0.35">
      <c r="A13548" s="1" t="s">
        <v>51515</v>
      </c>
      <c r="B13548" s="1" t="s">
        <v>50452</v>
      </c>
      <c r="C13548" s="1" t="s">
        <v>90</v>
      </c>
      <c r="D13548" s="1" t="s">
        <v>4753</v>
      </c>
      <c r="E13548" s="1" t="s">
        <v>51570</v>
      </c>
      <c r="F13548" s="1" t="s">
        <v>51571</v>
      </c>
      <c r="G13548" s="1" t="s">
        <v>51519</v>
      </c>
      <c r="H13548" s="1" t="s">
        <v>51520</v>
      </c>
      <c r="I13548" s="1" t="s">
        <v>50458</v>
      </c>
      <c r="J13548" s="1" t="s">
        <v>51572</v>
      </c>
    </row>
    <row r="13549" spans="1:10" x14ac:dyDescent="0.35">
      <c r="A13549" s="1" t="s">
        <v>51515</v>
      </c>
      <c r="B13549" s="1" t="s">
        <v>50452</v>
      </c>
      <c r="C13549" s="1" t="s">
        <v>95</v>
      </c>
      <c r="D13549" s="1" t="s">
        <v>51573</v>
      </c>
      <c r="E13549" s="1" t="s">
        <v>51574</v>
      </c>
      <c r="F13549" s="1" t="s">
        <v>51575</v>
      </c>
      <c r="G13549" s="1" t="s">
        <v>51519</v>
      </c>
      <c r="H13549" s="1" t="s">
        <v>51520</v>
      </c>
      <c r="I13549" s="1" t="s">
        <v>50458</v>
      </c>
      <c r="J13549" s="1" t="s">
        <v>51576</v>
      </c>
    </row>
    <row r="13550" spans="1:10" x14ac:dyDescent="0.35">
      <c r="A13550" s="1" t="s">
        <v>51515</v>
      </c>
      <c r="B13550" s="1" t="s">
        <v>50452</v>
      </c>
      <c r="C13550" s="1" t="s">
        <v>100</v>
      </c>
      <c r="D13550" s="1" t="s">
        <v>51577</v>
      </c>
      <c r="E13550" s="1" t="s">
        <v>51578</v>
      </c>
      <c r="F13550" s="1" t="s">
        <v>51579</v>
      </c>
      <c r="G13550" s="1" t="s">
        <v>51519</v>
      </c>
      <c r="H13550" s="1" t="s">
        <v>51520</v>
      </c>
      <c r="I13550" s="1" t="s">
        <v>50458</v>
      </c>
      <c r="J13550" s="1" t="s">
        <v>51580</v>
      </c>
    </row>
    <row r="13551" spans="1:10" x14ac:dyDescent="0.35">
      <c r="A13551" s="1" t="s">
        <v>51515</v>
      </c>
      <c r="B13551" s="1" t="s">
        <v>50452</v>
      </c>
      <c r="C13551" s="1" t="s">
        <v>105</v>
      </c>
      <c r="D13551" s="1" t="s">
        <v>50643</v>
      </c>
      <c r="E13551" s="1" t="s">
        <v>51581</v>
      </c>
      <c r="F13551" s="1" t="s">
        <v>51582</v>
      </c>
      <c r="G13551" s="1" t="s">
        <v>51519</v>
      </c>
      <c r="H13551" s="1" t="s">
        <v>51520</v>
      </c>
      <c r="I13551" s="1" t="s">
        <v>50458</v>
      </c>
      <c r="J13551" s="1" t="s">
        <v>51583</v>
      </c>
    </row>
    <row r="13552" spans="1:10" x14ac:dyDescent="0.35">
      <c r="A13552" s="1" t="s">
        <v>51515</v>
      </c>
      <c r="B13552" s="1" t="s">
        <v>50452</v>
      </c>
      <c r="C13552" s="1" t="s">
        <v>110</v>
      </c>
      <c r="D13552" s="1" t="s">
        <v>51584</v>
      </c>
      <c r="E13552" s="1" t="s">
        <v>51585</v>
      </c>
      <c r="F13552" s="1" t="s">
        <v>51586</v>
      </c>
      <c r="G13552" s="1" t="s">
        <v>51519</v>
      </c>
      <c r="H13552" s="1" t="s">
        <v>51520</v>
      </c>
      <c r="I13552" s="1" t="s">
        <v>50458</v>
      </c>
      <c r="J13552" s="1" t="s">
        <v>51587</v>
      </c>
    </row>
    <row r="13553" spans="1:10" x14ac:dyDescent="0.35">
      <c r="A13553" s="1" t="s">
        <v>51515</v>
      </c>
      <c r="B13553" s="1" t="s">
        <v>50452</v>
      </c>
      <c r="C13553" s="1" t="s">
        <v>115</v>
      </c>
      <c r="D13553" s="1" t="s">
        <v>51588</v>
      </c>
      <c r="E13553" s="1" t="s">
        <v>51589</v>
      </c>
      <c r="F13553" s="1" t="s">
        <v>51590</v>
      </c>
      <c r="G13553" s="1" t="s">
        <v>51519</v>
      </c>
      <c r="H13553" s="1" t="s">
        <v>51520</v>
      </c>
      <c r="I13553" s="1" t="s">
        <v>50458</v>
      </c>
      <c r="J13553" s="1" t="s">
        <v>51591</v>
      </c>
    </row>
    <row r="13554" spans="1:10" x14ac:dyDescent="0.35">
      <c r="A13554" s="1" t="s">
        <v>51515</v>
      </c>
      <c r="B13554" s="1" t="s">
        <v>50452</v>
      </c>
      <c r="C13554" s="1" t="s">
        <v>120</v>
      </c>
      <c r="D13554" s="1" t="s">
        <v>51592</v>
      </c>
      <c r="E13554" s="1" t="s">
        <v>51593</v>
      </c>
      <c r="F13554" s="1" t="s">
        <v>51594</v>
      </c>
      <c r="G13554" s="1" t="s">
        <v>51519</v>
      </c>
      <c r="H13554" s="1" t="s">
        <v>51520</v>
      </c>
      <c r="I13554" s="1" t="s">
        <v>50458</v>
      </c>
      <c r="J13554" s="1" t="s">
        <v>51595</v>
      </c>
    </row>
    <row r="13555" spans="1:10" x14ac:dyDescent="0.35">
      <c r="A13555" s="1" t="s">
        <v>51515</v>
      </c>
      <c r="B13555" s="1" t="s">
        <v>50452</v>
      </c>
      <c r="C13555" s="1" t="s">
        <v>125</v>
      </c>
      <c r="D13555" s="1" t="s">
        <v>51596</v>
      </c>
      <c r="E13555" s="1" t="s">
        <v>51597</v>
      </c>
      <c r="F13555" s="1" t="s">
        <v>51598</v>
      </c>
      <c r="G13555" s="1" t="s">
        <v>51519</v>
      </c>
      <c r="H13555" s="1" t="s">
        <v>51520</v>
      </c>
      <c r="I13555" s="1" t="s">
        <v>50458</v>
      </c>
      <c r="J13555" s="1" t="s">
        <v>51599</v>
      </c>
    </row>
    <row r="13556" spans="1:10" x14ac:dyDescent="0.35">
      <c r="A13556" s="1" t="s">
        <v>51515</v>
      </c>
      <c r="B13556" s="1" t="s">
        <v>50452</v>
      </c>
      <c r="C13556" s="1" t="s">
        <v>130</v>
      </c>
      <c r="D13556" s="1" t="s">
        <v>51600</v>
      </c>
      <c r="E13556" s="1" t="s">
        <v>51601</v>
      </c>
      <c r="F13556" s="1" t="s">
        <v>51602</v>
      </c>
      <c r="G13556" s="1" t="s">
        <v>51519</v>
      </c>
      <c r="H13556" s="1" t="s">
        <v>51520</v>
      </c>
      <c r="I13556" s="1" t="s">
        <v>50458</v>
      </c>
      <c r="J13556" s="1" t="s">
        <v>51603</v>
      </c>
    </row>
    <row r="13557" spans="1:10" x14ac:dyDescent="0.35">
      <c r="A13557" s="1" t="s">
        <v>51515</v>
      </c>
      <c r="B13557" s="1" t="s">
        <v>50452</v>
      </c>
      <c r="C13557" s="1" t="s">
        <v>135</v>
      </c>
      <c r="D13557" s="1" t="s">
        <v>51604</v>
      </c>
      <c r="E13557" s="1" t="s">
        <v>51605</v>
      </c>
      <c r="F13557" s="1" t="s">
        <v>51606</v>
      </c>
      <c r="G13557" s="1" t="s">
        <v>51519</v>
      </c>
      <c r="H13557" s="1" t="s">
        <v>51520</v>
      </c>
      <c r="I13557" s="1" t="s">
        <v>50458</v>
      </c>
      <c r="J13557" s="1" t="s">
        <v>51607</v>
      </c>
    </row>
    <row r="13558" spans="1:10" x14ac:dyDescent="0.35">
      <c r="A13558" s="1" t="s">
        <v>51515</v>
      </c>
      <c r="B13558" s="1" t="s">
        <v>50452</v>
      </c>
      <c r="C13558" s="1" t="s">
        <v>140</v>
      </c>
      <c r="D13558" s="1" t="s">
        <v>51608</v>
      </c>
      <c r="E13558" s="1" t="s">
        <v>51609</v>
      </c>
      <c r="F13558" s="1" t="s">
        <v>51610</v>
      </c>
      <c r="G13558" s="1" t="s">
        <v>51519</v>
      </c>
      <c r="H13558" s="1" t="s">
        <v>51520</v>
      </c>
      <c r="I13558" s="1" t="s">
        <v>50458</v>
      </c>
      <c r="J13558" s="1" t="s">
        <v>51611</v>
      </c>
    </row>
    <row r="13559" spans="1:10" x14ac:dyDescent="0.35">
      <c r="A13559" s="1" t="s">
        <v>51515</v>
      </c>
      <c r="B13559" s="1" t="s">
        <v>50452</v>
      </c>
      <c r="C13559" s="1" t="s">
        <v>145</v>
      </c>
      <c r="D13559" s="1" t="s">
        <v>51612</v>
      </c>
      <c r="E13559" s="1" t="s">
        <v>51613</v>
      </c>
      <c r="F13559" s="1" t="s">
        <v>51614</v>
      </c>
      <c r="G13559" s="1" t="s">
        <v>51519</v>
      </c>
      <c r="H13559" s="1" t="s">
        <v>51520</v>
      </c>
      <c r="I13559" s="1" t="s">
        <v>50458</v>
      </c>
      <c r="J13559" s="1" t="s">
        <v>51615</v>
      </c>
    </row>
    <row r="13560" spans="1:10" x14ac:dyDescent="0.35">
      <c r="A13560" s="1" t="s">
        <v>51515</v>
      </c>
      <c r="B13560" s="1" t="s">
        <v>50452</v>
      </c>
      <c r="C13560" s="1" t="s">
        <v>150</v>
      </c>
      <c r="D13560" s="1" t="s">
        <v>17859</v>
      </c>
      <c r="E13560" s="1" t="s">
        <v>51616</v>
      </c>
      <c r="F13560" s="1" t="s">
        <v>51617</v>
      </c>
      <c r="G13560" s="1" t="s">
        <v>51519</v>
      </c>
      <c r="H13560" s="1" t="s">
        <v>51520</v>
      </c>
      <c r="I13560" s="1" t="s">
        <v>50458</v>
      </c>
      <c r="J13560" s="1" t="s">
        <v>51618</v>
      </c>
    </row>
    <row r="13561" spans="1:10" x14ac:dyDescent="0.35">
      <c r="A13561" s="1" t="s">
        <v>51515</v>
      </c>
      <c r="B13561" s="1" t="s">
        <v>50452</v>
      </c>
      <c r="C13561" s="1" t="s">
        <v>155</v>
      </c>
      <c r="D13561" s="1" t="s">
        <v>11807</v>
      </c>
      <c r="E13561" s="1" t="s">
        <v>51619</v>
      </c>
      <c r="F13561" s="1" t="s">
        <v>51620</v>
      </c>
      <c r="G13561" s="1" t="s">
        <v>51519</v>
      </c>
      <c r="H13561" s="1" t="s">
        <v>51520</v>
      </c>
      <c r="I13561" s="1" t="s">
        <v>50458</v>
      </c>
      <c r="J13561" s="1" t="s">
        <v>51621</v>
      </c>
    </row>
    <row r="13562" spans="1:10" x14ac:dyDescent="0.35">
      <c r="A13562" s="1" t="s">
        <v>51515</v>
      </c>
      <c r="B13562" s="1" t="s">
        <v>50452</v>
      </c>
      <c r="C13562" s="1" t="s">
        <v>160</v>
      </c>
      <c r="D13562" s="1" t="s">
        <v>35486</v>
      </c>
      <c r="E13562" s="1" t="s">
        <v>51622</v>
      </c>
      <c r="F13562" s="1" t="s">
        <v>51623</v>
      </c>
      <c r="G13562" s="1" t="s">
        <v>51519</v>
      </c>
      <c r="H13562" s="1" t="s">
        <v>51520</v>
      </c>
      <c r="I13562" s="1" t="s">
        <v>50458</v>
      </c>
      <c r="J13562" s="1" t="s">
        <v>51624</v>
      </c>
    </row>
    <row r="13563" spans="1:10" x14ac:dyDescent="0.35">
      <c r="A13563" s="1" t="s">
        <v>51515</v>
      </c>
      <c r="B13563" s="1" t="s">
        <v>50452</v>
      </c>
      <c r="C13563" s="1" t="s">
        <v>165</v>
      </c>
      <c r="D13563" s="1" t="s">
        <v>51625</v>
      </c>
      <c r="E13563" s="1" t="s">
        <v>51626</v>
      </c>
      <c r="F13563" s="1" t="s">
        <v>51627</v>
      </c>
      <c r="G13563" s="1" t="s">
        <v>51519</v>
      </c>
      <c r="H13563" s="1" t="s">
        <v>51520</v>
      </c>
      <c r="I13563" s="1" t="s">
        <v>50458</v>
      </c>
      <c r="J13563" s="1" t="s">
        <v>51628</v>
      </c>
    </row>
    <row r="13564" spans="1:10" x14ac:dyDescent="0.35">
      <c r="A13564" s="1" t="s">
        <v>51515</v>
      </c>
      <c r="B13564" s="1" t="s">
        <v>50452</v>
      </c>
      <c r="C13564" s="1" t="s">
        <v>170</v>
      </c>
      <c r="D13564" s="1" t="s">
        <v>51629</v>
      </c>
      <c r="E13564" s="1" t="s">
        <v>51630</v>
      </c>
      <c r="F13564" s="1" t="s">
        <v>51631</v>
      </c>
      <c r="G13564" s="1" t="s">
        <v>51519</v>
      </c>
      <c r="H13564" s="1" t="s">
        <v>51520</v>
      </c>
      <c r="I13564" s="1" t="s">
        <v>50458</v>
      </c>
      <c r="J13564" s="1" t="s">
        <v>51632</v>
      </c>
    </row>
    <row r="13565" spans="1:10" x14ac:dyDescent="0.35">
      <c r="A13565" s="1" t="s">
        <v>13751</v>
      </c>
      <c r="B13565" s="1" t="s">
        <v>50452</v>
      </c>
      <c r="C13565" s="1" t="s">
        <v>8</v>
      </c>
      <c r="D13565" s="1" t="s">
        <v>50796</v>
      </c>
      <c r="E13565" s="1" t="s">
        <v>51633</v>
      </c>
      <c r="F13565" s="1" t="s">
        <v>51634</v>
      </c>
      <c r="G13565" s="1" t="s">
        <v>51635</v>
      </c>
      <c r="H13565" s="1" t="s">
        <v>51636</v>
      </c>
      <c r="I13565" s="1" t="s">
        <v>50458</v>
      </c>
      <c r="J13565" s="1" t="s">
        <v>13</v>
      </c>
    </row>
    <row r="13566" spans="1:10" x14ac:dyDescent="0.35">
      <c r="A13566" s="1" t="s">
        <v>13751</v>
      </c>
      <c r="B13566" s="1" t="s">
        <v>50452</v>
      </c>
      <c r="C13566" s="1" t="s">
        <v>15</v>
      </c>
      <c r="D13566" s="1" t="s">
        <v>50800</v>
      </c>
      <c r="E13566" s="1" t="s">
        <v>51637</v>
      </c>
      <c r="F13566" s="1" t="s">
        <v>51638</v>
      </c>
      <c r="G13566" s="1" t="s">
        <v>51635</v>
      </c>
      <c r="H13566" s="1" t="s">
        <v>51636</v>
      </c>
      <c r="I13566" s="1" t="s">
        <v>50458</v>
      </c>
      <c r="J13566" s="1" t="s">
        <v>50802</v>
      </c>
    </row>
    <row r="13567" spans="1:10" x14ac:dyDescent="0.35">
      <c r="A13567" s="1" t="s">
        <v>13751</v>
      </c>
      <c r="B13567" s="1" t="s">
        <v>50452</v>
      </c>
      <c r="C13567" s="1" t="s">
        <v>20</v>
      </c>
      <c r="D13567" s="1" t="s">
        <v>35362</v>
      </c>
      <c r="E13567" s="1" t="s">
        <v>51639</v>
      </c>
      <c r="F13567" s="1" t="s">
        <v>51640</v>
      </c>
      <c r="G13567" s="1" t="s">
        <v>51635</v>
      </c>
      <c r="H13567" s="1" t="s">
        <v>51636</v>
      </c>
      <c r="I13567" s="1" t="s">
        <v>50458</v>
      </c>
      <c r="J13567" s="1" t="s">
        <v>50805</v>
      </c>
    </row>
    <row r="13568" spans="1:10" x14ac:dyDescent="0.35">
      <c r="A13568" s="1" t="s">
        <v>13751</v>
      </c>
      <c r="B13568" s="1" t="s">
        <v>50452</v>
      </c>
      <c r="C13568" s="1" t="s">
        <v>25</v>
      </c>
      <c r="D13568" s="1" t="s">
        <v>50806</v>
      </c>
      <c r="E13568" s="1" t="s">
        <v>51641</v>
      </c>
      <c r="F13568" s="1" t="s">
        <v>51642</v>
      </c>
      <c r="G13568" s="1" t="s">
        <v>51635</v>
      </c>
      <c r="H13568" s="1" t="s">
        <v>51636</v>
      </c>
      <c r="I13568" s="1" t="s">
        <v>50458</v>
      </c>
      <c r="J13568" s="1" t="s">
        <v>50809</v>
      </c>
    </row>
    <row r="13569" spans="1:10" x14ac:dyDescent="0.35">
      <c r="A13569" s="1" t="s">
        <v>13751</v>
      </c>
      <c r="B13569" s="1" t="s">
        <v>50452</v>
      </c>
      <c r="C13569" s="1" t="s">
        <v>30</v>
      </c>
      <c r="D13569" s="1" t="s">
        <v>50810</v>
      </c>
      <c r="E13569" s="1" t="s">
        <v>51643</v>
      </c>
      <c r="F13569" s="1" t="s">
        <v>51644</v>
      </c>
      <c r="G13569" s="1" t="s">
        <v>51635</v>
      </c>
      <c r="H13569" s="1" t="s">
        <v>51636</v>
      </c>
      <c r="I13569" s="1" t="s">
        <v>50458</v>
      </c>
      <c r="J13569" s="1" t="s">
        <v>50812</v>
      </c>
    </row>
    <row r="13570" spans="1:10" x14ac:dyDescent="0.35">
      <c r="A13570" s="1" t="s">
        <v>13751</v>
      </c>
      <c r="B13570" s="1" t="s">
        <v>50452</v>
      </c>
      <c r="C13570" s="1" t="s">
        <v>35</v>
      </c>
      <c r="D13570" s="1" t="s">
        <v>29410</v>
      </c>
      <c r="E13570" s="1" t="s">
        <v>51645</v>
      </c>
      <c r="F13570" s="1" t="s">
        <v>51646</v>
      </c>
      <c r="G13570" s="1" t="s">
        <v>51635</v>
      </c>
      <c r="H13570" s="1" t="s">
        <v>51636</v>
      </c>
      <c r="I13570" s="1" t="s">
        <v>50458</v>
      </c>
      <c r="J13570" s="1" t="s">
        <v>50815</v>
      </c>
    </row>
    <row r="13571" spans="1:10" x14ac:dyDescent="0.35">
      <c r="A13571" s="1" t="s">
        <v>13751</v>
      </c>
      <c r="B13571" s="1" t="s">
        <v>50452</v>
      </c>
      <c r="C13571" s="1" t="s">
        <v>40</v>
      </c>
      <c r="D13571" s="1" t="s">
        <v>27903</v>
      </c>
      <c r="E13571" s="1" t="s">
        <v>51647</v>
      </c>
      <c r="F13571" s="1" t="s">
        <v>51648</v>
      </c>
      <c r="G13571" s="1" t="s">
        <v>51635</v>
      </c>
      <c r="H13571" s="1" t="s">
        <v>51636</v>
      </c>
      <c r="I13571" s="1" t="s">
        <v>50458</v>
      </c>
      <c r="J13571" s="1" t="s">
        <v>50818</v>
      </c>
    </row>
    <row r="13572" spans="1:10" x14ac:dyDescent="0.35">
      <c r="A13572" s="1" t="s">
        <v>13751</v>
      </c>
      <c r="B13572" s="1" t="s">
        <v>50452</v>
      </c>
      <c r="C13572" s="1" t="s">
        <v>45</v>
      </c>
      <c r="D13572" s="1" t="s">
        <v>50819</v>
      </c>
      <c r="E13572" s="1" t="s">
        <v>50856</v>
      </c>
      <c r="F13572" s="1" t="s">
        <v>51649</v>
      </c>
      <c r="G13572" s="1" t="s">
        <v>51635</v>
      </c>
      <c r="H13572" s="1" t="s">
        <v>51636</v>
      </c>
      <c r="I13572" s="1" t="s">
        <v>50458</v>
      </c>
      <c r="J13572" s="1" t="s">
        <v>50822</v>
      </c>
    </row>
    <row r="13573" spans="1:10" x14ac:dyDescent="0.35">
      <c r="A13573" s="1" t="s">
        <v>13751</v>
      </c>
      <c r="B13573" s="1" t="s">
        <v>50452</v>
      </c>
      <c r="C13573" s="1" t="s">
        <v>50</v>
      </c>
      <c r="D13573" s="1" t="s">
        <v>15860</v>
      </c>
      <c r="E13573" s="1" t="s">
        <v>50832</v>
      </c>
      <c r="F13573" s="1" t="s">
        <v>51650</v>
      </c>
      <c r="G13573" s="1" t="s">
        <v>51635</v>
      </c>
      <c r="H13573" s="1" t="s">
        <v>51636</v>
      </c>
      <c r="I13573" s="1" t="s">
        <v>50458</v>
      </c>
      <c r="J13573" s="1" t="s">
        <v>50825</v>
      </c>
    </row>
    <row r="13574" spans="1:10" x14ac:dyDescent="0.35">
      <c r="A13574" s="1" t="s">
        <v>13751</v>
      </c>
      <c r="B13574" s="1" t="s">
        <v>50452</v>
      </c>
      <c r="C13574" s="1" t="s">
        <v>55</v>
      </c>
      <c r="D13574" s="1" t="s">
        <v>50826</v>
      </c>
      <c r="E13574" s="1" t="s">
        <v>51651</v>
      </c>
      <c r="F13574" s="1" t="s">
        <v>51652</v>
      </c>
      <c r="G13574" s="1" t="s">
        <v>51635</v>
      </c>
      <c r="H13574" s="1" t="s">
        <v>51636</v>
      </c>
      <c r="I13574" s="1" t="s">
        <v>50458</v>
      </c>
      <c r="J13574" s="1" t="s">
        <v>50828</v>
      </c>
    </row>
    <row r="13575" spans="1:10" x14ac:dyDescent="0.35">
      <c r="A13575" s="1" t="s">
        <v>13751</v>
      </c>
      <c r="B13575" s="1" t="s">
        <v>50452</v>
      </c>
      <c r="C13575" s="1" t="s">
        <v>60</v>
      </c>
      <c r="D13575" s="1" t="s">
        <v>50829</v>
      </c>
      <c r="E13575" s="1" t="s">
        <v>51653</v>
      </c>
      <c r="F13575" s="1" t="s">
        <v>51654</v>
      </c>
      <c r="G13575" s="1" t="s">
        <v>51635</v>
      </c>
      <c r="H13575" s="1" t="s">
        <v>51636</v>
      </c>
      <c r="I13575" s="1" t="s">
        <v>50458</v>
      </c>
      <c r="J13575" s="1" t="s">
        <v>50831</v>
      </c>
    </row>
    <row r="13576" spans="1:10" x14ac:dyDescent="0.35">
      <c r="A13576" s="1" t="s">
        <v>13751</v>
      </c>
      <c r="B13576" s="1" t="s">
        <v>50452</v>
      </c>
      <c r="C13576" s="1" t="s">
        <v>65</v>
      </c>
      <c r="D13576" s="1" t="s">
        <v>15732</v>
      </c>
      <c r="E13576" s="1" t="s">
        <v>51655</v>
      </c>
      <c r="F13576" s="1" t="s">
        <v>51656</v>
      </c>
      <c r="G13576" s="1" t="s">
        <v>51635</v>
      </c>
      <c r="H13576" s="1" t="s">
        <v>51636</v>
      </c>
      <c r="I13576" s="1" t="s">
        <v>50458</v>
      </c>
      <c r="J13576" s="1" t="s">
        <v>50834</v>
      </c>
    </row>
    <row r="13577" spans="1:10" x14ac:dyDescent="0.35">
      <c r="A13577" s="1" t="s">
        <v>13751</v>
      </c>
      <c r="B13577" s="1" t="s">
        <v>50452</v>
      </c>
      <c r="C13577" s="1" t="s">
        <v>70</v>
      </c>
      <c r="D13577" s="1" t="s">
        <v>50835</v>
      </c>
      <c r="E13577" s="1" t="s">
        <v>51657</v>
      </c>
      <c r="F13577" s="1" t="s">
        <v>51658</v>
      </c>
      <c r="G13577" s="1" t="s">
        <v>51635</v>
      </c>
      <c r="H13577" s="1" t="s">
        <v>51636</v>
      </c>
      <c r="I13577" s="1" t="s">
        <v>50458</v>
      </c>
      <c r="J13577" s="1" t="s">
        <v>50838</v>
      </c>
    </row>
    <row r="13578" spans="1:10" x14ac:dyDescent="0.35">
      <c r="A13578" s="1" t="s">
        <v>13751</v>
      </c>
      <c r="B13578" s="1" t="s">
        <v>50452</v>
      </c>
      <c r="C13578" s="1" t="s">
        <v>75</v>
      </c>
      <c r="D13578" s="1" t="s">
        <v>50839</v>
      </c>
      <c r="E13578" s="1" t="s">
        <v>51659</v>
      </c>
      <c r="F13578" s="1" t="s">
        <v>51660</v>
      </c>
      <c r="G13578" s="1" t="s">
        <v>51635</v>
      </c>
      <c r="H13578" s="1" t="s">
        <v>51636</v>
      </c>
      <c r="I13578" s="1" t="s">
        <v>50458</v>
      </c>
      <c r="J13578" s="1" t="s">
        <v>50842</v>
      </c>
    </row>
    <row r="13579" spans="1:10" x14ac:dyDescent="0.35">
      <c r="A13579" s="1" t="s">
        <v>13751</v>
      </c>
      <c r="B13579" s="1" t="s">
        <v>50452</v>
      </c>
      <c r="C13579" s="1" t="s">
        <v>80</v>
      </c>
      <c r="D13579" s="1" t="s">
        <v>35583</v>
      </c>
      <c r="E13579" s="1" t="s">
        <v>51661</v>
      </c>
      <c r="F13579" s="1" t="s">
        <v>51662</v>
      </c>
      <c r="G13579" s="1" t="s">
        <v>51635</v>
      </c>
      <c r="H13579" s="1" t="s">
        <v>51636</v>
      </c>
      <c r="I13579" s="1" t="s">
        <v>50458</v>
      </c>
      <c r="J13579" s="1" t="s">
        <v>50845</v>
      </c>
    </row>
    <row r="13580" spans="1:10" x14ac:dyDescent="0.35">
      <c r="A13580" s="1" t="s">
        <v>13751</v>
      </c>
      <c r="B13580" s="1" t="s">
        <v>50452</v>
      </c>
      <c r="C13580" s="1" t="s">
        <v>85</v>
      </c>
      <c r="D13580" s="1" t="s">
        <v>50846</v>
      </c>
      <c r="E13580" s="1" t="s">
        <v>51663</v>
      </c>
      <c r="F13580" s="1" t="s">
        <v>51664</v>
      </c>
      <c r="G13580" s="1" t="s">
        <v>51635</v>
      </c>
      <c r="H13580" s="1" t="s">
        <v>51636</v>
      </c>
      <c r="I13580" s="1" t="s">
        <v>50458</v>
      </c>
      <c r="J13580" s="1" t="s">
        <v>50848</v>
      </c>
    </row>
    <row r="13581" spans="1:10" x14ac:dyDescent="0.35">
      <c r="A13581" s="1" t="s">
        <v>13751</v>
      </c>
      <c r="B13581" s="1" t="s">
        <v>50452</v>
      </c>
      <c r="C13581" s="1" t="s">
        <v>90</v>
      </c>
      <c r="D13581" s="1" t="s">
        <v>50849</v>
      </c>
      <c r="E13581" s="1" t="s">
        <v>51665</v>
      </c>
      <c r="F13581" s="1" t="s">
        <v>51666</v>
      </c>
      <c r="G13581" s="1" t="s">
        <v>51635</v>
      </c>
      <c r="H13581" s="1" t="s">
        <v>51636</v>
      </c>
      <c r="I13581" s="1" t="s">
        <v>50458</v>
      </c>
      <c r="J13581" s="1" t="s">
        <v>50851</v>
      </c>
    </row>
    <row r="13582" spans="1:10" x14ac:dyDescent="0.35">
      <c r="A13582" s="1" t="s">
        <v>13751</v>
      </c>
      <c r="B13582" s="1" t="s">
        <v>50452</v>
      </c>
      <c r="C13582" s="1" t="s">
        <v>95</v>
      </c>
      <c r="D13582" s="1" t="s">
        <v>50852</v>
      </c>
      <c r="E13582" s="1" t="s">
        <v>51667</v>
      </c>
      <c r="F13582" s="1" t="s">
        <v>51668</v>
      </c>
      <c r="G13582" s="1" t="s">
        <v>51635</v>
      </c>
      <c r="H13582" s="1" t="s">
        <v>51636</v>
      </c>
      <c r="I13582" s="1" t="s">
        <v>50458</v>
      </c>
      <c r="J13582" s="1" t="s">
        <v>50854</v>
      </c>
    </row>
    <row r="13583" spans="1:10" x14ac:dyDescent="0.35">
      <c r="A13583" s="1" t="s">
        <v>13751</v>
      </c>
      <c r="B13583" s="1" t="s">
        <v>50452</v>
      </c>
      <c r="C13583" s="1" t="s">
        <v>100</v>
      </c>
      <c r="D13583" s="1" t="s">
        <v>50855</v>
      </c>
      <c r="E13583" s="1" t="s">
        <v>51669</v>
      </c>
      <c r="F13583" s="1" t="s">
        <v>51670</v>
      </c>
      <c r="G13583" s="1" t="s">
        <v>51635</v>
      </c>
      <c r="H13583" s="1" t="s">
        <v>51636</v>
      </c>
      <c r="I13583" s="1" t="s">
        <v>50458</v>
      </c>
      <c r="J13583" s="1" t="s">
        <v>50858</v>
      </c>
    </row>
    <row r="13584" spans="1:10" x14ac:dyDescent="0.35">
      <c r="A13584" s="1" t="s">
        <v>13751</v>
      </c>
      <c r="B13584" s="1" t="s">
        <v>50452</v>
      </c>
      <c r="C13584" s="1" t="s">
        <v>105</v>
      </c>
      <c r="D13584" s="1" t="s">
        <v>50859</v>
      </c>
      <c r="E13584" s="1" t="s">
        <v>51671</v>
      </c>
      <c r="F13584" s="1" t="s">
        <v>51672</v>
      </c>
      <c r="G13584" s="1" t="s">
        <v>51635</v>
      </c>
      <c r="H13584" s="1" t="s">
        <v>51636</v>
      </c>
      <c r="I13584" s="1" t="s">
        <v>50458</v>
      </c>
      <c r="J13584" s="1" t="s">
        <v>50861</v>
      </c>
    </row>
    <row r="13585" spans="1:10" x14ac:dyDescent="0.35">
      <c r="A13585" s="1" t="s">
        <v>13751</v>
      </c>
      <c r="B13585" s="1" t="s">
        <v>50452</v>
      </c>
      <c r="C13585" s="1" t="s">
        <v>110</v>
      </c>
      <c r="D13585" s="1" t="s">
        <v>50862</v>
      </c>
      <c r="E13585" s="1" t="s">
        <v>51673</v>
      </c>
      <c r="F13585" s="1" t="s">
        <v>51674</v>
      </c>
      <c r="G13585" s="1" t="s">
        <v>51635</v>
      </c>
      <c r="H13585" s="1" t="s">
        <v>51636</v>
      </c>
      <c r="I13585" s="1" t="s">
        <v>50458</v>
      </c>
      <c r="J13585" s="1" t="s">
        <v>50864</v>
      </c>
    </row>
    <row r="13586" spans="1:10" x14ac:dyDescent="0.35">
      <c r="A13586" s="1" t="s">
        <v>13751</v>
      </c>
      <c r="B13586" s="1" t="s">
        <v>50452</v>
      </c>
      <c r="C13586" s="1" t="s">
        <v>115</v>
      </c>
      <c r="D13586" s="1" t="s">
        <v>50865</v>
      </c>
      <c r="E13586" s="1" t="s">
        <v>51675</v>
      </c>
      <c r="F13586" s="1" t="s">
        <v>51676</v>
      </c>
      <c r="G13586" s="1" t="s">
        <v>51635</v>
      </c>
      <c r="H13586" s="1" t="s">
        <v>51636</v>
      </c>
      <c r="I13586" s="1" t="s">
        <v>50458</v>
      </c>
      <c r="J13586" s="1" t="s">
        <v>50866</v>
      </c>
    </row>
    <row r="13587" spans="1:10" x14ac:dyDescent="0.35">
      <c r="A13587" s="1" t="s">
        <v>13751</v>
      </c>
      <c r="B13587" s="1" t="s">
        <v>50452</v>
      </c>
      <c r="C13587" s="1" t="s">
        <v>120</v>
      </c>
      <c r="D13587" s="1" t="s">
        <v>50867</v>
      </c>
      <c r="E13587" s="1" t="s">
        <v>51677</v>
      </c>
      <c r="F13587" s="1" t="s">
        <v>51678</v>
      </c>
      <c r="G13587" s="1" t="s">
        <v>51635</v>
      </c>
      <c r="H13587" s="1" t="s">
        <v>51636</v>
      </c>
      <c r="I13587" s="1" t="s">
        <v>50458</v>
      </c>
      <c r="J13587" s="1" t="s">
        <v>50869</v>
      </c>
    </row>
    <row r="13588" spans="1:10" x14ac:dyDescent="0.35">
      <c r="A13588" s="1" t="s">
        <v>13751</v>
      </c>
      <c r="B13588" s="1" t="s">
        <v>50452</v>
      </c>
      <c r="C13588" s="1" t="s">
        <v>125</v>
      </c>
      <c r="D13588" s="1" t="s">
        <v>50870</v>
      </c>
      <c r="E13588" s="1" t="s">
        <v>51679</v>
      </c>
      <c r="F13588" s="1" t="s">
        <v>51680</v>
      </c>
      <c r="G13588" s="1" t="s">
        <v>51635</v>
      </c>
      <c r="H13588" s="1" t="s">
        <v>51636</v>
      </c>
      <c r="I13588" s="1" t="s">
        <v>50458</v>
      </c>
      <c r="J13588" s="1" t="s">
        <v>50873</v>
      </c>
    </row>
    <row r="13589" spans="1:10" x14ac:dyDescent="0.35">
      <c r="A13589" s="1" t="s">
        <v>13751</v>
      </c>
      <c r="B13589" s="1" t="s">
        <v>50452</v>
      </c>
      <c r="C13589" s="1" t="s">
        <v>130</v>
      </c>
      <c r="D13589" s="1" t="s">
        <v>50874</v>
      </c>
      <c r="E13589" s="1" t="s">
        <v>50843</v>
      </c>
      <c r="F13589" s="1" t="s">
        <v>51681</v>
      </c>
      <c r="G13589" s="1" t="s">
        <v>51635</v>
      </c>
      <c r="H13589" s="1" t="s">
        <v>51636</v>
      </c>
      <c r="I13589" s="1" t="s">
        <v>50458</v>
      </c>
      <c r="J13589" s="1" t="s">
        <v>50877</v>
      </c>
    </row>
    <row r="13590" spans="1:10" x14ac:dyDescent="0.35">
      <c r="A13590" s="1" t="s">
        <v>13751</v>
      </c>
      <c r="B13590" s="1" t="s">
        <v>50452</v>
      </c>
      <c r="C13590" s="1" t="s">
        <v>135</v>
      </c>
      <c r="D13590" s="1" t="s">
        <v>50878</v>
      </c>
      <c r="E13590" s="1" t="s">
        <v>51682</v>
      </c>
      <c r="F13590" s="1" t="s">
        <v>51683</v>
      </c>
      <c r="G13590" s="1" t="s">
        <v>51635</v>
      </c>
      <c r="H13590" s="1" t="s">
        <v>51636</v>
      </c>
      <c r="I13590" s="1" t="s">
        <v>50458</v>
      </c>
      <c r="J13590" s="1" t="s">
        <v>50881</v>
      </c>
    </row>
    <row r="13591" spans="1:10" x14ac:dyDescent="0.35">
      <c r="A13591" s="1" t="s">
        <v>13751</v>
      </c>
      <c r="B13591" s="1" t="s">
        <v>50452</v>
      </c>
      <c r="C13591" s="1" t="s">
        <v>140</v>
      </c>
      <c r="D13591" s="1" t="s">
        <v>50882</v>
      </c>
      <c r="E13591" s="1" t="s">
        <v>51684</v>
      </c>
      <c r="F13591" s="1" t="s">
        <v>51685</v>
      </c>
      <c r="G13591" s="1" t="s">
        <v>51635</v>
      </c>
      <c r="H13591" s="1" t="s">
        <v>51636</v>
      </c>
      <c r="I13591" s="1" t="s">
        <v>50458</v>
      </c>
      <c r="J13591" s="1" t="s">
        <v>50885</v>
      </c>
    </row>
    <row r="13592" spans="1:10" x14ac:dyDescent="0.35">
      <c r="A13592" s="1" t="s">
        <v>13751</v>
      </c>
      <c r="B13592" s="1" t="s">
        <v>50452</v>
      </c>
      <c r="C13592" s="1" t="s">
        <v>145</v>
      </c>
      <c r="D13592" s="1" t="s">
        <v>50886</v>
      </c>
      <c r="E13592" s="1" t="s">
        <v>51686</v>
      </c>
      <c r="F13592" s="1" t="s">
        <v>51687</v>
      </c>
      <c r="G13592" s="1" t="s">
        <v>51635</v>
      </c>
      <c r="H13592" s="1" t="s">
        <v>51636</v>
      </c>
      <c r="I13592" s="1" t="s">
        <v>50458</v>
      </c>
      <c r="J13592" s="1" t="s">
        <v>50888</v>
      </c>
    </row>
    <row r="13593" spans="1:10" x14ac:dyDescent="0.35">
      <c r="A13593" s="1" t="s">
        <v>13751</v>
      </c>
      <c r="B13593" s="1" t="s">
        <v>50452</v>
      </c>
      <c r="C13593" s="1" t="s">
        <v>150</v>
      </c>
      <c r="D13593" s="1" t="s">
        <v>50889</v>
      </c>
      <c r="E13593" s="1" t="s">
        <v>51688</v>
      </c>
      <c r="F13593" s="1" t="s">
        <v>51689</v>
      </c>
      <c r="G13593" s="1" t="s">
        <v>51635</v>
      </c>
      <c r="H13593" s="1" t="s">
        <v>51636</v>
      </c>
      <c r="I13593" s="1" t="s">
        <v>50458</v>
      </c>
      <c r="J13593" s="1" t="s">
        <v>50892</v>
      </c>
    </row>
    <row r="13594" spans="1:10" x14ac:dyDescent="0.35">
      <c r="A13594" s="1" t="s">
        <v>13751</v>
      </c>
      <c r="B13594" s="1" t="s">
        <v>50452</v>
      </c>
      <c r="C13594" s="1" t="s">
        <v>155</v>
      </c>
      <c r="D13594" s="1" t="s">
        <v>50893</v>
      </c>
      <c r="E13594" s="1" t="s">
        <v>51690</v>
      </c>
      <c r="F13594" s="1" t="s">
        <v>51691</v>
      </c>
      <c r="G13594" s="1" t="s">
        <v>51635</v>
      </c>
      <c r="H13594" s="1" t="s">
        <v>51636</v>
      </c>
      <c r="I13594" s="1" t="s">
        <v>50458</v>
      </c>
      <c r="J13594" s="1" t="s">
        <v>50896</v>
      </c>
    </row>
    <row r="13595" spans="1:10" x14ac:dyDescent="0.35">
      <c r="A13595" s="1" t="s">
        <v>13751</v>
      </c>
      <c r="B13595" s="1" t="s">
        <v>50452</v>
      </c>
      <c r="C13595" s="1" t="s">
        <v>160</v>
      </c>
      <c r="D13595" s="1" t="s">
        <v>50897</v>
      </c>
      <c r="E13595" s="1" t="s">
        <v>51692</v>
      </c>
      <c r="F13595" s="1" t="s">
        <v>51693</v>
      </c>
      <c r="G13595" s="1" t="s">
        <v>51635</v>
      </c>
      <c r="H13595" s="1" t="s">
        <v>51636</v>
      </c>
      <c r="I13595" s="1" t="s">
        <v>50458</v>
      </c>
      <c r="J13595" s="1" t="s">
        <v>50899</v>
      </c>
    </row>
    <row r="13596" spans="1:10" x14ac:dyDescent="0.35">
      <c r="A13596" s="1" t="s">
        <v>13751</v>
      </c>
      <c r="B13596" s="1" t="s">
        <v>50452</v>
      </c>
      <c r="C13596" s="1" t="s">
        <v>165</v>
      </c>
      <c r="D13596" s="1" t="s">
        <v>50900</v>
      </c>
      <c r="E13596" s="1" t="s">
        <v>51694</v>
      </c>
      <c r="F13596" s="1" t="s">
        <v>51695</v>
      </c>
      <c r="G13596" s="1" t="s">
        <v>51635</v>
      </c>
      <c r="H13596" s="1" t="s">
        <v>51636</v>
      </c>
      <c r="I13596" s="1" t="s">
        <v>50458</v>
      </c>
      <c r="J13596" s="1" t="s">
        <v>50902</v>
      </c>
    </row>
    <row r="13597" spans="1:10" x14ac:dyDescent="0.35">
      <c r="A13597" s="1" t="s">
        <v>13751</v>
      </c>
      <c r="B13597" s="1" t="s">
        <v>50452</v>
      </c>
      <c r="C13597" s="1" t="s">
        <v>170</v>
      </c>
      <c r="D13597" s="1" t="s">
        <v>50903</v>
      </c>
      <c r="E13597" s="1" t="s">
        <v>51696</v>
      </c>
      <c r="F13597" s="1" t="s">
        <v>51697</v>
      </c>
      <c r="G13597" s="1" t="s">
        <v>51635</v>
      </c>
      <c r="H13597" s="1" t="s">
        <v>51636</v>
      </c>
      <c r="I13597" s="1" t="s">
        <v>50458</v>
      </c>
      <c r="J13597" s="1" t="s">
        <v>50905</v>
      </c>
    </row>
    <row r="13598" spans="1:10" x14ac:dyDescent="0.35">
      <c r="A13598" s="1" t="s">
        <v>51698</v>
      </c>
      <c r="B13598" s="1" t="s">
        <v>50452</v>
      </c>
      <c r="C13598" s="1" t="s">
        <v>8</v>
      </c>
      <c r="D13598" s="1" t="s">
        <v>51699</v>
      </c>
      <c r="E13598" s="1" t="s">
        <v>51700</v>
      </c>
      <c r="F13598" s="1" t="s">
        <v>51701</v>
      </c>
      <c r="G13598" s="1" t="s">
        <v>51702</v>
      </c>
      <c r="H13598" s="1" t="s">
        <v>51703</v>
      </c>
      <c r="I13598" s="1" t="s">
        <v>50458</v>
      </c>
      <c r="J13598" s="1" t="s">
        <v>13</v>
      </c>
    </row>
    <row r="13599" spans="1:10" x14ac:dyDescent="0.35">
      <c r="A13599" s="1" t="s">
        <v>51698</v>
      </c>
      <c r="B13599" s="1" t="s">
        <v>50452</v>
      </c>
      <c r="C13599" s="1" t="s">
        <v>15</v>
      </c>
      <c r="D13599" s="1" t="s">
        <v>49407</v>
      </c>
      <c r="E13599" s="1" t="s">
        <v>51704</v>
      </c>
      <c r="F13599" s="1" t="s">
        <v>51705</v>
      </c>
      <c r="G13599" s="1" t="s">
        <v>51702</v>
      </c>
      <c r="H13599" s="1" t="s">
        <v>51703</v>
      </c>
      <c r="I13599" s="1" t="s">
        <v>50458</v>
      </c>
      <c r="J13599" s="1" t="s">
        <v>51706</v>
      </c>
    </row>
    <row r="13600" spans="1:10" x14ac:dyDescent="0.35">
      <c r="A13600" s="1" t="s">
        <v>51698</v>
      </c>
      <c r="B13600" s="1" t="s">
        <v>50452</v>
      </c>
      <c r="C13600" s="1" t="s">
        <v>20</v>
      </c>
      <c r="D13600" s="1" t="s">
        <v>51707</v>
      </c>
      <c r="E13600" s="1" t="s">
        <v>51708</v>
      </c>
      <c r="F13600" s="1" t="s">
        <v>51709</v>
      </c>
      <c r="G13600" s="1" t="s">
        <v>51702</v>
      </c>
      <c r="H13600" s="1" t="s">
        <v>51703</v>
      </c>
      <c r="I13600" s="1" t="s">
        <v>50458</v>
      </c>
      <c r="J13600" s="1" t="s">
        <v>51710</v>
      </c>
    </row>
    <row r="13601" spans="1:10" x14ac:dyDescent="0.35">
      <c r="A13601" s="1" t="s">
        <v>51698</v>
      </c>
      <c r="B13601" s="1" t="s">
        <v>50452</v>
      </c>
      <c r="C13601" s="1" t="s">
        <v>25</v>
      </c>
      <c r="D13601" s="1" t="s">
        <v>9320</v>
      </c>
      <c r="E13601" s="1" t="s">
        <v>51711</v>
      </c>
      <c r="F13601" s="1" t="s">
        <v>51712</v>
      </c>
      <c r="G13601" s="1" t="s">
        <v>51702</v>
      </c>
      <c r="H13601" s="1" t="s">
        <v>51703</v>
      </c>
      <c r="I13601" s="1" t="s">
        <v>50458</v>
      </c>
      <c r="J13601" s="1" t="s">
        <v>51713</v>
      </c>
    </row>
    <row r="13602" spans="1:10" x14ac:dyDescent="0.35">
      <c r="A13602" s="1" t="s">
        <v>51698</v>
      </c>
      <c r="B13602" s="1" t="s">
        <v>50452</v>
      </c>
      <c r="C13602" s="1" t="s">
        <v>30</v>
      </c>
      <c r="D13602" s="1" t="s">
        <v>51714</v>
      </c>
      <c r="E13602" s="1" t="s">
        <v>51715</v>
      </c>
      <c r="F13602" s="1" t="s">
        <v>51716</v>
      </c>
      <c r="G13602" s="1" t="s">
        <v>51702</v>
      </c>
      <c r="H13602" s="1" t="s">
        <v>51703</v>
      </c>
      <c r="I13602" s="1" t="s">
        <v>50458</v>
      </c>
      <c r="J13602" s="1" t="s">
        <v>51717</v>
      </c>
    </row>
    <row r="13603" spans="1:10" x14ac:dyDescent="0.35">
      <c r="A13603" s="1" t="s">
        <v>51698</v>
      </c>
      <c r="B13603" s="1" t="s">
        <v>50452</v>
      </c>
      <c r="C13603" s="1" t="s">
        <v>35</v>
      </c>
      <c r="D13603" s="1" t="s">
        <v>50700</v>
      </c>
      <c r="E13603" s="1" t="s">
        <v>51718</v>
      </c>
      <c r="F13603" s="1" t="s">
        <v>51719</v>
      </c>
      <c r="G13603" s="1" t="s">
        <v>51702</v>
      </c>
      <c r="H13603" s="1" t="s">
        <v>51703</v>
      </c>
      <c r="I13603" s="1" t="s">
        <v>50458</v>
      </c>
      <c r="J13603" s="1" t="s">
        <v>51720</v>
      </c>
    </row>
    <row r="13604" spans="1:10" x14ac:dyDescent="0.35">
      <c r="A13604" s="1" t="s">
        <v>51698</v>
      </c>
      <c r="B13604" s="1" t="s">
        <v>50452</v>
      </c>
      <c r="C13604" s="1" t="s">
        <v>40</v>
      </c>
      <c r="D13604" s="1" t="s">
        <v>51721</v>
      </c>
      <c r="E13604" s="1" t="s">
        <v>51722</v>
      </c>
      <c r="F13604" s="1" t="s">
        <v>51723</v>
      </c>
      <c r="G13604" s="1" t="s">
        <v>51702</v>
      </c>
      <c r="H13604" s="1" t="s">
        <v>51703</v>
      </c>
      <c r="I13604" s="1" t="s">
        <v>50458</v>
      </c>
      <c r="J13604" s="1" t="s">
        <v>51724</v>
      </c>
    </row>
    <row r="13605" spans="1:10" x14ac:dyDescent="0.35">
      <c r="A13605" s="1" t="s">
        <v>51698</v>
      </c>
      <c r="B13605" s="1" t="s">
        <v>50452</v>
      </c>
      <c r="C13605" s="1" t="s">
        <v>45</v>
      </c>
      <c r="D13605" s="1" t="s">
        <v>51725</v>
      </c>
      <c r="E13605" s="1" t="s">
        <v>51726</v>
      </c>
      <c r="F13605" s="1" t="s">
        <v>51727</v>
      </c>
      <c r="G13605" s="1" t="s">
        <v>51702</v>
      </c>
      <c r="H13605" s="1" t="s">
        <v>51703</v>
      </c>
      <c r="I13605" s="1" t="s">
        <v>50458</v>
      </c>
      <c r="J13605" s="1" t="s">
        <v>51728</v>
      </c>
    </row>
    <row r="13606" spans="1:10" x14ac:dyDescent="0.35">
      <c r="A13606" s="1" t="s">
        <v>51698</v>
      </c>
      <c r="B13606" s="1" t="s">
        <v>50452</v>
      </c>
      <c r="C13606" s="1" t="s">
        <v>50</v>
      </c>
      <c r="D13606" s="1" t="s">
        <v>1926</v>
      </c>
      <c r="E13606" s="1" t="s">
        <v>51729</v>
      </c>
      <c r="F13606" s="1" t="s">
        <v>51730</v>
      </c>
      <c r="G13606" s="1" t="s">
        <v>51702</v>
      </c>
      <c r="H13606" s="1" t="s">
        <v>51703</v>
      </c>
      <c r="I13606" s="1" t="s">
        <v>50458</v>
      </c>
      <c r="J13606" s="1" t="s">
        <v>51731</v>
      </c>
    </row>
    <row r="13607" spans="1:10" x14ac:dyDescent="0.35">
      <c r="A13607" s="1" t="s">
        <v>51698</v>
      </c>
      <c r="B13607" s="1" t="s">
        <v>50452</v>
      </c>
      <c r="C13607" s="1" t="s">
        <v>55</v>
      </c>
      <c r="D13607" s="1" t="s">
        <v>1248</v>
      </c>
      <c r="E13607" s="1" t="s">
        <v>51732</v>
      </c>
      <c r="F13607" s="1" t="s">
        <v>51733</v>
      </c>
      <c r="G13607" s="1" t="s">
        <v>51702</v>
      </c>
      <c r="H13607" s="1" t="s">
        <v>51703</v>
      </c>
      <c r="I13607" s="1" t="s">
        <v>50458</v>
      </c>
      <c r="J13607" s="1" t="s">
        <v>51734</v>
      </c>
    </row>
    <row r="13608" spans="1:10" x14ac:dyDescent="0.35">
      <c r="A13608" s="1" t="s">
        <v>51698</v>
      </c>
      <c r="B13608" s="1" t="s">
        <v>50452</v>
      </c>
      <c r="C13608" s="1" t="s">
        <v>60</v>
      </c>
      <c r="D13608" s="1" t="s">
        <v>1248</v>
      </c>
      <c r="E13608" s="1" t="s">
        <v>51735</v>
      </c>
      <c r="F13608" s="1" t="s">
        <v>51736</v>
      </c>
      <c r="G13608" s="1" t="s">
        <v>51702</v>
      </c>
      <c r="H13608" s="1" t="s">
        <v>51703</v>
      </c>
      <c r="I13608" s="1" t="s">
        <v>50458</v>
      </c>
      <c r="J13608" s="1" t="s">
        <v>1180</v>
      </c>
    </row>
    <row r="13609" spans="1:10" x14ac:dyDescent="0.35">
      <c r="A13609" s="1" t="s">
        <v>51698</v>
      </c>
      <c r="B13609" s="1" t="s">
        <v>50452</v>
      </c>
      <c r="C13609" s="1" t="s">
        <v>65</v>
      </c>
      <c r="D13609" s="1" t="s">
        <v>13822</v>
      </c>
      <c r="E13609" s="1" t="s">
        <v>51737</v>
      </c>
      <c r="F13609" s="1" t="s">
        <v>51738</v>
      </c>
      <c r="G13609" s="1" t="s">
        <v>51702</v>
      </c>
      <c r="H13609" s="1" t="s">
        <v>51703</v>
      </c>
      <c r="I13609" s="1" t="s">
        <v>50458</v>
      </c>
      <c r="J13609" s="1" t="s">
        <v>51739</v>
      </c>
    </row>
    <row r="13610" spans="1:10" x14ac:dyDescent="0.35">
      <c r="A13610" s="1" t="s">
        <v>51698</v>
      </c>
      <c r="B13610" s="1" t="s">
        <v>50452</v>
      </c>
      <c r="C13610" s="1" t="s">
        <v>70</v>
      </c>
      <c r="D13610" s="1" t="s">
        <v>12115</v>
      </c>
      <c r="E13610" s="1" t="s">
        <v>51740</v>
      </c>
      <c r="F13610" s="1" t="s">
        <v>51741</v>
      </c>
      <c r="G13610" s="1" t="s">
        <v>51702</v>
      </c>
      <c r="H13610" s="1" t="s">
        <v>51703</v>
      </c>
      <c r="I13610" s="1" t="s">
        <v>50458</v>
      </c>
      <c r="J13610" s="1" t="s">
        <v>51742</v>
      </c>
    </row>
    <row r="13611" spans="1:10" x14ac:dyDescent="0.35">
      <c r="A13611" s="1" t="s">
        <v>51698</v>
      </c>
      <c r="B13611" s="1" t="s">
        <v>50452</v>
      </c>
      <c r="C13611" s="1" t="s">
        <v>75</v>
      </c>
      <c r="D13611" s="1" t="s">
        <v>5518</v>
      </c>
      <c r="E13611" s="1" t="s">
        <v>51743</v>
      </c>
      <c r="F13611" s="1" t="s">
        <v>51744</v>
      </c>
      <c r="G13611" s="1" t="s">
        <v>51702</v>
      </c>
      <c r="H13611" s="1" t="s">
        <v>51703</v>
      </c>
      <c r="I13611" s="1" t="s">
        <v>50458</v>
      </c>
      <c r="J13611" s="1" t="s">
        <v>51745</v>
      </c>
    </row>
    <row r="13612" spans="1:10" x14ac:dyDescent="0.35">
      <c r="A13612" s="1" t="s">
        <v>51698</v>
      </c>
      <c r="B13612" s="1" t="s">
        <v>50452</v>
      </c>
      <c r="C13612" s="1" t="s">
        <v>80</v>
      </c>
      <c r="D13612" s="1" t="s">
        <v>29549</v>
      </c>
      <c r="E13612" s="1" t="s">
        <v>51746</v>
      </c>
      <c r="F13612" s="1" t="s">
        <v>51747</v>
      </c>
      <c r="G13612" s="1" t="s">
        <v>51702</v>
      </c>
      <c r="H13612" s="1" t="s">
        <v>51703</v>
      </c>
      <c r="I13612" s="1" t="s">
        <v>50458</v>
      </c>
      <c r="J13612" s="1" t="s">
        <v>51748</v>
      </c>
    </row>
    <row r="13613" spans="1:10" x14ac:dyDescent="0.35">
      <c r="A13613" s="1" t="s">
        <v>51698</v>
      </c>
      <c r="B13613" s="1" t="s">
        <v>50452</v>
      </c>
      <c r="C13613" s="1" t="s">
        <v>85</v>
      </c>
      <c r="D13613" s="1" t="s">
        <v>51749</v>
      </c>
      <c r="E13613" s="1" t="s">
        <v>51750</v>
      </c>
      <c r="F13613" s="1" t="s">
        <v>51751</v>
      </c>
      <c r="G13613" s="1" t="s">
        <v>51702</v>
      </c>
      <c r="H13613" s="1" t="s">
        <v>51703</v>
      </c>
      <c r="I13613" s="1" t="s">
        <v>50458</v>
      </c>
      <c r="J13613" s="1" t="s">
        <v>51752</v>
      </c>
    </row>
    <row r="13614" spans="1:10" x14ac:dyDescent="0.35">
      <c r="A13614" s="1" t="s">
        <v>51698</v>
      </c>
      <c r="B13614" s="1" t="s">
        <v>50452</v>
      </c>
      <c r="C13614" s="1" t="s">
        <v>90</v>
      </c>
      <c r="D13614" s="1" t="s">
        <v>25415</v>
      </c>
      <c r="E13614" s="1" t="s">
        <v>51753</v>
      </c>
      <c r="F13614" s="1" t="s">
        <v>51754</v>
      </c>
      <c r="G13614" s="1" t="s">
        <v>51702</v>
      </c>
      <c r="H13614" s="1" t="s">
        <v>51703</v>
      </c>
      <c r="I13614" s="1" t="s">
        <v>50458</v>
      </c>
      <c r="J13614" s="1" t="s">
        <v>51755</v>
      </c>
    </row>
    <row r="13615" spans="1:10" x14ac:dyDescent="0.35">
      <c r="A13615" s="1" t="s">
        <v>51698</v>
      </c>
      <c r="B13615" s="1" t="s">
        <v>50452</v>
      </c>
      <c r="C13615" s="1" t="s">
        <v>95</v>
      </c>
      <c r="D13615" s="1" t="s">
        <v>15922</v>
      </c>
      <c r="E13615" s="1" t="s">
        <v>51756</v>
      </c>
      <c r="F13615" s="1" t="s">
        <v>51757</v>
      </c>
      <c r="G13615" s="1" t="s">
        <v>51702</v>
      </c>
      <c r="H13615" s="1" t="s">
        <v>51703</v>
      </c>
      <c r="I13615" s="1" t="s">
        <v>50458</v>
      </c>
      <c r="J13615" s="1" t="s">
        <v>51758</v>
      </c>
    </row>
    <row r="13616" spans="1:10" x14ac:dyDescent="0.35">
      <c r="A13616" s="1" t="s">
        <v>51698</v>
      </c>
      <c r="B13616" s="1" t="s">
        <v>50452</v>
      </c>
      <c r="C13616" s="1" t="s">
        <v>100</v>
      </c>
      <c r="D13616" s="1" t="s">
        <v>16223</v>
      </c>
      <c r="E13616" s="1" t="s">
        <v>51759</v>
      </c>
      <c r="F13616" s="1" t="s">
        <v>51760</v>
      </c>
      <c r="G13616" s="1" t="s">
        <v>51702</v>
      </c>
      <c r="H13616" s="1" t="s">
        <v>51703</v>
      </c>
      <c r="I13616" s="1" t="s">
        <v>50458</v>
      </c>
      <c r="J13616" s="1" t="s">
        <v>51761</v>
      </c>
    </row>
    <row r="13617" spans="1:10" x14ac:dyDescent="0.35">
      <c r="A13617" s="1" t="s">
        <v>51698</v>
      </c>
      <c r="B13617" s="1" t="s">
        <v>50452</v>
      </c>
      <c r="C13617" s="1" t="s">
        <v>105</v>
      </c>
      <c r="D13617" s="1" t="s">
        <v>51762</v>
      </c>
      <c r="E13617" s="1" t="s">
        <v>51763</v>
      </c>
      <c r="F13617" s="1" t="s">
        <v>51764</v>
      </c>
      <c r="G13617" s="1" t="s">
        <v>51702</v>
      </c>
      <c r="H13617" s="1" t="s">
        <v>51703</v>
      </c>
      <c r="I13617" s="1" t="s">
        <v>50458</v>
      </c>
      <c r="J13617" s="1" t="s">
        <v>51765</v>
      </c>
    </row>
    <row r="13618" spans="1:10" x14ac:dyDescent="0.35">
      <c r="A13618" s="1" t="s">
        <v>51698</v>
      </c>
      <c r="B13618" s="1" t="s">
        <v>50452</v>
      </c>
      <c r="C13618" s="1" t="s">
        <v>110</v>
      </c>
      <c r="D13618" s="1" t="s">
        <v>33649</v>
      </c>
      <c r="E13618" s="1" t="s">
        <v>51766</v>
      </c>
      <c r="F13618" s="1" t="s">
        <v>51767</v>
      </c>
      <c r="G13618" s="1" t="s">
        <v>51702</v>
      </c>
      <c r="H13618" s="1" t="s">
        <v>51703</v>
      </c>
      <c r="I13618" s="1" t="s">
        <v>50458</v>
      </c>
      <c r="J13618" s="1" t="s">
        <v>51768</v>
      </c>
    </row>
    <row r="13619" spans="1:10" x14ac:dyDescent="0.35">
      <c r="A13619" s="1" t="s">
        <v>51698</v>
      </c>
      <c r="B13619" s="1" t="s">
        <v>50452</v>
      </c>
      <c r="C13619" s="1" t="s">
        <v>115</v>
      </c>
      <c r="D13619" s="1" t="s">
        <v>51769</v>
      </c>
      <c r="E13619" s="1" t="s">
        <v>51770</v>
      </c>
      <c r="F13619" s="1" t="s">
        <v>51771</v>
      </c>
      <c r="G13619" s="1" t="s">
        <v>51702</v>
      </c>
      <c r="H13619" s="1" t="s">
        <v>51703</v>
      </c>
      <c r="I13619" s="1" t="s">
        <v>50458</v>
      </c>
      <c r="J13619" s="1" t="s">
        <v>51772</v>
      </c>
    </row>
    <row r="13620" spans="1:10" x14ac:dyDescent="0.35">
      <c r="A13620" s="1" t="s">
        <v>51698</v>
      </c>
      <c r="B13620" s="1" t="s">
        <v>50452</v>
      </c>
      <c r="C13620" s="1" t="s">
        <v>120</v>
      </c>
      <c r="D13620" s="1" t="s">
        <v>51773</v>
      </c>
      <c r="E13620" s="1" t="s">
        <v>51774</v>
      </c>
      <c r="F13620" s="1" t="s">
        <v>51775</v>
      </c>
      <c r="G13620" s="1" t="s">
        <v>51702</v>
      </c>
      <c r="H13620" s="1" t="s">
        <v>51703</v>
      </c>
      <c r="I13620" s="1" t="s">
        <v>50458</v>
      </c>
      <c r="J13620" s="1" t="s">
        <v>51776</v>
      </c>
    </row>
    <row r="13621" spans="1:10" x14ac:dyDescent="0.35">
      <c r="A13621" s="1" t="s">
        <v>51698</v>
      </c>
      <c r="B13621" s="1" t="s">
        <v>50452</v>
      </c>
      <c r="C13621" s="1" t="s">
        <v>125</v>
      </c>
      <c r="D13621" s="1" t="s">
        <v>51777</v>
      </c>
      <c r="E13621" s="1" t="s">
        <v>51778</v>
      </c>
      <c r="F13621" s="1" t="s">
        <v>51779</v>
      </c>
      <c r="G13621" s="1" t="s">
        <v>51702</v>
      </c>
      <c r="H13621" s="1" t="s">
        <v>51703</v>
      </c>
      <c r="I13621" s="1" t="s">
        <v>50458</v>
      </c>
      <c r="J13621" s="1" t="s">
        <v>51780</v>
      </c>
    </row>
    <row r="13622" spans="1:10" x14ac:dyDescent="0.35">
      <c r="A13622" s="1" t="s">
        <v>51698</v>
      </c>
      <c r="B13622" s="1" t="s">
        <v>50452</v>
      </c>
      <c r="C13622" s="1" t="s">
        <v>130</v>
      </c>
      <c r="D13622" s="1" t="s">
        <v>18478</v>
      </c>
      <c r="E13622" s="1" t="s">
        <v>51781</v>
      </c>
      <c r="F13622" s="1" t="s">
        <v>51782</v>
      </c>
      <c r="G13622" s="1" t="s">
        <v>51702</v>
      </c>
      <c r="H13622" s="1" t="s">
        <v>51703</v>
      </c>
      <c r="I13622" s="1" t="s">
        <v>50458</v>
      </c>
      <c r="J13622" s="1" t="s">
        <v>51783</v>
      </c>
    </row>
    <row r="13623" spans="1:10" x14ac:dyDescent="0.35">
      <c r="A13623" s="1" t="s">
        <v>51698</v>
      </c>
      <c r="B13623" s="1" t="s">
        <v>50452</v>
      </c>
      <c r="C13623" s="1" t="s">
        <v>135</v>
      </c>
      <c r="D13623" s="1" t="s">
        <v>273</v>
      </c>
      <c r="E13623" s="1" t="s">
        <v>51784</v>
      </c>
      <c r="F13623" s="1" t="s">
        <v>51785</v>
      </c>
      <c r="G13623" s="1" t="s">
        <v>51702</v>
      </c>
      <c r="H13623" s="1" t="s">
        <v>51703</v>
      </c>
      <c r="I13623" s="1" t="s">
        <v>50458</v>
      </c>
      <c r="J13623" s="1" t="s">
        <v>51786</v>
      </c>
    </row>
    <row r="13624" spans="1:10" x14ac:dyDescent="0.35">
      <c r="A13624" s="1" t="s">
        <v>51698</v>
      </c>
      <c r="B13624" s="1" t="s">
        <v>50452</v>
      </c>
      <c r="C13624" s="1" t="s">
        <v>140</v>
      </c>
      <c r="D13624" s="1" t="s">
        <v>51787</v>
      </c>
      <c r="E13624" s="1" t="s">
        <v>51788</v>
      </c>
      <c r="F13624" s="1" t="s">
        <v>51789</v>
      </c>
      <c r="G13624" s="1" t="s">
        <v>51702</v>
      </c>
      <c r="H13624" s="1" t="s">
        <v>51703</v>
      </c>
      <c r="I13624" s="1" t="s">
        <v>50458</v>
      </c>
      <c r="J13624" s="1" t="s">
        <v>51790</v>
      </c>
    </row>
    <row r="13625" spans="1:10" x14ac:dyDescent="0.35">
      <c r="A13625" s="1" t="s">
        <v>51698</v>
      </c>
      <c r="B13625" s="1" t="s">
        <v>50452</v>
      </c>
      <c r="C13625" s="1" t="s">
        <v>145</v>
      </c>
      <c r="D13625" s="1" t="s">
        <v>51791</v>
      </c>
      <c r="E13625" s="1" t="s">
        <v>51792</v>
      </c>
      <c r="F13625" s="1" t="s">
        <v>51793</v>
      </c>
      <c r="G13625" s="1" t="s">
        <v>51702</v>
      </c>
      <c r="H13625" s="1" t="s">
        <v>51703</v>
      </c>
      <c r="I13625" s="1" t="s">
        <v>50458</v>
      </c>
      <c r="J13625" s="1" t="s">
        <v>51794</v>
      </c>
    </row>
    <row r="13626" spans="1:10" x14ac:dyDescent="0.35">
      <c r="A13626" s="1" t="s">
        <v>51698</v>
      </c>
      <c r="B13626" s="1" t="s">
        <v>50452</v>
      </c>
      <c r="C13626" s="1" t="s">
        <v>150</v>
      </c>
      <c r="D13626" s="1" t="s">
        <v>15410</v>
      </c>
      <c r="E13626" s="1" t="s">
        <v>51795</v>
      </c>
      <c r="F13626" s="1" t="s">
        <v>51796</v>
      </c>
      <c r="G13626" s="1" t="s">
        <v>51702</v>
      </c>
      <c r="H13626" s="1" t="s">
        <v>51703</v>
      </c>
      <c r="I13626" s="1" t="s">
        <v>50458</v>
      </c>
      <c r="J13626" s="1" t="s">
        <v>51797</v>
      </c>
    </row>
    <row r="13627" spans="1:10" x14ac:dyDescent="0.35">
      <c r="A13627" s="1" t="s">
        <v>51698</v>
      </c>
      <c r="B13627" s="1" t="s">
        <v>50452</v>
      </c>
      <c r="C13627" s="1" t="s">
        <v>155</v>
      </c>
      <c r="D13627" s="1" t="s">
        <v>51798</v>
      </c>
      <c r="E13627" s="1" t="s">
        <v>51799</v>
      </c>
      <c r="F13627" s="1" t="s">
        <v>51800</v>
      </c>
      <c r="G13627" s="1" t="s">
        <v>51702</v>
      </c>
      <c r="H13627" s="1" t="s">
        <v>51703</v>
      </c>
      <c r="I13627" s="1" t="s">
        <v>50458</v>
      </c>
      <c r="J13627" s="1" t="s">
        <v>51801</v>
      </c>
    </row>
    <row r="13628" spans="1:10" x14ac:dyDescent="0.35">
      <c r="A13628" s="1" t="s">
        <v>51698</v>
      </c>
      <c r="B13628" s="1" t="s">
        <v>50452</v>
      </c>
      <c r="C13628" s="1" t="s">
        <v>160</v>
      </c>
      <c r="D13628" s="1" t="s">
        <v>51802</v>
      </c>
      <c r="E13628" s="1" t="s">
        <v>51803</v>
      </c>
      <c r="F13628" s="1" t="s">
        <v>51804</v>
      </c>
      <c r="G13628" s="1" t="s">
        <v>51702</v>
      </c>
      <c r="H13628" s="1" t="s">
        <v>51703</v>
      </c>
      <c r="I13628" s="1" t="s">
        <v>50458</v>
      </c>
      <c r="J13628" s="1" t="s">
        <v>51805</v>
      </c>
    </row>
    <row r="13629" spans="1:10" x14ac:dyDescent="0.35">
      <c r="A13629" s="1" t="s">
        <v>51698</v>
      </c>
      <c r="B13629" s="1" t="s">
        <v>50452</v>
      </c>
      <c r="C13629" s="1" t="s">
        <v>165</v>
      </c>
      <c r="D13629" s="1" t="s">
        <v>51806</v>
      </c>
      <c r="E13629" s="1" t="s">
        <v>51807</v>
      </c>
      <c r="F13629" s="1" t="s">
        <v>51808</v>
      </c>
      <c r="G13629" s="1" t="s">
        <v>51702</v>
      </c>
      <c r="H13629" s="1" t="s">
        <v>51703</v>
      </c>
      <c r="I13629" s="1" t="s">
        <v>50458</v>
      </c>
      <c r="J13629" s="1" t="s">
        <v>51809</v>
      </c>
    </row>
    <row r="13630" spans="1:10" x14ac:dyDescent="0.35">
      <c r="A13630" s="1" t="s">
        <v>51698</v>
      </c>
      <c r="B13630" s="1" t="s">
        <v>50452</v>
      </c>
      <c r="C13630" s="1" t="s">
        <v>170</v>
      </c>
      <c r="D13630" s="1" t="s">
        <v>628</v>
      </c>
      <c r="E13630" s="1" t="s">
        <v>51810</v>
      </c>
      <c r="F13630" s="1" t="s">
        <v>51811</v>
      </c>
      <c r="G13630" s="1" t="s">
        <v>51702</v>
      </c>
      <c r="H13630" s="1" t="s">
        <v>51703</v>
      </c>
      <c r="I13630" s="1" t="s">
        <v>50458</v>
      </c>
      <c r="J13630" s="1" t="s">
        <v>51812</v>
      </c>
    </row>
    <row r="13631" spans="1:10" x14ac:dyDescent="0.35">
      <c r="A13631" s="1" t="s">
        <v>13755</v>
      </c>
      <c r="B13631" s="1" t="s">
        <v>50452</v>
      </c>
      <c r="C13631" s="1" t="s">
        <v>8</v>
      </c>
      <c r="D13631" s="1" t="s">
        <v>25426</v>
      </c>
      <c r="E13631" s="1" t="s">
        <v>51813</v>
      </c>
      <c r="F13631" s="1" t="s">
        <v>51814</v>
      </c>
      <c r="G13631" s="1" t="s">
        <v>51815</v>
      </c>
      <c r="H13631" s="1" t="s">
        <v>51816</v>
      </c>
      <c r="I13631" s="1" t="s">
        <v>50458</v>
      </c>
      <c r="J13631" s="1" t="s">
        <v>13</v>
      </c>
    </row>
    <row r="13632" spans="1:10" x14ac:dyDescent="0.35">
      <c r="A13632" s="1" t="s">
        <v>13755</v>
      </c>
      <c r="B13632" s="1" t="s">
        <v>50452</v>
      </c>
      <c r="C13632" s="1" t="s">
        <v>15</v>
      </c>
      <c r="D13632" s="1" t="s">
        <v>11017</v>
      </c>
      <c r="E13632" s="1" t="s">
        <v>51817</v>
      </c>
      <c r="F13632" s="1" t="s">
        <v>51818</v>
      </c>
      <c r="G13632" s="1" t="s">
        <v>51815</v>
      </c>
      <c r="H13632" s="1" t="s">
        <v>51816</v>
      </c>
      <c r="I13632" s="1" t="s">
        <v>50458</v>
      </c>
      <c r="J13632" s="1" t="s">
        <v>51819</v>
      </c>
    </row>
    <row r="13633" spans="1:10" x14ac:dyDescent="0.35">
      <c r="A13633" s="1" t="s">
        <v>13755</v>
      </c>
      <c r="B13633" s="1" t="s">
        <v>50452</v>
      </c>
      <c r="C13633" s="1" t="s">
        <v>20</v>
      </c>
      <c r="D13633" s="1" t="s">
        <v>51820</v>
      </c>
      <c r="E13633" s="1" t="s">
        <v>51821</v>
      </c>
      <c r="F13633" s="1" t="s">
        <v>51822</v>
      </c>
      <c r="G13633" s="1" t="s">
        <v>51815</v>
      </c>
      <c r="H13633" s="1" t="s">
        <v>51816</v>
      </c>
      <c r="I13633" s="1" t="s">
        <v>50458</v>
      </c>
      <c r="J13633" s="1" t="s">
        <v>51823</v>
      </c>
    </row>
    <row r="13634" spans="1:10" x14ac:dyDescent="0.35">
      <c r="A13634" s="1" t="s">
        <v>13755</v>
      </c>
      <c r="B13634" s="1" t="s">
        <v>50452</v>
      </c>
      <c r="C13634" s="1" t="s">
        <v>25</v>
      </c>
      <c r="D13634" s="1" t="s">
        <v>4305</v>
      </c>
      <c r="E13634" s="1" t="s">
        <v>51824</v>
      </c>
      <c r="F13634" s="1" t="s">
        <v>51825</v>
      </c>
      <c r="G13634" s="1" t="s">
        <v>51815</v>
      </c>
      <c r="H13634" s="1" t="s">
        <v>51816</v>
      </c>
      <c r="I13634" s="1" t="s">
        <v>50458</v>
      </c>
      <c r="J13634" s="1" t="s">
        <v>51826</v>
      </c>
    </row>
    <row r="13635" spans="1:10" x14ac:dyDescent="0.35">
      <c r="A13635" s="1" t="s">
        <v>13755</v>
      </c>
      <c r="B13635" s="1" t="s">
        <v>50452</v>
      </c>
      <c r="C13635" s="1" t="s">
        <v>30</v>
      </c>
      <c r="D13635" s="1" t="s">
        <v>25454</v>
      </c>
      <c r="E13635" s="1" t="s">
        <v>51827</v>
      </c>
      <c r="F13635" s="1" t="s">
        <v>51828</v>
      </c>
      <c r="G13635" s="1" t="s">
        <v>51815</v>
      </c>
      <c r="H13635" s="1" t="s">
        <v>51816</v>
      </c>
      <c r="I13635" s="1" t="s">
        <v>50458</v>
      </c>
      <c r="J13635" s="1" t="s">
        <v>51829</v>
      </c>
    </row>
    <row r="13636" spans="1:10" x14ac:dyDescent="0.35">
      <c r="A13636" s="1" t="s">
        <v>13755</v>
      </c>
      <c r="B13636" s="1" t="s">
        <v>50452</v>
      </c>
      <c r="C13636" s="1" t="s">
        <v>35</v>
      </c>
      <c r="D13636" s="1" t="s">
        <v>51830</v>
      </c>
      <c r="E13636" s="1" t="s">
        <v>51831</v>
      </c>
      <c r="F13636" s="1" t="s">
        <v>51832</v>
      </c>
      <c r="G13636" s="1" t="s">
        <v>51815</v>
      </c>
      <c r="H13636" s="1" t="s">
        <v>51816</v>
      </c>
      <c r="I13636" s="1" t="s">
        <v>50458</v>
      </c>
      <c r="J13636" s="1" t="s">
        <v>51833</v>
      </c>
    </row>
    <row r="13637" spans="1:10" x14ac:dyDescent="0.35">
      <c r="A13637" s="1" t="s">
        <v>13755</v>
      </c>
      <c r="B13637" s="1" t="s">
        <v>50452</v>
      </c>
      <c r="C13637" s="1" t="s">
        <v>40</v>
      </c>
      <c r="D13637" s="1" t="s">
        <v>13747</v>
      </c>
      <c r="E13637" s="1" t="s">
        <v>51834</v>
      </c>
      <c r="F13637" s="1" t="s">
        <v>51835</v>
      </c>
      <c r="G13637" s="1" t="s">
        <v>51815</v>
      </c>
      <c r="H13637" s="1" t="s">
        <v>51816</v>
      </c>
      <c r="I13637" s="1" t="s">
        <v>50458</v>
      </c>
      <c r="J13637" s="1" t="s">
        <v>51836</v>
      </c>
    </row>
    <row r="13638" spans="1:10" x14ac:dyDescent="0.35">
      <c r="A13638" s="1" t="s">
        <v>13755</v>
      </c>
      <c r="B13638" s="1" t="s">
        <v>50452</v>
      </c>
      <c r="C13638" s="1" t="s">
        <v>45</v>
      </c>
      <c r="D13638" s="1" t="s">
        <v>51837</v>
      </c>
      <c r="E13638" s="1" t="s">
        <v>51838</v>
      </c>
      <c r="F13638" s="1" t="s">
        <v>51839</v>
      </c>
      <c r="G13638" s="1" t="s">
        <v>51815</v>
      </c>
      <c r="H13638" s="1" t="s">
        <v>51816</v>
      </c>
      <c r="I13638" s="1" t="s">
        <v>50458</v>
      </c>
      <c r="J13638" s="1" t="s">
        <v>51840</v>
      </c>
    </row>
    <row r="13639" spans="1:10" x14ac:dyDescent="0.35">
      <c r="A13639" s="1" t="s">
        <v>13755</v>
      </c>
      <c r="B13639" s="1" t="s">
        <v>50452</v>
      </c>
      <c r="C13639" s="1" t="s">
        <v>50</v>
      </c>
      <c r="D13639" s="1" t="s">
        <v>25932</v>
      </c>
      <c r="E13639" s="1" t="s">
        <v>51841</v>
      </c>
      <c r="F13639" s="1" t="s">
        <v>51842</v>
      </c>
      <c r="G13639" s="1" t="s">
        <v>51815</v>
      </c>
      <c r="H13639" s="1" t="s">
        <v>51816</v>
      </c>
      <c r="I13639" s="1" t="s">
        <v>50458</v>
      </c>
      <c r="J13639" s="1" t="s">
        <v>51843</v>
      </c>
    </row>
    <row r="13640" spans="1:10" x14ac:dyDescent="0.35">
      <c r="A13640" s="1" t="s">
        <v>13755</v>
      </c>
      <c r="B13640" s="1" t="s">
        <v>50452</v>
      </c>
      <c r="C13640" s="1" t="s">
        <v>55</v>
      </c>
      <c r="D13640" s="1" t="s">
        <v>1106</v>
      </c>
      <c r="E13640" s="1" t="s">
        <v>51844</v>
      </c>
      <c r="F13640" s="1" t="s">
        <v>51845</v>
      </c>
      <c r="G13640" s="1" t="s">
        <v>51815</v>
      </c>
      <c r="H13640" s="1" t="s">
        <v>51816</v>
      </c>
      <c r="I13640" s="1" t="s">
        <v>50458</v>
      </c>
      <c r="J13640" s="1" t="s">
        <v>51846</v>
      </c>
    </row>
    <row r="13641" spans="1:10" x14ac:dyDescent="0.35">
      <c r="A13641" s="1" t="s">
        <v>13755</v>
      </c>
      <c r="B13641" s="1" t="s">
        <v>50452</v>
      </c>
      <c r="C13641" s="1" t="s">
        <v>60</v>
      </c>
      <c r="D13641" s="1" t="s">
        <v>1106</v>
      </c>
      <c r="E13641" s="1" t="s">
        <v>51847</v>
      </c>
      <c r="F13641" s="1" t="s">
        <v>51848</v>
      </c>
      <c r="G13641" s="1" t="s">
        <v>51815</v>
      </c>
      <c r="H13641" s="1" t="s">
        <v>51816</v>
      </c>
      <c r="I13641" s="1" t="s">
        <v>50458</v>
      </c>
      <c r="J13641" s="1" t="s">
        <v>1180</v>
      </c>
    </row>
    <row r="13642" spans="1:10" x14ac:dyDescent="0.35">
      <c r="A13642" s="1" t="s">
        <v>13755</v>
      </c>
      <c r="B13642" s="1" t="s">
        <v>50452</v>
      </c>
      <c r="C13642" s="1" t="s">
        <v>65</v>
      </c>
      <c r="D13642" s="1" t="s">
        <v>51849</v>
      </c>
      <c r="E13642" s="1" t="s">
        <v>51850</v>
      </c>
      <c r="F13642" s="1" t="s">
        <v>51851</v>
      </c>
      <c r="G13642" s="1" t="s">
        <v>51815</v>
      </c>
      <c r="H13642" s="1" t="s">
        <v>51816</v>
      </c>
      <c r="I13642" s="1" t="s">
        <v>50458</v>
      </c>
      <c r="J13642" s="1" t="s">
        <v>51852</v>
      </c>
    </row>
    <row r="13643" spans="1:10" x14ac:dyDescent="0.35">
      <c r="A13643" s="1" t="s">
        <v>13755</v>
      </c>
      <c r="B13643" s="1" t="s">
        <v>50452</v>
      </c>
      <c r="C13643" s="1" t="s">
        <v>70</v>
      </c>
      <c r="D13643" s="1" t="s">
        <v>51853</v>
      </c>
      <c r="E13643" s="1" t="s">
        <v>51854</v>
      </c>
      <c r="F13643" s="1" t="s">
        <v>51855</v>
      </c>
      <c r="G13643" s="1" t="s">
        <v>51815</v>
      </c>
      <c r="H13643" s="1" t="s">
        <v>51816</v>
      </c>
      <c r="I13643" s="1" t="s">
        <v>50458</v>
      </c>
      <c r="J13643" s="1" t="s">
        <v>51856</v>
      </c>
    </row>
    <row r="13644" spans="1:10" x14ac:dyDescent="0.35">
      <c r="A13644" s="1" t="s">
        <v>13755</v>
      </c>
      <c r="B13644" s="1" t="s">
        <v>50452</v>
      </c>
      <c r="C13644" s="1" t="s">
        <v>75</v>
      </c>
      <c r="D13644" s="1" t="s">
        <v>51857</v>
      </c>
      <c r="E13644" s="1" t="s">
        <v>51858</v>
      </c>
      <c r="F13644" s="1" t="s">
        <v>51859</v>
      </c>
      <c r="G13644" s="1" t="s">
        <v>51815</v>
      </c>
      <c r="H13644" s="1" t="s">
        <v>51816</v>
      </c>
      <c r="I13644" s="1" t="s">
        <v>50458</v>
      </c>
      <c r="J13644" s="1" t="s">
        <v>51860</v>
      </c>
    </row>
    <row r="13645" spans="1:10" x14ac:dyDescent="0.35">
      <c r="A13645" s="1" t="s">
        <v>13755</v>
      </c>
      <c r="B13645" s="1" t="s">
        <v>50452</v>
      </c>
      <c r="C13645" s="1" t="s">
        <v>80</v>
      </c>
      <c r="D13645" s="1" t="s">
        <v>51861</v>
      </c>
      <c r="E13645" s="1" t="s">
        <v>51862</v>
      </c>
      <c r="F13645" s="1" t="s">
        <v>51863</v>
      </c>
      <c r="G13645" s="1" t="s">
        <v>51815</v>
      </c>
      <c r="H13645" s="1" t="s">
        <v>51816</v>
      </c>
      <c r="I13645" s="1" t="s">
        <v>50458</v>
      </c>
      <c r="J13645" s="1" t="s">
        <v>51864</v>
      </c>
    </row>
    <row r="13646" spans="1:10" x14ac:dyDescent="0.35">
      <c r="A13646" s="1" t="s">
        <v>13755</v>
      </c>
      <c r="B13646" s="1" t="s">
        <v>50452</v>
      </c>
      <c r="C13646" s="1" t="s">
        <v>85</v>
      </c>
      <c r="D13646" s="1" t="s">
        <v>51865</v>
      </c>
      <c r="E13646" s="1" t="s">
        <v>51866</v>
      </c>
      <c r="F13646" s="1" t="s">
        <v>51867</v>
      </c>
      <c r="G13646" s="1" t="s">
        <v>51815</v>
      </c>
      <c r="H13646" s="1" t="s">
        <v>51816</v>
      </c>
      <c r="I13646" s="1" t="s">
        <v>50458</v>
      </c>
      <c r="J13646" s="1" t="s">
        <v>51868</v>
      </c>
    </row>
    <row r="13647" spans="1:10" x14ac:dyDescent="0.35">
      <c r="A13647" s="1" t="s">
        <v>13755</v>
      </c>
      <c r="B13647" s="1" t="s">
        <v>50452</v>
      </c>
      <c r="C13647" s="1" t="s">
        <v>90</v>
      </c>
      <c r="D13647" s="1" t="s">
        <v>43806</v>
      </c>
      <c r="E13647" s="1" t="s">
        <v>51869</v>
      </c>
      <c r="F13647" s="1" t="s">
        <v>51870</v>
      </c>
      <c r="G13647" s="1" t="s">
        <v>51815</v>
      </c>
      <c r="H13647" s="1" t="s">
        <v>51816</v>
      </c>
      <c r="I13647" s="1" t="s">
        <v>50458</v>
      </c>
      <c r="J13647" s="1" t="s">
        <v>51871</v>
      </c>
    </row>
    <row r="13648" spans="1:10" x14ac:dyDescent="0.35">
      <c r="A13648" s="1" t="s">
        <v>13755</v>
      </c>
      <c r="B13648" s="1" t="s">
        <v>50452</v>
      </c>
      <c r="C13648" s="1" t="s">
        <v>95</v>
      </c>
      <c r="D13648" s="1" t="s">
        <v>51872</v>
      </c>
      <c r="E13648" s="1" t="s">
        <v>51873</v>
      </c>
      <c r="F13648" s="1" t="s">
        <v>51874</v>
      </c>
      <c r="G13648" s="1" t="s">
        <v>51815</v>
      </c>
      <c r="H13648" s="1" t="s">
        <v>51816</v>
      </c>
      <c r="I13648" s="1" t="s">
        <v>50458</v>
      </c>
      <c r="J13648" s="1" t="s">
        <v>51875</v>
      </c>
    </row>
    <row r="13649" spans="1:10" x14ac:dyDescent="0.35">
      <c r="A13649" s="1" t="s">
        <v>13755</v>
      </c>
      <c r="B13649" s="1" t="s">
        <v>50452</v>
      </c>
      <c r="C13649" s="1" t="s">
        <v>100</v>
      </c>
      <c r="D13649" s="1" t="s">
        <v>51876</v>
      </c>
      <c r="E13649" s="1" t="s">
        <v>51877</v>
      </c>
      <c r="F13649" s="1" t="s">
        <v>51878</v>
      </c>
      <c r="G13649" s="1" t="s">
        <v>51815</v>
      </c>
      <c r="H13649" s="1" t="s">
        <v>51816</v>
      </c>
      <c r="I13649" s="1" t="s">
        <v>50458</v>
      </c>
      <c r="J13649" s="1" t="s">
        <v>51879</v>
      </c>
    </row>
    <row r="13650" spans="1:10" x14ac:dyDescent="0.35">
      <c r="A13650" s="1" t="s">
        <v>13755</v>
      </c>
      <c r="B13650" s="1" t="s">
        <v>50452</v>
      </c>
      <c r="C13650" s="1" t="s">
        <v>105</v>
      </c>
      <c r="D13650" s="1" t="s">
        <v>51880</v>
      </c>
      <c r="E13650" s="1" t="s">
        <v>51881</v>
      </c>
      <c r="F13650" s="1" t="s">
        <v>51882</v>
      </c>
      <c r="G13650" s="1" t="s">
        <v>51815</v>
      </c>
      <c r="H13650" s="1" t="s">
        <v>51816</v>
      </c>
      <c r="I13650" s="1" t="s">
        <v>50458</v>
      </c>
      <c r="J13650" s="1" t="s">
        <v>51883</v>
      </c>
    </row>
    <row r="13651" spans="1:10" x14ac:dyDescent="0.35">
      <c r="A13651" s="1" t="s">
        <v>13755</v>
      </c>
      <c r="B13651" s="1" t="s">
        <v>50452</v>
      </c>
      <c r="C13651" s="1" t="s">
        <v>110</v>
      </c>
      <c r="D13651" s="1" t="s">
        <v>51884</v>
      </c>
      <c r="E13651" s="1" t="s">
        <v>51885</v>
      </c>
      <c r="F13651" s="1" t="s">
        <v>51886</v>
      </c>
      <c r="G13651" s="1" t="s">
        <v>51815</v>
      </c>
      <c r="H13651" s="1" t="s">
        <v>51816</v>
      </c>
      <c r="I13651" s="1" t="s">
        <v>50458</v>
      </c>
      <c r="J13651" s="1" t="s">
        <v>51887</v>
      </c>
    </row>
    <row r="13652" spans="1:10" x14ac:dyDescent="0.35">
      <c r="A13652" s="1" t="s">
        <v>13755</v>
      </c>
      <c r="B13652" s="1" t="s">
        <v>50452</v>
      </c>
      <c r="C13652" s="1" t="s">
        <v>115</v>
      </c>
      <c r="D13652" s="1" t="s">
        <v>51888</v>
      </c>
      <c r="E13652" s="1" t="s">
        <v>51889</v>
      </c>
      <c r="F13652" s="1" t="s">
        <v>51890</v>
      </c>
      <c r="G13652" s="1" t="s">
        <v>51815</v>
      </c>
      <c r="H13652" s="1" t="s">
        <v>51816</v>
      </c>
      <c r="I13652" s="1" t="s">
        <v>50458</v>
      </c>
      <c r="J13652" s="1" t="s">
        <v>51891</v>
      </c>
    </row>
    <row r="13653" spans="1:10" x14ac:dyDescent="0.35">
      <c r="A13653" s="1" t="s">
        <v>13755</v>
      </c>
      <c r="B13653" s="1" t="s">
        <v>50452</v>
      </c>
      <c r="C13653" s="1" t="s">
        <v>120</v>
      </c>
      <c r="D13653" s="1" t="s">
        <v>51892</v>
      </c>
      <c r="E13653" s="1" t="s">
        <v>51893</v>
      </c>
      <c r="F13653" s="1" t="s">
        <v>51894</v>
      </c>
      <c r="G13653" s="1" t="s">
        <v>51815</v>
      </c>
      <c r="H13653" s="1" t="s">
        <v>51816</v>
      </c>
      <c r="I13653" s="1" t="s">
        <v>50458</v>
      </c>
      <c r="J13653" s="1" t="s">
        <v>51895</v>
      </c>
    </row>
    <row r="13654" spans="1:10" x14ac:dyDescent="0.35">
      <c r="A13654" s="1" t="s">
        <v>13755</v>
      </c>
      <c r="B13654" s="1" t="s">
        <v>50452</v>
      </c>
      <c r="C13654" s="1" t="s">
        <v>125</v>
      </c>
      <c r="D13654" s="1" t="s">
        <v>35746</v>
      </c>
      <c r="E13654" s="1" t="s">
        <v>51896</v>
      </c>
      <c r="F13654" s="1" t="s">
        <v>51897</v>
      </c>
      <c r="G13654" s="1" t="s">
        <v>51815</v>
      </c>
      <c r="H13654" s="1" t="s">
        <v>51816</v>
      </c>
      <c r="I13654" s="1" t="s">
        <v>50458</v>
      </c>
      <c r="J13654" s="1" t="s">
        <v>51898</v>
      </c>
    </row>
    <row r="13655" spans="1:10" x14ac:dyDescent="0.35">
      <c r="A13655" s="1" t="s">
        <v>13755</v>
      </c>
      <c r="B13655" s="1" t="s">
        <v>50452</v>
      </c>
      <c r="C13655" s="1" t="s">
        <v>130</v>
      </c>
      <c r="D13655" s="1" t="s">
        <v>30712</v>
      </c>
      <c r="E13655" s="1" t="s">
        <v>51899</v>
      </c>
      <c r="F13655" s="1" t="s">
        <v>51900</v>
      </c>
      <c r="G13655" s="1" t="s">
        <v>51815</v>
      </c>
      <c r="H13655" s="1" t="s">
        <v>51816</v>
      </c>
      <c r="I13655" s="1" t="s">
        <v>50458</v>
      </c>
      <c r="J13655" s="1" t="s">
        <v>51901</v>
      </c>
    </row>
    <row r="13656" spans="1:10" x14ac:dyDescent="0.35">
      <c r="A13656" s="1" t="s">
        <v>13755</v>
      </c>
      <c r="B13656" s="1" t="s">
        <v>50452</v>
      </c>
      <c r="C13656" s="1" t="s">
        <v>135</v>
      </c>
      <c r="D13656" s="1" t="s">
        <v>51902</v>
      </c>
      <c r="E13656" s="1" t="s">
        <v>51903</v>
      </c>
      <c r="F13656" s="1" t="s">
        <v>51904</v>
      </c>
      <c r="G13656" s="1" t="s">
        <v>51815</v>
      </c>
      <c r="H13656" s="1" t="s">
        <v>51816</v>
      </c>
      <c r="I13656" s="1" t="s">
        <v>50458</v>
      </c>
      <c r="J13656" s="1" t="s">
        <v>51905</v>
      </c>
    </row>
    <row r="13657" spans="1:10" x14ac:dyDescent="0.35">
      <c r="A13657" s="1" t="s">
        <v>13755</v>
      </c>
      <c r="B13657" s="1" t="s">
        <v>50452</v>
      </c>
      <c r="C13657" s="1" t="s">
        <v>140</v>
      </c>
      <c r="D13657" s="1" t="s">
        <v>51906</v>
      </c>
      <c r="E13657" s="1" t="s">
        <v>51907</v>
      </c>
      <c r="F13657" s="1" t="s">
        <v>51908</v>
      </c>
      <c r="G13657" s="1" t="s">
        <v>51815</v>
      </c>
      <c r="H13657" s="1" t="s">
        <v>51816</v>
      </c>
      <c r="I13657" s="1" t="s">
        <v>50458</v>
      </c>
      <c r="J13657" s="1" t="s">
        <v>51909</v>
      </c>
    </row>
    <row r="13658" spans="1:10" x14ac:dyDescent="0.35">
      <c r="A13658" s="1" t="s">
        <v>13755</v>
      </c>
      <c r="B13658" s="1" t="s">
        <v>50452</v>
      </c>
      <c r="C13658" s="1" t="s">
        <v>145</v>
      </c>
      <c r="D13658" s="1" t="s">
        <v>48867</v>
      </c>
      <c r="E13658" s="1" t="s">
        <v>51910</v>
      </c>
      <c r="F13658" s="1" t="s">
        <v>51911</v>
      </c>
      <c r="G13658" s="1" t="s">
        <v>51815</v>
      </c>
      <c r="H13658" s="1" t="s">
        <v>51816</v>
      </c>
      <c r="I13658" s="1" t="s">
        <v>50458</v>
      </c>
      <c r="J13658" s="1" t="s">
        <v>51912</v>
      </c>
    </row>
    <row r="13659" spans="1:10" x14ac:dyDescent="0.35">
      <c r="A13659" s="1" t="s">
        <v>13755</v>
      </c>
      <c r="B13659" s="1" t="s">
        <v>50452</v>
      </c>
      <c r="C13659" s="1" t="s">
        <v>150</v>
      </c>
      <c r="D13659" s="1" t="s">
        <v>51913</v>
      </c>
      <c r="E13659" s="1" t="s">
        <v>51914</v>
      </c>
      <c r="F13659" s="1" t="s">
        <v>51915</v>
      </c>
      <c r="G13659" s="1" t="s">
        <v>51815</v>
      </c>
      <c r="H13659" s="1" t="s">
        <v>51816</v>
      </c>
      <c r="I13659" s="1" t="s">
        <v>50458</v>
      </c>
      <c r="J13659" s="1" t="s">
        <v>51916</v>
      </c>
    </row>
    <row r="13660" spans="1:10" x14ac:dyDescent="0.35">
      <c r="A13660" s="1" t="s">
        <v>13755</v>
      </c>
      <c r="B13660" s="1" t="s">
        <v>50452</v>
      </c>
      <c r="C13660" s="1" t="s">
        <v>155</v>
      </c>
      <c r="D13660" s="1" t="s">
        <v>51917</v>
      </c>
      <c r="E13660" s="1" t="s">
        <v>51918</v>
      </c>
      <c r="F13660" s="1" t="s">
        <v>51919</v>
      </c>
      <c r="G13660" s="1" t="s">
        <v>51815</v>
      </c>
      <c r="H13660" s="1" t="s">
        <v>51816</v>
      </c>
      <c r="I13660" s="1" t="s">
        <v>50458</v>
      </c>
      <c r="J13660" s="1" t="s">
        <v>51920</v>
      </c>
    </row>
    <row r="13661" spans="1:10" x14ac:dyDescent="0.35">
      <c r="A13661" s="1" t="s">
        <v>13755</v>
      </c>
      <c r="B13661" s="1" t="s">
        <v>50452</v>
      </c>
      <c r="C13661" s="1" t="s">
        <v>160</v>
      </c>
      <c r="D13661" s="1" t="s">
        <v>51921</v>
      </c>
      <c r="E13661" s="1" t="s">
        <v>51922</v>
      </c>
      <c r="F13661" s="1" t="s">
        <v>51923</v>
      </c>
      <c r="G13661" s="1" t="s">
        <v>51815</v>
      </c>
      <c r="H13661" s="1" t="s">
        <v>51816</v>
      </c>
      <c r="I13661" s="1" t="s">
        <v>50458</v>
      </c>
      <c r="J13661" s="1" t="s">
        <v>51924</v>
      </c>
    </row>
    <row r="13662" spans="1:10" x14ac:dyDescent="0.35">
      <c r="A13662" s="1" t="s">
        <v>13755</v>
      </c>
      <c r="B13662" s="1" t="s">
        <v>50452</v>
      </c>
      <c r="C13662" s="1" t="s">
        <v>165</v>
      </c>
      <c r="D13662" s="1" t="s">
        <v>51925</v>
      </c>
      <c r="E13662" s="1" t="s">
        <v>51926</v>
      </c>
      <c r="F13662" s="1" t="s">
        <v>51927</v>
      </c>
      <c r="G13662" s="1" t="s">
        <v>51815</v>
      </c>
      <c r="H13662" s="1" t="s">
        <v>51816</v>
      </c>
      <c r="I13662" s="1" t="s">
        <v>50458</v>
      </c>
      <c r="J13662" s="1" t="s">
        <v>51928</v>
      </c>
    </row>
    <row r="13663" spans="1:10" x14ac:dyDescent="0.35">
      <c r="A13663" s="1" t="s">
        <v>13755</v>
      </c>
      <c r="B13663" s="1" t="s">
        <v>50452</v>
      </c>
      <c r="C13663" s="1" t="s">
        <v>170</v>
      </c>
      <c r="D13663" s="1" t="s">
        <v>51929</v>
      </c>
      <c r="E13663" s="1" t="s">
        <v>51930</v>
      </c>
      <c r="F13663" s="1" t="s">
        <v>51931</v>
      </c>
      <c r="G13663" s="1" t="s">
        <v>51815</v>
      </c>
      <c r="H13663" s="1" t="s">
        <v>51816</v>
      </c>
      <c r="I13663" s="1" t="s">
        <v>50458</v>
      </c>
      <c r="J13663" s="1" t="s">
        <v>51932</v>
      </c>
    </row>
    <row r="13664" spans="1:10" x14ac:dyDescent="0.35">
      <c r="A13664" s="1" t="s">
        <v>51933</v>
      </c>
      <c r="B13664" s="1" t="s">
        <v>50452</v>
      </c>
      <c r="C13664" s="1" t="s">
        <v>8</v>
      </c>
      <c r="D13664" s="1" t="s">
        <v>51934</v>
      </c>
      <c r="E13664" s="1" t="s">
        <v>51935</v>
      </c>
      <c r="F13664" s="1" t="s">
        <v>51936</v>
      </c>
      <c r="G13664" s="1" t="s">
        <v>51937</v>
      </c>
      <c r="H13664" s="1" t="s">
        <v>51938</v>
      </c>
      <c r="I13664" s="1" t="s">
        <v>50458</v>
      </c>
      <c r="J13664" s="1" t="s">
        <v>13</v>
      </c>
    </row>
    <row r="13665" spans="1:10" x14ac:dyDescent="0.35">
      <c r="A13665" s="1" t="s">
        <v>51933</v>
      </c>
      <c r="B13665" s="1" t="s">
        <v>50452</v>
      </c>
      <c r="C13665" s="1" t="s">
        <v>15</v>
      </c>
      <c r="D13665" s="1" t="s">
        <v>14185</v>
      </c>
      <c r="E13665" s="1" t="s">
        <v>51939</v>
      </c>
      <c r="F13665" s="1" t="s">
        <v>51940</v>
      </c>
      <c r="G13665" s="1" t="s">
        <v>51937</v>
      </c>
      <c r="H13665" s="1" t="s">
        <v>51938</v>
      </c>
      <c r="I13665" s="1" t="s">
        <v>50458</v>
      </c>
      <c r="J13665" s="1" t="s">
        <v>51941</v>
      </c>
    </row>
    <row r="13666" spans="1:10" x14ac:dyDescent="0.35">
      <c r="A13666" s="1" t="s">
        <v>51933</v>
      </c>
      <c r="B13666" s="1" t="s">
        <v>50452</v>
      </c>
      <c r="C13666" s="1" t="s">
        <v>20</v>
      </c>
      <c r="D13666" s="1" t="s">
        <v>130</v>
      </c>
      <c r="E13666" s="1" t="s">
        <v>51942</v>
      </c>
      <c r="F13666" s="1" t="s">
        <v>51943</v>
      </c>
      <c r="G13666" s="1" t="s">
        <v>51937</v>
      </c>
      <c r="H13666" s="1" t="s">
        <v>51938</v>
      </c>
      <c r="I13666" s="1" t="s">
        <v>50458</v>
      </c>
      <c r="J13666" s="1" t="s">
        <v>51944</v>
      </c>
    </row>
    <row r="13667" spans="1:10" x14ac:dyDescent="0.35">
      <c r="A13667" s="1" t="s">
        <v>51933</v>
      </c>
      <c r="B13667" s="1" t="s">
        <v>50452</v>
      </c>
      <c r="C13667" s="1" t="s">
        <v>25</v>
      </c>
      <c r="D13667" s="1" t="s">
        <v>51945</v>
      </c>
      <c r="E13667" s="1" t="s">
        <v>51946</v>
      </c>
      <c r="F13667" s="1" t="s">
        <v>51947</v>
      </c>
      <c r="G13667" s="1" t="s">
        <v>51937</v>
      </c>
      <c r="H13667" s="1" t="s">
        <v>51938</v>
      </c>
      <c r="I13667" s="1" t="s">
        <v>50458</v>
      </c>
      <c r="J13667" s="1" t="s">
        <v>51948</v>
      </c>
    </row>
    <row r="13668" spans="1:10" x14ac:dyDescent="0.35">
      <c r="A13668" s="1" t="s">
        <v>51933</v>
      </c>
      <c r="B13668" s="1" t="s">
        <v>50452</v>
      </c>
      <c r="C13668" s="1" t="s">
        <v>30</v>
      </c>
      <c r="D13668" s="1" t="s">
        <v>51949</v>
      </c>
      <c r="E13668" s="1" t="s">
        <v>51950</v>
      </c>
      <c r="F13668" s="1" t="s">
        <v>51951</v>
      </c>
      <c r="G13668" s="1" t="s">
        <v>51937</v>
      </c>
      <c r="H13668" s="1" t="s">
        <v>51938</v>
      </c>
      <c r="I13668" s="1" t="s">
        <v>50458</v>
      </c>
      <c r="J13668" s="1" t="s">
        <v>51952</v>
      </c>
    </row>
    <row r="13669" spans="1:10" x14ac:dyDescent="0.35">
      <c r="A13669" s="1" t="s">
        <v>51933</v>
      </c>
      <c r="B13669" s="1" t="s">
        <v>50452</v>
      </c>
      <c r="C13669" s="1" t="s">
        <v>35</v>
      </c>
      <c r="D13669" s="1" t="s">
        <v>38786</v>
      </c>
      <c r="E13669" s="1" t="s">
        <v>51953</v>
      </c>
      <c r="F13669" s="1" t="s">
        <v>51954</v>
      </c>
      <c r="G13669" s="1" t="s">
        <v>51937</v>
      </c>
      <c r="H13669" s="1" t="s">
        <v>51938</v>
      </c>
      <c r="I13669" s="1" t="s">
        <v>50458</v>
      </c>
      <c r="J13669" s="1" t="s">
        <v>51955</v>
      </c>
    </row>
    <row r="13670" spans="1:10" x14ac:dyDescent="0.35">
      <c r="A13670" s="1" t="s">
        <v>51933</v>
      </c>
      <c r="B13670" s="1" t="s">
        <v>50452</v>
      </c>
      <c r="C13670" s="1" t="s">
        <v>40</v>
      </c>
      <c r="D13670" s="1" t="s">
        <v>39440</v>
      </c>
      <c r="E13670" s="1" t="s">
        <v>51956</v>
      </c>
      <c r="F13670" s="1" t="s">
        <v>51957</v>
      </c>
      <c r="G13670" s="1" t="s">
        <v>51937</v>
      </c>
      <c r="H13670" s="1" t="s">
        <v>51938</v>
      </c>
      <c r="I13670" s="1" t="s">
        <v>50458</v>
      </c>
      <c r="J13670" s="1" t="s">
        <v>51958</v>
      </c>
    </row>
    <row r="13671" spans="1:10" x14ac:dyDescent="0.35">
      <c r="A13671" s="1" t="s">
        <v>51933</v>
      </c>
      <c r="B13671" s="1" t="s">
        <v>50452</v>
      </c>
      <c r="C13671" s="1" t="s">
        <v>45</v>
      </c>
      <c r="D13671" s="1" t="s">
        <v>48495</v>
      </c>
      <c r="E13671" s="1" t="s">
        <v>51959</v>
      </c>
      <c r="F13671" s="1" t="s">
        <v>51960</v>
      </c>
      <c r="G13671" s="1" t="s">
        <v>51937</v>
      </c>
      <c r="H13671" s="1" t="s">
        <v>51938</v>
      </c>
      <c r="I13671" s="1" t="s">
        <v>50458</v>
      </c>
      <c r="J13671" s="1" t="s">
        <v>51961</v>
      </c>
    </row>
    <row r="13672" spans="1:10" x14ac:dyDescent="0.35">
      <c r="A13672" s="1" t="s">
        <v>51933</v>
      </c>
      <c r="B13672" s="1" t="s">
        <v>50452</v>
      </c>
      <c r="C13672" s="1" t="s">
        <v>50</v>
      </c>
      <c r="D13672" s="1" t="s">
        <v>51962</v>
      </c>
      <c r="E13672" s="1" t="s">
        <v>51942</v>
      </c>
      <c r="F13672" s="1" t="s">
        <v>51963</v>
      </c>
      <c r="G13672" s="1" t="s">
        <v>51937</v>
      </c>
      <c r="H13672" s="1" t="s">
        <v>51938</v>
      </c>
      <c r="I13672" s="1" t="s">
        <v>50458</v>
      </c>
      <c r="J13672" s="1" t="s">
        <v>51964</v>
      </c>
    </row>
    <row r="13673" spans="1:10" x14ac:dyDescent="0.35">
      <c r="A13673" s="1" t="s">
        <v>51933</v>
      </c>
      <c r="B13673" s="1" t="s">
        <v>50452</v>
      </c>
      <c r="C13673" s="1" t="s">
        <v>55</v>
      </c>
      <c r="D13673" s="1" t="s">
        <v>25344</v>
      </c>
      <c r="E13673" s="1" t="s">
        <v>51965</v>
      </c>
      <c r="F13673" s="1" t="s">
        <v>51966</v>
      </c>
      <c r="G13673" s="1" t="s">
        <v>51937</v>
      </c>
      <c r="H13673" s="1" t="s">
        <v>51938</v>
      </c>
      <c r="I13673" s="1" t="s">
        <v>50458</v>
      </c>
      <c r="J13673" s="1" t="s">
        <v>51967</v>
      </c>
    </row>
    <row r="13674" spans="1:10" x14ac:dyDescent="0.35">
      <c r="A13674" s="1" t="s">
        <v>51933</v>
      </c>
      <c r="B13674" s="1" t="s">
        <v>50452</v>
      </c>
      <c r="C13674" s="1" t="s">
        <v>60</v>
      </c>
      <c r="D13674" s="1" t="s">
        <v>51968</v>
      </c>
      <c r="E13674" s="1" t="s">
        <v>51969</v>
      </c>
      <c r="F13674" s="1" t="s">
        <v>51970</v>
      </c>
      <c r="G13674" s="1" t="s">
        <v>51937</v>
      </c>
      <c r="H13674" s="1" t="s">
        <v>51938</v>
      </c>
      <c r="I13674" s="1" t="s">
        <v>50458</v>
      </c>
      <c r="J13674" s="1" t="s">
        <v>51971</v>
      </c>
    </row>
    <row r="13675" spans="1:10" x14ac:dyDescent="0.35">
      <c r="A13675" s="1" t="s">
        <v>51933</v>
      </c>
      <c r="B13675" s="1" t="s">
        <v>50452</v>
      </c>
      <c r="C13675" s="1" t="s">
        <v>65</v>
      </c>
      <c r="D13675" s="1" t="s">
        <v>51972</v>
      </c>
      <c r="E13675" s="1" t="s">
        <v>51973</v>
      </c>
      <c r="F13675" s="1" t="s">
        <v>51974</v>
      </c>
      <c r="G13675" s="1" t="s">
        <v>51937</v>
      </c>
      <c r="H13675" s="1" t="s">
        <v>51938</v>
      </c>
      <c r="I13675" s="1" t="s">
        <v>50458</v>
      </c>
      <c r="J13675" s="1" t="s">
        <v>51975</v>
      </c>
    </row>
    <row r="13676" spans="1:10" x14ac:dyDescent="0.35">
      <c r="A13676" s="1" t="s">
        <v>51933</v>
      </c>
      <c r="B13676" s="1" t="s">
        <v>50452</v>
      </c>
      <c r="C13676" s="1" t="s">
        <v>70</v>
      </c>
      <c r="D13676" s="1" t="s">
        <v>1773</v>
      </c>
      <c r="E13676" s="1" t="s">
        <v>51976</v>
      </c>
      <c r="F13676" s="1" t="s">
        <v>51977</v>
      </c>
      <c r="G13676" s="1" t="s">
        <v>51937</v>
      </c>
      <c r="H13676" s="1" t="s">
        <v>51938</v>
      </c>
      <c r="I13676" s="1" t="s">
        <v>50458</v>
      </c>
      <c r="J13676" s="1" t="s">
        <v>51978</v>
      </c>
    </row>
    <row r="13677" spans="1:10" x14ac:dyDescent="0.35">
      <c r="A13677" s="1" t="s">
        <v>51933</v>
      </c>
      <c r="B13677" s="1" t="s">
        <v>50452</v>
      </c>
      <c r="C13677" s="1" t="s">
        <v>75</v>
      </c>
      <c r="D13677" s="1" t="s">
        <v>51979</v>
      </c>
      <c r="E13677" s="1" t="s">
        <v>51980</v>
      </c>
      <c r="F13677" s="1" t="s">
        <v>51981</v>
      </c>
      <c r="G13677" s="1" t="s">
        <v>51937</v>
      </c>
      <c r="H13677" s="1" t="s">
        <v>51938</v>
      </c>
      <c r="I13677" s="1" t="s">
        <v>50458</v>
      </c>
      <c r="J13677" s="1" t="s">
        <v>51982</v>
      </c>
    </row>
    <row r="13678" spans="1:10" x14ac:dyDescent="0.35">
      <c r="A13678" s="1" t="s">
        <v>51933</v>
      </c>
      <c r="B13678" s="1" t="s">
        <v>50452</v>
      </c>
      <c r="C13678" s="1" t="s">
        <v>80</v>
      </c>
      <c r="D13678" s="1" t="s">
        <v>25696</v>
      </c>
      <c r="E13678" s="1" t="s">
        <v>51983</v>
      </c>
      <c r="F13678" s="1" t="s">
        <v>51984</v>
      </c>
      <c r="G13678" s="1" t="s">
        <v>51937</v>
      </c>
      <c r="H13678" s="1" t="s">
        <v>51938</v>
      </c>
      <c r="I13678" s="1" t="s">
        <v>50458</v>
      </c>
      <c r="J13678" s="1" t="s">
        <v>51985</v>
      </c>
    </row>
    <row r="13679" spans="1:10" x14ac:dyDescent="0.35">
      <c r="A13679" s="1" t="s">
        <v>51933</v>
      </c>
      <c r="B13679" s="1" t="s">
        <v>50452</v>
      </c>
      <c r="C13679" s="1" t="s">
        <v>85</v>
      </c>
      <c r="D13679" s="1" t="s">
        <v>51986</v>
      </c>
      <c r="E13679" s="1" t="s">
        <v>51987</v>
      </c>
      <c r="F13679" s="1" t="s">
        <v>51988</v>
      </c>
      <c r="G13679" s="1" t="s">
        <v>51937</v>
      </c>
      <c r="H13679" s="1" t="s">
        <v>51938</v>
      </c>
      <c r="I13679" s="1" t="s">
        <v>50458</v>
      </c>
      <c r="J13679" s="1" t="s">
        <v>51989</v>
      </c>
    </row>
    <row r="13680" spans="1:10" x14ac:dyDescent="0.35">
      <c r="A13680" s="1" t="s">
        <v>51933</v>
      </c>
      <c r="B13680" s="1" t="s">
        <v>50452</v>
      </c>
      <c r="C13680" s="1" t="s">
        <v>90</v>
      </c>
      <c r="D13680" s="1" t="s">
        <v>1189</v>
      </c>
      <c r="E13680" s="1" t="s">
        <v>51990</v>
      </c>
      <c r="F13680" s="1" t="s">
        <v>51991</v>
      </c>
      <c r="G13680" s="1" t="s">
        <v>51937</v>
      </c>
      <c r="H13680" s="1" t="s">
        <v>51938</v>
      </c>
      <c r="I13680" s="1" t="s">
        <v>50458</v>
      </c>
      <c r="J13680" s="1" t="s">
        <v>51992</v>
      </c>
    </row>
    <row r="13681" spans="1:10" x14ac:dyDescent="0.35">
      <c r="A13681" s="1" t="s">
        <v>51933</v>
      </c>
      <c r="B13681" s="1" t="s">
        <v>50452</v>
      </c>
      <c r="C13681" s="1" t="s">
        <v>95</v>
      </c>
      <c r="D13681" s="1" t="s">
        <v>44172</v>
      </c>
      <c r="E13681" s="1" t="s">
        <v>51993</v>
      </c>
      <c r="F13681" s="1" t="s">
        <v>51994</v>
      </c>
      <c r="G13681" s="1" t="s">
        <v>51937</v>
      </c>
      <c r="H13681" s="1" t="s">
        <v>51938</v>
      </c>
      <c r="I13681" s="1" t="s">
        <v>50458</v>
      </c>
      <c r="J13681" s="1" t="s">
        <v>51995</v>
      </c>
    </row>
    <row r="13682" spans="1:10" x14ac:dyDescent="0.35">
      <c r="A13682" s="1" t="s">
        <v>51933</v>
      </c>
      <c r="B13682" s="1" t="s">
        <v>50452</v>
      </c>
      <c r="C13682" s="1" t="s">
        <v>100</v>
      </c>
      <c r="D13682" s="1" t="s">
        <v>51996</v>
      </c>
      <c r="E13682" s="1" t="s">
        <v>51997</v>
      </c>
      <c r="F13682" s="1" t="s">
        <v>51998</v>
      </c>
      <c r="G13682" s="1" t="s">
        <v>51937</v>
      </c>
      <c r="H13682" s="1" t="s">
        <v>51938</v>
      </c>
      <c r="I13682" s="1" t="s">
        <v>50458</v>
      </c>
      <c r="J13682" s="1" t="s">
        <v>51999</v>
      </c>
    </row>
    <row r="13683" spans="1:10" x14ac:dyDescent="0.35">
      <c r="A13683" s="1" t="s">
        <v>51933</v>
      </c>
      <c r="B13683" s="1" t="s">
        <v>50452</v>
      </c>
      <c r="C13683" s="1" t="s">
        <v>105</v>
      </c>
      <c r="D13683" s="1" t="s">
        <v>52000</v>
      </c>
      <c r="E13683" s="1" t="s">
        <v>52001</v>
      </c>
      <c r="F13683" s="1" t="s">
        <v>52002</v>
      </c>
      <c r="G13683" s="1" t="s">
        <v>51937</v>
      </c>
      <c r="H13683" s="1" t="s">
        <v>51938</v>
      </c>
      <c r="I13683" s="1" t="s">
        <v>50458</v>
      </c>
      <c r="J13683" s="1" t="s">
        <v>52003</v>
      </c>
    </row>
    <row r="13684" spans="1:10" x14ac:dyDescent="0.35">
      <c r="A13684" s="1" t="s">
        <v>51933</v>
      </c>
      <c r="B13684" s="1" t="s">
        <v>50452</v>
      </c>
      <c r="C13684" s="1" t="s">
        <v>110</v>
      </c>
      <c r="D13684" s="1" t="s">
        <v>52004</v>
      </c>
      <c r="E13684" s="1" t="s">
        <v>52005</v>
      </c>
      <c r="F13684" s="1" t="s">
        <v>52006</v>
      </c>
      <c r="G13684" s="1" t="s">
        <v>51937</v>
      </c>
      <c r="H13684" s="1" t="s">
        <v>51938</v>
      </c>
      <c r="I13684" s="1" t="s">
        <v>50458</v>
      </c>
      <c r="J13684" s="1" t="s">
        <v>52007</v>
      </c>
    </row>
    <row r="13685" spans="1:10" x14ac:dyDescent="0.35">
      <c r="A13685" s="1" t="s">
        <v>51933</v>
      </c>
      <c r="B13685" s="1" t="s">
        <v>50452</v>
      </c>
      <c r="C13685" s="1" t="s">
        <v>115</v>
      </c>
      <c r="D13685" s="1" t="s">
        <v>52008</v>
      </c>
      <c r="E13685" s="1" t="s">
        <v>52009</v>
      </c>
      <c r="F13685" s="1" t="s">
        <v>52010</v>
      </c>
      <c r="G13685" s="1" t="s">
        <v>51937</v>
      </c>
      <c r="H13685" s="1" t="s">
        <v>51938</v>
      </c>
      <c r="I13685" s="1" t="s">
        <v>50458</v>
      </c>
      <c r="J13685" s="1" t="s">
        <v>52011</v>
      </c>
    </row>
    <row r="13686" spans="1:10" x14ac:dyDescent="0.35">
      <c r="A13686" s="1" t="s">
        <v>51933</v>
      </c>
      <c r="B13686" s="1" t="s">
        <v>50452</v>
      </c>
      <c r="C13686" s="1" t="s">
        <v>120</v>
      </c>
      <c r="D13686" s="1" t="s">
        <v>52012</v>
      </c>
      <c r="E13686" s="1" t="s">
        <v>52013</v>
      </c>
      <c r="F13686" s="1" t="s">
        <v>52014</v>
      </c>
      <c r="G13686" s="1" t="s">
        <v>51937</v>
      </c>
      <c r="H13686" s="1" t="s">
        <v>51938</v>
      </c>
      <c r="I13686" s="1" t="s">
        <v>50458</v>
      </c>
      <c r="J13686" s="1" t="s">
        <v>52015</v>
      </c>
    </row>
    <row r="13687" spans="1:10" x14ac:dyDescent="0.35">
      <c r="A13687" s="1" t="s">
        <v>51933</v>
      </c>
      <c r="B13687" s="1" t="s">
        <v>50452</v>
      </c>
      <c r="C13687" s="1" t="s">
        <v>125</v>
      </c>
      <c r="D13687" s="1" t="s">
        <v>25008</v>
      </c>
      <c r="E13687" s="1" t="s">
        <v>52016</v>
      </c>
      <c r="F13687" s="1" t="s">
        <v>52017</v>
      </c>
      <c r="G13687" s="1" t="s">
        <v>51937</v>
      </c>
      <c r="H13687" s="1" t="s">
        <v>51938</v>
      </c>
      <c r="I13687" s="1" t="s">
        <v>50458</v>
      </c>
      <c r="J13687" s="1" t="s">
        <v>52018</v>
      </c>
    </row>
    <row r="13688" spans="1:10" x14ac:dyDescent="0.35">
      <c r="A13688" s="1" t="s">
        <v>51933</v>
      </c>
      <c r="B13688" s="1" t="s">
        <v>50452</v>
      </c>
      <c r="C13688" s="1" t="s">
        <v>130</v>
      </c>
      <c r="D13688" s="1" t="s">
        <v>52019</v>
      </c>
      <c r="E13688" s="1" t="s">
        <v>52020</v>
      </c>
      <c r="F13688" s="1" t="s">
        <v>52021</v>
      </c>
      <c r="G13688" s="1" t="s">
        <v>51937</v>
      </c>
      <c r="H13688" s="1" t="s">
        <v>51938</v>
      </c>
      <c r="I13688" s="1" t="s">
        <v>50458</v>
      </c>
      <c r="J13688" s="1" t="s">
        <v>52022</v>
      </c>
    </row>
    <row r="13689" spans="1:10" x14ac:dyDescent="0.35">
      <c r="A13689" s="1" t="s">
        <v>51933</v>
      </c>
      <c r="B13689" s="1" t="s">
        <v>50452</v>
      </c>
      <c r="C13689" s="1" t="s">
        <v>135</v>
      </c>
      <c r="D13689" s="1" t="s">
        <v>52023</v>
      </c>
      <c r="E13689" s="1" t="s">
        <v>52024</v>
      </c>
      <c r="F13689" s="1" t="s">
        <v>52025</v>
      </c>
      <c r="G13689" s="1" t="s">
        <v>51937</v>
      </c>
      <c r="H13689" s="1" t="s">
        <v>51938</v>
      </c>
      <c r="I13689" s="1" t="s">
        <v>50458</v>
      </c>
      <c r="J13689" s="1" t="s">
        <v>52026</v>
      </c>
    </row>
    <row r="13690" spans="1:10" x14ac:dyDescent="0.35">
      <c r="A13690" s="1" t="s">
        <v>51933</v>
      </c>
      <c r="B13690" s="1" t="s">
        <v>50452</v>
      </c>
      <c r="C13690" s="1" t="s">
        <v>140</v>
      </c>
      <c r="D13690" s="1" t="s">
        <v>34686</v>
      </c>
      <c r="E13690" s="1" t="s">
        <v>52027</v>
      </c>
      <c r="F13690" s="1" t="s">
        <v>52028</v>
      </c>
      <c r="G13690" s="1" t="s">
        <v>51937</v>
      </c>
      <c r="H13690" s="1" t="s">
        <v>51938</v>
      </c>
      <c r="I13690" s="1" t="s">
        <v>50458</v>
      </c>
      <c r="J13690" s="1" t="s">
        <v>52029</v>
      </c>
    </row>
    <row r="13691" spans="1:10" x14ac:dyDescent="0.35">
      <c r="A13691" s="1" t="s">
        <v>51933</v>
      </c>
      <c r="B13691" s="1" t="s">
        <v>50452</v>
      </c>
      <c r="C13691" s="1" t="s">
        <v>145</v>
      </c>
      <c r="D13691" s="1" t="s">
        <v>5766</v>
      </c>
      <c r="E13691" s="1" t="s">
        <v>52030</v>
      </c>
      <c r="F13691" s="1" t="s">
        <v>52031</v>
      </c>
      <c r="G13691" s="1" t="s">
        <v>51937</v>
      </c>
      <c r="H13691" s="1" t="s">
        <v>51938</v>
      </c>
      <c r="I13691" s="1" t="s">
        <v>50458</v>
      </c>
      <c r="J13691" s="1" t="s">
        <v>52032</v>
      </c>
    </row>
    <row r="13692" spans="1:10" x14ac:dyDescent="0.35">
      <c r="A13692" s="1" t="s">
        <v>51933</v>
      </c>
      <c r="B13692" s="1" t="s">
        <v>50452</v>
      </c>
      <c r="C13692" s="1" t="s">
        <v>150</v>
      </c>
      <c r="D13692" s="1" t="s">
        <v>47350</v>
      </c>
      <c r="E13692" s="1" t="s">
        <v>52033</v>
      </c>
      <c r="F13692" s="1" t="s">
        <v>52034</v>
      </c>
      <c r="G13692" s="1" t="s">
        <v>51937</v>
      </c>
      <c r="H13692" s="1" t="s">
        <v>51938</v>
      </c>
      <c r="I13692" s="1" t="s">
        <v>50458</v>
      </c>
      <c r="J13692" s="1" t="s">
        <v>52035</v>
      </c>
    </row>
    <row r="13693" spans="1:10" x14ac:dyDescent="0.35">
      <c r="A13693" s="1" t="s">
        <v>51933</v>
      </c>
      <c r="B13693" s="1" t="s">
        <v>50452</v>
      </c>
      <c r="C13693" s="1" t="s">
        <v>155</v>
      </c>
      <c r="D13693" s="1" t="s">
        <v>35030</v>
      </c>
      <c r="E13693" s="1" t="s">
        <v>52036</v>
      </c>
      <c r="F13693" s="1" t="s">
        <v>52037</v>
      </c>
      <c r="G13693" s="1" t="s">
        <v>51937</v>
      </c>
      <c r="H13693" s="1" t="s">
        <v>51938</v>
      </c>
      <c r="I13693" s="1" t="s">
        <v>50458</v>
      </c>
      <c r="J13693" s="1" t="s">
        <v>52038</v>
      </c>
    </row>
    <row r="13694" spans="1:10" x14ac:dyDescent="0.35">
      <c r="A13694" s="1" t="s">
        <v>51933</v>
      </c>
      <c r="B13694" s="1" t="s">
        <v>50452</v>
      </c>
      <c r="C13694" s="1" t="s">
        <v>160</v>
      </c>
      <c r="D13694" s="1" t="s">
        <v>52039</v>
      </c>
      <c r="E13694" s="1" t="s">
        <v>52040</v>
      </c>
      <c r="F13694" s="1" t="s">
        <v>52041</v>
      </c>
      <c r="G13694" s="1" t="s">
        <v>51937</v>
      </c>
      <c r="H13694" s="1" t="s">
        <v>51938</v>
      </c>
      <c r="I13694" s="1" t="s">
        <v>50458</v>
      </c>
      <c r="J13694" s="1" t="s">
        <v>52042</v>
      </c>
    </row>
    <row r="13695" spans="1:10" x14ac:dyDescent="0.35">
      <c r="A13695" s="1" t="s">
        <v>51933</v>
      </c>
      <c r="B13695" s="1" t="s">
        <v>50452</v>
      </c>
      <c r="C13695" s="1" t="s">
        <v>165</v>
      </c>
      <c r="D13695" s="1" t="s">
        <v>15364</v>
      </c>
      <c r="E13695" s="1" t="s">
        <v>52043</v>
      </c>
      <c r="F13695" s="1" t="s">
        <v>52044</v>
      </c>
      <c r="G13695" s="1" t="s">
        <v>51937</v>
      </c>
      <c r="H13695" s="1" t="s">
        <v>51938</v>
      </c>
      <c r="I13695" s="1" t="s">
        <v>50458</v>
      </c>
      <c r="J13695" s="1" t="s">
        <v>52045</v>
      </c>
    </row>
    <row r="13696" spans="1:10" x14ac:dyDescent="0.35">
      <c r="A13696" s="1" t="s">
        <v>51933</v>
      </c>
      <c r="B13696" s="1" t="s">
        <v>50452</v>
      </c>
      <c r="C13696" s="1" t="s">
        <v>170</v>
      </c>
      <c r="D13696" s="1" t="s">
        <v>52046</v>
      </c>
      <c r="E13696" s="1" t="s">
        <v>52047</v>
      </c>
      <c r="F13696" s="1" t="s">
        <v>52048</v>
      </c>
      <c r="G13696" s="1" t="s">
        <v>51937</v>
      </c>
      <c r="H13696" s="1" t="s">
        <v>51938</v>
      </c>
      <c r="I13696" s="1" t="s">
        <v>50458</v>
      </c>
      <c r="J13696" s="1" t="s">
        <v>52049</v>
      </c>
    </row>
    <row r="13697" spans="1:10" x14ac:dyDescent="0.35">
      <c r="A13697" s="1" t="s">
        <v>52050</v>
      </c>
      <c r="B13697" s="1" t="s">
        <v>50452</v>
      </c>
      <c r="C13697" s="1" t="s">
        <v>8</v>
      </c>
      <c r="D13697" s="1" t="s">
        <v>36719</v>
      </c>
      <c r="E13697" s="1" t="s">
        <v>52051</v>
      </c>
      <c r="F13697" s="1" t="s">
        <v>52052</v>
      </c>
      <c r="G13697" s="1" t="s">
        <v>52053</v>
      </c>
      <c r="H13697" s="1" t="s">
        <v>52054</v>
      </c>
      <c r="I13697" s="1" t="s">
        <v>50458</v>
      </c>
      <c r="J13697" s="1" t="s">
        <v>13</v>
      </c>
    </row>
    <row r="13698" spans="1:10" x14ac:dyDescent="0.35">
      <c r="A13698" s="1" t="s">
        <v>52050</v>
      </c>
      <c r="B13698" s="1" t="s">
        <v>50452</v>
      </c>
      <c r="C13698" s="1" t="s">
        <v>15</v>
      </c>
      <c r="D13698" s="1" t="s">
        <v>52055</v>
      </c>
      <c r="E13698" s="1" t="s">
        <v>52056</v>
      </c>
      <c r="F13698" s="1" t="s">
        <v>52057</v>
      </c>
      <c r="G13698" s="1" t="s">
        <v>52053</v>
      </c>
      <c r="H13698" s="1" t="s">
        <v>52054</v>
      </c>
      <c r="I13698" s="1" t="s">
        <v>50458</v>
      </c>
      <c r="J13698" s="1" t="s">
        <v>52058</v>
      </c>
    </row>
    <row r="13699" spans="1:10" x14ac:dyDescent="0.35">
      <c r="A13699" s="1" t="s">
        <v>52050</v>
      </c>
      <c r="B13699" s="1" t="s">
        <v>50452</v>
      </c>
      <c r="C13699" s="1" t="s">
        <v>20</v>
      </c>
      <c r="D13699" s="1" t="s">
        <v>10016</v>
      </c>
      <c r="E13699" s="1" t="s">
        <v>52059</v>
      </c>
      <c r="F13699" s="1" t="s">
        <v>52060</v>
      </c>
      <c r="G13699" s="1" t="s">
        <v>52053</v>
      </c>
      <c r="H13699" s="1" t="s">
        <v>52054</v>
      </c>
      <c r="I13699" s="1" t="s">
        <v>50458</v>
      </c>
      <c r="J13699" s="1" t="s">
        <v>52061</v>
      </c>
    </row>
    <row r="13700" spans="1:10" x14ac:dyDescent="0.35">
      <c r="A13700" s="1" t="s">
        <v>52050</v>
      </c>
      <c r="B13700" s="1" t="s">
        <v>50452</v>
      </c>
      <c r="C13700" s="1" t="s">
        <v>25</v>
      </c>
      <c r="D13700" s="1" t="s">
        <v>52062</v>
      </c>
      <c r="E13700" s="1" t="s">
        <v>52063</v>
      </c>
      <c r="F13700" s="1" t="s">
        <v>52064</v>
      </c>
      <c r="G13700" s="1" t="s">
        <v>52053</v>
      </c>
      <c r="H13700" s="1" t="s">
        <v>52054</v>
      </c>
      <c r="I13700" s="1" t="s">
        <v>50458</v>
      </c>
      <c r="J13700" s="1" t="s">
        <v>52065</v>
      </c>
    </row>
    <row r="13701" spans="1:10" x14ac:dyDescent="0.35">
      <c r="A13701" s="1" t="s">
        <v>52050</v>
      </c>
      <c r="B13701" s="1" t="s">
        <v>50452</v>
      </c>
      <c r="C13701" s="1" t="s">
        <v>30</v>
      </c>
      <c r="D13701" s="1" t="s">
        <v>52066</v>
      </c>
      <c r="E13701" s="1" t="s">
        <v>52067</v>
      </c>
      <c r="F13701" s="1" t="s">
        <v>52068</v>
      </c>
      <c r="G13701" s="1" t="s">
        <v>52053</v>
      </c>
      <c r="H13701" s="1" t="s">
        <v>52054</v>
      </c>
      <c r="I13701" s="1" t="s">
        <v>50458</v>
      </c>
      <c r="J13701" s="1" t="s">
        <v>52069</v>
      </c>
    </row>
    <row r="13702" spans="1:10" x14ac:dyDescent="0.35">
      <c r="A13702" s="1" t="s">
        <v>52050</v>
      </c>
      <c r="B13702" s="1" t="s">
        <v>50452</v>
      </c>
      <c r="C13702" s="1" t="s">
        <v>35</v>
      </c>
      <c r="D13702" s="1" t="s">
        <v>52070</v>
      </c>
      <c r="E13702" s="1" t="s">
        <v>52071</v>
      </c>
      <c r="F13702" s="1" t="s">
        <v>52072</v>
      </c>
      <c r="G13702" s="1" t="s">
        <v>52053</v>
      </c>
      <c r="H13702" s="1" t="s">
        <v>52054</v>
      </c>
      <c r="I13702" s="1" t="s">
        <v>50458</v>
      </c>
      <c r="J13702" s="1" t="s">
        <v>52073</v>
      </c>
    </row>
    <row r="13703" spans="1:10" x14ac:dyDescent="0.35">
      <c r="A13703" s="1" t="s">
        <v>52050</v>
      </c>
      <c r="B13703" s="1" t="s">
        <v>50452</v>
      </c>
      <c r="C13703" s="1" t="s">
        <v>40</v>
      </c>
      <c r="D13703" s="1" t="s">
        <v>52074</v>
      </c>
      <c r="E13703" s="1" t="s">
        <v>52075</v>
      </c>
      <c r="F13703" s="1" t="s">
        <v>52076</v>
      </c>
      <c r="G13703" s="1" t="s">
        <v>52053</v>
      </c>
      <c r="H13703" s="1" t="s">
        <v>52054</v>
      </c>
      <c r="I13703" s="1" t="s">
        <v>50458</v>
      </c>
      <c r="J13703" s="1" t="s">
        <v>52077</v>
      </c>
    </row>
    <row r="13704" spans="1:10" x14ac:dyDescent="0.35">
      <c r="A13704" s="1" t="s">
        <v>52050</v>
      </c>
      <c r="B13704" s="1" t="s">
        <v>50452</v>
      </c>
      <c r="C13704" s="1" t="s">
        <v>45</v>
      </c>
      <c r="D13704" s="1" t="s">
        <v>51052</v>
      </c>
      <c r="E13704" s="1" t="s">
        <v>52078</v>
      </c>
      <c r="F13704" s="1" t="s">
        <v>52079</v>
      </c>
      <c r="G13704" s="1" t="s">
        <v>52053</v>
      </c>
      <c r="H13704" s="1" t="s">
        <v>52054</v>
      </c>
      <c r="I13704" s="1" t="s">
        <v>50458</v>
      </c>
      <c r="J13704" s="1" t="s">
        <v>52080</v>
      </c>
    </row>
    <row r="13705" spans="1:10" x14ac:dyDescent="0.35">
      <c r="A13705" s="1" t="s">
        <v>52050</v>
      </c>
      <c r="B13705" s="1" t="s">
        <v>50452</v>
      </c>
      <c r="C13705" s="1" t="s">
        <v>50</v>
      </c>
      <c r="D13705" s="1" t="s">
        <v>52081</v>
      </c>
      <c r="E13705" s="1" t="s">
        <v>52082</v>
      </c>
      <c r="F13705" s="1" t="s">
        <v>52083</v>
      </c>
      <c r="G13705" s="1" t="s">
        <v>52053</v>
      </c>
      <c r="H13705" s="1" t="s">
        <v>52054</v>
      </c>
      <c r="I13705" s="1" t="s">
        <v>50458</v>
      </c>
      <c r="J13705" s="1" t="s">
        <v>52084</v>
      </c>
    </row>
    <row r="13706" spans="1:10" x14ac:dyDescent="0.35">
      <c r="A13706" s="1" t="s">
        <v>52050</v>
      </c>
      <c r="B13706" s="1" t="s">
        <v>50452</v>
      </c>
      <c r="C13706" s="1" t="s">
        <v>55</v>
      </c>
      <c r="D13706" s="1" t="s">
        <v>7010</v>
      </c>
      <c r="E13706" s="1" t="s">
        <v>52085</v>
      </c>
      <c r="F13706" s="1" t="s">
        <v>52086</v>
      </c>
      <c r="G13706" s="1" t="s">
        <v>52053</v>
      </c>
      <c r="H13706" s="1" t="s">
        <v>52054</v>
      </c>
      <c r="I13706" s="1" t="s">
        <v>50458</v>
      </c>
      <c r="J13706" s="1" t="s">
        <v>52087</v>
      </c>
    </row>
    <row r="13707" spans="1:10" x14ac:dyDescent="0.35">
      <c r="A13707" s="1" t="s">
        <v>52050</v>
      </c>
      <c r="B13707" s="1" t="s">
        <v>50452</v>
      </c>
      <c r="C13707" s="1" t="s">
        <v>60</v>
      </c>
      <c r="D13707" s="1" t="s">
        <v>52088</v>
      </c>
      <c r="E13707" s="1" t="s">
        <v>52089</v>
      </c>
      <c r="F13707" s="1" t="s">
        <v>52090</v>
      </c>
      <c r="G13707" s="1" t="s">
        <v>52053</v>
      </c>
      <c r="H13707" s="1" t="s">
        <v>52054</v>
      </c>
      <c r="I13707" s="1" t="s">
        <v>50458</v>
      </c>
      <c r="J13707" s="1" t="s">
        <v>52091</v>
      </c>
    </row>
    <row r="13708" spans="1:10" x14ac:dyDescent="0.35">
      <c r="A13708" s="1" t="s">
        <v>52050</v>
      </c>
      <c r="B13708" s="1" t="s">
        <v>50452</v>
      </c>
      <c r="C13708" s="1" t="s">
        <v>65</v>
      </c>
      <c r="D13708" s="1" t="s">
        <v>52092</v>
      </c>
      <c r="E13708" s="1" t="s">
        <v>52093</v>
      </c>
      <c r="F13708" s="1" t="s">
        <v>52094</v>
      </c>
      <c r="G13708" s="1" t="s">
        <v>52053</v>
      </c>
      <c r="H13708" s="1" t="s">
        <v>52054</v>
      </c>
      <c r="I13708" s="1" t="s">
        <v>50458</v>
      </c>
      <c r="J13708" s="1" t="s">
        <v>52095</v>
      </c>
    </row>
    <row r="13709" spans="1:10" x14ac:dyDescent="0.35">
      <c r="A13709" s="1" t="s">
        <v>52050</v>
      </c>
      <c r="B13709" s="1" t="s">
        <v>50452</v>
      </c>
      <c r="C13709" s="1" t="s">
        <v>70</v>
      </c>
      <c r="D13709" s="1" t="s">
        <v>52096</v>
      </c>
      <c r="E13709" s="1" t="s">
        <v>52097</v>
      </c>
      <c r="F13709" s="1" t="s">
        <v>52098</v>
      </c>
      <c r="G13709" s="1" t="s">
        <v>52053</v>
      </c>
      <c r="H13709" s="1" t="s">
        <v>52054</v>
      </c>
      <c r="I13709" s="1" t="s">
        <v>50458</v>
      </c>
      <c r="J13709" s="1" t="s">
        <v>52099</v>
      </c>
    </row>
    <row r="13710" spans="1:10" x14ac:dyDescent="0.35">
      <c r="A13710" s="1" t="s">
        <v>52050</v>
      </c>
      <c r="B13710" s="1" t="s">
        <v>50452</v>
      </c>
      <c r="C13710" s="1" t="s">
        <v>75</v>
      </c>
      <c r="D13710" s="1" t="s">
        <v>29414</v>
      </c>
      <c r="E13710" s="1" t="s">
        <v>52100</v>
      </c>
      <c r="F13710" s="1" t="s">
        <v>52101</v>
      </c>
      <c r="G13710" s="1" t="s">
        <v>52053</v>
      </c>
      <c r="H13710" s="1" t="s">
        <v>52054</v>
      </c>
      <c r="I13710" s="1" t="s">
        <v>50458</v>
      </c>
      <c r="J13710" s="1" t="s">
        <v>52102</v>
      </c>
    </row>
    <row r="13711" spans="1:10" x14ac:dyDescent="0.35">
      <c r="A13711" s="1" t="s">
        <v>52050</v>
      </c>
      <c r="B13711" s="1" t="s">
        <v>50452</v>
      </c>
      <c r="C13711" s="1" t="s">
        <v>80</v>
      </c>
      <c r="D13711" s="1" t="s">
        <v>52103</v>
      </c>
      <c r="E13711" s="1" t="s">
        <v>52104</v>
      </c>
      <c r="F13711" s="1" t="s">
        <v>52105</v>
      </c>
      <c r="G13711" s="1" t="s">
        <v>52053</v>
      </c>
      <c r="H13711" s="1" t="s">
        <v>52054</v>
      </c>
      <c r="I13711" s="1" t="s">
        <v>50458</v>
      </c>
      <c r="J13711" s="1" t="s">
        <v>52106</v>
      </c>
    </row>
    <row r="13712" spans="1:10" x14ac:dyDescent="0.35">
      <c r="A13712" s="1" t="s">
        <v>52050</v>
      </c>
      <c r="B13712" s="1" t="s">
        <v>50452</v>
      </c>
      <c r="C13712" s="1" t="s">
        <v>85</v>
      </c>
      <c r="D13712" s="1" t="s">
        <v>52107</v>
      </c>
      <c r="E13712" s="1" t="s">
        <v>52108</v>
      </c>
      <c r="F13712" s="1" t="s">
        <v>52109</v>
      </c>
      <c r="G13712" s="1" t="s">
        <v>52053</v>
      </c>
      <c r="H13712" s="1" t="s">
        <v>52054</v>
      </c>
      <c r="I13712" s="1" t="s">
        <v>50458</v>
      </c>
      <c r="J13712" s="1" t="s">
        <v>52110</v>
      </c>
    </row>
    <row r="13713" spans="1:10" x14ac:dyDescent="0.35">
      <c r="A13713" s="1" t="s">
        <v>52050</v>
      </c>
      <c r="B13713" s="1" t="s">
        <v>50452</v>
      </c>
      <c r="C13713" s="1" t="s">
        <v>90</v>
      </c>
      <c r="D13713" s="1" t="s">
        <v>52111</v>
      </c>
      <c r="E13713" s="1" t="s">
        <v>52112</v>
      </c>
      <c r="F13713" s="1" t="s">
        <v>52113</v>
      </c>
      <c r="G13713" s="1" t="s">
        <v>52053</v>
      </c>
      <c r="H13713" s="1" t="s">
        <v>52054</v>
      </c>
      <c r="I13713" s="1" t="s">
        <v>50458</v>
      </c>
      <c r="J13713" s="1" t="s">
        <v>52114</v>
      </c>
    </row>
    <row r="13714" spans="1:10" x14ac:dyDescent="0.35">
      <c r="A13714" s="1" t="s">
        <v>52050</v>
      </c>
      <c r="B13714" s="1" t="s">
        <v>50452</v>
      </c>
      <c r="C13714" s="1" t="s">
        <v>95</v>
      </c>
      <c r="D13714" s="1" t="s">
        <v>52115</v>
      </c>
      <c r="E13714" s="1" t="s">
        <v>52116</v>
      </c>
      <c r="F13714" s="1" t="s">
        <v>52117</v>
      </c>
      <c r="G13714" s="1" t="s">
        <v>52053</v>
      </c>
      <c r="H13714" s="1" t="s">
        <v>52054</v>
      </c>
      <c r="I13714" s="1" t="s">
        <v>50458</v>
      </c>
      <c r="J13714" s="1" t="s">
        <v>52118</v>
      </c>
    </row>
    <row r="13715" spans="1:10" x14ac:dyDescent="0.35">
      <c r="A13715" s="1" t="s">
        <v>52050</v>
      </c>
      <c r="B13715" s="1" t="s">
        <v>50452</v>
      </c>
      <c r="C13715" s="1" t="s">
        <v>100</v>
      </c>
      <c r="D13715" s="1" t="s">
        <v>52119</v>
      </c>
      <c r="E13715" s="1" t="s">
        <v>52120</v>
      </c>
      <c r="F13715" s="1" t="s">
        <v>52121</v>
      </c>
      <c r="G13715" s="1" t="s">
        <v>52053</v>
      </c>
      <c r="H13715" s="1" t="s">
        <v>52054</v>
      </c>
      <c r="I13715" s="1" t="s">
        <v>50458</v>
      </c>
      <c r="J13715" s="1" t="s">
        <v>52122</v>
      </c>
    </row>
    <row r="13716" spans="1:10" x14ac:dyDescent="0.35">
      <c r="A13716" s="1" t="s">
        <v>52050</v>
      </c>
      <c r="B13716" s="1" t="s">
        <v>50452</v>
      </c>
      <c r="C13716" s="1" t="s">
        <v>105</v>
      </c>
      <c r="D13716" s="1" t="s">
        <v>52123</v>
      </c>
      <c r="E13716" s="1" t="s">
        <v>52124</v>
      </c>
      <c r="F13716" s="1" t="s">
        <v>52125</v>
      </c>
      <c r="G13716" s="1" t="s">
        <v>52053</v>
      </c>
      <c r="H13716" s="1" t="s">
        <v>52054</v>
      </c>
      <c r="I13716" s="1" t="s">
        <v>50458</v>
      </c>
      <c r="J13716" s="1" t="s">
        <v>52126</v>
      </c>
    </row>
    <row r="13717" spans="1:10" x14ac:dyDescent="0.35">
      <c r="A13717" s="1" t="s">
        <v>52050</v>
      </c>
      <c r="B13717" s="1" t="s">
        <v>50452</v>
      </c>
      <c r="C13717" s="1" t="s">
        <v>110</v>
      </c>
      <c r="D13717" s="1" t="s">
        <v>52127</v>
      </c>
      <c r="E13717" s="1" t="s">
        <v>52128</v>
      </c>
      <c r="F13717" s="1" t="s">
        <v>52129</v>
      </c>
      <c r="G13717" s="1" t="s">
        <v>52053</v>
      </c>
      <c r="H13717" s="1" t="s">
        <v>52054</v>
      </c>
      <c r="I13717" s="1" t="s">
        <v>50458</v>
      </c>
      <c r="J13717" s="1" t="s">
        <v>52130</v>
      </c>
    </row>
    <row r="13718" spans="1:10" x14ac:dyDescent="0.35">
      <c r="A13718" s="1" t="s">
        <v>52050</v>
      </c>
      <c r="B13718" s="1" t="s">
        <v>50452</v>
      </c>
      <c r="C13718" s="1" t="s">
        <v>115</v>
      </c>
      <c r="D13718" s="1" t="s">
        <v>25028</v>
      </c>
      <c r="E13718" s="1" t="s">
        <v>52131</v>
      </c>
      <c r="F13718" s="1" t="s">
        <v>52132</v>
      </c>
      <c r="G13718" s="1" t="s">
        <v>52053</v>
      </c>
      <c r="H13718" s="1" t="s">
        <v>52054</v>
      </c>
      <c r="I13718" s="1" t="s">
        <v>50458</v>
      </c>
      <c r="J13718" s="1" t="s">
        <v>52133</v>
      </c>
    </row>
    <row r="13719" spans="1:10" x14ac:dyDescent="0.35">
      <c r="A13719" s="1" t="s">
        <v>52050</v>
      </c>
      <c r="B13719" s="1" t="s">
        <v>50452</v>
      </c>
      <c r="C13719" s="1" t="s">
        <v>120</v>
      </c>
      <c r="D13719" s="1" t="s">
        <v>36224</v>
      </c>
      <c r="E13719" s="1" t="s">
        <v>52134</v>
      </c>
      <c r="F13719" s="1" t="s">
        <v>52135</v>
      </c>
      <c r="G13719" s="1" t="s">
        <v>52053</v>
      </c>
      <c r="H13719" s="1" t="s">
        <v>52054</v>
      </c>
      <c r="I13719" s="1" t="s">
        <v>50458</v>
      </c>
      <c r="J13719" s="1" t="s">
        <v>52136</v>
      </c>
    </row>
    <row r="13720" spans="1:10" x14ac:dyDescent="0.35">
      <c r="A13720" s="1" t="s">
        <v>52050</v>
      </c>
      <c r="B13720" s="1" t="s">
        <v>50452</v>
      </c>
      <c r="C13720" s="1" t="s">
        <v>125</v>
      </c>
      <c r="D13720" s="1" t="s">
        <v>3429</v>
      </c>
      <c r="E13720" s="1" t="s">
        <v>52137</v>
      </c>
      <c r="F13720" s="1" t="s">
        <v>52138</v>
      </c>
      <c r="G13720" s="1" t="s">
        <v>52053</v>
      </c>
      <c r="H13720" s="1" t="s">
        <v>52054</v>
      </c>
      <c r="I13720" s="1" t="s">
        <v>50458</v>
      </c>
      <c r="J13720" s="1" t="s">
        <v>52139</v>
      </c>
    </row>
    <row r="13721" spans="1:10" x14ac:dyDescent="0.35">
      <c r="A13721" s="1" t="s">
        <v>52050</v>
      </c>
      <c r="B13721" s="1" t="s">
        <v>50452</v>
      </c>
      <c r="C13721" s="1" t="s">
        <v>130</v>
      </c>
      <c r="D13721" s="1" t="s">
        <v>5074</v>
      </c>
      <c r="E13721" s="1" t="s">
        <v>52140</v>
      </c>
      <c r="F13721" s="1" t="s">
        <v>52141</v>
      </c>
      <c r="G13721" s="1" t="s">
        <v>52053</v>
      </c>
      <c r="H13721" s="1" t="s">
        <v>52054</v>
      </c>
      <c r="I13721" s="1" t="s">
        <v>50458</v>
      </c>
      <c r="J13721" s="1" t="s">
        <v>52142</v>
      </c>
    </row>
    <row r="13722" spans="1:10" x14ac:dyDescent="0.35">
      <c r="A13722" s="1" t="s">
        <v>52050</v>
      </c>
      <c r="B13722" s="1" t="s">
        <v>50452</v>
      </c>
      <c r="C13722" s="1" t="s">
        <v>135</v>
      </c>
      <c r="D13722" s="1" t="s">
        <v>15767</v>
      </c>
      <c r="E13722" s="1" t="s">
        <v>52143</v>
      </c>
      <c r="F13722" s="1" t="s">
        <v>52144</v>
      </c>
      <c r="G13722" s="1" t="s">
        <v>52053</v>
      </c>
      <c r="H13722" s="1" t="s">
        <v>52054</v>
      </c>
      <c r="I13722" s="1" t="s">
        <v>50458</v>
      </c>
      <c r="J13722" s="1" t="s">
        <v>52145</v>
      </c>
    </row>
    <row r="13723" spans="1:10" x14ac:dyDescent="0.35">
      <c r="A13723" s="1" t="s">
        <v>52050</v>
      </c>
      <c r="B13723" s="1" t="s">
        <v>50452</v>
      </c>
      <c r="C13723" s="1" t="s">
        <v>140</v>
      </c>
      <c r="D13723" s="1" t="s">
        <v>52146</v>
      </c>
      <c r="E13723" s="1" t="s">
        <v>52147</v>
      </c>
      <c r="F13723" s="1" t="s">
        <v>52148</v>
      </c>
      <c r="G13723" s="1" t="s">
        <v>52053</v>
      </c>
      <c r="H13723" s="1" t="s">
        <v>52054</v>
      </c>
      <c r="I13723" s="1" t="s">
        <v>50458</v>
      </c>
      <c r="J13723" s="1" t="s">
        <v>52149</v>
      </c>
    </row>
    <row r="13724" spans="1:10" x14ac:dyDescent="0.35">
      <c r="A13724" s="1" t="s">
        <v>52050</v>
      </c>
      <c r="B13724" s="1" t="s">
        <v>50452</v>
      </c>
      <c r="C13724" s="1" t="s">
        <v>145</v>
      </c>
      <c r="D13724" s="1" t="s">
        <v>52150</v>
      </c>
      <c r="E13724" s="1" t="s">
        <v>52151</v>
      </c>
      <c r="F13724" s="1" t="s">
        <v>52152</v>
      </c>
      <c r="G13724" s="1" t="s">
        <v>52053</v>
      </c>
      <c r="H13724" s="1" t="s">
        <v>52054</v>
      </c>
      <c r="I13724" s="1" t="s">
        <v>50458</v>
      </c>
      <c r="J13724" s="1" t="s">
        <v>52153</v>
      </c>
    </row>
    <row r="13725" spans="1:10" x14ac:dyDescent="0.35">
      <c r="A13725" s="1" t="s">
        <v>52050</v>
      </c>
      <c r="B13725" s="1" t="s">
        <v>50452</v>
      </c>
      <c r="C13725" s="1" t="s">
        <v>150</v>
      </c>
      <c r="D13725" s="1" t="s">
        <v>52154</v>
      </c>
      <c r="E13725" s="1" t="s">
        <v>52155</v>
      </c>
      <c r="F13725" s="1" t="s">
        <v>52156</v>
      </c>
      <c r="G13725" s="1" t="s">
        <v>52053</v>
      </c>
      <c r="H13725" s="1" t="s">
        <v>52054</v>
      </c>
      <c r="I13725" s="1" t="s">
        <v>50458</v>
      </c>
      <c r="J13725" s="1" t="s">
        <v>52157</v>
      </c>
    </row>
    <row r="13726" spans="1:10" x14ac:dyDescent="0.35">
      <c r="A13726" s="1" t="s">
        <v>52050</v>
      </c>
      <c r="B13726" s="1" t="s">
        <v>50452</v>
      </c>
      <c r="C13726" s="1" t="s">
        <v>155</v>
      </c>
      <c r="D13726" s="1" t="s">
        <v>37607</v>
      </c>
      <c r="E13726" s="1" t="s">
        <v>52158</v>
      </c>
      <c r="F13726" s="1" t="s">
        <v>52159</v>
      </c>
      <c r="G13726" s="1" t="s">
        <v>52053</v>
      </c>
      <c r="H13726" s="1" t="s">
        <v>52054</v>
      </c>
      <c r="I13726" s="1" t="s">
        <v>50458</v>
      </c>
      <c r="J13726" s="1" t="s">
        <v>52160</v>
      </c>
    </row>
    <row r="13727" spans="1:10" x14ac:dyDescent="0.35">
      <c r="A13727" s="1" t="s">
        <v>52050</v>
      </c>
      <c r="B13727" s="1" t="s">
        <v>50452</v>
      </c>
      <c r="C13727" s="1" t="s">
        <v>160</v>
      </c>
      <c r="D13727" s="1" t="s">
        <v>48867</v>
      </c>
      <c r="E13727" s="1" t="s">
        <v>52161</v>
      </c>
      <c r="F13727" s="1" t="s">
        <v>52162</v>
      </c>
      <c r="G13727" s="1" t="s">
        <v>52053</v>
      </c>
      <c r="H13727" s="1" t="s">
        <v>52054</v>
      </c>
      <c r="I13727" s="1" t="s">
        <v>50458</v>
      </c>
      <c r="J13727" s="1" t="s">
        <v>52163</v>
      </c>
    </row>
    <row r="13728" spans="1:10" x14ac:dyDescent="0.35">
      <c r="A13728" s="1" t="s">
        <v>52050</v>
      </c>
      <c r="B13728" s="1" t="s">
        <v>50452</v>
      </c>
      <c r="C13728" s="1" t="s">
        <v>165</v>
      </c>
      <c r="D13728" s="1" t="s">
        <v>44086</v>
      </c>
      <c r="E13728" s="1" t="s">
        <v>52164</v>
      </c>
      <c r="F13728" s="1" t="s">
        <v>52165</v>
      </c>
      <c r="G13728" s="1" t="s">
        <v>52053</v>
      </c>
      <c r="H13728" s="1" t="s">
        <v>52054</v>
      </c>
      <c r="I13728" s="1" t="s">
        <v>50458</v>
      </c>
      <c r="J13728" s="1" t="s">
        <v>52166</v>
      </c>
    </row>
    <row r="13729" spans="1:10" x14ac:dyDescent="0.35">
      <c r="A13729" s="1" t="s">
        <v>52050</v>
      </c>
      <c r="B13729" s="1" t="s">
        <v>50452</v>
      </c>
      <c r="C13729" s="1" t="s">
        <v>170</v>
      </c>
      <c r="D13729" s="1" t="s">
        <v>46772</v>
      </c>
      <c r="E13729" s="1" t="s">
        <v>52167</v>
      </c>
      <c r="F13729" s="1" t="s">
        <v>52168</v>
      </c>
      <c r="G13729" s="1" t="s">
        <v>52053</v>
      </c>
      <c r="H13729" s="1" t="s">
        <v>52054</v>
      </c>
      <c r="I13729" s="1" t="s">
        <v>50458</v>
      </c>
      <c r="J13729" s="1" t="s">
        <v>52169</v>
      </c>
    </row>
    <row r="13730" spans="1:10" x14ac:dyDescent="0.35">
      <c r="A13730" s="1" t="s">
        <v>52170</v>
      </c>
      <c r="B13730" s="1" t="s">
        <v>52171</v>
      </c>
      <c r="C13730" s="1" t="s">
        <v>8</v>
      </c>
      <c r="D13730" s="1" t="s">
        <v>52172</v>
      </c>
      <c r="E13730" s="1" t="s">
        <v>52173</v>
      </c>
      <c r="F13730" s="1" t="s">
        <v>52174</v>
      </c>
      <c r="G13730" s="1" t="s">
        <v>52175</v>
      </c>
      <c r="H13730" s="1" t="s">
        <v>52176</v>
      </c>
      <c r="I13730" s="1" t="s">
        <v>52177</v>
      </c>
      <c r="J13730" s="1" t="s">
        <v>13</v>
      </c>
    </row>
    <row r="13731" spans="1:10" x14ac:dyDescent="0.35">
      <c r="A13731" s="1" t="s">
        <v>52170</v>
      </c>
      <c r="B13731" s="1" t="s">
        <v>52171</v>
      </c>
      <c r="C13731" s="1" t="s">
        <v>15</v>
      </c>
      <c r="D13731" s="1" t="s">
        <v>52178</v>
      </c>
      <c r="E13731" s="1" t="s">
        <v>52179</v>
      </c>
      <c r="F13731" s="1" t="s">
        <v>52180</v>
      </c>
      <c r="G13731" s="1" t="s">
        <v>52175</v>
      </c>
      <c r="H13731" s="1" t="s">
        <v>52176</v>
      </c>
      <c r="I13731" s="1" t="s">
        <v>52177</v>
      </c>
      <c r="J13731" s="1" t="s">
        <v>52181</v>
      </c>
    </row>
    <row r="13732" spans="1:10" x14ac:dyDescent="0.35">
      <c r="A13732" s="1" t="s">
        <v>52170</v>
      </c>
      <c r="B13732" s="1" t="s">
        <v>52171</v>
      </c>
      <c r="C13732" s="1" t="s">
        <v>20</v>
      </c>
      <c r="D13732" s="1" t="s">
        <v>5939</v>
      </c>
      <c r="E13732" s="1" t="s">
        <v>52182</v>
      </c>
      <c r="F13732" s="1" t="s">
        <v>52183</v>
      </c>
      <c r="G13732" s="1" t="s">
        <v>52175</v>
      </c>
      <c r="H13732" s="1" t="s">
        <v>52176</v>
      </c>
      <c r="I13732" s="1" t="s">
        <v>52177</v>
      </c>
      <c r="J13732" s="1" t="s">
        <v>52184</v>
      </c>
    </row>
    <row r="13733" spans="1:10" x14ac:dyDescent="0.35">
      <c r="A13733" s="1" t="s">
        <v>52170</v>
      </c>
      <c r="B13733" s="1" t="s">
        <v>52171</v>
      </c>
      <c r="C13733" s="1" t="s">
        <v>25</v>
      </c>
      <c r="D13733" s="1" t="s">
        <v>12528</v>
      </c>
      <c r="E13733" s="1" t="s">
        <v>52185</v>
      </c>
      <c r="F13733" s="1" t="s">
        <v>52186</v>
      </c>
      <c r="G13733" s="1" t="s">
        <v>52175</v>
      </c>
      <c r="H13733" s="1" t="s">
        <v>52176</v>
      </c>
      <c r="I13733" s="1" t="s">
        <v>52177</v>
      </c>
      <c r="J13733" s="1" t="s">
        <v>52187</v>
      </c>
    </row>
    <row r="13734" spans="1:10" x14ac:dyDescent="0.35">
      <c r="A13734" s="1" t="s">
        <v>52170</v>
      </c>
      <c r="B13734" s="1" t="s">
        <v>52171</v>
      </c>
      <c r="C13734" s="1" t="s">
        <v>30</v>
      </c>
      <c r="D13734" s="1" t="s">
        <v>52188</v>
      </c>
      <c r="E13734" s="1" t="s">
        <v>52189</v>
      </c>
      <c r="F13734" s="1" t="s">
        <v>52190</v>
      </c>
      <c r="G13734" s="1" t="s">
        <v>52175</v>
      </c>
      <c r="H13734" s="1" t="s">
        <v>52176</v>
      </c>
      <c r="I13734" s="1" t="s">
        <v>52177</v>
      </c>
      <c r="J13734" s="1" t="s">
        <v>52191</v>
      </c>
    </row>
    <row r="13735" spans="1:10" x14ac:dyDescent="0.35">
      <c r="A13735" s="1" t="s">
        <v>52170</v>
      </c>
      <c r="B13735" s="1" t="s">
        <v>52171</v>
      </c>
      <c r="C13735" s="1" t="s">
        <v>35</v>
      </c>
      <c r="D13735" s="1" t="s">
        <v>52192</v>
      </c>
      <c r="E13735" s="1" t="s">
        <v>52193</v>
      </c>
      <c r="F13735" s="1" t="s">
        <v>52194</v>
      </c>
      <c r="G13735" s="1" t="s">
        <v>52175</v>
      </c>
      <c r="H13735" s="1" t="s">
        <v>52176</v>
      </c>
      <c r="I13735" s="1" t="s">
        <v>52177</v>
      </c>
      <c r="J13735" s="1" t="s">
        <v>52195</v>
      </c>
    </row>
    <row r="13736" spans="1:10" x14ac:dyDescent="0.35">
      <c r="A13736" s="1" t="s">
        <v>52170</v>
      </c>
      <c r="B13736" s="1" t="s">
        <v>52171</v>
      </c>
      <c r="C13736" s="1" t="s">
        <v>40</v>
      </c>
      <c r="D13736" s="1" t="s">
        <v>52196</v>
      </c>
      <c r="E13736" s="1" t="s">
        <v>52197</v>
      </c>
      <c r="F13736" s="1" t="s">
        <v>52198</v>
      </c>
      <c r="G13736" s="1" t="s">
        <v>52175</v>
      </c>
      <c r="H13736" s="1" t="s">
        <v>52176</v>
      </c>
      <c r="I13736" s="1" t="s">
        <v>52177</v>
      </c>
      <c r="J13736" s="1" t="s">
        <v>52199</v>
      </c>
    </row>
    <row r="13737" spans="1:10" x14ac:dyDescent="0.35">
      <c r="A13737" s="1" t="s">
        <v>52170</v>
      </c>
      <c r="B13737" s="1" t="s">
        <v>52171</v>
      </c>
      <c r="C13737" s="1" t="s">
        <v>45</v>
      </c>
      <c r="D13737" s="1" t="s">
        <v>52200</v>
      </c>
      <c r="E13737" s="1" t="s">
        <v>52201</v>
      </c>
      <c r="F13737" s="1" t="s">
        <v>52202</v>
      </c>
      <c r="G13737" s="1" t="s">
        <v>52175</v>
      </c>
      <c r="H13737" s="1" t="s">
        <v>52176</v>
      </c>
      <c r="I13737" s="1" t="s">
        <v>52177</v>
      </c>
      <c r="J13737" s="1" t="s">
        <v>52203</v>
      </c>
    </row>
    <row r="13738" spans="1:10" x14ac:dyDescent="0.35">
      <c r="A13738" s="1" t="s">
        <v>52170</v>
      </c>
      <c r="B13738" s="1" t="s">
        <v>52171</v>
      </c>
      <c r="C13738" s="1" t="s">
        <v>50</v>
      </c>
      <c r="D13738" s="1" t="s">
        <v>52204</v>
      </c>
      <c r="E13738" s="1" t="s">
        <v>52205</v>
      </c>
      <c r="F13738" s="1" t="s">
        <v>52206</v>
      </c>
      <c r="G13738" s="1" t="s">
        <v>52175</v>
      </c>
      <c r="H13738" s="1" t="s">
        <v>52176</v>
      </c>
      <c r="I13738" s="1" t="s">
        <v>52177</v>
      </c>
      <c r="J13738" s="1" t="s">
        <v>52207</v>
      </c>
    </row>
    <row r="13739" spans="1:10" x14ac:dyDescent="0.35">
      <c r="A13739" s="1" t="s">
        <v>52170</v>
      </c>
      <c r="B13739" s="1" t="s">
        <v>52171</v>
      </c>
      <c r="C13739" s="1" t="s">
        <v>55</v>
      </c>
      <c r="D13739" s="1" t="s">
        <v>52208</v>
      </c>
      <c r="E13739" s="1" t="s">
        <v>52209</v>
      </c>
      <c r="F13739" s="1" t="s">
        <v>52210</v>
      </c>
      <c r="G13739" s="1" t="s">
        <v>52175</v>
      </c>
      <c r="H13739" s="1" t="s">
        <v>52176</v>
      </c>
      <c r="I13739" s="1" t="s">
        <v>52177</v>
      </c>
      <c r="J13739" s="1" t="s">
        <v>52211</v>
      </c>
    </row>
    <row r="13740" spans="1:10" x14ac:dyDescent="0.35">
      <c r="A13740" s="1" t="s">
        <v>52170</v>
      </c>
      <c r="B13740" s="1" t="s">
        <v>52171</v>
      </c>
      <c r="C13740" s="1" t="s">
        <v>60</v>
      </c>
      <c r="D13740" s="1" t="s">
        <v>52212</v>
      </c>
      <c r="E13740" s="1" t="s">
        <v>52213</v>
      </c>
      <c r="F13740" s="1" t="s">
        <v>52214</v>
      </c>
      <c r="G13740" s="1" t="s">
        <v>52175</v>
      </c>
      <c r="H13740" s="1" t="s">
        <v>52176</v>
      </c>
      <c r="I13740" s="1" t="s">
        <v>52177</v>
      </c>
      <c r="J13740" s="1" t="s">
        <v>52215</v>
      </c>
    </row>
    <row r="13741" spans="1:10" x14ac:dyDescent="0.35">
      <c r="A13741" s="1" t="s">
        <v>52170</v>
      </c>
      <c r="B13741" s="1" t="s">
        <v>52171</v>
      </c>
      <c r="C13741" s="1" t="s">
        <v>65</v>
      </c>
      <c r="D13741" s="1" t="s">
        <v>22498</v>
      </c>
      <c r="E13741" s="1" t="s">
        <v>52216</v>
      </c>
      <c r="F13741" s="1" t="s">
        <v>52217</v>
      </c>
      <c r="G13741" s="1" t="s">
        <v>52175</v>
      </c>
      <c r="H13741" s="1" t="s">
        <v>52176</v>
      </c>
      <c r="I13741" s="1" t="s">
        <v>52177</v>
      </c>
      <c r="J13741" s="1" t="s">
        <v>52218</v>
      </c>
    </row>
    <row r="13742" spans="1:10" x14ac:dyDescent="0.35">
      <c r="A13742" s="1" t="s">
        <v>52170</v>
      </c>
      <c r="B13742" s="1" t="s">
        <v>52171</v>
      </c>
      <c r="C13742" s="1" t="s">
        <v>70</v>
      </c>
      <c r="D13742" s="1" t="s">
        <v>52219</v>
      </c>
      <c r="E13742" s="1" t="s">
        <v>52220</v>
      </c>
      <c r="F13742" s="1" t="s">
        <v>52221</v>
      </c>
      <c r="G13742" s="1" t="s">
        <v>52175</v>
      </c>
      <c r="H13742" s="1" t="s">
        <v>52176</v>
      </c>
      <c r="I13742" s="1" t="s">
        <v>52177</v>
      </c>
      <c r="J13742" s="1" t="s">
        <v>52222</v>
      </c>
    </row>
    <row r="13743" spans="1:10" x14ac:dyDescent="0.35">
      <c r="A13743" s="1" t="s">
        <v>52170</v>
      </c>
      <c r="B13743" s="1" t="s">
        <v>52171</v>
      </c>
      <c r="C13743" s="1" t="s">
        <v>75</v>
      </c>
      <c r="D13743" s="1" t="s">
        <v>52223</v>
      </c>
      <c r="E13743" s="1" t="s">
        <v>52224</v>
      </c>
      <c r="F13743" s="1" t="s">
        <v>52225</v>
      </c>
      <c r="G13743" s="1" t="s">
        <v>52175</v>
      </c>
      <c r="H13743" s="1" t="s">
        <v>52176</v>
      </c>
      <c r="I13743" s="1" t="s">
        <v>52177</v>
      </c>
      <c r="J13743" s="1" t="s">
        <v>52226</v>
      </c>
    </row>
    <row r="13744" spans="1:10" x14ac:dyDescent="0.35">
      <c r="A13744" s="1" t="s">
        <v>52170</v>
      </c>
      <c r="B13744" s="1" t="s">
        <v>52171</v>
      </c>
      <c r="C13744" s="1" t="s">
        <v>80</v>
      </c>
      <c r="D13744" s="1" t="s">
        <v>52227</v>
      </c>
      <c r="E13744" s="1" t="s">
        <v>52228</v>
      </c>
      <c r="F13744" s="1" t="s">
        <v>52229</v>
      </c>
      <c r="G13744" s="1" t="s">
        <v>52175</v>
      </c>
      <c r="H13744" s="1" t="s">
        <v>52176</v>
      </c>
      <c r="I13744" s="1" t="s">
        <v>52177</v>
      </c>
      <c r="J13744" s="1" t="s">
        <v>52230</v>
      </c>
    </row>
    <row r="13745" spans="1:10" x14ac:dyDescent="0.35">
      <c r="A13745" s="1" t="s">
        <v>52170</v>
      </c>
      <c r="B13745" s="1" t="s">
        <v>52171</v>
      </c>
      <c r="C13745" s="1" t="s">
        <v>85</v>
      </c>
      <c r="D13745" s="1" t="s">
        <v>52231</v>
      </c>
      <c r="E13745" s="1" t="s">
        <v>52232</v>
      </c>
      <c r="F13745" s="1" t="s">
        <v>52233</v>
      </c>
      <c r="G13745" s="1" t="s">
        <v>52175</v>
      </c>
      <c r="H13745" s="1" t="s">
        <v>52176</v>
      </c>
      <c r="I13745" s="1" t="s">
        <v>52177</v>
      </c>
      <c r="J13745" s="1" t="s">
        <v>52234</v>
      </c>
    </row>
    <row r="13746" spans="1:10" x14ac:dyDescent="0.35">
      <c r="A13746" s="1" t="s">
        <v>52170</v>
      </c>
      <c r="B13746" s="1" t="s">
        <v>52171</v>
      </c>
      <c r="C13746" s="1" t="s">
        <v>90</v>
      </c>
      <c r="D13746" s="1" t="s">
        <v>52235</v>
      </c>
      <c r="E13746" s="1" t="s">
        <v>52236</v>
      </c>
      <c r="F13746" s="1" t="s">
        <v>52237</v>
      </c>
      <c r="G13746" s="1" t="s">
        <v>52175</v>
      </c>
      <c r="H13746" s="1" t="s">
        <v>52176</v>
      </c>
      <c r="I13746" s="1" t="s">
        <v>52177</v>
      </c>
      <c r="J13746" s="1" t="s">
        <v>52238</v>
      </c>
    </row>
    <row r="13747" spans="1:10" x14ac:dyDescent="0.35">
      <c r="A13747" s="1" t="s">
        <v>52170</v>
      </c>
      <c r="B13747" s="1" t="s">
        <v>52171</v>
      </c>
      <c r="C13747" s="1" t="s">
        <v>95</v>
      </c>
      <c r="D13747" s="1" t="s">
        <v>52239</v>
      </c>
      <c r="E13747" s="1" t="s">
        <v>52240</v>
      </c>
      <c r="F13747" s="1" t="s">
        <v>52241</v>
      </c>
      <c r="G13747" s="1" t="s">
        <v>52175</v>
      </c>
      <c r="H13747" s="1" t="s">
        <v>52176</v>
      </c>
      <c r="I13747" s="1" t="s">
        <v>52177</v>
      </c>
      <c r="J13747" s="1" t="s">
        <v>52242</v>
      </c>
    </row>
    <row r="13748" spans="1:10" x14ac:dyDescent="0.35">
      <c r="A13748" s="1" t="s">
        <v>52170</v>
      </c>
      <c r="B13748" s="1" t="s">
        <v>52171</v>
      </c>
      <c r="C13748" s="1" t="s">
        <v>100</v>
      </c>
      <c r="D13748" s="1" t="s">
        <v>52243</v>
      </c>
      <c r="E13748" s="1" t="s">
        <v>52244</v>
      </c>
      <c r="F13748" s="1" t="s">
        <v>52245</v>
      </c>
      <c r="G13748" s="1" t="s">
        <v>52175</v>
      </c>
      <c r="H13748" s="1" t="s">
        <v>52176</v>
      </c>
      <c r="I13748" s="1" t="s">
        <v>52177</v>
      </c>
      <c r="J13748" s="1" t="s">
        <v>52246</v>
      </c>
    </row>
    <row r="13749" spans="1:10" x14ac:dyDescent="0.35">
      <c r="A13749" s="1" t="s">
        <v>52170</v>
      </c>
      <c r="B13749" s="1" t="s">
        <v>52171</v>
      </c>
      <c r="C13749" s="1" t="s">
        <v>105</v>
      </c>
      <c r="D13749" s="1" t="s">
        <v>52247</v>
      </c>
      <c r="E13749" s="1" t="s">
        <v>52248</v>
      </c>
      <c r="F13749" s="1" t="s">
        <v>52249</v>
      </c>
      <c r="G13749" s="1" t="s">
        <v>52175</v>
      </c>
      <c r="H13749" s="1" t="s">
        <v>52176</v>
      </c>
      <c r="I13749" s="1" t="s">
        <v>52177</v>
      </c>
      <c r="J13749" s="1" t="s">
        <v>52250</v>
      </c>
    </row>
    <row r="13750" spans="1:10" x14ac:dyDescent="0.35">
      <c r="A13750" s="1" t="s">
        <v>52170</v>
      </c>
      <c r="B13750" s="1" t="s">
        <v>52171</v>
      </c>
      <c r="C13750" s="1" t="s">
        <v>110</v>
      </c>
      <c r="D13750" s="1" t="s">
        <v>52251</v>
      </c>
      <c r="E13750" s="1" t="s">
        <v>52252</v>
      </c>
      <c r="F13750" s="1" t="s">
        <v>52253</v>
      </c>
      <c r="G13750" s="1" t="s">
        <v>52175</v>
      </c>
      <c r="H13750" s="1" t="s">
        <v>52176</v>
      </c>
      <c r="I13750" s="1" t="s">
        <v>52177</v>
      </c>
      <c r="J13750" s="1" t="s">
        <v>52254</v>
      </c>
    </row>
    <row r="13751" spans="1:10" x14ac:dyDescent="0.35">
      <c r="A13751" s="1" t="s">
        <v>52170</v>
      </c>
      <c r="B13751" s="1" t="s">
        <v>52171</v>
      </c>
      <c r="C13751" s="1" t="s">
        <v>115</v>
      </c>
      <c r="D13751" s="1" t="s">
        <v>52255</v>
      </c>
      <c r="E13751" s="1" t="s">
        <v>52256</v>
      </c>
      <c r="F13751" s="1" t="s">
        <v>52257</v>
      </c>
      <c r="G13751" s="1" t="s">
        <v>52175</v>
      </c>
      <c r="H13751" s="1" t="s">
        <v>52176</v>
      </c>
      <c r="I13751" s="1" t="s">
        <v>52177</v>
      </c>
      <c r="J13751" s="1" t="s">
        <v>52258</v>
      </c>
    </row>
    <row r="13752" spans="1:10" x14ac:dyDescent="0.35">
      <c r="A13752" s="1" t="s">
        <v>52170</v>
      </c>
      <c r="B13752" s="1" t="s">
        <v>52171</v>
      </c>
      <c r="C13752" s="1" t="s">
        <v>120</v>
      </c>
      <c r="D13752" s="1" t="s">
        <v>43480</v>
      </c>
      <c r="E13752" s="1" t="s">
        <v>52259</v>
      </c>
      <c r="F13752" s="1" t="s">
        <v>52260</v>
      </c>
      <c r="G13752" s="1" t="s">
        <v>52175</v>
      </c>
      <c r="H13752" s="1" t="s">
        <v>52176</v>
      </c>
      <c r="I13752" s="1" t="s">
        <v>52177</v>
      </c>
      <c r="J13752" s="1" t="s">
        <v>52261</v>
      </c>
    </row>
    <row r="13753" spans="1:10" x14ac:dyDescent="0.35">
      <c r="A13753" s="1" t="s">
        <v>52170</v>
      </c>
      <c r="B13753" s="1" t="s">
        <v>52171</v>
      </c>
      <c r="C13753" s="1" t="s">
        <v>125</v>
      </c>
      <c r="D13753" s="1" t="s">
        <v>14438</v>
      </c>
      <c r="E13753" s="1" t="s">
        <v>52262</v>
      </c>
      <c r="F13753" s="1" t="s">
        <v>52263</v>
      </c>
      <c r="G13753" s="1" t="s">
        <v>52175</v>
      </c>
      <c r="H13753" s="1" t="s">
        <v>52176</v>
      </c>
      <c r="I13753" s="1" t="s">
        <v>52177</v>
      </c>
      <c r="J13753" s="1" t="s">
        <v>52264</v>
      </c>
    </row>
    <row r="13754" spans="1:10" x14ac:dyDescent="0.35">
      <c r="A13754" s="1" t="s">
        <v>52170</v>
      </c>
      <c r="B13754" s="1" t="s">
        <v>52171</v>
      </c>
      <c r="C13754" s="1" t="s">
        <v>130</v>
      </c>
      <c r="D13754" s="1" t="s">
        <v>52265</v>
      </c>
      <c r="E13754" s="1" t="s">
        <v>52266</v>
      </c>
      <c r="F13754" s="1" t="s">
        <v>52267</v>
      </c>
      <c r="G13754" s="1" t="s">
        <v>52175</v>
      </c>
      <c r="H13754" s="1" t="s">
        <v>52176</v>
      </c>
      <c r="I13754" s="1" t="s">
        <v>52177</v>
      </c>
      <c r="J13754" s="1" t="s">
        <v>52268</v>
      </c>
    </row>
    <row r="13755" spans="1:10" x14ac:dyDescent="0.35">
      <c r="A13755" s="1" t="s">
        <v>52170</v>
      </c>
      <c r="B13755" s="1" t="s">
        <v>52171</v>
      </c>
      <c r="C13755" s="1" t="s">
        <v>135</v>
      </c>
      <c r="D13755" s="1" t="s">
        <v>52269</v>
      </c>
      <c r="E13755" s="1" t="s">
        <v>52270</v>
      </c>
      <c r="F13755" s="1" t="s">
        <v>52271</v>
      </c>
      <c r="G13755" s="1" t="s">
        <v>52175</v>
      </c>
      <c r="H13755" s="1" t="s">
        <v>52176</v>
      </c>
      <c r="I13755" s="1" t="s">
        <v>52177</v>
      </c>
      <c r="J13755" s="1" t="s">
        <v>52272</v>
      </c>
    </row>
    <row r="13756" spans="1:10" x14ac:dyDescent="0.35">
      <c r="A13756" s="1" t="s">
        <v>52170</v>
      </c>
      <c r="B13756" s="1" t="s">
        <v>52171</v>
      </c>
      <c r="C13756" s="1" t="s">
        <v>140</v>
      </c>
      <c r="D13756" s="1" t="s">
        <v>52273</v>
      </c>
      <c r="E13756" s="1" t="s">
        <v>52274</v>
      </c>
      <c r="F13756" s="1" t="s">
        <v>52275</v>
      </c>
      <c r="G13756" s="1" t="s">
        <v>52175</v>
      </c>
      <c r="H13756" s="1" t="s">
        <v>52176</v>
      </c>
      <c r="I13756" s="1" t="s">
        <v>52177</v>
      </c>
      <c r="J13756" s="1" t="s">
        <v>52276</v>
      </c>
    </row>
    <row r="13757" spans="1:10" x14ac:dyDescent="0.35">
      <c r="A13757" s="1" t="s">
        <v>52170</v>
      </c>
      <c r="B13757" s="1" t="s">
        <v>52171</v>
      </c>
      <c r="C13757" s="1" t="s">
        <v>145</v>
      </c>
      <c r="D13757" s="1" t="s">
        <v>52277</v>
      </c>
      <c r="E13757" s="1" t="s">
        <v>52278</v>
      </c>
      <c r="F13757" s="1" t="s">
        <v>52279</v>
      </c>
      <c r="G13757" s="1" t="s">
        <v>52175</v>
      </c>
      <c r="H13757" s="1" t="s">
        <v>52176</v>
      </c>
      <c r="I13757" s="1" t="s">
        <v>52177</v>
      </c>
      <c r="J13757" s="1" t="s">
        <v>52280</v>
      </c>
    </row>
    <row r="13758" spans="1:10" x14ac:dyDescent="0.35">
      <c r="A13758" s="1" t="s">
        <v>52170</v>
      </c>
      <c r="B13758" s="1" t="s">
        <v>52171</v>
      </c>
      <c r="C13758" s="1" t="s">
        <v>150</v>
      </c>
      <c r="D13758" s="1" t="s">
        <v>52281</v>
      </c>
      <c r="E13758" s="1" t="s">
        <v>52282</v>
      </c>
      <c r="F13758" s="1" t="s">
        <v>52283</v>
      </c>
      <c r="G13758" s="1" t="s">
        <v>52175</v>
      </c>
      <c r="H13758" s="1" t="s">
        <v>52176</v>
      </c>
      <c r="I13758" s="1" t="s">
        <v>52177</v>
      </c>
      <c r="J13758" s="1" t="s">
        <v>52284</v>
      </c>
    </row>
    <row r="13759" spans="1:10" x14ac:dyDescent="0.35">
      <c r="A13759" s="1" t="s">
        <v>52170</v>
      </c>
      <c r="B13759" s="1" t="s">
        <v>52171</v>
      </c>
      <c r="C13759" s="1" t="s">
        <v>155</v>
      </c>
      <c r="D13759" s="1" t="s">
        <v>52285</v>
      </c>
      <c r="E13759" s="1" t="s">
        <v>52286</v>
      </c>
      <c r="F13759" s="1" t="s">
        <v>52287</v>
      </c>
      <c r="G13759" s="1" t="s">
        <v>52175</v>
      </c>
      <c r="H13759" s="1" t="s">
        <v>52176</v>
      </c>
      <c r="I13759" s="1" t="s">
        <v>52177</v>
      </c>
      <c r="J13759" s="1" t="s">
        <v>52288</v>
      </c>
    </row>
    <row r="13760" spans="1:10" x14ac:dyDescent="0.35">
      <c r="A13760" s="1" t="s">
        <v>52170</v>
      </c>
      <c r="B13760" s="1" t="s">
        <v>52171</v>
      </c>
      <c r="C13760" s="1" t="s">
        <v>160</v>
      </c>
      <c r="D13760" s="1" t="s">
        <v>52289</v>
      </c>
      <c r="E13760" s="1" t="s">
        <v>52290</v>
      </c>
      <c r="F13760" s="1" t="s">
        <v>52291</v>
      </c>
      <c r="G13760" s="1" t="s">
        <v>52175</v>
      </c>
      <c r="H13760" s="1" t="s">
        <v>52176</v>
      </c>
      <c r="I13760" s="1" t="s">
        <v>52177</v>
      </c>
      <c r="J13760" s="1" t="s">
        <v>52292</v>
      </c>
    </row>
    <row r="13761" spans="1:10" x14ac:dyDescent="0.35">
      <c r="A13761" s="1" t="s">
        <v>52170</v>
      </c>
      <c r="B13761" s="1" t="s">
        <v>52171</v>
      </c>
      <c r="C13761" s="1" t="s">
        <v>165</v>
      </c>
      <c r="D13761" s="1" t="s">
        <v>39357</v>
      </c>
      <c r="E13761" s="1" t="s">
        <v>52293</v>
      </c>
      <c r="F13761" s="1" t="s">
        <v>52294</v>
      </c>
      <c r="G13761" s="1" t="s">
        <v>52175</v>
      </c>
      <c r="H13761" s="1" t="s">
        <v>52176</v>
      </c>
      <c r="I13761" s="1" t="s">
        <v>52177</v>
      </c>
      <c r="J13761" s="1" t="s">
        <v>52295</v>
      </c>
    </row>
    <row r="13762" spans="1:10" x14ac:dyDescent="0.35">
      <c r="A13762" s="1" t="s">
        <v>52170</v>
      </c>
      <c r="B13762" s="1" t="s">
        <v>52171</v>
      </c>
      <c r="C13762" s="1" t="s">
        <v>170</v>
      </c>
      <c r="D13762" s="1" t="s">
        <v>52296</v>
      </c>
      <c r="E13762" s="1" t="s">
        <v>52297</v>
      </c>
      <c r="F13762" s="1" t="s">
        <v>52298</v>
      </c>
      <c r="G13762" s="1" t="s">
        <v>52175</v>
      </c>
      <c r="H13762" s="1" t="s">
        <v>52176</v>
      </c>
      <c r="I13762" s="1" t="s">
        <v>52177</v>
      </c>
      <c r="J13762" s="1" t="s">
        <v>52299</v>
      </c>
    </row>
    <row r="13763" spans="1:10" x14ac:dyDescent="0.35">
      <c r="A13763" s="1" t="s">
        <v>52300</v>
      </c>
      <c r="B13763" s="1" t="s">
        <v>52171</v>
      </c>
      <c r="C13763" s="1" t="s">
        <v>8</v>
      </c>
      <c r="D13763" s="1" t="s">
        <v>52301</v>
      </c>
      <c r="E13763" s="1" t="s">
        <v>52302</v>
      </c>
      <c r="F13763" s="1" t="s">
        <v>52303</v>
      </c>
      <c r="G13763" s="1" t="s">
        <v>52304</v>
      </c>
      <c r="H13763" s="1" t="s">
        <v>52305</v>
      </c>
      <c r="I13763" s="1" t="s">
        <v>52177</v>
      </c>
      <c r="J13763" s="1" t="s">
        <v>13</v>
      </c>
    </row>
    <row r="13764" spans="1:10" x14ac:dyDescent="0.35">
      <c r="A13764" s="1" t="s">
        <v>52300</v>
      </c>
      <c r="B13764" s="1" t="s">
        <v>52171</v>
      </c>
      <c r="C13764" s="1" t="s">
        <v>15</v>
      </c>
      <c r="D13764" s="1" t="s">
        <v>52306</v>
      </c>
      <c r="E13764" s="1" t="s">
        <v>52307</v>
      </c>
      <c r="F13764" s="1" t="s">
        <v>52308</v>
      </c>
      <c r="G13764" s="1" t="s">
        <v>52304</v>
      </c>
      <c r="H13764" s="1" t="s">
        <v>52305</v>
      </c>
      <c r="I13764" s="1" t="s">
        <v>52177</v>
      </c>
      <c r="J13764" s="1" t="s">
        <v>52309</v>
      </c>
    </row>
    <row r="13765" spans="1:10" x14ac:dyDescent="0.35">
      <c r="A13765" s="1" t="s">
        <v>52300</v>
      </c>
      <c r="B13765" s="1" t="s">
        <v>52171</v>
      </c>
      <c r="C13765" s="1" t="s">
        <v>20</v>
      </c>
      <c r="D13765" s="1" t="s">
        <v>52310</v>
      </c>
      <c r="E13765" s="1" t="s">
        <v>52311</v>
      </c>
      <c r="F13765" s="1" t="s">
        <v>52312</v>
      </c>
      <c r="G13765" s="1" t="s">
        <v>52304</v>
      </c>
      <c r="H13765" s="1" t="s">
        <v>52305</v>
      </c>
      <c r="I13765" s="1" t="s">
        <v>52177</v>
      </c>
      <c r="J13765" s="1" t="s">
        <v>52313</v>
      </c>
    </row>
    <row r="13766" spans="1:10" x14ac:dyDescent="0.35">
      <c r="A13766" s="1" t="s">
        <v>52300</v>
      </c>
      <c r="B13766" s="1" t="s">
        <v>52171</v>
      </c>
      <c r="C13766" s="1" t="s">
        <v>25</v>
      </c>
      <c r="D13766" s="1" t="s">
        <v>52314</v>
      </c>
      <c r="E13766" s="1" t="s">
        <v>52315</v>
      </c>
      <c r="F13766" s="1" t="s">
        <v>52316</v>
      </c>
      <c r="G13766" s="1" t="s">
        <v>52304</v>
      </c>
      <c r="H13766" s="1" t="s">
        <v>52305</v>
      </c>
      <c r="I13766" s="1" t="s">
        <v>52177</v>
      </c>
      <c r="J13766" s="1" t="s">
        <v>52317</v>
      </c>
    </row>
    <row r="13767" spans="1:10" x14ac:dyDescent="0.35">
      <c r="A13767" s="1" t="s">
        <v>52300</v>
      </c>
      <c r="B13767" s="1" t="s">
        <v>52171</v>
      </c>
      <c r="C13767" s="1" t="s">
        <v>30</v>
      </c>
      <c r="D13767" s="1" t="s">
        <v>16969</v>
      </c>
      <c r="E13767" s="1" t="s">
        <v>52318</v>
      </c>
      <c r="F13767" s="1" t="s">
        <v>52319</v>
      </c>
      <c r="G13767" s="1" t="s">
        <v>52304</v>
      </c>
      <c r="H13767" s="1" t="s">
        <v>52305</v>
      </c>
      <c r="I13767" s="1" t="s">
        <v>52177</v>
      </c>
      <c r="J13767" s="1" t="s">
        <v>52320</v>
      </c>
    </row>
    <row r="13768" spans="1:10" x14ac:dyDescent="0.35">
      <c r="A13768" s="1" t="s">
        <v>52300</v>
      </c>
      <c r="B13768" s="1" t="s">
        <v>52171</v>
      </c>
      <c r="C13768" s="1" t="s">
        <v>35</v>
      </c>
      <c r="D13768" s="1" t="s">
        <v>52192</v>
      </c>
      <c r="E13768" s="1" t="s">
        <v>52321</v>
      </c>
      <c r="F13768" s="1" t="s">
        <v>52322</v>
      </c>
      <c r="G13768" s="1" t="s">
        <v>52304</v>
      </c>
      <c r="H13768" s="1" t="s">
        <v>52305</v>
      </c>
      <c r="I13768" s="1" t="s">
        <v>52177</v>
      </c>
      <c r="J13768" s="1" t="s">
        <v>52323</v>
      </c>
    </row>
    <row r="13769" spans="1:10" x14ac:dyDescent="0.35">
      <c r="A13769" s="1" t="s">
        <v>52300</v>
      </c>
      <c r="B13769" s="1" t="s">
        <v>52171</v>
      </c>
      <c r="C13769" s="1" t="s">
        <v>40</v>
      </c>
      <c r="D13769" s="1" t="s">
        <v>52196</v>
      </c>
      <c r="E13769" s="1" t="s">
        <v>52324</v>
      </c>
      <c r="F13769" s="1" t="s">
        <v>52325</v>
      </c>
      <c r="G13769" s="1" t="s">
        <v>52304</v>
      </c>
      <c r="H13769" s="1" t="s">
        <v>52305</v>
      </c>
      <c r="I13769" s="1" t="s">
        <v>52177</v>
      </c>
      <c r="J13769" s="1" t="s">
        <v>52199</v>
      </c>
    </row>
    <row r="13770" spans="1:10" x14ac:dyDescent="0.35">
      <c r="A13770" s="1" t="s">
        <v>52300</v>
      </c>
      <c r="B13770" s="1" t="s">
        <v>52171</v>
      </c>
      <c r="C13770" s="1" t="s">
        <v>45</v>
      </c>
      <c r="D13770" s="1" t="s">
        <v>52326</v>
      </c>
      <c r="E13770" s="1" t="s">
        <v>52327</v>
      </c>
      <c r="F13770" s="1" t="s">
        <v>52328</v>
      </c>
      <c r="G13770" s="1" t="s">
        <v>52304</v>
      </c>
      <c r="H13770" s="1" t="s">
        <v>52305</v>
      </c>
      <c r="I13770" s="1" t="s">
        <v>52177</v>
      </c>
      <c r="J13770" s="1" t="s">
        <v>52329</v>
      </c>
    </row>
    <row r="13771" spans="1:10" x14ac:dyDescent="0.35">
      <c r="A13771" s="1" t="s">
        <v>52300</v>
      </c>
      <c r="B13771" s="1" t="s">
        <v>52171</v>
      </c>
      <c r="C13771" s="1" t="s">
        <v>50</v>
      </c>
      <c r="D13771" s="1" t="s">
        <v>52330</v>
      </c>
      <c r="E13771" s="1" t="s">
        <v>52331</v>
      </c>
      <c r="F13771" s="1" t="s">
        <v>52332</v>
      </c>
      <c r="G13771" s="1" t="s">
        <v>52304</v>
      </c>
      <c r="H13771" s="1" t="s">
        <v>52305</v>
      </c>
      <c r="I13771" s="1" t="s">
        <v>52177</v>
      </c>
      <c r="J13771" s="1" t="s">
        <v>52333</v>
      </c>
    </row>
    <row r="13772" spans="1:10" x14ac:dyDescent="0.35">
      <c r="A13772" s="1" t="s">
        <v>52300</v>
      </c>
      <c r="B13772" s="1" t="s">
        <v>52171</v>
      </c>
      <c r="C13772" s="1" t="s">
        <v>55</v>
      </c>
      <c r="D13772" s="1" t="s">
        <v>52334</v>
      </c>
      <c r="E13772" s="1" t="s">
        <v>52335</v>
      </c>
      <c r="F13772" s="1" t="s">
        <v>52336</v>
      </c>
      <c r="G13772" s="1" t="s">
        <v>52304</v>
      </c>
      <c r="H13772" s="1" t="s">
        <v>52305</v>
      </c>
      <c r="I13772" s="1" t="s">
        <v>52177</v>
      </c>
      <c r="J13772" s="1" t="s">
        <v>52337</v>
      </c>
    </row>
    <row r="13773" spans="1:10" x14ac:dyDescent="0.35">
      <c r="A13773" s="1" t="s">
        <v>52300</v>
      </c>
      <c r="B13773" s="1" t="s">
        <v>52171</v>
      </c>
      <c r="C13773" s="1" t="s">
        <v>60</v>
      </c>
      <c r="D13773" s="1" t="s">
        <v>52338</v>
      </c>
      <c r="E13773" s="1" t="s">
        <v>52339</v>
      </c>
      <c r="F13773" s="1" t="s">
        <v>52340</v>
      </c>
      <c r="G13773" s="1" t="s">
        <v>52304</v>
      </c>
      <c r="H13773" s="1" t="s">
        <v>52305</v>
      </c>
      <c r="I13773" s="1" t="s">
        <v>52177</v>
      </c>
      <c r="J13773" s="1" t="s">
        <v>52341</v>
      </c>
    </row>
    <row r="13774" spans="1:10" x14ac:dyDescent="0.35">
      <c r="A13774" s="1" t="s">
        <v>52300</v>
      </c>
      <c r="B13774" s="1" t="s">
        <v>52171</v>
      </c>
      <c r="C13774" s="1" t="s">
        <v>65</v>
      </c>
      <c r="D13774" s="1" t="s">
        <v>52342</v>
      </c>
      <c r="E13774" s="1" t="s">
        <v>52343</v>
      </c>
      <c r="F13774" s="1" t="s">
        <v>52344</v>
      </c>
      <c r="G13774" s="1" t="s">
        <v>52304</v>
      </c>
      <c r="H13774" s="1" t="s">
        <v>52305</v>
      </c>
      <c r="I13774" s="1" t="s">
        <v>52177</v>
      </c>
      <c r="J13774" s="1" t="s">
        <v>52345</v>
      </c>
    </row>
    <row r="13775" spans="1:10" x14ac:dyDescent="0.35">
      <c r="A13775" s="1" t="s">
        <v>52300</v>
      </c>
      <c r="B13775" s="1" t="s">
        <v>52171</v>
      </c>
      <c r="C13775" s="1" t="s">
        <v>70</v>
      </c>
      <c r="D13775" s="1" t="s">
        <v>52346</v>
      </c>
      <c r="E13775" s="1" t="s">
        <v>52347</v>
      </c>
      <c r="F13775" s="1" t="s">
        <v>52348</v>
      </c>
      <c r="G13775" s="1" t="s">
        <v>52304</v>
      </c>
      <c r="H13775" s="1" t="s">
        <v>52305</v>
      </c>
      <c r="I13775" s="1" t="s">
        <v>52177</v>
      </c>
      <c r="J13775" s="1" t="s">
        <v>52349</v>
      </c>
    </row>
    <row r="13776" spans="1:10" x14ac:dyDescent="0.35">
      <c r="A13776" s="1" t="s">
        <v>52300</v>
      </c>
      <c r="B13776" s="1" t="s">
        <v>52171</v>
      </c>
      <c r="C13776" s="1" t="s">
        <v>75</v>
      </c>
      <c r="D13776" s="1" t="s">
        <v>52350</v>
      </c>
      <c r="E13776" s="1" t="s">
        <v>52351</v>
      </c>
      <c r="F13776" s="1" t="s">
        <v>52352</v>
      </c>
      <c r="G13776" s="1" t="s">
        <v>52304</v>
      </c>
      <c r="H13776" s="1" t="s">
        <v>52305</v>
      </c>
      <c r="I13776" s="1" t="s">
        <v>52177</v>
      </c>
      <c r="J13776" s="1" t="s">
        <v>52353</v>
      </c>
    </row>
    <row r="13777" spans="1:10" x14ac:dyDescent="0.35">
      <c r="A13777" s="1" t="s">
        <v>52300</v>
      </c>
      <c r="B13777" s="1" t="s">
        <v>52171</v>
      </c>
      <c r="C13777" s="1" t="s">
        <v>80</v>
      </c>
      <c r="D13777" s="1" t="s">
        <v>52354</v>
      </c>
      <c r="E13777" s="1" t="s">
        <v>52355</v>
      </c>
      <c r="F13777" s="1" t="s">
        <v>52356</v>
      </c>
      <c r="G13777" s="1" t="s">
        <v>52304</v>
      </c>
      <c r="H13777" s="1" t="s">
        <v>52305</v>
      </c>
      <c r="I13777" s="1" t="s">
        <v>52177</v>
      </c>
      <c r="J13777" s="1" t="s">
        <v>52357</v>
      </c>
    </row>
    <row r="13778" spans="1:10" x14ac:dyDescent="0.35">
      <c r="A13778" s="1" t="s">
        <v>52300</v>
      </c>
      <c r="B13778" s="1" t="s">
        <v>52171</v>
      </c>
      <c r="C13778" s="1" t="s">
        <v>85</v>
      </c>
      <c r="D13778" s="1" t="s">
        <v>52231</v>
      </c>
      <c r="E13778" s="1" t="s">
        <v>52358</v>
      </c>
      <c r="F13778" s="1" t="s">
        <v>52359</v>
      </c>
      <c r="G13778" s="1" t="s">
        <v>52304</v>
      </c>
      <c r="H13778" s="1" t="s">
        <v>52305</v>
      </c>
      <c r="I13778" s="1" t="s">
        <v>52177</v>
      </c>
      <c r="J13778" s="1" t="s">
        <v>52360</v>
      </c>
    </row>
    <row r="13779" spans="1:10" x14ac:dyDescent="0.35">
      <c r="A13779" s="1" t="s">
        <v>52300</v>
      </c>
      <c r="B13779" s="1" t="s">
        <v>52171</v>
      </c>
      <c r="C13779" s="1" t="s">
        <v>90</v>
      </c>
      <c r="D13779" s="1" t="s">
        <v>52361</v>
      </c>
      <c r="E13779" s="1" t="s">
        <v>52362</v>
      </c>
      <c r="F13779" s="1" t="s">
        <v>52363</v>
      </c>
      <c r="G13779" s="1" t="s">
        <v>52304</v>
      </c>
      <c r="H13779" s="1" t="s">
        <v>52305</v>
      </c>
      <c r="I13779" s="1" t="s">
        <v>52177</v>
      </c>
      <c r="J13779" s="1" t="s">
        <v>52364</v>
      </c>
    </row>
    <row r="13780" spans="1:10" x14ac:dyDescent="0.35">
      <c r="A13780" s="1" t="s">
        <v>52300</v>
      </c>
      <c r="B13780" s="1" t="s">
        <v>52171</v>
      </c>
      <c r="C13780" s="1" t="s">
        <v>95</v>
      </c>
      <c r="D13780" s="1" t="s">
        <v>24085</v>
      </c>
      <c r="E13780" s="1" t="s">
        <v>52365</v>
      </c>
      <c r="F13780" s="1" t="s">
        <v>52366</v>
      </c>
      <c r="G13780" s="1" t="s">
        <v>52304</v>
      </c>
      <c r="H13780" s="1" t="s">
        <v>52305</v>
      </c>
      <c r="I13780" s="1" t="s">
        <v>52177</v>
      </c>
      <c r="J13780" s="1" t="s">
        <v>52367</v>
      </c>
    </row>
    <row r="13781" spans="1:10" x14ac:dyDescent="0.35">
      <c r="A13781" s="1" t="s">
        <v>52300</v>
      </c>
      <c r="B13781" s="1" t="s">
        <v>52171</v>
      </c>
      <c r="C13781" s="1" t="s">
        <v>100</v>
      </c>
      <c r="D13781" s="1" t="s">
        <v>52368</v>
      </c>
      <c r="E13781" s="1" t="s">
        <v>52369</v>
      </c>
      <c r="F13781" s="1" t="s">
        <v>52370</v>
      </c>
      <c r="G13781" s="1" t="s">
        <v>52304</v>
      </c>
      <c r="H13781" s="1" t="s">
        <v>52305</v>
      </c>
      <c r="I13781" s="1" t="s">
        <v>52177</v>
      </c>
      <c r="J13781" s="1" t="s">
        <v>52371</v>
      </c>
    </row>
    <row r="13782" spans="1:10" x14ac:dyDescent="0.35">
      <c r="A13782" s="1" t="s">
        <v>52300</v>
      </c>
      <c r="B13782" s="1" t="s">
        <v>52171</v>
      </c>
      <c r="C13782" s="1" t="s">
        <v>105</v>
      </c>
      <c r="D13782" s="1" t="s">
        <v>52372</v>
      </c>
      <c r="E13782" s="1" t="s">
        <v>52373</v>
      </c>
      <c r="F13782" s="1" t="s">
        <v>52374</v>
      </c>
      <c r="G13782" s="1" t="s">
        <v>52304</v>
      </c>
      <c r="H13782" s="1" t="s">
        <v>52305</v>
      </c>
      <c r="I13782" s="1" t="s">
        <v>52177</v>
      </c>
      <c r="J13782" s="1" t="s">
        <v>52375</v>
      </c>
    </row>
    <row r="13783" spans="1:10" x14ac:dyDescent="0.35">
      <c r="A13783" s="1" t="s">
        <v>52300</v>
      </c>
      <c r="B13783" s="1" t="s">
        <v>52171</v>
      </c>
      <c r="C13783" s="1" t="s">
        <v>110</v>
      </c>
      <c r="D13783" s="1" t="s">
        <v>52376</v>
      </c>
      <c r="E13783" s="1" t="s">
        <v>52377</v>
      </c>
      <c r="F13783" s="1" t="s">
        <v>52378</v>
      </c>
      <c r="G13783" s="1" t="s">
        <v>52304</v>
      </c>
      <c r="H13783" s="1" t="s">
        <v>52305</v>
      </c>
      <c r="I13783" s="1" t="s">
        <v>52177</v>
      </c>
      <c r="J13783" s="1" t="s">
        <v>52379</v>
      </c>
    </row>
    <row r="13784" spans="1:10" x14ac:dyDescent="0.35">
      <c r="A13784" s="1" t="s">
        <v>52300</v>
      </c>
      <c r="B13784" s="1" t="s">
        <v>52171</v>
      </c>
      <c r="C13784" s="1" t="s">
        <v>115</v>
      </c>
      <c r="D13784" s="1" t="s">
        <v>52380</v>
      </c>
      <c r="E13784" s="1" t="s">
        <v>52381</v>
      </c>
      <c r="F13784" s="1" t="s">
        <v>52382</v>
      </c>
      <c r="G13784" s="1" t="s">
        <v>52304</v>
      </c>
      <c r="H13784" s="1" t="s">
        <v>52305</v>
      </c>
      <c r="I13784" s="1" t="s">
        <v>52177</v>
      </c>
      <c r="J13784" s="1" t="s">
        <v>52383</v>
      </c>
    </row>
    <row r="13785" spans="1:10" x14ac:dyDescent="0.35">
      <c r="A13785" s="1" t="s">
        <v>52300</v>
      </c>
      <c r="B13785" s="1" t="s">
        <v>52171</v>
      </c>
      <c r="C13785" s="1" t="s">
        <v>120</v>
      </c>
      <c r="D13785" s="1" t="s">
        <v>52384</v>
      </c>
      <c r="E13785" s="1" t="s">
        <v>52385</v>
      </c>
      <c r="F13785" s="1" t="s">
        <v>52386</v>
      </c>
      <c r="G13785" s="1" t="s">
        <v>52304</v>
      </c>
      <c r="H13785" s="1" t="s">
        <v>52305</v>
      </c>
      <c r="I13785" s="1" t="s">
        <v>52177</v>
      </c>
      <c r="J13785" s="1" t="s">
        <v>52387</v>
      </c>
    </row>
    <row r="13786" spans="1:10" x14ac:dyDescent="0.35">
      <c r="A13786" s="1" t="s">
        <v>52300</v>
      </c>
      <c r="B13786" s="1" t="s">
        <v>52171</v>
      </c>
      <c r="C13786" s="1" t="s">
        <v>125</v>
      </c>
      <c r="D13786" s="1" t="s">
        <v>52388</v>
      </c>
      <c r="E13786" s="1" t="s">
        <v>52389</v>
      </c>
      <c r="F13786" s="1" t="s">
        <v>52390</v>
      </c>
      <c r="G13786" s="1" t="s">
        <v>52304</v>
      </c>
      <c r="H13786" s="1" t="s">
        <v>52305</v>
      </c>
      <c r="I13786" s="1" t="s">
        <v>52177</v>
      </c>
      <c r="J13786" s="1" t="s">
        <v>52391</v>
      </c>
    </row>
    <row r="13787" spans="1:10" x14ac:dyDescent="0.35">
      <c r="A13787" s="1" t="s">
        <v>52300</v>
      </c>
      <c r="B13787" s="1" t="s">
        <v>52171</v>
      </c>
      <c r="C13787" s="1" t="s">
        <v>130</v>
      </c>
      <c r="D13787" s="1" t="s">
        <v>52392</v>
      </c>
      <c r="E13787" s="1" t="s">
        <v>52393</v>
      </c>
      <c r="F13787" s="1" t="s">
        <v>52394</v>
      </c>
      <c r="G13787" s="1" t="s">
        <v>52304</v>
      </c>
      <c r="H13787" s="1" t="s">
        <v>52305</v>
      </c>
      <c r="I13787" s="1" t="s">
        <v>52177</v>
      </c>
      <c r="J13787" s="1" t="s">
        <v>52395</v>
      </c>
    </row>
    <row r="13788" spans="1:10" x14ac:dyDescent="0.35">
      <c r="A13788" s="1" t="s">
        <v>52300</v>
      </c>
      <c r="B13788" s="1" t="s">
        <v>52171</v>
      </c>
      <c r="C13788" s="1" t="s">
        <v>135</v>
      </c>
      <c r="D13788" s="1" t="s">
        <v>52396</v>
      </c>
      <c r="E13788" s="1" t="s">
        <v>52397</v>
      </c>
      <c r="F13788" s="1" t="s">
        <v>52398</v>
      </c>
      <c r="G13788" s="1" t="s">
        <v>52304</v>
      </c>
      <c r="H13788" s="1" t="s">
        <v>52305</v>
      </c>
      <c r="I13788" s="1" t="s">
        <v>52177</v>
      </c>
      <c r="J13788" s="1" t="s">
        <v>52399</v>
      </c>
    </row>
    <row r="13789" spans="1:10" x14ac:dyDescent="0.35">
      <c r="A13789" s="1" t="s">
        <v>52300</v>
      </c>
      <c r="B13789" s="1" t="s">
        <v>52171</v>
      </c>
      <c r="C13789" s="1" t="s">
        <v>140</v>
      </c>
      <c r="D13789" s="1" t="s">
        <v>52400</v>
      </c>
      <c r="E13789" s="1" t="s">
        <v>52401</v>
      </c>
      <c r="F13789" s="1" t="s">
        <v>52402</v>
      </c>
      <c r="G13789" s="1" t="s">
        <v>52304</v>
      </c>
      <c r="H13789" s="1" t="s">
        <v>52305</v>
      </c>
      <c r="I13789" s="1" t="s">
        <v>52177</v>
      </c>
      <c r="J13789" s="1" t="s">
        <v>52403</v>
      </c>
    </row>
    <row r="13790" spans="1:10" x14ac:dyDescent="0.35">
      <c r="A13790" s="1" t="s">
        <v>52300</v>
      </c>
      <c r="B13790" s="1" t="s">
        <v>52171</v>
      </c>
      <c r="C13790" s="1" t="s">
        <v>145</v>
      </c>
      <c r="D13790" s="1" t="s">
        <v>52404</v>
      </c>
      <c r="E13790" s="1" t="s">
        <v>52405</v>
      </c>
      <c r="F13790" s="1" t="s">
        <v>52406</v>
      </c>
      <c r="G13790" s="1" t="s">
        <v>52304</v>
      </c>
      <c r="H13790" s="1" t="s">
        <v>52305</v>
      </c>
      <c r="I13790" s="1" t="s">
        <v>52177</v>
      </c>
      <c r="J13790" s="1" t="s">
        <v>52407</v>
      </c>
    </row>
    <row r="13791" spans="1:10" x14ac:dyDescent="0.35">
      <c r="A13791" s="1" t="s">
        <v>52300</v>
      </c>
      <c r="B13791" s="1" t="s">
        <v>52171</v>
      </c>
      <c r="C13791" s="1" t="s">
        <v>150</v>
      </c>
      <c r="D13791" s="1" t="s">
        <v>52408</v>
      </c>
      <c r="E13791" s="1" t="s">
        <v>52409</v>
      </c>
      <c r="F13791" s="1" t="s">
        <v>52410</v>
      </c>
      <c r="G13791" s="1" t="s">
        <v>52304</v>
      </c>
      <c r="H13791" s="1" t="s">
        <v>52305</v>
      </c>
      <c r="I13791" s="1" t="s">
        <v>52177</v>
      </c>
      <c r="J13791" s="1" t="s">
        <v>52411</v>
      </c>
    </row>
    <row r="13792" spans="1:10" x14ac:dyDescent="0.35">
      <c r="A13792" s="1" t="s">
        <v>52300</v>
      </c>
      <c r="B13792" s="1" t="s">
        <v>52171</v>
      </c>
      <c r="C13792" s="1" t="s">
        <v>155</v>
      </c>
      <c r="D13792" s="1" t="s">
        <v>52412</v>
      </c>
      <c r="E13792" s="1" t="s">
        <v>52413</v>
      </c>
      <c r="F13792" s="1" t="s">
        <v>52414</v>
      </c>
      <c r="G13792" s="1" t="s">
        <v>52304</v>
      </c>
      <c r="H13792" s="1" t="s">
        <v>52305</v>
      </c>
      <c r="I13792" s="1" t="s">
        <v>52177</v>
      </c>
      <c r="J13792" s="1" t="s">
        <v>52415</v>
      </c>
    </row>
    <row r="13793" spans="1:10" x14ac:dyDescent="0.35">
      <c r="A13793" s="1" t="s">
        <v>52300</v>
      </c>
      <c r="B13793" s="1" t="s">
        <v>52171</v>
      </c>
      <c r="C13793" s="1" t="s">
        <v>160</v>
      </c>
      <c r="D13793" s="1" t="s">
        <v>52416</v>
      </c>
      <c r="E13793" s="1" t="s">
        <v>52417</v>
      </c>
      <c r="F13793" s="1" t="s">
        <v>52418</v>
      </c>
      <c r="G13793" s="1" t="s">
        <v>52304</v>
      </c>
      <c r="H13793" s="1" t="s">
        <v>52305</v>
      </c>
      <c r="I13793" s="1" t="s">
        <v>52177</v>
      </c>
      <c r="J13793" s="1" t="s">
        <v>52419</v>
      </c>
    </row>
    <row r="13794" spans="1:10" x14ac:dyDescent="0.35">
      <c r="A13794" s="1" t="s">
        <v>52300</v>
      </c>
      <c r="B13794" s="1" t="s">
        <v>52171</v>
      </c>
      <c r="C13794" s="1" t="s">
        <v>165</v>
      </c>
      <c r="D13794" s="1" t="s">
        <v>52420</v>
      </c>
      <c r="E13794" s="1" t="s">
        <v>52421</v>
      </c>
      <c r="F13794" s="1" t="s">
        <v>52422</v>
      </c>
      <c r="G13794" s="1" t="s">
        <v>52304</v>
      </c>
      <c r="H13794" s="1" t="s">
        <v>52305</v>
      </c>
      <c r="I13794" s="1" t="s">
        <v>52177</v>
      </c>
      <c r="J13794" s="1" t="s">
        <v>52423</v>
      </c>
    </row>
    <row r="13795" spans="1:10" x14ac:dyDescent="0.35">
      <c r="A13795" s="1" t="s">
        <v>52300</v>
      </c>
      <c r="B13795" s="1" t="s">
        <v>52171</v>
      </c>
      <c r="C13795" s="1" t="s">
        <v>170</v>
      </c>
      <c r="D13795" s="1" t="s">
        <v>52424</v>
      </c>
      <c r="E13795" s="1" t="s">
        <v>52425</v>
      </c>
      <c r="F13795" s="1" t="s">
        <v>52426</v>
      </c>
      <c r="G13795" s="1" t="s">
        <v>52304</v>
      </c>
      <c r="H13795" s="1" t="s">
        <v>52305</v>
      </c>
      <c r="I13795" s="1" t="s">
        <v>52177</v>
      </c>
      <c r="J13795" s="1" t="s">
        <v>52427</v>
      </c>
    </row>
    <row r="13796" spans="1:10" x14ac:dyDescent="0.35">
      <c r="A13796" s="1" t="s">
        <v>52428</v>
      </c>
      <c r="B13796" s="1" t="s">
        <v>52171</v>
      </c>
      <c r="C13796" s="1" t="s">
        <v>8</v>
      </c>
      <c r="D13796" s="1" t="s">
        <v>52330</v>
      </c>
      <c r="E13796" s="1" t="s">
        <v>52429</v>
      </c>
      <c r="F13796" s="1" t="s">
        <v>52430</v>
      </c>
      <c r="G13796" s="1" t="s">
        <v>52431</v>
      </c>
      <c r="H13796" s="1" t="s">
        <v>52432</v>
      </c>
      <c r="I13796" s="1" t="s">
        <v>52177</v>
      </c>
      <c r="J13796" s="1" t="s">
        <v>13</v>
      </c>
    </row>
    <row r="13797" spans="1:10" x14ac:dyDescent="0.35">
      <c r="A13797" s="1" t="s">
        <v>52428</v>
      </c>
      <c r="B13797" s="1" t="s">
        <v>52171</v>
      </c>
      <c r="C13797" s="1" t="s">
        <v>15</v>
      </c>
      <c r="D13797" s="1" t="s">
        <v>52433</v>
      </c>
      <c r="E13797" s="1" t="s">
        <v>52434</v>
      </c>
      <c r="F13797" s="1" t="s">
        <v>52435</v>
      </c>
      <c r="G13797" s="1" t="s">
        <v>52431</v>
      </c>
      <c r="H13797" s="1" t="s">
        <v>52432</v>
      </c>
      <c r="I13797" s="1" t="s">
        <v>52177</v>
      </c>
      <c r="J13797" s="1" t="s">
        <v>52436</v>
      </c>
    </row>
    <row r="13798" spans="1:10" x14ac:dyDescent="0.35">
      <c r="A13798" s="1" t="s">
        <v>52428</v>
      </c>
      <c r="B13798" s="1" t="s">
        <v>52171</v>
      </c>
      <c r="C13798" s="1" t="s">
        <v>20</v>
      </c>
      <c r="D13798" s="1" t="s">
        <v>52437</v>
      </c>
      <c r="E13798" s="1" t="s">
        <v>52438</v>
      </c>
      <c r="F13798" s="1" t="s">
        <v>52439</v>
      </c>
      <c r="G13798" s="1" t="s">
        <v>52431</v>
      </c>
      <c r="H13798" s="1" t="s">
        <v>52432</v>
      </c>
      <c r="I13798" s="1" t="s">
        <v>52177</v>
      </c>
      <c r="J13798" s="1" t="s">
        <v>52440</v>
      </c>
    </row>
    <row r="13799" spans="1:10" x14ac:dyDescent="0.35">
      <c r="A13799" s="1" t="s">
        <v>52428</v>
      </c>
      <c r="B13799" s="1" t="s">
        <v>52171</v>
      </c>
      <c r="C13799" s="1" t="s">
        <v>25</v>
      </c>
      <c r="D13799" s="1" t="s">
        <v>52441</v>
      </c>
      <c r="E13799" s="1" t="s">
        <v>52442</v>
      </c>
      <c r="F13799" s="1" t="s">
        <v>52443</v>
      </c>
      <c r="G13799" s="1" t="s">
        <v>52431</v>
      </c>
      <c r="H13799" s="1" t="s">
        <v>52432</v>
      </c>
      <c r="I13799" s="1" t="s">
        <v>52177</v>
      </c>
      <c r="J13799" s="1" t="s">
        <v>52444</v>
      </c>
    </row>
    <row r="13800" spans="1:10" x14ac:dyDescent="0.35">
      <c r="A13800" s="1" t="s">
        <v>52428</v>
      </c>
      <c r="B13800" s="1" t="s">
        <v>52171</v>
      </c>
      <c r="C13800" s="1" t="s">
        <v>30</v>
      </c>
      <c r="D13800" s="1" t="s">
        <v>52445</v>
      </c>
      <c r="E13800" s="1" t="s">
        <v>52446</v>
      </c>
      <c r="F13800" s="1" t="s">
        <v>52447</v>
      </c>
      <c r="G13800" s="1" t="s">
        <v>52431</v>
      </c>
      <c r="H13800" s="1" t="s">
        <v>52432</v>
      </c>
      <c r="I13800" s="1" t="s">
        <v>52177</v>
      </c>
      <c r="J13800" s="1" t="s">
        <v>52448</v>
      </c>
    </row>
    <row r="13801" spans="1:10" x14ac:dyDescent="0.35">
      <c r="A13801" s="1" t="s">
        <v>52428</v>
      </c>
      <c r="B13801" s="1" t="s">
        <v>52171</v>
      </c>
      <c r="C13801" s="1" t="s">
        <v>35</v>
      </c>
      <c r="D13801" s="1" t="s">
        <v>52449</v>
      </c>
      <c r="E13801" s="1" t="s">
        <v>52450</v>
      </c>
      <c r="F13801" s="1" t="s">
        <v>52451</v>
      </c>
      <c r="G13801" s="1" t="s">
        <v>52431</v>
      </c>
      <c r="H13801" s="1" t="s">
        <v>52432</v>
      </c>
      <c r="I13801" s="1" t="s">
        <v>52177</v>
      </c>
      <c r="J13801" s="1" t="s">
        <v>52452</v>
      </c>
    </row>
    <row r="13802" spans="1:10" x14ac:dyDescent="0.35">
      <c r="A13802" s="1" t="s">
        <v>52428</v>
      </c>
      <c r="B13802" s="1" t="s">
        <v>52171</v>
      </c>
      <c r="C13802" s="1" t="s">
        <v>40</v>
      </c>
      <c r="D13802" s="1" t="s">
        <v>52453</v>
      </c>
      <c r="E13802" s="1" t="s">
        <v>52454</v>
      </c>
      <c r="F13802" s="1" t="s">
        <v>52455</v>
      </c>
      <c r="G13802" s="1" t="s">
        <v>52431</v>
      </c>
      <c r="H13802" s="1" t="s">
        <v>52432</v>
      </c>
      <c r="I13802" s="1" t="s">
        <v>52177</v>
      </c>
      <c r="J13802" s="1" t="s">
        <v>52456</v>
      </c>
    </row>
    <row r="13803" spans="1:10" x14ac:dyDescent="0.35">
      <c r="A13803" s="1" t="s">
        <v>52428</v>
      </c>
      <c r="B13803" s="1" t="s">
        <v>52171</v>
      </c>
      <c r="C13803" s="1" t="s">
        <v>45</v>
      </c>
      <c r="D13803" s="1" t="s">
        <v>52457</v>
      </c>
      <c r="E13803" s="1" t="s">
        <v>24751</v>
      </c>
      <c r="F13803" s="1" t="s">
        <v>52458</v>
      </c>
      <c r="G13803" s="1" t="s">
        <v>52431</v>
      </c>
      <c r="H13803" s="1" t="s">
        <v>52432</v>
      </c>
      <c r="I13803" s="1" t="s">
        <v>52177</v>
      </c>
      <c r="J13803" s="1" t="s">
        <v>52459</v>
      </c>
    </row>
    <row r="13804" spans="1:10" x14ac:dyDescent="0.35">
      <c r="A13804" s="1" t="s">
        <v>52428</v>
      </c>
      <c r="B13804" s="1" t="s">
        <v>52171</v>
      </c>
      <c r="C13804" s="1" t="s">
        <v>50</v>
      </c>
      <c r="D13804" s="1" t="s">
        <v>52460</v>
      </c>
      <c r="E13804" s="1" t="s">
        <v>22894</v>
      </c>
      <c r="F13804" s="1" t="s">
        <v>52461</v>
      </c>
      <c r="G13804" s="1" t="s">
        <v>52431</v>
      </c>
      <c r="H13804" s="1" t="s">
        <v>52432</v>
      </c>
      <c r="I13804" s="1" t="s">
        <v>52177</v>
      </c>
      <c r="J13804" s="1" t="s">
        <v>52462</v>
      </c>
    </row>
    <row r="13805" spans="1:10" x14ac:dyDescent="0.35">
      <c r="A13805" s="1" t="s">
        <v>52428</v>
      </c>
      <c r="B13805" s="1" t="s">
        <v>52171</v>
      </c>
      <c r="C13805" s="1" t="s">
        <v>55</v>
      </c>
      <c r="D13805" s="1" t="s">
        <v>52463</v>
      </c>
      <c r="E13805" s="1" t="s">
        <v>52464</v>
      </c>
      <c r="F13805" s="1" t="s">
        <v>52465</v>
      </c>
      <c r="G13805" s="1" t="s">
        <v>52431</v>
      </c>
      <c r="H13805" s="1" t="s">
        <v>52432</v>
      </c>
      <c r="I13805" s="1" t="s">
        <v>52177</v>
      </c>
      <c r="J13805" s="1" t="s">
        <v>52466</v>
      </c>
    </row>
    <row r="13806" spans="1:10" x14ac:dyDescent="0.35">
      <c r="A13806" s="1" t="s">
        <v>52428</v>
      </c>
      <c r="B13806" s="1" t="s">
        <v>52171</v>
      </c>
      <c r="C13806" s="1" t="s">
        <v>60</v>
      </c>
      <c r="D13806" s="1" t="s">
        <v>52467</v>
      </c>
      <c r="E13806" s="1" t="s">
        <v>52468</v>
      </c>
      <c r="F13806" s="1" t="s">
        <v>52469</v>
      </c>
      <c r="G13806" s="1" t="s">
        <v>52431</v>
      </c>
      <c r="H13806" s="1" t="s">
        <v>52432</v>
      </c>
      <c r="I13806" s="1" t="s">
        <v>52177</v>
      </c>
      <c r="J13806" s="1" t="s">
        <v>52470</v>
      </c>
    </row>
    <row r="13807" spans="1:10" x14ac:dyDescent="0.35">
      <c r="A13807" s="1" t="s">
        <v>52428</v>
      </c>
      <c r="B13807" s="1" t="s">
        <v>52171</v>
      </c>
      <c r="C13807" s="1" t="s">
        <v>65</v>
      </c>
      <c r="D13807" s="1" t="s">
        <v>52471</v>
      </c>
      <c r="E13807" s="1" t="s">
        <v>24766</v>
      </c>
      <c r="F13807" s="1" t="s">
        <v>52472</v>
      </c>
      <c r="G13807" s="1" t="s">
        <v>52431</v>
      </c>
      <c r="H13807" s="1" t="s">
        <v>52432</v>
      </c>
      <c r="I13807" s="1" t="s">
        <v>52177</v>
      </c>
      <c r="J13807" s="1" t="s">
        <v>52473</v>
      </c>
    </row>
    <row r="13808" spans="1:10" x14ac:dyDescent="0.35">
      <c r="A13808" s="1" t="s">
        <v>52428</v>
      </c>
      <c r="B13808" s="1" t="s">
        <v>52171</v>
      </c>
      <c r="C13808" s="1" t="s">
        <v>70</v>
      </c>
      <c r="D13808" s="1" t="s">
        <v>5927</v>
      </c>
      <c r="E13808" s="1" t="s">
        <v>52474</v>
      </c>
      <c r="F13808" s="1" t="s">
        <v>52475</v>
      </c>
      <c r="G13808" s="1" t="s">
        <v>52431</v>
      </c>
      <c r="H13808" s="1" t="s">
        <v>52432</v>
      </c>
      <c r="I13808" s="1" t="s">
        <v>52177</v>
      </c>
      <c r="J13808" s="1" t="s">
        <v>52476</v>
      </c>
    </row>
    <row r="13809" spans="1:10" x14ac:dyDescent="0.35">
      <c r="A13809" s="1" t="s">
        <v>52428</v>
      </c>
      <c r="B13809" s="1" t="s">
        <v>52171</v>
      </c>
      <c r="C13809" s="1" t="s">
        <v>75</v>
      </c>
      <c r="D13809" s="1" t="s">
        <v>52477</v>
      </c>
      <c r="E13809" s="1" t="s">
        <v>52478</v>
      </c>
      <c r="F13809" s="1" t="s">
        <v>52479</v>
      </c>
      <c r="G13809" s="1" t="s">
        <v>52431</v>
      </c>
      <c r="H13809" s="1" t="s">
        <v>52432</v>
      </c>
      <c r="I13809" s="1" t="s">
        <v>52177</v>
      </c>
      <c r="J13809" s="1" t="s">
        <v>52480</v>
      </c>
    </row>
    <row r="13810" spans="1:10" x14ac:dyDescent="0.35">
      <c r="A13810" s="1" t="s">
        <v>52428</v>
      </c>
      <c r="B13810" s="1" t="s">
        <v>52171</v>
      </c>
      <c r="C13810" s="1" t="s">
        <v>80</v>
      </c>
      <c r="D13810" s="1" t="s">
        <v>52481</v>
      </c>
      <c r="E13810" s="1" t="s">
        <v>52482</v>
      </c>
      <c r="F13810" s="1" t="s">
        <v>52483</v>
      </c>
      <c r="G13810" s="1" t="s">
        <v>52431</v>
      </c>
      <c r="H13810" s="1" t="s">
        <v>52432</v>
      </c>
      <c r="I13810" s="1" t="s">
        <v>52177</v>
      </c>
      <c r="J13810" s="1" t="s">
        <v>52484</v>
      </c>
    </row>
    <row r="13811" spans="1:10" x14ac:dyDescent="0.35">
      <c r="A13811" s="1" t="s">
        <v>52428</v>
      </c>
      <c r="B13811" s="1" t="s">
        <v>52171</v>
      </c>
      <c r="C13811" s="1" t="s">
        <v>85</v>
      </c>
      <c r="D13811" s="1" t="s">
        <v>52485</v>
      </c>
      <c r="E13811" s="1" t="s">
        <v>23655</v>
      </c>
      <c r="F13811" s="1" t="s">
        <v>52486</v>
      </c>
      <c r="G13811" s="1" t="s">
        <v>52431</v>
      </c>
      <c r="H13811" s="1" t="s">
        <v>52432</v>
      </c>
      <c r="I13811" s="1" t="s">
        <v>52177</v>
      </c>
      <c r="J13811" s="1" t="s">
        <v>52487</v>
      </c>
    </row>
    <row r="13812" spans="1:10" x14ac:dyDescent="0.35">
      <c r="A13812" s="1" t="s">
        <v>52428</v>
      </c>
      <c r="B13812" s="1" t="s">
        <v>52171</v>
      </c>
      <c r="C13812" s="1" t="s">
        <v>90</v>
      </c>
      <c r="D13812" s="1" t="s">
        <v>52488</v>
      </c>
      <c r="E13812" s="1" t="s">
        <v>23057</v>
      </c>
      <c r="F13812" s="1" t="s">
        <v>52489</v>
      </c>
      <c r="G13812" s="1" t="s">
        <v>52431</v>
      </c>
      <c r="H13812" s="1" t="s">
        <v>52432</v>
      </c>
      <c r="I13812" s="1" t="s">
        <v>52177</v>
      </c>
      <c r="J13812" s="1" t="s">
        <v>52490</v>
      </c>
    </row>
    <row r="13813" spans="1:10" x14ac:dyDescent="0.35">
      <c r="A13813" s="1" t="s">
        <v>52428</v>
      </c>
      <c r="B13813" s="1" t="s">
        <v>52171</v>
      </c>
      <c r="C13813" s="1" t="s">
        <v>95</v>
      </c>
      <c r="D13813" s="1" t="s">
        <v>52491</v>
      </c>
      <c r="E13813" s="1" t="s">
        <v>52492</v>
      </c>
      <c r="F13813" s="1" t="s">
        <v>52493</v>
      </c>
      <c r="G13813" s="1" t="s">
        <v>52431</v>
      </c>
      <c r="H13813" s="1" t="s">
        <v>52432</v>
      </c>
      <c r="I13813" s="1" t="s">
        <v>52177</v>
      </c>
      <c r="J13813" s="1" t="s">
        <v>52494</v>
      </c>
    </row>
    <row r="13814" spans="1:10" x14ac:dyDescent="0.35">
      <c r="A13814" s="1" t="s">
        <v>52428</v>
      </c>
      <c r="B13814" s="1" t="s">
        <v>52171</v>
      </c>
      <c r="C13814" s="1" t="s">
        <v>100</v>
      </c>
      <c r="D13814" s="1" t="s">
        <v>52495</v>
      </c>
      <c r="E13814" s="1" t="s">
        <v>52496</v>
      </c>
      <c r="F13814" s="1" t="s">
        <v>52497</v>
      </c>
      <c r="G13814" s="1" t="s">
        <v>52431</v>
      </c>
      <c r="H13814" s="1" t="s">
        <v>52432</v>
      </c>
      <c r="I13814" s="1" t="s">
        <v>52177</v>
      </c>
      <c r="J13814" s="1" t="s">
        <v>52498</v>
      </c>
    </row>
    <row r="13815" spans="1:10" x14ac:dyDescent="0.35">
      <c r="A13815" s="1" t="s">
        <v>52428</v>
      </c>
      <c r="B13815" s="1" t="s">
        <v>52171</v>
      </c>
      <c r="C13815" s="1" t="s">
        <v>105</v>
      </c>
      <c r="D13815" s="1" t="s">
        <v>52499</v>
      </c>
      <c r="E13815" s="1" t="s">
        <v>52500</v>
      </c>
      <c r="F13815" s="1" t="s">
        <v>52501</v>
      </c>
      <c r="G13815" s="1" t="s">
        <v>52431</v>
      </c>
      <c r="H13815" s="1" t="s">
        <v>52432</v>
      </c>
      <c r="I13815" s="1" t="s">
        <v>52177</v>
      </c>
      <c r="J13815" s="1" t="s">
        <v>52502</v>
      </c>
    </row>
    <row r="13816" spans="1:10" x14ac:dyDescent="0.35">
      <c r="A13816" s="1" t="s">
        <v>52428</v>
      </c>
      <c r="B13816" s="1" t="s">
        <v>52171</v>
      </c>
      <c r="C13816" s="1" t="s">
        <v>110</v>
      </c>
      <c r="D13816" s="1" t="s">
        <v>52503</v>
      </c>
      <c r="E13816" s="1" t="s">
        <v>52504</v>
      </c>
      <c r="F13816" s="1" t="s">
        <v>52505</v>
      </c>
      <c r="G13816" s="1" t="s">
        <v>52431</v>
      </c>
      <c r="H13816" s="1" t="s">
        <v>52432</v>
      </c>
      <c r="I13816" s="1" t="s">
        <v>52177</v>
      </c>
      <c r="J13816" s="1" t="s">
        <v>52506</v>
      </c>
    </row>
    <row r="13817" spans="1:10" x14ac:dyDescent="0.35">
      <c r="A13817" s="1" t="s">
        <v>52428</v>
      </c>
      <c r="B13817" s="1" t="s">
        <v>52171</v>
      </c>
      <c r="C13817" s="1" t="s">
        <v>115</v>
      </c>
      <c r="D13817" s="1" t="s">
        <v>52507</v>
      </c>
      <c r="E13817" s="1" t="s">
        <v>21588</v>
      </c>
      <c r="F13817" s="1" t="s">
        <v>52508</v>
      </c>
      <c r="G13817" s="1" t="s">
        <v>52431</v>
      </c>
      <c r="H13817" s="1" t="s">
        <v>52432</v>
      </c>
      <c r="I13817" s="1" t="s">
        <v>52177</v>
      </c>
      <c r="J13817" s="1" t="s">
        <v>52509</v>
      </c>
    </row>
    <row r="13818" spans="1:10" x14ac:dyDescent="0.35">
      <c r="A13818" s="1" t="s">
        <v>52428</v>
      </c>
      <c r="B13818" s="1" t="s">
        <v>52171</v>
      </c>
      <c r="C13818" s="1" t="s">
        <v>120</v>
      </c>
      <c r="D13818" s="1" t="s">
        <v>52510</v>
      </c>
      <c r="E13818" s="1" t="s">
        <v>52511</v>
      </c>
      <c r="F13818" s="1" t="s">
        <v>52512</v>
      </c>
      <c r="G13818" s="1" t="s">
        <v>52431</v>
      </c>
      <c r="H13818" s="1" t="s">
        <v>52432</v>
      </c>
      <c r="I13818" s="1" t="s">
        <v>52177</v>
      </c>
      <c r="J13818" s="1" t="s">
        <v>52513</v>
      </c>
    </row>
    <row r="13819" spans="1:10" x14ac:dyDescent="0.35">
      <c r="A13819" s="1" t="s">
        <v>52428</v>
      </c>
      <c r="B13819" s="1" t="s">
        <v>52171</v>
      </c>
      <c r="C13819" s="1" t="s">
        <v>125</v>
      </c>
      <c r="D13819" s="1" t="s">
        <v>52514</v>
      </c>
      <c r="E13819" s="1" t="s">
        <v>52515</v>
      </c>
      <c r="F13819" s="1" t="s">
        <v>26661</v>
      </c>
      <c r="G13819" s="1" t="s">
        <v>52431</v>
      </c>
      <c r="H13819" s="1" t="s">
        <v>52432</v>
      </c>
      <c r="I13819" s="1" t="s">
        <v>52177</v>
      </c>
      <c r="J13819" s="1" t="s">
        <v>52516</v>
      </c>
    </row>
    <row r="13820" spans="1:10" x14ac:dyDescent="0.35">
      <c r="A13820" s="1" t="s">
        <v>52428</v>
      </c>
      <c r="B13820" s="1" t="s">
        <v>52171</v>
      </c>
      <c r="C13820" s="1" t="s">
        <v>130</v>
      </c>
      <c r="D13820" s="1" t="s">
        <v>52517</v>
      </c>
      <c r="E13820" s="1" t="s">
        <v>23379</v>
      </c>
      <c r="F13820" s="1" t="s">
        <v>52518</v>
      </c>
      <c r="G13820" s="1" t="s">
        <v>52431</v>
      </c>
      <c r="H13820" s="1" t="s">
        <v>52432</v>
      </c>
      <c r="I13820" s="1" t="s">
        <v>52177</v>
      </c>
      <c r="J13820" s="1" t="s">
        <v>52519</v>
      </c>
    </row>
    <row r="13821" spans="1:10" x14ac:dyDescent="0.35">
      <c r="A13821" s="1" t="s">
        <v>52428</v>
      </c>
      <c r="B13821" s="1" t="s">
        <v>52171</v>
      </c>
      <c r="C13821" s="1" t="s">
        <v>135</v>
      </c>
      <c r="D13821" s="1" t="s">
        <v>52520</v>
      </c>
      <c r="E13821" s="1" t="s">
        <v>52521</v>
      </c>
      <c r="F13821" s="1" t="s">
        <v>52522</v>
      </c>
      <c r="G13821" s="1" t="s">
        <v>52431</v>
      </c>
      <c r="H13821" s="1" t="s">
        <v>52432</v>
      </c>
      <c r="I13821" s="1" t="s">
        <v>52177</v>
      </c>
      <c r="J13821" s="1" t="s">
        <v>52523</v>
      </c>
    </row>
    <row r="13822" spans="1:10" x14ac:dyDescent="0.35">
      <c r="A13822" s="1" t="s">
        <v>52428</v>
      </c>
      <c r="B13822" s="1" t="s">
        <v>52171</v>
      </c>
      <c r="C13822" s="1" t="s">
        <v>140</v>
      </c>
      <c r="D13822" s="1" t="s">
        <v>52524</v>
      </c>
      <c r="E13822" s="1" t="s">
        <v>52525</v>
      </c>
      <c r="F13822" s="1" t="s">
        <v>52526</v>
      </c>
      <c r="G13822" s="1" t="s">
        <v>52431</v>
      </c>
      <c r="H13822" s="1" t="s">
        <v>52432</v>
      </c>
      <c r="I13822" s="1" t="s">
        <v>52177</v>
      </c>
      <c r="J13822" s="1" t="s">
        <v>52527</v>
      </c>
    </row>
    <row r="13823" spans="1:10" x14ac:dyDescent="0.35">
      <c r="A13823" s="1" t="s">
        <v>52428</v>
      </c>
      <c r="B13823" s="1" t="s">
        <v>52171</v>
      </c>
      <c r="C13823" s="1" t="s">
        <v>145</v>
      </c>
      <c r="D13823" s="1" t="s">
        <v>52528</v>
      </c>
      <c r="E13823" s="1" t="s">
        <v>24785</v>
      </c>
      <c r="F13823" s="1" t="s">
        <v>52529</v>
      </c>
      <c r="G13823" s="1" t="s">
        <v>52431</v>
      </c>
      <c r="H13823" s="1" t="s">
        <v>52432</v>
      </c>
      <c r="I13823" s="1" t="s">
        <v>52177</v>
      </c>
      <c r="J13823" s="1" t="s">
        <v>52530</v>
      </c>
    </row>
    <row r="13824" spans="1:10" x14ac:dyDescent="0.35">
      <c r="A13824" s="1" t="s">
        <v>52428</v>
      </c>
      <c r="B13824" s="1" t="s">
        <v>52171</v>
      </c>
      <c r="C13824" s="1" t="s">
        <v>150</v>
      </c>
      <c r="D13824" s="1" t="s">
        <v>52531</v>
      </c>
      <c r="E13824" s="1" t="s">
        <v>40711</v>
      </c>
      <c r="F13824" s="1" t="s">
        <v>52532</v>
      </c>
      <c r="G13824" s="1" t="s">
        <v>52431</v>
      </c>
      <c r="H13824" s="1" t="s">
        <v>52432</v>
      </c>
      <c r="I13824" s="1" t="s">
        <v>52177</v>
      </c>
      <c r="J13824" s="1" t="s">
        <v>52533</v>
      </c>
    </row>
    <row r="13825" spans="1:10" x14ac:dyDescent="0.35">
      <c r="A13825" s="1" t="s">
        <v>52428</v>
      </c>
      <c r="B13825" s="1" t="s">
        <v>52171</v>
      </c>
      <c r="C13825" s="1" t="s">
        <v>155</v>
      </c>
      <c r="D13825" s="1" t="s">
        <v>52534</v>
      </c>
      <c r="E13825" s="1" t="s">
        <v>23894</v>
      </c>
      <c r="F13825" s="1" t="s">
        <v>52535</v>
      </c>
      <c r="G13825" s="1" t="s">
        <v>52431</v>
      </c>
      <c r="H13825" s="1" t="s">
        <v>52432</v>
      </c>
      <c r="I13825" s="1" t="s">
        <v>52177</v>
      </c>
      <c r="J13825" s="1" t="s">
        <v>52536</v>
      </c>
    </row>
    <row r="13826" spans="1:10" x14ac:dyDescent="0.35">
      <c r="A13826" s="1" t="s">
        <v>52428</v>
      </c>
      <c r="B13826" s="1" t="s">
        <v>52171</v>
      </c>
      <c r="C13826" s="1" t="s">
        <v>160</v>
      </c>
      <c r="D13826" s="1" t="s">
        <v>52537</v>
      </c>
      <c r="E13826" s="1" t="s">
        <v>23091</v>
      </c>
      <c r="F13826" s="1" t="s">
        <v>52538</v>
      </c>
      <c r="G13826" s="1" t="s">
        <v>52431</v>
      </c>
      <c r="H13826" s="1" t="s">
        <v>52432</v>
      </c>
      <c r="I13826" s="1" t="s">
        <v>52177</v>
      </c>
      <c r="J13826" s="1" t="s">
        <v>52539</v>
      </c>
    </row>
    <row r="13827" spans="1:10" x14ac:dyDescent="0.35">
      <c r="A13827" s="1" t="s">
        <v>52428</v>
      </c>
      <c r="B13827" s="1" t="s">
        <v>52171</v>
      </c>
      <c r="C13827" s="1" t="s">
        <v>165</v>
      </c>
      <c r="D13827" s="1" t="s">
        <v>52540</v>
      </c>
      <c r="E13827" s="1" t="s">
        <v>22902</v>
      </c>
      <c r="F13827" s="1" t="s">
        <v>52541</v>
      </c>
      <c r="G13827" s="1" t="s">
        <v>52431</v>
      </c>
      <c r="H13827" s="1" t="s">
        <v>52432</v>
      </c>
      <c r="I13827" s="1" t="s">
        <v>52177</v>
      </c>
      <c r="J13827" s="1" t="s">
        <v>52542</v>
      </c>
    </row>
    <row r="13828" spans="1:10" x14ac:dyDescent="0.35">
      <c r="A13828" s="1" t="s">
        <v>52428</v>
      </c>
      <c r="B13828" s="1" t="s">
        <v>52171</v>
      </c>
      <c r="C13828" s="1" t="s">
        <v>170</v>
      </c>
      <c r="D13828" s="1" t="s">
        <v>13478</v>
      </c>
      <c r="E13828" s="1" t="s">
        <v>52543</v>
      </c>
      <c r="F13828" s="1" t="s">
        <v>52544</v>
      </c>
      <c r="G13828" s="1" t="s">
        <v>52431</v>
      </c>
      <c r="H13828" s="1" t="s">
        <v>52432</v>
      </c>
      <c r="I13828" s="1" t="s">
        <v>52177</v>
      </c>
      <c r="J13828" s="1" t="s">
        <v>52545</v>
      </c>
    </row>
    <row r="13829" spans="1:10" x14ac:dyDescent="0.35">
      <c r="A13829" s="1" t="s">
        <v>52546</v>
      </c>
      <c r="B13829" s="1" t="s">
        <v>52171</v>
      </c>
      <c r="C13829" s="1" t="s">
        <v>8</v>
      </c>
      <c r="D13829" s="1" t="s">
        <v>52547</v>
      </c>
      <c r="E13829" s="1" t="s">
        <v>52548</v>
      </c>
      <c r="F13829" s="1" t="s">
        <v>52549</v>
      </c>
      <c r="G13829" s="1" t="s">
        <v>52550</v>
      </c>
      <c r="H13829" s="1" t="s">
        <v>52551</v>
      </c>
      <c r="I13829" s="1" t="s">
        <v>52177</v>
      </c>
      <c r="J13829" s="1" t="s">
        <v>13</v>
      </c>
    </row>
    <row r="13830" spans="1:10" x14ac:dyDescent="0.35">
      <c r="A13830" s="1" t="s">
        <v>52546</v>
      </c>
      <c r="B13830" s="1" t="s">
        <v>52171</v>
      </c>
      <c r="C13830" s="1" t="s">
        <v>15</v>
      </c>
      <c r="D13830" s="1" t="s">
        <v>52552</v>
      </c>
      <c r="E13830" s="1" t="s">
        <v>52553</v>
      </c>
      <c r="F13830" s="1" t="s">
        <v>52554</v>
      </c>
      <c r="G13830" s="1" t="s">
        <v>52550</v>
      </c>
      <c r="H13830" s="1" t="s">
        <v>52551</v>
      </c>
      <c r="I13830" s="1" t="s">
        <v>52177</v>
      </c>
      <c r="J13830" s="1" t="s">
        <v>52555</v>
      </c>
    </row>
    <row r="13831" spans="1:10" x14ac:dyDescent="0.35">
      <c r="A13831" s="1" t="s">
        <v>52546</v>
      </c>
      <c r="B13831" s="1" t="s">
        <v>52171</v>
      </c>
      <c r="C13831" s="1" t="s">
        <v>20</v>
      </c>
      <c r="D13831" s="1" t="s">
        <v>52556</v>
      </c>
      <c r="E13831" s="1" t="s">
        <v>52557</v>
      </c>
      <c r="F13831" s="1" t="s">
        <v>52558</v>
      </c>
      <c r="G13831" s="1" t="s">
        <v>52550</v>
      </c>
      <c r="H13831" s="1" t="s">
        <v>52551</v>
      </c>
      <c r="I13831" s="1" t="s">
        <v>52177</v>
      </c>
      <c r="J13831" s="1" t="s">
        <v>52559</v>
      </c>
    </row>
    <row r="13832" spans="1:10" x14ac:dyDescent="0.35">
      <c r="A13832" s="1" t="s">
        <v>52546</v>
      </c>
      <c r="B13832" s="1" t="s">
        <v>52171</v>
      </c>
      <c r="C13832" s="1" t="s">
        <v>25</v>
      </c>
      <c r="D13832" s="1" t="s">
        <v>52560</v>
      </c>
      <c r="E13832" s="1" t="s">
        <v>52561</v>
      </c>
      <c r="F13832" s="1" t="s">
        <v>52562</v>
      </c>
      <c r="G13832" s="1" t="s">
        <v>52550</v>
      </c>
      <c r="H13832" s="1" t="s">
        <v>52551</v>
      </c>
      <c r="I13832" s="1" t="s">
        <v>52177</v>
      </c>
      <c r="J13832" s="1" t="s">
        <v>52563</v>
      </c>
    </row>
    <row r="13833" spans="1:10" x14ac:dyDescent="0.35">
      <c r="A13833" s="1" t="s">
        <v>52546</v>
      </c>
      <c r="B13833" s="1" t="s">
        <v>52171</v>
      </c>
      <c r="C13833" s="1" t="s">
        <v>30</v>
      </c>
      <c r="D13833" s="1" t="s">
        <v>52564</v>
      </c>
      <c r="E13833" s="1" t="s">
        <v>52565</v>
      </c>
      <c r="F13833" s="1" t="s">
        <v>52566</v>
      </c>
      <c r="G13833" s="1" t="s">
        <v>52550</v>
      </c>
      <c r="H13833" s="1" t="s">
        <v>52551</v>
      </c>
      <c r="I13833" s="1" t="s">
        <v>52177</v>
      </c>
      <c r="J13833" s="1" t="s">
        <v>52567</v>
      </c>
    </row>
    <row r="13834" spans="1:10" x14ac:dyDescent="0.35">
      <c r="A13834" s="1" t="s">
        <v>52546</v>
      </c>
      <c r="B13834" s="1" t="s">
        <v>52171</v>
      </c>
      <c r="C13834" s="1" t="s">
        <v>35</v>
      </c>
      <c r="D13834" s="1" t="s">
        <v>15096</v>
      </c>
      <c r="E13834" s="1" t="s">
        <v>52568</v>
      </c>
      <c r="F13834" s="1" t="s">
        <v>52569</v>
      </c>
      <c r="G13834" s="1" t="s">
        <v>52550</v>
      </c>
      <c r="H13834" s="1" t="s">
        <v>52551</v>
      </c>
      <c r="I13834" s="1" t="s">
        <v>52177</v>
      </c>
      <c r="J13834" s="1" t="s">
        <v>52570</v>
      </c>
    </row>
    <row r="13835" spans="1:10" x14ac:dyDescent="0.35">
      <c r="A13835" s="1" t="s">
        <v>52546</v>
      </c>
      <c r="B13835" s="1" t="s">
        <v>52171</v>
      </c>
      <c r="C13835" s="1" t="s">
        <v>40</v>
      </c>
      <c r="D13835" s="1" t="s">
        <v>52571</v>
      </c>
      <c r="E13835" s="1" t="s">
        <v>52572</v>
      </c>
      <c r="F13835" s="1" t="s">
        <v>52573</v>
      </c>
      <c r="G13835" s="1" t="s">
        <v>52550</v>
      </c>
      <c r="H13835" s="1" t="s">
        <v>52551</v>
      </c>
      <c r="I13835" s="1" t="s">
        <v>52177</v>
      </c>
      <c r="J13835" s="1" t="s">
        <v>52574</v>
      </c>
    </row>
    <row r="13836" spans="1:10" x14ac:dyDescent="0.35">
      <c r="A13836" s="1" t="s">
        <v>52546</v>
      </c>
      <c r="B13836" s="1" t="s">
        <v>52171</v>
      </c>
      <c r="C13836" s="1" t="s">
        <v>45</v>
      </c>
      <c r="D13836" s="1" t="s">
        <v>52200</v>
      </c>
      <c r="E13836" s="1" t="s">
        <v>52575</v>
      </c>
      <c r="F13836" s="1" t="s">
        <v>52576</v>
      </c>
      <c r="G13836" s="1" t="s">
        <v>52550</v>
      </c>
      <c r="H13836" s="1" t="s">
        <v>52551</v>
      </c>
      <c r="I13836" s="1" t="s">
        <v>52177</v>
      </c>
      <c r="J13836" s="1" t="s">
        <v>52577</v>
      </c>
    </row>
    <row r="13837" spans="1:10" x14ac:dyDescent="0.35">
      <c r="A13837" s="1" t="s">
        <v>52546</v>
      </c>
      <c r="B13837" s="1" t="s">
        <v>52171</v>
      </c>
      <c r="C13837" s="1" t="s">
        <v>50</v>
      </c>
      <c r="D13837" s="1" t="s">
        <v>52330</v>
      </c>
      <c r="E13837" s="1" t="s">
        <v>52578</v>
      </c>
      <c r="F13837" s="1" t="s">
        <v>52579</v>
      </c>
      <c r="G13837" s="1" t="s">
        <v>52550</v>
      </c>
      <c r="H13837" s="1" t="s">
        <v>52551</v>
      </c>
      <c r="I13837" s="1" t="s">
        <v>52177</v>
      </c>
      <c r="J13837" s="1" t="s">
        <v>52580</v>
      </c>
    </row>
    <row r="13838" spans="1:10" x14ac:dyDescent="0.35">
      <c r="A13838" s="1" t="s">
        <v>52546</v>
      </c>
      <c r="B13838" s="1" t="s">
        <v>52171</v>
      </c>
      <c r="C13838" s="1" t="s">
        <v>55</v>
      </c>
      <c r="D13838" s="1" t="s">
        <v>52208</v>
      </c>
      <c r="E13838" s="1" t="s">
        <v>52581</v>
      </c>
      <c r="F13838" s="1" t="s">
        <v>52582</v>
      </c>
      <c r="G13838" s="1" t="s">
        <v>52550</v>
      </c>
      <c r="H13838" s="1" t="s">
        <v>52551</v>
      </c>
      <c r="I13838" s="1" t="s">
        <v>52177</v>
      </c>
      <c r="J13838" s="1" t="s">
        <v>52583</v>
      </c>
    </row>
    <row r="13839" spans="1:10" x14ac:dyDescent="0.35">
      <c r="A13839" s="1" t="s">
        <v>52546</v>
      </c>
      <c r="B13839" s="1" t="s">
        <v>52171</v>
      </c>
      <c r="C13839" s="1" t="s">
        <v>60</v>
      </c>
      <c r="D13839" s="1" t="s">
        <v>52584</v>
      </c>
      <c r="E13839" s="1" t="s">
        <v>52585</v>
      </c>
      <c r="F13839" s="1" t="s">
        <v>52586</v>
      </c>
      <c r="G13839" s="1" t="s">
        <v>52550</v>
      </c>
      <c r="H13839" s="1" t="s">
        <v>52551</v>
      </c>
      <c r="I13839" s="1" t="s">
        <v>52177</v>
      </c>
      <c r="J13839" s="1" t="s">
        <v>52587</v>
      </c>
    </row>
    <row r="13840" spans="1:10" x14ac:dyDescent="0.35">
      <c r="A13840" s="1" t="s">
        <v>52546</v>
      </c>
      <c r="B13840" s="1" t="s">
        <v>52171</v>
      </c>
      <c r="C13840" s="1" t="s">
        <v>65</v>
      </c>
      <c r="D13840" s="1" t="s">
        <v>52342</v>
      </c>
      <c r="E13840" s="1" t="s">
        <v>52588</v>
      </c>
      <c r="F13840" s="1" t="s">
        <v>52589</v>
      </c>
      <c r="G13840" s="1" t="s">
        <v>52550</v>
      </c>
      <c r="H13840" s="1" t="s">
        <v>52551</v>
      </c>
      <c r="I13840" s="1" t="s">
        <v>52177</v>
      </c>
      <c r="J13840" s="1" t="s">
        <v>52590</v>
      </c>
    </row>
    <row r="13841" spans="1:10" x14ac:dyDescent="0.35">
      <c r="A13841" s="1" t="s">
        <v>52546</v>
      </c>
      <c r="B13841" s="1" t="s">
        <v>52171</v>
      </c>
      <c r="C13841" s="1" t="s">
        <v>70</v>
      </c>
      <c r="D13841" s="1" t="s">
        <v>52219</v>
      </c>
      <c r="E13841" s="1" t="s">
        <v>52591</v>
      </c>
      <c r="F13841" s="1" t="s">
        <v>52592</v>
      </c>
      <c r="G13841" s="1" t="s">
        <v>52550</v>
      </c>
      <c r="H13841" s="1" t="s">
        <v>52551</v>
      </c>
      <c r="I13841" s="1" t="s">
        <v>52177</v>
      </c>
      <c r="J13841" s="1" t="s">
        <v>52593</v>
      </c>
    </row>
    <row r="13842" spans="1:10" x14ac:dyDescent="0.35">
      <c r="A13842" s="1" t="s">
        <v>52546</v>
      </c>
      <c r="B13842" s="1" t="s">
        <v>52171</v>
      </c>
      <c r="C13842" s="1" t="s">
        <v>75</v>
      </c>
      <c r="D13842" s="1" t="s">
        <v>52594</v>
      </c>
      <c r="E13842" s="1" t="s">
        <v>52595</v>
      </c>
      <c r="F13842" s="1" t="s">
        <v>52596</v>
      </c>
      <c r="G13842" s="1" t="s">
        <v>52550</v>
      </c>
      <c r="H13842" s="1" t="s">
        <v>52551</v>
      </c>
      <c r="I13842" s="1" t="s">
        <v>52177</v>
      </c>
      <c r="J13842" s="1" t="s">
        <v>52597</v>
      </c>
    </row>
    <row r="13843" spans="1:10" x14ac:dyDescent="0.35">
      <c r="A13843" s="1" t="s">
        <v>52546</v>
      </c>
      <c r="B13843" s="1" t="s">
        <v>52171</v>
      </c>
      <c r="C13843" s="1" t="s">
        <v>80</v>
      </c>
      <c r="D13843" s="1" t="s">
        <v>52598</v>
      </c>
      <c r="E13843" s="1" t="s">
        <v>52599</v>
      </c>
      <c r="F13843" s="1" t="s">
        <v>52600</v>
      </c>
      <c r="G13843" s="1" t="s">
        <v>52550</v>
      </c>
      <c r="H13843" s="1" t="s">
        <v>52551</v>
      </c>
      <c r="I13843" s="1" t="s">
        <v>52177</v>
      </c>
      <c r="J13843" s="1" t="s">
        <v>52601</v>
      </c>
    </row>
    <row r="13844" spans="1:10" x14ac:dyDescent="0.35">
      <c r="A13844" s="1" t="s">
        <v>52546</v>
      </c>
      <c r="B13844" s="1" t="s">
        <v>52171</v>
      </c>
      <c r="C13844" s="1" t="s">
        <v>85</v>
      </c>
      <c r="D13844" s="1" t="s">
        <v>26328</v>
      </c>
      <c r="E13844" s="1" t="s">
        <v>52602</v>
      </c>
      <c r="F13844" s="1" t="s">
        <v>52603</v>
      </c>
      <c r="G13844" s="1" t="s">
        <v>52550</v>
      </c>
      <c r="H13844" s="1" t="s">
        <v>52551</v>
      </c>
      <c r="I13844" s="1" t="s">
        <v>52177</v>
      </c>
      <c r="J13844" s="1" t="s">
        <v>52604</v>
      </c>
    </row>
    <row r="13845" spans="1:10" x14ac:dyDescent="0.35">
      <c r="A13845" s="1" t="s">
        <v>52546</v>
      </c>
      <c r="B13845" s="1" t="s">
        <v>52171</v>
      </c>
      <c r="C13845" s="1" t="s">
        <v>90</v>
      </c>
      <c r="D13845" s="1" t="s">
        <v>52605</v>
      </c>
      <c r="E13845" s="1" t="s">
        <v>52606</v>
      </c>
      <c r="F13845" s="1" t="s">
        <v>52607</v>
      </c>
      <c r="G13845" s="1" t="s">
        <v>52550</v>
      </c>
      <c r="H13845" s="1" t="s">
        <v>52551</v>
      </c>
      <c r="I13845" s="1" t="s">
        <v>52177</v>
      </c>
      <c r="J13845" s="1" t="s">
        <v>52608</v>
      </c>
    </row>
    <row r="13846" spans="1:10" x14ac:dyDescent="0.35">
      <c r="A13846" s="1" t="s">
        <v>52546</v>
      </c>
      <c r="B13846" s="1" t="s">
        <v>52171</v>
      </c>
      <c r="C13846" s="1" t="s">
        <v>95</v>
      </c>
      <c r="D13846" s="1" t="s">
        <v>52609</v>
      </c>
      <c r="E13846" s="1" t="s">
        <v>52610</v>
      </c>
      <c r="F13846" s="1" t="s">
        <v>52611</v>
      </c>
      <c r="G13846" s="1" t="s">
        <v>52550</v>
      </c>
      <c r="H13846" s="1" t="s">
        <v>52551</v>
      </c>
      <c r="I13846" s="1" t="s">
        <v>52177</v>
      </c>
      <c r="J13846" s="1" t="s">
        <v>52612</v>
      </c>
    </row>
    <row r="13847" spans="1:10" x14ac:dyDescent="0.35">
      <c r="A13847" s="1" t="s">
        <v>52546</v>
      </c>
      <c r="B13847" s="1" t="s">
        <v>52171</v>
      </c>
      <c r="C13847" s="1" t="s">
        <v>100</v>
      </c>
      <c r="D13847" s="1" t="s">
        <v>11119</v>
      </c>
      <c r="E13847" s="1" t="s">
        <v>52613</v>
      </c>
      <c r="F13847" s="1" t="s">
        <v>52614</v>
      </c>
      <c r="G13847" s="1" t="s">
        <v>52550</v>
      </c>
      <c r="H13847" s="1" t="s">
        <v>52551</v>
      </c>
      <c r="I13847" s="1" t="s">
        <v>52177</v>
      </c>
      <c r="J13847" s="1" t="s">
        <v>52615</v>
      </c>
    </row>
    <row r="13848" spans="1:10" x14ac:dyDescent="0.35">
      <c r="A13848" s="1" t="s">
        <v>52546</v>
      </c>
      <c r="B13848" s="1" t="s">
        <v>52171</v>
      </c>
      <c r="C13848" s="1" t="s">
        <v>105</v>
      </c>
      <c r="D13848" s="1" t="s">
        <v>52616</v>
      </c>
      <c r="E13848" s="1" t="s">
        <v>52617</v>
      </c>
      <c r="F13848" s="1" t="s">
        <v>52618</v>
      </c>
      <c r="G13848" s="1" t="s">
        <v>52550</v>
      </c>
      <c r="H13848" s="1" t="s">
        <v>52551</v>
      </c>
      <c r="I13848" s="1" t="s">
        <v>52177</v>
      </c>
      <c r="J13848" s="1" t="s">
        <v>52619</v>
      </c>
    </row>
    <row r="13849" spans="1:10" x14ac:dyDescent="0.35">
      <c r="A13849" s="1" t="s">
        <v>52546</v>
      </c>
      <c r="B13849" s="1" t="s">
        <v>52171</v>
      </c>
      <c r="C13849" s="1" t="s">
        <v>110</v>
      </c>
      <c r="D13849" s="1" t="s">
        <v>52620</v>
      </c>
      <c r="E13849" s="1" t="s">
        <v>52621</v>
      </c>
      <c r="F13849" s="1" t="s">
        <v>52622</v>
      </c>
      <c r="G13849" s="1" t="s">
        <v>52550</v>
      </c>
      <c r="H13849" s="1" t="s">
        <v>52551</v>
      </c>
      <c r="I13849" s="1" t="s">
        <v>52177</v>
      </c>
      <c r="J13849" s="1" t="s">
        <v>52623</v>
      </c>
    </row>
    <row r="13850" spans="1:10" x14ac:dyDescent="0.35">
      <c r="A13850" s="1" t="s">
        <v>52546</v>
      </c>
      <c r="B13850" s="1" t="s">
        <v>52171</v>
      </c>
      <c r="C13850" s="1" t="s">
        <v>115</v>
      </c>
      <c r="D13850" s="1" t="s">
        <v>52624</v>
      </c>
      <c r="E13850" s="1" t="s">
        <v>52625</v>
      </c>
      <c r="F13850" s="1" t="s">
        <v>52626</v>
      </c>
      <c r="G13850" s="1" t="s">
        <v>52550</v>
      </c>
      <c r="H13850" s="1" t="s">
        <v>52551</v>
      </c>
      <c r="I13850" s="1" t="s">
        <v>52177</v>
      </c>
      <c r="J13850" s="1" t="s">
        <v>52627</v>
      </c>
    </row>
    <row r="13851" spans="1:10" x14ac:dyDescent="0.35">
      <c r="A13851" s="1" t="s">
        <v>52546</v>
      </c>
      <c r="B13851" s="1" t="s">
        <v>52171</v>
      </c>
      <c r="C13851" s="1" t="s">
        <v>120</v>
      </c>
      <c r="D13851" s="1" t="s">
        <v>52628</v>
      </c>
      <c r="E13851" s="1" t="s">
        <v>52629</v>
      </c>
      <c r="F13851" s="1" t="s">
        <v>52630</v>
      </c>
      <c r="G13851" s="1" t="s">
        <v>52550</v>
      </c>
      <c r="H13851" s="1" t="s">
        <v>52551</v>
      </c>
      <c r="I13851" s="1" t="s">
        <v>52177</v>
      </c>
      <c r="J13851" s="1" t="s">
        <v>52631</v>
      </c>
    </row>
    <row r="13852" spans="1:10" x14ac:dyDescent="0.35">
      <c r="A13852" s="1" t="s">
        <v>52546</v>
      </c>
      <c r="B13852" s="1" t="s">
        <v>52171</v>
      </c>
      <c r="C13852" s="1" t="s">
        <v>125</v>
      </c>
      <c r="D13852" s="1" t="s">
        <v>52632</v>
      </c>
      <c r="E13852" s="1" t="s">
        <v>52633</v>
      </c>
      <c r="F13852" s="1" t="s">
        <v>52634</v>
      </c>
      <c r="G13852" s="1" t="s">
        <v>52550</v>
      </c>
      <c r="H13852" s="1" t="s">
        <v>52551</v>
      </c>
      <c r="I13852" s="1" t="s">
        <v>52177</v>
      </c>
      <c r="J13852" s="1" t="s">
        <v>52635</v>
      </c>
    </row>
    <row r="13853" spans="1:10" x14ac:dyDescent="0.35">
      <c r="A13853" s="1" t="s">
        <v>52546</v>
      </c>
      <c r="B13853" s="1" t="s">
        <v>52171</v>
      </c>
      <c r="C13853" s="1" t="s">
        <v>130</v>
      </c>
      <c r="D13853" s="1" t="s">
        <v>52636</v>
      </c>
      <c r="E13853" s="1" t="s">
        <v>52637</v>
      </c>
      <c r="F13853" s="1" t="s">
        <v>52638</v>
      </c>
      <c r="G13853" s="1" t="s">
        <v>52550</v>
      </c>
      <c r="H13853" s="1" t="s">
        <v>52551</v>
      </c>
      <c r="I13853" s="1" t="s">
        <v>52177</v>
      </c>
      <c r="J13853" s="1" t="s">
        <v>52639</v>
      </c>
    </row>
    <row r="13854" spans="1:10" x14ac:dyDescent="0.35">
      <c r="A13854" s="1" t="s">
        <v>52546</v>
      </c>
      <c r="B13854" s="1" t="s">
        <v>52171</v>
      </c>
      <c r="C13854" s="1" t="s">
        <v>135</v>
      </c>
      <c r="D13854" s="1" t="s">
        <v>52640</v>
      </c>
      <c r="E13854" s="1" t="s">
        <v>52641</v>
      </c>
      <c r="F13854" s="1" t="s">
        <v>52642</v>
      </c>
      <c r="G13854" s="1" t="s">
        <v>52550</v>
      </c>
      <c r="H13854" s="1" t="s">
        <v>52551</v>
      </c>
      <c r="I13854" s="1" t="s">
        <v>52177</v>
      </c>
      <c r="J13854" s="1" t="s">
        <v>52643</v>
      </c>
    </row>
    <row r="13855" spans="1:10" x14ac:dyDescent="0.35">
      <c r="A13855" s="1" t="s">
        <v>52546</v>
      </c>
      <c r="B13855" s="1" t="s">
        <v>52171</v>
      </c>
      <c r="C13855" s="1" t="s">
        <v>140</v>
      </c>
      <c r="D13855" s="1" t="s">
        <v>52644</v>
      </c>
      <c r="E13855" s="1" t="s">
        <v>52645</v>
      </c>
      <c r="F13855" s="1" t="s">
        <v>52646</v>
      </c>
      <c r="G13855" s="1" t="s">
        <v>52550</v>
      </c>
      <c r="H13855" s="1" t="s">
        <v>52551</v>
      </c>
      <c r="I13855" s="1" t="s">
        <v>52177</v>
      </c>
      <c r="J13855" s="1" t="s">
        <v>52647</v>
      </c>
    </row>
    <row r="13856" spans="1:10" x14ac:dyDescent="0.35">
      <c r="A13856" s="1" t="s">
        <v>52546</v>
      </c>
      <c r="B13856" s="1" t="s">
        <v>52171</v>
      </c>
      <c r="C13856" s="1" t="s">
        <v>145</v>
      </c>
      <c r="D13856" s="1" t="s">
        <v>52648</v>
      </c>
      <c r="E13856" s="1" t="s">
        <v>52649</v>
      </c>
      <c r="F13856" s="1" t="s">
        <v>52650</v>
      </c>
      <c r="G13856" s="1" t="s">
        <v>52550</v>
      </c>
      <c r="H13856" s="1" t="s">
        <v>52551</v>
      </c>
      <c r="I13856" s="1" t="s">
        <v>52177</v>
      </c>
      <c r="J13856" s="1" t="s">
        <v>52651</v>
      </c>
    </row>
    <row r="13857" spans="1:10" x14ac:dyDescent="0.35">
      <c r="A13857" s="1" t="s">
        <v>52546</v>
      </c>
      <c r="B13857" s="1" t="s">
        <v>52171</v>
      </c>
      <c r="C13857" s="1" t="s">
        <v>150</v>
      </c>
      <c r="D13857" s="1" t="s">
        <v>20311</v>
      </c>
      <c r="E13857" s="1" t="s">
        <v>52652</v>
      </c>
      <c r="F13857" s="1" t="s">
        <v>52653</v>
      </c>
      <c r="G13857" s="1" t="s">
        <v>52550</v>
      </c>
      <c r="H13857" s="1" t="s">
        <v>52551</v>
      </c>
      <c r="I13857" s="1" t="s">
        <v>52177</v>
      </c>
      <c r="J13857" s="1" t="s">
        <v>52654</v>
      </c>
    </row>
    <row r="13858" spans="1:10" x14ac:dyDescent="0.35">
      <c r="A13858" s="1" t="s">
        <v>52546</v>
      </c>
      <c r="B13858" s="1" t="s">
        <v>52171</v>
      </c>
      <c r="C13858" s="1" t="s">
        <v>155</v>
      </c>
      <c r="D13858" s="1" t="s">
        <v>52285</v>
      </c>
      <c r="E13858" s="1" t="s">
        <v>52655</v>
      </c>
      <c r="F13858" s="1" t="s">
        <v>52656</v>
      </c>
      <c r="G13858" s="1" t="s">
        <v>52550</v>
      </c>
      <c r="H13858" s="1" t="s">
        <v>52551</v>
      </c>
      <c r="I13858" s="1" t="s">
        <v>52177</v>
      </c>
      <c r="J13858" s="1" t="s">
        <v>52657</v>
      </c>
    </row>
    <row r="13859" spans="1:10" x14ac:dyDescent="0.35">
      <c r="A13859" s="1" t="s">
        <v>52546</v>
      </c>
      <c r="B13859" s="1" t="s">
        <v>52171</v>
      </c>
      <c r="C13859" s="1" t="s">
        <v>160</v>
      </c>
      <c r="D13859" s="1" t="s">
        <v>52658</v>
      </c>
      <c r="E13859" s="1" t="s">
        <v>52659</v>
      </c>
      <c r="F13859" s="1" t="s">
        <v>52660</v>
      </c>
      <c r="G13859" s="1" t="s">
        <v>52550</v>
      </c>
      <c r="H13859" s="1" t="s">
        <v>52551</v>
      </c>
      <c r="I13859" s="1" t="s">
        <v>52177</v>
      </c>
      <c r="J13859" s="1" t="s">
        <v>52661</v>
      </c>
    </row>
    <row r="13860" spans="1:10" x14ac:dyDescent="0.35">
      <c r="A13860" s="1" t="s">
        <v>52546</v>
      </c>
      <c r="B13860" s="1" t="s">
        <v>52171</v>
      </c>
      <c r="C13860" s="1" t="s">
        <v>165</v>
      </c>
      <c r="D13860" s="1" t="s">
        <v>52662</v>
      </c>
      <c r="E13860" s="1" t="s">
        <v>52663</v>
      </c>
      <c r="F13860" s="1" t="s">
        <v>52664</v>
      </c>
      <c r="G13860" s="1" t="s">
        <v>52550</v>
      </c>
      <c r="H13860" s="1" t="s">
        <v>52551</v>
      </c>
      <c r="I13860" s="1" t="s">
        <v>52177</v>
      </c>
      <c r="J13860" s="1" t="s">
        <v>52665</v>
      </c>
    </row>
    <row r="13861" spans="1:10" x14ac:dyDescent="0.35">
      <c r="A13861" s="1" t="s">
        <v>52546</v>
      </c>
      <c r="B13861" s="1" t="s">
        <v>52171</v>
      </c>
      <c r="C13861" s="1" t="s">
        <v>170</v>
      </c>
      <c r="D13861" s="1" t="s">
        <v>52285</v>
      </c>
      <c r="E13861" s="1" t="s">
        <v>52666</v>
      </c>
      <c r="F13861" s="1" t="s">
        <v>52667</v>
      </c>
      <c r="G13861" s="1" t="s">
        <v>52550</v>
      </c>
      <c r="H13861" s="1" t="s">
        <v>52551</v>
      </c>
      <c r="I13861" s="1" t="s">
        <v>52177</v>
      </c>
      <c r="J13861" s="1" t="s">
        <v>52668</v>
      </c>
    </row>
    <row r="13862" spans="1:10" x14ac:dyDescent="0.35">
      <c r="A13862" s="1" t="s">
        <v>52669</v>
      </c>
      <c r="B13862" s="1" t="s">
        <v>52171</v>
      </c>
      <c r="C13862" s="1" t="s">
        <v>8</v>
      </c>
      <c r="D13862" s="1" t="s">
        <v>52178</v>
      </c>
      <c r="E13862" s="1" t="s">
        <v>52670</v>
      </c>
      <c r="F13862" s="1" t="s">
        <v>52671</v>
      </c>
      <c r="G13862" s="1" t="s">
        <v>52672</v>
      </c>
      <c r="H13862" s="1" t="s">
        <v>52673</v>
      </c>
      <c r="I13862" s="1" t="s">
        <v>52177</v>
      </c>
      <c r="J13862" s="1" t="s">
        <v>13</v>
      </c>
    </row>
    <row r="13863" spans="1:10" x14ac:dyDescent="0.35">
      <c r="A13863" s="1" t="s">
        <v>52669</v>
      </c>
      <c r="B13863" s="1" t="s">
        <v>52171</v>
      </c>
      <c r="C13863" s="1" t="s">
        <v>15</v>
      </c>
      <c r="D13863" s="1" t="s">
        <v>52674</v>
      </c>
      <c r="E13863" s="1" t="s">
        <v>52675</v>
      </c>
      <c r="F13863" s="1" t="s">
        <v>52676</v>
      </c>
      <c r="G13863" s="1" t="s">
        <v>52672</v>
      </c>
      <c r="H13863" s="1" t="s">
        <v>52673</v>
      </c>
      <c r="I13863" s="1" t="s">
        <v>52177</v>
      </c>
      <c r="J13863" s="1" t="s">
        <v>52677</v>
      </c>
    </row>
    <row r="13864" spans="1:10" x14ac:dyDescent="0.35">
      <c r="A13864" s="1" t="s">
        <v>52669</v>
      </c>
      <c r="B13864" s="1" t="s">
        <v>52171</v>
      </c>
      <c r="C13864" s="1" t="s">
        <v>20</v>
      </c>
      <c r="D13864" s="1" t="s">
        <v>19179</v>
      </c>
      <c r="E13864" s="1" t="s">
        <v>52678</v>
      </c>
      <c r="F13864" s="1" t="s">
        <v>52679</v>
      </c>
      <c r="G13864" s="1" t="s">
        <v>52672</v>
      </c>
      <c r="H13864" s="1" t="s">
        <v>52673</v>
      </c>
      <c r="I13864" s="1" t="s">
        <v>52177</v>
      </c>
      <c r="J13864" s="1" t="s">
        <v>52680</v>
      </c>
    </row>
    <row r="13865" spans="1:10" x14ac:dyDescent="0.35">
      <c r="A13865" s="1" t="s">
        <v>52669</v>
      </c>
      <c r="B13865" s="1" t="s">
        <v>52171</v>
      </c>
      <c r="C13865" s="1" t="s">
        <v>25</v>
      </c>
      <c r="D13865" s="1" t="s">
        <v>52681</v>
      </c>
      <c r="E13865" s="1" t="s">
        <v>52682</v>
      </c>
      <c r="F13865" s="1" t="s">
        <v>52683</v>
      </c>
      <c r="G13865" s="1" t="s">
        <v>52672</v>
      </c>
      <c r="H13865" s="1" t="s">
        <v>52673</v>
      </c>
      <c r="I13865" s="1" t="s">
        <v>52177</v>
      </c>
      <c r="J13865" s="1" t="s">
        <v>52684</v>
      </c>
    </row>
    <row r="13866" spans="1:10" x14ac:dyDescent="0.35">
      <c r="A13866" s="1" t="s">
        <v>52669</v>
      </c>
      <c r="B13866" s="1" t="s">
        <v>52171</v>
      </c>
      <c r="C13866" s="1" t="s">
        <v>30</v>
      </c>
      <c r="D13866" s="1" t="s">
        <v>52685</v>
      </c>
      <c r="E13866" s="1" t="s">
        <v>52686</v>
      </c>
      <c r="F13866" s="1" t="s">
        <v>52687</v>
      </c>
      <c r="G13866" s="1" t="s">
        <v>52672</v>
      </c>
      <c r="H13866" s="1" t="s">
        <v>52673</v>
      </c>
      <c r="I13866" s="1" t="s">
        <v>52177</v>
      </c>
      <c r="J13866" s="1" t="s">
        <v>52688</v>
      </c>
    </row>
    <row r="13867" spans="1:10" x14ac:dyDescent="0.35">
      <c r="A13867" s="1" t="s">
        <v>52669</v>
      </c>
      <c r="B13867" s="1" t="s">
        <v>52171</v>
      </c>
      <c r="C13867" s="1" t="s">
        <v>35</v>
      </c>
      <c r="D13867" s="1" t="s">
        <v>52689</v>
      </c>
      <c r="E13867" s="1" t="s">
        <v>52690</v>
      </c>
      <c r="F13867" s="1" t="s">
        <v>52691</v>
      </c>
      <c r="G13867" s="1" t="s">
        <v>52672</v>
      </c>
      <c r="H13867" s="1" t="s">
        <v>52673</v>
      </c>
      <c r="I13867" s="1" t="s">
        <v>52177</v>
      </c>
      <c r="J13867" s="1" t="s">
        <v>52692</v>
      </c>
    </row>
    <row r="13868" spans="1:10" x14ac:dyDescent="0.35">
      <c r="A13868" s="1" t="s">
        <v>52669</v>
      </c>
      <c r="B13868" s="1" t="s">
        <v>52171</v>
      </c>
      <c r="C13868" s="1" t="s">
        <v>40</v>
      </c>
      <c r="D13868" s="1" t="s">
        <v>52693</v>
      </c>
      <c r="E13868" s="1" t="s">
        <v>52694</v>
      </c>
      <c r="F13868" s="1" t="s">
        <v>52695</v>
      </c>
      <c r="G13868" s="1" t="s">
        <v>52672</v>
      </c>
      <c r="H13868" s="1" t="s">
        <v>52673</v>
      </c>
      <c r="I13868" s="1" t="s">
        <v>52177</v>
      </c>
      <c r="J13868" s="1" t="s">
        <v>52696</v>
      </c>
    </row>
    <row r="13869" spans="1:10" x14ac:dyDescent="0.35">
      <c r="A13869" s="1" t="s">
        <v>52669</v>
      </c>
      <c r="B13869" s="1" t="s">
        <v>52171</v>
      </c>
      <c r="C13869" s="1" t="s">
        <v>45</v>
      </c>
      <c r="D13869" s="1" t="s">
        <v>52697</v>
      </c>
      <c r="E13869" s="1" t="s">
        <v>52698</v>
      </c>
      <c r="F13869" s="1" t="s">
        <v>52699</v>
      </c>
      <c r="G13869" s="1" t="s">
        <v>52672</v>
      </c>
      <c r="H13869" s="1" t="s">
        <v>52673</v>
      </c>
      <c r="I13869" s="1" t="s">
        <v>52177</v>
      </c>
      <c r="J13869" s="1" t="s">
        <v>52700</v>
      </c>
    </row>
    <row r="13870" spans="1:10" x14ac:dyDescent="0.35">
      <c r="A13870" s="1" t="s">
        <v>52669</v>
      </c>
      <c r="B13870" s="1" t="s">
        <v>52171</v>
      </c>
      <c r="C13870" s="1" t="s">
        <v>50</v>
      </c>
      <c r="D13870" s="1" t="s">
        <v>52701</v>
      </c>
      <c r="E13870" s="1" t="s">
        <v>52702</v>
      </c>
      <c r="F13870" s="1" t="s">
        <v>52703</v>
      </c>
      <c r="G13870" s="1" t="s">
        <v>52672</v>
      </c>
      <c r="H13870" s="1" t="s">
        <v>52673</v>
      </c>
      <c r="I13870" s="1" t="s">
        <v>52177</v>
      </c>
      <c r="J13870" s="1" t="s">
        <v>52704</v>
      </c>
    </row>
    <row r="13871" spans="1:10" x14ac:dyDescent="0.35">
      <c r="A13871" s="1" t="s">
        <v>52669</v>
      </c>
      <c r="B13871" s="1" t="s">
        <v>52171</v>
      </c>
      <c r="C13871" s="1" t="s">
        <v>55</v>
      </c>
      <c r="D13871" s="1" t="s">
        <v>52705</v>
      </c>
      <c r="E13871" s="1" t="s">
        <v>52706</v>
      </c>
      <c r="F13871" s="1" t="s">
        <v>52707</v>
      </c>
      <c r="G13871" s="1" t="s">
        <v>52672</v>
      </c>
      <c r="H13871" s="1" t="s">
        <v>52673</v>
      </c>
      <c r="I13871" s="1" t="s">
        <v>52177</v>
      </c>
      <c r="J13871" s="1" t="s">
        <v>52708</v>
      </c>
    </row>
    <row r="13872" spans="1:10" x14ac:dyDescent="0.35">
      <c r="A13872" s="1" t="s">
        <v>52669</v>
      </c>
      <c r="B13872" s="1" t="s">
        <v>52171</v>
      </c>
      <c r="C13872" s="1" t="s">
        <v>60</v>
      </c>
      <c r="D13872" s="1" t="s">
        <v>52709</v>
      </c>
      <c r="E13872" s="1" t="s">
        <v>52710</v>
      </c>
      <c r="F13872" s="1" t="s">
        <v>52711</v>
      </c>
      <c r="G13872" s="1" t="s">
        <v>52672</v>
      </c>
      <c r="H13872" s="1" t="s">
        <v>52673</v>
      </c>
      <c r="I13872" s="1" t="s">
        <v>52177</v>
      </c>
      <c r="J13872" s="1" t="s">
        <v>52712</v>
      </c>
    </row>
    <row r="13873" spans="1:10" x14ac:dyDescent="0.35">
      <c r="A13873" s="1" t="s">
        <v>52669</v>
      </c>
      <c r="B13873" s="1" t="s">
        <v>52171</v>
      </c>
      <c r="C13873" s="1" t="s">
        <v>65</v>
      </c>
      <c r="D13873" s="1" t="s">
        <v>52713</v>
      </c>
      <c r="E13873" s="1" t="s">
        <v>52714</v>
      </c>
      <c r="F13873" s="1" t="s">
        <v>52715</v>
      </c>
      <c r="G13873" s="1" t="s">
        <v>52672</v>
      </c>
      <c r="H13873" s="1" t="s">
        <v>52673</v>
      </c>
      <c r="I13873" s="1" t="s">
        <v>52177</v>
      </c>
      <c r="J13873" s="1" t="s">
        <v>52716</v>
      </c>
    </row>
    <row r="13874" spans="1:10" x14ac:dyDescent="0.35">
      <c r="A13874" s="1" t="s">
        <v>52669</v>
      </c>
      <c r="B13874" s="1" t="s">
        <v>52171</v>
      </c>
      <c r="C13874" s="1" t="s">
        <v>70</v>
      </c>
      <c r="D13874" s="1" t="s">
        <v>52717</v>
      </c>
      <c r="E13874" s="1" t="s">
        <v>52718</v>
      </c>
      <c r="F13874" s="1" t="s">
        <v>52719</v>
      </c>
      <c r="G13874" s="1" t="s">
        <v>52672</v>
      </c>
      <c r="H13874" s="1" t="s">
        <v>52673</v>
      </c>
      <c r="I13874" s="1" t="s">
        <v>52177</v>
      </c>
      <c r="J13874" s="1" t="s">
        <v>52720</v>
      </c>
    </row>
    <row r="13875" spans="1:10" x14ac:dyDescent="0.35">
      <c r="A13875" s="1" t="s">
        <v>52669</v>
      </c>
      <c r="B13875" s="1" t="s">
        <v>52171</v>
      </c>
      <c r="C13875" s="1" t="s">
        <v>75</v>
      </c>
      <c r="D13875" s="1" t="s">
        <v>39441</v>
      </c>
      <c r="E13875" s="1" t="s">
        <v>52721</v>
      </c>
      <c r="F13875" s="1" t="s">
        <v>52722</v>
      </c>
      <c r="G13875" s="1" t="s">
        <v>52672</v>
      </c>
      <c r="H13875" s="1" t="s">
        <v>52673</v>
      </c>
      <c r="I13875" s="1" t="s">
        <v>52177</v>
      </c>
      <c r="J13875" s="1" t="s">
        <v>52723</v>
      </c>
    </row>
    <row r="13876" spans="1:10" x14ac:dyDescent="0.35">
      <c r="A13876" s="1" t="s">
        <v>52669</v>
      </c>
      <c r="B13876" s="1" t="s">
        <v>52171</v>
      </c>
      <c r="C13876" s="1" t="s">
        <v>80</v>
      </c>
      <c r="D13876" s="1" t="s">
        <v>15104</v>
      </c>
      <c r="E13876" s="1" t="s">
        <v>52724</v>
      </c>
      <c r="F13876" s="1" t="s">
        <v>52725</v>
      </c>
      <c r="G13876" s="1" t="s">
        <v>52672</v>
      </c>
      <c r="H13876" s="1" t="s">
        <v>52673</v>
      </c>
      <c r="I13876" s="1" t="s">
        <v>52177</v>
      </c>
      <c r="J13876" s="1" t="s">
        <v>52726</v>
      </c>
    </row>
    <row r="13877" spans="1:10" x14ac:dyDescent="0.35">
      <c r="A13877" s="1" t="s">
        <v>52669</v>
      </c>
      <c r="B13877" s="1" t="s">
        <v>52171</v>
      </c>
      <c r="C13877" s="1" t="s">
        <v>85</v>
      </c>
      <c r="D13877" s="1" t="s">
        <v>52727</v>
      </c>
      <c r="E13877" s="1" t="s">
        <v>52728</v>
      </c>
      <c r="F13877" s="1" t="s">
        <v>52729</v>
      </c>
      <c r="G13877" s="1" t="s">
        <v>52672</v>
      </c>
      <c r="H13877" s="1" t="s">
        <v>52673</v>
      </c>
      <c r="I13877" s="1" t="s">
        <v>52177</v>
      </c>
      <c r="J13877" s="1" t="s">
        <v>52730</v>
      </c>
    </row>
    <row r="13878" spans="1:10" x14ac:dyDescent="0.35">
      <c r="A13878" s="1" t="s">
        <v>52669</v>
      </c>
      <c r="B13878" s="1" t="s">
        <v>52171</v>
      </c>
      <c r="C13878" s="1" t="s">
        <v>90</v>
      </c>
      <c r="D13878" s="1" t="s">
        <v>52731</v>
      </c>
      <c r="E13878" s="1" t="s">
        <v>52732</v>
      </c>
      <c r="F13878" s="1" t="s">
        <v>52733</v>
      </c>
      <c r="G13878" s="1" t="s">
        <v>52672</v>
      </c>
      <c r="H13878" s="1" t="s">
        <v>52673</v>
      </c>
      <c r="I13878" s="1" t="s">
        <v>52177</v>
      </c>
      <c r="J13878" s="1" t="s">
        <v>52734</v>
      </c>
    </row>
    <row r="13879" spans="1:10" x14ac:dyDescent="0.35">
      <c r="A13879" s="1" t="s">
        <v>52669</v>
      </c>
      <c r="B13879" s="1" t="s">
        <v>52171</v>
      </c>
      <c r="C13879" s="1" t="s">
        <v>95</v>
      </c>
      <c r="D13879" s="1" t="s">
        <v>52735</v>
      </c>
      <c r="E13879" s="1" t="s">
        <v>52736</v>
      </c>
      <c r="F13879" s="1" t="s">
        <v>52737</v>
      </c>
      <c r="G13879" s="1" t="s">
        <v>52672</v>
      </c>
      <c r="H13879" s="1" t="s">
        <v>52673</v>
      </c>
      <c r="I13879" s="1" t="s">
        <v>52177</v>
      </c>
      <c r="J13879" s="1" t="s">
        <v>52738</v>
      </c>
    </row>
    <row r="13880" spans="1:10" x14ac:dyDescent="0.35">
      <c r="A13880" s="1" t="s">
        <v>52669</v>
      </c>
      <c r="B13880" s="1" t="s">
        <v>52171</v>
      </c>
      <c r="C13880" s="1" t="s">
        <v>100</v>
      </c>
      <c r="D13880" s="1" t="s">
        <v>52739</v>
      </c>
      <c r="E13880" s="1" t="s">
        <v>52740</v>
      </c>
      <c r="F13880" s="1" t="s">
        <v>52741</v>
      </c>
      <c r="G13880" s="1" t="s">
        <v>52672</v>
      </c>
      <c r="H13880" s="1" t="s">
        <v>52673</v>
      </c>
      <c r="I13880" s="1" t="s">
        <v>52177</v>
      </c>
      <c r="J13880" s="1" t="s">
        <v>52742</v>
      </c>
    </row>
    <row r="13881" spans="1:10" x14ac:dyDescent="0.35">
      <c r="A13881" s="1" t="s">
        <v>52669</v>
      </c>
      <c r="B13881" s="1" t="s">
        <v>52171</v>
      </c>
      <c r="C13881" s="1" t="s">
        <v>105</v>
      </c>
      <c r="D13881" s="1" t="s">
        <v>52743</v>
      </c>
      <c r="E13881" s="1" t="s">
        <v>52744</v>
      </c>
      <c r="F13881" s="1" t="s">
        <v>52745</v>
      </c>
      <c r="G13881" s="1" t="s">
        <v>52672</v>
      </c>
      <c r="H13881" s="1" t="s">
        <v>52673</v>
      </c>
      <c r="I13881" s="1" t="s">
        <v>52177</v>
      </c>
      <c r="J13881" s="1" t="s">
        <v>52746</v>
      </c>
    </row>
    <row r="13882" spans="1:10" x14ac:dyDescent="0.35">
      <c r="A13882" s="1" t="s">
        <v>52669</v>
      </c>
      <c r="B13882" s="1" t="s">
        <v>52171</v>
      </c>
      <c r="C13882" s="1" t="s">
        <v>110</v>
      </c>
      <c r="D13882" s="1" t="s">
        <v>52747</v>
      </c>
      <c r="E13882" s="1" t="s">
        <v>52748</v>
      </c>
      <c r="F13882" s="1" t="s">
        <v>52749</v>
      </c>
      <c r="G13882" s="1" t="s">
        <v>52672</v>
      </c>
      <c r="H13882" s="1" t="s">
        <v>52673</v>
      </c>
      <c r="I13882" s="1" t="s">
        <v>52177</v>
      </c>
      <c r="J13882" s="1" t="s">
        <v>52750</v>
      </c>
    </row>
    <row r="13883" spans="1:10" x14ac:dyDescent="0.35">
      <c r="A13883" s="1" t="s">
        <v>52669</v>
      </c>
      <c r="B13883" s="1" t="s">
        <v>52171</v>
      </c>
      <c r="C13883" s="1" t="s">
        <v>115</v>
      </c>
      <c r="D13883" s="1" t="s">
        <v>52751</v>
      </c>
      <c r="E13883" s="1" t="s">
        <v>52752</v>
      </c>
      <c r="F13883" s="1" t="s">
        <v>52753</v>
      </c>
      <c r="G13883" s="1" t="s">
        <v>52672</v>
      </c>
      <c r="H13883" s="1" t="s">
        <v>52673</v>
      </c>
      <c r="I13883" s="1" t="s">
        <v>52177</v>
      </c>
      <c r="J13883" s="1" t="s">
        <v>52754</v>
      </c>
    </row>
    <row r="13884" spans="1:10" x14ac:dyDescent="0.35">
      <c r="A13884" s="1" t="s">
        <v>52669</v>
      </c>
      <c r="B13884" s="1" t="s">
        <v>52171</v>
      </c>
      <c r="C13884" s="1" t="s">
        <v>120</v>
      </c>
      <c r="D13884" s="1" t="s">
        <v>52755</v>
      </c>
      <c r="E13884" s="1" t="s">
        <v>52756</v>
      </c>
      <c r="F13884" s="1" t="s">
        <v>52757</v>
      </c>
      <c r="G13884" s="1" t="s">
        <v>52672</v>
      </c>
      <c r="H13884" s="1" t="s">
        <v>52673</v>
      </c>
      <c r="I13884" s="1" t="s">
        <v>52177</v>
      </c>
      <c r="J13884" s="1" t="s">
        <v>52758</v>
      </c>
    </row>
    <row r="13885" spans="1:10" x14ac:dyDescent="0.35">
      <c r="A13885" s="1" t="s">
        <v>52669</v>
      </c>
      <c r="B13885" s="1" t="s">
        <v>52171</v>
      </c>
      <c r="C13885" s="1" t="s">
        <v>125</v>
      </c>
      <c r="D13885" s="1" t="s">
        <v>52759</v>
      </c>
      <c r="E13885" s="1" t="s">
        <v>52760</v>
      </c>
      <c r="F13885" s="1" t="s">
        <v>52761</v>
      </c>
      <c r="G13885" s="1" t="s">
        <v>52672</v>
      </c>
      <c r="H13885" s="1" t="s">
        <v>52673</v>
      </c>
      <c r="I13885" s="1" t="s">
        <v>52177</v>
      </c>
      <c r="J13885" s="1" t="s">
        <v>52762</v>
      </c>
    </row>
    <row r="13886" spans="1:10" x14ac:dyDescent="0.35">
      <c r="A13886" s="1" t="s">
        <v>52669</v>
      </c>
      <c r="B13886" s="1" t="s">
        <v>52171</v>
      </c>
      <c r="C13886" s="1" t="s">
        <v>130</v>
      </c>
      <c r="D13886" s="1" t="s">
        <v>52763</v>
      </c>
      <c r="E13886" s="1" t="s">
        <v>52764</v>
      </c>
      <c r="F13886" s="1" t="s">
        <v>52765</v>
      </c>
      <c r="G13886" s="1" t="s">
        <v>52672</v>
      </c>
      <c r="H13886" s="1" t="s">
        <v>52673</v>
      </c>
      <c r="I13886" s="1" t="s">
        <v>52177</v>
      </c>
      <c r="J13886" s="1" t="s">
        <v>52766</v>
      </c>
    </row>
    <row r="13887" spans="1:10" x14ac:dyDescent="0.35">
      <c r="A13887" s="1" t="s">
        <v>52669</v>
      </c>
      <c r="B13887" s="1" t="s">
        <v>52171</v>
      </c>
      <c r="C13887" s="1" t="s">
        <v>135</v>
      </c>
      <c r="D13887" s="1" t="s">
        <v>52767</v>
      </c>
      <c r="E13887" s="1" t="s">
        <v>52768</v>
      </c>
      <c r="F13887" s="1" t="s">
        <v>52769</v>
      </c>
      <c r="G13887" s="1" t="s">
        <v>52672</v>
      </c>
      <c r="H13887" s="1" t="s">
        <v>52673</v>
      </c>
      <c r="I13887" s="1" t="s">
        <v>52177</v>
      </c>
      <c r="J13887" s="1" t="s">
        <v>52770</v>
      </c>
    </row>
    <row r="13888" spans="1:10" x14ac:dyDescent="0.35">
      <c r="A13888" s="1" t="s">
        <v>52669</v>
      </c>
      <c r="B13888" s="1" t="s">
        <v>52171</v>
      </c>
      <c r="C13888" s="1" t="s">
        <v>140</v>
      </c>
      <c r="D13888" s="1" t="s">
        <v>52771</v>
      </c>
      <c r="E13888" s="1" t="s">
        <v>52772</v>
      </c>
      <c r="F13888" s="1" t="s">
        <v>52773</v>
      </c>
      <c r="G13888" s="1" t="s">
        <v>52672</v>
      </c>
      <c r="H13888" s="1" t="s">
        <v>52673</v>
      </c>
      <c r="I13888" s="1" t="s">
        <v>52177</v>
      </c>
      <c r="J13888" s="1" t="s">
        <v>52774</v>
      </c>
    </row>
    <row r="13889" spans="1:10" x14ac:dyDescent="0.35">
      <c r="A13889" s="1" t="s">
        <v>52669</v>
      </c>
      <c r="B13889" s="1" t="s">
        <v>52171</v>
      </c>
      <c r="C13889" s="1" t="s">
        <v>145</v>
      </c>
      <c r="D13889" s="1" t="s">
        <v>26921</v>
      </c>
      <c r="E13889" s="1" t="s">
        <v>52775</v>
      </c>
      <c r="F13889" s="1" t="s">
        <v>52776</v>
      </c>
      <c r="G13889" s="1" t="s">
        <v>52672</v>
      </c>
      <c r="H13889" s="1" t="s">
        <v>52673</v>
      </c>
      <c r="I13889" s="1" t="s">
        <v>52177</v>
      </c>
      <c r="J13889" s="1" t="s">
        <v>52777</v>
      </c>
    </row>
    <row r="13890" spans="1:10" x14ac:dyDescent="0.35">
      <c r="A13890" s="1" t="s">
        <v>52669</v>
      </c>
      <c r="B13890" s="1" t="s">
        <v>52171</v>
      </c>
      <c r="C13890" s="1" t="s">
        <v>150</v>
      </c>
      <c r="D13890" s="1" t="s">
        <v>52778</v>
      </c>
      <c r="E13890" s="1" t="s">
        <v>52779</v>
      </c>
      <c r="F13890" s="1" t="s">
        <v>52780</v>
      </c>
      <c r="G13890" s="1" t="s">
        <v>52672</v>
      </c>
      <c r="H13890" s="1" t="s">
        <v>52673</v>
      </c>
      <c r="I13890" s="1" t="s">
        <v>52177</v>
      </c>
      <c r="J13890" s="1" t="s">
        <v>52781</v>
      </c>
    </row>
    <row r="13891" spans="1:10" x14ac:dyDescent="0.35">
      <c r="A13891" s="1" t="s">
        <v>52669</v>
      </c>
      <c r="B13891" s="1" t="s">
        <v>52171</v>
      </c>
      <c r="C13891" s="1" t="s">
        <v>155</v>
      </c>
      <c r="D13891" s="1" t="s">
        <v>24658</v>
      </c>
      <c r="E13891" s="1" t="s">
        <v>52782</v>
      </c>
      <c r="F13891" s="1" t="s">
        <v>52783</v>
      </c>
      <c r="G13891" s="1" t="s">
        <v>52672</v>
      </c>
      <c r="H13891" s="1" t="s">
        <v>52673</v>
      </c>
      <c r="I13891" s="1" t="s">
        <v>52177</v>
      </c>
      <c r="J13891" s="1" t="s">
        <v>52784</v>
      </c>
    </row>
    <row r="13892" spans="1:10" x14ac:dyDescent="0.35">
      <c r="A13892" s="1" t="s">
        <v>52669</v>
      </c>
      <c r="B13892" s="1" t="s">
        <v>52171</v>
      </c>
      <c r="C13892" s="1" t="s">
        <v>160</v>
      </c>
      <c r="D13892" s="1" t="s">
        <v>4939</v>
      </c>
      <c r="E13892" s="1" t="s">
        <v>52785</v>
      </c>
      <c r="F13892" s="1" t="s">
        <v>52786</v>
      </c>
      <c r="G13892" s="1" t="s">
        <v>52672</v>
      </c>
      <c r="H13892" s="1" t="s">
        <v>52673</v>
      </c>
      <c r="I13892" s="1" t="s">
        <v>52177</v>
      </c>
      <c r="J13892" s="1" t="s">
        <v>52787</v>
      </c>
    </row>
    <row r="13893" spans="1:10" x14ac:dyDescent="0.35">
      <c r="A13893" s="1" t="s">
        <v>52669</v>
      </c>
      <c r="B13893" s="1" t="s">
        <v>52171</v>
      </c>
      <c r="C13893" s="1" t="s">
        <v>165</v>
      </c>
      <c r="D13893" s="1" t="s">
        <v>52788</v>
      </c>
      <c r="E13893" s="1" t="s">
        <v>52789</v>
      </c>
      <c r="F13893" s="1" t="s">
        <v>52790</v>
      </c>
      <c r="G13893" s="1" t="s">
        <v>52672</v>
      </c>
      <c r="H13893" s="1" t="s">
        <v>52673</v>
      </c>
      <c r="I13893" s="1" t="s">
        <v>52177</v>
      </c>
      <c r="J13893" s="1" t="s">
        <v>52791</v>
      </c>
    </row>
    <row r="13894" spans="1:10" x14ac:dyDescent="0.35">
      <c r="A13894" s="1" t="s">
        <v>52669</v>
      </c>
      <c r="B13894" s="1" t="s">
        <v>52171</v>
      </c>
      <c r="C13894" s="1" t="s">
        <v>170</v>
      </c>
      <c r="D13894" s="1" t="s">
        <v>52792</v>
      </c>
      <c r="E13894" s="1" t="s">
        <v>52793</v>
      </c>
      <c r="F13894" s="1" t="s">
        <v>52794</v>
      </c>
      <c r="G13894" s="1" t="s">
        <v>52672</v>
      </c>
      <c r="H13894" s="1" t="s">
        <v>52673</v>
      </c>
      <c r="I13894" s="1" t="s">
        <v>52177</v>
      </c>
      <c r="J13894" s="1" t="s">
        <v>52795</v>
      </c>
    </row>
    <row r="13895" spans="1:10" x14ac:dyDescent="0.35">
      <c r="A13895" s="1" t="s">
        <v>52796</v>
      </c>
      <c r="B13895" s="1" t="s">
        <v>52171</v>
      </c>
      <c r="C13895" s="1" t="s">
        <v>8</v>
      </c>
      <c r="D13895" s="1" t="s">
        <v>52797</v>
      </c>
      <c r="E13895" s="1" t="s">
        <v>52798</v>
      </c>
      <c r="F13895" s="1" t="s">
        <v>52799</v>
      </c>
      <c r="G13895" s="1" t="s">
        <v>52800</v>
      </c>
      <c r="H13895" s="1" t="s">
        <v>52801</v>
      </c>
      <c r="I13895" s="1" t="s">
        <v>52177</v>
      </c>
      <c r="J13895" s="1" t="s">
        <v>13</v>
      </c>
    </row>
    <row r="13896" spans="1:10" x14ac:dyDescent="0.35">
      <c r="A13896" s="1" t="s">
        <v>52796</v>
      </c>
      <c r="B13896" s="1" t="s">
        <v>52171</v>
      </c>
      <c r="C13896" s="1" t="s">
        <v>15</v>
      </c>
      <c r="D13896" s="1" t="s">
        <v>52802</v>
      </c>
      <c r="E13896" s="1" t="s">
        <v>52803</v>
      </c>
      <c r="F13896" s="1" t="s">
        <v>52804</v>
      </c>
      <c r="G13896" s="1" t="s">
        <v>52800</v>
      </c>
      <c r="H13896" s="1" t="s">
        <v>52801</v>
      </c>
      <c r="I13896" s="1" t="s">
        <v>52177</v>
      </c>
      <c r="J13896" s="1" t="s">
        <v>52805</v>
      </c>
    </row>
    <row r="13897" spans="1:10" x14ac:dyDescent="0.35">
      <c r="A13897" s="1" t="s">
        <v>52796</v>
      </c>
      <c r="B13897" s="1" t="s">
        <v>52171</v>
      </c>
      <c r="C13897" s="1" t="s">
        <v>20</v>
      </c>
      <c r="D13897" s="1" t="s">
        <v>52806</v>
      </c>
      <c r="E13897" s="1" t="s">
        <v>52807</v>
      </c>
      <c r="F13897" s="1" t="s">
        <v>52808</v>
      </c>
      <c r="G13897" s="1" t="s">
        <v>52800</v>
      </c>
      <c r="H13897" s="1" t="s">
        <v>52801</v>
      </c>
      <c r="I13897" s="1" t="s">
        <v>52177</v>
      </c>
      <c r="J13897" s="1" t="s">
        <v>52809</v>
      </c>
    </row>
    <row r="13898" spans="1:10" x14ac:dyDescent="0.35">
      <c r="A13898" s="1" t="s">
        <v>52796</v>
      </c>
      <c r="B13898" s="1" t="s">
        <v>52171</v>
      </c>
      <c r="C13898" s="1" t="s">
        <v>25</v>
      </c>
      <c r="D13898" s="1" t="s">
        <v>52810</v>
      </c>
      <c r="E13898" s="1" t="s">
        <v>52811</v>
      </c>
      <c r="F13898" s="1" t="s">
        <v>52812</v>
      </c>
      <c r="G13898" s="1" t="s">
        <v>52800</v>
      </c>
      <c r="H13898" s="1" t="s">
        <v>52801</v>
      </c>
      <c r="I13898" s="1" t="s">
        <v>52177</v>
      </c>
      <c r="J13898" s="1" t="s">
        <v>52813</v>
      </c>
    </row>
    <row r="13899" spans="1:10" x14ac:dyDescent="0.35">
      <c r="A13899" s="1" t="s">
        <v>52796</v>
      </c>
      <c r="B13899" s="1" t="s">
        <v>52171</v>
      </c>
      <c r="C13899" s="1" t="s">
        <v>30</v>
      </c>
      <c r="D13899" s="1" t="s">
        <v>52814</v>
      </c>
      <c r="E13899" s="1" t="s">
        <v>52815</v>
      </c>
      <c r="F13899" s="1" t="s">
        <v>52816</v>
      </c>
      <c r="G13899" s="1" t="s">
        <v>52800</v>
      </c>
      <c r="H13899" s="1" t="s">
        <v>52801</v>
      </c>
      <c r="I13899" s="1" t="s">
        <v>52177</v>
      </c>
      <c r="J13899" s="1" t="s">
        <v>52817</v>
      </c>
    </row>
    <row r="13900" spans="1:10" x14ac:dyDescent="0.35">
      <c r="A13900" s="1" t="s">
        <v>52796</v>
      </c>
      <c r="B13900" s="1" t="s">
        <v>52171</v>
      </c>
      <c r="C13900" s="1" t="s">
        <v>35</v>
      </c>
      <c r="D13900" s="1" t="s">
        <v>52818</v>
      </c>
      <c r="E13900" s="1" t="s">
        <v>52819</v>
      </c>
      <c r="F13900" s="1" t="s">
        <v>52820</v>
      </c>
      <c r="G13900" s="1" t="s">
        <v>52800</v>
      </c>
      <c r="H13900" s="1" t="s">
        <v>52801</v>
      </c>
      <c r="I13900" s="1" t="s">
        <v>52177</v>
      </c>
      <c r="J13900" s="1" t="s">
        <v>52821</v>
      </c>
    </row>
    <row r="13901" spans="1:10" x14ac:dyDescent="0.35">
      <c r="A13901" s="1" t="s">
        <v>52796</v>
      </c>
      <c r="B13901" s="1" t="s">
        <v>52171</v>
      </c>
      <c r="C13901" s="1" t="s">
        <v>40</v>
      </c>
      <c r="D13901" s="1" t="s">
        <v>52822</v>
      </c>
      <c r="E13901" s="1" t="s">
        <v>52823</v>
      </c>
      <c r="F13901" s="1" t="s">
        <v>52824</v>
      </c>
      <c r="G13901" s="1" t="s">
        <v>52800</v>
      </c>
      <c r="H13901" s="1" t="s">
        <v>52801</v>
      </c>
      <c r="I13901" s="1" t="s">
        <v>52177</v>
      </c>
      <c r="J13901" s="1" t="s">
        <v>52825</v>
      </c>
    </row>
    <row r="13902" spans="1:10" x14ac:dyDescent="0.35">
      <c r="A13902" s="1" t="s">
        <v>52796</v>
      </c>
      <c r="B13902" s="1" t="s">
        <v>52171</v>
      </c>
      <c r="C13902" s="1" t="s">
        <v>45</v>
      </c>
      <c r="D13902" s="1" t="s">
        <v>52826</v>
      </c>
      <c r="E13902" s="1" t="s">
        <v>52827</v>
      </c>
      <c r="F13902" s="1" t="s">
        <v>52828</v>
      </c>
      <c r="G13902" s="1" t="s">
        <v>52800</v>
      </c>
      <c r="H13902" s="1" t="s">
        <v>52801</v>
      </c>
      <c r="I13902" s="1" t="s">
        <v>52177</v>
      </c>
      <c r="J13902" s="1" t="s">
        <v>52829</v>
      </c>
    </row>
    <row r="13903" spans="1:10" x14ac:dyDescent="0.35">
      <c r="A13903" s="1" t="s">
        <v>52796</v>
      </c>
      <c r="B13903" s="1" t="s">
        <v>52171</v>
      </c>
      <c r="C13903" s="1" t="s">
        <v>50</v>
      </c>
      <c r="D13903" s="1" t="s">
        <v>52460</v>
      </c>
      <c r="E13903" s="1" t="s">
        <v>52830</v>
      </c>
      <c r="F13903" s="1" t="s">
        <v>52831</v>
      </c>
      <c r="G13903" s="1" t="s">
        <v>52800</v>
      </c>
      <c r="H13903" s="1" t="s">
        <v>52801</v>
      </c>
      <c r="I13903" s="1" t="s">
        <v>52177</v>
      </c>
      <c r="J13903" s="1" t="s">
        <v>52832</v>
      </c>
    </row>
    <row r="13904" spans="1:10" x14ac:dyDescent="0.35">
      <c r="A13904" s="1" t="s">
        <v>52796</v>
      </c>
      <c r="B13904" s="1" t="s">
        <v>52171</v>
      </c>
      <c r="C13904" s="1" t="s">
        <v>55</v>
      </c>
      <c r="D13904" s="1" t="s">
        <v>52833</v>
      </c>
      <c r="E13904" s="1" t="s">
        <v>52834</v>
      </c>
      <c r="F13904" s="1" t="s">
        <v>52835</v>
      </c>
      <c r="G13904" s="1" t="s">
        <v>52800</v>
      </c>
      <c r="H13904" s="1" t="s">
        <v>52801</v>
      </c>
      <c r="I13904" s="1" t="s">
        <v>52177</v>
      </c>
      <c r="J13904" s="1" t="s">
        <v>52836</v>
      </c>
    </row>
    <row r="13905" spans="1:10" x14ac:dyDescent="0.35">
      <c r="A13905" s="1" t="s">
        <v>52796</v>
      </c>
      <c r="B13905" s="1" t="s">
        <v>52171</v>
      </c>
      <c r="C13905" s="1" t="s">
        <v>60</v>
      </c>
      <c r="D13905" s="1" t="s">
        <v>52837</v>
      </c>
      <c r="E13905" s="1" t="s">
        <v>52838</v>
      </c>
      <c r="F13905" s="1" t="s">
        <v>52839</v>
      </c>
      <c r="G13905" s="1" t="s">
        <v>52800</v>
      </c>
      <c r="H13905" s="1" t="s">
        <v>52801</v>
      </c>
      <c r="I13905" s="1" t="s">
        <v>52177</v>
      </c>
      <c r="J13905" s="1" t="s">
        <v>52840</v>
      </c>
    </row>
    <row r="13906" spans="1:10" x14ac:dyDescent="0.35">
      <c r="A13906" s="1" t="s">
        <v>52796</v>
      </c>
      <c r="B13906" s="1" t="s">
        <v>52171</v>
      </c>
      <c r="C13906" s="1" t="s">
        <v>65</v>
      </c>
      <c r="D13906" s="1" t="s">
        <v>52841</v>
      </c>
      <c r="E13906" s="1" t="s">
        <v>52842</v>
      </c>
      <c r="F13906" s="1" t="s">
        <v>52843</v>
      </c>
      <c r="G13906" s="1" t="s">
        <v>52800</v>
      </c>
      <c r="H13906" s="1" t="s">
        <v>52801</v>
      </c>
      <c r="I13906" s="1" t="s">
        <v>52177</v>
      </c>
      <c r="J13906" s="1" t="s">
        <v>52844</v>
      </c>
    </row>
    <row r="13907" spans="1:10" x14ac:dyDescent="0.35">
      <c r="A13907" s="1" t="s">
        <v>52796</v>
      </c>
      <c r="B13907" s="1" t="s">
        <v>52171</v>
      </c>
      <c r="C13907" s="1" t="s">
        <v>70</v>
      </c>
      <c r="D13907" s="1" t="s">
        <v>52845</v>
      </c>
      <c r="E13907" s="1" t="s">
        <v>52846</v>
      </c>
      <c r="F13907" s="1" t="s">
        <v>52847</v>
      </c>
      <c r="G13907" s="1" t="s">
        <v>52800</v>
      </c>
      <c r="H13907" s="1" t="s">
        <v>52801</v>
      </c>
      <c r="I13907" s="1" t="s">
        <v>52177</v>
      </c>
      <c r="J13907" s="1" t="s">
        <v>52848</v>
      </c>
    </row>
    <row r="13908" spans="1:10" x14ac:dyDescent="0.35">
      <c r="A13908" s="1" t="s">
        <v>52796</v>
      </c>
      <c r="B13908" s="1" t="s">
        <v>52171</v>
      </c>
      <c r="C13908" s="1" t="s">
        <v>75</v>
      </c>
      <c r="D13908" s="1" t="s">
        <v>52849</v>
      </c>
      <c r="E13908" s="1" t="s">
        <v>52850</v>
      </c>
      <c r="F13908" s="1" t="s">
        <v>52851</v>
      </c>
      <c r="G13908" s="1" t="s">
        <v>52800</v>
      </c>
      <c r="H13908" s="1" t="s">
        <v>52801</v>
      </c>
      <c r="I13908" s="1" t="s">
        <v>52177</v>
      </c>
      <c r="J13908" s="1" t="s">
        <v>52852</v>
      </c>
    </row>
    <row r="13909" spans="1:10" x14ac:dyDescent="0.35">
      <c r="A13909" s="1" t="s">
        <v>52796</v>
      </c>
      <c r="B13909" s="1" t="s">
        <v>52171</v>
      </c>
      <c r="C13909" s="1" t="s">
        <v>80</v>
      </c>
      <c r="D13909" s="1" t="s">
        <v>52853</v>
      </c>
      <c r="E13909" s="1" t="s">
        <v>52854</v>
      </c>
      <c r="F13909" s="1" t="s">
        <v>52855</v>
      </c>
      <c r="G13909" s="1" t="s">
        <v>52800</v>
      </c>
      <c r="H13909" s="1" t="s">
        <v>52801</v>
      </c>
      <c r="I13909" s="1" t="s">
        <v>52177</v>
      </c>
      <c r="J13909" s="1" t="s">
        <v>52856</v>
      </c>
    </row>
    <row r="13910" spans="1:10" x14ac:dyDescent="0.35">
      <c r="A13910" s="1" t="s">
        <v>52796</v>
      </c>
      <c r="B13910" s="1" t="s">
        <v>52171</v>
      </c>
      <c r="C13910" s="1" t="s">
        <v>85</v>
      </c>
      <c r="D13910" s="1" t="s">
        <v>52857</v>
      </c>
      <c r="E13910" s="1" t="s">
        <v>52858</v>
      </c>
      <c r="F13910" s="1" t="s">
        <v>52859</v>
      </c>
      <c r="G13910" s="1" t="s">
        <v>52800</v>
      </c>
      <c r="H13910" s="1" t="s">
        <v>52801</v>
      </c>
      <c r="I13910" s="1" t="s">
        <v>52177</v>
      </c>
      <c r="J13910" s="1" t="s">
        <v>52860</v>
      </c>
    </row>
    <row r="13911" spans="1:10" x14ac:dyDescent="0.35">
      <c r="A13911" s="1" t="s">
        <v>52796</v>
      </c>
      <c r="B13911" s="1" t="s">
        <v>52171</v>
      </c>
      <c r="C13911" s="1" t="s">
        <v>90</v>
      </c>
      <c r="D13911" s="1" t="s">
        <v>7653</v>
      </c>
      <c r="E13911" s="1" t="s">
        <v>52861</v>
      </c>
      <c r="F13911" s="1" t="s">
        <v>52862</v>
      </c>
      <c r="G13911" s="1" t="s">
        <v>52800</v>
      </c>
      <c r="H13911" s="1" t="s">
        <v>52801</v>
      </c>
      <c r="I13911" s="1" t="s">
        <v>52177</v>
      </c>
      <c r="J13911" s="1" t="s">
        <v>52863</v>
      </c>
    </row>
    <row r="13912" spans="1:10" x14ac:dyDescent="0.35">
      <c r="A13912" s="1" t="s">
        <v>52796</v>
      </c>
      <c r="B13912" s="1" t="s">
        <v>52171</v>
      </c>
      <c r="C13912" s="1" t="s">
        <v>95</v>
      </c>
      <c r="D13912" s="1" t="s">
        <v>52864</v>
      </c>
      <c r="E13912" s="1" t="s">
        <v>52865</v>
      </c>
      <c r="F13912" s="1" t="s">
        <v>52866</v>
      </c>
      <c r="G13912" s="1" t="s">
        <v>52800</v>
      </c>
      <c r="H13912" s="1" t="s">
        <v>52801</v>
      </c>
      <c r="I13912" s="1" t="s">
        <v>52177</v>
      </c>
      <c r="J13912" s="1" t="s">
        <v>52867</v>
      </c>
    </row>
    <row r="13913" spans="1:10" x14ac:dyDescent="0.35">
      <c r="A13913" s="1" t="s">
        <v>52796</v>
      </c>
      <c r="B13913" s="1" t="s">
        <v>52171</v>
      </c>
      <c r="C13913" s="1" t="s">
        <v>100</v>
      </c>
      <c r="D13913" s="1" t="s">
        <v>52868</v>
      </c>
      <c r="E13913" s="1" t="s">
        <v>52869</v>
      </c>
      <c r="F13913" s="1" t="s">
        <v>52870</v>
      </c>
      <c r="G13913" s="1" t="s">
        <v>52800</v>
      </c>
      <c r="H13913" s="1" t="s">
        <v>52801</v>
      </c>
      <c r="I13913" s="1" t="s">
        <v>52177</v>
      </c>
      <c r="J13913" s="1" t="s">
        <v>52871</v>
      </c>
    </row>
    <row r="13914" spans="1:10" x14ac:dyDescent="0.35">
      <c r="A13914" s="1" t="s">
        <v>52796</v>
      </c>
      <c r="B13914" s="1" t="s">
        <v>52171</v>
      </c>
      <c r="C13914" s="1" t="s">
        <v>105</v>
      </c>
      <c r="D13914" s="1" t="s">
        <v>52872</v>
      </c>
      <c r="E13914" s="1" t="s">
        <v>52873</v>
      </c>
      <c r="F13914" s="1" t="s">
        <v>52874</v>
      </c>
      <c r="G13914" s="1" t="s">
        <v>52800</v>
      </c>
      <c r="H13914" s="1" t="s">
        <v>52801</v>
      </c>
      <c r="I13914" s="1" t="s">
        <v>52177</v>
      </c>
      <c r="J13914" s="1" t="s">
        <v>52875</v>
      </c>
    </row>
    <row r="13915" spans="1:10" x14ac:dyDescent="0.35">
      <c r="A13915" s="1" t="s">
        <v>52796</v>
      </c>
      <c r="B13915" s="1" t="s">
        <v>52171</v>
      </c>
      <c r="C13915" s="1" t="s">
        <v>110</v>
      </c>
      <c r="D13915" s="1" t="s">
        <v>52876</v>
      </c>
      <c r="E13915" s="1" t="s">
        <v>52877</v>
      </c>
      <c r="F13915" s="1" t="s">
        <v>52878</v>
      </c>
      <c r="G13915" s="1" t="s">
        <v>52800</v>
      </c>
      <c r="H13915" s="1" t="s">
        <v>52801</v>
      </c>
      <c r="I13915" s="1" t="s">
        <v>52177</v>
      </c>
      <c r="J13915" s="1" t="s">
        <v>52879</v>
      </c>
    </row>
    <row r="13916" spans="1:10" x14ac:dyDescent="0.35">
      <c r="A13916" s="1" t="s">
        <v>52796</v>
      </c>
      <c r="B13916" s="1" t="s">
        <v>52171</v>
      </c>
      <c r="C13916" s="1" t="s">
        <v>115</v>
      </c>
      <c r="D13916" s="1" t="s">
        <v>52880</v>
      </c>
      <c r="E13916" s="1" t="s">
        <v>52881</v>
      </c>
      <c r="F13916" s="1" t="s">
        <v>52882</v>
      </c>
      <c r="G13916" s="1" t="s">
        <v>52800</v>
      </c>
      <c r="H13916" s="1" t="s">
        <v>52801</v>
      </c>
      <c r="I13916" s="1" t="s">
        <v>52177</v>
      </c>
      <c r="J13916" s="1" t="s">
        <v>52883</v>
      </c>
    </row>
    <row r="13917" spans="1:10" x14ac:dyDescent="0.35">
      <c r="A13917" s="1" t="s">
        <v>52796</v>
      </c>
      <c r="B13917" s="1" t="s">
        <v>52171</v>
      </c>
      <c r="C13917" s="1" t="s">
        <v>120</v>
      </c>
      <c r="D13917" s="1" t="s">
        <v>52884</v>
      </c>
      <c r="E13917" s="1" t="s">
        <v>52885</v>
      </c>
      <c r="F13917" s="1" t="s">
        <v>52886</v>
      </c>
      <c r="G13917" s="1" t="s">
        <v>52800</v>
      </c>
      <c r="H13917" s="1" t="s">
        <v>52801</v>
      </c>
      <c r="I13917" s="1" t="s">
        <v>52177</v>
      </c>
      <c r="J13917" s="1" t="s">
        <v>52887</v>
      </c>
    </row>
    <row r="13918" spans="1:10" x14ac:dyDescent="0.35">
      <c r="A13918" s="1" t="s">
        <v>52796</v>
      </c>
      <c r="B13918" s="1" t="s">
        <v>52171</v>
      </c>
      <c r="C13918" s="1" t="s">
        <v>125</v>
      </c>
      <c r="D13918" s="1" t="s">
        <v>52888</v>
      </c>
      <c r="E13918" s="1" t="s">
        <v>52889</v>
      </c>
      <c r="F13918" s="1" t="s">
        <v>52890</v>
      </c>
      <c r="G13918" s="1" t="s">
        <v>52800</v>
      </c>
      <c r="H13918" s="1" t="s">
        <v>52801</v>
      </c>
      <c r="I13918" s="1" t="s">
        <v>52177</v>
      </c>
      <c r="J13918" s="1" t="s">
        <v>52891</v>
      </c>
    </row>
    <row r="13919" spans="1:10" x14ac:dyDescent="0.35">
      <c r="A13919" s="1" t="s">
        <v>52796</v>
      </c>
      <c r="B13919" s="1" t="s">
        <v>52171</v>
      </c>
      <c r="C13919" s="1" t="s">
        <v>130</v>
      </c>
      <c r="D13919" s="1" t="s">
        <v>52892</v>
      </c>
      <c r="E13919" s="1" t="s">
        <v>52893</v>
      </c>
      <c r="F13919" s="1" t="s">
        <v>52894</v>
      </c>
      <c r="G13919" s="1" t="s">
        <v>52800</v>
      </c>
      <c r="H13919" s="1" t="s">
        <v>52801</v>
      </c>
      <c r="I13919" s="1" t="s">
        <v>52177</v>
      </c>
      <c r="J13919" s="1" t="s">
        <v>52895</v>
      </c>
    </row>
    <row r="13920" spans="1:10" x14ac:dyDescent="0.35">
      <c r="A13920" s="1" t="s">
        <v>52796</v>
      </c>
      <c r="B13920" s="1" t="s">
        <v>52171</v>
      </c>
      <c r="C13920" s="1" t="s">
        <v>135</v>
      </c>
      <c r="D13920" s="1" t="s">
        <v>52896</v>
      </c>
      <c r="E13920" s="1" t="s">
        <v>52897</v>
      </c>
      <c r="F13920" s="1" t="s">
        <v>52898</v>
      </c>
      <c r="G13920" s="1" t="s">
        <v>52800</v>
      </c>
      <c r="H13920" s="1" t="s">
        <v>52801</v>
      </c>
      <c r="I13920" s="1" t="s">
        <v>52177</v>
      </c>
      <c r="J13920" s="1" t="s">
        <v>52899</v>
      </c>
    </row>
    <row r="13921" spans="1:10" x14ac:dyDescent="0.35">
      <c r="A13921" s="1" t="s">
        <v>52796</v>
      </c>
      <c r="B13921" s="1" t="s">
        <v>52171</v>
      </c>
      <c r="C13921" s="1" t="s">
        <v>140</v>
      </c>
      <c r="D13921" s="1" t="s">
        <v>52900</v>
      </c>
      <c r="E13921" s="1" t="s">
        <v>52901</v>
      </c>
      <c r="F13921" s="1" t="s">
        <v>52902</v>
      </c>
      <c r="G13921" s="1" t="s">
        <v>52800</v>
      </c>
      <c r="H13921" s="1" t="s">
        <v>52801</v>
      </c>
      <c r="I13921" s="1" t="s">
        <v>52177</v>
      </c>
      <c r="J13921" s="1" t="s">
        <v>52903</v>
      </c>
    </row>
    <row r="13922" spans="1:10" x14ac:dyDescent="0.35">
      <c r="A13922" s="1" t="s">
        <v>52796</v>
      </c>
      <c r="B13922" s="1" t="s">
        <v>52171</v>
      </c>
      <c r="C13922" s="1" t="s">
        <v>145</v>
      </c>
      <c r="D13922" s="1" t="s">
        <v>52904</v>
      </c>
      <c r="E13922" s="1" t="s">
        <v>52905</v>
      </c>
      <c r="F13922" s="1" t="s">
        <v>52906</v>
      </c>
      <c r="G13922" s="1" t="s">
        <v>52800</v>
      </c>
      <c r="H13922" s="1" t="s">
        <v>52801</v>
      </c>
      <c r="I13922" s="1" t="s">
        <v>52177</v>
      </c>
      <c r="J13922" s="1" t="s">
        <v>52907</v>
      </c>
    </row>
    <row r="13923" spans="1:10" x14ac:dyDescent="0.35">
      <c r="A13923" s="1" t="s">
        <v>52796</v>
      </c>
      <c r="B13923" s="1" t="s">
        <v>52171</v>
      </c>
      <c r="C13923" s="1" t="s">
        <v>150</v>
      </c>
      <c r="D13923" s="1" t="s">
        <v>52908</v>
      </c>
      <c r="E13923" s="1" t="s">
        <v>52909</v>
      </c>
      <c r="F13923" s="1" t="s">
        <v>52910</v>
      </c>
      <c r="G13923" s="1" t="s">
        <v>52800</v>
      </c>
      <c r="H13923" s="1" t="s">
        <v>52801</v>
      </c>
      <c r="I13923" s="1" t="s">
        <v>52177</v>
      </c>
      <c r="J13923" s="1" t="s">
        <v>52911</v>
      </c>
    </row>
    <row r="13924" spans="1:10" x14ac:dyDescent="0.35">
      <c r="A13924" s="1" t="s">
        <v>52796</v>
      </c>
      <c r="B13924" s="1" t="s">
        <v>52171</v>
      </c>
      <c r="C13924" s="1" t="s">
        <v>155</v>
      </c>
      <c r="D13924" s="1" t="s">
        <v>52912</v>
      </c>
      <c r="E13924" s="1" t="s">
        <v>52913</v>
      </c>
      <c r="F13924" s="1" t="s">
        <v>52914</v>
      </c>
      <c r="G13924" s="1" t="s">
        <v>52800</v>
      </c>
      <c r="H13924" s="1" t="s">
        <v>52801</v>
      </c>
      <c r="I13924" s="1" t="s">
        <v>52177</v>
      </c>
      <c r="J13924" s="1" t="s">
        <v>52915</v>
      </c>
    </row>
    <row r="13925" spans="1:10" x14ac:dyDescent="0.35">
      <c r="A13925" s="1" t="s">
        <v>52796</v>
      </c>
      <c r="B13925" s="1" t="s">
        <v>52171</v>
      </c>
      <c r="C13925" s="1" t="s">
        <v>160</v>
      </c>
      <c r="D13925" s="1" t="s">
        <v>52916</v>
      </c>
      <c r="E13925" s="1" t="s">
        <v>52917</v>
      </c>
      <c r="F13925" s="1" t="s">
        <v>52918</v>
      </c>
      <c r="G13925" s="1" t="s">
        <v>52800</v>
      </c>
      <c r="H13925" s="1" t="s">
        <v>52801</v>
      </c>
      <c r="I13925" s="1" t="s">
        <v>52177</v>
      </c>
      <c r="J13925" s="1" t="s">
        <v>52919</v>
      </c>
    </row>
    <row r="13926" spans="1:10" x14ac:dyDescent="0.35">
      <c r="A13926" s="1" t="s">
        <v>52796</v>
      </c>
      <c r="B13926" s="1" t="s">
        <v>52171</v>
      </c>
      <c r="C13926" s="1" t="s">
        <v>165</v>
      </c>
      <c r="D13926" s="1" t="s">
        <v>52920</v>
      </c>
      <c r="E13926" s="1" t="s">
        <v>52921</v>
      </c>
      <c r="F13926" s="1" t="s">
        <v>52922</v>
      </c>
      <c r="G13926" s="1" t="s">
        <v>52800</v>
      </c>
      <c r="H13926" s="1" t="s">
        <v>52801</v>
      </c>
      <c r="I13926" s="1" t="s">
        <v>52177</v>
      </c>
      <c r="J13926" s="1" t="s">
        <v>52923</v>
      </c>
    </row>
    <row r="13927" spans="1:10" x14ac:dyDescent="0.35">
      <c r="A13927" s="1" t="s">
        <v>52796</v>
      </c>
      <c r="B13927" s="1" t="s">
        <v>52171</v>
      </c>
      <c r="C13927" s="1" t="s">
        <v>170</v>
      </c>
      <c r="D13927" s="1" t="s">
        <v>52924</v>
      </c>
      <c r="E13927" s="1" t="s">
        <v>52925</v>
      </c>
      <c r="F13927" s="1" t="s">
        <v>52926</v>
      </c>
      <c r="G13927" s="1" t="s">
        <v>52800</v>
      </c>
      <c r="H13927" s="1" t="s">
        <v>52801</v>
      </c>
      <c r="I13927" s="1" t="s">
        <v>52177</v>
      </c>
      <c r="J13927" s="1" t="s">
        <v>52927</v>
      </c>
    </row>
    <row r="13928" spans="1:10" x14ac:dyDescent="0.35">
      <c r="A13928" s="1" t="s">
        <v>52928</v>
      </c>
      <c r="B13928" s="1" t="s">
        <v>52171</v>
      </c>
      <c r="C13928" s="1" t="s">
        <v>8</v>
      </c>
      <c r="D13928" s="1" t="s">
        <v>52929</v>
      </c>
      <c r="E13928" s="1" t="s">
        <v>52930</v>
      </c>
      <c r="F13928" s="1" t="s">
        <v>52931</v>
      </c>
      <c r="G13928" s="1" t="s">
        <v>52932</v>
      </c>
      <c r="H13928" s="1" t="s">
        <v>52933</v>
      </c>
      <c r="I13928" s="1" t="s">
        <v>52177</v>
      </c>
      <c r="J13928" s="1" t="s">
        <v>13</v>
      </c>
    </row>
    <row r="13929" spans="1:10" x14ac:dyDescent="0.35">
      <c r="A13929" s="1" t="s">
        <v>52928</v>
      </c>
      <c r="B13929" s="1" t="s">
        <v>52171</v>
      </c>
      <c r="C13929" s="1" t="s">
        <v>15</v>
      </c>
      <c r="D13929" s="1" t="s">
        <v>52934</v>
      </c>
      <c r="E13929" s="1" t="s">
        <v>52935</v>
      </c>
      <c r="F13929" s="1" t="s">
        <v>52936</v>
      </c>
      <c r="G13929" s="1" t="s">
        <v>52932</v>
      </c>
      <c r="H13929" s="1" t="s">
        <v>52933</v>
      </c>
      <c r="I13929" s="1" t="s">
        <v>52177</v>
      </c>
      <c r="J13929" s="1" t="s">
        <v>52937</v>
      </c>
    </row>
    <row r="13930" spans="1:10" x14ac:dyDescent="0.35">
      <c r="A13930" s="1" t="s">
        <v>52928</v>
      </c>
      <c r="B13930" s="1" t="s">
        <v>52171</v>
      </c>
      <c r="C13930" s="1" t="s">
        <v>20</v>
      </c>
      <c r="D13930" s="1" t="s">
        <v>52938</v>
      </c>
      <c r="E13930" s="1" t="s">
        <v>52939</v>
      </c>
      <c r="F13930" s="1" t="s">
        <v>52940</v>
      </c>
      <c r="G13930" s="1" t="s">
        <v>52932</v>
      </c>
      <c r="H13930" s="1" t="s">
        <v>52933</v>
      </c>
      <c r="I13930" s="1" t="s">
        <v>52177</v>
      </c>
      <c r="J13930" s="1" t="s">
        <v>52941</v>
      </c>
    </row>
    <row r="13931" spans="1:10" x14ac:dyDescent="0.35">
      <c r="A13931" s="1" t="s">
        <v>52928</v>
      </c>
      <c r="B13931" s="1" t="s">
        <v>52171</v>
      </c>
      <c r="C13931" s="1" t="s">
        <v>25</v>
      </c>
      <c r="D13931" s="1" t="s">
        <v>52942</v>
      </c>
      <c r="E13931" s="1" t="s">
        <v>52943</v>
      </c>
      <c r="F13931" s="1" t="s">
        <v>52944</v>
      </c>
      <c r="G13931" s="1" t="s">
        <v>52932</v>
      </c>
      <c r="H13931" s="1" t="s">
        <v>52933</v>
      </c>
      <c r="I13931" s="1" t="s">
        <v>52177</v>
      </c>
      <c r="J13931" s="1" t="s">
        <v>52945</v>
      </c>
    </row>
    <row r="13932" spans="1:10" x14ac:dyDescent="0.35">
      <c r="A13932" s="1" t="s">
        <v>52928</v>
      </c>
      <c r="B13932" s="1" t="s">
        <v>52171</v>
      </c>
      <c r="C13932" s="1" t="s">
        <v>30</v>
      </c>
      <c r="D13932" s="1" t="s">
        <v>52946</v>
      </c>
      <c r="E13932" s="1" t="s">
        <v>52947</v>
      </c>
      <c r="F13932" s="1" t="s">
        <v>52948</v>
      </c>
      <c r="G13932" s="1" t="s">
        <v>52932</v>
      </c>
      <c r="H13932" s="1" t="s">
        <v>52933</v>
      </c>
      <c r="I13932" s="1" t="s">
        <v>52177</v>
      </c>
      <c r="J13932" s="1" t="s">
        <v>52949</v>
      </c>
    </row>
    <row r="13933" spans="1:10" x14ac:dyDescent="0.35">
      <c r="A13933" s="1" t="s">
        <v>52928</v>
      </c>
      <c r="B13933" s="1" t="s">
        <v>52171</v>
      </c>
      <c r="C13933" s="1" t="s">
        <v>35</v>
      </c>
      <c r="D13933" s="1" t="s">
        <v>52950</v>
      </c>
      <c r="E13933" s="1" t="s">
        <v>52951</v>
      </c>
      <c r="F13933" s="1" t="s">
        <v>52952</v>
      </c>
      <c r="G13933" s="1" t="s">
        <v>52932</v>
      </c>
      <c r="H13933" s="1" t="s">
        <v>52933</v>
      </c>
      <c r="I13933" s="1" t="s">
        <v>52177</v>
      </c>
      <c r="J13933" s="1" t="s">
        <v>52953</v>
      </c>
    </row>
    <row r="13934" spans="1:10" x14ac:dyDescent="0.35">
      <c r="A13934" s="1" t="s">
        <v>52928</v>
      </c>
      <c r="B13934" s="1" t="s">
        <v>52171</v>
      </c>
      <c r="C13934" s="1" t="s">
        <v>40</v>
      </c>
      <c r="D13934" s="1" t="s">
        <v>52822</v>
      </c>
      <c r="E13934" s="1" t="s">
        <v>52954</v>
      </c>
      <c r="F13934" s="1" t="s">
        <v>52955</v>
      </c>
      <c r="G13934" s="1" t="s">
        <v>52932</v>
      </c>
      <c r="H13934" s="1" t="s">
        <v>52933</v>
      </c>
      <c r="I13934" s="1" t="s">
        <v>52177</v>
      </c>
      <c r="J13934" s="1" t="s">
        <v>52956</v>
      </c>
    </row>
    <row r="13935" spans="1:10" x14ac:dyDescent="0.35">
      <c r="A13935" s="1" t="s">
        <v>52928</v>
      </c>
      <c r="B13935" s="1" t="s">
        <v>52171</v>
      </c>
      <c r="C13935" s="1" t="s">
        <v>45</v>
      </c>
      <c r="D13935" s="1" t="s">
        <v>52957</v>
      </c>
      <c r="E13935" s="1" t="s">
        <v>52958</v>
      </c>
      <c r="F13935" s="1" t="s">
        <v>52959</v>
      </c>
      <c r="G13935" s="1" t="s">
        <v>52932</v>
      </c>
      <c r="H13935" s="1" t="s">
        <v>52933</v>
      </c>
      <c r="I13935" s="1" t="s">
        <v>52177</v>
      </c>
      <c r="J13935" s="1" t="s">
        <v>52960</v>
      </c>
    </row>
    <row r="13936" spans="1:10" x14ac:dyDescent="0.35">
      <c r="A13936" s="1" t="s">
        <v>52928</v>
      </c>
      <c r="B13936" s="1" t="s">
        <v>52171</v>
      </c>
      <c r="C13936" s="1" t="s">
        <v>50</v>
      </c>
      <c r="D13936" s="1" t="s">
        <v>52961</v>
      </c>
      <c r="E13936" s="1" t="s">
        <v>52962</v>
      </c>
      <c r="F13936" s="1" t="s">
        <v>52963</v>
      </c>
      <c r="G13936" s="1" t="s">
        <v>52932</v>
      </c>
      <c r="H13936" s="1" t="s">
        <v>52933</v>
      </c>
      <c r="I13936" s="1" t="s">
        <v>52177</v>
      </c>
      <c r="J13936" s="1" t="s">
        <v>52964</v>
      </c>
    </row>
    <row r="13937" spans="1:10" x14ac:dyDescent="0.35">
      <c r="A13937" s="1" t="s">
        <v>52928</v>
      </c>
      <c r="B13937" s="1" t="s">
        <v>52171</v>
      </c>
      <c r="C13937" s="1" t="s">
        <v>55</v>
      </c>
      <c r="D13937" s="1" t="s">
        <v>52965</v>
      </c>
      <c r="E13937" s="1" t="s">
        <v>52966</v>
      </c>
      <c r="F13937" s="1" t="s">
        <v>52967</v>
      </c>
      <c r="G13937" s="1" t="s">
        <v>52932</v>
      </c>
      <c r="H13937" s="1" t="s">
        <v>52933</v>
      </c>
      <c r="I13937" s="1" t="s">
        <v>52177</v>
      </c>
      <c r="J13937" s="1" t="s">
        <v>52968</v>
      </c>
    </row>
    <row r="13938" spans="1:10" x14ac:dyDescent="0.35">
      <c r="A13938" s="1" t="s">
        <v>52928</v>
      </c>
      <c r="B13938" s="1" t="s">
        <v>52171</v>
      </c>
      <c r="C13938" s="1" t="s">
        <v>60</v>
      </c>
      <c r="D13938" s="1" t="s">
        <v>52969</v>
      </c>
      <c r="E13938" s="1" t="s">
        <v>52970</v>
      </c>
      <c r="F13938" s="1" t="s">
        <v>52971</v>
      </c>
      <c r="G13938" s="1" t="s">
        <v>52932</v>
      </c>
      <c r="H13938" s="1" t="s">
        <v>52933</v>
      </c>
      <c r="I13938" s="1" t="s">
        <v>52177</v>
      </c>
      <c r="J13938" s="1" t="s">
        <v>52972</v>
      </c>
    </row>
    <row r="13939" spans="1:10" x14ac:dyDescent="0.35">
      <c r="A13939" s="1" t="s">
        <v>52928</v>
      </c>
      <c r="B13939" s="1" t="s">
        <v>52171</v>
      </c>
      <c r="C13939" s="1" t="s">
        <v>65</v>
      </c>
      <c r="D13939" s="1" t="s">
        <v>52973</v>
      </c>
      <c r="E13939" s="1" t="s">
        <v>52974</v>
      </c>
      <c r="F13939" s="1" t="s">
        <v>52975</v>
      </c>
      <c r="G13939" s="1" t="s">
        <v>52932</v>
      </c>
      <c r="H13939" s="1" t="s">
        <v>52933</v>
      </c>
      <c r="I13939" s="1" t="s">
        <v>52177</v>
      </c>
      <c r="J13939" s="1" t="s">
        <v>52976</v>
      </c>
    </row>
    <row r="13940" spans="1:10" x14ac:dyDescent="0.35">
      <c r="A13940" s="1" t="s">
        <v>52928</v>
      </c>
      <c r="B13940" s="1" t="s">
        <v>52171</v>
      </c>
      <c r="C13940" s="1" t="s">
        <v>70</v>
      </c>
      <c r="D13940" s="1" t="s">
        <v>52977</v>
      </c>
      <c r="E13940" s="1" t="s">
        <v>52978</v>
      </c>
      <c r="F13940" s="1" t="s">
        <v>52979</v>
      </c>
      <c r="G13940" s="1" t="s">
        <v>52932</v>
      </c>
      <c r="H13940" s="1" t="s">
        <v>52933</v>
      </c>
      <c r="I13940" s="1" t="s">
        <v>52177</v>
      </c>
      <c r="J13940" s="1" t="s">
        <v>52980</v>
      </c>
    </row>
    <row r="13941" spans="1:10" x14ac:dyDescent="0.35">
      <c r="A13941" s="1" t="s">
        <v>52928</v>
      </c>
      <c r="B13941" s="1" t="s">
        <v>52171</v>
      </c>
      <c r="C13941" s="1" t="s">
        <v>75</v>
      </c>
      <c r="D13941" s="1" t="s">
        <v>52981</v>
      </c>
      <c r="E13941" s="1" t="s">
        <v>52982</v>
      </c>
      <c r="F13941" s="1" t="s">
        <v>52983</v>
      </c>
      <c r="G13941" s="1" t="s">
        <v>52932</v>
      </c>
      <c r="H13941" s="1" t="s">
        <v>52933</v>
      </c>
      <c r="I13941" s="1" t="s">
        <v>52177</v>
      </c>
      <c r="J13941" s="1" t="s">
        <v>52984</v>
      </c>
    </row>
    <row r="13942" spans="1:10" x14ac:dyDescent="0.35">
      <c r="A13942" s="1" t="s">
        <v>52928</v>
      </c>
      <c r="B13942" s="1" t="s">
        <v>52171</v>
      </c>
      <c r="C13942" s="1" t="s">
        <v>80</v>
      </c>
      <c r="D13942" s="1" t="s">
        <v>52985</v>
      </c>
      <c r="E13942" s="1" t="s">
        <v>52986</v>
      </c>
      <c r="F13942" s="1" t="s">
        <v>52987</v>
      </c>
      <c r="G13942" s="1" t="s">
        <v>52932</v>
      </c>
      <c r="H13942" s="1" t="s">
        <v>52933</v>
      </c>
      <c r="I13942" s="1" t="s">
        <v>52177</v>
      </c>
      <c r="J13942" s="1" t="s">
        <v>52988</v>
      </c>
    </row>
    <row r="13943" spans="1:10" x14ac:dyDescent="0.35">
      <c r="A13943" s="1" t="s">
        <v>52928</v>
      </c>
      <c r="B13943" s="1" t="s">
        <v>52171</v>
      </c>
      <c r="C13943" s="1" t="s">
        <v>85</v>
      </c>
      <c r="D13943" s="1" t="s">
        <v>52989</v>
      </c>
      <c r="E13943" s="1" t="s">
        <v>52990</v>
      </c>
      <c r="F13943" s="1" t="s">
        <v>52991</v>
      </c>
      <c r="G13943" s="1" t="s">
        <v>52932</v>
      </c>
      <c r="H13943" s="1" t="s">
        <v>52933</v>
      </c>
      <c r="I13943" s="1" t="s">
        <v>52177</v>
      </c>
      <c r="J13943" s="1" t="s">
        <v>52992</v>
      </c>
    </row>
    <row r="13944" spans="1:10" x14ac:dyDescent="0.35">
      <c r="A13944" s="1" t="s">
        <v>52928</v>
      </c>
      <c r="B13944" s="1" t="s">
        <v>52171</v>
      </c>
      <c r="C13944" s="1" t="s">
        <v>90</v>
      </c>
      <c r="D13944" s="1" t="s">
        <v>52993</v>
      </c>
      <c r="E13944" s="1" t="s">
        <v>52994</v>
      </c>
      <c r="F13944" s="1" t="s">
        <v>52995</v>
      </c>
      <c r="G13944" s="1" t="s">
        <v>52932</v>
      </c>
      <c r="H13944" s="1" t="s">
        <v>52933</v>
      </c>
      <c r="I13944" s="1" t="s">
        <v>52177</v>
      </c>
      <c r="J13944" s="1" t="s">
        <v>52996</v>
      </c>
    </row>
    <row r="13945" spans="1:10" x14ac:dyDescent="0.35">
      <c r="A13945" s="1" t="s">
        <v>52928</v>
      </c>
      <c r="B13945" s="1" t="s">
        <v>52171</v>
      </c>
      <c r="C13945" s="1" t="s">
        <v>95</v>
      </c>
      <c r="D13945" s="1" t="s">
        <v>52735</v>
      </c>
      <c r="E13945" s="1" t="s">
        <v>52997</v>
      </c>
      <c r="F13945" s="1" t="s">
        <v>52998</v>
      </c>
      <c r="G13945" s="1" t="s">
        <v>52932</v>
      </c>
      <c r="H13945" s="1" t="s">
        <v>52933</v>
      </c>
      <c r="I13945" s="1" t="s">
        <v>52177</v>
      </c>
      <c r="J13945" s="1" t="s">
        <v>52999</v>
      </c>
    </row>
    <row r="13946" spans="1:10" x14ac:dyDescent="0.35">
      <c r="A13946" s="1" t="s">
        <v>52928</v>
      </c>
      <c r="B13946" s="1" t="s">
        <v>52171</v>
      </c>
      <c r="C13946" s="1" t="s">
        <v>100</v>
      </c>
      <c r="D13946" s="1" t="s">
        <v>11119</v>
      </c>
      <c r="E13946" s="1" t="s">
        <v>53000</v>
      </c>
      <c r="F13946" s="1" t="s">
        <v>53001</v>
      </c>
      <c r="G13946" s="1" t="s">
        <v>52932</v>
      </c>
      <c r="H13946" s="1" t="s">
        <v>52933</v>
      </c>
      <c r="I13946" s="1" t="s">
        <v>52177</v>
      </c>
      <c r="J13946" s="1" t="s">
        <v>53002</v>
      </c>
    </row>
    <row r="13947" spans="1:10" x14ac:dyDescent="0.35">
      <c r="A13947" s="1" t="s">
        <v>52928</v>
      </c>
      <c r="B13947" s="1" t="s">
        <v>52171</v>
      </c>
      <c r="C13947" s="1" t="s">
        <v>105</v>
      </c>
      <c r="D13947" s="1" t="s">
        <v>52743</v>
      </c>
      <c r="E13947" s="1" t="s">
        <v>53003</v>
      </c>
      <c r="F13947" s="1" t="s">
        <v>53004</v>
      </c>
      <c r="G13947" s="1" t="s">
        <v>52932</v>
      </c>
      <c r="H13947" s="1" t="s">
        <v>52933</v>
      </c>
      <c r="I13947" s="1" t="s">
        <v>52177</v>
      </c>
      <c r="J13947" s="1" t="s">
        <v>53005</v>
      </c>
    </row>
    <row r="13948" spans="1:10" x14ac:dyDescent="0.35">
      <c r="A13948" s="1" t="s">
        <v>52928</v>
      </c>
      <c r="B13948" s="1" t="s">
        <v>52171</v>
      </c>
      <c r="C13948" s="1" t="s">
        <v>110</v>
      </c>
      <c r="D13948" s="1" t="s">
        <v>53006</v>
      </c>
      <c r="E13948" s="1" t="s">
        <v>53007</v>
      </c>
      <c r="F13948" s="1" t="s">
        <v>53008</v>
      </c>
      <c r="G13948" s="1" t="s">
        <v>52932</v>
      </c>
      <c r="H13948" s="1" t="s">
        <v>52933</v>
      </c>
      <c r="I13948" s="1" t="s">
        <v>52177</v>
      </c>
      <c r="J13948" s="1" t="s">
        <v>53009</v>
      </c>
    </row>
    <row r="13949" spans="1:10" x14ac:dyDescent="0.35">
      <c r="A13949" s="1" t="s">
        <v>52928</v>
      </c>
      <c r="B13949" s="1" t="s">
        <v>52171</v>
      </c>
      <c r="C13949" s="1" t="s">
        <v>115</v>
      </c>
      <c r="D13949" s="1" t="s">
        <v>53010</v>
      </c>
      <c r="E13949" s="1" t="s">
        <v>53011</v>
      </c>
      <c r="F13949" s="1" t="s">
        <v>53012</v>
      </c>
      <c r="G13949" s="1" t="s">
        <v>52932</v>
      </c>
      <c r="H13949" s="1" t="s">
        <v>52933</v>
      </c>
      <c r="I13949" s="1" t="s">
        <v>52177</v>
      </c>
      <c r="J13949" s="1" t="s">
        <v>53013</v>
      </c>
    </row>
    <row r="13950" spans="1:10" x14ac:dyDescent="0.35">
      <c r="A13950" s="1" t="s">
        <v>52928</v>
      </c>
      <c r="B13950" s="1" t="s">
        <v>52171</v>
      </c>
      <c r="C13950" s="1" t="s">
        <v>120</v>
      </c>
      <c r="D13950" s="1" t="s">
        <v>53014</v>
      </c>
      <c r="E13950" s="1" t="s">
        <v>53015</v>
      </c>
      <c r="F13950" s="1" t="s">
        <v>53016</v>
      </c>
      <c r="G13950" s="1" t="s">
        <v>52932</v>
      </c>
      <c r="H13950" s="1" t="s">
        <v>52933</v>
      </c>
      <c r="I13950" s="1" t="s">
        <v>52177</v>
      </c>
      <c r="J13950" s="1" t="s">
        <v>53017</v>
      </c>
    </row>
    <row r="13951" spans="1:10" x14ac:dyDescent="0.35">
      <c r="A13951" s="1" t="s">
        <v>52928</v>
      </c>
      <c r="B13951" s="1" t="s">
        <v>52171</v>
      </c>
      <c r="C13951" s="1" t="s">
        <v>125</v>
      </c>
      <c r="D13951" s="1" t="s">
        <v>53018</v>
      </c>
      <c r="E13951" s="1" t="s">
        <v>53019</v>
      </c>
      <c r="F13951" s="1" t="s">
        <v>53020</v>
      </c>
      <c r="G13951" s="1" t="s">
        <v>52932</v>
      </c>
      <c r="H13951" s="1" t="s">
        <v>52933</v>
      </c>
      <c r="I13951" s="1" t="s">
        <v>52177</v>
      </c>
      <c r="J13951" s="1" t="s">
        <v>53021</v>
      </c>
    </row>
    <row r="13952" spans="1:10" x14ac:dyDescent="0.35">
      <c r="A13952" s="1" t="s">
        <v>52928</v>
      </c>
      <c r="B13952" s="1" t="s">
        <v>52171</v>
      </c>
      <c r="C13952" s="1" t="s">
        <v>130</v>
      </c>
      <c r="D13952" s="1" t="s">
        <v>53022</v>
      </c>
      <c r="E13952" s="1" t="s">
        <v>53023</v>
      </c>
      <c r="F13952" s="1" t="s">
        <v>53024</v>
      </c>
      <c r="G13952" s="1" t="s">
        <v>52932</v>
      </c>
      <c r="H13952" s="1" t="s">
        <v>52933</v>
      </c>
      <c r="I13952" s="1" t="s">
        <v>52177</v>
      </c>
      <c r="J13952" s="1" t="s">
        <v>53025</v>
      </c>
    </row>
    <row r="13953" spans="1:10" x14ac:dyDescent="0.35">
      <c r="A13953" s="1" t="s">
        <v>52928</v>
      </c>
      <c r="B13953" s="1" t="s">
        <v>52171</v>
      </c>
      <c r="C13953" s="1" t="s">
        <v>135</v>
      </c>
      <c r="D13953" s="1" t="s">
        <v>53026</v>
      </c>
      <c r="E13953" s="1" t="s">
        <v>53027</v>
      </c>
      <c r="F13953" s="1" t="s">
        <v>53028</v>
      </c>
      <c r="G13953" s="1" t="s">
        <v>52932</v>
      </c>
      <c r="H13953" s="1" t="s">
        <v>52933</v>
      </c>
      <c r="I13953" s="1" t="s">
        <v>52177</v>
      </c>
      <c r="J13953" s="1" t="s">
        <v>53029</v>
      </c>
    </row>
    <row r="13954" spans="1:10" x14ac:dyDescent="0.35">
      <c r="A13954" s="1" t="s">
        <v>52928</v>
      </c>
      <c r="B13954" s="1" t="s">
        <v>52171</v>
      </c>
      <c r="C13954" s="1" t="s">
        <v>140</v>
      </c>
      <c r="D13954" s="1" t="s">
        <v>53030</v>
      </c>
      <c r="E13954" s="1" t="s">
        <v>53031</v>
      </c>
      <c r="F13954" s="1" t="s">
        <v>53032</v>
      </c>
      <c r="G13954" s="1" t="s">
        <v>52932</v>
      </c>
      <c r="H13954" s="1" t="s">
        <v>52933</v>
      </c>
      <c r="I13954" s="1" t="s">
        <v>52177</v>
      </c>
      <c r="J13954" s="1" t="s">
        <v>53033</v>
      </c>
    </row>
    <row r="13955" spans="1:10" x14ac:dyDescent="0.35">
      <c r="A13955" s="1" t="s">
        <v>52928</v>
      </c>
      <c r="B13955" s="1" t="s">
        <v>52171</v>
      </c>
      <c r="C13955" s="1" t="s">
        <v>145</v>
      </c>
      <c r="D13955" s="1" t="s">
        <v>40168</v>
      </c>
      <c r="E13955" s="1" t="s">
        <v>53034</v>
      </c>
      <c r="F13955" s="1" t="s">
        <v>53035</v>
      </c>
      <c r="G13955" s="1" t="s">
        <v>52932</v>
      </c>
      <c r="H13955" s="1" t="s">
        <v>52933</v>
      </c>
      <c r="I13955" s="1" t="s">
        <v>52177</v>
      </c>
      <c r="J13955" s="1" t="s">
        <v>53036</v>
      </c>
    </row>
    <row r="13956" spans="1:10" x14ac:dyDescent="0.35">
      <c r="A13956" s="1" t="s">
        <v>52928</v>
      </c>
      <c r="B13956" s="1" t="s">
        <v>52171</v>
      </c>
      <c r="C13956" s="1" t="s">
        <v>150</v>
      </c>
      <c r="D13956" s="1" t="s">
        <v>24346</v>
      </c>
      <c r="E13956" s="1" t="s">
        <v>53037</v>
      </c>
      <c r="F13956" s="1" t="s">
        <v>53038</v>
      </c>
      <c r="G13956" s="1" t="s">
        <v>52932</v>
      </c>
      <c r="H13956" s="1" t="s">
        <v>52933</v>
      </c>
      <c r="I13956" s="1" t="s">
        <v>52177</v>
      </c>
      <c r="J13956" s="1" t="s">
        <v>53039</v>
      </c>
    </row>
    <row r="13957" spans="1:10" x14ac:dyDescent="0.35">
      <c r="A13957" s="1" t="s">
        <v>52928</v>
      </c>
      <c r="B13957" s="1" t="s">
        <v>52171</v>
      </c>
      <c r="C13957" s="1" t="s">
        <v>155</v>
      </c>
      <c r="D13957" s="1" t="s">
        <v>53040</v>
      </c>
      <c r="E13957" s="1" t="s">
        <v>53041</v>
      </c>
      <c r="F13957" s="1" t="s">
        <v>53042</v>
      </c>
      <c r="G13957" s="1" t="s">
        <v>52932</v>
      </c>
      <c r="H13957" s="1" t="s">
        <v>52933</v>
      </c>
      <c r="I13957" s="1" t="s">
        <v>52177</v>
      </c>
      <c r="J13957" s="1" t="s">
        <v>53043</v>
      </c>
    </row>
    <row r="13958" spans="1:10" x14ac:dyDescent="0.35">
      <c r="A13958" s="1" t="s">
        <v>52928</v>
      </c>
      <c r="B13958" s="1" t="s">
        <v>52171</v>
      </c>
      <c r="C13958" s="1" t="s">
        <v>160</v>
      </c>
      <c r="D13958" s="1" t="s">
        <v>53044</v>
      </c>
      <c r="E13958" s="1" t="s">
        <v>53045</v>
      </c>
      <c r="F13958" s="1" t="s">
        <v>53046</v>
      </c>
      <c r="G13958" s="1" t="s">
        <v>52932</v>
      </c>
      <c r="H13958" s="1" t="s">
        <v>52933</v>
      </c>
      <c r="I13958" s="1" t="s">
        <v>52177</v>
      </c>
      <c r="J13958" s="1" t="s">
        <v>53047</v>
      </c>
    </row>
    <row r="13959" spans="1:10" x14ac:dyDescent="0.35">
      <c r="A13959" s="1" t="s">
        <v>52928</v>
      </c>
      <c r="B13959" s="1" t="s">
        <v>52171</v>
      </c>
      <c r="C13959" s="1" t="s">
        <v>165</v>
      </c>
      <c r="D13959" s="1" t="s">
        <v>39357</v>
      </c>
      <c r="E13959" s="1" t="s">
        <v>53048</v>
      </c>
      <c r="F13959" s="1" t="s">
        <v>53049</v>
      </c>
      <c r="G13959" s="1" t="s">
        <v>52932</v>
      </c>
      <c r="H13959" s="1" t="s">
        <v>52933</v>
      </c>
      <c r="I13959" s="1" t="s">
        <v>52177</v>
      </c>
      <c r="J13959" s="1" t="s">
        <v>53050</v>
      </c>
    </row>
    <row r="13960" spans="1:10" x14ac:dyDescent="0.35">
      <c r="A13960" s="1" t="s">
        <v>52928</v>
      </c>
      <c r="B13960" s="1" t="s">
        <v>52171</v>
      </c>
      <c r="C13960" s="1" t="s">
        <v>170</v>
      </c>
      <c r="D13960" s="1" t="s">
        <v>52296</v>
      </c>
      <c r="E13960" s="1" t="s">
        <v>53051</v>
      </c>
      <c r="F13960" s="1" t="s">
        <v>53052</v>
      </c>
      <c r="G13960" s="1" t="s">
        <v>52932</v>
      </c>
      <c r="H13960" s="1" t="s">
        <v>52933</v>
      </c>
      <c r="I13960" s="1" t="s">
        <v>52177</v>
      </c>
      <c r="J13960" s="1" t="s">
        <v>52299</v>
      </c>
    </row>
    <row r="13961" spans="1:10" x14ac:dyDescent="0.35">
      <c r="A13961" s="1" t="s">
        <v>53053</v>
      </c>
      <c r="B13961" s="1" t="s">
        <v>52171</v>
      </c>
      <c r="C13961" s="1" t="s">
        <v>8</v>
      </c>
      <c r="D13961" s="1" t="s">
        <v>11511</v>
      </c>
      <c r="E13961" s="1" t="s">
        <v>53054</v>
      </c>
      <c r="F13961" s="1" t="s">
        <v>53055</v>
      </c>
      <c r="G13961" s="1" t="s">
        <v>53056</v>
      </c>
      <c r="H13961" s="1" t="s">
        <v>53057</v>
      </c>
      <c r="I13961" s="1" t="s">
        <v>52177</v>
      </c>
      <c r="J13961" s="1" t="s">
        <v>13</v>
      </c>
    </row>
    <row r="13962" spans="1:10" x14ac:dyDescent="0.35">
      <c r="A13962" s="1" t="s">
        <v>53053</v>
      </c>
      <c r="B13962" s="1" t="s">
        <v>52171</v>
      </c>
      <c r="C13962" s="1" t="s">
        <v>15</v>
      </c>
      <c r="D13962" s="1" t="s">
        <v>53058</v>
      </c>
      <c r="E13962" s="1" t="s">
        <v>53059</v>
      </c>
      <c r="F13962" s="1" t="s">
        <v>53060</v>
      </c>
      <c r="G13962" s="1" t="s">
        <v>53056</v>
      </c>
      <c r="H13962" s="1" t="s">
        <v>53057</v>
      </c>
      <c r="I13962" s="1" t="s">
        <v>52177</v>
      </c>
      <c r="J13962" s="1" t="s">
        <v>53061</v>
      </c>
    </row>
    <row r="13963" spans="1:10" x14ac:dyDescent="0.35">
      <c r="A13963" s="1" t="s">
        <v>53053</v>
      </c>
      <c r="B13963" s="1" t="s">
        <v>52171</v>
      </c>
      <c r="C13963" s="1" t="s">
        <v>20</v>
      </c>
      <c r="D13963" s="1" t="s">
        <v>19183</v>
      </c>
      <c r="E13963" s="1" t="s">
        <v>53062</v>
      </c>
      <c r="F13963" s="1" t="s">
        <v>53063</v>
      </c>
      <c r="G13963" s="1" t="s">
        <v>53056</v>
      </c>
      <c r="H13963" s="1" t="s">
        <v>53057</v>
      </c>
      <c r="I13963" s="1" t="s">
        <v>52177</v>
      </c>
      <c r="J13963" s="1" t="s">
        <v>53064</v>
      </c>
    </row>
    <row r="13964" spans="1:10" x14ac:dyDescent="0.35">
      <c r="A13964" s="1" t="s">
        <v>53053</v>
      </c>
      <c r="B13964" s="1" t="s">
        <v>52171</v>
      </c>
      <c r="C13964" s="1" t="s">
        <v>25</v>
      </c>
      <c r="D13964" s="1" t="s">
        <v>53065</v>
      </c>
      <c r="E13964" s="1" t="s">
        <v>53066</v>
      </c>
      <c r="F13964" s="1" t="s">
        <v>53067</v>
      </c>
      <c r="G13964" s="1" t="s">
        <v>53056</v>
      </c>
      <c r="H13964" s="1" t="s">
        <v>53057</v>
      </c>
      <c r="I13964" s="1" t="s">
        <v>52177</v>
      </c>
      <c r="J13964" s="1" t="s">
        <v>53068</v>
      </c>
    </row>
    <row r="13965" spans="1:10" x14ac:dyDescent="0.35">
      <c r="A13965" s="1" t="s">
        <v>53053</v>
      </c>
      <c r="B13965" s="1" t="s">
        <v>52171</v>
      </c>
      <c r="C13965" s="1" t="s">
        <v>30</v>
      </c>
      <c r="D13965" s="1" t="s">
        <v>53069</v>
      </c>
      <c r="E13965" s="1" t="s">
        <v>53070</v>
      </c>
      <c r="F13965" s="1" t="s">
        <v>53071</v>
      </c>
      <c r="G13965" s="1" t="s">
        <v>53056</v>
      </c>
      <c r="H13965" s="1" t="s">
        <v>53057</v>
      </c>
      <c r="I13965" s="1" t="s">
        <v>52177</v>
      </c>
      <c r="J13965" s="1" t="s">
        <v>53072</v>
      </c>
    </row>
    <row r="13966" spans="1:10" x14ac:dyDescent="0.35">
      <c r="A13966" s="1" t="s">
        <v>53053</v>
      </c>
      <c r="B13966" s="1" t="s">
        <v>52171</v>
      </c>
      <c r="C13966" s="1" t="s">
        <v>35</v>
      </c>
      <c r="D13966" s="1" t="s">
        <v>53073</v>
      </c>
      <c r="E13966" s="1" t="s">
        <v>53074</v>
      </c>
      <c r="F13966" s="1" t="s">
        <v>53075</v>
      </c>
      <c r="G13966" s="1" t="s">
        <v>53056</v>
      </c>
      <c r="H13966" s="1" t="s">
        <v>53057</v>
      </c>
      <c r="I13966" s="1" t="s">
        <v>52177</v>
      </c>
      <c r="J13966" s="1" t="s">
        <v>53076</v>
      </c>
    </row>
    <row r="13967" spans="1:10" x14ac:dyDescent="0.35">
      <c r="A13967" s="1" t="s">
        <v>53053</v>
      </c>
      <c r="B13967" s="1" t="s">
        <v>52171</v>
      </c>
      <c r="C13967" s="1" t="s">
        <v>40</v>
      </c>
      <c r="D13967" s="1" t="s">
        <v>43340</v>
      </c>
      <c r="E13967" s="1" t="s">
        <v>53077</v>
      </c>
      <c r="F13967" s="1" t="s">
        <v>53078</v>
      </c>
      <c r="G13967" s="1" t="s">
        <v>53056</v>
      </c>
      <c r="H13967" s="1" t="s">
        <v>53057</v>
      </c>
      <c r="I13967" s="1" t="s">
        <v>52177</v>
      </c>
      <c r="J13967" s="1" t="s">
        <v>53079</v>
      </c>
    </row>
    <row r="13968" spans="1:10" x14ac:dyDescent="0.35">
      <c r="A13968" s="1" t="s">
        <v>53053</v>
      </c>
      <c r="B13968" s="1" t="s">
        <v>52171</v>
      </c>
      <c r="C13968" s="1" t="s">
        <v>45</v>
      </c>
      <c r="D13968" s="1" t="s">
        <v>53080</v>
      </c>
      <c r="E13968" s="1" t="s">
        <v>53081</v>
      </c>
      <c r="F13968" s="1" t="s">
        <v>53082</v>
      </c>
      <c r="G13968" s="1" t="s">
        <v>53056</v>
      </c>
      <c r="H13968" s="1" t="s">
        <v>53057</v>
      </c>
      <c r="I13968" s="1" t="s">
        <v>52177</v>
      </c>
      <c r="J13968" s="1" t="s">
        <v>53083</v>
      </c>
    </row>
    <row r="13969" spans="1:10" x14ac:dyDescent="0.35">
      <c r="A13969" s="1" t="s">
        <v>53053</v>
      </c>
      <c r="B13969" s="1" t="s">
        <v>52171</v>
      </c>
      <c r="C13969" s="1" t="s">
        <v>50</v>
      </c>
      <c r="D13969" s="1" t="s">
        <v>53084</v>
      </c>
      <c r="E13969" s="1" t="s">
        <v>53085</v>
      </c>
      <c r="F13969" s="1" t="s">
        <v>53086</v>
      </c>
      <c r="G13969" s="1" t="s">
        <v>53056</v>
      </c>
      <c r="H13969" s="1" t="s">
        <v>53057</v>
      </c>
      <c r="I13969" s="1" t="s">
        <v>52177</v>
      </c>
      <c r="J13969" s="1" t="s">
        <v>53087</v>
      </c>
    </row>
    <row r="13970" spans="1:10" x14ac:dyDescent="0.35">
      <c r="A13970" s="1" t="s">
        <v>53053</v>
      </c>
      <c r="B13970" s="1" t="s">
        <v>52171</v>
      </c>
      <c r="C13970" s="1" t="s">
        <v>55</v>
      </c>
      <c r="D13970" s="1" t="s">
        <v>17753</v>
      </c>
      <c r="E13970" s="1" t="s">
        <v>53088</v>
      </c>
      <c r="F13970" s="1" t="s">
        <v>53089</v>
      </c>
      <c r="G13970" s="1" t="s">
        <v>53056</v>
      </c>
      <c r="H13970" s="1" t="s">
        <v>53057</v>
      </c>
      <c r="I13970" s="1" t="s">
        <v>52177</v>
      </c>
      <c r="J13970" s="1" t="s">
        <v>53090</v>
      </c>
    </row>
    <row r="13971" spans="1:10" x14ac:dyDescent="0.35">
      <c r="A13971" s="1" t="s">
        <v>53053</v>
      </c>
      <c r="B13971" s="1" t="s">
        <v>52171</v>
      </c>
      <c r="C13971" s="1" t="s">
        <v>60</v>
      </c>
      <c r="D13971" s="1" t="s">
        <v>5935</v>
      </c>
      <c r="E13971" s="1" t="s">
        <v>53091</v>
      </c>
      <c r="F13971" s="1" t="s">
        <v>53092</v>
      </c>
      <c r="G13971" s="1" t="s">
        <v>53056</v>
      </c>
      <c r="H13971" s="1" t="s">
        <v>53057</v>
      </c>
      <c r="I13971" s="1" t="s">
        <v>52177</v>
      </c>
      <c r="J13971" s="1" t="s">
        <v>53093</v>
      </c>
    </row>
    <row r="13972" spans="1:10" x14ac:dyDescent="0.35">
      <c r="A13972" s="1" t="s">
        <v>53053</v>
      </c>
      <c r="B13972" s="1" t="s">
        <v>52171</v>
      </c>
      <c r="C13972" s="1" t="s">
        <v>65</v>
      </c>
      <c r="D13972" s="1" t="s">
        <v>52973</v>
      </c>
      <c r="E13972" s="1" t="s">
        <v>53094</v>
      </c>
      <c r="F13972" s="1" t="s">
        <v>53095</v>
      </c>
      <c r="G13972" s="1" t="s">
        <v>53056</v>
      </c>
      <c r="H13972" s="1" t="s">
        <v>53057</v>
      </c>
      <c r="I13972" s="1" t="s">
        <v>52177</v>
      </c>
      <c r="J13972" s="1" t="s">
        <v>53096</v>
      </c>
    </row>
    <row r="13973" spans="1:10" x14ac:dyDescent="0.35">
      <c r="A13973" s="1" t="s">
        <v>53053</v>
      </c>
      <c r="B13973" s="1" t="s">
        <v>52171</v>
      </c>
      <c r="C13973" s="1" t="s">
        <v>70</v>
      </c>
      <c r="D13973" s="1" t="s">
        <v>53097</v>
      </c>
      <c r="E13973" s="1" t="s">
        <v>53098</v>
      </c>
      <c r="F13973" s="1" t="s">
        <v>53099</v>
      </c>
      <c r="G13973" s="1" t="s">
        <v>53056</v>
      </c>
      <c r="H13973" s="1" t="s">
        <v>53057</v>
      </c>
      <c r="I13973" s="1" t="s">
        <v>52177</v>
      </c>
      <c r="J13973" s="1" t="s">
        <v>53100</v>
      </c>
    </row>
    <row r="13974" spans="1:10" x14ac:dyDescent="0.35">
      <c r="A13974" s="1" t="s">
        <v>53053</v>
      </c>
      <c r="B13974" s="1" t="s">
        <v>52171</v>
      </c>
      <c r="C13974" s="1" t="s">
        <v>75</v>
      </c>
      <c r="D13974" s="1" t="s">
        <v>53101</v>
      </c>
      <c r="E13974" s="1" t="s">
        <v>53102</v>
      </c>
      <c r="F13974" s="1" t="s">
        <v>53103</v>
      </c>
      <c r="G13974" s="1" t="s">
        <v>53056</v>
      </c>
      <c r="H13974" s="1" t="s">
        <v>53057</v>
      </c>
      <c r="I13974" s="1" t="s">
        <v>52177</v>
      </c>
      <c r="J13974" s="1" t="s">
        <v>53104</v>
      </c>
    </row>
    <row r="13975" spans="1:10" x14ac:dyDescent="0.35">
      <c r="A13975" s="1" t="s">
        <v>53053</v>
      </c>
      <c r="B13975" s="1" t="s">
        <v>52171</v>
      </c>
      <c r="C13975" s="1" t="s">
        <v>80</v>
      </c>
      <c r="D13975" s="1" t="s">
        <v>53105</v>
      </c>
      <c r="E13975" s="1" t="s">
        <v>53106</v>
      </c>
      <c r="F13975" s="1" t="s">
        <v>53107</v>
      </c>
      <c r="G13975" s="1" t="s">
        <v>53056</v>
      </c>
      <c r="H13975" s="1" t="s">
        <v>53057</v>
      </c>
      <c r="I13975" s="1" t="s">
        <v>52177</v>
      </c>
      <c r="J13975" s="1" t="s">
        <v>53108</v>
      </c>
    </row>
    <row r="13976" spans="1:10" x14ac:dyDescent="0.35">
      <c r="A13976" s="1" t="s">
        <v>53053</v>
      </c>
      <c r="B13976" s="1" t="s">
        <v>52171</v>
      </c>
      <c r="C13976" s="1" t="s">
        <v>85</v>
      </c>
      <c r="D13976" s="1" t="s">
        <v>23412</v>
      </c>
      <c r="E13976" s="1" t="s">
        <v>53109</v>
      </c>
      <c r="F13976" s="1" t="s">
        <v>53110</v>
      </c>
      <c r="G13976" s="1" t="s">
        <v>53056</v>
      </c>
      <c r="H13976" s="1" t="s">
        <v>53057</v>
      </c>
      <c r="I13976" s="1" t="s">
        <v>52177</v>
      </c>
      <c r="J13976" s="1" t="s">
        <v>53111</v>
      </c>
    </row>
    <row r="13977" spans="1:10" x14ac:dyDescent="0.35">
      <c r="A13977" s="1" t="s">
        <v>53053</v>
      </c>
      <c r="B13977" s="1" t="s">
        <v>52171</v>
      </c>
      <c r="C13977" s="1" t="s">
        <v>90</v>
      </c>
      <c r="D13977" s="1" t="s">
        <v>53112</v>
      </c>
      <c r="E13977" s="1" t="s">
        <v>53113</v>
      </c>
      <c r="F13977" s="1" t="s">
        <v>53114</v>
      </c>
      <c r="G13977" s="1" t="s">
        <v>53056</v>
      </c>
      <c r="H13977" s="1" t="s">
        <v>53057</v>
      </c>
      <c r="I13977" s="1" t="s">
        <v>52177</v>
      </c>
      <c r="J13977" s="1" t="s">
        <v>53115</v>
      </c>
    </row>
    <row r="13978" spans="1:10" x14ac:dyDescent="0.35">
      <c r="A13978" s="1" t="s">
        <v>53053</v>
      </c>
      <c r="B13978" s="1" t="s">
        <v>52171</v>
      </c>
      <c r="C13978" s="1" t="s">
        <v>95</v>
      </c>
      <c r="D13978" s="1" t="s">
        <v>52491</v>
      </c>
      <c r="E13978" s="1" t="s">
        <v>53116</v>
      </c>
      <c r="F13978" s="1" t="s">
        <v>53117</v>
      </c>
      <c r="G13978" s="1" t="s">
        <v>53056</v>
      </c>
      <c r="H13978" s="1" t="s">
        <v>53057</v>
      </c>
      <c r="I13978" s="1" t="s">
        <v>52177</v>
      </c>
      <c r="J13978" s="1" t="s">
        <v>53118</v>
      </c>
    </row>
    <row r="13979" spans="1:10" x14ac:dyDescent="0.35">
      <c r="A13979" s="1" t="s">
        <v>53053</v>
      </c>
      <c r="B13979" s="1" t="s">
        <v>52171</v>
      </c>
      <c r="C13979" s="1" t="s">
        <v>100</v>
      </c>
      <c r="D13979" s="1" t="s">
        <v>53119</v>
      </c>
      <c r="E13979" s="1" t="s">
        <v>53120</v>
      </c>
      <c r="F13979" s="1" t="s">
        <v>53121</v>
      </c>
      <c r="G13979" s="1" t="s">
        <v>53056</v>
      </c>
      <c r="H13979" s="1" t="s">
        <v>53057</v>
      </c>
      <c r="I13979" s="1" t="s">
        <v>52177</v>
      </c>
      <c r="J13979" s="1" t="s">
        <v>53122</v>
      </c>
    </row>
    <row r="13980" spans="1:10" x14ac:dyDescent="0.35">
      <c r="A13980" s="1" t="s">
        <v>53053</v>
      </c>
      <c r="B13980" s="1" t="s">
        <v>52171</v>
      </c>
      <c r="C13980" s="1" t="s">
        <v>105</v>
      </c>
      <c r="D13980" s="1" t="s">
        <v>53123</v>
      </c>
      <c r="E13980" s="1" t="s">
        <v>53124</v>
      </c>
      <c r="F13980" s="1" t="s">
        <v>53125</v>
      </c>
      <c r="G13980" s="1" t="s">
        <v>53056</v>
      </c>
      <c r="H13980" s="1" t="s">
        <v>53057</v>
      </c>
      <c r="I13980" s="1" t="s">
        <v>52177</v>
      </c>
      <c r="J13980" s="1" t="s">
        <v>53126</v>
      </c>
    </row>
    <row r="13981" spans="1:10" x14ac:dyDescent="0.35">
      <c r="A13981" s="1" t="s">
        <v>53053</v>
      </c>
      <c r="B13981" s="1" t="s">
        <v>52171</v>
      </c>
      <c r="C13981" s="1" t="s">
        <v>110</v>
      </c>
      <c r="D13981" s="1" t="s">
        <v>53127</v>
      </c>
      <c r="E13981" s="1" t="s">
        <v>53128</v>
      </c>
      <c r="F13981" s="1" t="s">
        <v>53129</v>
      </c>
      <c r="G13981" s="1" t="s">
        <v>53056</v>
      </c>
      <c r="H13981" s="1" t="s">
        <v>53057</v>
      </c>
      <c r="I13981" s="1" t="s">
        <v>52177</v>
      </c>
      <c r="J13981" s="1" t="s">
        <v>53130</v>
      </c>
    </row>
    <row r="13982" spans="1:10" x14ac:dyDescent="0.35">
      <c r="A13982" s="1" t="s">
        <v>53053</v>
      </c>
      <c r="B13982" s="1" t="s">
        <v>52171</v>
      </c>
      <c r="C13982" s="1" t="s">
        <v>115</v>
      </c>
      <c r="D13982" s="1" t="s">
        <v>53131</v>
      </c>
      <c r="E13982" s="1" t="s">
        <v>53132</v>
      </c>
      <c r="F13982" s="1" t="s">
        <v>53133</v>
      </c>
      <c r="G13982" s="1" t="s">
        <v>53056</v>
      </c>
      <c r="H13982" s="1" t="s">
        <v>53057</v>
      </c>
      <c r="I13982" s="1" t="s">
        <v>52177</v>
      </c>
      <c r="J13982" s="1" t="s">
        <v>53134</v>
      </c>
    </row>
    <row r="13983" spans="1:10" x14ac:dyDescent="0.35">
      <c r="A13983" s="1" t="s">
        <v>53053</v>
      </c>
      <c r="B13983" s="1" t="s">
        <v>52171</v>
      </c>
      <c r="C13983" s="1" t="s">
        <v>120</v>
      </c>
      <c r="D13983" s="1" t="s">
        <v>53135</v>
      </c>
      <c r="E13983" s="1" t="s">
        <v>53136</v>
      </c>
      <c r="F13983" s="1" t="s">
        <v>53137</v>
      </c>
      <c r="G13983" s="1" t="s">
        <v>53056</v>
      </c>
      <c r="H13983" s="1" t="s">
        <v>53057</v>
      </c>
      <c r="I13983" s="1" t="s">
        <v>52177</v>
      </c>
      <c r="J13983" s="1" t="s">
        <v>53138</v>
      </c>
    </row>
    <row r="13984" spans="1:10" x14ac:dyDescent="0.35">
      <c r="A13984" s="1" t="s">
        <v>53053</v>
      </c>
      <c r="B13984" s="1" t="s">
        <v>52171</v>
      </c>
      <c r="C13984" s="1" t="s">
        <v>125</v>
      </c>
      <c r="D13984" s="1" t="s">
        <v>53139</v>
      </c>
      <c r="E13984" s="1" t="s">
        <v>53140</v>
      </c>
      <c r="F13984" s="1" t="s">
        <v>53141</v>
      </c>
      <c r="G13984" s="1" t="s">
        <v>53056</v>
      </c>
      <c r="H13984" s="1" t="s">
        <v>53057</v>
      </c>
      <c r="I13984" s="1" t="s">
        <v>52177</v>
      </c>
      <c r="J13984" s="1" t="s">
        <v>53142</v>
      </c>
    </row>
    <row r="13985" spans="1:10" x14ac:dyDescent="0.35">
      <c r="A13985" s="1" t="s">
        <v>53053</v>
      </c>
      <c r="B13985" s="1" t="s">
        <v>52171</v>
      </c>
      <c r="C13985" s="1" t="s">
        <v>130</v>
      </c>
      <c r="D13985" s="1" t="s">
        <v>18366</v>
      </c>
      <c r="E13985" s="1" t="s">
        <v>53143</v>
      </c>
      <c r="F13985" s="1" t="s">
        <v>53144</v>
      </c>
      <c r="G13985" s="1" t="s">
        <v>53056</v>
      </c>
      <c r="H13985" s="1" t="s">
        <v>53057</v>
      </c>
      <c r="I13985" s="1" t="s">
        <v>52177</v>
      </c>
      <c r="J13985" s="1" t="s">
        <v>53145</v>
      </c>
    </row>
    <row r="13986" spans="1:10" x14ac:dyDescent="0.35">
      <c r="A13986" s="1" t="s">
        <v>53053</v>
      </c>
      <c r="B13986" s="1" t="s">
        <v>52171</v>
      </c>
      <c r="C13986" s="1" t="s">
        <v>135</v>
      </c>
      <c r="D13986" s="1" t="s">
        <v>53146</v>
      </c>
      <c r="E13986" s="1" t="s">
        <v>53147</v>
      </c>
      <c r="F13986" s="1" t="s">
        <v>53148</v>
      </c>
      <c r="G13986" s="1" t="s">
        <v>53056</v>
      </c>
      <c r="H13986" s="1" t="s">
        <v>53057</v>
      </c>
      <c r="I13986" s="1" t="s">
        <v>52177</v>
      </c>
      <c r="J13986" s="1" t="s">
        <v>53149</v>
      </c>
    </row>
    <row r="13987" spans="1:10" x14ac:dyDescent="0.35">
      <c r="A13987" s="1" t="s">
        <v>53053</v>
      </c>
      <c r="B13987" s="1" t="s">
        <v>52171</v>
      </c>
      <c r="C13987" s="1" t="s">
        <v>140</v>
      </c>
      <c r="D13987" s="1" t="s">
        <v>53150</v>
      </c>
      <c r="E13987" s="1" t="s">
        <v>53151</v>
      </c>
      <c r="F13987" s="1" t="s">
        <v>53152</v>
      </c>
      <c r="G13987" s="1" t="s">
        <v>53056</v>
      </c>
      <c r="H13987" s="1" t="s">
        <v>53057</v>
      </c>
      <c r="I13987" s="1" t="s">
        <v>52177</v>
      </c>
      <c r="J13987" s="1" t="s">
        <v>53153</v>
      </c>
    </row>
    <row r="13988" spans="1:10" x14ac:dyDescent="0.35">
      <c r="A13988" s="1" t="s">
        <v>53053</v>
      </c>
      <c r="B13988" s="1" t="s">
        <v>52171</v>
      </c>
      <c r="C13988" s="1" t="s">
        <v>145</v>
      </c>
      <c r="D13988" s="1" t="s">
        <v>53154</v>
      </c>
      <c r="E13988" s="1" t="s">
        <v>53155</v>
      </c>
      <c r="F13988" s="1" t="s">
        <v>53156</v>
      </c>
      <c r="G13988" s="1" t="s">
        <v>53056</v>
      </c>
      <c r="H13988" s="1" t="s">
        <v>53057</v>
      </c>
      <c r="I13988" s="1" t="s">
        <v>52177</v>
      </c>
      <c r="J13988" s="1" t="s">
        <v>53157</v>
      </c>
    </row>
    <row r="13989" spans="1:10" x14ac:dyDescent="0.35">
      <c r="A13989" s="1" t="s">
        <v>53053</v>
      </c>
      <c r="B13989" s="1" t="s">
        <v>52171</v>
      </c>
      <c r="C13989" s="1" t="s">
        <v>150</v>
      </c>
      <c r="D13989" s="1" t="s">
        <v>53158</v>
      </c>
      <c r="E13989" s="1" t="s">
        <v>53159</v>
      </c>
      <c r="F13989" s="1" t="s">
        <v>53160</v>
      </c>
      <c r="G13989" s="1" t="s">
        <v>53056</v>
      </c>
      <c r="H13989" s="1" t="s">
        <v>53057</v>
      </c>
      <c r="I13989" s="1" t="s">
        <v>52177</v>
      </c>
      <c r="J13989" s="1" t="s">
        <v>53161</v>
      </c>
    </row>
    <row r="13990" spans="1:10" x14ac:dyDescent="0.35">
      <c r="A13990" s="1" t="s">
        <v>53053</v>
      </c>
      <c r="B13990" s="1" t="s">
        <v>52171</v>
      </c>
      <c r="C13990" s="1" t="s">
        <v>155</v>
      </c>
      <c r="D13990" s="1" t="s">
        <v>53162</v>
      </c>
      <c r="E13990" s="1" t="s">
        <v>53163</v>
      </c>
      <c r="F13990" s="1" t="s">
        <v>53164</v>
      </c>
      <c r="G13990" s="1" t="s">
        <v>53056</v>
      </c>
      <c r="H13990" s="1" t="s">
        <v>53057</v>
      </c>
      <c r="I13990" s="1" t="s">
        <v>52177</v>
      </c>
      <c r="J13990" s="1" t="s">
        <v>53165</v>
      </c>
    </row>
    <row r="13991" spans="1:10" x14ac:dyDescent="0.35">
      <c r="A13991" s="1" t="s">
        <v>53053</v>
      </c>
      <c r="B13991" s="1" t="s">
        <v>52171</v>
      </c>
      <c r="C13991" s="1" t="s">
        <v>160</v>
      </c>
      <c r="D13991" s="1" t="s">
        <v>53166</v>
      </c>
      <c r="E13991" s="1" t="s">
        <v>53167</v>
      </c>
      <c r="F13991" s="1" t="s">
        <v>53168</v>
      </c>
      <c r="G13991" s="1" t="s">
        <v>53056</v>
      </c>
      <c r="H13991" s="1" t="s">
        <v>53057</v>
      </c>
      <c r="I13991" s="1" t="s">
        <v>52177</v>
      </c>
      <c r="J13991" s="1" t="s">
        <v>53169</v>
      </c>
    </row>
    <row r="13992" spans="1:10" x14ac:dyDescent="0.35">
      <c r="A13992" s="1" t="s">
        <v>53053</v>
      </c>
      <c r="B13992" s="1" t="s">
        <v>52171</v>
      </c>
      <c r="C13992" s="1" t="s">
        <v>165</v>
      </c>
      <c r="D13992" s="1" t="s">
        <v>39357</v>
      </c>
      <c r="E13992" s="1" t="s">
        <v>53170</v>
      </c>
      <c r="F13992" s="1" t="s">
        <v>53171</v>
      </c>
      <c r="G13992" s="1" t="s">
        <v>53056</v>
      </c>
      <c r="H13992" s="1" t="s">
        <v>53057</v>
      </c>
      <c r="I13992" s="1" t="s">
        <v>52177</v>
      </c>
      <c r="J13992" s="1" t="s">
        <v>53172</v>
      </c>
    </row>
    <row r="13993" spans="1:10" x14ac:dyDescent="0.35">
      <c r="A13993" s="1" t="s">
        <v>53053</v>
      </c>
      <c r="B13993" s="1" t="s">
        <v>52171</v>
      </c>
      <c r="C13993" s="1" t="s">
        <v>170</v>
      </c>
      <c r="D13993" s="1" t="s">
        <v>52296</v>
      </c>
      <c r="E13993" s="1" t="s">
        <v>53173</v>
      </c>
      <c r="F13993" s="1" t="s">
        <v>53174</v>
      </c>
      <c r="G13993" s="1" t="s">
        <v>53056</v>
      </c>
      <c r="H13993" s="1" t="s">
        <v>53057</v>
      </c>
      <c r="I13993" s="1" t="s">
        <v>52177</v>
      </c>
      <c r="J13993" s="1" t="s">
        <v>52299</v>
      </c>
    </row>
    <row r="13994" spans="1:10" x14ac:dyDescent="0.35">
      <c r="A13994" s="1" t="s">
        <v>53175</v>
      </c>
      <c r="B13994" s="1" t="s">
        <v>52171</v>
      </c>
      <c r="C13994" s="1" t="s">
        <v>8</v>
      </c>
      <c r="D13994" s="1" t="s">
        <v>53176</v>
      </c>
      <c r="E13994" s="1" t="s">
        <v>53177</v>
      </c>
      <c r="F13994" s="1" t="s">
        <v>53178</v>
      </c>
      <c r="G13994" s="1" t="s">
        <v>53179</v>
      </c>
      <c r="H13994" s="1" t="s">
        <v>53180</v>
      </c>
      <c r="I13994" s="1" t="s">
        <v>52177</v>
      </c>
      <c r="J13994" s="1" t="s">
        <v>13</v>
      </c>
    </row>
    <row r="13995" spans="1:10" x14ac:dyDescent="0.35">
      <c r="A13995" s="1" t="s">
        <v>53175</v>
      </c>
      <c r="B13995" s="1" t="s">
        <v>52171</v>
      </c>
      <c r="C13995" s="1" t="s">
        <v>15</v>
      </c>
      <c r="D13995" s="1" t="s">
        <v>53181</v>
      </c>
      <c r="E13995" s="1" t="s">
        <v>53182</v>
      </c>
      <c r="F13995" s="1" t="s">
        <v>53183</v>
      </c>
      <c r="G13995" s="1" t="s">
        <v>53179</v>
      </c>
      <c r="H13995" s="1" t="s">
        <v>53180</v>
      </c>
      <c r="I13995" s="1" t="s">
        <v>52177</v>
      </c>
      <c r="J13995" s="1" t="s">
        <v>53184</v>
      </c>
    </row>
    <row r="13996" spans="1:10" x14ac:dyDescent="0.35">
      <c r="A13996" s="1" t="s">
        <v>53175</v>
      </c>
      <c r="B13996" s="1" t="s">
        <v>52171</v>
      </c>
      <c r="C13996" s="1" t="s">
        <v>20</v>
      </c>
      <c r="D13996" s="1" t="s">
        <v>53185</v>
      </c>
      <c r="E13996" s="1" t="s">
        <v>53186</v>
      </c>
      <c r="F13996" s="1" t="s">
        <v>53187</v>
      </c>
      <c r="G13996" s="1" t="s">
        <v>53179</v>
      </c>
      <c r="H13996" s="1" t="s">
        <v>53180</v>
      </c>
      <c r="I13996" s="1" t="s">
        <v>52177</v>
      </c>
      <c r="J13996" s="1" t="s">
        <v>53188</v>
      </c>
    </row>
    <row r="13997" spans="1:10" x14ac:dyDescent="0.35">
      <c r="A13997" s="1" t="s">
        <v>53175</v>
      </c>
      <c r="B13997" s="1" t="s">
        <v>52171</v>
      </c>
      <c r="C13997" s="1" t="s">
        <v>25</v>
      </c>
      <c r="D13997" s="1" t="s">
        <v>53189</v>
      </c>
      <c r="E13997" s="1" t="s">
        <v>53190</v>
      </c>
      <c r="F13997" s="1" t="s">
        <v>53191</v>
      </c>
      <c r="G13997" s="1" t="s">
        <v>53179</v>
      </c>
      <c r="H13997" s="1" t="s">
        <v>53180</v>
      </c>
      <c r="I13997" s="1" t="s">
        <v>52177</v>
      </c>
      <c r="J13997" s="1" t="s">
        <v>53192</v>
      </c>
    </row>
    <row r="13998" spans="1:10" x14ac:dyDescent="0.35">
      <c r="A13998" s="1" t="s">
        <v>53175</v>
      </c>
      <c r="B13998" s="1" t="s">
        <v>52171</v>
      </c>
      <c r="C13998" s="1" t="s">
        <v>30</v>
      </c>
      <c r="D13998" s="1" t="s">
        <v>53193</v>
      </c>
      <c r="E13998" s="1" t="s">
        <v>53194</v>
      </c>
      <c r="F13998" s="1" t="s">
        <v>53195</v>
      </c>
      <c r="G13998" s="1" t="s">
        <v>53179</v>
      </c>
      <c r="H13998" s="1" t="s">
        <v>53180</v>
      </c>
      <c r="I13998" s="1" t="s">
        <v>52177</v>
      </c>
      <c r="J13998" s="1" t="s">
        <v>53196</v>
      </c>
    </row>
    <row r="13999" spans="1:10" x14ac:dyDescent="0.35">
      <c r="A13999" s="1" t="s">
        <v>53175</v>
      </c>
      <c r="B13999" s="1" t="s">
        <v>52171</v>
      </c>
      <c r="C13999" s="1" t="s">
        <v>35</v>
      </c>
      <c r="D13999" s="1" t="s">
        <v>53197</v>
      </c>
      <c r="E13999" s="1" t="s">
        <v>53198</v>
      </c>
      <c r="F13999" s="1" t="s">
        <v>53199</v>
      </c>
      <c r="G13999" s="1" t="s">
        <v>53179</v>
      </c>
      <c r="H13999" s="1" t="s">
        <v>53180</v>
      </c>
      <c r="I13999" s="1" t="s">
        <v>52177</v>
      </c>
      <c r="J13999" s="1" t="s">
        <v>53200</v>
      </c>
    </row>
    <row r="14000" spans="1:10" x14ac:dyDescent="0.35">
      <c r="A14000" s="1" t="s">
        <v>53175</v>
      </c>
      <c r="B14000" s="1" t="s">
        <v>52171</v>
      </c>
      <c r="C14000" s="1" t="s">
        <v>40</v>
      </c>
      <c r="D14000" s="1" t="s">
        <v>53201</v>
      </c>
      <c r="E14000" s="1" t="s">
        <v>53202</v>
      </c>
      <c r="F14000" s="1" t="s">
        <v>53203</v>
      </c>
      <c r="G14000" s="1" t="s">
        <v>53179</v>
      </c>
      <c r="H14000" s="1" t="s">
        <v>53180</v>
      </c>
      <c r="I14000" s="1" t="s">
        <v>52177</v>
      </c>
      <c r="J14000" s="1" t="s">
        <v>53204</v>
      </c>
    </row>
    <row r="14001" spans="1:10" x14ac:dyDescent="0.35">
      <c r="A14001" s="1" t="s">
        <v>53175</v>
      </c>
      <c r="B14001" s="1" t="s">
        <v>52171</v>
      </c>
      <c r="C14001" s="1" t="s">
        <v>45</v>
      </c>
      <c r="D14001" s="1" t="s">
        <v>32256</v>
      </c>
      <c r="E14001" s="1" t="s">
        <v>53205</v>
      </c>
      <c r="F14001" s="1" t="s">
        <v>53206</v>
      </c>
      <c r="G14001" s="1" t="s">
        <v>53179</v>
      </c>
      <c r="H14001" s="1" t="s">
        <v>53180</v>
      </c>
      <c r="I14001" s="1" t="s">
        <v>52177</v>
      </c>
      <c r="J14001" s="1" t="s">
        <v>53207</v>
      </c>
    </row>
    <row r="14002" spans="1:10" x14ac:dyDescent="0.35">
      <c r="A14002" s="1" t="s">
        <v>53175</v>
      </c>
      <c r="B14002" s="1" t="s">
        <v>52171</v>
      </c>
      <c r="C14002" s="1" t="s">
        <v>50</v>
      </c>
      <c r="D14002" s="1" t="s">
        <v>52460</v>
      </c>
      <c r="E14002" s="1" t="s">
        <v>53208</v>
      </c>
      <c r="F14002" s="1" t="s">
        <v>53209</v>
      </c>
      <c r="G14002" s="1" t="s">
        <v>53179</v>
      </c>
      <c r="H14002" s="1" t="s">
        <v>53180</v>
      </c>
      <c r="I14002" s="1" t="s">
        <v>52177</v>
      </c>
      <c r="J14002" s="1" t="s">
        <v>53210</v>
      </c>
    </row>
    <row r="14003" spans="1:10" x14ac:dyDescent="0.35">
      <c r="A14003" s="1" t="s">
        <v>53175</v>
      </c>
      <c r="B14003" s="1" t="s">
        <v>52171</v>
      </c>
      <c r="C14003" s="1" t="s">
        <v>55</v>
      </c>
      <c r="D14003" s="1" t="s">
        <v>52463</v>
      </c>
      <c r="E14003" s="1" t="s">
        <v>53211</v>
      </c>
      <c r="F14003" s="1" t="s">
        <v>53212</v>
      </c>
      <c r="G14003" s="1" t="s">
        <v>53179</v>
      </c>
      <c r="H14003" s="1" t="s">
        <v>53180</v>
      </c>
      <c r="I14003" s="1" t="s">
        <v>52177</v>
      </c>
      <c r="J14003" s="1" t="s">
        <v>52466</v>
      </c>
    </row>
    <row r="14004" spans="1:10" x14ac:dyDescent="0.35">
      <c r="A14004" s="1" t="s">
        <v>53175</v>
      </c>
      <c r="B14004" s="1" t="s">
        <v>52171</v>
      </c>
      <c r="C14004" s="1" t="s">
        <v>60</v>
      </c>
      <c r="D14004" s="1" t="s">
        <v>53213</v>
      </c>
      <c r="E14004" s="1" t="s">
        <v>53214</v>
      </c>
      <c r="F14004" s="1" t="s">
        <v>53215</v>
      </c>
      <c r="G14004" s="1" t="s">
        <v>53179</v>
      </c>
      <c r="H14004" s="1" t="s">
        <v>53180</v>
      </c>
      <c r="I14004" s="1" t="s">
        <v>52177</v>
      </c>
      <c r="J14004" s="1" t="s">
        <v>53216</v>
      </c>
    </row>
    <row r="14005" spans="1:10" x14ac:dyDescent="0.35">
      <c r="A14005" s="1" t="s">
        <v>53175</v>
      </c>
      <c r="B14005" s="1" t="s">
        <v>52171</v>
      </c>
      <c r="C14005" s="1" t="s">
        <v>65</v>
      </c>
      <c r="D14005" s="1" t="s">
        <v>53217</v>
      </c>
      <c r="E14005" s="1" t="s">
        <v>53218</v>
      </c>
      <c r="F14005" s="1" t="s">
        <v>53219</v>
      </c>
      <c r="G14005" s="1" t="s">
        <v>53179</v>
      </c>
      <c r="H14005" s="1" t="s">
        <v>53180</v>
      </c>
      <c r="I14005" s="1" t="s">
        <v>52177</v>
      </c>
      <c r="J14005" s="1" t="s">
        <v>53220</v>
      </c>
    </row>
    <row r="14006" spans="1:10" x14ac:dyDescent="0.35">
      <c r="A14006" s="1" t="s">
        <v>53175</v>
      </c>
      <c r="B14006" s="1" t="s">
        <v>52171</v>
      </c>
      <c r="C14006" s="1" t="s">
        <v>70</v>
      </c>
      <c r="D14006" s="1" t="s">
        <v>5927</v>
      </c>
      <c r="E14006" s="1" t="s">
        <v>53221</v>
      </c>
      <c r="F14006" s="1" t="s">
        <v>53222</v>
      </c>
      <c r="G14006" s="1" t="s">
        <v>53179</v>
      </c>
      <c r="H14006" s="1" t="s">
        <v>53180</v>
      </c>
      <c r="I14006" s="1" t="s">
        <v>52177</v>
      </c>
      <c r="J14006" s="1" t="s">
        <v>53223</v>
      </c>
    </row>
    <row r="14007" spans="1:10" x14ac:dyDescent="0.35">
      <c r="A14007" s="1" t="s">
        <v>53175</v>
      </c>
      <c r="B14007" s="1" t="s">
        <v>52171</v>
      </c>
      <c r="C14007" s="1" t="s">
        <v>75</v>
      </c>
      <c r="D14007" s="1" t="s">
        <v>39441</v>
      </c>
      <c r="E14007" s="1" t="s">
        <v>53224</v>
      </c>
      <c r="F14007" s="1" t="s">
        <v>53225</v>
      </c>
      <c r="G14007" s="1" t="s">
        <v>53179</v>
      </c>
      <c r="H14007" s="1" t="s">
        <v>53180</v>
      </c>
      <c r="I14007" s="1" t="s">
        <v>52177</v>
      </c>
      <c r="J14007" s="1" t="s">
        <v>53226</v>
      </c>
    </row>
    <row r="14008" spans="1:10" x14ac:dyDescent="0.35">
      <c r="A14008" s="1" t="s">
        <v>53175</v>
      </c>
      <c r="B14008" s="1" t="s">
        <v>52171</v>
      </c>
      <c r="C14008" s="1" t="s">
        <v>80</v>
      </c>
      <c r="D14008" s="1" t="s">
        <v>53227</v>
      </c>
      <c r="E14008" s="1" t="s">
        <v>53228</v>
      </c>
      <c r="F14008" s="1" t="s">
        <v>53229</v>
      </c>
      <c r="G14008" s="1" t="s">
        <v>53179</v>
      </c>
      <c r="H14008" s="1" t="s">
        <v>53180</v>
      </c>
      <c r="I14008" s="1" t="s">
        <v>52177</v>
      </c>
      <c r="J14008" s="1" t="s">
        <v>53230</v>
      </c>
    </row>
    <row r="14009" spans="1:10" x14ac:dyDescent="0.35">
      <c r="A14009" s="1" t="s">
        <v>53175</v>
      </c>
      <c r="B14009" s="1" t="s">
        <v>52171</v>
      </c>
      <c r="C14009" s="1" t="s">
        <v>85</v>
      </c>
      <c r="D14009" s="1" t="s">
        <v>53231</v>
      </c>
      <c r="E14009" s="1" t="s">
        <v>53232</v>
      </c>
      <c r="F14009" s="1" t="s">
        <v>53233</v>
      </c>
      <c r="G14009" s="1" t="s">
        <v>53179</v>
      </c>
      <c r="H14009" s="1" t="s">
        <v>53180</v>
      </c>
      <c r="I14009" s="1" t="s">
        <v>52177</v>
      </c>
      <c r="J14009" s="1" t="s">
        <v>53234</v>
      </c>
    </row>
    <row r="14010" spans="1:10" x14ac:dyDescent="0.35">
      <c r="A14010" s="1" t="s">
        <v>53175</v>
      </c>
      <c r="B14010" s="1" t="s">
        <v>52171</v>
      </c>
      <c r="C14010" s="1" t="s">
        <v>90</v>
      </c>
      <c r="D14010" s="1" t="s">
        <v>52993</v>
      </c>
      <c r="E14010" s="1" t="s">
        <v>53235</v>
      </c>
      <c r="F14010" s="1" t="s">
        <v>53236</v>
      </c>
      <c r="G14010" s="1" t="s">
        <v>53179</v>
      </c>
      <c r="H14010" s="1" t="s">
        <v>53180</v>
      </c>
      <c r="I14010" s="1" t="s">
        <v>52177</v>
      </c>
      <c r="J14010" s="1" t="s">
        <v>53237</v>
      </c>
    </row>
    <row r="14011" spans="1:10" x14ac:dyDescent="0.35">
      <c r="A14011" s="1" t="s">
        <v>53175</v>
      </c>
      <c r="B14011" s="1" t="s">
        <v>52171</v>
      </c>
      <c r="C14011" s="1" t="s">
        <v>95</v>
      </c>
      <c r="D14011" s="1" t="s">
        <v>52735</v>
      </c>
      <c r="E14011" s="1" t="s">
        <v>53238</v>
      </c>
      <c r="F14011" s="1" t="s">
        <v>53239</v>
      </c>
      <c r="G14011" s="1" t="s">
        <v>53179</v>
      </c>
      <c r="H14011" s="1" t="s">
        <v>53180</v>
      </c>
      <c r="I14011" s="1" t="s">
        <v>52177</v>
      </c>
      <c r="J14011" s="1" t="s">
        <v>52999</v>
      </c>
    </row>
    <row r="14012" spans="1:10" x14ac:dyDescent="0.35">
      <c r="A14012" s="1" t="s">
        <v>53175</v>
      </c>
      <c r="B14012" s="1" t="s">
        <v>52171</v>
      </c>
      <c r="C14012" s="1" t="s">
        <v>100</v>
      </c>
      <c r="D14012" s="1" t="s">
        <v>53240</v>
      </c>
      <c r="E14012" s="1" t="s">
        <v>53241</v>
      </c>
      <c r="F14012" s="1" t="s">
        <v>53242</v>
      </c>
      <c r="G14012" s="1" t="s">
        <v>53179</v>
      </c>
      <c r="H14012" s="1" t="s">
        <v>53180</v>
      </c>
      <c r="I14012" s="1" t="s">
        <v>52177</v>
      </c>
      <c r="J14012" s="1" t="s">
        <v>53243</v>
      </c>
    </row>
    <row r="14013" spans="1:10" x14ac:dyDescent="0.35">
      <c r="A14013" s="1" t="s">
        <v>53175</v>
      </c>
      <c r="B14013" s="1" t="s">
        <v>52171</v>
      </c>
      <c r="C14013" s="1" t="s">
        <v>105</v>
      </c>
      <c r="D14013" s="1" t="s">
        <v>53244</v>
      </c>
      <c r="E14013" s="1" t="s">
        <v>53245</v>
      </c>
      <c r="F14013" s="1" t="s">
        <v>53246</v>
      </c>
      <c r="G14013" s="1" t="s">
        <v>53179</v>
      </c>
      <c r="H14013" s="1" t="s">
        <v>53180</v>
      </c>
      <c r="I14013" s="1" t="s">
        <v>52177</v>
      </c>
      <c r="J14013" s="1" t="s">
        <v>53247</v>
      </c>
    </row>
    <row r="14014" spans="1:10" x14ac:dyDescent="0.35">
      <c r="A14014" s="1" t="s">
        <v>53175</v>
      </c>
      <c r="B14014" s="1" t="s">
        <v>52171</v>
      </c>
      <c r="C14014" s="1" t="s">
        <v>110</v>
      </c>
      <c r="D14014" s="1" t="s">
        <v>53248</v>
      </c>
      <c r="E14014" s="1" t="s">
        <v>53249</v>
      </c>
      <c r="F14014" s="1" t="s">
        <v>53250</v>
      </c>
      <c r="G14014" s="1" t="s">
        <v>53179</v>
      </c>
      <c r="H14014" s="1" t="s">
        <v>53180</v>
      </c>
      <c r="I14014" s="1" t="s">
        <v>52177</v>
      </c>
      <c r="J14014" s="1" t="s">
        <v>53251</v>
      </c>
    </row>
    <row r="14015" spans="1:10" x14ac:dyDescent="0.35">
      <c r="A14015" s="1" t="s">
        <v>53175</v>
      </c>
      <c r="B14015" s="1" t="s">
        <v>52171</v>
      </c>
      <c r="C14015" s="1" t="s">
        <v>115</v>
      </c>
      <c r="D14015" s="1" t="s">
        <v>2706</v>
      </c>
      <c r="E14015" s="1" t="s">
        <v>53252</v>
      </c>
      <c r="F14015" s="1" t="s">
        <v>53253</v>
      </c>
      <c r="G14015" s="1" t="s">
        <v>53179</v>
      </c>
      <c r="H14015" s="1" t="s">
        <v>53180</v>
      </c>
      <c r="I14015" s="1" t="s">
        <v>52177</v>
      </c>
      <c r="J14015" s="1" t="s">
        <v>53254</v>
      </c>
    </row>
    <row r="14016" spans="1:10" x14ac:dyDescent="0.35">
      <c r="A14016" s="1" t="s">
        <v>53175</v>
      </c>
      <c r="B14016" s="1" t="s">
        <v>52171</v>
      </c>
      <c r="C14016" s="1" t="s">
        <v>120</v>
      </c>
      <c r="D14016" s="1" t="s">
        <v>53255</v>
      </c>
      <c r="E14016" s="1" t="s">
        <v>53256</v>
      </c>
      <c r="F14016" s="1" t="s">
        <v>53257</v>
      </c>
      <c r="G14016" s="1" t="s">
        <v>53179</v>
      </c>
      <c r="H14016" s="1" t="s">
        <v>53180</v>
      </c>
      <c r="I14016" s="1" t="s">
        <v>52177</v>
      </c>
      <c r="J14016" s="1" t="s">
        <v>53258</v>
      </c>
    </row>
    <row r="14017" spans="1:10" x14ac:dyDescent="0.35">
      <c r="A14017" s="1" t="s">
        <v>53175</v>
      </c>
      <c r="B14017" s="1" t="s">
        <v>52171</v>
      </c>
      <c r="C14017" s="1" t="s">
        <v>125</v>
      </c>
      <c r="D14017" s="1" t="s">
        <v>53259</v>
      </c>
      <c r="E14017" s="1" t="s">
        <v>53260</v>
      </c>
      <c r="F14017" s="1" t="s">
        <v>53261</v>
      </c>
      <c r="G14017" s="1" t="s">
        <v>53179</v>
      </c>
      <c r="H14017" s="1" t="s">
        <v>53180</v>
      </c>
      <c r="I14017" s="1" t="s">
        <v>52177</v>
      </c>
      <c r="J14017" s="1" t="s">
        <v>53262</v>
      </c>
    </row>
    <row r="14018" spans="1:10" x14ac:dyDescent="0.35">
      <c r="A14018" s="1" t="s">
        <v>53175</v>
      </c>
      <c r="B14018" s="1" t="s">
        <v>52171</v>
      </c>
      <c r="C14018" s="1" t="s">
        <v>130</v>
      </c>
      <c r="D14018" s="1" t="s">
        <v>53263</v>
      </c>
      <c r="E14018" s="1" t="s">
        <v>53264</v>
      </c>
      <c r="F14018" s="1" t="s">
        <v>53265</v>
      </c>
      <c r="G14018" s="1" t="s">
        <v>53179</v>
      </c>
      <c r="H14018" s="1" t="s">
        <v>53180</v>
      </c>
      <c r="I14018" s="1" t="s">
        <v>52177</v>
      </c>
      <c r="J14018" s="1" t="s">
        <v>53266</v>
      </c>
    </row>
    <row r="14019" spans="1:10" x14ac:dyDescent="0.35">
      <c r="A14019" s="1" t="s">
        <v>53175</v>
      </c>
      <c r="B14019" s="1" t="s">
        <v>52171</v>
      </c>
      <c r="C14019" s="1" t="s">
        <v>135</v>
      </c>
      <c r="D14019" s="1" t="s">
        <v>53267</v>
      </c>
      <c r="E14019" s="1" t="s">
        <v>53268</v>
      </c>
      <c r="F14019" s="1" t="s">
        <v>53269</v>
      </c>
      <c r="G14019" s="1" t="s">
        <v>53179</v>
      </c>
      <c r="H14019" s="1" t="s">
        <v>53180</v>
      </c>
      <c r="I14019" s="1" t="s">
        <v>52177</v>
      </c>
      <c r="J14019" s="1" t="s">
        <v>53270</v>
      </c>
    </row>
    <row r="14020" spans="1:10" x14ac:dyDescent="0.35">
      <c r="A14020" s="1" t="s">
        <v>53175</v>
      </c>
      <c r="B14020" s="1" t="s">
        <v>52171</v>
      </c>
      <c r="C14020" s="1" t="s">
        <v>140</v>
      </c>
      <c r="D14020" s="1" t="s">
        <v>53271</v>
      </c>
      <c r="E14020" s="1" t="s">
        <v>53272</v>
      </c>
      <c r="F14020" s="1" t="s">
        <v>53273</v>
      </c>
      <c r="G14020" s="1" t="s">
        <v>53179</v>
      </c>
      <c r="H14020" s="1" t="s">
        <v>53180</v>
      </c>
      <c r="I14020" s="1" t="s">
        <v>52177</v>
      </c>
      <c r="J14020" s="1" t="s">
        <v>53274</v>
      </c>
    </row>
    <row r="14021" spans="1:10" x14ac:dyDescent="0.35">
      <c r="A14021" s="1" t="s">
        <v>53175</v>
      </c>
      <c r="B14021" s="1" t="s">
        <v>52171</v>
      </c>
      <c r="C14021" s="1" t="s">
        <v>145</v>
      </c>
      <c r="D14021" s="1" t="s">
        <v>53275</v>
      </c>
      <c r="E14021" s="1" t="s">
        <v>53276</v>
      </c>
      <c r="F14021" s="1" t="s">
        <v>53277</v>
      </c>
      <c r="G14021" s="1" t="s">
        <v>53179</v>
      </c>
      <c r="H14021" s="1" t="s">
        <v>53180</v>
      </c>
      <c r="I14021" s="1" t="s">
        <v>52177</v>
      </c>
      <c r="J14021" s="1" t="s">
        <v>53278</v>
      </c>
    </row>
    <row r="14022" spans="1:10" x14ac:dyDescent="0.35">
      <c r="A14022" s="1" t="s">
        <v>53175</v>
      </c>
      <c r="B14022" s="1" t="s">
        <v>52171</v>
      </c>
      <c r="C14022" s="1" t="s">
        <v>150</v>
      </c>
      <c r="D14022" s="1" t="s">
        <v>52281</v>
      </c>
      <c r="E14022" s="1" t="s">
        <v>53279</v>
      </c>
      <c r="F14022" s="1" t="s">
        <v>53280</v>
      </c>
      <c r="G14022" s="1" t="s">
        <v>53179</v>
      </c>
      <c r="H14022" s="1" t="s">
        <v>53180</v>
      </c>
      <c r="I14022" s="1" t="s">
        <v>52177</v>
      </c>
      <c r="J14022" s="1" t="s">
        <v>53281</v>
      </c>
    </row>
    <row r="14023" spans="1:10" x14ac:dyDescent="0.35">
      <c r="A14023" s="1" t="s">
        <v>53175</v>
      </c>
      <c r="B14023" s="1" t="s">
        <v>52171</v>
      </c>
      <c r="C14023" s="1" t="s">
        <v>155</v>
      </c>
      <c r="D14023" s="1" t="s">
        <v>53282</v>
      </c>
      <c r="E14023" s="1" t="s">
        <v>53283</v>
      </c>
      <c r="F14023" s="1" t="s">
        <v>53284</v>
      </c>
      <c r="G14023" s="1" t="s">
        <v>53179</v>
      </c>
      <c r="H14023" s="1" t="s">
        <v>53180</v>
      </c>
      <c r="I14023" s="1" t="s">
        <v>52177</v>
      </c>
      <c r="J14023" s="1" t="s">
        <v>53285</v>
      </c>
    </row>
    <row r="14024" spans="1:10" x14ac:dyDescent="0.35">
      <c r="A14024" s="1" t="s">
        <v>53175</v>
      </c>
      <c r="B14024" s="1" t="s">
        <v>52171</v>
      </c>
      <c r="C14024" s="1" t="s">
        <v>160</v>
      </c>
      <c r="D14024" s="1" t="s">
        <v>52289</v>
      </c>
      <c r="E14024" s="1" t="s">
        <v>53286</v>
      </c>
      <c r="F14024" s="1" t="s">
        <v>53287</v>
      </c>
      <c r="G14024" s="1" t="s">
        <v>53179</v>
      </c>
      <c r="H14024" s="1" t="s">
        <v>53180</v>
      </c>
      <c r="I14024" s="1" t="s">
        <v>52177</v>
      </c>
      <c r="J14024" s="1" t="s">
        <v>53288</v>
      </c>
    </row>
    <row r="14025" spans="1:10" x14ac:dyDescent="0.35">
      <c r="A14025" s="1" t="s">
        <v>53175</v>
      </c>
      <c r="B14025" s="1" t="s">
        <v>52171</v>
      </c>
      <c r="C14025" s="1" t="s">
        <v>165</v>
      </c>
      <c r="D14025" s="1" t="s">
        <v>39357</v>
      </c>
      <c r="E14025" s="1" t="s">
        <v>53289</v>
      </c>
      <c r="F14025" s="1" t="s">
        <v>53290</v>
      </c>
      <c r="G14025" s="1" t="s">
        <v>53179</v>
      </c>
      <c r="H14025" s="1" t="s">
        <v>53180</v>
      </c>
      <c r="I14025" s="1" t="s">
        <v>52177</v>
      </c>
      <c r="J14025" s="1" t="s">
        <v>52295</v>
      </c>
    </row>
    <row r="14026" spans="1:10" x14ac:dyDescent="0.35">
      <c r="A14026" s="1" t="s">
        <v>53175</v>
      </c>
      <c r="B14026" s="1" t="s">
        <v>52171</v>
      </c>
      <c r="C14026" s="1" t="s">
        <v>170</v>
      </c>
      <c r="D14026" s="1" t="s">
        <v>52296</v>
      </c>
      <c r="E14026" s="1" t="s">
        <v>53291</v>
      </c>
      <c r="F14026" s="1" t="s">
        <v>53292</v>
      </c>
      <c r="G14026" s="1" t="s">
        <v>53179</v>
      </c>
      <c r="H14026" s="1" t="s">
        <v>53180</v>
      </c>
      <c r="I14026" s="1" t="s">
        <v>52177</v>
      </c>
      <c r="J14026" s="1" t="s">
        <v>52299</v>
      </c>
    </row>
    <row r="14027" spans="1:10" x14ac:dyDescent="0.35">
      <c r="A14027" s="1" t="s">
        <v>51154</v>
      </c>
      <c r="B14027" s="1" t="s">
        <v>52171</v>
      </c>
      <c r="C14027" s="1" t="s">
        <v>8</v>
      </c>
      <c r="D14027" s="1" t="s">
        <v>53293</v>
      </c>
      <c r="E14027" s="1" t="s">
        <v>53294</v>
      </c>
      <c r="F14027" s="1" t="s">
        <v>53295</v>
      </c>
      <c r="G14027" s="1" t="s">
        <v>53296</v>
      </c>
      <c r="H14027" s="1" t="s">
        <v>53297</v>
      </c>
      <c r="I14027" s="1" t="s">
        <v>52177</v>
      </c>
      <c r="J14027" s="1" t="s">
        <v>13</v>
      </c>
    </row>
    <row r="14028" spans="1:10" x14ac:dyDescent="0.35">
      <c r="A14028" s="1" t="s">
        <v>51154</v>
      </c>
      <c r="B14028" s="1" t="s">
        <v>52171</v>
      </c>
      <c r="C14028" s="1" t="s">
        <v>15</v>
      </c>
      <c r="D14028" s="1" t="s">
        <v>53298</v>
      </c>
      <c r="E14028" s="1" t="s">
        <v>53299</v>
      </c>
      <c r="F14028" s="1" t="s">
        <v>53300</v>
      </c>
      <c r="G14028" s="1" t="s">
        <v>53296</v>
      </c>
      <c r="H14028" s="1" t="s">
        <v>53297</v>
      </c>
      <c r="I14028" s="1" t="s">
        <v>52177</v>
      </c>
      <c r="J14028" s="1" t="s">
        <v>53301</v>
      </c>
    </row>
    <row r="14029" spans="1:10" x14ac:dyDescent="0.35">
      <c r="A14029" s="1" t="s">
        <v>51154</v>
      </c>
      <c r="B14029" s="1" t="s">
        <v>52171</v>
      </c>
      <c r="C14029" s="1" t="s">
        <v>20</v>
      </c>
      <c r="D14029" s="1" t="s">
        <v>53302</v>
      </c>
      <c r="E14029" s="1" t="s">
        <v>53303</v>
      </c>
      <c r="F14029" s="1" t="s">
        <v>53304</v>
      </c>
      <c r="G14029" s="1" t="s">
        <v>53296</v>
      </c>
      <c r="H14029" s="1" t="s">
        <v>53297</v>
      </c>
      <c r="I14029" s="1" t="s">
        <v>52177</v>
      </c>
      <c r="J14029" s="1" t="s">
        <v>53305</v>
      </c>
    </row>
    <row r="14030" spans="1:10" x14ac:dyDescent="0.35">
      <c r="A14030" s="1" t="s">
        <v>51154</v>
      </c>
      <c r="B14030" s="1" t="s">
        <v>52171</v>
      </c>
      <c r="C14030" s="1" t="s">
        <v>25</v>
      </c>
      <c r="D14030" s="1" t="s">
        <v>53306</v>
      </c>
      <c r="E14030" s="1" t="s">
        <v>53307</v>
      </c>
      <c r="F14030" s="1" t="s">
        <v>53308</v>
      </c>
      <c r="G14030" s="1" t="s">
        <v>53296</v>
      </c>
      <c r="H14030" s="1" t="s">
        <v>53297</v>
      </c>
      <c r="I14030" s="1" t="s">
        <v>52177</v>
      </c>
      <c r="J14030" s="1" t="s">
        <v>53309</v>
      </c>
    </row>
    <row r="14031" spans="1:10" x14ac:dyDescent="0.35">
      <c r="A14031" s="1" t="s">
        <v>51154</v>
      </c>
      <c r="B14031" s="1" t="s">
        <v>52171</v>
      </c>
      <c r="C14031" s="1" t="s">
        <v>30</v>
      </c>
      <c r="D14031" s="1" t="s">
        <v>53310</v>
      </c>
      <c r="E14031" s="1" t="s">
        <v>53311</v>
      </c>
      <c r="F14031" s="1" t="s">
        <v>53312</v>
      </c>
      <c r="G14031" s="1" t="s">
        <v>53296</v>
      </c>
      <c r="H14031" s="1" t="s">
        <v>53297</v>
      </c>
      <c r="I14031" s="1" t="s">
        <v>52177</v>
      </c>
      <c r="J14031" s="1" t="s">
        <v>53313</v>
      </c>
    </row>
    <row r="14032" spans="1:10" x14ac:dyDescent="0.35">
      <c r="A14032" s="1" t="s">
        <v>51154</v>
      </c>
      <c r="B14032" s="1" t="s">
        <v>52171</v>
      </c>
      <c r="C14032" s="1" t="s">
        <v>35</v>
      </c>
      <c r="D14032" s="1" t="s">
        <v>53314</v>
      </c>
      <c r="E14032" s="1" t="s">
        <v>53315</v>
      </c>
      <c r="F14032" s="1" t="s">
        <v>53316</v>
      </c>
      <c r="G14032" s="1" t="s">
        <v>53296</v>
      </c>
      <c r="H14032" s="1" t="s">
        <v>53297</v>
      </c>
      <c r="I14032" s="1" t="s">
        <v>52177</v>
      </c>
      <c r="J14032" s="1" t="s">
        <v>53317</v>
      </c>
    </row>
    <row r="14033" spans="1:10" x14ac:dyDescent="0.35">
      <c r="A14033" s="1" t="s">
        <v>51154</v>
      </c>
      <c r="B14033" s="1" t="s">
        <v>52171</v>
      </c>
      <c r="C14033" s="1" t="s">
        <v>40</v>
      </c>
      <c r="D14033" s="1" t="s">
        <v>53318</v>
      </c>
      <c r="E14033" s="1" t="s">
        <v>53319</v>
      </c>
      <c r="F14033" s="1" t="s">
        <v>53320</v>
      </c>
      <c r="G14033" s="1" t="s">
        <v>53296</v>
      </c>
      <c r="H14033" s="1" t="s">
        <v>53297</v>
      </c>
      <c r="I14033" s="1" t="s">
        <v>52177</v>
      </c>
      <c r="J14033" s="1" t="s">
        <v>53321</v>
      </c>
    </row>
    <row r="14034" spans="1:10" x14ac:dyDescent="0.35">
      <c r="A14034" s="1" t="s">
        <v>51154</v>
      </c>
      <c r="B14034" s="1" t="s">
        <v>52171</v>
      </c>
      <c r="C14034" s="1" t="s">
        <v>45</v>
      </c>
      <c r="D14034" s="1" t="s">
        <v>52200</v>
      </c>
      <c r="E14034" s="1" t="s">
        <v>53322</v>
      </c>
      <c r="F14034" s="1" t="s">
        <v>53323</v>
      </c>
      <c r="G14034" s="1" t="s">
        <v>53296</v>
      </c>
      <c r="H14034" s="1" t="s">
        <v>53297</v>
      </c>
      <c r="I14034" s="1" t="s">
        <v>52177</v>
      </c>
      <c r="J14034" s="1" t="s">
        <v>53324</v>
      </c>
    </row>
    <row r="14035" spans="1:10" x14ac:dyDescent="0.35">
      <c r="A14035" s="1" t="s">
        <v>51154</v>
      </c>
      <c r="B14035" s="1" t="s">
        <v>52171</v>
      </c>
      <c r="C14035" s="1" t="s">
        <v>50</v>
      </c>
      <c r="D14035" s="1" t="s">
        <v>53325</v>
      </c>
      <c r="E14035" s="1" t="s">
        <v>53326</v>
      </c>
      <c r="F14035" s="1" t="s">
        <v>53327</v>
      </c>
      <c r="G14035" s="1" t="s">
        <v>53296</v>
      </c>
      <c r="H14035" s="1" t="s">
        <v>53297</v>
      </c>
      <c r="I14035" s="1" t="s">
        <v>52177</v>
      </c>
      <c r="J14035" s="1" t="s">
        <v>53328</v>
      </c>
    </row>
    <row r="14036" spans="1:10" x14ac:dyDescent="0.35">
      <c r="A14036" s="1" t="s">
        <v>51154</v>
      </c>
      <c r="B14036" s="1" t="s">
        <v>52171</v>
      </c>
      <c r="C14036" s="1" t="s">
        <v>55</v>
      </c>
      <c r="D14036" s="1" t="s">
        <v>52334</v>
      </c>
      <c r="E14036" s="1" t="s">
        <v>53329</v>
      </c>
      <c r="F14036" s="1" t="s">
        <v>53330</v>
      </c>
      <c r="G14036" s="1" t="s">
        <v>53296</v>
      </c>
      <c r="H14036" s="1" t="s">
        <v>53297</v>
      </c>
      <c r="I14036" s="1" t="s">
        <v>52177</v>
      </c>
      <c r="J14036" s="1" t="s">
        <v>53331</v>
      </c>
    </row>
    <row r="14037" spans="1:10" x14ac:dyDescent="0.35">
      <c r="A14037" s="1" t="s">
        <v>51154</v>
      </c>
      <c r="B14037" s="1" t="s">
        <v>52171</v>
      </c>
      <c r="C14037" s="1" t="s">
        <v>60</v>
      </c>
      <c r="D14037" s="1" t="s">
        <v>52212</v>
      </c>
      <c r="E14037" s="1" t="s">
        <v>53332</v>
      </c>
      <c r="F14037" s="1" t="s">
        <v>53333</v>
      </c>
      <c r="G14037" s="1" t="s">
        <v>53296</v>
      </c>
      <c r="H14037" s="1" t="s">
        <v>53297</v>
      </c>
      <c r="I14037" s="1" t="s">
        <v>52177</v>
      </c>
      <c r="J14037" s="1" t="s">
        <v>53334</v>
      </c>
    </row>
    <row r="14038" spans="1:10" x14ac:dyDescent="0.35">
      <c r="A14038" s="1" t="s">
        <v>51154</v>
      </c>
      <c r="B14038" s="1" t="s">
        <v>52171</v>
      </c>
      <c r="C14038" s="1" t="s">
        <v>65</v>
      </c>
      <c r="D14038" s="1" t="s">
        <v>53335</v>
      </c>
      <c r="E14038" s="1" t="s">
        <v>53336</v>
      </c>
      <c r="F14038" s="1" t="s">
        <v>53337</v>
      </c>
      <c r="G14038" s="1" t="s">
        <v>53296</v>
      </c>
      <c r="H14038" s="1" t="s">
        <v>53297</v>
      </c>
      <c r="I14038" s="1" t="s">
        <v>52177</v>
      </c>
      <c r="J14038" s="1" t="s">
        <v>53338</v>
      </c>
    </row>
    <row r="14039" spans="1:10" x14ac:dyDescent="0.35">
      <c r="A14039" s="1" t="s">
        <v>51154</v>
      </c>
      <c r="B14039" s="1" t="s">
        <v>52171</v>
      </c>
      <c r="C14039" s="1" t="s">
        <v>70</v>
      </c>
      <c r="D14039" s="1" t="s">
        <v>53339</v>
      </c>
      <c r="E14039" s="1" t="s">
        <v>53340</v>
      </c>
      <c r="F14039" s="1" t="s">
        <v>53341</v>
      </c>
      <c r="G14039" s="1" t="s">
        <v>53296</v>
      </c>
      <c r="H14039" s="1" t="s">
        <v>53297</v>
      </c>
      <c r="I14039" s="1" t="s">
        <v>52177</v>
      </c>
      <c r="J14039" s="1" t="s">
        <v>53342</v>
      </c>
    </row>
    <row r="14040" spans="1:10" x14ac:dyDescent="0.35">
      <c r="A14040" s="1" t="s">
        <v>51154</v>
      </c>
      <c r="B14040" s="1" t="s">
        <v>52171</v>
      </c>
      <c r="C14040" s="1" t="s">
        <v>75</v>
      </c>
      <c r="D14040" s="1" t="s">
        <v>53343</v>
      </c>
      <c r="E14040" s="1" t="s">
        <v>53344</v>
      </c>
      <c r="F14040" s="1" t="s">
        <v>53345</v>
      </c>
      <c r="G14040" s="1" t="s">
        <v>53296</v>
      </c>
      <c r="H14040" s="1" t="s">
        <v>53297</v>
      </c>
      <c r="I14040" s="1" t="s">
        <v>52177</v>
      </c>
      <c r="J14040" s="1" t="s">
        <v>53346</v>
      </c>
    </row>
    <row r="14041" spans="1:10" x14ac:dyDescent="0.35">
      <c r="A14041" s="1" t="s">
        <v>51154</v>
      </c>
      <c r="B14041" s="1" t="s">
        <v>52171</v>
      </c>
      <c r="C14041" s="1" t="s">
        <v>80</v>
      </c>
      <c r="D14041" s="1" t="s">
        <v>53347</v>
      </c>
      <c r="E14041" s="1" t="s">
        <v>53348</v>
      </c>
      <c r="F14041" s="1" t="s">
        <v>53349</v>
      </c>
      <c r="G14041" s="1" t="s">
        <v>53296</v>
      </c>
      <c r="H14041" s="1" t="s">
        <v>53297</v>
      </c>
      <c r="I14041" s="1" t="s">
        <v>52177</v>
      </c>
      <c r="J14041" s="1" t="s">
        <v>53350</v>
      </c>
    </row>
    <row r="14042" spans="1:10" x14ac:dyDescent="0.35">
      <c r="A14042" s="1" t="s">
        <v>51154</v>
      </c>
      <c r="B14042" s="1" t="s">
        <v>52171</v>
      </c>
      <c r="C14042" s="1" t="s">
        <v>85</v>
      </c>
      <c r="D14042" s="1" t="s">
        <v>23464</v>
      </c>
      <c r="E14042" s="1" t="s">
        <v>53351</v>
      </c>
      <c r="F14042" s="1" t="s">
        <v>53352</v>
      </c>
      <c r="G14042" s="1" t="s">
        <v>53296</v>
      </c>
      <c r="H14042" s="1" t="s">
        <v>53297</v>
      </c>
      <c r="I14042" s="1" t="s">
        <v>52177</v>
      </c>
      <c r="J14042" s="1" t="s">
        <v>53353</v>
      </c>
    </row>
    <row r="14043" spans="1:10" x14ac:dyDescent="0.35">
      <c r="A14043" s="1" t="s">
        <v>51154</v>
      </c>
      <c r="B14043" s="1" t="s">
        <v>52171</v>
      </c>
      <c r="C14043" s="1" t="s">
        <v>90</v>
      </c>
      <c r="D14043" s="1" t="s">
        <v>53354</v>
      </c>
      <c r="E14043" s="1" t="s">
        <v>53355</v>
      </c>
      <c r="F14043" s="1" t="s">
        <v>53356</v>
      </c>
      <c r="G14043" s="1" t="s">
        <v>53296</v>
      </c>
      <c r="H14043" s="1" t="s">
        <v>53297</v>
      </c>
      <c r="I14043" s="1" t="s">
        <v>52177</v>
      </c>
      <c r="J14043" s="1" t="s">
        <v>53357</v>
      </c>
    </row>
    <row r="14044" spans="1:10" x14ac:dyDescent="0.35">
      <c r="A14044" s="1" t="s">
        <v>51154</v>
      </c>
      <c r="B14044" s="1" t="s">
        <v>52171</v>
      </c>
      <c r="C14044" s="1" t="s">
        <v>95</v>
      </c>
      <c r="D14044" s="1" t="s">
        <v>53358</v>
      </c>
      <c r="E14044" s="1" t="s">
        <v>53359</v>
      </c>
      <c r="F14044" s="1" t="s">
        <v>53360</v>
      </c>
      <c r="G14044" s="1" t="s">
        <v>53296</v>
      </c>
      <c r="H14044" s="1" t="s">
        <v>53297</v>
      </c>
      <c r="I14044" s="1" t="s">
        <v>52177</v>
      </c>
      <c r="J14044" s="1" t="s">
        <v>53361</v>
      </c>
    </row>
    <row r="14045" spans="1:10" x14ac:dyDescent="0.35">
      <c r="A14045" s="1" t="s">
        <v>51154</v>
      </c>
      <c r="B14045" s="1" t="s">
        <v>52171</v>
      </c>
      <c r="C14045" s="1" t="s">
        <v>100</v>
      </c>
      <c r="D14045" s="1" t="s">
        <v>53362</v>
      </c>
      <c r="E14045" s="1" t="s">
        <v>53363</v>
      </c>
      <c r="F14045" s="1" t="s">
        <v>53364</v>
      </c>
      <c r="G14045" s="1" t="s">
        <v>53296</v>
      </c>
      <c r="H14045" s="1" t="s">
        <v>53297</v>
      </c>
      <c r="I14045" s="1" t="s">
        <v>52177</v>
      </c>
      <c r="J14045" s="1" t="s">
        <v>53365</v>
      </c>
    </row>
    <row r="14046" spans="1:10" x14ac:dyDescent="0.35">
      <c r="A14046" s="1" t="s">
        <v>51154</v>
      </c>
      <c r="B14046" s="1" t="s">
        <v>52171</v>
      </c>
      <c r="C14046" s="1" t="s">
        <v>105</v>
      </c>
      <c r="D14046" s="1" t="s">
        <v>53366</v>
      </c>
      <c r="E14046" s="1" t="s">
        <v>53367</v>
      </c>
      <c r="F14046" s="1" t="s">
        <v>53368</v>
      </c>
      <c r="G14046" s="1" t="s">
        <v>53296</v>
      </c>
      <c r="H14046" s="1" t="s">
        <v>53297</v>
      </c>
      <c r="I14046" s="1" t="s">
        <v>52177</v>
      </c>
      <c r="J14046" s="1" t="s">
        <v>53369</v>
      </c>
    </row>
    <row r="14047" spans="1:10" x14ac:dyDescent="0.35">
      <c r="A14047" s="1" t="s">
        <v>51154</v>
      </c>
      <c r="B14047" s="1" t="s">
        <v>52171</v>
      </c>
      <c r="C14047" s="1" t="s">
        <v>110</v>
      </c>
      <c r="D14047" s="1" t="s">
        <v>53370</v>
      </c>
      <c r="E14047" s="1" t="s">
        <v>53371</v>
      </c>
      <c r="F14047" s="1" t="s">
        <v>53372</v>
      </c>
      <c r="G14047" s="1" t="s">
        <v>53296</v>
      </c>
      <c r="H14047" s="1" t="s">
        <v>53297</v>
      </c>
      <c r="I14047" s="1" t="s">
        <v>52177</v>
      </c>
      <c r="J14047" s="1" t="s">
        <v>53373</v>
      </c>
    </row>
    <row r="14048" spans="1:10" x14ac:dyDescent="0.35">
      <c r="A14048" s="1" t="s">
        <v>51154</v>
      </c>
      <c r="B14048" s="1" t="s">
        <v>52171</v>
      </c>
      <c r="C14048" s="1" t="s">
        <v>115</v>
      </c>
      <c r="D14048" s="1" t="s">
        <v>53374</v>
      </c>
      <c r="E14048" s="1" t="s">
        <v>53375</v>
      </c>
      <c r="F14048" s="1" t="s">
        <v>53376</v>
      </c>
      <c r="G14048" s="1" t="s">
        <v>53296</v>
      </c>
      <c r="H14048" s="1" t="s">
        <v>53297</v>
      </c>
      <c r="I14048" s="1" t="s">
        <v>52177</v>
      </c>
      <c r="J14048" s="1" t="s">
        <v>53377</v>
      </c>
    </row>
    <row r="14049" spans="1:10" x14ac:dyDescent="0.35">
      <c r="A14049" s="1" t="s">
        <v>51154</v>
      </c>
      <c r="B14049" s="1" t="s">
        <v>52171</v>
      </c>
      <c r="C14049" s="1" t="s">
        <v>120</v>
      </c>
      <c r="D14049" s="1" t="s">
        <v>22543</v>
      </c>
      <c r="E14049" s="1" t="s">
        <v>53378</v>
      </c>
      <c r="F14049" s="1" t="s">
        <v>53379</v>
      </c>
      <c r="G14049" s="1" t="s">
        <v>53296</v>
      </c>
      <c r="H14049" s="1" t="s">
        <v>53297</v>
      </c>
      <c r="I14049" s="1" t="s">
        <v>52177</v>
      </c>
      <c r="J14049" s="1" t="s">
        <v>53380</v>
      </c>
    </row>
    <row r="14050" spans="1:10" x14ac:dyDescent="0.35">
      <c r="A14050" s="1" t="s">
        <v>51154</v>
      </c>
      <c r="B14050" s="1" t="s">
        <v>52171</v>
      </c>
      <c r="C14050" s="1" t="s">
        <v>125</v>
      </c>
      <c r="D14050" s="1" t="s">
        <v>53381</v>
      </c>
      <c r="E14050" s="1" t="s">
        <v>53382</v>
      </c>
      <c r="F14050" s="1" t="s">
        <v>53383</v>
      </c>
      <c r="G14050" s="1" t="s">
        <v>53296</v>
      </c>
      <c r="H14050" s="1" t="s">
        <v>53297</v>
      </c>
      <c r="I14050" s="1" t="s">
        <v>52177</v>
      </c>
      <c r="J14050" s="1" t="s">
        <v>53384</v>
      </c>
    </row>
    <row r="14051" spans="1:10" x14ac:dyDescent="0.35">
      <c r="A14051" s="1" t="s">
        <v>51154</v>
      </c>
      <c r="B14051" s="1" t="s">
        <v>52171</v>
      </c>
      <c r="C14051" s="1" t="s">
        <v>130</v>
      </c>
      <c r="D14051" s="1" t="s">
        <v>53385</v>
      </c>
      <c r="E14051" s="1" t="s">
        <v>53386</v>
      </c>
      <c r="F14051" s="1" t="s">
        <v>53387</v>
      </c>
      <c r="G14051" s="1" t="s">
        <v>53296</v>
      </c>
      <c r="H14051" s="1" t="s">
        <v>53297</v>
      </c>
      <c r="I14051" s="1" t="s">
        <v>52177</v>
      </c>
      <c r="J14051" s="1" t="s">
        <v>53388</v>
      </c>
    </row>
    <row r="14052" spans="1:10" x14ac:dyDescent="0.35">
      <c r="A14052" s="1" t="s">
        <v>51154</v>
      </c>
      <c r="B14052" s="1" t="s">
        <v>52171</v>
      </c>
      <c r="C14052" s="1" t="s">
        <v>135</v>
      </c>
      <c r="D14052" s="1" t="s">
        <v>26913</v>
      </c>
      <c r="E14052" s="1" t="s">
        <v>53389</v>
      </c>
      <c r="F14052" s="1" t="s">
        <v>53390</v>
      </c>
      <c r="G14052" s="1" t="s">
        <v>53296</v>
      </c>
      <c r="H14052" s="1" t="s">
        <v>53297</v>
      </c>
      <c r="I14052" s="1" t="s">
        <v>52177</v>
      </c>
      <c r="J14052" s="1" t="s">
        <v>53391</v>
      </c>
    </row>
    <row r="14053" spans="1:10" x14ac:dyDescent="0.35">
      <c r="A14053" s="1" t="s">
        <v>51154</v>
      </c>
      <c r="B14053" s="1" t="s">
        <v>52171</v>
      </c>
      <c r="C14053" s="1" t="s">
        <v>140</v>
      </c>
      <c r="D14053" s="1" t="s">
        <v>53392</v>
      </c>
      <c r="E14053" s="1" t="s">
        <v>53393</v>
      </c>
      <c r="F14053" s="1" t="s">
        <v>53394</v>
      </c>
      <c r="G14053" s="1" t="s">
        <v>53296</v>
      </c>
      <c r="H14053" s="1" t="s">
        <v>53297</v>
      </c>
      <c r="I14053" s="1" t="s">
        <v>52177</v>
      </c>
      <c r="J14053" s="1" t="s">
        <v>53395</v>
      </c>
    </row>
    <row r="14054" spans="1:10" x14ac:dyDescent="0.35">
      <c r="A14054" s="1" t="s">
        <v>51154</v>
      </c>
      <c r="B14054" s="1" t="s">
        <v>52171</v>
      </c>
      <c r="C14054" s="1" t="s">
        <v>145</v>
      </c>
      <c r="D14054" s="1" t="s">
        <v>53396</v>
      </c>
      <c r="E14054" s="1" t="s">
        <v>53397</v>
      </c>
      <c r="F14054" s="1" t="s">
        <v>53398</v>
      </c>
      <c r="G14054" s="1" t="s">
        <v>53296</v>
      </c>
      <c r="H14054" s="1" t="s">
        <v>53297</v>
      </c>
      <c r="I14054" s="1" t="s">
        <v>52177</v>
      </c>
      <c r="J14054" s="1" t="s">
        <v>53399</v>
      </c>
    </row>
    <row r="14055" spans="1:10" x14ac:dyDescent="0.35">
      <c r="A14055" s="1" t="s">
        <v>51154</v>
      </c>
      <c r="B14055" s="1" t="s">
        <v>52171</v>
      </c>
      <c r="C14055" s="1" t="s">
        <v>150</v>
      </c>
      <c r="D14055" s="1" t="s">
        <v>53400</v>
      </c>
      <c r="E14055" s="1" t="s">
        <v>53401</v>
      </c>
      <c r="F14055" s="1" t="s">
        <v>53402</v>
      </c>
      <c r="G14055" s="1" t="s">
        <v>53296</v>
      </c>
      <c r="H14055" s="1" t="s">
        <v>53297</v>
      </c>
      <c r="I14055" s="1" t="s">
        <v>52177</v>
      </c>
      <c r="J14055" s="1" t="s">
        <v>53403</v>
      </c>
    </row>
    <row r="14056" spans="1:10" x14ac:dyDescent="0.35">
      <c r="A14056" s="1" t="s">
        <v>51154</v>
      </c>
      <c r="B14056" s="1" t="s">
        <v>52171</v>
      </c>
      <c r="C14056" s="1" t="s">
        <v>155</v>
      </c>
      <c r="D14056" s="1" t="s">
        <v>53404</v>
      </c>
      <c r="E14056" s="1" t="s">
        <v>53405</v>
      </c>
      <c r="F14056" s="1" t="s">
        <v>53406</v>
      </c>
      <c r="G14056" s="1" t="s">
        <v>53296</v>
      </c>
      <c r="H14056" s="1" t="s">
        <v>53297</v>
      </c>
      <c r="I14056" s="1" t="s">
        <v>52177</v>
      </c>
      <c r="J14056" s="1" t="s">
        <v>53407</v>
      </c>
    </row>
    <row r="14057" spans="1:10" x14ac:dyDescent="0.35">
      <c r="A14057" s="1" t="s">
        <v>51154</v>
      </c>
      <c r="B14057" s="1" t="s">
        <v>52171</v>
      </c>
      <c r="C14057" s="1" t="s">
        <v>160</v>
      </c>
      <c r="D14057" s="1" t="s">
        <v>53408</v>
      </c>
      <c r="E14057" s="1" t="s">
        <v>53409</v>
      </c>
      <c r="F14057" s="1" t="s">
        <v>53410</v>
      </c>
      <c r="G14057" s="1" t="s">
        <v>53296</v>
      </c>
      <c r="H14057" s="1" t="s">
        <v>53297</v>
      </c>
      <c r="I14057" s="1" t="s">
        <v>52177</v>
      </c>
      <c r="J14057" s="1" t="s">
        <v>53411</v>
      </c>
    </row>
    <row r="14058" spans="1:10" x14ac:dyDescent="0.35">
      <c r="A14058" s="1" t="s">
        <v>51154</v>
      </c>
      <c r="B14058" s="1" t="s">
        <v>52171</v>
      </c>
      <c r="C14058" s="1" t="s">
        <v>165</v>
      </c>
      <c r="D14058" s="1" t="s">
        <v>53412</v>
      </c>
      <c r="E14058" s="1" t="s">
        <v>53413</v>
      </c>
      <c r="F14058" s="1" t="s">
        <v>53414</v>
      </c>
      <c r="G14058" s="1" t="s">
        <v>53296</v>
      </c>
      <c r="H14058" s="1" t="s">
        <v>53297</v>
      </c>
      <c r="I14058" s="1" t="s">
        <v>52177</v>
      </c>
      <c r="J14058" s="1" t="s">
        <v>53415</v>
      </c>
    </row>
    <row r="14059" spans="1:10" x14ac:dyDescent="0.35">
      <c r="A14059" s="1" t="s">
        <v>51154</v>
      </c>
      <c r="B14059" s="1" t="s">
        <v>52171</v>
      </c>
      <c r="C14059" s="1" t="s">
        <v>170</v>
      </c>
      <c r="D14059" s="1" t="s">
        <v>4854</v>
      </c>
      <c r="E14059" s="1" t="s">
        <v>53416</v>
      </c>
      <c r="F14059" s="1" t="s">
        <v>53417</v>
      </c>
      <c r="G14059" s="1" t="s">
        <v>53296</v>
      </c>
      <c r="H14059" s="1" t="s">
        <v>53297</v>
      </c>
      <c r="I14059" s="1" t="s">
        <v>52177</v>
      </c>
      <c r="J14059" s="1" t="s">
        <v>53418</v>
      </c>
    </row>
    <row r="14060" spans="1:10" x14ac:dyDescent="0.35">
      <c r="A14060" s="1" t="s">
        <v>53419</v>
      </c>
      <c r="B14060" s="1" t="s">
        <v>52171</v>
      </c>
      <c r="C14060" s="1" t="s">
        <v>8</v>
      </c>
      <c r="D14060" s="1" t="s">
        <v>53420</v>
      </c>
      <c r="E14060" s="1" t="s">
        <v>53421</v>
      </c>
      <c r="F14060" s="1" t="s">
        <v>53422</v>
      </c>
      <c r="G14060" s="1" t="s">
        <v>53423</v>
      </c>
      <c r="H14060" s="1" t="s">
        <v>53424</v>
      </c>
      <c r="I14060" s="1" t="s">
        <v>52177</v>
      </c>
      <c r="J14060" s="1" t="s">
        <v>13</v>
      </c>
    </row>
    <row r="14061" spans="1:10" x14ac:dyDescent="0.35">
      <c r="A14061" s="1" t="s">
        <v>53419</v>
      </c>
      <c r="B14061" s="1" t="s">
        <v>52171</v>
      </c>
      <c r="C14061" s="1" t="s">
        <v>15</v>
      </c>
      <c r="D14061" s="1" t="s">
        <v>53425</v>
      </c>
      <c r="E14061" s="1" t="s">
        <v>53426</v>
      </c>
      <c r="F14061" s="1" t="s">
        <v>53427</v>
      </c>
      <c r="G14061" s="1" t="s">
        <v>53423</v>
      </c>
      <c r="H14061" s="1" t="s">
        <v>53424</v>
      </c>
      <c r="I14061" s="1" t="s">
        <v>52177</v>
      </c>
      <c r="J14061" s="1" t="s">
        <v>53428</v>
      </c>
    </row>
    <row r="14062" spans="1:10" x14ac:dyDescent="0.35">
      <c r="A14062" s="1" t="s">
        <v>53419</v>
      </c>
      <c r="B14062" s="1" t="s">
        <v>52171</v>
      </c>
      <c r="C14062" s="1" t="s">
        <v>20</v>
      </c>
      <c r="D14062" s="1" t="s">
        <v>53429</v>
      </c>
      <c r="E14062" s="1" t="s">
        <v>53430</v>
      </c>
      <c r="F14062" s="1" t="s">
        <v>53431</v>
      </c>
      <c r="G14062" s="1" t="s">
        <v>53423</v>
      </c>
      <c r="H14062" s="1" t="s">
        <v>53424</v>
      </c>
      <c r="I14062" s="1" t="s">
        <v>52177</v>
      </c>
      <c r="J14062" s="1" t="s">
        <v>53432</v>
      </c>
    </row>
    <row r="14063" spans="1:10" x14ac:dyDescent="0.35">
      <c r="A14063" s="1" t="s">
        <v>53419</v>
      </c>
      <c r="B14063" s="1" t="s">
        <v>52171</v>
      </c>
      <c r="C14063" s="1" t="s">
        <v>25</v>
      </c>
      <c r="D14063" s="1" t="s">
        <v>53433</v>
      </c>
      <c r="E14063" s="1" t="s">
        <v>53434</v>
      </c>
      <c r="F14063" s="1" t="s">
        <v>53435</v>
      </c>
      <c r="G14063" s="1" t="s">
        <v>53423</v>
      </c>
      <c r="H14063" s="1" t="s">
        <v>53424</v>
      </c>
      <c r="I14063" s="1" t="s">
        <v>52177</v>
      </c>
      <c r="J14063" s="1" t="s">
        <v>53436</v>
      </c>
    </row>
    <row r="14064" spans="1:10" x14ac:dyDescent="0.35">
      <c r="A14064" s="1" t="s">
        <v>53419</v>
      </c>
      <c r="B14064" s="1" t="s">
        <v>52171</v>
      </c>
      <c r="C14064" s="1" t="s">
        <v>30</v>
      </c>
      <c r="D14064" s="1" t="s">
        <v>53437</v>
      </c>
      <c r="E14064" s="1" t="s">
        <v>53438</v>
      </c>
      <c r="F14064" s="1" t="s">
        <v>53439</v>
      </c>
      <c r="G14064" s="1" t="s">
        <v>53423</v>
      </c>
      <c r="H14064" s="1" t="s">
        <v>53424</v>
      </c>
      <c r="I14064" s="1" t="s">
        <v>52177</v>
      </c>
      <c r="J14064" s="1" t="s">
        <v>53440</v>
      </c>
    </row>
    <row r="14065" spans="1:10" x14ac:dyDescent="0.35">
      <c r="A14065" s="1" t="s">
        <v>53419</v>
      </c>
      <c r="B14065" s="1" t="s">
        <v>52171</v>
      </c>
      <c r="C14065" s="1" t="s">
        <v>35</v>
      </c>
      <c r="D14065" s="1" t="s">
        <v>52950</v>
      </c>
      <c r="E14065" s="1" t="s">
        <v>53441</v>
      </c>
      <c r="F14065" s="1" t="s">
        <v>53442</v>
      </c>
      <c r="G14065" s="1" t="s">
        <v>53423</v>
      </c>
      <c r="H14065" s="1" t="s">
        <v>53424</v>
      </c>
      <c r="I14065" s="1" t="s">
        <v>52177</v>
      </c>
      <c r="J14065" s="1" t="s">
        <v>53443</v>
      </c>
    </row>
    <row r="14066" spans="1:10" x14ac:dyDescent="0.35">
      <c r="A14066" s="1" t="s">
        <v>53419</v>
      </c>
      <c r="B14066" s="1" t="s">
        <v>52171</v>
      </c>
      <c r="C14066" s="1" t="s">
        <v>40</v>
      </c>
      <c r="D14066" s="1" t="s">
        <v>53201</v>
      </c>
      <c r="E14066" s="1" t="s">
        <v>53444</v>
      </c>
      <c r="F14066" s="1" t="s">
        <v>53445</v>
      </c>
      <c r="G14066" s="1" t="s">
        <v>53423</v>
      </c>
      <c r="H14066" s="1" t="s">
        <v>53424</v>
      </c>
      <c r="I14066" s="1" t="s">
        <v>52177</v>
      </c>
      <c r="J14066" s="1" t="s">
        <v>53446</v>
      </c>
    </row>
    <row r="14067" spans="1:10" x14ac:dyDescent="0.35">
      <c r="A14067" s="1" t="s">
        <v>53419</v>
      </c>
      <c r="B14067" s="1" t="s">
        <v>52171</v>
      </c>
      <c r="C14067" s="1" t="s">
        <v>45</v>
      </c>
      <c r="D14067" s="1" t="s">
        <v>53447</v>
      </c>
      <c r="E14067" s="1" t="s">
        <v>53448</v>
      </c>
      <c r="F14067" s="1" t="s">
        <v>53449</v>
      </c>
      <c r="G14067" s="1" t="s">
        <v>53423</v>
      </c>
      <c r="H14067" s="1" t="s">
        <v>53424</v>
      </c>
      <c r="I14067" s="1" t="s">
        <v>52177</v>
      </c>
      <c r="J14067" s="1" t="s">
        <v>53450</v>
      </c>
    </row>
    <row r="14068" spans="1:10" x14ac:dyDescent="0.35">
      <c r="A14068" s="1" t="s">
        <v>53419</v>
      </c>
      <c r="B14068" s="1" t="s">
        <v>52171</v>
      </c>
      <c r="C14068" s="1" t="s">
        <v>50</v>
      </c>
      <c r="D14068" s="1" t="s">
        <v>53451</v>
      </c>
      <c r="E14068" s="1" t="s">
        <v>53452</v>
      </c>
      <c r="F14068" s="1" t="s">
        <v>53453</v>
      </c>
      <c r="G14068" s="1" t="s">
        <v>53423</v>
      </c>
      <c r="H14068" s="1" t="s">
        <v>53424</v>
      </c>
      <c r="I14068" s="1" t="s">
        <v>52177</v>
      </c>
      <c r="J14068" s="1" t="s">
        <v>53454</v>
      </c>
    </row>
    <row r="14069" spans="1:10" x14ac:dyDescent="0.35">
      <c r="A14069" s="1" t="s">
        <v>53419</v>
      </c>
      <c r="B14069" s="1" t="s">
        <v>52171</v>
      </c>
      <c r="C14069" s="1" t="s">
        <v>55</v>
      </c>
      <c r="D14069" s="1" t="s">
        <v>53455</v>
      </c>
      <c r="E14069" s="1" t="s">
        <v>53456</v>
      </c>
      <c r="F14069" s="1" t="s">
        <v>53457</v>
      </c>
      <c r="G14069" s="1" t="s">
        <v>53423</v>
      </c>
      <c r="H14069" s="1" t="s">
        <v>53424</v>
      </c>
      <c r="I14069" s="1" t="s">
        <v>52177</v>
      </c>
      <c r="J14069" s="1" t="s">
        <v>53458</v>
      </c>
    </row>
    <row r="14070" spans="1:10" x14ac:dyDescent="0.35">
      <c r="A14070" s="1" t="s">
        <v>53419</v>
      </c>
      <c r="B14070" s="1" t="s">
        <v>52171</v>
      </c>
      <c r="C14070" s="1" t="s">
        <v>60</v>
      </c>
      <c r="D14070" s="1" t="s">
        <v>53459</v>
      </c>
      <c r="E14070" s="1" t="s">
        <v>53460</v>
      </c>
      <c r="F14070" s="1" t="s">
        <v>53461</v>
      </c>
      <c r="G14070" s="1" t="s">
        <v>53423</v>
      </c>
      <c r="H14070" s="1" t="s">
        <v>53424</v>
      </c>
      <c r="I14070" s="1" t="s">
        <v>52177</v>
      </c>
      <c r="J14070" s="1" t="s">
        <v>53462</v>
      </c>
    </row>
    <row r="14071" spans="1:10" x14ac:dyDescent="0.35">
      <c r="A14071" s="1" t="s">
        <v>53419</v>
      </c>
      <c r="B14071" s="1" t="s">
        <v>52171</v>
      </c>
      <c r="C14071" s="1" t="s">
        <v>65</v>
      </c>
      <c r="D14071" s="1" t="s">
        <v>53463</v>
      </c>
      <c r="E14071" s="1" t="s">
        <v>53464</v>
      </c>
      <c r="F14071" s="1" t="s">
        <v>53465</v>
      </c>
      <c r="G14071" s="1" t="s">
        <v>53423</v>
      </c>
      <c r="H14071" s="1" t="s">
        <v>53424</v>
      </c>
      <c r="I14071" s="1" t="s">
        <v>52177</v>
      </c>
      <c r="J14071" s="1" t="s">
        <v>53466</v>
      </c>
    </row>
    <row r="14072" spans="1:10" x14ac:dyDescent="0.35">
      <c r="A14072" s="1" t="s">
        <v>53419</v>
      </c>
      <c r="B14072" s="1" t="s">
        <v>52171</v>
      </c>
      <c r="C14072" s="1" t="s">
        <v>70</v>
      </c>
      <c r="D14072" s="1" t="s">
        <v>53467</v>
      </c>
      <c r="E14072" s="1" t="s">
        <v>53468</v>
      </c>
      <c r="F14072" s="1" t="s">
        <v>53469</v>
      </c>
      <c r="G14072" s="1" t="s">
        <v>53423</v>
      </c>
      <c r="H14072" s="1" t="s">
        <v>53424</v>
      </c>
      <c r="I14072" s="1" t="s">
        <v>52177</v>
      </c>
      <c r="J14072" s="1" t="s">
        <v>53470</v>
      </c>
    </row>
    <row r="14073" spans="1:10" x14ac:dyDescent="0.35">
      <c r="A14073" s="1" t="s">
        <v>53419</v>
      </c>
      <c r="B14073" s="1" t="s">
        <v>52171</v>
      </c>
      <c r="C14073" s="1" t="s">
        <v>75</v>
      </c>
      <c r="D14073" s="1" t="s">
        <v>53471</v>
      </c>
      <c r="E14073" s="1" t="s">
        <v>53472</v>
      </c>
      <c r="F14073" s="1" t="s">
        <v>53473</v>
      </c>
      <c r="G14073" s="1" t="s">
        <v>53423</v>
      </c>
      <c r="H14073" s="1" t="s">
        <v>53424</v>
      </c>
      <c r="I14073" s="1" t="s">
        <v>52177</v>
      </c>
      <c r="J14073" s="1" t="s">
        <v>53474</v>
      </c>
    </row>
    <row r="14074" spans="1:10" x14ac:dyDescent="0.35">
      <c r="A14074" s="1" t="s">
        <v>53419</v>
      </c>
      <c r="B14074" s="1" t="s">
        <v>52171</v>
      </c>
      <c r="C14074" s="1" t="s">
        <v>80</v>
      </c>
      <c r="D14074" s="1" t="s">
        <v>53475</v>
      </c>
      <c r="E14074" s="1" t="s">
        <v>53476</v>
      </c>
      <c r="F14074" s="1" t="s">
        <v>53477</v>
      </c>
      <c r="G14074" s="1" t="s">
        <v>53423</v>
      </c>
      <c r="H14074" s="1" t="s">
        <v>53424</v>
      </c>
      <c r="I14074" s="1" t="s">
        <v>52177</v>
      </c>
      <c r="J14074" s="1" t="s">
        <v>53478</v>
      </c>
    </row>
    <row r="14075" spans="1:10" x14ac:dyDescent="0.35">
      <c r="A14075" s="1" t="s">
        <v>53419</v>
      </c>
      <c r="B14075" s="1" t="s">
        <v>52171</v>
      </c>
      <c r="C14075" s="1" t="s">
        <v>85</v>
      </c>
      <c r="D14075" s="1" t="s">
        <v>53479</v>
      </c>
      <c r="E14075" s="1" t="s">
        <v>53480</v>
      </c>
      <c r="F14075" s="1" t="s">
        <v>53481</v>
      </c>
      <c r="G14075" s="1" t="s">
        <v>53423</v>
      </c>
      <c r="H14075" s="1" t="s">
        <v>53424</v>
      </c>
      <c r="I14075" s="1" t="s">
        <v>52177</v>
      </c>
      <c r="J14075" s="1" t="s">
        <v>53482</v>
      </c>
    </row>
    <row r="14076" spans="1:10" x14ac:dyDescent="0.35">
      <c r="A14076" s="1" t="s">
        <v>53419</v>
      </c>
      <c r="B14076" s="1" t="s">
        <v>52171</v>
      </c>
      <c r="C14076" s="1" t="s">
        <v>90</v>
      </c>
      <c r="D14076" s="1" t="s">
        <v>53483</v>
      </c>
      <c r="E14076" s="1" t="s">
        <v>53484</v>
      </c>
      <c r="F14076" s="1" t="s">
        <v>53485</v>
      </c>
      <c r="G14076" s="1" t="s">
        <v>53423</v>
      </c>
      <c r="H14076" s="1" t="s">
        <v>53424</v>
      </c>
      <c r="I14076" s="1" t="s">
        <v>52177</v>
      </c>
      <c r="J14076" s="1" t="s">
        <v>53486</v>
      </c>
    </row>
    <row r="14077" spans="1:10" x14ac:dyDescent="0.35">
      <c r="A14077" s="1" t="s">
        <v>53419</v>
      </c>
      <c r="B14077" s="1" t="s">
        <v>52171</v>
      </c>
      <c r="C14077" s="1" t="s">
        <v>95</v>
      </c>
      <c r="D14077" s="1" t="s">
        <v>26846</v>
      </c>
      <c r="E14077" s="1" t="s">
        <v>53487</v>
      </c>
      <c r="F14077" s="1" t="s">
        <v>53488</v>
      </c>
      <c r="G14077" s="1" t="s">
        <v>53423</v>
      </c>
      <c r="H14077" s="1" t="s">
        <v>53424</v>
      </c>
      <c r="I14077" s="1" t="s">
        <v>52177</v>
      </c>
      <c r="J14077" s="1" t="s">
        <v>53489</v>
      </c>
    </row>
    <row r="14078" spans="1:10" x14ac:dyDescent="0.35">
      <c r="A14078" s="1" t="s">
        <v>53419</v>
      </c>
      <c r="B14078" s="1" t="s">
        <v>52171</v>
      </c>
      <c r="C14078" s="1" t="s">
        <v>100</v>
      </c>
      <c r="D14078" s="1" t="s">
        <v>53490</v>
      </c>
      <c r="E14078" s="1" t="s">
        <v>53491</v>
      </c>
      <c r="F14078" s="1" t="s">
        <v>53492</v>
      </c>
      <c r="G14078" s="1" t="s">
        <v>53423</v>
      </c>
      <c r="H14078" s="1" t="s">
        <v>53424</v>
      </c>
      <c r="I14078" s="1" t="s">
        <v>52177</v>
      </c>
      <c r="J14078" s="1" t="s">
        <v>53493</v>
      </c>
    </row>
    <row r="14079" spans="1:10" x14ac:dyDescent="0.35">
      <c r="A14079" s="1" t="s">
        <v>53419</v>
      </c>
      <c r="B14079" s="1" t="s">
        <v>52171</v>
      </c>
      <c r="C14079" s="1" t="s">
        <v>105</v>
      </c>
      <c r="D14079" s="1" t="s">
        <v>53494</v>
      </c>
      <c r="E14079" s="1" t="s">
        <v>53495</v>
      </c>
      <c r="F14079" s="1" t="s">
        <v>53496</v>
      </c>
      <c r="G14079" s="1" t="s">
        <v>53423</v>
      </c>
      <c r="H14079" s="1" t="s">
        <v>53424</v>
      </c>
      <c r="I14079" s="1" t="s">
        <v>52177</v>
      </c>
      <c r="J14079" s="1" t="s">
        <v>53497</v>
      </c>
    </row>
    <row r="14080" spans="1:10" x14ac:dyDescent="0.35">
      <c r="A14080" s="1" t="s">
        <v>53419</v>
      </c>
      <c r="B14080" s="1" t="s">
        <v>52171</v>
      </c>
      <c r="C14080" s="1" t="s">
        <v>110</v>
      </c>
      <c r="D14080" s="1" t="s">
        <v>53370</v>
      </c>
      <c r="E14080" s="1" t="s">
        <v>53498</v>
      </c>
      <c r="F14080" s="1" t="s">
        <v>53499</v>
      </c>
      <c r="G14080" s="1" t="s">
        <v>53423</v>
      </c>
      <c r="H14080" s="1" t="s">
        <v>53424</v>
      </c>
      <c r="I14080" s="1" t="s">
        <v>52177</v>
      </c>
      <c r="J14080" s="1" t="s">
        <v>53500</v>
      </c>
    </row>
    <row r="14081" spans="1:10" x14ac:dyDescent="0.35">
      <c r="A14081" s="1" t="s">
        <v>53419</v>
      </c>
      <c r="B14081" s="1" t="s">
        <v>52171</v>
      </c>
      <c r="C14081" s="1" t="s">
        <v>115</v>
      </c>
      <c r="D14081" s="1" t="s">
        <v>40250</v>
      </c>
      <c r="E14081" s="1" t="s">
        <v>53501</v>
      </c>
      <c r="F14081" s="1" t="s">
        <v>53502</v>
      </c>
      <c r="G14081" s="1" t="s">
        <v>53423</v>
      </c>
      <c r="H14081" s="1" t="s">
        <v>53424</v>
      </c>
      <c r="I14081" s="1" t="s">
        <v>52177</v>
      </c>
      <c r="J14081" s="1" t="s">
        <v>53503</v>
      </c>
    </row>
    <row r="14082" spans="1:10" x14ac:dyDescent="0.35">
      <c r="A14082" s="1" t="s">
        <v>53419</v>
      </c>
      <c r="B14082" s="1" t="s">
        <v>52171</v>
      </c>
      <c r="C14082" s="1" t="s">
        <v>120</v>
      </c>
      <c r="D14082" s="1" t="s">
        <v>53504</v>
      </c>
      <c r="E14082" s="1" t="s">
        <v>53505</v>
      </c>
      <c r="F14082" s="1" t="s">
        <v>53506</v>
      </c>
      <c r="G14082" s="1" t="s">
        <v>53423</v>
      </c>
      <c r="H14082" s="1" t="s">
        <v>53424</v>
      </c>
      <c r="I14082" s="1" t="s">
        <v>52177</v>
      </c>
      <c r="J14082" s="1" t="s">
        <v>53507</v>
      </c>
    </row>
    <row r="14083" spans="1:10" x14ac:dyDescent="0.35">
      <c r="A14083" s="1" t="s">
        <v>53419</v>
      </c>
      <c r="B14083" s="1" t="s">
        <v>52171</v>
      </c>
      <c r="C14083" s="1" t="s">
        <v>125</v>
      </c>
      <c r="D14083" s="1" t="s">
        <v>53508</v>
      </c>
      <c r="E14083" s="1" t="s">
        <v>53509</v>
      </c>
      <c r="F14083" s="1" t="s">
        <v>53510</v>
      </c>
      <c r="G14083" s="1" t="s">
        <v>53423</v>
      </c>
      <c r="H14083" s="1" t="s">
        <v>53424</v>
      </c>
      <c r="I14083" s="1" t="s">
        <v>52177</v>
      </c>
      <c r="J14083" s="1" t="s">
        <v>53511</v>
      </c>
    </row>
    <row r="14084" spans="1:10" x14ac:dyDescent="0.35">
      <c r="A14084" s="1" t="s">
        <v>53419</v>
      </c>
      <c r="B14084" s="1" t="s">
        <v>52171</v>
      </c>
      <c r="C14084" s="1" t="s">
        <v>130</v>
      </c>
      <c r="D14084" s="1" t="s">
        <v>53512</v>
      </c>
      <c r="E14084" s="1" t="s">
        <v>53513</v>
      </c>
      <c r="F14084" s="1" t="s">
        <v>53514</v>
      </c>
      <c r="G14084" s="1" t="s">
        <v>53423</v>
      </c>
      <c r="H14084" s="1" t="s">
        <v>53424</v>
      </c>
      <c r="I14084" s="1" t="s">
        <v>52177</v>
      </c>
      <c r="J14084" s="1" t="s">
        <v>53515</v>
      </c>
    </row>
    <row r="14085" spans="1:10" x14ac:dyDescent="0.35">
      <c r="A14085" s="1" t="s">
        <v>53419</v>
      </c>
      <c r="B14085" s="1" t="s">
        <v>52171</v>
      </c>
      <c r="C14085" s="1" t="s">
        <v>135</v>
      </c>
      <c r="D14085" s="1" t="s">
        <v>53516</v>
      </c>
      <c r="E14085" s="1" t="s">
        <v>53517</v>
      </c>
      <c r="F14085" s="1" t="s">
        <v>53518</v>
      </c>
      <c r="G14085" s="1" t="s">
        <v>53423</v>
      </c>
      <c r="H14085" s="1" t="s">
        <v>53424</v>
      </c>
      <c r="I14085" s="1" t="s">
        <v>52177</v>
      </c>
      <c r="J14085" s="1" t="s">
        <v>53519</v>
      </c>
    </row>
    <row r="14086" spans="1:10" x14ac:dyDescent="0.35">
      <c r="A14086" s="1" t="s">
        <v>53419</v>
      </c>
      <c r="B14086" s="1" t="s">
        <v>52171</v>
      </c>
      <c r="C14086" s="1" t="s">
        <v>140</v>
      </c>
      <c r="D14086" s="1" t="s">
        <v>53520</v>
      </c>
      <c r="E14086" s="1" t="s">
        <v>53521</v>
      </c>
      <c r="F14086" s="1" t="s">
        <v>53522</v>
      </c>
      <c r="G14086" s="1" t="s">
        <v>53423</v>
      </c>
      <c r="H14086" s="1" t="s">
        <v>53424</v>
      </c>
      <c r="I14086" s="1" t="s">
        <v>52177</v>
      </c>
      <c r="J14086" s="1" t="s">
        <v>53523</v>
      </c>
    </row>
    <row r="14087" spans="1:10" x14ac:dyDescent="0.35">
      <c r="A14087" s="1" t="s">
        <v>53419</v>
      </c>
      <c r="B14087" s="1" t="s">
        <v>52171</v>
      </c>
      <c r="C14087" s="1" t="s">
        <v>145</v>
      </c>
      <c r="D14087" s="1" t="s">
        <v>53524</v>
      </c>
      <c r="E14087" s="1" t="s">
        <v>53525</v>
      </c>
      <c r="F14087" s="1" t="s">
        <v>53526</v>
      </c>
      <c r="G14087" s="1" t="s">
        <v>53423</v>
      </c>
      <c r="H14087" s="1" t="s">
        <v>53424</v>
      </c>
      <c r="I14087" s="1" t="s">
        <v>52177</v>
      </c>
      <c r="J14087" s="1" t="s">
        <v>53527</v>
      </c>
    </row>
    <row r="14088" spans="1:10" x14ac:dyDescent="0.35">
      <c r="A14088" s="1" t="s">
        <v>53419</v>
      </c>
      <c r="B14088" s="1" t="s">
        <v>52171</v>
      </c>
      <c r="C14088" s="1" t="s">
        <v>150</v>
      </c>
      <c r="D14088" s="1" t="s">
        <v>53528</v>
      </c>
      <c r="E14088" s="1" t="s">
        <v>53529</v>
      </c>
      <c r="F14088" s="1" t="s">
        <v>53530</v>
      </c>
      <c r="G14088" s="1" t="s">
        <v>53423</v>
      </c>
      <c r="H14088" s="1" t="s">
        <v>53424</v>
      </c>
      <c r="I14088" s="1" t="s">
        <v>52177</v>
      </c>
      <c r="J14088" s="1" t="s">
        <v>53531</v>
      </c>
    </row>
    <row r="14089" spans="1:10" x14ac:dyDescent="0.35">
      <c r="A14089" s="1" t="s">
        <v>53419</v>
      </c>
      <c r="B14089" s="1" t="s">
        <v>52171</v>
      </c>
      <c r="C14089" s="1" t="s">
        <v>155</v>
      </c>
      <c r="D14089" s="1" t="s">
        <v>53532</v>
      </c>
      <c r="E14089" s="1" t="s">
        <v>53533</v>
      </c>
      <c r="F14089" s="1" t="s">
        <v>53534</v>
      </c>
      <c r="G14089" s="1" t="s">
        <v>53423</v>
      </c>
      <c r="H14089" s="1" t="s">
        <v>53424</v>
      </c>
      <c r="I14089" s="1" t="s">
        <v>52177</v>
      </c>
      <c r="J14089" s="1" t="s">
        <v>53535</v>
      </c>
    </row>
    <row r="14090" spans="1:10" x14ac:dyDescent="0.35">
      <c r="A14090" s="1" t="s">
        <v>53419</v>
      </c>
      <c r="B14090" s="1" t="s">
        <v>52171</v>
      </c>
      <c r="C14090" s="1" t="s">
        <v>160</v>
      </c>
      <c r="D14090" s="1" t="s">
        <v>53536</v>
      </c>
      <c r="E14090" s="1" t="s">
        <v>53537</v>
      </c>
      <c r="F14090" s="1" t="s">
        <v>53538</v>
      </c>
      <c r="G14090" s="1" t="s">
        <v>53423</v>
      </c>
      <c r="H14090" s="1" t="s">
        <v>53424</v>
      </c>
      <c r="I14090" s="1" t="s">
        <v>52177</v>
      </c>
      <c r="J14090" s="1" t="s">
        <v>53539</v>
      </c>
    </row>
    <row r="14091" spans="1:10" x14ac:dyDescent="0.35">
      <c r="A14091" s="1" t="s">
        <v>53419</v>
      </c>
      <c r="B14091" s="1" t="s">
        <v>52171</v>
      </c>
      <c r="C14091" s="1" t="s">
        <v>165</v>
      </c>
      <c r="D14091" s="1" t="s">
        <v>53540</v>
      </c>
      <c r="E14091" s="1" t="s">
        <v>53541</v>
      </c>
      <c r="F14091" s="1" t="s">
        <v>53542</v>
      </c>
      <c r="G14091" s="1" t="s">
        <v>53423</v>
      </c>
      <c r="H14091" s="1" t="s">
        <v>53424</v>
      </c>
      <c r="I14091" s="1" t="s">
        <v>52177</v>
      </c>
      <c r="J14091" s="1" t="s">
        <v>53543</v>
      </c>
    </row>
    <row r="14092" spans="1:10" x14ac:dyDescent="0.35">
      <c r="A14092" s="1" t="s">
        <v>53419</v>
      </c>
      <c r="B14092" s="1" t="s">
        <v>52171</v>
      </c>
      <c r="C14092" s="1" t="s">
        <v>170</v>
      </c>
      <c r="D14092" s="1" t="s">
        <v>53544</v>
      </c>
      <c r="E14092" s="1" t="s">
        <v>53545</v>
      </c>
      <c r="F14092" s="1" t="s">
        <v>53546</v>
      </c>
      <c r="G14092" s="1" t="s">
        <v>53423</v>
      </c>
      <c r="H14092" s="1" t="s">
        <v>53424</v>
      </c>
      <c r="I14092" s="1" t="s">
        <v>52177</v>
      </c>
      <c r="J14092" s="1" t="s">
        <v>53547</v>
      </c>
    </row>
    <row r="14093" spans="1:10" x14ac:dyDescent="0.35">
      <c r="A14093" s="1" t="s">
        <v>53548</v>
      </c>
      <c r="B14093" s="1" t="s">
        <v>52171</v>
      </c>
      <c r="C14093" s="1" t="s">
        <v>8</v>
      </c>
      <c r="D14093" s="1" t="s">
        <v>53549</v>
      </c>
      <c r="E14093" s="1" t="s">
        <v>53550</v>
      </c>
      <c r="F14093" s="1" t="s">
        <v>53551</v>
      </c>
      <c r="G14093" s="1" t="s">
        <v>53552</v>
      </c>
      <c r="H14093" s="1" t="s">
        <v>53553</v>
      </c>
      <c r="I14093" s="1" t="s">
        <v>52177</v>
      </c>
      <c r="J14093" s="1" t="s">
        <v>13</v>
      </c>
    </row>
    <row r="14094" spans="1:10" x14ac:dyDescent="0.35">
      <c r="A14094" s="1" t="s">
        <v>53548</v>
      </c>
      <c r="B14094" s="1" t="s">
        <v>52171</v>
      </c>
      <c r="C14094" s="1" t="s">
        <v>15</v>
      </c>
      <c r="D14094" s="1" t="s">
        <v>53554</v>
      </c>
      <c r="E14094" s="1" t="s">
        <v>53555</v>
      </c>
      <c r="F14094" s="1" t="s">
        <v>53556</v>
      </c>
      <c r="G14094" s="1" t="s">
        <v>53552</v>
      </c>
      <c r="H14094" s="1" t="s">
        <v>53553</v>
      </c>
      <c r="I14094" s="1" t="s">
        <v>52177</v>
      </c>
      <c r="J14094" s="1" t="s">
        <v>53557</v>
      </c>
    </row>
    <row r="14095" spans="1:10" x14ac:dyDescent="0.35">
      <c r="A14095" s="1" t="s">
        <v>53548</v>
      </c>
      <c r="B14095" s="1" t="s">
        <v>52171</v>
      </c>
      <c r="C14095" s="1" t="s">
        <v>20</v>
      </c>
      <c r="D14095" s="1" t="s">
        <v>53558</v>
      </c>
      <c r="E14095" s="1" t="s">
        <v>53559</v>
      </c>
      <c r="F14095" s="1" t="s">
        <v>53560</v>
      </c>
      <c r="G14095" s="1" t="s">
        <v>53552</v>
      </c>
      <c r="H14095" s="1" t="s">
        <v>53553</v>
      </c>
      <c r="I14095" s="1" t="s">
        <v>52177</v>
      </c>
      <c r="J14095" s="1" t="s">
        <v>53561</v>
      </c>
    </row>
    <row r="14096" spans="1:10" x14ac:dyDescent="0.35">
      <c r="A14096" s="1" t="s">
        <v>53548</v>
      </c>
      <c r="B14096" s="1" t="s">
        <v>52171</v>
      </c>
      <c r="C14096" s="1" t="s">
        <v>25</v>
      </c>
      <c r="D14096" s="1" t="s">
        <v>53562</v>
      </c>
      <c r="E14096" s="1" t="s">
        <v>53563</v>
      </c>
      <c r="F14096" s="1" t="s">
        <v>53564</v>
      </c>
      <c r="G14096" s="1" t="s">
        <v>53552</v>
      </c>
      <c r="H14096" s="1" t="s">
        <v>53553</v>
      </c>
      <c r="I14096" s="1" t="s">
        <v>52177</v>
      </c>
      <c r="J14096" s="1" t="s">
        <v>53565</v>
      </c>
    </row>
    <row r="14097" spans="1:10" x14ac:dyDescent="0.35">
      <c r="A14097" s="1" t="s">
        <v>53548</v>
      </c>
      <c r="B14097" s="1" t="s">
        <v>52171</v>
      </c>
      <c r="C14097" s="1" t="s">
        <v>30</v>
      </c>
      <c r="D14097" s="1" t="s">
        <v>53566</v>
      </c>
      <c r="E14097" s="1" t="s">
        <v>53567</v>
      </c>
      <c r="F14097" s="1" t="s">
        <v>53568</v>
      </c>
      <c r="G14097" s="1" t="s">
        <v>53552</v>
      </c>
      <c r="H14097" s="1" t="s">
        <v>53553</v>
      </c>
      <c r="I14097" s="1" t="s">
        <v>52177</v>
      </c>
      <c r="J14097" s="1" t="s">
        <v>53569</v>
      </c>
    </row>
    <row r="14098" spans="1:10" x14ac:dyDescent="0.35">
      <c r="A14098" s="1" t="s">
        <v>53548</v>
      </c>
      <c r="B14098" s="1" t="s">
        <v>52171</v>
      </c>
      <c r="C14098" s="1" t="s">
        <v>35</v>
      </c>
      <c r="D14098" s="1" t="s">
        <v>12797</v>
      </c>
      <c r="E14098" s="1" t="s">
        <v>53570</v>
      </c>
      <c r="F14098" s="1" t="s">
        <v>53571</v>
      </c>
      <c r="G14098" s="1" t="s">
        <v>53552</v>
      </c>
      <c r="H14098" s="1" t="s">
        <v>53553</v>
      </c>
      <c r="I14098" s="1" t="s">
        <v>52177</v>
      </c>
      <c r="J14098" s="1" t="s">
        <v>53572</v>
      </c>
    </row>
    <row r="14099" spans="1:10" x14ac:dyDescent="0.35">
      <c r="A14099" s="1" t="s">
        <v>53548</v>
      </c>
      <c r="B14099" s="1" t="s">
        <v>52171</v>
      </c>
      <c r="C14099" s="1" t="s">
        <v>40</v>
      </c>
      <c r="D14099" s="1" t="s">
        <v>43340</v>
      </c>
      <c r="E14099" s="1" t="s">
        <v>53573</v>
      </c>
      <c r="F14099" s="1" t="s">
        <v>53574</v>
      </c>
      <c r="G14099" s="1" t="s">
        <v>53552</v>
      </c>
      <c r="H14099" s="1" t="s">
        <v>53553</v>
      </c>
      <c r="I14099" s="1" t="s">
        <v>52177</v>
      </c>
      <c r="J14099" s="1" t="s">
        <v>53575</v>
      </c>
    </row>
    <row r="14100" spans="1:10" x14ac:dyDescent="0.35">
      <c r="A14100" s="1" t="s">
        <v>53548</v>
      </c>
      <c r="B14100" s="1" t="s">
        <v>52171</v>
      </c>
      <c r="C14100" s="1" t="s">
        <v>45</v>
      </c>
      <c r="D14100" s="1" t="s">
        <v>53447</v>
      </c>
      <c r="E14100" s="1" t="s">
        <v>53576</v>
      </c>
      <c r="F14100" s="1" t="s">
        <v>53577</v>
      </c>
      <c r="G14100" s="1" t="s">
        <v>53552</v>
      </c>
      <c r="H14100" s="1" t="s">
        <v>53553</v>
      </c>
      <c r="I14100" s="1" t="s">
        <v>52177</v>
      </c>
      <c r="J14100" s="1" t="s">
        <v>53578</v>
      </c>
    </row>
    <row r="14101" spans="1:10" x14ac:dyDescent="0.35">
      <c r="A14101" s="1" t="s">
        <v>53548</v>
      </c>
      <c r="B14101" s="1" t="s">
        <v>52171</v>
      </c>
      <c r="C14101" s="1" t="s">
        <v>50</v>
      </c>
      <c r="D14101" s="1" t="s">
        <v>18394</v>
      </c>
      <c r="E14101" s="1" t="s">
        <v>53579</v>
      </c>
      <c r="F14101" s="1" t="s">
        <v>53580</v>
      </c>
      <c r="G14101" s="1" t="s">
        <v>53552</v>
      </c>
      <c r="H14101" s="1" t="s">
        <v>53553</v>
      </c>
      <c r="I14101" s="1" t="s">
        <v>52177</v>
      </c>
      <c r="J14101" s="1" t="s">
        <v>53581</v>
      </c>
    </row>
    <row r="14102" spans="1:10" x14ac:dyDescent="0.35">
      <c r="A14102" s="1" t="s">
        <v>53548</v>
      </c>
      <c r="B14102" s="1" t="s">
        <v>52171</v>
      </c>
      <c r="C14102" s="1" t="s">
        <v>55</v>
      </c>
      <c r="D14102" s="1" t="s">
        <v>53582</v>
      </c>
      <c r="E14102" s="1" t="s">
        <v>53583</v>
      </c>
      <c r="F14102" s="1" t="s">
        <v>53584</v>
      </c>
      <c r="G14102" s="1" t="s">
        <v>53552</v>
      </c>
      <c r="H14102" s="1" t="s">
        <v>53553</v>
      </c>
      <c r="I14102" s="1" t="s">
        <v>52177</v>
      </c>
      <c r="J14102" s="1" t="s">
        <v>53585</v>
      </c>
    </row>
    <row r="14103" spans="1:10" x14ac:dyDescent="0.35">
      <c r="A14103" s="1" t="s">
        <v>53548</v>
      </c>
      <c r="B14103" s="1" t="s">
        <v>52171</v>
      </c>
      <c r="C14103" s="1" t="s">
        <v>60</v>
      </c>
      <c r="D14103" s="1" t="s">
        <v>52709</v>
      </c>
      <c r="E14103" s="1" t="s">
        <v>53586</v>
      </c>
      <c r="F14103" s="1" t="s">
        <v>53587</v>
      </c>
      <c r="G14103" s="1" t="s">
        <v>53552</v>
      </c>
      <c r="H14103" s="1" t="s">
        <v>53553</v>
      </c>
      <c r="I14103" s="1" t="s">
        <v>52177</v>
      </c>
      <c r="J14103" s="1" t="s">
        <v>53588</v>
      </c>
    </row>
    <row r="14104" spans="1:10" x14ac:dyDescent="0.35">
      <c r="A14104" s="1" t="s">
        <v>53548</v>
      </c>
      <c r="B14104" s="1" t="s">
        <v>52171</v>
      </c>
      <c r="C14104" s="1" t="s">
        <v>65</v>
      </c>
      <c r="D14104" s="1" t="s">
        <v>52471</v>
      </c>
      <c r="E14104" s="1" t="s">
        <v>53589</v>
      </c>
      <c r="F14104" s="1" t="s">
        <v>53590</v>
      </c>
      <c r="G14104" s="1" t="s">
        <v>53552</v>
      </c>
      <c r="H14104" s="1" t="s">
        <v>53553</v>
      </c>
      <c r="I14104" s="1" t="s">
        <v>52177</v>
      </c>
      <c r="J14104" s="1" t="s">
        <v>53591</v>
      </c>
    </row>
    <row r="14105" spans="1:10" x14ac:dyDescent="0.35">
      <c r="A14105" s="1" t="s">
        <v>53548</v>
      </c>
      <c r="B14105" s="1" t="s">
        <v>52171</v>
      </c>
      <c r="C14105" s="1" t="s">
        <v>70</v>
      </c>
      <c r="D14105" s="1" t="s">
        <v>53592</v>
      </c>
      <c r="E14105" s="1" t="s">
        <v>53593</v>
      </c>
      <c r="F14105" s="1" t="s">
        <v>53594</v>
      </c>
      <c r="G14105" s="1" t="s">
        <v>53552</v>
      </c>
      <c r="H14105" s="1" t="s">
        <v>53553</v>
      </c>
      <c r="I14105" s="1" t="s">
        <v>52177</v>
      </c>
      <c r="J14105" s="1" t="s">
        <v>53595</v>
      </c>
    </row>
    <row r="14106" spans="1:10" x14ac:dyDescent="0.35">
      <c r="A14106" s="1" t="s">
        <v>53548</v>
      </c>
      <c r="B14106" s="1" t="s">
        <v>52171</v>
      </c>
      <c r="C14106" s="1" t="s">
        <v>75</v>
      </c>
      <c r="D14106" s="1" t="s">
        <v>53596</v>
      </c>
      <c r="E14106" s="1" t="s">
        <v>53597</v>
      </c>
      <c r="F14106" s="1" t="s">
        <v>53598</v>
      </c>
      <c r="G14106" s="1" t="s">
        <v>53552</v>
      </c>
      <c r="H14106" s="1" t="s">
        <v>53553</v>
      </c>
      <c r="I14106" s="1" t="s">
        <v>52177</v>
      </c>
      <c r="J14106" s="1" t="s">
        <v>53599</v>
      </c>
    </row>
    <row r="14107" spans="1:10" x14ac:dyDescent="0.35">
      <c r="A14107" s="1" t="s">
        <v>53548</v>
      </c>
      <c r="B14107" s="1" t="s">
        <v>52171</v>
      </c>
      <c r="C14107" s="1" t="s">
        <v>80</v>
      </c>
      <c r="D14107" s="1" t="s">
        <v>52853</v>
      </c>
      <c r="E14107" s="1" t="s">
        <v>53600</v>
      </c>
      <c r="F14107" s="1" t="s">
        <v>53601</v>
      </c>
      <c r="G14107" s="1" t="s">
        <v>53552</v>
      </c>
      <c r="H14107" s="1" t="s">
        <v>53553</v>
      </c>
      <c r="I14107" s="1" t="s">
        <v>52177</v>
      </c>
      <c r="J14107" s="1" t="s">
        <v>53602</v>
      </c>
    </row>
    <row r="14108" spans="1:10" x14ac:dyDescent="0.35">
      <c r="A14108" s="1" t="s">
        <v>53548</v>
      </c>
      <c r="B14108" s="1" t="s">
        <v>52171</v>
      </c>
      <c r="C14108" s="1" t="s">
        <v>85</v>
      </c>
      <c r="D14108" s="1" t="s">
        <v>53603</v>
      </c>
      <c r="E14108" s="1" t="s">
        <v>53604</v>
      </c>
      <c r="F14108" s="1" t="s">
        <v>53605</v>
      </c>
      <c r="G14108" s="1" t="s">
        <v>53552</v>
      </c>
      <c r="H14108" s="1" t="s">
        <v>53553</v>
      </c>
      <c r="I14108" s="1" t="s">
        <v>52177</v>
      </c>
      <c r="J14108" s="1" t="s">
        <v>53606</v>
      </c>
    </row>
    <row r="14109" spans="1:10" x14ac:dyDescent="0.35">
      <c r="A14109" s="1" t="s">
        <v>53548</v>
      </c>
      <c r="B14109" s="1" t="s">
        <v>52171</v>
      </c>
      <c r="C14109" s="1" t="s">
        <v>90</v>
      </c>
      <c r="D14109" s="1" t="s">
        <v>7653</v>
      </c>
      <c r="E14109" s="1" t="s">
        <v>53607</v>
      </c>
      <c r="F14109" s="1" t="s">
        <v>53608</v>
      </c>
      <c r="G14109" s="1" t="s">
        <v>53552</v>
      </c>
      <c r="H14109" s="1" t="s">
        <v>53553</v>
      </c>
      <c r="I14109" s="1" t="s">
        <v>52177</v>
      </c>
      <c r="J14109" s="1" t="s">
        <v>53609</v>
      </c>
    </row>
    <row r="14110" spans="1:10" x14ac:dyDescent="0.35">
      <c r="A14110" s="1" t="s">
        <v>53548</v>
      </c>
      <c r="B14110" s="1" t="s">
        <v>52171</v>
      </c>
      <c r="C14110" s="1" t="s">
        <v>95</v>
      </c>
      <c r="D14110" s="1" t="s">
        <v>53610</v>
      </c>
      <c r="E14110" s="1" t="s">
        <v>53611</v>
      </c>
      <c r="F14110" s="1" t="s">
        <v>53612</v>
      </c>
      <c r="G14110" s="1" t="s">
        <v>53552</v>
      </c>
      <c r="H14110" s="1" t="s">
        <v>53553</v>
      </c>
      <c r="I14110" s="1" t="s">
        <v>52177</v>
      </c>
      <c r="J14110" s="1" t="s">
        <v>53613</v>
      </c>
    </row>
    <row r="14111" spans="1:10" x14ac:dyDescent="0.35">
      <c r="A14111" s="1" t="s">
        <v>53548</v>
      </c>
      <c r="B14111" s="1" t="s">
        <v>52171</v>
      </c>
      <c r="C14111" s="1" t="s">
        <v>100</v>
      </c>
      <c r="D14111" s="1" t="s">
        <v>11119</v>
      </c>
      <c r="E14111" s="1" t="s">
        <v>53614</v>
      </c>
      <c r="F14111" s="1" t="s">
        <v>53615</v>
      </c>
      <c r="G14111" s="1" t="s">
        <v>53552</v>
      </c>
      <c r="H14111" s="1" t="s">
        <v>53553</v>
      </c>
      <c r="I14111" s="1" t="s">
        <v>52177</v>
      </c>
      <c r="J14111" s="1" t="s">
        <v>53616</v>
      </c>
    </row>
    <row r="14112" spans="1:10" x14ac:dyDescent="0.35">
      <c r="A14112" s="1" t="s">
        <v>53548</v>
      </c>
      <c r="B14112" s="1" t="s">
        <v>52171</v>
      </c>
      <c r="C14112" s="1" t="s">
        <v>105</v>
      </c>
      <c r="D14112" s="1" t="s">
        <v>52247</v>
      </c>
      <c r="E14112" s="1" t="s">
        <v>53617</v>
      </c>
      <c r="F14112" s="1" t="s">
        <v>53618</v>
      </c>
      <c r="G14112" s="1" t="s">
        <v>53552</v>
      </c>
      <c r="H14112" s="1" t="s">
        <v>53553</v>
      </c>
      <c r="I14112" s="1" t="s">
        <v>52177</v>
      </c>
      <c r="J14112" s="1" t="s">
        <v>53619</v>
      </c>
    </row>
    <row r="14113" spans="1:10" x14ac:dyDescent="0.35">
      <c r="A14113" s="1" t="s">
        <v>53548</v>
      </c>
      <c r="B14113" s="1" t="s">
        <v>52171</v>
      </c>
      <c r="C14113" s="1" t="s">
        <v>110</v>
      </c>
      <c r="D14113" s="1" t="s">
        <v>53620</v>
      </c>
      <c r="E14113" s="1" t="s">
        <v>53621</v>
      </c>
      <c r="F14113" s="1" t="s">
        <v>53622</v>
      </c>
      <c r="G14113" s="1" t="s">
        <v>53552</v>
      </c>
      <c r="H14113" s="1" t="s">
        <v>53553</v>
      </c>
      <c r="I14113" s="1" t="s">
        <v>52177</v>
      </c>
      <c r="J14113" s="1" t="s">
        <v>53623</v>
      </c>
    </row>
    <row r="14114" spans="1:10" x14ac:dyDescent="0.35">
      <c r="A14114" s="1" t="s">
        <v>53548</v>
      </c>
      <c r="B14114" s="1" t="s">
        <v>52171</v>
      </c>
      <c r="C14114" s="1" t="s">
        <v>115</v>
      </c>
      <c r="D14114" s="1" t="s">
        <v>53624</v>
      </c>
      <c r="E14114" s="1" t="s">
        <v>53625</v>
      </c>
      <c r="F14114" s="1" t="s">
        <v>53626</v>
      </c>
      <c r="G14114" s="1" t="s">
        <v>53552</v>
      </c>
      <c r="H14114" s="1" t="s">
        <v>53553</v>
      </c>
      <c r="I14114" s="1" t="s">
        <v>52177</v>
      </c>
      <c r="J14114" s="1" t="s">
        <v>53627</v>
      </c>
    </row>
    <row r="14115" spans="1:10" x14ac:dyDescent="0.35">
      <c r="A14115" s="1" t="s">
        <v>53548</v>
      </c>
      <c r="B14115" s="1" t="s">
        <v>52171</v>
      </c>
      <c r="C14115" s="1" t="s">
        <v>120</v>
      </c>
      <c r="D14115" s="1" t="s">
        <v>53628</v>
      </c>
      <c r="E14115" s="1" t="s">
        <v>53629</v>
      </c>
      <c r="F14115" s="1" t="s">
        <v>53630</v>
      </c>
      <c r="G14115" s="1" t="s">
        <v>53552</v>
      </c>
      <c r="H14115" s="1" t="s">
        <v>53553</v>
      </c>
      <c r="I14115" s="1" t="s">
        <v>52177</v>
      </c>
      <c r="J14115" s="1" t="s">
        <v>53631</v>
      </c>
    </row>
    <row r="14116" spans="1:10" x14ac:dyDescent="0.35">
      <c r="A14116" s="1" t="s">
        <v>53548</v>
      </c>
      <c r="B14116" s="1" t="s">
        <v>52171</v>
      </c>
      <c r="C14116" s="1" t="s">
        <v>125</v>
      </c>
      <c r="D14116" s="1" t="s">
        <v>39334</v>
      </c>
      <c r="E14116" s="1" t="s">
        <v>53632</v>
      </c>
      <c r="F14116" s="1" t="s">
        <v>53633</v>
      </c>
      <c r="G14116" s="1" t="s">
        <v>53552</v>
      </c>
      <c r="H14116" s="1" t="s">
        <v>53553</v>
      </c>
      <c r="I14116" s="1" t="s">
        <v>52177</v>
      </c>
      <c r="J14116" s="1" t="s">
        <v>53634</v>
      </c>
    </row>
    <row r="14117" spans="1:10" x14ac:dyDescent="0.35">
      <c r="A14117" s="1" t="s">
        <v>53548</v>
      </c>
      <c r="B14117" s="1" t="s">
        <v>52171</v>
      </c>
      <c r="C14117" s="1" t="s">
        <v>130</v>
      </c>
      <c r="D14117" s="1" t="s">
        <v>53635</v>
      </c>
      <c r="E14117" s="1" t="s">
        <v>53636</v>
      </c>
      <c r="F14117" s="1" t="s">
        <v>53637</v>
      </c>
      <c r="G14117" s="1" t="s">
        <v>53552</v>
      </c>
      <c r="H14117" s="1" t="s">
        <v>53553</v>
      </c>
      <c r="I14117" s="1" t="s">
        <v>52177</v>
      </c>
      <c r="J14117" s="1" t="s">
        <v>53638</v>
      </c>
    </row>
    <row r="14118" spans="1:10" x14ac:dyDescent="0.35">
      <c r="A14118" s="1" t="s">
        <v>53548</v>
      </c>
      <c r="B14118" s="1" t="s">
        <v>52171</v>
      </c>
      <c r="C14118" s="1" t="s">
        <v>135</v>
      </c>
      <c r="D14118" s="1" t="s">
        <v>53639</v>
      </c>
      <c r="E14118" s="1" t="s">
        <v>53640</v>
      </c>
      <c r="F14118" s="1" t="s">
        <v>53641</v>
      </c>
      <c r="G14118" s="1" t="s">
        <v>53552</v>
      </c>
      <c r="H14118" s="1" t="s">
        <v>53553</v>
      </c>
      <c r="I14118" s="1" t="s">
        <v>52177</v>
      </c>
      <c r="J14118" s="1" t="s">
        <v>53642</v>
      </c>
    </row>
    <row r="14119" spans="1:10" x14ac:dyDescent="0.35">
      <c r="A14119" s="1" t="s">
        <v>53548</v>
      </c>
      <c r="B14119" s="1" t="s">
        <v>52171</v>
      </c>
      <c r="C14119" s="1" t="s">
        <v>140</v>
      </c>
      <c r="D14119" s="1" t="s">
        <v>18603</v>
      </c>
      <c r="E14119" s="1" t="s">
        <v>53643</v>
      </c>
      <c r="F14119" s="1" t="s">
        <v>53644</v>
      </c>
      <c r="G14119" s="1" t="s">
        <v>53552</v>
      </c>
      <c r="H14119" s="1" t="s">
        <v>53553</v>
      </c>
      <c r="I14119" s="1" t="s">
        <v>52177</v>
      </c>
      <c r="J14119" s="1" t="s">
        <v>53645</v>
      </c>
    </row>
    <row r="14120" spans="1:10" x14ac:dyDescent="0.35">
      <c r="A14120" s="1" t="s">
        <v>53548</v>
      </c>
      <c r="B14120" s="1" t="s">
        <v>52171</v>
      </c>
      <c r="C14120" s="1" t="s">
        <v>145</v>
      </c>
      <c r="D14120" s="1" t="s">
        <v>53646</v>
      </c>
      <c r="E14120" s="1" t="s">
        <v>53647</v>
      </c>
      <c r="F14120" s="1" t="s">
        <v>53648</v>
      </c>
      <c r="G14120" s="1" t="s">
        <v>53552</v>
      </c>
      <c r="H14120" s="1" t="s">
        <v>53553</v>
      </c>
      <c r="I14120" s="1" t="s">
        <v>52177</v>
      </c>
      <c r="J14120" s="1" t="s">
        <v>53649</v>
      </c>
    </row>
    <row r="14121" spans="1:10" x14ac:dyDescent="0.35">
      <c r="A14121" s="1" t="s">
        <v>53548</v>
      </c>
      <c r="B14121" s="1" t="s">
        <v>52171</v>
      </c>
      <c r="C14121" s="1" t="s">
        <v>150</v>
      </c>
      <c r="D14121" s="1" t="s">
        <v>53650</v>
      </c>
      <c r="E14121" s="1" t="s">
        <v>53651</v>
      </c>
      <c r="F14121" s="1" t="s">
        <v>53652</v>
      </c>
      <c r="G14121" s="1" t="s">
        <v>53552</v>
      </c>
      <c r="H14121" s="1" t="s">
        <v>53553</v>
      </c>
      <c r="I14121" s="1" t="s">
        <v>52177</v>
      </c>
      <c r="J14121" s="1" t="s">
        <v>53653</v>
      </c>
    </row>
    <row r="14122" spans="1:10" x14ac:dyDescent="0.35">
      <c r="A14122" s="1" t="s">
        <v>53548</v>
      </c>
      <c r="B14122" s="1" t="s">
        <v>52171</v>
      </c>
      <c r="C14122" s="1" t="s">
        <v>155</v>
      </c>
      <c r="D14122" s="1" t="s">
        <v>53654</v>
      </c>
      <c r="E14122" s="1" t="s">
        <v>53655</v>
      </c>
      <c r="F14122" s="1" t="s">
        <v>53656</v>
      </c>
      <c r="G14122" s="1" t="s">
        <v>53552</v>
      </c>
      <c r="H14122" s="1" t="s">
        <v>53553</v>
      </c>
      <c r="I14122" s="1" t="s">
        <v>52177</v>
      </c>
      <c r="J14122" s="1" t="s">
        <v>53657</v>
      </c>
    </row>
    <row r="14123" spans="1:10" x14ac:dyDescent="0.35">
      <c r="A14123" s="1" t="s">
        <v>53548</v>
      </c>
      <c r="B14123" s="1" t="s">
        <v>52171</v>
      </c>
      <c r="C14123" s="1" t="s">
        <v>160</v>
      </c>
      <c r="D14123" s="1" t="s">
        <v>53658</v>
      </c>
      <c r="E14123" s="1" t="s">
        <v>53659</v>
      </c>
      <c r="F14123" s="1" t="s">
        <v>53660</v>
      </c>
      <c r="G14123" s="1" t="s">
        <v>53552</v>
      </c>
      <c r="H14123" s="1" t="s">
        <v>53553</v>
      </c>
      <c r="I14123" s="1" t="s">
        <v>52177</v>
      </c>
      <c r="J14123" s="1" t="s">
        <v>53661</v>
      </c>
    </row>
    <row r="14124" spans="1:10" x14ac:dyDescent="0.35">
      <c r="A14124" s="1" t="s">
        <v>53548</v>
      </c>
      <c r="B14124" s="1" t="s">
        <v>52171</v>
      </c>
      <c r="C14124" s="1" t="s">
        <v>165</v>
      </c>
      <c r="D14124" s="1" t="s">
        <v>53662</v>
      </c>
      <c r="E14124" s="1" t="s">
        <v>53663</v>
      </c>
      <c r="F14124" s="1" t="s">
        <v>53664</v>
      </c>
      <c r="G14124" s="1" t="s">
        <v>53552</v>
      </c>
      <c r="H14124" s="1" t="s">
        <v>53553</v>
      </c>
      <c r="I14124" s="1" t="s">
        <v>52177</v>
      </c>
      <c r="J14124" s="1" t="s">
        <v>53665</v>
      </c>
    </row>
    <row r="14125" spans="1:10" x14ac:dyDescent="0.35">
      <c r="A14125" s="1" t="s">
        <v>53548</v>
      </c>
      <c r="B14125" s="1" t="s">
        <v>52171</v>
      </c>
      <c r="C14125" s="1" t="s">
        <v>170</v>
      </c>
      <c r="D14125" s="1" t="s">
        <v>53666</v>
      </c>
      <c r="E14125" s="1" t="s">
        <v>53667</v>
      </c>
      <c r="F14125" s="1" t="s">
        <v>53668</v>
      </c>
      <c r="G14125" s="1" t="s">
        <v>53552</v>
      </c>
      <c r="H14125" s="1" t="s">
        <v>53553</v>
      </c>
      <c r="I14125" s="1" t="s">
        <v>52177</v>
      </c>
      <c r="J14125" s="1" t="s">
        <v>53669</v>
      </c>
    </row>
    <row r="14126" spans="1:10" x14ac:dyDescent="0.35">
      <c r="A14126" s="1" t="s">
        <v>51830</v>
      </c>
      <c r="B14126" s="1" t="s">
        <v>52171</v>
      </c>
      <c r="C14126" s="1" t="s">
        <v>8</v>
      </c>
      <c r="D14126" s="1" t="s">
        <v>53670</v>
      </c>
      <c r="E14126" s="1" t="s">
        <v>53671</v>
      </c>
      <c r="F14126" s="1" t="s">
        <v>53672</v>
      </c>
      <c r="G14126" s="1" t="s">
        <v>53673</v>
      </c>
      <c r="H14126" s="1" t="s">
        <v>53674</v>
      </c>
      <c r="I14126" s="1" t="s">
        <v>52177</v>
      </c>
      <c r="J14126" s="1" t="s">
        <v>13</v>
      </c>
    </row>
    <row r="14127" spans="1:10" x14ac:dyDescent="0.35">
      <c r="A14127" s="1" t="s">
        <v>51830</v>
      </c>
      <c r="B14127" s="1" t="s">
        <v>52171</v>
      </c>
      <c r="C14127" s="1" t="s">
        <v>15</v>
      </c>
      <c r="D14127" s="1" t="s">
        <v>53675</v>
      </c>
      <c r="E14127" s="1" t="s">
        <v>53676</v>
      </c>
      <c r="F14127" s="1" t="s">
        <v>53677</v>
      </c>
      <c r="G14127" s="1" t="s">
        <v>53673</v>
      </c>
      <c r="H14127" s="1" t="s">
        <v>53674</v>
      </c>
      <c r="I14127" s="1" t="s">
        <v>52177</v>
      </c>
      <c r="J14127" s="1" t="s">
        <v>53678</v>
      </c>
    </row>
    <row r="14128" spans="1:10" x14ac:dyDescent="0.35">
      <c r="A14128" s="1" t="s">
        <v>51830</v>
      </c>
      <c r="B14128" s="1" t="s">
        <v>52171</v>
      </c>
      <c r="C14128" s="1" t="s">
        <v>20</v>
      </c>
      <c r="D14128" s="1" t="s">
        <v>6814</v>
      </c>
      <c r="E14128" s="1" t="s">
        <v>53679</v>
      </c>
      <c r="F14128" s="1" t="s">
        <v>53680</v>
      </c>
      <c r="G14128" s="1" t="s">
        <v>53673</v>
      </c>
      <c r="H14128" s="1" t="s">
        <v>53674</v>
      </c>
      <c r="I14128" s="1" t="s">
        <v>52177</v>
      </c>
      <c r="J14128" s="1" t="s">
        <v>53681</v>
      </c>
    </row>
    <row r="14129" spans="1:10" x14ac:dyDescent="0.35">
      <c r="A14129" s="1" t="s">
        <v>51830</v>
      </c>
      <c r="B14129" s="1" t="s">
        <v>52171</v>
      </c>
      <c r="C14129" s="1" t="s">
        <v>25</v>
      </c>
      <c r="D14129" s="1" t="s">
        <v>53682</v>
      </c>
      <c r="E14129" s="1" t="s">
        <v>53683</v>
      </c>
      <c r="F14129" s="1" t="s">
        <v>53684</v>
      </c>
      <c r="G14129" s="1" t="s">
        <v>53673</v>
      </c>
      <c r="H14129" s="1" t="s">
        <v>53674</v>
      </c>
      <c r="I14129" s="1" t="s">
        <v>52177</v>
      </c>
      <c r="J14129" s="1" t="s">
        <v>53685</v>
      </c>
    </row>
    <row r="14130" spans="1:10" x14ac:dyDescent="0.35">
      <c r="A14130" s="1" t="s">
        <v>51830</v>
      </c>
      <c r="B14130" s="1" t="s">
        <v>52171</v>
      </c>
      <c r="C14130" s="1" t="s">
        <v>30</v>
      </c>
      <c r="D14130" s="1" t="s">
        <v>53686</v>
      </c>
      <c r="E14130" s="1" t="s">
        <v>53687</v>
      </c>
      <c r="F14130" s="1" t="s">
        <v>53688</v>
      </c>
      <c r="G14130" s="1" t="s">
        <v>53673</v>
      </c>
      <c r="H14130" s="1" t="s">
        <v>53674</v>
      </c>
      <c r="I14130" s="1" t="s">
        <v>52177</v>
      </c>
      <c r="J14130" s="1" t="s">
        <v>53689</v>
      </c>
    </row>
    <row r="14131" spans="1:10" x14ac:dyDescent="0.35">
      <c r="A14131" s="1" t="s">
        <v>51830</v>
      </c>
      <c r="B14131" s="1" t="s">
        <v>52171</v>
      </c>
      <c r="C14131" s="1" t="s">
        <v>35</v>
      </c>
      <c r="D14131" s="1" t="s">
        <v>53314</v>
      </c>
      <c r="E14131" s="1" t="s">
        <v>53690</v>
      </c>
      <c r="F14131" s="1" t="s">
        <v>53691</v>
      </c>
      <c r="G14131" s="1" t="s">
        <v>53673</v>
      </c>
      <c r="H14131" s="1" t="s">
        <v>53674</v>
      </c>
      <c r="I14131" s="1" t="s">
        <v>52177</v>
      </c>
      <c r="J14131" s="1" t="s">
        <v>53692</v>
      </c>
    </row>
    <row r="14132" spans="1:10" x14ac:dyDescent="0.35">
      <c r="A14132" s="1" t="s">
        <v>51830</v>
      </c>
      <c r="B14132" s="1" t="s">
        <v>52171</v>
      </c>
      <c r="C14132" s="1" t="s">
        <v>40</v>
      </c>
      <c r="D14132" s="1" t="s">
        <v>53693</v>
      </c>
      <c r="E14132" s="1" t="s">
        <v>53694</v>
      </c>
      <c r="F14132" s="1" t="s">
        <v>53695</v>
      </c>
      <c r="G14132" s="1" t="s">
        <v>53673</v>
      </c>
      <c r="H14132" s="1" t="s">
        <v>53674</v>
      </c>
      <c r="I14132" s="1" t="s">
        <v>52177</v>
      </c>
      <c r="J14132" s="1" t="s">
        <v>53696</v>
      </c>
    </row>
    <row r="14133" spans="1:10" x14ac:dyDescent="0.35">
      <c r="A14133" s="1" t="s">
        <v>51830</v>
      </c>
      <c r="B14133" s="1" t="s">
        <v>52171</v>
      </c>
      <c r="C14133" s="1" t="s">
        <v>45</v>
      </c>
      <c r="D14133" s="1" t="s">
        <v>53697</v>
      </c>
      <c r="E14133" s="1" t="s">
        <v>53698</v>
      </c>
      <c r="F14133" s="1" t="s">
        <v>53699</v>
      </c>
      <c r="G14133" s="1" t="s">
        <v>53673</v>
      </c>
      <c r="H14133" s="1" t="s">
        <v>53674</v>
      </c>
      <c r="I14133" s="1" t="s">
        <v>52177</v>
      </c>
      <c r="J14133" s="1" t="s">
        <v>53700</v>
      </c>
    </row>
    <row r="14134" spans="1:10" x14ac:dyDescent="0.35">
      <c r="A14134" s="1" t="s">
        <v>51830</v>
      </c>
      <c r="B14134" s="1" t="s">
        <v>52171</v>
      </c>
      <c r="C14134" s="1" t="s">
        <v>50</v>
      </c>
      <c r="D14134" s="1" t="s">
        <v>52460</v>
      </c>
      <c r="E14134" s="1" t="s">
        <v>53701</v>
      </c>
      <c r="F14134" s="1" t="s">
        <v>53702</v>
      </c>
      <c r="G14134" s="1" t="s">
        <v>53673</v>
      </c>
      <c r="H14134" s="1" t="s">
        <v>53674</v>
      </c>
      <c r="I14134" s="1" t="s">
        <v>52177</v>
      </c>
      <c r="J14134" s="1" t="s">
        <v>53703</v>
      </c>
    </row>
    <row r="14135" spans="1:10" x14ac:dyDescent="0.35">
      <c r="A14135" s="1" t="s">
        <v>51830</v>
      </c>
      <c r="B14135" s="1" t="s">
        <v>52171</v>
      </c>
      <c r="C14135" s="1" t="s">
        <v>55</v>
      </c>
      <c r="D14135" s="1" t="s">
        <v>53704</v>
      </c>
      <c r="E14135" s="1" t="s">
        <v>53705</v>
      </c>
      <c r="F14135" s="1" t="s">
        <v>53706</v>
      </c>
      <c r="G14135" s="1" t="s">
        <v>53673</v>
      </c>
      <c r="H14135" s="1" t="s">
        <v>53674</v>
      </c>
      <c r="I14135" s="1" t="s">
        <v>52177</v>
      </c>
      <c r="J14135" s="1" t="s">
        <v>53707</v>
      </c>
    </row>
    <row r="14136" spans="1:10" x14ac:dyDescent="0.35">
      <c r="A14136" s="1" t="s">
        <v>51830</v>
      </c>
      <c r="B14136" s="1" t="s">
        <v>52171</v>
      </c>
      <c r="C14136" s="1" t="s">
        <v>60</v>
      </c>
      <c r="D14136" s="1" t="s">
        <v>53708</v>
      </c>
      <c r="E14136" s="1" t="s">
        <v>53709</v>
      </c>
      <c r="F14136" s="1" t="s">
        <v>53710</v>
      </c>
      <c r="G14136" s="1" t="s">
        <v>53673</v>
      </c>
      <c r="H14136" s="1" t="s">
        <v>53674</v>
      </c>
      <c r="I14136" s="1" t="s">
        <v>52177</v>
      </c>
      <c r="J14136" s="1" t="s">
        <v>53711</v>
      </c>
    </row>
    <row r="14137" spans="1:10" x14ac:dyDescent="0.35">
      <c r="A14137" s="1" t="s">
        <v>51830</v>
      </c>
      <c r="B14137" s="1" t="s">
        <v>52171</v>
      </c>
      <c r="C14137" s="1" t="s">
        <v>65</v>
      </c>
      <c r="D14137" s="1" t="s">
        <v>53712</v>
      </c>
      <c r="E14137" s="1" t="s">
        <v>53713</v>
      </c>
      <c r="F14137" s="1" t="s">
        <v>53714</v>
      </c>
      <c r="G14137" s="1" t="s">
        <v>53673</v>
      </c>
      <c r="H14137" s="1" t="s">
        <v>53674</v>
      </c>
      <c r="I14137" s="1" t="s">
        <v>52177</v>
      </c>
      <c r="J14137" s="1" t="s">
        <v>53715</v>
      </c>
    </row>
    <row r="14138" spans="1:10" x14ac:dyDescent="0.35">
      <c r="A14138" s="1" t="s">
        <v>51830</v>
      </c>
      <c r="B14138" s="1" t="s">
        <v>52171</v>
      </c>
      <c r="C14138" s="1" t="s">
        <v>70</v>
      </c>
      <c r="D14138" s="1" t="s">
        <v>53716</v>
      </c>
      <c r="E14138" s="1" t="s">
        <v>53717</v>
      </c>
      <c r="F14138" s="1" t="s">
        <v>53718</v>
      </c>
      <c r="G14138" s="1" t="s">
        <v>53673</v>
      </c>
      <c r="H14138" s="1" t="s">
        <v>53674</v>
      </c>
      <c r="I14138" s="1" t="s">
        <v>52177</v>
      </c>
      <c r="J14138" s="1" t="s">
        <v>53719</v>
      </c>
    </row>
    <row r="14139" spans="1:10" x14ac:dyDescent="0.35">
      <c r="A14139" s="1" t="s">
        <v>51830</v>
      </c>
      <c r="B14139" s="1" t="s">
        <v>52171</v>
      </c>
      <c r="C14139" s="1" t="s">
        <v>75</v>
      </c>
      <c r="D14139" s="1" t="s">
        <v>53720</v>
      </c>
      <c r="E14139" s="1" t="s">
        <v>53721</v>
      </c>
      <c r="F14139" s="1" t="s">
        <v>53722</v>
      </c>
      <c r="G14139" s="1" t="s">
        <v>53673</v>
      </c>
      <c r="H14139" s="1" t="s">
        <v>53674</v>
      </c>
      <c r="I14139" s="1" t="s">
        <v>52177</v>
      </c>
      <c r="J14139" s="1" t="s">
        <v>53723</v>
      </c>
    </row>
    <row r="14140" spans="1:10" x14ac:dyDescent="0.35">
      <c r="A14140" s="1" t="s">
        <v>51830</v>
      </c>
      <c r="B14140" s="1" t="s">
        <v>52171</v>
      </c>
      <c r="C14140" s="1" t="s">
        <v>80</v>
      </c>
      <c r="D14140" s="1" t="s">
        <v>53724</v>
      </c>
      <c r="E14140" s="1" t="s">
        <v>53725</v>
      </c>
      <c r="F14140" s="1" t="s">
        <v>53726</v>
      </c>
      <c r="G14140" s="1" t="s">
        <v>53673</v>
      </c>
      <c r="H14140" s="1" t="s">
        <v>53674</v>
      </c>
      <c r="I14140" s="1" t="s">
        <v>52177</v>
      </c>
      <c r="J14140" s="1" t="s">
        <v>53727</v>
      </c>
    </row>
    <row r="14141" spans="1:10" x14ac:dyDescent="0.35">
      <c r="A14141" s="1" t="s">
        <v>51830</v>
      </c>
      <c r="B14141" s="1" t="s">
        <v>52171</v>
      </c>
      <c r="C14141" s="1" t="s">
        <v>85</v>
      </c>
      <c r="D14141" s="1" t="s">
        <v>53231</v>
      </c>
      <c r="E14141" s="1" t="s">
        <v>53728</v>
      </c>
      <c r="F14141" s="1" t="s">
        <v>53729</v>
      </c>
      <c r="G14141" s="1" t="s">
        <v>53673</v>
      </c>
      <c r="H14141" s="1" t="s">
        <v>53674</v>
      </c>
      <c r="I14141" s="1" t="s">
        <v>52177</v>
      </c>
      <c r="J14141" s="1" t="s">
        <v>53730</v>
      </c>
    </row>
    <row r="14142" spans="1:10" x14ac:dyDescent="0.35">
      <c r="A14142" s="1" t="s">
        <v>51830</v>
      </c>
      <c r="B14142" s="1" t="s">
        <v>52171</v>
      </c>
      <c r="C14142" s="1" t="s">
        <v>90</v>
      </c>
      <c r="D14142" s="1" t="s">
        <v>53731</v>
      </c>
      <c r="E14142" s="1" t="s">
        <v>53732</v>
      </c>
      <c r="F14142" s="1" t="s">
        <v>53733</v>
      </c>
      <c r="G14142" s="1" t="s">
        <v>53673</v>
      </c>
      <c r="H14142" s="1" t="s">
        <v>53674</v>
      </c>
      <c r="I14142" s="1" t="s">
        <v>52177</v>
      </c>
      <c r="J14142" s="1" t="s">
        <v>53734</v>
      </c>
    </row>
    <row r="14143" spans="1:10" x14ac:dyDescent="0.35">
      <c r="A14143" s="1" t="s">
        <v>51830</v>
      </c>
      <c r="B14143" s="1" t="s">
        <v>52171</v>
      </c>
      <c r="C14143" s="1" t="s">
        <v>95</v>
      </c>
      <c r="D14143" s="1" t="s">
        <v>53735</v>
      </c>
      <c r="E14143" s="1" t="s">
        <v>53736</v>
      </c>
      <c r="F14143" s="1" t="s">
        <v>53737</v>
      </c>
      <c r="G14143" s="1" t="s">
        <v>53673</v>
      </c>
      <c r="H14143" s="1" t="s">
        <v>53674</v>
      </c>
      <c r="I14143" s="1" t="s">
        <v>52177</v>
      </c>
      <c r="J14143" s="1" t="s">
        <v>53738</v>
      </c>
    </row>
    <row r="14144" spans="1:10" x14ac:dyDescent="0.35">
      <c r="A14144" s="1" t="s">
        <v>51830</v>
      </c>
      <c r="B14144" s="1" t="s">
        <v>52171</v>
      </c>
      <c r="C14144" s="1" t="s">
        <v>100</v>
      </c>
      <c r="D14144" s="1" t="s">
        <v>52739</v>
      </c>
      <c r="E14144" s="1" t="s">
        <v>53739</v>
      </c>
      <c r="F14144" s="1" t="s">
        <v>53740</v>
      </c>
      <c r="G14144" s="1" t="s">
        <v>53673</v>
      </c>
      <c r="H14144" s="1" t="s">
        <v>53674</v>
      </c>
      <c r="I14144" s="1" t="s">
        <v>52177</v>
      </c>
      <c r="J14144" s="1" t="s">
        <v>53741</v>
      </c>
    </row>
    <row r="14145" spans="1:10" x14ac:dyDescent="0.35">
      <c r="A14145" s="1" t="s">
        <v>51830</v>
      </c>
      <c r="B14145" s="1" t="s">
        <v>52171</v>
      </c>
      <c r="C14145" s="1" t="s">
        <v>105</v>
      </c>
      <c r="D14145" s="1" t="s">
        <v>53742</v>
      </c>
      <c r="E14145" s="1" t="s">
        <v>53743</v>
      </c>
      <c r="F14145" s="1" t="s">
        <v>53744</v>
      </c>
      <c r="G14145" s="1" t="s">
        <v>53673</v>
      </c>
      <c r="H14145" s="1" t="s">
        <v>53674</v>
      </c>
      <c r="I14145" s="1" t="s">
        <v>52177</v>
      </c>
      <c r="J14145" s="1" t="s">
        <v>53745</v>
      </c>
    </row>
    <row r="14146" spans="1:10" x14ac:dyDescent="0.35">
      <c r="A14146" s="1" t="s">
        <v>51830</v>
      </c>
      <c r="B14146" s="1" t="s">
        <v>52171</v>
      </c>
      <c r="C14146" s="1" t="s">
        <v>110</v>
      </c>
      <c r="D14146" s="1" t="s">
        <v>53248</v>
      </c>
      <c r="E14146" s="1" t="s">
        <v>53746</v>
      </c>
      <c r="F14146" s="1" t="s">
        <v>53747</v>
      </c>
      <c r="G14146" s="1" t="s">
        <v>53673</v>
      </c>
      <c r="H14146" s="1" t="s">
        <v>53674</v>
      </c>
      <c r="I14146" s="1" t="s">
        <v>52177</v>
      </c>
      <c r="J14146" s="1" t="s">
        <v>53748</v>
      </c>
    </row>
    <row r="14147" spans="1:10" x14ac:dyDescent="0.35">
      <c r="A14147" s="1" t="s">
        <v>51830</v>
      </c>
      <c r="B14147" s="1" t="s">
        <v>52171</v>
      </c>
      <c r="C14147" s="1" t="s">
        <v>115</v>
      </c>
      <c r="D14147" s="1" t="s">
        <v>53749</v>
      </c>
      <c r="E14147" s="1" t="s">
        <v>53750</v>
      </c>
      <c r="F14147" s="1" t="s">
        <v>53751</v>
      </c>
      <c r="G14147" s="1" t="s">
        <v>53673</v>
      </c>
      <c r="H14147" s="1" t="s">
        <v>53674</v>
      </c>
      <c r="I14147" s="1" t="s">
        <v>52177</v>
      </c>
      <c r="J14147" s="1" t="s">
        <v>53752</v>
      </c>
    </row>
    <row r="14148" spans="1:10" x14ac:dyDescent="0.35">
      <c r="A14148" s="1" t="s">
        <v>51830</v>
      </c>
      <c r="B14148" s="1" t="s">
        <v>52171</v>
      </c>
      <c r="C14148" s="1" t="s">
        <v>120</v>
      </c>
      <c r="D14148" s="1" t="s">
        <v>53753</v>
      </c>
      <c r="E14148" s="1" t="s">
        <v>53754</v>
      </c>
      <c r="F14148" s="1" t="s">
        <v>53755</v>
      </c>
      <c r="G14148" s="1" t="s">
        <v>53673</v>
      </c>
      <c r="H14148" s="1" t="s">
        <v>53674</v>
      </c>
      <c r="I14148" s="1" t="s">
        <v>52177</v>
      </c>
      <c r="J14148" s="1" t="s">
        <v>53756</v>
      </c>
    </row>
    <row r="14149" spans="1:10" x14ac:dyDescent="0.35">
      <c r="A14149" s="1" t="s">
        <v>51830</v>
      </c>
      <c r="B14149" s="1" t="s">
        <v>52171</v>
      </c>
      <c r="C14149" s="1" t="s">
        <v>125</v>
      </c>
      <c r="D14149" s="1" t="s">
        <v>39185</v>
      </c>
      <c r="E14149" s="1" t="s">
        <v>53757</v>
      </c>
      <c r="F14149" s="1" t="s">
        <v>53758</v>
      </c>
      <c r="G14149" s="1" t="s">
        <v>53673</v>
      </c>
      <c r="H14149" s="1" t="s">
        <v>53674</v>
      </c>
      <c r="I14149" s="1" t="s">
        <v>52177</v>
      </c>
      <c r="J14149" s="1" t="s">
        <v>53759</v>
      </c>
    </row>
    <row r="14150" spans="1:10" x14ac:dyDescent="0.35">
      <c r="A14150" s="1" t="s">
        <v>51830</v>
      </c>
      <c r="B14150" s="1" t="s">
        <v>52171</v>
      </c>
      <c r="C14150" s="1" t="s">
        <v>130</v>
      </c>
      <c r="D14150" s="1" t="s">
        <v>53760</v>
      </c>
      <c r="E14150" s="1" t="s">
        <v>53761</v>
      </c>
      <c r="F14150" s="1" t="s">
        <v>53762</v>
      </c>
      <c r="G14150" s="1" t="s">
        <v>53673</v>
      </c>
      <c r="H14150" s="1" t="s">
        <v>53674</v>
      </c>
      <c r="I14150" s="1" t="s">
        <v>52177</v>
      </c>
      <c r="J14150" s="1" t="s">
        <v>53763</v>
      </c>
    </row>
    <row r="14151" spans="1:10" x14ac:dyDescent="0.35">
      <c r="A14151" s="1" t="s">
        <v>51830</v>
      </c>
      <c r="B14151" s="1" t="s">
        <v>52171</v>
      </c>
      <c r="C14151" s="1" t="s">
        <v>135</v>
      </c>
      <c r="D14151" s="1" t="s">
        <v>53764</v>
      </c>
      <c r="E14151" s="1" t="s">
        <v>53765</v>
      </c>
      <c r="F14151" s="1" t="s">
        <v>53766</v>
      </c>
      <c r="G14151" s="1" t="s">
        <v>53673</v>
      </c>
      <c r="H14151" s="1" t="s">
        <v>53674</v>
      </c>
      <c r="I14151" s="1" t="s">
        <v>52177</v>
      </c>
      <c r="J14151" s="1" t="s">
        <v>53767</v>
      </c>
    </row>
    <row r="14152" spans="1:10" x14ac:dyDescent="0.35">
      <c r="A14152" s="1" t="s">
        <v>51830</v>
      </c>
      <c r="B14152" s="1" t="s">
        <v>52171</v>
      </c>
      <c r="C14152" s="1" t="s">
        <v>140</v>
      </c>
      <c r="D14152" s="1" t="s">
        <v>53768</v>
      </c>
      <c r="E14152" s="1" t="s">
        <v>53769</v>
      </c>
      <c r="F14152" s="1" t="s">
        <v>53770</v>
      </c>
      <c r="G14152" s="1" t="s">
        <v>53673</v>
      </c>
      <c r="H14152" s="1" t="s">
        <v>53674</v>
      </c>
      <c r="I14152" s="1" t="s">
        <v>52177</v>
      </c>
      <c r="J14152" s="1" t="s">
        <v>53771</v>
      </c>
    </row>
    <row r="14153" spans="1:10" x14ac:dyDescent="0.35">
      <c r="A14153" s="1" t="s">
        <v>51830</v>
      </c>
      <c r="B14153" s="1" t="s">
        <v>52171</v>
      </c>
      <c r="C14153" s="1" t="s">
        <v>145</v>
      </c>
      <c r="D14153" s="1" t="s">
        <v>53772</v>
      </c>
      <c r="E14153" s="1" t="s">
        <v>53773</v>
      </c>
      <c r="F14153" s="1" t="s">
        <v>53774</v>
      </c>
      <c r="G14153" s="1" t="s">
        <v>53673</v>
      </c>
      <c r="H14153" s="1" t="s">
        <v>53674</v>
      </c>
      <c r="I14153" s="1" t="s">
        <v>52177</v>
      </c>
      <c r="J14153" s="1" t="s">
        <v>53775</v>
      </c>
    </row>
    <row r="14154" spans="1:10" x14ac:dyDescent="0.35">
      <c r="A14154" s="1" t="s">
        <v>51830</v>
      </c>
      <c r="B14154" s="1" t="s">
        <v>52171</v>
      </c>
      <c r="C14154" s="1" t="s">
        <v>150</v>
      </c>
      <c r="D14154" s="1" t="s">
        <v>53776</v>
      </c>
      <c r="E14154" s="1" t="s">
        <v>53777</v>
      </c>
      <c r="F14154" s="1" t="s">
        <v>53778</v>
      </c>
      <c r="G14154" s="1" t="s">
        <v>53673</v>
      </c>
      <c r="H14154" s="1" t="s">
        <v>53674</v>
      </c>
      <c r="I14154" s="1" t="s">
        <v>52177</v>
      </c>
      <c r="J14154" s="1" t="s">
        <v>53779</v>
      </c>
    </row>
    <row r="14155" spans="1:10" x14ac:dyDescent="0.35">
      <c r="A14155" s="1" t="s">
        <v>51830</v>
      </c>
      <c r="B14155" s="1" t="s">
        <v>52171</v>
      </c>
      <c r="C14155" s="1" t="s">
        <v>155</v>
      </c>
      <c r="D14155" s="1" t="s">
        <v>20295</v>
      </c>
      <c r="E14155" s="1" t="s">
        <v>53780</v>
      </c>
      <c r="F14155" s="1" t="s">
        <v>53781</v>
      </c>
      <c r="G14155" s="1" t="s">
        <v>53673</v>
      </c>
      <c r="H14155" s="1" t="s">
        <v>53674</v>
      </c>
      <c r="I14155" s="1" t="s">
        <v>52177</v>
      </c>
      <c r="J14155" s="1" t="s">
        <v>53782</v>
      </c>
    </row>
    <row r="14156" spans="1:10" x14ac:dyDescent="0.35">
      <c r="A14156" s="1" t="s">
        <v>51830</v>
      </c>
      <c r="B14156" s="1" t="s">
        <v>52171</v>
      </c>
      <c r="C14156" s="1" t="s">
        <v>160</v>
      </c>
      <c r="D14156" s="1" t="s">
        <v>53783</v>
      </c>
      <c r="E14156" s="1" t="s">
        <v>53784</v>
      </c>
      <c r="F14156" s="1" t="s">
        <v>53785</v>
      </c>
      <c r="G14156" s="1" t="s">
        <v>53673</v>
      </c>
      <c r="H14156" s="1" t="s">
        <v>53674</v>
      </c>
      <c r="I14156" s="1" t="s">
        <v>52177</v>
      </c>
      <c r="J14156" s="1" t="s">
        <v>53786</v>
      </c>
    </row>
    <row r="14157" spans="1:10" x14ac:dyDescent="0.35">
      <c r="A14157" s="1" t="s">
        <v>51830</v>
      </c>
      <c r="B14157" s="1" t="s">
        <v>52171</v>
      </c>
      <c r="C14157" s="1" t="s">
        <v>165</v>
      </c>
      <c r="D14157" s="1" t="s">
        <v>53787</v>
      </c>
      <c r="E14157" s="1" t="s">
        <v>53788</v>
      </c>
      <c r="F14157" s="1" t="s">
        <v>53789</v>
      </c>
      <c r="G14157" s="1" t="s">
        <v>53673</v>
      </c>
      <c r="H14157" s="1" t="s">
        <v>53674</v>
      </c>
      <c r="I14157" s="1" t="s">
        <v>52177</v>
      </c>
      <c r="J14157" s="1" t="s">
        <v>53790</v>
      </c>
    </row>
    <row r="14158" spans="1:10" x14ac:dyDescent="0.35">
      <c r="A14158" s="1" t="s">
        <v>51830</v>
      </c>
      <c r="B14158" s="1" t="s">
        <v>52171</v>
      </c>
      <c r="C14158" s="1" t="s">
        <v>170</v>
      </c>
      <c r="D14158" s="1" t="s">
        <v>53791</v>
      </c>
      <c r="E14158" s="1" t="s">
        <v>53792</v>
      </c>
      <c r="F14158" s="1" t="s">
        <v>53793</v>
      </c>
      <c r="G14158" s="1" t="s">
        <v>53673</v>
      </c>
      <c r="H14158" s="1" t="s">
        <v>53674</v>
      </c>
      <c r="I14158" s="1" t="s">
        <v>52177</v>
      </c>
      <c r="J14158" s="1" t="s">
        <v>53794</v>
      </c>
    </row>
    <row r="14159" spans="1:10" x14ac:dyDescent="0.35">
      <c r="A14159" s="1" t="s">
        <v>53795</v>
      </c>
      <c r="B14159" s="1" t="s">
        <v>53796</v>
      </c>
      <c r="C14159" s="1" t="s">
        <v>8</v>
      </c>
      <c r="D14159" s="1" t="s">
        <v>52354</v>
      </c>
      <c r="E14159" s="1" t="s">
        <v>15245</v>
      </c>
      <c r="F14159" s="1" t="s">
        <v>53797</v>
      </c>
      <c r="G14159" s="1" t="s">
        <v>53798</v>
      </c>
      <c r="H14159" s="1" t="s">
        <v>53799</v>
      </c>
      <c r="I14159" s="1" t="s">
        <v>53800</v>
      </c>
      <c r="J14159" s="1" t="s">
        <v>13</v>
      </c>
    </row>
    <row r="14160" spans="1:10" x14ac:dyDescent="0.35">
      <c r="A14160" s="1" t="s">
        <v>53795</v>
      </c>
      <c r="B14160" s="1" t="s">
        <v>53796</v>
      </c>
      <c r="C14160" s="1" t="s">
        <v>15</v>
      </c>
      <c r="D14160" s="1" t="s">
        <v>53801</v>
      </c>
      <c r="E14160" s="1" t="s">
        <v>21952</v>
      </c>
      <c r="F14160" s="1" t="s">
        <v>53802</v>
      </c>
      <c r="G14160" s="1" t="s">
        <v>53798</v>
      </c>
      <c r="H14160" s="1" t="s">
        <v>53799</v>
      </c>
      <c r="I14160" s="1" t="s">
        <v>53800</v>
      </c>
      <c r="J14160" s="1" t="s">
        <v>53803</v>
      </c>
    </row>
    <row r="14161" spans="1:10" x14ac:dyDescent="0.35">
      <c r="A14161" s="1" t="s">
        <v>53795</v>
      </c>
      <c r="B14161" s="1" t="s">
        <v>53796</v>
      </c>
      <c r="C14161" s="1" t="s">
        <v>20</v>
      </c>
      <c r="D14161" s="1" t="s">
        <v>53804</v>
      </c>
      <c r="E14161" s="1" t="s">
        <v>15245</v>
      </c>
      <c r="F14161" s="1" t="s">
        <v>53805</v>
      </c>
      <c r="G14161" s="1" t="s">
        <v>53798</v>
      </c>
      <c r="H14161" s="1" t="s">
        <v>53799</v>
      </c>
      <c r="I14161" s="1" t="s">
        <v>53800</v>
      </c>
      <c r="J14161" s="1" t="s">
        <v>53806</v>
      </c>
    </row>
    <row r="14162" spans="1:10" x14ac:dyDescent="0.35">
      <c r="A14162" s="1" t="s">
        <v>53795</v>
      </c>
      <c r="B14162" s="1" t="s">
        <v>53796</v>
      </c>
      <c r="C14162" s="1" t="s">
        <v>25</v>
      </c>
      <c r="D14162" s="1" t="s">
        <v>53807</v>
      </c>
      <c r="E14162" s="1" t="s">
        <v>53808</v>
      </c>
      <c r="F14162" s="1" t="s">
        <v>53809</v>
      </c>
      <c r="G14162" s="1" t="s">
        <v>53798</v>
      </c>
      <c r="H14162" s="1" t="s">
        <v>53799</v>
      </c>
      <c r="I14162" s="1" t="s">
        <v>53800</v>
      </c>
      <c r="J14162" s="1" t="s">
        <v>53810</v>
      </c>
    </row>
    <row r="14163" spans="1:10" x14ac:dyDescent="0.35">
      <c r="A14163" s="1" t="s">
        <v>53795</v>
      </c>
      <c r="B14163" s="1" t="s">
        <v>53796</v>
      </c>
      <c r="C14163" s="1" t="s">
        <v>30</v>
      </c>
      <c r="D14163" s="1" t="s">
        <v>53811</v>
      </c>
      <c r="E14163" s="1" t="s">
        <v>12879</v>
      </c>
      <c r="F14163" s="1" t="s">
        <v>53812</v>
      </c>
      <c r="G14163" s="1" t="s">
        <v>53798</v>
      </c>
      <c r="H14163" s="1" t="s">
        <v>53799</v>
      </c>
      <c r="I14163" s="1" t="s">
        <v>53800</v>
      </c>
      <c r="J14163" s="1" t="s">
        <v>53813</v>
      </c>
    </row>
    <row r="14164" spans="1:10" x14ac:dyDescent="0.35">
      <c r="A14164" s="1" t="s">
        <v>53795</v>
      </c>
      <c r="B14164" s="1" t="s">
        <v>53796</v>
      </c>
      <c r="C14164" s="1" t="s">
        <v>35</v>
      </c>
      <c r="D14164" s="1" t="s">
        <v>53814</v>
      </c>
      <c r="E14164" s="1" t="s">
        <v>53815</v>
      </c>
      <c r="F14164" s="1" t="s">
        <v>53816</v>
      </c>
      <c r="G14164" s="1" t="s">
        <v>53798</v>
      </c>
      <c r="H14164" s="1" t="s">
        <v>53799</v>
      </c>
      <c r="I14164" s="1" t="s">
        <v>53800</v>
      </c>
      <c r="J14164" s="1" t="s">
        <v>53817</v>
      </c>
    </row>
    <row r="14165" spans="1:10" x14ac:dyDescent="0.35">
      <c r="A14165" s="1" t="s">
        <v>53795</v>
      </c>
      <c r="B14165" s="1" t="s">
        <v>53796</v>
      </c>
      <c r="C14165" s="1" t="s">
        <v>40</v>
      </c>
      <c r="D14165" s="1" t="s">
        <v>53818</v>
      </c>
      <c r="E14165" s="1" t="s">
        <v>23049</v>
      </c>
      <c r="F14165" s="1" t="s">
        <v>53819</v>
      </c>
      <c r="G14165" s="1" t="s">
        <v>53798</v>
      </c>
      <c r="H14165" s="1" t="s">
        <v>53799</v>
      </c>
      <c r="I14165" s="1" t="s">
        <v>53800</v>
      </c>
      <c r="J14165" s="1" t="s">
        <v>53820</v>
      </c>
    </row>
    <row r="14166" spans="1:10" x14ac:dyDescent="0.35">
      <c r="A14166" s="1" t="s">
        <v>53795</v>
      </c>
      <c r="B14166" s="1" t="s">
        <v>53796</v>
      </c>
      <c r="C14166" s="1" t="s">
        <v>45</v>
      </c>
      <c r="D14166" s="1" t="s">
        <v>53821</v>
      </c>
      <c r="E14166" s="1" t="s">
        <v>15340</v>
      </c>
      <c r="F14166" s="1" t="s">
        <v>53822</v>
      </c>
      <c r="G14166" s="1" t="s">
        <v>53798</v>
      </c>
      <c r="H14166" s="1" t="s">
        <v>53799</v>
      </c>
      <c r="I14166" s="1" t="s">
        <v>53800</v>
      </c>
      <c r="J14166" s="1" t="s">
        <v>53823</v>
      </c>
    </row>
    <row r="14167" spans="1:10" x14ac:dyDescent="0.35">
      <c r="A14167" s="1" t="s">
        <v>53795</v>
      </c>
      <c r="B14167" s="1" t="s">
        <v>53796</v>
      </c>
      <c r="C14167" s="1" t="s">
        <v>50</v>
      </c>
      <c r="D14167" s="1" t="s">
        <v>53824</v>
      </c>
      <c r="E14167" s="1" t="s">
        <v>53825</v>
      </c>
      <c r="F14167" s="1" t="s">
        <v>53826</v>
      </c>
      <c r="G14167" s="1" t="s">
        <v>53798</v>
      </c>
      <c r="H14167" s="1" t="s">
        <v>53799</v>
      </c>
      <c r="I14167" s="1" t="s">
        <v>53800</v>
      </c>
      <c r="J14167" s="1" t="s">
        <v>53827</v>
      </c>
    </row>
    <row r="14168" spans="1:10" x14ac:dyDescent="0.35">
      <c r="A14168" s="1" t="s">
        <v>53795</v>
      </c>
      <c r="B14168" s="1" t="s">
        <v>53796</v>
      </c>
      <c r="C14168" s="1" t="s">
        <v>55</v>
      </c>
      <c r="D14168" s="1" t="s">
        <v>43535</v>
      </c>
      <c r="E14168" s="1" t="s">
        <v>23183</v>
      </c>
      <c r="F14168" s="1" t="s">
        <v>53828</v>
      </c>
      <c r="G14168" s="1" t="s">
        <v>53798</v>
      </c>
      <c r="H14168" s="1" t="s">
        <v>53799</v>
      </c>
      <c r="I14168" s="1" t="s">
        <v>53800</v>
      </c>
      <c r="J14168" s="1" t="s">
        <v>53829</v>
      </c>
    </row>
    <row r="14169" spans="1:10" x14ac:dyDescent="0.35">
      <c r="A14169" s="1" t="s">
        <v>53795</v>
      </c>
      <c r="B14169" s="1" t="s">
        <v>53796</v>
      </c>
      <c r="C14169" s="1" t="s">
        <v>60</v>
      </c>
      <c r="D14169" s="1" t="s">
        <v>53830</v>
      </c>
      <c r="E14169" s="1" t="s">
        <v>23248</v>
      </c>
      <c r="F14169" s="1" t="s">
        <v>53831</v>
      </c>
      <c r="G14169" s="1" t="s">
        <v>53798</v>
      </c>
      <c r="H14169" s="1" t="s">
        <v>53799</v>
      </c>
      <c r="I14169" s="1" t="s">
        <v>53800</v>
      </c>
      <c r="J14169" s="1" t="s">
        <v>53832</v>
      </c>
    </row>
    <row r="14170" spans="1:10" x14ac:dyDescent="0.35">
      <c r="A14170" s="1" t="s">
        <v>53795</v>
      </c>
      <c r="B14170" s="1" t="s">
        <v>53796</v>
      </c>
      <c r="C14170" s="1" t="s">
        <v>65</v>
      </c>
      <c r="D14170" s="1" t="s">
        <v>53833</v>
      </c>
      <c r="E14170" s="1" t="s">
        <v>53834</v>
      </c>
      <c r="F14170" s="1" t="s">
        <v>26489</v>
      </c>
      <c r="G14170" s="1" t="s">
        <v>53798</v>
      </c>
      <c r="H14170" s="1" t="s">
        <v>53799</v>
      </c>
      <c r="I14170" s="1" t="s">
        <v>53800</v>
      </c>
      <c r="J14170" s="1" t="s">
        <v>53835</v>
      </c>
    </row>
    <row r="14171" spans="1:10" x14ac:dyDescent="0.35">
      <c r="A14171" s="1" t="s">
        <v>53795</v>
      </c>
      <c r="B14171" s="1" t="s">
        <v>53796</v>
      </c>
      <c r="C14171" s="1" t="s">
        <v>70</v>
      </c>
      <c r="D14171" s="1" t="s">
        <v>53836</v>
      </c>
      <c r="E14171" s="1" t="s">
        <v>15345</v>
      </c>
      <c r="F14171" s="1" t="s">
        <v>53837</v>
      </c>
      <c r="G14171" s="1" t="s">
        <v>53798</v>
      </c>
      <c r="H14171" s="1" t="s">
        <v>53799</v>
      </c>
      <c r="I14171" s="1" t="s">
        <v>53800</v>
      </c>
      <c r="J14171" s="1" t="s">
        <v>53838</v>
      </c>
    </row>
    <row r="14172" spans="1:10" x14ac:dyDescent="0.35">
      <c r="A14172" s="1" t="s">
        <v>53795</v>
      </c>
      <c r="B14172" s="1" t="s">
        <v>53796</v>
      </c>
      <c r="C14172" s="1" t="s">
        <v>75</v>
      </c>
      <c r="D14172" s="1" t="s">
        <v>53839</v>
      </c>
      <c r="E14172" s="1" t="s">
        <v>41184</v>
      </c>
      <c r="F14172" s="1" t="s">
        <v>53840</v>
      </c>
      <c r="G14172" s="1" t="s">
        <v>53798</v>
      </c>
      <c r="H14172" s="1" t="s">
        <v>53799</v>
      </c>
      <c r="I14172" s="1" t="s">
        <v>53800</v>
      </c>
      <c r="J14172" s="1" t="s">
        <v>53841</v>
      </c>
    </row>
    <row r="14173" spans="1:10" x14ac:dyDescent="0.35">
      <c r="A14173" s="1" t="s">
        <v>53795</v>
      </c>
      <c r="B14173" s="1" t="s">
        <v>53796</v>
      </c>
      <c r="C14173" s="1" t="s">
        <v>80</v>
      </c>
      <c r="D14173" s="1" t="s">
        <v>53842</v>
      </c>
      <c r="E14173" s="1" t="s">
        <v>53843</v>
      </c>
      <c r="F14173" s="1" t="s">
        <v>53844</v>
      </c>
      <c r="G14173" s="1" t="s">
        <v>53798</v>
      </c>
      <c r="H14173" s="1" t="s">
        <v>53799</v>
      </c>
      <c r="I14173" s="1" t="s">
        <v>53800</v>
      </c>
      <c r="J14173" s="1" t="s">
        <v>53845</v>
      </c>
    </row>
    <row r="14174" spans="1:10" x14ac:dyDescent="0.35">
      <c r="A14174" s="1" t="s">
        <v>53795</v>
      </c>
      <c r="B14174" s="1" t="s">
        <v>53796</v>
      </c>
      <c r="C14174" s="1" t="s">
        <v>85</v>
      </c>
      <c r="D14174" s="1" t="s">
        <v>53846</v>
      </c>
      <c r="E14174" s="1" t="s">
        <v>41425</v>
      </c>
      <c r="F14174" s="1" t="s">
        <v>53847</v>
      </c>
      <c r="G14174" s="1" t="s">
        <v>53798</v>
      </c>
      <c r="H14174" s="1" t="s">
        <v>53799</v>
      </c>
      <c r="I14174" s="1" t="s">
        <v>53800</v>
      </c>
      <c r="J14174" s="1" t="s">
        <v>53848</v>
      </c>
    </row>
    <row r="14175" spans="1:10" x14ac:dyDescent="0.35">
      <c r="A14175" s="1" t="s">
        <v>53795</v>
      </c>
      <c r="B14175" s="1" t="s">
        <v>53796</v>
      </c>
      <c r="C14175" s="1" t="s">
        <v>90</v>
      </c>
      <c r="D14175" s="1" t="s">
        <v>53849</v>
      </c>
      <c r="E14175" s="1" t="s">
        <v>16186</v>
      </c>
      <c r="F14175" s="1" t="s">
        <v>53850</v>
      </c>
      <c r="G14175" s="1" t="s">
        <v>53798</v>
      </c>
      <c r="H14175" s="1" t="s">
        <v>53799</v>
      </c>
      <c r="I14175" s="1" t="s">
        <v>53800</v>
      </c>
      <c r="J14175" s="1" t="s">
        <v>53851</v>
      </c>
    </row>
    <row r="14176" spans="1:10" x14ac:dyDescent="0.35">
      <c r="A14176" s="1" t="s">
        <v>53795</v>
      </c>
      <c r="B14176" s="1" t="s">
        <v>53796</v>
      </c>
      <c r="C14176" s="1" t="s">
        <v>95</v>
      </c>
      <c r="D14176" s="1" t="s">
        <v>53852</v>
      </c>
      <c r="E14176" s="1" t="s">
        <v>26185</v>
      </c>
      <c r="F14176" s="1" t="s">
        <v>53853</v>
      </c>
      <c r="G14176" s="1" t="s">
        <v>53798</v>
      </c>
      <c r="H14176" s="1" t="s">
        <v>53799</v>
      </c>
      <c r="I14176" s="1" t="s">
        <v>53800</v>
      </c>
      <c r="J14176" s="1" t="s">
        <v>53854</v>
      </c>
    </row>
    <row r="14177" spans="1:10" x14ac:dyDescent="0.35">
      <c r="A14177" s="1" t="s">
        <v>53795</v>
      </c>
      <c r="B14177" s="1" t="s">
        <v>53796</v>
      </c>
      <c r="C14177" s="1" t="s">
        <v>100</v>
      </c>
      <c r="D14177" s="1" t="s">
        <v>53855</v>
      </c>
      <c r="E14177" s="1" t="s">
        <v>41442</v>
      </c>
      <c r="F14177" s="1" t="s">
        <v>53856</v>
      </c>
      <c r="G14177" s="1" t="s">
        <v>53798</v>
      </c>
      <c r="H14177" s="1" t="s">
        <v>53799</v>
      </c>
      <c r="I14177" s="1" t="s">
        <v>53800</v>
      </c>
      <c r="J14177" s="1" t="s">
        <v>53857</v>
      </c>
    </row>
    <row r="14178" spans="1:10" x14ac:dyDescent="0.35">
      <c r="A14178" s="1" t="s">
        <v>53795</v>
      </c>
      <c r="B14178" s="1" t="s">
        <v>53796</v>
      </c>
      <c r="C14178" s="1" t="s">
        <v>105</v>
      </c>
      <c r="D14178" s="1" t="s">
        <v>40368</v>
      </c>
      <c r="E14178" s="1" t="s">
        <v>12801</v>
      </c>
      <c r="F14178" s="1" t="s">
        <v>53858</v>
      </c>
      <c r="G14178" s="1" t="s">
        <v>53798</v>
      </c>
      <c r="H14178" s="1" t="s">
        <v>53799</v>
      </c>
      <c r="I14178" s="1" t="s">
        <v>53800</v>
      </c>
      <c r="J14178" s="1" t="s">
        <v>53859</v>
      </c>
    </row>
    <row r="14179" spans="1:10" x14ac:dyDescent="0.35">
      <c r="A14179" s="1" t="s">
        <v>53795</v>
      </c>
      <c r="B14179" s="1" t="s">
        <v>53796</v>
      </c>
      <c r="C14179" s="1" t="s">
        <v>110</v>
      </c>
      <c r="D14179" s="1" t="s">
        <v>53860</v>
      </c>
      <c r="E14179" s="1" t="s">
        <v>21772</v>
      </c>
      <c r="F14179" s="1" t="s">
        <v>53861</v>
      </c>
      <c r="G14179" s="1" t="s">
        <v>53798</v>
      </c>
      <c r="H14179" s="1" t="s">
        <v>53799</v>
      </c>
      <c r="I14179" s="1" t="s">
        <v>53800</v>
      </c>
      <c r="J14179" s="1" t="s">
        <v>53862</v>
      </c>
    </row>
    <row r="14180" spans="1:10" x14ac:dyDescent="0.35">
      <c r="A14180" s="1" t="s">
        <v>53795</v>
      </c>
      <c r="B14180" s="1" t="s">
        <v>53796</v>
      </c>
      <c r="C14180" s="1" t="s">
        <v>115</v>
      </c>
      <c r="D14180" s="1" t="s">
        <v>53863</v>
      </c>
      <c r="E14180" s="1" t="s">
        <v>53864</v>
      </c>
      <c r="F14180" s="1" t="s">
        <v>53865</v>
      </c>
      <c r="G14180" s="1" t="s">
        <v>53798</v>
      </c>
      <c r="H14180" s="1" t="s">
        <v>53799</v>
      </c>
      <c r="I14180" s="1" t="s">
        <v>53800</v>
      </c>
      <c r="J14180" s="1" t="s">
        <v>53866</v>
      </c>
    </row>
    <row r="14181" spans="1:10" x14ac:dyDescent="0.35">
      <c r="A14181" s="1" t="s">
        <v>53795</v>
      </c>
      <c r="B14181" s="1" t="s">
        <v>53796</v>
      </c>
      <c r="C14181" s="1" t="s">
        <v>120</v>
      </c>
      <c r="D14181" s="1" t="s">
        <v>53867</v>
      </c>
      <c r="E14181" s="1" t="s">
        <v>32351</v>
      </c>
      <c r="F14181" s="1" t="s">
        <v>53868</v>
      </c>
      <c r="G14181" s="1" t="s">
        <v>53798</v>
      </c>
      <c r="H14181" s="1" t="s">
        <v>53799</v>
      </c>
      <c r="I14181" s="1" t="s">
        <v>53800</v>
      </c>
      <c r="J14181" s="1" t="s">
        <v>53869</v>
      </c>
    </row>
    <row r="14182" spans="1:10" x14ac:dyDescent="0.35">
      <c r="A14182" s="1" t="s">
        <v>53795</v>
      </c>
      <c r="B14182" s="1" t="s">
        <v>53796</v>
      </c>
      <c r="C14182" s="1" t="s">
        <v>125</v>
      </c>
      <c r="D14182" s="1" t="s">
        <v>53870</v>
      </c>
      <c r="E14182" s="1" t="s">
        <v>41262</v>
      </c>
      <c r="F14182" s="1" t="s">
        <v>53871</v>
      </c>
      <c r="G14182" s="1" t="s">
        <v>53798</v>
      </c>
      <c r="H14182" s="1" t="s">
        <v>53799</v>
      </c>
      <c r="I14182" s="1" t="s">
        <v>53800</v>
      </c>
      <c r="J14182" s="1" t="s">
        <v>53872</v>
      </c>
    </row>
    <row r="14183" spans="1:10" x14ac:dyDescent="0.35">
      <c r="A14183" s="1" t="s">
        <v>53795</v>
      </c>
      <c r="B14183" s="1" t="s">
        <v>53796</v>
      </c>
      <c r="C14183" s="1" t="s">
        <v>130</v>
      </c>
      <c r="D14183" s="1" t="s">
        <v>53873</v>
      </c>
      <c r="E14183" s="1" t="s">
        <v>26214</v>
      </c>
      <c r="F14183" s="1" t="s">
        <v>53874</v>
      </c>
      <c r="G14183" s="1" t="s">
        <v>53798</v>
      </c>
      <c r="H14183" s="1" t="s">
        <v>53799</v>
      </c>
      <c r="I14183" s="1" t="s">
        <v>53800</v>
      </c>
      <c r="J14183" s="1" t="s">
        <v>53875</v>
      </c>
    </row>
    <row r="14184" spans="1:10" x14ac:dyDescent="0.35">
      <c r="A14184" s="1" t="s">
        <v>53795</v>
      </c>
      <c r="B14184" s="1" t="s">
        <v>53796</v>
      </c>
      <c r="C14184" s="1" t="s">
        <v>135</v>
      </c>
      <c r="D14184" s="1" t="s">
        <v>26862</v>
      </c>
      <c r="E14184" s="1" t="s">
        <v>53876</v>
      </c>
      <c r="F14184" s="1" t="s">
        <v>53877</v>
      </c>
      <c r="G14184" s="1" t="s">
        <v>53798</v>
      </c>
      <c r="H14184" s="1" t="s">
        <v>53799</v>
      </c>
      <c r="I14184" s="1" t="s">
        <v>53800</v>
      </c>
      <c r="J14184" s="1" t="s">
        <v>53878</v>
      </c>
    </row>
    <row r="14185" spans="1:10" x14ac:dyDescent="0.35">
      <c r="A14185" s="1" t="s">
        <v>53795</v>
      </c>
      <c r="B14185" s="1" t="s">
        <v>53796</v>
      </c>
      <c r="C14185" s="1" t="s">
        <v>140</v>
      </c>
      <c r="D14185" s="1" t="s">
        <v>53879</v>
      </c>
      <c r="E14185" s="1" t="s">
        <v>26552</v>
      </c>
      <c r="F14185" s="1" t="s">
        <v>53880</v>
      </c>
      <c r="G14185" s="1" t="s">
        <v>53798</v>
      </c>
      <c r="H14185" s="1" t="s">
        <v>53799</v>
      </c>
      <c r="I14185" s="1" t="s">
        <v>53800</v>
      </c>
      <c r="J14185" s="1" t="s">
        <v>53881</v>
      </c>
    </row>
    <row r="14186" spans="1:10" x14ac:dyDescent="0.35">
      <c r="A14186" s="1" t="s">
        <v>53795</v>
      </c>
      <c r="B14186" s="1" t="s">
        <v>53796</v>
      </c>
      <c r="C14186" s="1" t="s">
        <v>145</v>
      </c>
      <c r="D14186" s="1" t="s">
        <v>53882</v>
      </c>
      <c r="E14186" s="1" t="s">
        <v>15841</v>
      </c>
      <c r="F14186" s="1" t="s">
        <v>53883</v>
      </c>
      <c r="G14186" s="1" t="s">
        <v>53798</v>
      </c>
      <c r="H14186" s="1" t="s">
        <v>53799</v>
      </c>
      <c r="I14186" s="1" t="s">
        <v>53800</v>
      </c>
      <c r="J14186" s="1" t="s">
        <v>53884</v>
      </c>
    </row>
    <row r="14187" spans="1:10" x14ac:dyDescent="0.35">
      <c r="A14187" s="1" t="s">
        <v>53795</v>
      </c>
      <c r="B14187" s="1" t="s">
        <v>53796</v>
      </c>
      <c r="C14187" s="1" t="s">
        <v>150</v>
      </c>
      <c r="D14187" s="1" t="s">
        <v>53885</v>
      </c>
      <c r="E14187" s="1" t="s">
        <v>53886</v>
      </c>
      <c r="F14187" s="1" t="s">
        <v>53887</v>
      </c>
      <c r="G14187" s="1" t="s">
        <v>53798</v>
      </c>
      <c r="H14187" s="1" t="s">
        <v>53799</v>
      </c>
      <c r="I14187" s="1" t="s">
        <v>53800</v>
      </c>
      <c r="J14187" s="1" t="s">
        <v>53888</v>
      </c>
    </row>
    <row r="14188" spans="1:10" x14ac:dyDescent="0.35">
      <c r="A14188" s="1" t="s">
        <v>53795</v>
      </c>
      <c r="B14188" s="1" t="s">
        <v>53796</v>
      </c>
      <c r="C14188" s="1" t="s">
        <v>155</v>
      </c>
      <c r="D14188" s="1" t="s">
        <v>53889</v>
      </c>
      <c r="E14188" s="1" t="s">
        <v>53890</v>
      </c>
      <c r="F14188" s="1" t="s">
        <v>53891</v>
      </c>
      <c r="G14188" s="1" t="s">
        <v>53798</v>
      </c>
      <c r="H14188" s="1" t="s">
        <v>53799</v>
      </c>
      <c r="I14188" s="1" t="s">
        <v>53800</v>
      </c>
      <c r="J14188" s="1" t="s">
        <v>53892</v>
      </c>
    </row>
    <row r="14189" spans="1:10" x14ac:dyDescent="0.35">
      <c r="A14189" s="1" t="s">
        <v>53795</v>
      </c>
      <c r="B14189" s="1" t="s">
        <v>53796</v>
      </c>
      <c r="C14189" s="1" t="s">
        <v>160</v>
      </c>
      <c r="D14189" s="1" t="s">
        <v>53893</v>
      </c>
      <c r="E14189" s="1" t="s">
        <v>15576</v>
      </c>
      <c r="F14189" s="1" t="s">
        <v>53894</v>
      </c>
      <c r="G14189" s="1" t="s">
        <v>53798</v>
      </c>
      <c r="H14189" s="1" t="s">
        <v>53799</v>
      </c>
      <c r="I14189" s="1" t="s">
        <v>53800</v>
      </c>
      <c r="J14189" s="1" t="s">
        <v>53895</v>
      </c>
    </row>
    <row r="14190" spans="1:10" x14ac:dyDescent="0.35">
      <c r="A14190" s="1" t="s">
        <v>53795</v>
      </c>
      <c r="B14190" s="1" t="s">
        <v>53796</v>
      </c>
      <c r="C14190" s="1" t="s">
        <v>165</v>
      </c>
      <c r="D14190" s="1" t="s">
        <v>53896</v>
      </c>
      <c r="E14190" s="1" t="s">
        <v>23457</v>
      </c>
      <c r="F14190" s="1" t="s">
        <v>53897</v>
      </c>
      <c r="G14190" s="1" t="s">
        <v>53798</v>
      </c>
      <c r="H14190" s="1" t="s">
        <v>53799</v>
      </c>
      <c r="I14190" s="1" t="s">
        <v>53800</v>
      </c>
      <c r="J14190" s="1" t="s">
        <v>53898</v>
      </c>
    </row>
    <row r="14191" spans="1:10" x14ac:dyDescent="0.35">
      <c r="A14191" s="1" t="s">
        <v>53795</v>
      </c>
      <c r="B14191" s="1" t="s">
        <v>53796</v>
      </c>
      <c r="C14191" s="1" t="s">
        <v>170</v>
      </c>
      <c r="D14191" s="1" t="s">
        <v>53899</v>
      </c>
      <c r="E14191" s="1" t="s">
        <v>15595</v>
      </c>
      <c r="F14191" s="1" t="s">
        <v>53900</v>
      </c>
      <c r="G14191" s="1" t="s">
        <v>53798</v>
      </c>
      <c r="H14191" s="1" t="s">
        <v>53799</v>
      </c>
      <c r="I14191" s="1" t="s">
        <v>53800</v>
      </c>
      <c r="J14191" s="1" t="s">
        <v>53901</v>
      </c>
    </row>
    <row r="14192" spans="1:10" x14ac:dyDescent="0.35">
      <c r="A14192" s="1" t="s">
        <v>53902</v>
      </c>
      <c r="B14192" s="1" t="s">
        <v>53796</v>
      </c>
      <c r="C14192" s="1" t="s">
        <v>8</v>
      </c>
      <c r="D14192" s="1" t="s">
        <v>53903</v>
      </c>
      <c r="E14192" s="1" t="s">
        <v>21841</v>
      </c>
      <c r="F14192" s="1" t="s">
        <v>53904</v>
      </c>
      <c r="G14192" s="1" t="s">
        <v>53905</v>
      </c>
      <c r="H14192" s="1" t="s">
        <v>53906</v>
      </c>
      <c r="I14192" s="1" t="s">
        <v>53800</v>
      </c>
      <c r="J14192" s="1" t="s">
        <v>13</v>
      </c>
    </row>
    <row r="14193" spans="1:10" x14ac:dyDescent="0.35">
      <c r="A14193" s="1" t="s">
        <v>53902</v>
      </c>
      <c r="B14193" s="1" t="s">
        <v>53796</v>
      </c>
      <c r="C14193" s="1" t="s">
        <v>15</v>
      </c>
      <c r="D14193" s="1" t="s">
        <v>53907</v>
      </c>
      <c r="E14193" s="1" t="s">
        <v>21937</v>
      </c>
      <c r="F14193" s="1" t="s">
        <v>53908</v>
      </c>
      <c r="G14193" s="1" t="s">
        <v>53905</v>
      </c>
      <c r="H14193" s="1" t="s">
        <v>53906</v>
      </c>
      <c r="I14193" s="1" t="s">
        <v>53800</v>
      </c>
      <c r="J14193" s="1" t="s">
        <v>53909</v>
      </c>
    </row>
    <row r="14194" spans="1:10" x14ac:dyDescent="0.35">
      <c r="A14194" s="1" t="s">
        <v>53902</v>
      </c>
      <c r="B14194" s="1" t="s">
        <v>53796</v>
      </c>
      <c r="C14194" s="1" t="s">
        <v>20</v>
      </c>
      <c r="D14194" s="1" t="s">
        <v>53910</v>
      </c>
      <c r="E14194" s="1" t="s">
        <v>24201</v>
      </c>
      <c r="F14194" s="1" t="s">
        <v>53911</v>
      </c>
      <c r="G14194" s="1" t="s">
        <v>53905</v>
      </c>
      <c r="H14194" s="1" t="s">
        <v>53906</v>
      </c>
      <c r="I14194" s="1" t="s">
        <v>53800</v>
      </c>
      <c r="J14194" s="1" t="s">
        <v>53912</v>
      </c>
    </row>
    <row r="14195" spans="1:10" x14ac:dyDescent="0.35">
      <c r="A14195" s="1" t="s">
        <v>53902</v>
      </c>
      <c r="B14195" s="1" t="s">
        <v>53796</v>
      </c>
      <c r="C14195" s="1" t="s">
        <v>25</v>
      </c>
      <c r="D14195" s="1" t="s">
        <v>53913</v>
      </c>
      <c r="E14195" s="1" t="s">
        <v>41305</v>
      </c>
      <c r="F14195" s="1" t="s">
        <v>53914</v>
      </c>
      <c r="G14195" s="1" t="s">
        <v>53905</v>
      </c>
      <c r="H14195" s="1" t="s">
        <v>53906</v>
      </c>
      <c r="I14195" s="1" t="s">
        <v>53800</v>
      </c>
      <c r="J14195" s="1" t="s">
        <v>53915</v>
      </c>
    </row>
    <row r="14196" spans="1:10" x14ac:dyDescent="0.35">
      <c r="A14196" s="1" t="s">
        <v>53902</v>
      </c>
      <c r="B14196" s="1" t="s">
        <v>53796</v>
      </c>
      <c r="C14196" s="1" t="s">
        <v>30</v>
      </c>
      <c r="D14196" s="1" t="s">
        <v>53916</v>
      </c>
      <c r="E14196" s="1" t="s">
        <v>12805</v>
      </c>
      <c r="F14196" s="1" t="s">
        <v>53917</v>
      </c>
      <c r="G14196" s="1" t="s">
        <v>53905</v>
      </c>
      <c r="H14196" s="1" t="s">
        <v>53906</v>
      </c>
      <c r="I14196" s="1" t="s">
        <v>53800</v>
      </c>
      <c r="J14196" s="1" t="s">
        <v>53918</v>
      </c>
    </row>
    <row r="14197" spans="1:10" x14ac:dyDescent="0.35">
      <c r="A14197" s="1" t="s">
        <v>53902</v>
      </c>
      <c r="B14197" s="1" t="s">
        <v>53796</v>
      </c>
      <c r="C14197" s="1" t="s">
        <v>35</v>
      </c>
      <c r="D14197" s="1" t="s">
        <v>53919</v>
      </c>
      <c r="E14197" s="1" t="s">
        <v>53920</v>
      </c>
      <c r="F14197" s="1" t="s">
        <v>53921</v>
      </c>
      <c r="G14197" s="1" t="s">
        <v>53905</v>
      </c>
      <c r="H14197" s="1" t="s">
        <v>53906</v>
      </c>
      <c r="I14197" s="1" t="s">
        <v>53800</v>
      </c>
      <c r="J14197" s="1" t="s">
        <v>53922</v>
      </c>
    </row>
    <row r="14198" spans="1:10" x14ac:dyDescent="0.35">
      <c r="A14198" s="1" t="s">
        <v>53902</v>
      </c>
      <c r="B14198" s="1" t="s">
        <v>53796</v>
      </c>
      <c r="C14198" s="1" t="s">
        <v>40</v>
      </c>
      <c r="D14198" s="1" t="s">
        <v>53923</v>
      </c>
      <c r="E14198" s="1" t="s">
        <v>53924</v>
      </c>
      <c r="F14198" s="1" t="s">
        <v>53925</v>
      </c>
      <c r="G14198" s="1" t="s">
        <v>53905</v>
      </c>
      <c r="H14198" s="1" t="s">
        <v>53906</v>
      </c>
      <c r="I14198" s="1" t="s">
        <v>53800</v>
      </c>
      <c r="J14198" s="1" t="s">
        <v>53926</v>
      </c>
    </row>
    <row r="14199" spans="1:10" x14ac:dyDescent="0.35">
      <c r="A14199" s="1" t="s">
        <v>53902</v>
      </c>
      <c r="B14199" s="1" t="s">
        <v>53796</v>
      </c>
      <c r="C14199" s="1" t="s">
        <v>45</v>
      </c>
      <c r="D14199" s="1" t="s">
        <v>53927</v>
      </c>
      <c r="E14199" s="1" t="s">
        <v>53928</v>
      </c>
      <c r="F14199" s="1" t="s">
        <v>53929</v>
      </c>
      <c r="G14199" s="1" t="s">
        <v>53905</v>
      </c>
      <c r="H14199" s="1" t="s">
        <v>53906</v>
      </c>
      <c r="I14199" s="1" t="s">
        <v>53800</v>
      </c>
      <c r="J14199" s="1" t="s">
        <v>53930</v>
      </c>
    </row>
    <row r="14200" spans="1:10" x14ac:dyDescent="0.35">
      <c r="A14200" s="1" t="s">
        <v>53902</v>
      </c>
      <c r="B14200" s="1" t="s">
        <v>53796</v>
      </c>
      <c r="C14200" s="1" t="s">
        <v>50</v>
      </c>
      <c r="D14200" s="1" t="s">
        <v>53931</v>
      </c>
      <c r="E14200" s="1" t="s">
        <v>53932</v>
      </c>
      <c r="F14200" s="1" t="s">
        <v>53933</v>
      </c>
      <c r="G14200" s="1" t="s">
        <v>53905</v>
      </c>
      <c r="H14200" s="1" t="s">
        <v>53906</v>
      </c>
      <c r="I14200" s="1" t="s">
        <v>53800</v>
      </c>
      <c r="J14200" s="1" t="s">
        <v>53934</v>
      </c>
    </row>
    <row r="14201" spans="1:10" x14ac:dyDescent="0.35">
      <c r="A14201" s="1" t="s">
        <v>53902</v>
      </c>
      <c r="B14201" s="1" t="s">
        <v>53796</v>
      </c>
      <c r="C14201" s="1" t="s">
        <v>55</v>
      </c>
      <c r="D14201" s="1" t="s">
        <v>53935</v>
      </c>
      <c r="E14201" s="1" t="s">
        <v>53936</v>
      </c>
      <c r="F14201" s="1" t="s">
        <v>53937</v>
      </c>
      <c r="G14201" s="1" t="s">
        <v>53905</v>
      </c>
      <c r="H14201" s="1" t="s">
        <v>53906</v>
      </c>
      <c r="I14201" s="1" t="s">
        <v>53800</v>
      </c>
      <c r="J14201" s="1" t="s">
        <v>53938</v>
      </c>
    </row>
    <row r="14202" spans="1:10" x14ac:dyDescent="0.35">
      <c r="A14202" s="1" t="s">
        <v>53902</v>
      </c>
      <c r="B14202" s="1" t="s">
        <v>53796</v>
      </c>
      <c r="C14202" s="1" t="s">
        <v>60</v>
      </c>
      <c r="D14202" s="1" t="s">
        <v>53939</v>
      </c>
      <c r="E14202" s="1" t="s">
        <v>53940</v>
      </c>
      <c r="F14202" s="1" t="s">
        <v>24179</v>
      </c>
      <c r="G14202" s="1" t="s">
        <v>53905</v>
      </c>
      <c r="H14202" s="1" t="s">
        <v>53906</v>
      </c>
      <c r="I14202" s="1" t="s">
        <v>53800</v>
      </c>
      <c r="J14202" s="1" t="s">
        <v>53941</v>
      </c>
    </row>
    <row r="14203" spans="1:10" x14ac:dyDescent="0.35">
      <c r="A14203" s="1" t="s">
        <v>53902</v>
      </c>
      <c r="B14203" s="1" t="s">
        <v>53796</v>
      </c>
      <c r="C14203" s="1" t="s">
        <v>65</v>
      </c>
      <c r="D14203" s="1" t="s">
        <v>53942</v>
      </c>
      <c r="E14203" s="1" t="s">
        <v>53943</v>
      </c>
      <c r="F14203" s="1" t="s">
        <v>53944</v>
      </c>
      <c r="G14203" s="1" t="s">
        <v>53905</v>
      </c>
      <c r="H14203" s="1" t="s">
        <v>53906</v>
      </c>
      <c r="I14203" s="1" t="s">
        <v>53800</v>
      </c>
      <c r="J14203" s="1" t="s">
        <v>53945</v>
      </c>
    </row>
    <row r="14204" spans="1:10" x14ac:dyDescent="0.35">
      <c r="A14204" s="1" t="s">
        <v>53902</v>
      </c>
      <c r="B14204" s="1" t="s">
        <v>53796</v>
      </c>
      <c r="C14204" s="1" t="s">
        <v>70</v>
      </c>
      <c r="D14204" s="1" t="s">
        <v>19459</v>
      </c>
      <c r="E14204" s="1" t="s">
        <v>26435</v>
      </c>
      <c r="F14204" s="1" t="s">
        <v>53946</v>
      </c>
      <c r="G14204" s="1" t="s">
        <v>53905</v>
      </c>
      <c r="H14204" s="1" t="s">
        <v>53906</v>
      </c>
      <c r="I14204" s="1" t="s">
        <v>53800</v>
      </c>
      <c r="J14204" s="1" t="s">
        <v>53947</v>
      </c>
    </row>
    <row r="14205" spans="1:10" x14ac:dyDescent="0.35">
      <c r="A14205" s="1" t="s">
        <v>53902</v>
      </c>
      <c r="B14205" s="1" t="s">
        <v>53796</v>
      </c>
      <c r="C14205" s="1" t="s">
        <v>75</v>
      </c>
      <c r="D14205" s="1" t="s">
        <v>53948</v>
      </c>
      <c r="E14205" s="1" t="s">
        <v>53949</v>
      </c>
      <c r="F14205" s="1" t="s">
        <v>53950</v>
      </c>
      <c r="G14205" s="1" t="s">
        <v>53905</v>
      </c>
      <c r="H14205" s="1" t="s">
        <v>53906</v>
      </c>
      <c r="I14205" s="1" t="s">
        <v>53800</v>
      </c>
      <c r="J14205" s="1" t="s">
        <v>53951</v>
      </c>
    </row>
    <row r="14206" spans="1:10" x14ac:dyDescent="0.35">
      <c r="A14206" s="1" t="s">
        <v>53902</v>
      </c>
      <c r="B14206" s="1" t="s">
        <v>53796</v>
      </c>
      <c r="C14206" s="1" t="s">
        <v>80</v>
      </c>
      <c r="D14206" s="1" t="s">
        <v>53952</v>
      </c>
      <c r="E14206" s="1" t="s">
        <v>15340</v>
      </c>
      <c r="F14206" s="1" t="s">
        <v>53953</v>
      </c>
      <c r="G14206" s="1" t="s">
        <v>53905</v>
      </c>
      <c r="H14206" s="1" t="s">
        <v>53906</v>
      </c>
      <c r="I14206" s="1" t="s">
        <v>53800</v>
      </c>
      <c r="J14206" s="1" t="s">
        <v>53954</v>
      </c>
    </row>
    <row r="14207" spans="1:10" x14ac:dyDescent="0.35">
      <c r="A14207" s="1" t="s">
        <v>53902</v>
      </c>
      <c r="B14207" s="1" t="s">
        <v>53796</v>
      </c>
      <c r="C14207" s="1" t="s">
        <v>85</v>
      </c>
      <c r="D14207" s="1" t="s">
        <v>53955</v>
      </c>
      <c r="E14207" s="1" t="s">
        <v>41210</v>
      </c>
      <c r="F14207" s="1" t="s">
        <v>53956</v>
      </c>
      <c r="G14207" s="1" t="s">
        <v>53905</v>
      </c>
      <c r="H14207" s="1" t="s">
        <v>53906</v>
      </c>
      <c r="I14207" s="1" t="s">
        <v>53800</v>
      </c>
      <c r="J14207" s="1" t="s">
        <v>53957</v>
      </c>
    </row>
    <row r="14208" spans="1:10" x14ac:dyDescent="0.35">
      <c r="A14208" s="1" t="s">
        <v>53902</v>
      </c>
      <c r="B14208" s="1" t="s">
        <v>53796</v>
      </c>
      <c r="C14208" s="1" t="s">
        <v>90</v>
      </c>
      <c r="D14208" s="1" t="s">
        <v>53958</v>
      </c>
      <c r="E14208" s="1" t="s">
        <v>27097</v>
      </c>
      <c r="F14208" s="1" t="s">
        <v>53959</v>
      </c>
      <c r="G14208" s="1" t="s">
        <v>53905</v>
      </c>
      <c r="H14208" s="1" t="s">
        <v>53906</v>
      </c>
      <c r="I14208" s="1" t="s">
        <v>53800</v>
      </c>
      <c r="J14208" s="1" t="s">
        <v>53960</v>
      </c>
    </row>
    <row r="14209" spans="1:10" x14ac:dyDescent="0.35">
      <c r="A14209" s="1" t="s">
        <v>53902</v>
      </c>
      <c r="B14209" s="1" t="s">
        <v>53796</v>
      </c>
      <c r="C14209" s="1" t="s">
        <v>95</v>
      </c>
      <c r="D14209" s="1" t="s">
        <v>53961</v>
      </c>
      <c r="E14209" s="1" t="s">
        <v>16150</v>
      </c>
      <c r="F14209" s="1" t="s">
        <v>53962</v>
      </c>
      <c r="G14209" s="1" t="s">
        <v>53905</v>
      </c>
      <c r="H14209" s="1" t="s">
        <v>53906</v>
      </c>
      <c r="I14209" s="1" t="s">
        <v>53800</v>
      </c>
      <c r="J14209" s="1" t="s">
        <v>53963</v>
      </c>
    </row>
    <row r="14210" spans="1:10" x14ac:dyDescent="0.35">
      <c r="A14210" s="1" t="s">
        <v>53902</v>
      </c>
      <c r="B14210" s="1" t="s">
        <v>53796</v>
      </c>
      <c r="C14210" s="1" t="s">
        <v>100</v>
      </c>
      <c r="D14210" s="1" t="s">
        <v>53964</v>
      </c>
      <c r="E14210" s="1" t="s">
        <v>53965</v>
      </c>
      <c r="F14210" s="1" t="s">
        <v>53966</v>
      </c>
      <c r="G14210" s="1" t="s">
        <v>53905</v>
      </c>
      <c r="H14210" s="1" t="s">
        <v>53906</v>
      </c>
      <c r="I14210" s="1" t="s">
        <v>53800</v>
      </c>
      <c r="J14210" s="1" t="s">
        <v>53967</v>
      </c>
    </row>
    <row r="14211" spans="1:10" x14ac:dyDescent="0.35">
      <c r="A14211" s="1" t="s">
        <v>53902</v>
      </c>
      <c r="B14211" s="1" t="s">
        <v>53796</v>
      </c>
      <c r="C14211" s="1" t="s">
        <v>105</v>
      </c>
      <c r="D14211" s="1" t="s">
        <v>53968</v>
      </c>
      <c r="E14211" s="1" t="s">
        <v>53969</v>
      </c>
      <c r="F14211" s="1" t="s">
        <v>53970</v>
      </c>
      <c r="G14211" s="1" t="s">
        <v>53905</v>
      </c>
      <c r="H14211" s="1" t="s">
        <v>53906</v>
      </c>
      <c r="I14211" s="1" t="s">
        <v>53800</v>
      </c>
      <c r="J14211" s="1" t="s">
        <v>53971</v>
      </c>
    </row>
    <row r="14212" spans="1:10" x14ac:dyDescent="0.35">
      <c r="A14212" s="1" t="s">
        <v>53902</v>
      </c>
      <c r="B14212" s="1" t="s">
        <v>53796</v>
      </c>
      <c r="C14212" s="1" t="s">
        <v>110</v>
      </c>
      <c r="D14212" s="1" t="s">
        <v>53972</v>
      </c>
      <c r="E14212" s="1" t="s">
        <v>53973</v>
      </c>
      <c r="F14212" s="1" t="s">
        <v>53974</v>
      </c>
      <c r="G14212" s="1" t="s">
        <v>53905</v>
      </c>
      <c r="H14212" s="1" t="s">
        <v>53906</v>
      </c>
      <c r="I14212" s="1" t="s">
        <v>53800</v>
      </c>
      <c r="J14212" s="1" t="s">
        <v>53975</v>
      </c>
    </row>
    <row r="14213" spans="1:10" x14ac:dyDescent="0.35">
      <c r="A14213" s="1" t="s">
        <v>53902</v>
      </c>
      <c r="B14213" s="1" t="s">
        <v>53796</v>
      </c>
      <c r="C14213" s="1" t="s">
        <v>115</v>
      </c>
      <c r="D14213" s="1" t="s">
        <v>53976</v>
      </c>
      <c r="E14213" s="1" t="s">
        <v>15214</v>
      </c>
      <c r="F14213" s="1" t="s">
        <v>53977</v>
      </c>
      <c r="G14213" s="1" t="s">
        <v>53905</v>
      </c>
      <c r="H14213" s="1" t="s">
        <v>53906</v>
      </c>
      <c r="I14213" s="1" t="s">
        <v>53800</v>
      </c>
      <c r="J14213" s="1" t="s">
        <v>53978</v>
      </c>
    </row>
    <row r="14214" spans="1:10" x14ac:dyDescent="0.35">
      <c r="A14214" s="1" t="s">
        <v>53902</v>
      </c>
      <c r="B14214" s="1" t="s">
        <v>53796</v>
      </c>
      <c r="C14214" s="1" t="s">
        <v>120</v>
      </c>
      <c r="D14214" s="1" t="s">
        <v>53979</v>
      </c>
      <c r="E14214" s="1" t="s">
        <v>53825</v>
      </c>
      <c r="F14214" s="1" t="s">
        <v>31539</v>
      </c>
      <c r="G14214" s="1" t="s">
        <v>53905</v>
      </c>
      <c r="H14214" s="1" t="s">
        <v>53906</v>
      </c>
      <c r="I14214" s="1" t="s">
        <v>53800</v>
      </c>
      <c r="J14214" s="1" t="s">
        <v>53980</v>
      </c>
    </row>
    <row r="14215" spans="1:10" x14ac:dyDescent="0.35">
      <c r="A14215" s="1" t="s">
        <v>53902</v>
      </c>
      <c r="B14215" s="1" t="s">
        <v>53796</v>
      </c>
      <c r="C14215" s="1" t="s">
        <v>125</v>
      </c>
      <c r="D14215" s="1" t="s">
        <v>26408</v>
      </c>
      <c r="E14215" s="1" t="s">
        <v>53981</v>
      </c>
      <c r="F14215" s="1" t="s">
        <v>53982</v>
      </c>
      <c r="G14215" s="1" t="s">
        <v>53905</v>
      </c>
      <c r="H14215" s="1" t="s">
        <v>53906</v>
      </c>
      <c r="I14215" s="1" t="s">
        <v>53800</v>
      </c>
      <c r="J14215" s="1" t="s">
        <v>53983</v>
      </c>
    </row>
    <row r="14216" spans="1:10" x14ac:dyDescent="0.35">
      <c r="A14216" s="1" t="s">
        <v>53902</v>
      </c>
      <c r="B14216" s="1" t="s">
        <v>53796</v>
      </c>
      <c r="C14216" s="1" t="s">
        <v>130</v>
      </c>
      <c r="D14216" s="1" t="s">
        <v>40176</v>
      </c>
      <c r="E14216" s="1" t="s">
        <v>15628</v>
      </c>
      <c r="F14216" s="1" t="s">
        <v>53984</v>
      </c>
      <c r="G14216" s="1" t="s">
        <v>53905</v>
      </c>
      <c r="H14216" s="1" t="s">
        <v>53906</v>
      </c>
      <c r="I14216" s="1" t="s">
        <v>53800</v>
      </c>
      <c r="J14216" s="1" t="s">
        <v>53985</v>
      </c>
    </row>
    <row r="14217" spans="1:10" x14ac:dyDescent="0.35">
      <c r="A14217" s="1" t="s">
        <v>53902</v>
      </c>
      <c r="B14217" s="1" t="s">
        <v>53796</v>
      </c>
      <c r="C14217" s="1" t="s">
        <v>135</v>
      </c>
      <c r="D14217" s="1" t="s">
        <v>53986</v>
      </c>
      <c r="E14217" s="1" t="s">
        <v>21849</v>
      </c>
      <c r="F14217" s="1" t="s">
        <v>53987</v>
      </c>
      <c r="G14217" s="1" t="s">
        <v>53905</v>
      </c>
      <c r="H14217" s="1" t="s">
        <v>53906</v>
      </c>
      <c r="I14217" s="1" t="s">
        <v>53800</v>
      </c>
      <c r="J14217" s="1" t="s">
        <v>53988</v>
      </c>
    </row>
    <row r="14218" spans="1:10" x14ac:dyDescent="0.35">
      <c r="A14218" s="1" t="s">
        <v>53902</v>
      </c>
      <c r="B14218" s="1" t="s">
        <v>53796</v>
      </c>
      <c r="C14218" s="1" t="s">
        <v>140</v>
      </c>
      <c r="D14218" s="1" t="s">
        <v>53989</v>
      </c>
      <c r="E14218" s="1" t="s">
        <v>24221</v>
      </c>
      <c r="F14218" s="1" t="s">
        <v>53990</v>
      </c>
      <c r="G14218" s="1" t="s">
        <v>53905</v>
      </c>
      <c r="H14218" s="1" t="s">
        <v>53906</v>
      </c>
      <c r="I14218" s="1" t="s">
        <v>53800</v>
      </c>
      <c r="J14218" s="1" t="s">
        <v>53991</v>
      </c>
    </row>
    <row r="14219" spans="1:10" x14ac:dyDescent="0.35">
      <c r="A14219" s="1" t="s">
        <v>53902</v>
      </c>
      <c r="B14219" s="1" t="s">
        <v>53796</v>
      </c>
      <c r="C14219" s="1" t="s">
        <v>145</v>
      </c>
      <c r="D14219" s="1" t="s">
        <v>53992</v>
      </c>
      <c r="E14219" s="1" t="s">
        <v>53993</v>
      </c>
      <c r="F14219" s="1" t="s">
        <v>53994</v>
      </c>
      <c r="G14219" s="1" t="s">
        <v>53905</v>
      </c>
      <c r="H14219" s="1" t="s">
        <v>53906</v>
      </c>
      <c r="I14219" s="1" t="s">
        <v>53800</v>
      </c>
      <c r="J14219" s="1" t="s">
        <v>53995</v>
      </c>
    </row>
    <row r="14220" spans="1:10" x14ac:dyDescent="0.35">
      <c r="A14220" s="1" t="s">
        <v>53902</v>
      </c>
      <c r="B14220" s="1" t="s">
        <v>53796</v>
      </c>
      <c r="C14220" s="1" t="s">
        <v>150</v>
      </c>
      <c r="D14220" s="1" t="s">
        <v>53996</v>
      </c>
      <c r="E14220" s="1" t="s">
        <v>53997</v>
      </c>
      <c r="F14220" s="1" t="s">
        <v>53998</v>
      </c>
      <c r="G14220" s="1" t="s">
        <v>53905</v>
      </c>
      <c r="H14220" s="1" t="s">
        <v>53906</v>
      </c>
      <c r="I14220" s="1" t="s">
        <v>53800</v>
      </c>
      <c r="J14220" s="1" t="s">
        <v>53999</v>
      </c>
    </row>
    <row r="14221" spans="1:10" x14ac:dyDescent="0.35">
      <c r="A14221" s="1" t="s">
        <v>53902</v>
      </c>
      <c r="B14221" s="1" t="s">
        <v>53796</v>
      </c>
      <c r="C14221" s="1" t="s">
        <v>155</v>
      </c>
      <c r="D14221" s="1" t="s">
        <v>36287</v>
      </c>
      <c r="E14221" s="1" t="s">
        <v>54000</v>
      </c>
      <c r="F14221" s="1" t="s">
        <v>54001</v>
      </c>
      <c r="G14221" s="1" t="s">
        <v>53905</v>
      </c>
      <c r="H14221" s="1" t="s">
        <v>53906</v>
      </c>
      <c r="I14221" s="1" t="s">
        <v>53800</v>
      </c>
      <c r="J14221" s="1" t="s">
        <v>54002</v>
      </c>
    </row>
    <row r="14222" spans="1:10" x14ac:dyDescent="0.35">
      <c r="A14222" s="1" t="s">
        <v>53902</v>
      </c>
      <c r="B14222" s="1" t="s">
        <v>53796</v>
      </c>
      <c r="C14222" s="1" t="s">
        <v>160</v>
      </c>
      <c r="D14222" s="1" t="s">
        <v>54003</v>
      </c>
      <c r="E14222" s="1" t="s">
        <v>31834</v>
      </c>
      <c r="F14222" s="1" t="s">
        <v>54004</v>
      </c>
      <c r="G14222" s="1" t="s">
        <v>53905</v>
      </c>
      <c r="H14222" s="1" t="s">
        <v>53906</v>
      </c>
      <c r="I14222" s="1" t="s">
        <v>53800</v>
      </c>
      <c r="J14222" s="1" t="s">
        <v>54005</v>
      </c>
    </row>
    <row r="14223" spans="1:10" x14ac:dyDescent="0.35">
      <c r="A14223" s="1" t="s">
        <v>53902</v>
      </c>
      <c r="B14223" s="1" t="s">
        <v>53796</v>
      </c>
      <c r="C14223" s="1" t="s">
        <v>165</v>
      </c>
      <c r="D14223" s="1" t="s">
        <v>54006</v>
      </c>
      <c r="E14223" s="1" t="s">
        <v>21841</v>
      </c>
      <c r="F14223" s="1" t="s">
        <v>54007</v>
      </c>
      <c r="G14223" s="1" t="s">
        <v>53905</v>
      </c>
      <c r="H14223" s="1" t="s">
        <v>53906</v>
      </c>
      <c r="I14223" s="1" t="s">
        <v>53800</v>
      </c>
      <c r="J14223" s="1" t="s">
        <v>54008</v>
      </c>
    </row>
    <row r="14224" spans="1:10" x14ac:dyDescent="0.35">
      <c r="A14224" s="1" t="s">
        <v>53902</v>
      </c>
      <c r="B14224" s="1" t="s">
        <v>53796</v>
      </c>
      <c r="C14224" s="1" t="s">
        <v>170</v>
      </c>
      <c r="D14224" s="1" t="s">
        <v>54009</v>
      </c>
      <c r="E14224" s="1" t="s">
        <v>22317</v>
      </c>
      <c r="F14224" s="1" t="s">
        <v>54010</v>
      </c>
      <c r="G14224" s="1" t="s">
        <v>53905</v>
      </c>
      <c r="H14224" s="1" t="s">
        <v>53906</v>
      </c>
      <c r="I14224" s="1" t="s">
        <v>53800</v>
      </c>
      <c r="J14224" s="1" t="s">
        <v>54011</v>
      </c>
    </row>
    <row r="14225" spans="1:10" x14ac:dyDescent="0.35">
      <c r="A14225" s="1" t="s">
        <v>13747</v>
      </c>
      <c r="B14225" s="1" t="s">
        <v>53796</v>
      </c>
      <c r="C14225" s="1" t="s">
        <v>8</v>
      </c>
      <c r="D14225" s="1" t="s">
        <v>54012</v>
      </c>
      <c r="E14225" s="1" t="s">
        <v>54013</v>
      </c>
      <c r="F14225" s="1" t="s">
        <v>54014</v>
      </c>
      <c r="G14225" s="1" t="s">
        <v>54015</v>
      </c>
      <c r="H14225" s="1" t="s">
        <v>54016</v>
      </c>
      <c r="I14225" s="1" t="s">
        <v>53800</v>
      </c>
      <c r="J14225" s="1" t="s">
        <v>13</v>
      </c>
    </row>
    <row r="14226" spans="1:10" x14ac:dyDescent="0.35">
      <c r="A14226" s="1" t="s">
        <v>13747</v>
      </c>
      <c r="B14226" s="1" t="s">
        <v>53796</v>
      </c>
      <c r="C14226" s="1" t="s">
        <v>15</v>
      </c>
      <c r="D14226" s="1" t="s">
        <v>54017</v>
      </c>
      <c r="E14226" s="1" t="s">
        <v>41429</v>
      </c>
      <c r="F14226" s="1" t="s">
        <v>54018</v>
      </c>
      <c r="G14226" s="1" t="s">
        <v>54015</v>
      </c>
      <c r="H14226" s="1" t="s">
        <v>54016</v>
      </c>
      <c r="I14226" s="1" t="s">
        <v>53800</v>
      </c>
      <c r="J14226" s="1" t="s">
        <v>54019</v>
      </c>
    </row>
    <row r="14227" spans="1:10" x14ac:dyDescent="0.35">
      <c r="A14227" s="1" t="s">
        <v>13747</v>
      </c>
      <c r="B14227" s="1" t="s">
        <v>53796</v>
      </c>
      <c r="C14227" s="1" t="s">
        <v>20</v>
      </c>
      <c r="D14227" s="1" t="s">
        <v>54020</v>
      </c>
      <c r="E14227" s="1" t="s">
        <v>22080</v>
      </c>
      <c r="F14227" s="1" t="s">
        <v>54021</v>
      </c>
      <c r="G14227" s="1" t="s">
        <v>54015</v>
      </c>
      <c r="H14227" s="1" t="s">
        <v>54016</v>
      </c>
      <c r="I14227" s="1" t="s">
        <v>53800</v>
      </c>
      <c r="J14227" s="1" t="s">
        <v>54022</v>
      </c>
    </row>
    <row r="14228" spans="1:10" x14ac:dyDescent="0.35">
      <c r="A14228" s="1" t="s">
        <v>13747</v>
      </c>
      <c r="B14228" s="1" t="s">
        <v>53796</v>
      </c>
      <c r="C14228" s="1" t="s">
        <v>25</v>
      </c>
      <c r="D14228" s="1" t="s">
        <v>54023</v>
      </c>
      <c r="E14228" s="1" t="s">
        <v>54024</v>
      </c>
      <c r="F14228" s="1" t="s">
        <v>54025</v>
      </c>
      <c r="G14228" s="1" t="s">
        <v>54015</v>
      </c>
      <c r="H14228" s="1" t="s">
        <v>54016</v>
      </c>
      <c r="I14228" s="1" t="s">
        <v>53800</v>
      </c>
      <c r="J14228" s="1" t="s">
        <v>54026</v>
      </c>
    </row>
    <row r="14229" spans="1:10" x14ac:dyDescent="0.35">
      <c r="A14229" s="1" t="s">
        <v>13747</v>
      </c>
      <c r="B14229" s="1" t="s">
        <v>53796</v>
      </c>
      <c r="C14229" s="1" t="s">
        <v>30</v>
      </c>
      <c r="D14229" s="1" t="s">
        <v>54027</v>
      </c>
      <c r="E14229" s="1" t="s">
        <v>54028</v>
      </c>
      <c r="F14229" s="1" t="s">
        <v>54029</v>
      </c>
      <c r="G14229" s="1" t="s">
        <v>54015</v>
      </c>
      <c r="H14229" s="1" t="s">
        <v>54016</v>
      </c>
      <c r="I14229" s="1" t="s">
        <v>53800</v>
      </c>
      <c r="J14229" s="1" t="s">
        <v>54030</v>
      </c>
    </row>
    <row r="14230" spans="1:10" x14ac:dyDescent="0.35">
      <c r="A14230" s="1" t="s">
        <v>13747</v>
      </c>
      <c r="B14230" s="1" t="s">
        <v>53796</v>
      </c>
      <c r="C14230" s="1" t="s">
        <v>35</v>
      </c>
      <c r="D14230" s="1" t="s">
        <v>54031</v>
      </c>
      <c r="E14230" s="1" t="s">
        <v>54032</v>
      </c>
      <c r="F14230" s="1" t="s">
        <v>15373</v>
      </c>
      <c r="G14230" s="1" t="s">
        <v>54015</v>
      </c>
      <c r="H14230" s="1" t="s">
        <v>54016</v>
      </c>
      <c r="I14230" s="1" t="s">
        <v>53800</v>
      </c>
      <c r="J14230" s="1" t="s">
        <v>54033</v>
      </c>
    </row>
    <row r="14231" spans="1:10" x14ac:dyDescent="0.35">
      <c r="A14231" s="1" t="s">
        <v>13747</v>
      </c>
      <c r="B14231" s="1" t="s">
        <v>53796</v>
      </c>
      <c r="C14231" s="1" t="s">
        <v>40</v>
      </c>
      <c r="D14231" s="1" t="s">
        <v>54034</v>
      </c>
      <c r="E14231" s="1" t="s">
        <v>22065</v>
      </c>
      <c r="F14231" s="1" t="s">
        <v>54035</v>
      </c>
      <c r="G14231" s="1" t="s">
        <v>54015</v>
      </c>
      <c r="H14231" s="1" t="s">
        <v>54016</v>
      </c>
      <c r="I14231" s="1" t="s">
        <v>53800</v>
      </c>
      <c r="J14231" s="1" t="s">
        <v>54036</v>
      </c>
    </row>
    <row r="14232" spans="1:10" x14ac:dyDescent="0.35">
      <c r="A14232" s="1" t="s">
        <v>13747</v>
      </c>
      <c r="B14232" s="1" t="s">
        <v>53796</v>
      </c>
      <c r="C14232" s="1" t="s">
        <v>45</v>
      </c>
      <c r="D14232" s="1" t="s">
        <v>54037</v>
      </c>
      <c r="E14232" s="1" t="s">
        <v>54038</v>
      </c>
      <c r="F14232" s="1" t="s">
        <v>54039</v>
      </c>
      <c r="G14232" s="1" t="s">
        <v>54015</v>
      </c>
      <c r="H14232" s="1" t="s">
        <v>54016</v>
      </c>
      <c r="I14232" s="1" t="s">
        <v>53800</v>
      </c>
      <c r="J14232" s="1" t="s">
        <v>54040</v>
      </c>
    </row>
    <row r="14233" spans="1:10" x14ac:dyDescent="0.35">
      <c r="A14233" s="1" t="s">
        <v>13747</v>
      </c>
      <c r="B14233" s="1" t="s">
        <v>53796</v>
      </c>
      <c r="C14233" s="1" t="s">
        <v>50</v>
      </c>
      <c r="D14233" s="1" t="s">
        <v>54041</v>
      </c>
      <c r="E14233" s="1" t="s">
        <v>54042</v>
      </c>
      <c r="F14233" s="1" t="s">
        <v>54043</v>
      </c>
      <c r="G14233" s="1" t="s">
        <v>54015</v>
      </c>
      <c r="H14233" s="1" t="s">
        <v>54016</v>
      </c>
      <c r="I14233" s="1" t="s">
        <v>53800</v>
      </c>
      <c r="J14233" s="1" t="s">
        <v>54044</v>
      </c>
    </row>
    <row r="14234" spans="1:10" x14ac:dyDescent="0.35">
      <c r="A14234" s="1" t="s">
        <v>13747</v>
      </c>
      <c r="B14234" s="1" t="s">
        <v>53796</v>
      </c>
      <c r="C14234" s="1" t="s">
        <v>55</v>
      </c>
      <c r="D14234" s="1" t="s">
        <v>54045</v>
      </c>
      <c r="E14234" s="1" t="s">
        <v>54046</v>
      </c>
      <c r="F14234" s="1" t="s">
        <v>54047</v>
      </c>
      <c r="G14234" s="1" t="s">
        <v>54015</v>
      </c>
      <c r="H14234" s="1" t="s">
        <v>54016</v>
      </c>
      <c r="I14234" s="1" t="s">
        <v>53800</v>
      </c>
      <c r="J14234" s="1" t="s">
        <v>54048</v>
      </c>
    </row>
    <row r="14235" spans="1:10" x14ac:dyDescent="0.35">
      <c r="A14235" s="1" t="s">
        <v>13747</v>
      </c>
      <c r="B14235" s="1" t="s">
        <v>53796</v>
      </c>
      <c r="C14235" s="1" t="s">
        <v>60</v>
      </c>
      <c r="D14235" s="1" t="s">
        <v>54049</v>
      </c>
      <c r="E14235" s="1" t="s">
        <v>16186</v>
      </c>
      <c r="F14235" s="1" t="s">
        <v>54050</v>
      </c>
      <c r="G14235" s="1" t="s">
        <v>54015</v>
      </c>
      <c r="H14235" s="1" t="s">
        <v>54016</v>
      </c>
      <c r="I14235" s="1" t="s">
        <v>53800</v>
      </c>
      <c r="J14235" s="1" t="s">
        <v>54051</v>
      </c>
    </row>
    <row r="14236" spans="1:10" x14ac:dyDescent="0.35">
      <c r="A14236" s="1" t="s">
        <v>13747</v>
      </c>
      <c r="B14236" s="1" t="s">
        <v>53796</v>
      </c>
      <c r="C14236" s="1" t="s">
        <v>65</v>
      </c>
      <c r="D14236" s="1" t="s">
        <v>54052</v>
      </c>
      <c r="E14236" s="1" t="s">
        <v>15217</v>
      </c>
      <c r="F14236" s="1" t="s">
        <v>54053</v>
      </c>
      <c r="G14236" s="1" t="s">
        <v>54015</v>
      </c>
      <c r="H14236" s="1" t="s">
        <v>54016</v>
      </c>
      <c r="I14236" s="1" t="s">
        <v>53800</v>
      </c>
      <c r="J14236" s="1" t="s">
        <v>54054</v>
      </c>
    </row>
    <row r="14237" spans="1:10" x14ac:dyDescent="0.35">
      <c r="A14237" s="1" t="s">
        <v>13747</v>
      </c>
      <c r="B14237" s="1" t="s">
        <v>53796</v>
      </c>
      <c r="C14237" s="1" t="s">
        <v>70</v>
      </c>
      <c r="D14237" s="1" t="s">
        <v>54055</v>
      </c>
      <c r="E14237" s="1" t="s">
        <v>15274</v>
      </c>
      <c r="F14237" s="1" t="s">
        <v>54056</v>
      </c>
      <c r="G14237" s="1" t="s">
        <v>54015</v>
      </c>
      <c r="H14237" s="1" t="s">
        <v>54016</v>
      </c>
      <c r="I14237" s="1" t="s">
        <v>53800</v>
      </c>
      <c r="J14237" s="1" t="s">
        <v>54057</v>
      </c>
    </row>
    <row r="14238" spans="1:10" x14ac:dyDescent="0.35">
      <c r="A14238" s="1" t="s">
        <v>13747</v>
      </c>
      <c r="B14238" s="1" t="s">
        <v>53796</v>
      </c>
      <c r="C14238" s="1" t="s">
        <v>75</v>
      </c>
      <c r="D14238" s="1" t="s">
        <v>54058</v>
      </c>
      <c r="E14238" s="1" t="s">
        <v>54059</v>
      </c>
      <c r="F14238" s="1" t="s">
        <v>54060</v>
      </c>
      <c r="G14238" s="1" t="s">
        <v>54015</v>
      </c>
      <c r="H14238" s="1" t="s">
        <v>54016</v>
      </c>
      <c r="I14238" s="1" t="s">
        <v>53800</v>
      </c>
      <c r="J14238" s="1" t="s">
        <v>54061</v>
      </c>
    </row>
    <row r="14239" spans="1:10" x14ac:dyDescent="0.35">
      <c r="A14239" s="1" t="s">
        <v>13747</v>
      </c>
      <c r="B14239" s="1" t="s">
        <v>53796</v>
      </c>
      <c r="C14239" s="1" t="s">
        <v>80</v>
      </c>
      <c r="D14239" s="1" t="s">
        <v>54062</v>
      </c>
      <c r="E14239" s="1" t="s">
        <v>24377</v>
      </c>
      <c r="F14239" s="1" t="s">
        <v>54063</v>
      </c>
      <c r="G14239" s="1" t="s">
        <v>54015</v>
      </c>
      <c r="H14239" s="1" t="s">
        <v>54016</v>
      </c>
      <c r="I14239" s="1" t="s">
        <v>53800</v>
      </c>
      <c r="J14239" s="1" t="s">
        <v>54064</v>
      </c>
    </row>
    <row r="14240" spans="1:10" x14ac:dyDescent="0.35">
      <c r="A14240" s="1" t="s">
        <v>13747</v>
      </c>
      <c r="B14240" s="1" t="s">
        <v>53796</v>
      </c>
      <c r="C14240" s="1" t="s">
        <v>85</v>
      </c>
      <c r="D14240" s="1" t="s">
        <v>54065</v>
      </c>
      <c r="E14240" s="1" t="s">
        <v>54066</v>
      </c>
      <c r="F14240" s="1" t="s">
        <v>54067</v>
      </c>
      <c r="G14240" s="1" t="s">
        <v>54015</v>
      </c>
      <c r="H14240" s="1" t="s">
        <v>54016</v>
      </c>
      <c r="I14240" s="1" t="s">
        <v>53800</v>
      </c>
      <c r="J14240" s="1" t="s">
        <v>54068</v>
      </c>
    </row>
    <row r="14241" spans="1:10" x14ac:dyDescent="0.35">
      <c r="A14241" s="1" t="s">
        <v>13747</v>
      </c>
      <c r="B14241" s="1" t="s">
        <v>53796</v>
      </c>
      <c r="C14241" s="1" t="s">
        <v>90</v>
      </c>
      <c r="D14241" s="1" t="s">
        <v>54069</v>
      </c>
      <c r="E14241" s="1" t="s">
        <v>54070</v>
      </c>
      <c r="F14241" s="1" t="s">
        <v>54071</v>
      </c>
      <c r="G14241" s="1" t="s">
        <v>54015</v>
      </c>
      <c r="H14241" s="1" t="s">
        <v>54016</v>
      </c>
      <c r="I14241" s="1" t="s">
        <v>53800</v>
      </c>
      <c r="J14241" s="1" t="s">
        <v>54072</v>
      </c>
    </row>
    <row r="14242" spans="1:10" x14ac:dyDescent="0.35">
      <c r="A14242" s="1" t="s">
        <v>13747</v>
      </c>
      <c r="B14242" s="1" t="s">
        <v>53796</v>
      </c>
      <c r="C14242" s="1" t="s">
        <v>95</v>
      </c>
      <c r="D14242" s="1" t="s">
        <v>54073</v>
      </c>
      <c r="E14242" s="1" t="s">
        <v>54074</v>
      </c>
      <c r="F14242" s="1" t="s">
        <v>41360</v>
      </c>
      <c r="G14242" s="1" t="s">
        <v>54015</v>
      </c>
      <c r="H14242" s="1" t="s">
        <v>54016</v>
      </c>
      <c r="I14242" s="1" t="s">
        <v>53800</v>
      </c>
      <c r="J14242" s="1" t="s">
        <v>54075</v>
      </c>
    </row>
    <row r="14243" spans="1:10" x14ac:dyDescent="0.35">
      <c r="A14243" s="1" t="s">
        <v>13747</v>
      </c>
      <c r="B14243" s="1" t="s">
        <v>53796</v>
      </c>
      <c r="C14243" s="1" t="s">
        <v>100</v>
      </c>
      <c r="D14243" s="1" t="s">
        <v>54076</v>
      </c>
      <c r="E14243" s="1" t="s">
        <v>54077</v>
      </c>
      <c r="F14243" s="1" t="s">
        <v>54078</v>
      </c>
      <c r="G14243" s="1" t="s">
        <v>54015</v>
      </c>
      <c r="H14243" s="1" t="s">
        <v>54016</v>
      </c>
      <c r="I14243" s="1" t="s">
        <v>53800</v>
      </c>
      <c r="J14243" s="1" t="s">
        <v>54079</v>
      </c>
    </row>
    <row r="14244" spans="1:10" x14ac:dyDescent="0.35">
      <c r="A14244" s="1" t="s">
        <v>13747</v>
      </c>
      <c r="B14244" s="1" t="s">
        <v>53796</v>
      </c>
      <c r="C14244" s="1" t="s">
        <v>105</v>
      </c>
      <c r="D14244" s="1" t="s">
        <v>54080</v>
      </c>
      <c r="E14244" s="1" t="s">
        <v>54081</v>
      </c>
      <c r="F14244" s="1" t="s">
        <v>54082</v>
      </c>
      <c r="G14244" s="1" t="s">
        <v>54015</v>
      </c>
      <c r="H14244" s="1" t="s">
        <v>54016</v>
      </c>
      <c r="I14244" s="1" t="s">
        <v>53800</v>
      </c>
      <c r="J14244" s="1" t="s">
        <v>54083</v>
      </c>
    </row>
    <row r="14245" spans="1:10" x14ac:dyDescent="0.35">
      <c r="A14245" s="1" t="s">
        <v>13747</v>
      </c>
      <c r="B14245" s="1" t="s">
        <v>53796</v>
      </c>
      <c r="C14245" s="1" t="s">
        <v>110</v>
      </c>
      <c r="D14245" s="1" t="s">
        <v>54084</v>
      </c>
      <c r="E14245" s="1" t="s">
        <v>54085</v>
      </c>
      <c r="F14245" s="1" t="s">
        <v>54086</v>
      </c>
      <c r="G14245" s="1" t="s">
        <v>54015</v>
      </c>
      <c r="H14245" s="1" t="s">
        <v>54016</v>
      </c>
      <c r="I14245" s="1" t="s">
        <v>53800</v>
      </c>
      <c r="J14245" s="1" t="s">
        <v>54087</v>
      </c>
    </row>
    <row r="14246" spans="1:10" x14ac:dyDescent="0.35">
      <c r="A14246" s="1" t="s">
        <v>13747</v>
      </c>
      <c r="B14246" s="1" t="s">
        <v>53796</v>
      </c>
      <c r="C14246" s="1" t="s">
        <v>115</v>
      </c>
      <c r="D14246" s="1" t="s">
        <v>54088</v>
      </c>
      <c r="E14246" s="1" t="s">
        <v>23248</v>
      </c>
      <c r="F14246" s="1" t="s">
        <v>54089</v>
      </c>
      <c r="G14246" s="1" t="s">
        <v>54015</v>
      </c>
      <c r="H14246" s="1" t="s">
        <v>54016</v>
      </c>
      <c r="I14246" s="1" t="s">
        <v>53800</v>
      </c>
      <c r="J14246" s="1" t="s">
        <v>54090</v>
      </c>
    </row>
    <row r="14247" spans="1:10" x14ac:dyDescent="0.35">
      <c r="A14247" s="1" t="s">
        <v>13747</v>
      </c>
      <c r="B14247" s="1" t="s">
        <v>53796</v>
      </c>
      <c r="C14247" s="1" t="s">
        <v>120</v>
      </c>
      <c r="D14247" s="1" t="s">
        <v>54091</v>
      </c>
      <c r="E14247" s="1" t="s">
        <v>54092</v>
      </c>
      <c r="F14247" s="1" t="s">
        <v>24709</v>
      </c>
      <c r="G14247" s="1" t="s">
        <v>54015</v>
      </c>
      <c r="H14247" s="1" t="s">
        <v>54016</v>
      </c>
      <c r="I14247" s="1" t="s">
        <v>53800</v>
      </c>
      <c r="J14247" s="1" t="s">
        <v>54093</v>
      </c>
    </row>
    <row r="14248" spans="1:10" x14ac:dyDescent="0.35">
      <c r="A14248" s="1" t="s">
        <v>13747</v>
      </c>
      <c r="B14248" s="1" t="s">
        <v>53796</v>
      </c>
      <c r="C14248" s="1" t="s">
        <v>125</v>
      </c>
      <c r="D14248" s="1" t="s">
        <v>54094</v>
      </c>
      <c r="E14248" s="1" t="s">
        <v>54095</v>
      </c>
      <c r="F14248" s="1" t="s">
        <v>54096</v>
      </c>
      <c r="G14248" s="1" t="s">
        <v>54015</v>
      </c>
      <c r="H14248" s="1" t="s">
        <v>54016</v>
      </c>
      <c r="I14248" s="1" t="s">
        <v>53800</v>
      </c>
      <c r="J14248" s="1" t="s">
        <v>54097</v>
      </c>
    </row>
    <row r="14249" spans="1:10" x14ac:dyDescent="0.35">
      <c r="A14249" s="1" t="s">
        <v>13747</v>
      </c>
      <c r="B14249" s="1" t="s">
        <v>53796</v>
      </c>
      <c r="C14249" s="1" t="s">
        <v>130</v>
      </c>
      <c r="D14249" s="1" t="s">
        <v>54098</v>
      </c>
      <c r="E14249" s="1" t="s">
        <v>54099</v>
      </c>
      <c r="F14249" s="1" t="s">
        <v>54100</v>
      </c>
      <c r="G14249" s="1" t="s">
        <v>54015</v>
      </c>
      <c r="H14249" s="1" t="s">
        <v>54016</v>
      </c>
      <c r="I14249" s="1" t="s">
        <v>53800</v>
      </c>
      <c r="J14249" s="1" t="s">
        <v>54101</v>
      </c>
    </row>
    <row r="14250" spans="1:10" x14ac:dyDescent="0.35">
      <c r="A14250" s="1" t="s">
        <v>13747</v>
      </c>
      <c r="B14250" s="1" t="s">
        <v>53796</v>
      </c>
      <c r="C14250" s="1" t="s">
        <v>135</v>
      </c>
      <c r="D14250" s="1" t="s">
        <v>54102</v>
      </c>
      <c r="E14250" s="1" t="s">
        <v>54103</v>
      </c>
      <c r="F14250" s="1" t="s">
        <v>54104</v>
      </c>
      <c r="G14250" s="1" t="s">
        <v>54015</v>
      </c>
      <c r="H14250" s="1" t="s">
        <v>54016</v>
      </c>
      <c r="I14250" s="1" t="s">
        <v>53800</v>
      </c>
      <c r="J14250" s="1" t="s">
        <v>54105</v>
      </c>
    </row>
    <row r="14251" spans="1:10" x14ac:dyDescent="0.35">
      <c r="A14251" s="1" t="s">
        <v>13747</v>
      </c>
      <c r="B14251" s="1" t="s">
        <v>53796</v>
      </c>
      <c r="C14251" s="1" t="s">
        <v>140</v>
      </c>
      <c r="D14251" s="1" t="s">
        <v>54106</v>
      </c>
      <c r="E14251" s="1" t="s">
        <v>54038</v>
      </c>
      <c r="F14251" s="1" t="s">
        <v>54107</v>
      </c>
      <c r="G14251" s="1" t="s">
        <v>54015</v>
      </c>
      <c r="H14251" s="1" t="s">
        <v>54016</v>
      </c>
      <c r="I14251" s="1" t="s">
        <v>53800</v>
      </c>
      <c r="J14251" s="1" t="s">
        <v>54108</v>
      </c>
    </row>
    <row r="14252" spans="1:10" x14ac:dyDescent="0.35">
      <c r="A14252" s="1" t="s">
        <v>13747</v>
      </c>
      <c r="B14252" s="1" t="s">
        <v>53796</v>
      </c>
      <c r="C14252" s="1" t="s">
        <v>145</v>
      </c>
      <c r="D14252" s="1" t="s">
        <v>54109</v>
      </c>
      <c r="E14252" s="1" t="s">
        <v>54110</v>
      </c>
      <c r="F14252" s="1" t="s">
        <v>54111</v>
      </c>
      <c r="G14252" s="1" t="s">
        <v>54015</v>
      </c>
      <c r="H14252" s="1" t="s">
        <v>54016</v>
      </c>
      <c r="I14252" s="1" t="s">
        <v>53800</v>
      </c>
      <c r="J14252" s="1" t="s">
        <v>54112</v>
      </c>
    </row>
    <row r="14253" spans="1:10" x14ac:dyDescent="0.35">
      <c r="A14253" s="1" t="s">
        <v>13747</v>
      </c>
      <c r="B14253" s="1" t="s">
        <v>53796</v>
      </c>
      <c r="C14253" s="1" t="s">
        <v>150</v>
      </c>
      <c r="D14253" s="1" t="s">
        <v>54113</v>
      </c>
      <c r="E14253" s="1" t="s">
        <v>54114</v>
      </c>
      <c r="F14253" s="1" t="s">
        <v>54115</v>
      </c>
      <c r="G14253" s="1" t="s">
        <v>54015</v>
      </c>
      <c r="H14253" s="1" t="s">
        <v>54016</v>
      </c>
      <c r="I14253" s="1" t="s">
        <v>53800</v>
      </c>
      <c r="J14253" s="1" t="s">
        <v>54116</v>
      </c>
    </row>
    <row r="14254" spans="1:10" x14ac:dyDescent="0.35">
      <c r="A14254" s="1" t="s">
        <v>13747</v>
      </c>
      <c r="B14254" s="1" t="s">
        <v>53796</v>
      </c>
      <c r="C14254" s="1" t="s">
        <v>155</v>
      </c>
      <c r="D14254" s="1" t="s">
        <v>54117</v>
      </c>
      <c r="E14254" s="1" t="s">
        <v>54118</v>
      </c>
      <c r="F14254" s="1" t="s">
        <v>54119</v>
      </c>
      <c r="G14254" s="1" t="s">
        <v>54015</v>
      </c>
      <c r="H14254" s="1" t="s">
        <v>54016</v>
      </c>
      <c r="I14254" s="1" t="s">
        <v>53800</v>
      </c>
      <c r="J14254" s="1" t="s">
        <v>54120</v>
      </c>
    </row>
    <row r="14255" spans="1:10" x14ac:dyDescent="0.35">
      <c r="A14255" s="1" t="s">
        <v>13747</v>
      </c>
      <c r="B14255" s="1" t="s">
        <v>53796</v>
      </c>
      <c r="C14255" s="1" t="s">
        <v>160</v>
      </c>
      <c r="D14255" s="1" t="s">
        <v>54121</v>
      </c>
      <c r="E14255" s="1" t="s">
        <v>23468</v>
      </c>
      <c r="F14255" s="1" t="s">
        <v>54122</v>
      </c>
      <c r="G14255" s="1" t="s">
        <v>54015</v>
      </c>
      <c r="H14255" s="1" t="s">
        <v>54016</v>
      </c>
      <c r="I14255" s="1" t="s">
        <v>53800</v>
      </c>
      <c r="J14255" s="1" t="s">
        <v>54123</v>
      </c>
    </row>
    <row r="14256" spans="1:10" x14ac:dyDescent="0.35">
      <c r="A14256" s="1" t="s">
        <v>13747</v>
      </c>
      <c r="B14256" s="1" t="s">
        <v>53796</v>
      </c>
      <c r="C14256" s="1" t="s">
        <v>165</v>
      </c>
      <c r="D14256" s="1" t="s">
        <v>54124</v>
      </c>
      <c r="E14256" s="1" t="s">
        <v>54092</v>
      </c>
      <c r="F14256" s="1" t="s">
        <v>54125</v>
      </c>
      <c r="G14256" s="1" t="s">
        <v>54015</v>
      </c>
      <c r="H14256" s="1" t="s">
        <v>54016</v>
      </c>
      <c r="I14256" s="1" t="s">
        <v>53800</v>
      </c>
      <c r="J14256" s="1" t="s">
        <v>54126</v>
      </c>
    </row>
    <row r="14257" spans="1:10" x14ac:dyDescent="0.35">
      <c r="A14257" s="1" t="s">
        <v>13747</v>
      </c>
      <c r="B14257" s="1" t="s">
        <v>53796</v>
      </c>
      <c r="C14257" s="1" t="s">
        <v>170</v>
      </c>
      <c r="D14257" s="1" t="s">
        <v>54127</v>
      </c>
      <c r="E14257" s="1" t="s">
        <v>23262</v>
      </c>
      <c r="F14257" s="1" t="s">
        <v>54128</v>
      </c>
      <c r="G14257" s="1" t="s">
        <v>54015</v>
      </c>
      <c r="H14257" s="1" t="s">
        <v>54016</v>
      </c>
      <c r="I14257" s="1" t="s">
        <v>53800</v>
      </c>
      <c r="J14257" s="1" t="s">
        <v>54129</v>
      </c>
    </row>
    <row r="14258" spans="1:10" x14ac:dyDescent="0.35">
      <c r="A14258" s="1" t="s">
        <v>54130</v>
      </c>
      <c r="B14258" s="1" t="s">
        <v>53796</v>
      </c>
      <c r="C14258" s="1" t="s">
        <v>8</v>
      </c>
      <c r="D14258" s="1" t="s">
        <v>54131</v>
      </c>
      <c r="E14258" s="1" t="s">
        <v>53997</v>
      </c>
      <c r="F14258" s="1" t="s">
        <v>54132</v>
      </c>
      <c r="G14258" s="1" t="s">
        <v>54133</v>
      </c>
      <c r="H14258" s="1" t="s">
        <v>54134</v>
      </c>
      <c r="I14258" s="1" t="s">
        <v>53800</v>
      </c>
      <c r="J14258" s="1" t="s">
        <v>13</v>
      </c>
    </row>
    <row r="14259" spans="1:10" x14ac:dyDescent="0.35">
      <c r="A14259" s="1" t="s">
        <v>54130</v>
      </c>
      <c r="B14259" s="1" t="s">
        <v>53796</v>
      </c>
      <c r="C14259" s="1" t="s">
        <v>15</v>
      </c>
      <c r="D14259" s="1" t="s">
        <v>54135</v>
      </c>
      <c r="E14259" s="1" t="s">
        <v>54136</v>
      </c>
      <c r="F14259" s="1" t="s">
        <v>54137</v>
      </c>
      <c r="G14259" s="1" t="s">
        <v>54133</v>
      </c>
      <c r="H14259" s="1" t="s">
        <v>54134</v>
      </c>
      <c r="I14259" s="1" t="s">
        <v>53800</v>
      </c>
      <c r="J14259" s="1" t="s">
        <v>54138</v>
      </c>
    </row>
    <row r="14260" spans="1:10" x14ac:dyDescent="0.35">
      <c r="A14260" s="1" t="s">
        <v>54130</v>
      </c>
      <c r="B14260" s="1" t="s">
        <v>53796</v>
      </c>
      <c r="C14260" s="1" t="s">
        <v>20</v>
      </c>
      <c r="D14260" s="1" t="s">
        <v>54139</v>
      </c>
      <c r="E14260" s="1" t="s">
        <v>26461</v>
      </c>
      <c r="F14260" s="1" t="s">
        <v>54140</v>
      </c>
      <c r="G14260" s="1" t="s">
        <v>54133</v>
      </c>
      <c r="H14260" s="1" t="s">
        <v>54134</v>
      </c>
      <c r="I14260" s="1" t="s">
        <v>53800</v>
      </c>
      <c r="J14260" s="1" t="s">
        <v>54141</v>
      </c>
    </row>
    <row r="14261" spans="1:10" x14ac:dyDescent="0.35">
      <c r="A14261" s="1" t="s">
        <v>54130</v>
      </c>
      <c r="B14261" s="1" t="s">
        <v>53796</v>
      </c>
      <c r="C14261" s="1" t="s">
        <v>25</v>
      </c>
      <c r="D14261" s="1" t="s">
        <v>54142</v>
      </c>
      <c r="E14261" s="1" t="s">
        <v>21956</v>
      </c>
      <c r="F14261" s="1" t="s">
        <v>54143</v>
      </c>
      <c r="G14261" s="1" t="s">
        <v>54133</v>
      </c>
      <c r="H14261" s="1" t="s">
        <v>54134</v>
      </c>
      <c r="I14261" s="1" t="s">
        <v>53800</v>
      </c>
      <c r="J14261" s="1" t="s">
        <v>54144</v>
      </c>
    </row>
    <row r="14262" spans="1:10" x14ac:dyDescent="0.35">
      <c r="A14262" s="1" t="s">
        <v>54130</v>
      </c>
      <c r="B14262" s="1" t="s">
        <v>53796</v>
      </c>
      <c r="C14262" s="1" t="s">
        <v>30</v>
      </c>
      <c r="D14262" s="1" t="s">
        <v>54145</v>
      </c>
      <c r="E14262" s="1" t="s">
        <v>15628</v>
      </c>
      <c r="F14262" s="1" t="s">
        <v>54146</v>
      </c>
      <c r="G14262" s="1" t="s">
        <v>54133</v>
      </c>
      <c r="H14262" s="1" t="s">
        <v>54134</v>
      </c>
      <c r="I14262" s="1" t="s">
        <v>53800</v>
      </c>
      <c r="J14262" s="1" t="s">
        <v>54147</v>
      </c>
    </row>
    <row r="14263" spans="1:10" x14ac:dyDescent="0.35">
      <c r="A14263" s="1" t="s">
        <v>54130</v>
      </c>
      <c r="B14263" s="1" t="s">
        <v>53796</v>
      </c>
      <c r="C14263" s="1" t="s">
        <v>35</v>
      </c>
      <c r="D14263" s="1" t="s">
        <v>54148</v>
      </c>
      <c r="E14263" s="1" t="s">
        <v>23421</v>
      </c>
      <c r="F14263" s="1" t="s">
        <v>54149</v>
      </c>
      <c r="G14263" s="1" t="s">
        <v>54133</v>
      </c>
      <c r="H14263" s="1" t="s">
        <v>54134</v>
      </c>
      <c r="I14263" s="1" t="s">
        <v>53800</v>
      </c>
      <c r="J14263" s="1" t="s">
        <v>54150</v>
      </c>
    </row>
    <row r="14264" spans="1:10" x14ac:dyDescent="0.35">
      <c r="A14264" s="1" t="s">
        <v>54130</v>
      </c>
      <c r="B14264" s="1" t="s">
        <v>53796</v>
      </c>
      <c r="C14264" s="1" t="s">
        <v>40</v>
      </c>
      <c r="D14264" s="1" t="s">
        <v>26316</v>
      </c>
      <c r="E14264" s="1" t="s">
        <v>21201</v>
      </c>
      <c r="F14264" s="1" t="s">
        <v>54151</v>
      </c>
      <c r="G14264" s="1" t="s">
        <v>54133</v>
      </c>
      <c r="H14264" s="1" t="s">
        <v>54134</v>
      </c>
      <c r="I14264" s="1" t="s">
        <v>53800</v>
      </c>
      <c r="J14264" s="1" t="s">
        <v>54152</v>
      </c>
    </row>
    <row r="14265" spans="1:10" x14ac:dyDescent="0.35">
      <c r="A14265" s="1" t="s">
        <v>54130</v>
      </c>
      <c r="B14265" s="1" t="s">
        <v>53796</v>
      </c>
      <c r="C14265" s="1" t="s">
        <v>45</v>
      </c>
      <c r="D14265" s="1" t="s">
        <v>54153</v>
      </c>
      <c r="E14265" s="1" t="s">
        <v>54154</v>
      </c>
      <c r="F14265" s="1" t="s">
        <v>54155</v>
      </c>
      <c r="G14265" s="1" t="s">
        <v>54133</v>
      </c>
      <c r="H14265" s="1" t="s">
        <v>54134</v>
      </c>
      <c r="I14265" s="1" t="s">
        <v>53800</v>
      </c>
      <c r="J14265" s="1" t="s">
        <v>54156</v>
      </c>
    </row>
    <row r="14266" spans="1:10" x14ac:dyDescent="0.35">
      <c r="A14266" s="1" t="s">
        <v>54130</v>
      </c>
      <c r="B14266" s="1" t="s">
        <v>53796</v>
      </c>
      <c r="C14266" s="1" t="s">
        <v>50</v>
      </c>
      <c r="D14266" s="1" t="s">
        <v>54157</v>
      </c>
      <c r="E14266" s="1" t="s">
        <v>54158</v>
      </c>
      <c r="F14266" s="1" t="s">
        <v>54159</v>
      </c>
      <c r="G14266" s="1" t="s">
        <v>54133</v>
      </c>
      <c r="H14266" s="1" t="s">
        <v>54134</v>
      </c>
      <c r="I14266" s="1" t="s">
        <v>53800</v>
      </c>
      <c r="J14266" s="1" t="s">
        <v>54160</v>
      </c>
    </row>
    <row r="14267" spans="1:10" x14ac:dyDescent="0.35">
      <c r="A14267" s="1" t="s">
        <v>54130</v>
      </c>
      <c r="B14267" s="1" t="s">
        <v>53796</v>
      </c>
      <c r="C14267" s="1" t="s">
        <v>55</v>
      </c>
      <c r="D14267" s="1" t="s">
        <v>54161</v>
      </c>
      <c r="E14267" s="1" t="s">
        <v>23517</v>
      </c>
      <c r="F14267" s="1" t="s">
        <v>54162</v>
      </c>
      <c r="G14267" s="1" t="s">
        <v>54133</v>
      </c>
      <c r="H14267" s="1" t="s">
        <v>54134</v>
      </c>
      <c r="I14267" s="1" t="s">
        <v>53800</v>
      </c>
      <c r="J14267" s="1" t="s">
        <v>54163</v>
      </c>
    </row>
    <row r="14268" spans="1:10" x14ac:dyDescent="0.35">
      <c r="A14268" s="1" t="s">
        <v>54130</v>
      </c>
      <c r="B14268" s="1" t="s">
        <v>53796</v>
      </c>
      <c r="C14268" s="1" t="s">
        <v>60</v>
      </c>
      <c r="D14268" s="1" t="s">
        <v>54164</v>
      </c>
      <c r="E14268" s="1" t="s">
        <v>54165</v>
      </c>
      <c r="F14268" s="1" t="s">
        <v>54166</v>
      </c>
      <c r="G14268" s="1" t="s">
        <v>54133</v>
      </c>
      <c r="H14268" s="1" t="s">
        <v>54134</v>
      </c>
      <c r="I14268" s="1" t="s">
        <v>53800</v>
      </c>
      <c r="J14268" s="1" t="s">
        <v>54167</v>
      </c>
    </row>
    <row r="14269" spans="1:10" x14ac:dyDescent="0.35">
      <c r="A14269" s="1" t="s">
        <v>54130</v>
      </c>
      <c r="B14269" s="1" t="s">
        <v>53796</v>
      </c>
      <c r="C14269" s="1" t="s">
        <v>65</v>
      </c>
      <c r="D14269" s="1" t="s">
        <v>26328</v>
      </c>
      <c r="E14269" s="1" t="s">
        <v>54168</v>
      </c>
      <c r="F14269" s="1" t="s">
        <v>54169</v>
      </c>
      <c r="G14269" s="1" t="s">
        <v>54133</v>
      </c>
      <c r="H14269" s="1" t="s">
        <v>54134</v>
      </c>
      <c r="I14269" s="1" t="s">
        <v>53800</v>
      </c>
      <c r="J14269" s="1" t="s">
        <v>54170</v>
      </c>
    </row>
    <row r="14270" spans="1:10" x14ac:dyDescent="0.35">
      <c r="A14270" s="1" t="s">
        <v>54130</v>
      </c>
      <c r="B14270" s="1" t="s">
        <v>53796</v>
      </c>
      <c r="C14270" s="1" t="s">
        <v>70</v>
      </c>
      <c r="D14270" s="1" t="s">
        <v>54171</v>
      </c>
      <c r="E14270" s="1" t="s">
        <v>15595</v>
      </c>
      <c r="F14270" s="1" t="s">
        <v>54172</v>
      </c>
      <c r="G14270" s="1" t="s">
        <v>54133</v>
      </c>
      <c r="H14270" s="1" t="s">
        <v>54134</v>
      </c>
      <c r="I14270" s="1" t="s">
        <v>53800</v>
      </c>
      <c r="J14270" s="1" t="s">
        <v>54173</v>
      </c>
    </row>
    <row r="14271" spans="1:10" x14ac:dyDescent="0.35">
      <c r="A14271" s="1" t="s">
        <v>54130</v>
      </c>
      <c r="B14271" s="1" t="s">
        <v>53796</v>
      </c>
      <c r="C14271" s="1" t="s">
        <v>75</v>
      </c>
      <c r="D14271" s="1" t="s">
        <v>54174</v>
      </c>
      <c r="E14271" s="1" t="s">
        <v>15927</v>
      </c>
      <c r="F14271" s="1" t="s">
        <v>54175</v>
      </c>
      <c r="G14271" s="1" t="s">
        <v>54133</v>
      </c>
      <c r="H14271" s="1" t="s">
        <v>54134</v>
      </c>
      <c r="I14271" s="1" t="s">
        <v>53800</v>
      </c>
      <c r="J14271" s="1" t="s">
        <v>54176</v>
      </c>
    </row>
    <row r="14272" spans="1:10" x14ac:dyDescent="0.35">
      <c r="A14272" s="1" t="s">
        <v>54130</v>
      </c>
      <c r="B14272" s="1" t="s">
        <v>53796</v>
      </c>
      <c r="C14272" s="1" t="s">
        <v>80</v>
      </c>
      <c r="D14272" s="1" t="s">
        <v>54177</v>
      </c>
      <c r="E14272" s="1" t="s">
        <v>54178</v>
      </c>
      <c r="F14272" s="1" t="s">
        <v>54179</v>
      </c>
      <c r="G14272" s="1" t="s">
        <v>54133</v>
      </c>
      <c r="H14272" s="1" t="s">
        <v>54134</v>
      </c>
      <c r="I14272" s="1" t="s">
        <v>53800</v>
      </c>
      <c r="J14272" s="1" t="s">
        <v>54180</v>
      </c>
    </row>
    <row r="14273" spans="1:10" x14ac:dyDescent="0.35">
      <c r="A14273" s="1" t="s">
        <v>54130</v>
      </c>
      <c r="B14273" s="1" t="s">
        <v>53796</v>
      </c>
      <c r="C14273" s="1" t="s">
        <v>85</v>
      </c>
      <c r="D14273" s="1" t="s">
        <v>54181</v>
      </c>
      <c r="E14273" s="1" t="s">
        <v>15353</v>
      </c>
      <c r="F14273" s="1" t="s">
        <v>54182</v>
      </c>
      <c r="G14273" s="1" t="s">
        <v>54133</v>
      </c>
      <c r="H14273" s="1" t="s">
        <v>54134</v>
      </c>
      <c r="I14273" s="1" t="s">
        <v>53800</v>
      </c>
      <c r="J14273" s="1" t="s">
        <v>54183</v>
      </c>
    </row>
    <row r="14274" spans="1:10" x14ac:dyDescent="0.35">
      <c r="A14274" s="1" t="s">
        <v>54130</v>
      </c>
      <c r="B14274" s="1" t="s">
        <v>53796</v>
      </c>
      <c r="C14274" s="1" t="s">
        <v>90</v>
      </c>
      <c r="D14274" s="1" t="s">
        <v>54184</v>
      </c>
      <c r="E14274" s="1" t="s">
        <v>32965</v>
      </c>
      <c r="F14274" s="1" t="s">
        <v>54185</v>
      </c>
      <c r="G14274" s="1" t="s">
        <v>54133</v>
      </c>
      <c r="H14274" s="1" t="s">
        <v>54134</v>
      </c>
      <c r="I14274" s="1" t="s">
        <v>53800</v>
      </c>
      <c r="J14274" s="1" t="s">
        <v>54186</v>
      </c>
    </row>
    <row r="14275" spans="1:10" x14ac:dyDescent="0.35">
      <c r="A14275" s="1" t="s">
        <v>54130</v>
      </c>
      <c r="B14275" s="1" t="s">
        <v>53796</v>
      </c>
      <c r="C14275" s="1" t="s">
        <v>95</v>
      </c>
      <c r="D14275" s="1" t="s">
        <v>26582</v>
      </c>
      <c r="E14275" s="1" t="s">
        <v>32576</v>
      </c>
      <c r="F14275" s="1" t="s">
        <v>54187</v>
      </c>
      <c r="G14275" s="1" t="s">
        <v>54133</v>
      </c>
      <c r="H14275" s="1" t="s">
        <v>54134</v>
      </c>
      <c r="I14275" s="1" t="s">
        <v>53800</v>
      </c>
      <c r="J14275" s="1" t="s">
        <v>54188</v>
      </c>
    </row>
    <row r="14276" spans="1:10" x14ac:dyDescent="0.35">
      <c r="A14276" s="1" t="s">
        <v>54130</v>
      </c>
      <c r="B14276" s="1" t="s">
        <v>53796</v>
      </c>
      <c r="C14276" s="1" t="s">
        <v>100</v>
      </c>
      <c r="D14276" s="1" t="s">
        <v>54189</v>
      </c>
      <c r="E14276" s="1" t="s">
        <v>54190</v>
      </c>
      <c r="F14276" s="1" t="s">
        <v>54191</v>
      </c>
      <c r="G14276" s="1" t="s">
        <v>54133</v>
      </c>
      <c r="H14276" s="1" t="s">
        <v>54134</v>
      </c>
      <c r="I14276" s="1" t="s">
        <v>53800</v>
      </c>
      <c r="J14276" s="1" t="s">
        <v>54192</v>
      </c>
    </row>
    <row r="14277" spans="1:10" x14ac:dyDescent="0.35">
      <c r="A14277" s="1" t="s">
        <v>54130</v>
      </c>
      <c r="B14277" s="1" t="s">
        <v>53796</v>
      </c>
      <c r="C14277" s="1" t="s">
        <v>105</v>
      </c>
      <c r="D14277" s="1" t="s">
        <v>54193</v>
      </c>
      <c r="E14277" s="1" t="s">
        <v>26576</v>
      </c>
      <c r="F14277" s="1" t="s">
        <v>54194</v>
      </c>
      <c r="G14277" s="1" t="s">
        <v>54133</v>
      </c>
      <c r="H14277" s="1" t="s">
        <v>54134</v>
      </c>
      <c r="I14277" s="1" t="s">
        <v>53800</v>
      </c>
      <c r="J14277" s="1" t="s">
        <v>54195</v>
      </c>
    </row>
    <row r="14278" spans="1:10" x14ac:dyDescent="0.35">
      <c r="A14278" s="1" t="s">
        <v>54130</v>
      </c>
      <c r="B14278" s="1" t="s">
        <v>53796</v>
      </c>
      <c r="C14278" s="1" t="s">
        <v>110</v>
      </c>
      <c r="D14278" s="1" t="s">
        <v>54196</v>
      </c>
      <c r="E14278" s="1" t="s">
        <v>54197</v>
      </c>
      <c r="F14278" s="1" t="s">
        <v>54198</v>
      </c>
      <c r="G14278" s="1" t="s">
        <v>54133</v>
      </c>
      <c r="H14278" s="1" t="s">
        <v>54134</v>
      </c>
      <c r="I14278" s="1" t="s">
        <v>53800</v>
      </c>
      <c r="J14278" s="1" t="s">
        <v>54199</v>
      </c>
    </row>
    <row r="14279" spans="1:10" x14ac:dyDescent="0.35">
      <c r="A14279" s="1" t="s">
        <v>54130</v>
      </c>
      <c r="B14279" s="1" t="s">
        <v>53796</v>
      </c>
      <c r="C14279" s="1" t="s">
        <v>115</v>
      </c>
      <c r="D14279" s="1" t="s">
        <v>20027</v>
      </c>
      <c r="E14279" s="1" t="s">
        <v>54200</v>
      </c>
      <c r="F14279" s="1" t="s">
        <v>54201</v>
      </c>
      <c r="G14279" s="1" t="s">
        <v>54133</v>
      </c>
      <c r="H14279" s="1" t="s">
        <v>54134</v>
      </c>
      <c r="I14279" s="1" t="s">
        <v>53800</v>
      </c>
      <c r="J14279" s="1" t="s">
        <v>54202</v>
      </c>
    </row>
    <row r="14280" spans="1:10" x14ac:dyDescent="0.35">
      <c r="A14280" s="1" t="s">
        <v>54130</v>
      </c>
      <c r="B14280" s="1" t="s">
        <v>53796</v>
      </c>
      <c r="C14280" s="1" t="s">
        <v>120</v>
      </c>
      <c r="D14280" s="1" t="s">
        <v>54203</v>
      </c>
      <c r="E14280" s="1" t="s">
        <v>31828</v>
      </c>
      <c r="F14280" s="1" t="s">
        <v>54204</v>
      </c>
      <c r="G14280" s="1" t="s">
        <v>54133</v>
      </c>
      <c r="H14280" s="1" t="s">
        <v>54134</v>
      </c>
      <c r="I14280" s="1" t="s">
        <v>53800</v>
      </c>
      <c r="J14280" s="1" t="s">
        <v>54205</v>
      </c>
    </row>
    <row r="14281" spans="1:10" x14ac:dyDescent="0.35">
      <c r="A14281" s="1" t="s">
        <v>54130</v>
      </c>
      <c r="B14281" s="1" t="s">
        <v>53796</v>
      </c>
      <c r="C14281" s="1" t="s">
        <v>125</v>
      </c>
      <c r="D14281" s="1" t="s">
        <v>54206</v>
      </c>
      <c r="E14281" s="1" t="s">
        <v>54207</v>
      </c>
      <c r="F14281" s="1" t="s">
        <v>54208</v>
      </c>
      <c r="G14281" s="1" t="s">
        <v>54133</v>
      </c>
      <c r="H14281" s="1" t="s">
        <v>54134</v>
      </c>
      <c r="I14281" s="1" t="s">
        <v>53800</v>
      </c>
      <c r="J14281" s="1" t="s">
        <v>54209</v>
      </c>
    </row>
    <row r="14282" spans="1:10" x14ac:dyDescent="0.35">
      <c r="A14282" s="1" t="s">
        <v>54130</v>
      </c>
      <c r="B14282" s="1" t="s">
        <v>53796</v>
      </c>
      <c r="C14282" s="1" t="s">
        <v>130</v>
      </c>
      <c r="D14282" s="1" t="s">
        <v>54210</v>
      </c>
      <c r="E14282" s="1" t="s">
        <v>54211</v>
      </c>
      <c r="F14282" s="1" t="s">
        <v>54212</v>
      </c>
      <c r="G14282" s="1" t="s">
        <v>54133</v>
      </c>
      <c r="H14282" s="1" t="s">
        <v>54134</v>
      </c>
      <c r="I14282" s="1" t="s">
        <v>53800</v>
      </c>
      <c r="J14282" s="1" t="s">
        <v>54213</v>
      </c>
    </row>
    <row r="14283" spans="1:10" x14ac:dyDescent="0.35">
      <c r="A14283" s="1" t="s">
        <v>54130</v>
      </c>
      <c r="B14283" s="1" t="s">
        <v>53796</v>
      </c>
      <c r="C14283" s="1" t="s">
        <v>135</v>
      </c>
      <c r="D14283" s="1" t="s">
        <v>54214</v>
      </c>
      <c r="E14283" s="1" t="s">
        <v>54215</v>
      </c>
      <c r="F14283" s="1" t="s">
        <v>54216</v>
      </c>
      <c r="G14283" s="1" t="s">
        <v>54133</v>
      </c>
      <c r="H14283" s="1" t="s">
        <v>54134</v>
      </c>
      <c r="I14283" s="1" t="s">
        <v>53800</v>
      </c>
      <c r="J14283" s="1" t="s">
        <v>54217</v>
      </c>
    </row>
    <row r="14284" spans="1:10" x14ac:dyDescent="0.35">
      <c r="A14284" s="1" t="s">
        <v>54130</v>
      </c>
      <c r="B14284" s="1" t="s">
        <v>53796</v>
      </c>
      <c r="C14284" s="1" t="s">
        <v>140</v>
      </c>
      <c r="D14284" s="1" t="s">
        <v>54218</v>
      </c>
      <c r="E14284" s="1" t="s">
        <v>54219</v>
      </c>
      <c r="F14284" s="1" t="s">
        <v>54220</v>
      </c>
      <c r="G14284" s="1" t="s">
        <v>54133</v>
      </c>
      <c r="H14284" s="1" t="s">
        <v>54134</v>
      </c>
      <c r="I14284" s="1" t="s">
        <v>53800</v>
      </c>
      <c r="J14284" s="1" t="s">
        <v>54221</v>
      </c>
    </row>
    <row r="14285" spans="1:10" x14ac:dyDescent="0.35">
      <c r="A14285" s="1" t="s">
        <v>54130</v>
      </c>
      <c r="B14285" s="1" t="s">
        <v>53796</v>
      </c>
      <c r="C14285" s="1" t="s">
        <v>145</v>
      </c>
      <c r="D14285" s="1" t="s">
        <v>54222</v>
      </c>
      <c r="E14285" s="1" t="s">
        <v>24292</v>
      </c>
      <c r="F14285" s="1" t="s">
        <v>54223</v>
      </c>
      <c r="G14285" s="1" t="s">
        <v>54133</v>
      </c>
      <c r="H14285" s="1" t="s">
        <v>54134</v>
      </c>
      <c r="I14285" s="1" t="s">
        <v>53800</v>
      </c>
      <c r="J14285" s="1" t="s">
        <v>54224</v>
      </c>
    </row>
    <row r="14286" spans="1:10" x14ac:dyDescent="0.35">
      <c r="A14286" s="1" t="s">
        <v>54130</v>
      </c>
      <c r="B14286" s="1" t="s">
        <v>53796</v>
      </c>
      <c r="C14286" s="1" t="s">
        <v>150</v>
      </c>
      <c r="D14286" s="1" t="s">
        <v>54225</v>
      </c>
      <c r="E14286" s="1" t="s">
        <v>54226</v>
      </c>
      <c r="F14286" s="1" t="s">
        <v>54227</v>
      </c>
      <c r="G14286" s="1" t="s">
        <v>54133</v>
      </c>
      <c r="H14286" s="1" t="s">
        <v>54134</v>
      </c>
      <c r="I14286" s="1" t="s">
        <v>53800</v>
      </c>
      <c r="J14286" s="1" t="s">
        <v>54228</v>
      </c>
    </row>
    <row r="14287" spans="1:10" x14ac:dyDescent="0.35">
      <c r="A14287" s="1" t="s">
        <v>54130</v>
      </c>
      <c r="B14287" s="1" t="s">
        <v>53796</v>
      </c>
      <c r="C14287" s="1" t="s">
        <v>155</v>
      </c>
      <c r="D14287" s="1" t="s">
        <v>54229</v>
      </c>
      <c r="E14287" s="1" t="s">
        <v>26531</v>
      </c>
      <c r="F14287" s="1" t="s">
        <v>54230</v>
      </c>
      <c r="G14287" s="1" t="s">
        <v>54133</v>
      </c>
      <c r="H14287" s="1" t="s">
        <v>54134</v>
      </c>
      <c r="I14287" s="1" t="s">
        <v>53800</v>
      </c>
      <c r="J14287" s="1" t="s">
        <v>54231</v>
      </c>
    </row>
    <row r="14288" spans="1:10" x14ac:dyDescent="0.35">
      <c r="A14288" s="1" t="s">
        <v>54130</v>
      </c>
      <c r="B14288" s="1" t="s">
        <v>53796</v>
      </c>
      <c r="C14288" s="1" t="s">
        <v>160</v>
      </c>
      <c r="D14288" s="1" t="s">
        <v>54232</v>
      </c>
      <c r="E14288" s="1" t="s">
        <v>26284</v>
      </c>
      <c r="F14288" s="1" t="s">
        <v>54233</v>
      </c>
      <c r="G14288" s="1" t="s">
        <v>54133</v>
      </c>
      <c r="H14288" s="1" t="s">
        <v>54134</v>
      </c>
      <c r="I14288" s="1" t="s">
        <v>53800</v>
      </c>
      <c r="J14288" s="1" t="s">
        <v>54234</v>
      </c>
    </row>
    <row r="14289" spans="1:10" x14ac:dyDescent="0.35">
      <c r="A14289" s="1" t="s">
        <v>54130</v>
      </c>
      <c r="B14289" s="1" t="s">
        <v>53796</v>
      </c>
      <c r="C14289" s="1" t="s">
        <v>165</v>
      </c>
      <c r="D14289" s="1" t="s">
        <v>54235</v>
      </c>
      <c r="E14289" s="1" t="s">
        <v>16132</v>
      </c>
      <c r="F14289" s="1" t="s">
        <v>54236</v>
      </c>
      <c r="G14289" s="1" t="s">
        <v>54133</v>
      </c>
      <c r="H14289" s="1" t="s">
        <v>54134</v>
      </c>
      <c r="I14289" s="1" t="s">
        <v>53800</v>
      </c>
      <c r="J14289" s="1" t="s">
        <v>54237</v>
      </c>
    </row>
    <row r="14290" spans="1:10" x14ac:dyDescent="0.35">
      <c r="A14290" s="1" t="s">
        <v>54130</v>
      </c>
      <c r="B14290" s="1" t="s">
        <v>53796</v>
      </c>
      <c r="C14290" s="1" t="s">
        <v>170</v>
      </c>
      <c r="D14290" s="1" t="s">
        <v>54238</v>
      </c>
      <c r="E14290" s="1" t="s">
        <v>54239</v>
      </c>
      <c r="F14290" s="1" t="s">
        <v>54240</v>
      </c>
      <c r="G14290" s="1" t="s">
        <v>54133</v>
      </c>
      <c r="H14290" s="1" t="s">
        <v>54134</v>
      </c>
      <c r="I14290" s="1" t="s">
        <v>53800</v>
      </c>
      <c r="J14290" s="1" t="s">
        <v>54241</v>
      </c>
    </row>
    <row r="14291" spans="1:10" x14ac:dyDescent="0.35">
      <c r="A14291" s="1" t="s">
        <v>54242</v>
      </c>
      <c r="B14291" s="1" t="s">
        <v>53796</v>
      </c>
      <c r="C14291" s="1" t="s">
        <v>8</v>
      </c>
      <c r="D14291" s="1" t="s">
        <v>54243</v>
      </c>
      <c r="E14291" s="1" t="s">
        <v>54244</v>
      </c>
      <c r="F14291" s="1" t="s">
        <v>54245</v>
      </c>
      <c r="G14291" s="1" t="s">
        <v>54246</v>
      </c>
      <c r="H14291" s="1" t="s">
        <v>54247</v>
      </c>
      <c r="I14291" s="1" t="s">
        <v>53800</v>
      </c>
      <c r="J14291" s="1" t="s">
        <v>13</v>
      </c>
    </row>
    <row r="14292" spans="1:10" x14ac:dyDescent="0.35">
      <c r="A14292" s="1" t="s">
        <v>54242</v>
      </c>
      <c r="B14292" s="1" t="s">
        <v>53796</v>
      </c>
      <c r="C14292" s="1" t="s">
        <v>15</v>
      </c>
      <c r="D14292" s="1" t="s">
        <v>22660</v>
      </c>
      <c r="E14292" s="1" t="s">
        <v>54248</v>
      </c>
      <c r="F14292" s="1" t="s">
        <v>54249</v>
      </c>
      <c r="G14292" s="1" t="s">
        <v>54246</v>
      </c>
      <c r="H14292" s="1" t="s">
        <v>54247</v>
      </c>
      <c r="I14292" s="1" t="s">
        <v>53800</v>
      </c>
      <c r="J14292" s="1" t="s">
        <v>54250</v>
      </c>
    </row>
    <row r="14293" spans="1:10" x14ac:dyDescent="0.35">
      <c r="A14293" s="1" t="s">
        <v>54242</v>
      </c>
      <c r="B14293" s="1" t="s">
        <v>53796</v>
      </c>
      <c r="C14293" s="1" t="s">
        <v>20</v>
      </c>
      <c r="D14293" s="1" t="s">
        <v>54251</v>
      </c>
      <c r="E14293" s="1" t="s">
        <v>54252</v>
      </c>
      <c r="F14293" s="1" t="s">
        <v>54253</v>
      </c>
      <c r="G14293" s="1" t="s">
        <v>54246</v>
      </c>
      <c r="H14293" s="1" t="s">
        <v>54247</v>
      </c>
      <c r="I14293" s="1" t="s">
        <v>53800</v>
      </c>
      <c r="J14293" s="1" t="s">
        <v>54254</v>
      </c>
    </row>
    <row r="14294" spans="1:10" x14ac:dyDescent="0.35">
      <c r="A14294" s="1" t="s">
        <v>54242</v>
      </c>
      <c r="B14294" s="1" t="s">
        <v>53796</v>
      </c>
      <c r="C14294" s="1" t="s">
        <v>25</v>
      </c>
      <c r="D14294" s="1" t="s">
        <v>54255</v>
      </c>
      <c r="E14294" s="1" t="s">
        <v>54256</v>
      </c>
      <c r="F14294" s="1" t="s">
        <v>54257</v>
      </c>
      <c r="G14294" s="1" t="s">
        <v>54246</v>
      </c>
      <c r="H14294" s="1" t="s">
        <v>54247</v>
      </c>
      <c r="I14294" s="1" t="s">
        <v>53800</v>
      </c>
      <c r="J14294" s="1" t="s">
        <v>54258</v>
      </c>
    </row>
    <row r="14295" spans="1:10" x14ac:dyDescent="0.35">
      <c r="A14295" s="1" t="s">
        <v>54242</v>
      </c>
      <c r="B14295" s="1" t="s">
        <v>53796</v>
      </c>
      <c r="C14295" s="1" t="s">
        <v>30</v>
      </c>
      <c r="D14295" s="1" t="s">
        <v>54259</v>
      </c>
      <c r="E14295" s="1" t="s">
        <v>54260</v>
      </c>
      <c r="F14295" s="1" t="s">
        <v>54261</v>
      </c>
      <c r="G14295" s="1" t="s">
        <v>54246</v>
      </c>
      <c r="H14295" s="1" t="s">
        <v>54247</v>
      </c>
      <c r="I14295" s="1" t="s">
        <v>53800</v>
      </c>
      <c r="J14295" s="1" t="s">
        <v>54262</v>
      </c>
    </row>
    <row r="14296" spans="1:10" x14ac:dyDescent="0.35">
      <c r="A14296" s="1" t="s">
        <v>54242</v>
      </c>
      <c r="B14296" s="1" t="s">
        <v>53796</v>
      </c>
      <c r="C14296" s="1" t="s">
        <v>35</v>
      </c>
      <c r="D14296" s="1" t="s">
        <v>22133</v>
      </c>
      <c r="E14296" s="1" t="s">
        <v>54263</v>
      </c>
      <c r="F14296" s="1" t="s">
        <v>54264</v>
      </c>
      <c r="G14296" s="1" t="s">
        <v>54246</v>
      </c>
      <c r="H14296" s="1" t="s">
        <v>54247</v>
      </c>
      <c r="I14296" s="1" t="s">
        <v>53800</v>
      </c>
      <c r="J14296" s="1" t="s">
        <v>54265</v>
      </c>
    </row>
    <row r="14297" spans="1:10" x14ac:dyDescent="0.35">
      <c r="A14297" s="1" t="s">
        <v>54242</v>
      </c>
      <c r="B14297" s="1" t="s">
        <v>53796</v>
      </c>
      <c r="C14297" s="1" t="s">
        <v>40</v>
      </c>
      <c r="D14297" s="1" t="s">
        <v>54266</v>
      </c>
      <c r="E14297" s="1" t="s">
        <v>54267</v>
      </c>
      <c r="F14297" s="1" t="s">
        <v>54268</v>
      </c>
      <c r="G14297" s="1" t="s">
        <v>54246</v>
      </c>
      <c r="H14297" s="1" t="s">
        <v>54247</v>
      </c>
      <c r="I14297" s="1" t="s">
        <v>53800</v>
      </c>
      <c r="J14297" s="1" t="s">
        <v>54269</v>
      </c>
    </row>
    <row r="14298" spans="1:10" x14ac:dyDescent="0.35">
      <c r="A14298" s="1" t="s">
        <v>54242</v>
      </c>
      <c r="B14298" s="1" t="s">
        <v>53796</v>
      </c>
      <c r="C14298" s="1" t="s">
        <v>45</v>
      </c>
      <c r="D14298" s="1" t="s">
        <v>54270</v>
      </c>
      <c r="E14298" s="1" t="s">
        <v>54271</v>
      </c>
      <c r="F14298" s="1" t="s">
        <v>54272</v>
      </c>
      <c r="G14298" s="1" t="s">
        <v>54246</v>
      </c>
      <c r="H14298" s="1" t="s">
        <v>54247</v>
      </c>
      <c r="I14298" s="1" t="s">
        <v>53800</v>
      </c>
      <c r="J14298" s="1" t="s">
        <v>54273</v>
      </c>
    </row>
    <row r="14299" spans="1:10" x14ac:dyDescent="0.35">
      <c r="A14299" s="1" t="s">
        <v>54242</v>
      </c>
      <c r="B14299" s="1" t="s">
        <v>53796</v>
      </c>
      <c r="C14299" s="1" t="s">
        <v>50</v>
      </c>
      <c r="D14299" s="1" t="s">
        <v>54274</v>
      </c>
      <c r="E14299" s="1" t="s">
        <v>54275</v>
      </c>
      <c r="F14299" s="1" t="s">
        <v>54276</v>
      </c>
      <c r="G14299" s="1" t="s">
        <v>54246</v>
      </c>
      <c r="H14299" s="1" t="s">
        <v>54247</v>
      </c>
      <c r="I14299" s="1" t="s">
        <v>53800</v>
      </c>
      <c r="J14299" s="1" t="s">
        <v>54277</v>
      </c>
    </row>
    <row r="14300" spans="1:10" x14ac:dyDescent="0.35">
      <c r="A14300" s="1" t="s">
        <v>54242</v>
      </c>
      <c r="B14300" s="1" t="s">
        <v>53796</v>
      </c>
      <c r="C14300" s="1" t="s">
        <v>55</v>
      </c>
      <c r="D14300" s="1" t="s">
        <v>54278</v>
      </c>
      <c r="E14300" s="1" t="s">
        <v>54279</v>
      </c>
      <c r="F14300" s="1" t="s">
        <v>54280</v>
      </c>
      <c r="G14300" s="1" t="s">
        <v>54246</v>
      </c>
      <c r="H14300" s="1" t="s">
        <v>54247</v>
      </c>
      <c r="I14300" s="1" t="s">
        <v>53800</v>
      </c>
      <c r="J14300" s="1" t="s">
        <v>54281</v>
      </c>
    </row>
    <row r="14301" spans="1:10" x14ac:dyDescent="0.35">
      <c r="A14301" s="1" t="s">
        <v>54242</v>
      </c>
      <c r="B14301" s="1" t="s">
        <v>53796</v>
      </c>
      <c r="C14301" s="1" t="s">
        <v>60</v>
      </c>
      <c r="D14301" s="1" t="s">
        <v>54282</v>
      </c>
      <c r="E14301" s="1" t="s">
        <v>54283</v>
      </c>
      <c r="F14301" s="1" t="s">
        <v>54284</v>
      </c>
      <c r="G14301" s="1" t="s">
        <v>54246</v>
      </c>
      <c r="H14301" s="1" t="s">
        <v>54247</v>
      </c>
      <c r="I14301" s="1" t="s">
        <v>53800</v>
      </c>
      <c r="J14301" s="1" t="s">
        <v>54285</v>
      </c>
    </row>
    <row r="14302" spans="1:10" x14ac:dyDescent="0.35">
      <c r="A14302" s="1" t="s">
        <v>54242</v>
      </c>
      <c r="B14302" s="1" t="s">
        <v>53796</v>
      </c>
      <c r="C14302" s="1" t="s">
        <v>65</v>
      </c>
      <c r="D14302" s="1" t="s">
        <v>54286</v>
      </c>
      <c r="E14302" s="1" t="s">
        <v>54287</v>
      </c>
      <c r="F14302" s="1" t="s">
        <v>54288</v>
      </c>
      <c r="G14302" s="1" t="s">
        <v>54246</v>
      </c>
      <c r="H14302" s="1" t="s">
        <v>54247</v>
      </c>
      <c r="I14302" s="1" t="s">
        <v>53800</v>
      </c>
      <c r="J14302" s="1" t="s">
        <v>54289</v>
      </c>
    </row>
    <row r="14303" spans="1:10" x14ac:dyDescent="0.35">
      <c r="A14303" s="1" t="s">
        <v>54242</v>
      </c>
      <c r="B14303" s="1" t="s">
        <v>53796</v>
      </c>
      <c r="C14303" s="1" t="s">
        <v>70</v>
      </c>
      <c r="D14303" s="1" t="s">
        <v>54290</v>
      </c>
      <c r="E14303" s="1" t="s">
        <v>54291</v>
      </c>
      <c r="F14303" s="1" t="s">
        <v>54292</v>
      </c>
      <c r="G14303" s="1" t="s">
        <v>54246</v>
      </c>
      <c r="H14303" s="1" t="s">
        <v>54247</v>
      </c>
      <c r="I14303" s="1" t="s">
        <v>53800</v>
      </c>
      <c r="J14303" s="1" t="s">
        <v>54293</v>
      </c>
    </row>
    <row r="14304" spans="1:10" x14ac:dyDescent="0.35">
      <c r="A14304" s="1" t="s">
        <v>54242</v>
      </c>
      <c r="B14304" s="1" t="s">
        <v>53796</v>
      </c>
      <c r="C14304" s="1" t="s">
        <v>75</v>
      </c>
      <c r="D14304" s="1" t="s">
        <v>54294</v>
      </c>
      <c r="E14304" s="1" t="s">
        <v>54295</v>
      </c>
      <c r="F14304" s="1" t="s">
        <v>54296</v>
      </c>
      <c r="G14304" s="1" t="s">
        <v>54246</v>
      </c>
      <c r="H14304" s="1" t="s">
        <v>54247</v>
      </c>
      <c r="I14304" s="1" t="s">
        <v>53800</v>
      </c>
      <c r="J14304" s="1" t="s">
        <v>54297</v>
      </c>
    </row>
    <row r="14305" spans="1:10" x14ac:dyDescent="0.35">
      <c r="A14305" s="1" t="s">
        <v>54242</v>
      </c>
      <c r="B14305" s="1" t="s">
        <v>53796</v>
      </c>
      <c r="C14305" s="1" t="s">
        <v>80</v>
      </c>
      <c r="D14305" s="1" t="s">
        <v>54298</v>
      </c>
      <c r="E14305" s="1" t="s">
        <v>54299</v>
      </c>
      <c r="F14305" s="1" t="s">
        <v>54300</v>
      </c>
      <c r="G14305" s="1" t="s">
        <v>54246</v>
      </c>
      <c r="H14305" s="1" t="s">
        <v>54247</v>
      </c>
      <c r="I14305" s="1" t="s">
        <v>53800</v>
      </c>
      <c r="J14305" s="1" t="s">
        <v>54301</v>
      </c>
    </row>
    <row r="14306" spans="1:10" x14ac:dyDescent="0.35">
      <c r="A14306" s="1" t="s">
        <v>54242</v>
      </c>
      <c r="B14306" s="1" t="s">
        <v>53796</v>
      </c>
      <c r="C14306" s="1" t="s">
        <v>85</v>
      </c>
      <c r="D14306" s="1" t="s">
        <v>54302</v>
      </c>
      <c r="E14306" s="1" t="s">
        <v>54303</v>
      </c>
      <c r="F14306" s="1" t="s">
        <v>54304</v>
      </c>
      <c r="G14306" s="1" t="s">
        <v>54246</v>
      </c>
      <c r="H14306" s="1" t="s">
        <v>54247</v>
      </c>
      <c r="I14306" s="1" t="s">
        <v>53800</v>
      </c>
      <c r="J14306" s="1" t="s">
        <v>54305</v>
      </c>
    </row>
    <row r="14307" spans="1:10" x14ac:dyDescent="0.35">
      <c r="A14307" s="1" t="s">
        <v>54242</v>
      </c>
      <c r="B14307" s="1" t="s">
        <v>53796</v>
      </c>
      <c r="C14307" s="1" t="s">
        <v>90</v>
      </c>
      <c r="D14307" s="1" t="s">
        <v>54306</v>
      </c>
      <c r="E14307" s="1" t="s">
        <v>54307</v>
      </c>
      <c r="F14307" s="1" t="s">
        <v>54308</v>
      </c>
      <c r="G14307" s="1" t="s">
        <v>54246</v>
      </c>
      <c r="H14307" s="1" t="s">
        <v>54247</v>
      </c>
      <c r="I14307" s="1" t="s">
        <v>53800</v>
      </c>
      <c r="J14307" s="1" t="s">
        <v>54309</v>
      </c>
    </row>
    <row r="14308" spans="1:10" x14ac:dyDescent="0.35">
      <c r="A14308" s="1" t="s">
        <v>54242</v>
      </c>
      <c r="B14308" s="1" t="s">
        <v>53796</v>
      </c>
      <c r="C14308" s="1" t="s">
        <v>95</v>
      </c>
      <c r="D14308" s="1" t="s">
        <v>42340</v>
      </c>
      <c r="E14308" s="1" t="s">
        <v>54310</v>
      </c>
      <c r="F14308" s="1" t="s">
        <v>54311</v>
      </c>
      <c r="G14308" s="1" t="s">
        <v>54246</v>
      </c>
      <c r="H14308" s="1" t="s">
        <v>54247</v>
      </c>
      <c r="I14308" s="1" t="s">
        <v>53800</v>
      </c>
      <c r="J14308" s="1" t="s">
        <v>54312</v>
      </c>
    </row>
    <row r="14309" spans="1:10" x14ac:dyDescent="0.35">
      <c r="A14309" s="1" t="s">
        <v>54242</v>
      </c>
      <c r="B14309" s="1" t="s">
        <v>53796</v>
      </c>
      <c r="C14309" s="1" t="s">
        <v>100</v>
      </c>
      <c r="D14309" s="1" t="s">
        <v>54313</v>
      </c>
      <c r="E14309" s="1" t="s">
        <v>54314</v>
      </c>
      <c r="F14309" s="1" t="s">
        <v>54315</v>
      </c>
      <c r="G14309" s="1" t="s">
        <v>54246</v>
      </c>
      <c r="H14309" s="1" t="s">
        <v>54247</v>
      </c>
      <c r="I14309" s="1" t="s">
        <v>53800</v>
      </c>
      <c r="J14309" s="1" t="s">
        <v>54316</v>
      </c>
    </row>
    <row r="14310" spans="1:10" x14ac:dyDescent="0.35">
      <c r="A14310" s="1" t="s">
        <v>54242</v>
      </c>
      <c r="B14310" s="1" t="s">
        <v>53796</v>
      </c>
      <c r="C14310" s="1" t="s">
        <v>105</v>
      </c>
      <c r="D14310" s="1" t="s">
        <v>33394</v>
      </c>
      <c r="E14310" s="1" t="s">
        <v>54317</v>
      </c>
      <c r="F14310" s="1" t="s">
        <v>54318</v>
      </c>
      <c r="G14310" s="1" t="s">
        <v>54246</v>
      </c>
      <c r="H14310" s="1" t="s">
        <v>54247</v>
      </c>
      <c r="I14310" s="1" t="s">
        <v>53800</v>
      </c>
      <c r="J14310" s="1" t="s">
        <v>54319</v>
      </c>
    </row>
    <row r="14311" spans="1:10" x14ac:dyDescent="0.35">
      <c r="A14311" s="1" t="s">
        <v>54242</v>
      </c>
      <c r="B14311" s="1" t="s">
        <v>53796</v>
      </c>
      <c r="C14311" s="1" t="s">
        <v>110</v>
      </c>
      <c r="D14311" s="1" t="s">
        <v>54320</v>
      </c>
      <c r="E14311" s="1" t="s">
        <v>54321</v>
      </c>
      <c r="F14311" s="1" t="s">
        <v>54322</v>
      </c>
      <c r="G14311" s="1" t="s">
        <v>54246</v>
      </c>
      <c r="H14311" s="1" t="s">
        <v>54247</v>
      </c>
      <c r="I14311" s="1" t="s">
        <v>53800</v>
      </c>
      <c r="J14311" s="1" t="s">
        <v>54323</v>
      </c>
    </row>
    <row r="14312" spans="1:10" x14ac:dyDescent="0.35">
      <c r="A14312" s="1" t="s">
        <v>54242</v>
      </c>
      <c r="B14312" s="1" t="s">
        <v>53796</v>
      </c>
      <c r="C14312" s="1" t="s">
        <v>115</v>
      </c>
      <c r="D14312" s="1" t="s">
        <v>54324</v>
      </c>
      <c r="E14312" s="1" t="s">
        <v>54325</v>
      </c>
      <c r="F14312" s="1" t="s">
        <v>54326</v>
      </c>
      <c r="G14312" s="1" t="s">
        <v>54246</v>
      </c>
      <c r="H14312" s="1" t="s">
        <v>54247</v>
      </c>
      <c r="I14312" s="1" t="s">
        <v>53800</v>
      </c>
      <c r="J14312" s="1" t="s">
        <v>54327</v>
      </c>
    </row>
    <row r="14313" spans="1:10" x14ac:dyDescent="0.35">
      <c r="A14313" s="1" t="s">
        <v>54242</v>
      </c>
      <c r="B14313" s="1" t="s">
        <v>53796</v>
      </c>
      <c r="C14313" s="1" t="s">
        <v>120</v>
      </c>
      <c r="D14313" s="1" t="s">
        <v>54328</v>
      </c>
      <c r="E14313" s="1" t="s">
        <v>54329</v>
      </c>
      <c r="F14313" s="1" t="s">
        <v>54330</v>
      </c>
      <c r="G14313" s="1" t="s">
        <v>54246</v>
      </c>
      <c r="H14313" s="1" t="s">
        <v>54247</v>
      </c>
      <c r="I14313" s="1" t="s">
        <v>53800</v>
      </c>
      <c r="J14313" s="1" t="s">
        <v>54331</v>
      </c>
    </row>
    <row r="14314" spans="1:10" x14ac:dyDescent="0.35">
      <c r="A14314" s="1" t="s">
        <v>54242</v>
      </c>
      <c r="B14314" s="1" t="s">
        <v>53796</v>
      </c>
      <c r="C14314" s="1" t="s">
        <v>125</v>
      </c>
      <c r="D14314" s="1" t="s">
        <v>4862</v>
      </c>
      <c r="E14314" s="1" t="s">
        <v>54332</v>
      </c>
      <c r="F14314" s="1" t="s">
        <v>54333</v>
      </c>
      <c r="G14314" s="1" t="s">
        <v>54246</v>
      </c>
      <c r="H14314" s="1" t="s">
        <v>54247</v>
      </c>
      <c r="I14314" s="1" t="s">
        <v>53800</v>
      </c>
      <c r="J14314" s="1" t="s">
        <v>54334</v>
      </c>
    </row>
    <row r="14315" spans="1:10" x14ac:dyDescent="0.35">
      <c r="A14315" s="1" t="s">
        <v>54242</v>
      </c>
      <c r="B14315" s="1" t="s">
        <v>53796</v>
      </c>
      <c r="C14315" s="1" t="s">
        <v>130</v>
      </c>
      <c r="D14315" s="1" t="s">
        <v>54335</v>
      </c>
      <c r="E14315" s="1" t="s">
        <v>54336</v>
      </c>
      <c r="F14315" s="1" t="s">
        <v>54337</v>
      </c>
      <c r="G14315" s="1" t="s">
        <v>54246</v>
      </c>
      <c r="H14315" s="1" t="s">
        <v>54247</v>
      </c>
      <c r="I14315" s="1" t="s">
        <v>53800</v>
      </c>
      <c r="J14315" s="1" t="s">
        <v>54338</v>
      </c>
    </row>
    <row r="14316" spans="1:10" x14ac:dyDescent="0.35">
      <c r="A14316" s="1" t="s">
        <v>54242</v>
      </c>
      <c r="B14316" s="1" t="s">
        <v>53796</v>
      </c>
      <c r="C14316" s="1" t="s">
        <v>135</v>
      </c>
      <c r="D14316" s="1" t="s">
        <v>54339</v>
      </c>
      <c r="E14316" s="1" t="s">
        <v>54340</v>
      </c>
      <c r="F14316" s="1" t="s">
        <v>54341</v>
      </c>
      <c r="G14316" s="1" t="s">
        <v>54246</v>
      </c>
      <c r="H14316" s="1" t="s">
        <v>54247</v>
      </c>
      <c r="I14316" s="1" t="s">
        <v>53800</v>
      </c>
      <c r="J14316" s="1" t="s">
        <v>54342</v>
      </c>
    </row>
    <row r="14317" spans="1:10" x14ac:dyDescent="0.35">
      <c r="A14317" s="1" t="s">
        <v>54242</v>
      </c>
      <c r="B14317" s="1" t="s">
        <v>53796</v>
      </c>
      <c r="C14317" s="1" t="s">
        <v>140</v>
      </c>
      <c r="D14317" s="1" t="s">
        <v>54343</v>
      </c>
      <c r="E14317" s="1" t="s">
        <v>54344</v>
      </c>
      <c r="F14317" s="1" t="s">
        <v>54345</v>
      </c>
      <c r="G14317" s="1" t="s">
        <v>54246</v>
      </c>
      <c r="H14317" s="1" t="s">
        <v>54247</v>
      </c>
      <c r="I14317" s="1" t="s">
        <v>53800</v>
      </c>
      <c r="J14317" s="1" t="s">
        <v>54346</v>
      </c>
    </row>
    <row r="14318" spans="1:10" x14ac:dyDescent="0.35">
      <c r="A14318" s="1" t="s">
        <v>54242</v>
      </c>
      <c r="B14318" s="1" t="s">
        <v>53796</v>
      </c>
      <c r="C14318" s="1" t="s">
        <v>145</v>
      </c>
      <c r="D14318" s="1" t="s">
        <v>54347</v>
      </c>
      <c r="E14318" s="1" t="s">
        <v>54348</v>
      </c>
      <c r="F14318" s="1" t="s">
        <v>54349</v>
      </c>
      <c r="G14318" s="1" t="s">
        <v>54246</v>
      </c>
      <c r="H14318" s="1" t="s">
        <v>54247</v>
      </c>
      <c r="I14318" s="1" t="s">
        <v>53800</v>
      </c>
      <c r="J14318" s="1" t="s">
        <v>54350</v>
      </c>
    </row>
    <row r="14319" spans="1:10" x14ac:dyDescent="0.35">
      <c r="A14319" s="1" t="s">
        <v>54242</v>
      </c>
      <c r="B14319" s="1" t="s">
        <v>53796</v>
      </c>
      <c r="C14319" s="1" t="s">
        <v>150</v>
      </c>
      <c r="D14319" s="1" t="s">
        <v>54351</v>
      </c>
      <c r="E14319" s="1" t="s">
        <v>54352</v>
      </c>
      <c r="F14319" s="1" t="s">
        <v>54353</v>
      </c>
      <c r="G14319" s="1" t="s">
        <v>54246</v>
      </c>
      <c r="H14319" s="1" t="s">
        <v>54247</v>
      </c>
      <c r="I14319" s="1" t="s">
        <v>53800</v>
      </c>
      <c r="J14319" s="1" t="s">
        <v>54354</v>
      </c>
    </row>
    <row r="14320" spans="1:10" x14ac:dyDescent="0.35">
      <c r="A14320" s="1" t="s">
        <v>54242</v>
      </c>
      <c r="B14320" s="1" t="s">
        <v>53796</v>
      </c>
      <c r="C14320" s="1" t="s">
        <v>155</v>
      </c>
      <c r="D14320" s="1" t="s">
        <v>54355</v>
      </c>
      <c r="E14320" s="1" t="s">
        <v>54356</v>
      </c>
      <c r="F14320" s="1" t="s">
        <v>54357</v>
      </c>
      <c r="G14320" s="1" t="s">
        <v>54246</v>
      </c>
      <c r="H14320" s="1" t="s">
        <v>54247</v>
      </c>
      <c r="I14320" s="1" t="s">
        <v>53800</v>
      </c>
      <c r="J14320" s="1" t="s">
        <v>54358</v>
      </c>
    </row>
    <row r="14321" spans="1:10" x14ac:dyDescent="0.35">
      <c r="A14321" s="1" t="s">
        <v>54242</v>
      </c>
      <c r="B14321" s="1" t="s">
        <v>53796</v>
      </c>
      <c r="C14321" s="1" t="s">
        <v>160</v>
      </c>
      <c r="D14321" s="1" t="s">
        <v>54359</v>
      </c>
      <c r="E14321" s="1" t="s">
        <v>54360</v>
      </c>
      <c r="F14321" s="1" t="s">
        <v>54361</v>
      </c>
      <c r="G14321" s="1" t="s">
        <v>54246</v>
      </c>
      <c r="H14321" s="1" t="s">
        <v>54247</v>
      </c>
      <c r="I14321" s="1" t="s">
        <v>53800</v>
      </c>
      <c r="J14321" s="1" t="s">
        <v>54362</v>
      </c>
    </row>
    <row r="14322" spans="1:10" x14ac:dyDescent="0.35">
      <c r="A14322" s="1" t="s">
        <v>54242</v>
      </c>
      <c r="B14322" s="1" t="s">
        <v>53796</v>
      </c>
      <c r="C14322" s="1" t="s">
        <v>165</v>
      </c>
      <c r="D14322" s="1" t="s">
        <v>54363</v>
      </c>
      <c r="E14322" s="1" t="s">
        <v>54364</v>
      </c>
      <c r="F14322" s="1" t="s">
        <v>54365</v>
      </c>
      <c r="G14322" s="1" t="s">
        <v>54246</v>
      </c>
      <c r="H14322" s="1" t="s">
        <v>54247</v>
      </c>
      <c r="I14322" s="1" t="s">
        <v>53800</v>
      </c>
      <c r="J14322" s="1" t="s">
        <v>54366</v>
      </c>
    </row>
    <row r="14323" spans="1:10" x14ac:dyDescent="0.35">
      <c r="A14323" s="1" t="s">
        <v>54242</v>
      </c>
      <c r="B14323" s="1" t="s">
        <v>53796</v>
      </c>
      <c r="C14323" s="1" t="s">
        <v>170</v>
      </c>
      <c r="D14323" s="1" t="s">
        <v>54367</v>
      </c>
      <c r="E14323" s="1" t="s">
        <v>54368</v>
      </c>
      <c r="F14323" s="1" t="s">
        <v>54369</v>
      </c>
      <c r="G14323" s="1" t="s">
        <v>54246</v>
      </c>
      <c r="H14323" s="1" t="s">
        <v>54247</v>
      </c>
      <c r="I14323" s="1" t="s">
        <v>53800</v>
      </c>
      <c r="J14323" s="1" t="s">
        <v>54370</v>
      </c>
    </row>
    <row r="14324" spans="1:10" x14ac:dyDescent="0.35">
      <c r="A14324" s="1" t="s">
        <v>52070</v>
      </c>
      <c r="B14324" s="1" t="s">
        <v>53796</v>
      </c>
      <c r="C14324" s="1" t="s">
        <v>8</v>
      </c>
      <c r="D14324" s="1" t="s">
        <v>20416</v>
      </c>
      <c r="E14324" s="1" t="s">
        <v>54371</v>
      </c>
      <c r="F14324" s="1" t="s">
        <v>54372</v>
      </c>
      <c r="G14324" s="1" t="s">
        <v>54373</v>
      </c>
      <c r="H14324" s="1" t="s">
        <v>54374</v>
      </c>
      <c r="I14324" s="1" t="s">
        <v>53800</v>
      </c>
      <c r="J14324" s="1" t="s">
        <v>13</v>
      </c>
    </row>
    <row r="14325" spans="1:10" x14ac:dyDescent="0.35">
      <c r="A14325" s="1" t="s">
        <v>52070</v>
      </c>
      <c r="B14325" s="1" t="s">
        <v>53796</v>
      </c>
      <c r="C14325" s="1" t="s">
        <v>15</v>
      </c>
      <c r="D14325" s="1" t="s">
        <v>54375</v>
      </c>
      <c r="E14325" s="1" t="s">
        <v>23002</v>
      </c>
      <c r="F14325" s="1" t="s">
        <v>54376</v>
      </c>
      <c r="G14325" s="1" t="s">
        <v>54373</v>
      </c>
      <c r="H14325" s="1" t="s">
        <v>54374</v>
      </c>
      <c r="I14325" s="1" t="s">
        <v>53800</v>
      </c>
      <c r="J14325" s="1" t="s">
        <v>54377</v>
      </c>
    </row>
    <row r="14326" spans="1:10" x14ac:dyDescent="0.35">
      <c r="A14326" s="1" t="s">
        <v>52070</v>
      </c>
      <c r="B14326" s="1" t="s">
        <v>53796</v>
      </c>
      <c r="C14326" s="1" t="s">
        <v>20</v>
      </c>
      <c r="D14326" s="1" t="s">
        <v>54378</v>
      </c>
      <c r="E14326" s="1" t="s">
        <v>54379</v>
      </c>
      <c r="F14326" s="1" t="s">
        <v>54380</v>
      </c>
      <c r="G14326" s="1" t="s">
        <v>54373</v>
      </c>
      <c r="H14326" s="1" t="s">
        <v>54374</v>
      </c>
      <c r="I14326" s="1" t="s">
        <v>53800</v>
      </c>
      <c r="J14326" s="1" t="s">
        <v>54381</v>
      </c>
    </row>
    <row r="14327" spans="1:10" x14ac:dyDescent="0.35">
      <c r="A14327" s="1" t="s">
        <v>52070</v>
      </c>
      <c r="B14327" s="1" t="s">
        <v>53796</v>
      </c>
      <c r="C14327" s="1" t="s">
        <v>25</v>
      </c>
      <c r="D14327" s="1" t="s">
        <v>54382</v>
      </c>
      <c r="E14327" s="1" t="s">
        <v>54383</v>
      </c>
      <c r="F14327" s="1" t="s">
        <v>54384</v>
      </c>
      <c r="G14327" s="1" t="s">
        <v>54373</v>
      </c>
      <c r="H14327" s="1" t="s">
        <v>54374</v>
      </c>
      <c r="I14327" s="1" t="s">
        <v>53800</v>
      </c>
      <c r="J14327" s="1" t="s">
        <v>54385</v>
      </c>
    </row>
    <row r="14328" spans="1:10" x14ac:dyDescent="0.35">
      <c r="A14328" s="1" t="s">
        <v>52070</v>
      </c>
      <c r="B14328" s="1" t="s">
        <v>53796</v>
      </c>
      <c r="C14328" s="1" t="s">
        <v>30</v>
      </c>
      <c r="D14328" s="1" t="s">
        <v>54386</v>
      </c>
      <c r="E14328" s="1" t="s">
        <v>54387</v>
      </c>
      <c r="F14328" s="1" t="s">
        <v>54388</v>
      </c>
      <c r="G14328" s="1" t="s">
        <v>54373</v>
      </c>
      <c r="H14328" s="1" t="s">
        <v>54374</v>
      </c>
      <c r="I14328" s="1" t="s">
        <v>53800</v>
      </c>
      <c r="J14328" s="1" t="s">
        <v>54389</v>
      </c>
    </row>
    <row r="14329" spans="1:10" x14ac:dyDescent="0.35">
      <c r="A14329" s="1" t="s">
        <v>52070</v>
      </c>
      <c r="B14329" s="1" t="s">
        <v>53796</v>
      </c>
      <c r="C14329" s="1" t="s">
        <v>35</v>
      </c>
      <c r="D14329" s="1" t="s">
        <v>54390</v>
      </c>
      <c r="E14329" s="1" t="s">
        <v>54391</v>
      </c>
      <c r="F14329" s="1" t="s">
        <v>54392</v>
      </c>
      <c r="G14329" s="1" t="s">
        <v>54373</v>
      </c>
      <c r="H14329" s="1" t="s">
        <v>54374</v>
      </c>
      <c r="I14329" s="1" t="s">
        <v>53800</v>
      </c>
      <c r="J14329" s="1" t="s">
        <v>54393</v>
      </c>
    </row>
    <row r="14330" spans="1:10" x14ac:dyDescent="0.35">
      <c r="A14330" s="1" t="s">
        <v>52070</v>
      </c>
      <c r="B14330" s="1" t="s">
        <v>53796</v>
      </c>
      <c r="C14330" s="1" t="s">
        <v>40</v>
      </c>
      <c r="D14330" s="1" t="s">
        <v>54394</v>
      </c>
      <c r="E14330" s="1" t="s">
        <v>54395</v>
      </c>
      <c r="F14330" s="1" t="s">
        <v>54396</v>
      </c>
      <c r="G14330" s="1" t="s">
        <v>54373</v>
      </c>
      <c r="H14330" s="1" t="s">
        <v>54374</v>
      </c>
      <c r="I14330" s="1" t="s">
        <v>53800</v>
      </c>
      <c r="J14330" s="1" t="s">
        <v>54397</v>
      </c>
    </row>
    <row r="14331" spans="1:10" x14ac:dyDescent="0.35">
      <c r="A14331" s="1" t="s">
        <v>52070</v>
      </c>
      <c r="B14331" s="1" t="s">
        <v>53796</v>
      </c>
      <c r="C14331" s="1" t="s">
        <v>45</v>
      </c>
      <c r="D14331" s="1" t="s">
        <v>54398</v>
      </c>
      <c r="E14331" s="1" t="s">
        <v>54095</v>
      </c>
      <c r="F14331" s="1" t="s">
        <v>54399</v>
      </c>
      <c r="G14331" s="1" t="s">
        <v>54373</v>
      </c>
      <c r="H14331" s="1" t="s">
        <v>54374</v>
      </c>
      <c r="I14331" s="1" t="s">
        <v>53800</v>
      </c>
      <c r="J14331" s="1" t="s">
        <v>54400</v>
      </c>
    </row>
    <row r="14332" spans="1:10" x14ac:dyDescent="0.35">
      <c r="A14332" s="1" t="s">
        <v>52070</v>
      </c>
      <c r="B14332" s="1" t="s">
        <v>53796</v>
      </c>
      <c r="C14332" s="1" t="s">
        <v>50</v>
      </c>
      <c r="D14332" s="1" t="s">
        <v>54401</v>
      </c>
      <c r="E14332" s="1" t="s">
        <v>21787</v>
      </c>
      <c r="F14332" s="1" t="s">
        <v>54402</v>
      </c>
      <c r="G14332" s="1" t="s">
        <v>54373</v>
      </c>
      <c r="H14332" s="1" t="s">
        <v>54374</v>
      </c>
      <c r="I14332" s="1" t="s">
        <v>53800</v>
      </c>
      <c r="J14332" s="1" t="s">
        <v>54403</v>
      </c>
    </row>
    <row r="14333" spans="1:10" x14ac:dyDescent="0.35">
      <c r="A14333" s="1" t="s">
        <v>52070</v>
      </c>
      <c r="B14333" s="1" t="s">
        <v>53796</v>
      </c>
      <c r="C14333" s="1" t="s">
        <v>55</v>
      </c>
      <c r="D14333" s="1" t="s">
        <v>54404</v>
      </c>
      <c r="E14333" s="1" t="s">
        <v>54405</v>
      </c>
      <c r="F14333" s="1" t="s">
        <v>54406</v>
      </c>
      <c r="G14333" s="1" t="s">
        <v>54373</v>
      </c>
      <c r="H14333" s="1" t="s">
        <v>54374</v>
      </c>
      <c r="I14333" s="1" t="s">
        <v>53800</v>
      </c>
      <c r="J14333" s="1" t="s">
        <v>54407</v>
      </c>
    </row>
    <row r="14334" spans="1:10" x14ac:dyDescent="0.35">
      <c r="A14334" s="1" t="s">
        <v>52070</v>
      </c>
      <c r="B14334" s="1" t="s">
        <v>53796</v>
      </c>
      <c r="C14334" s="1" t="s">
        <v>60</v>
      </c>
      <c r="D14334" s="1" t="s">
        <v>54408</v>
      </c>
      <c r="E14334" s="1" t="s">
        <v>54409</v>
      </c>
      <c r="F14334" s="1" t="s">
        <v>54410</v>
      </c>
      <c r="G14334" s="1" t="s">
        <v>54373</v>
      </c>
      <c r="H14334" s="1" t="s">
        <v>54374</v>
      </c>
      <c r="I14334" s="1" t="s">
        <v>53800</v>
      </c>
      <c r="J14334" s="1" t="s">
        <v>54411</v>
      </c>
    </row>
    <row r="14335" spans="1:10" x14ac:dyDescent="0.35">
      <c r="A14335" s="1" t="s">
        <v>52070</v>
      </c>
      <c r="B14335" s="1" t="s">
        <v>53796</v>
      </c>
      <c r="C14335" s="1" t="s">
        <v>65</v>
      </c>
      <c r="D14335" s="1" t="s">
        <v>54412</v>
      </c>
      <c r="E14335" s="1" t="s">
        <v>54413</v>
      </c>
      <c r="F14335" s="1" t="s">
        <v>54414</v>
      </c>
      <c r="G14335" s="1" t="s">
        <v>54373</v>
      </c>
      <c r="H14335" s="1" t="s">
        <v>54374</v>
      </c>
      <c r="I14335" s="1" t="s">
        <v>53800</v>
      </c>
      <c r="J14335" s="1" t="s">
        <v>54415</v>
      </c>
    </row>
    <row r="14336" spans="1:10" x14ac:dyDescent="0.35">
      <c r="A14336" s="1" t="s">
        <v>52070</v>
      </c>
      <c r="B14336" s="1" t="s">
        <v>53796</v>
      </c>
      <c r="C14336" s="1" t="s">
        <v>70</v>
      </c>
      <c r="D14336" s="1" t="s">
        <v>54416</v>
      </c>
      <c r="E14336" s="1" t="s">
        <v>21925</v>
      </c>
      <c r="F14336" s="1" t="s">
        <v>54417</v>
      </c>
      <c r="G14336" s="1" t="s">
        <v>54373</v>
      </c>
      <c r="H14336" s="1" t="s">
        <v>54374</v>
      </c>
      <c r="I14336" s="1" t="s">
        <v>53800</v>
      </c>
      <c r="J14336" s="1" t="s">
        <v>54418</v>
      </c>
    </row>
    <row r="14337" spans="1:10" x14ac:dyDescent="0.35">
      <c r="A14337" s="1" t="s">
        <v>52070</v>
      </c>
      <c r="B14337" s="1" t="s">
        <v>53796</v>
      </c>
      <c r="C14337" s="1" t="s">
        <v>75</v>
      </c>
      <c r="D14337" s="1" t="s">
        <v>54419</v>
      </c>
      <c r="E14337" s="1" t="s">
        <v>16129</v>
      </c>
      <c r="F14337" s="1" t="s">
        <v>54420</v>
      </c>
      <c r="G14337" s="1" t="s">
        <v>54373</v>
      </c>
      <c r="H14337" s="1" t="s">
        <v>54374</v>
      </c>
      <c r="I14337" s="1" t="s">
        <v>53800</v>
      </c>
      <c r="J14337" s="1" t="s">
        <v>54421</v>
      </c>
    </row>
    <row r="14338" spans="1:10" x14ac:dyDescent="0.35">
      <c r="A14338" s="1" t="s">
        <v>52070</v>
      </c>
      <c r="B14338" s="1" t="s">
        <v>53796</v>
      </c>
      <c r="C14338" s="1" t="s">
        <v>80</v>
      </c>
      <c r="D14338" s="1" t="s">
        <v>54422</v>
      </c>
      <c r="E14338" s="1" t="s">
        <v>12770</v>
      </c>
      <c r="F14338" s="1" t="s">
        <v>54423</v>
      </c>
      <c r="G14338" s="1" t="s">
        <v>54373</v>
      </c>
      <c r="H14338" s="1" t="s">
        <v>54374</v>
      </c>
      <c r="I14338" s="1" t="s">
        <v>53800</v>
      </c>
      <c r="J14338" s="1" t="s">
        <v>54424</v>
      </c>
    </row>
    <row r="14339" spans="1:10" x14ac:dyDescent="0.35">
      <c r="A14339" s="1" t="s">
        <v>52070</v>
      </c>
      <c r="B14339" s="1" t="s">
        <v>53796</v>
      </c>
      <c r="C14339" s="1" t="s">
        <v>85</v>
      </c>
      <c r="D14339" s="1" t="s">
        <v>54425</v>
      </c>
      <c r="E14339" s="1" t="s">
        <v>54426</v>
      </c>
      <c r="F14339" s="1" t="s">
        <v>54427</v>
      </c>
      <c r="G14339" s="1" t="s">
        <v>54373</v>
      </c>
      <c r="H14339" s="1" t="s">
        <v>54374</v>
      </c>
      <c r="I14339" s="1" t="s">
        <v>53800</v>
      </c>
      <c r="J14339" s="1" t="s">
        <v>54428</v>
      </c>
    </row>
    <row r="14340" spans="1:10" x14ac:dyDescent="0.35">
      <c r="A14340" s="1" t="s">
        <v>52070</v>
      </c>
      <c r="B14340" s="1" t="s">
        <v>53796</v>
      </c>
      <c r="C14340" s="1" t="s">
        <v>90</v>
      </c>
      <c r="D14340" s="1" t="s">
        <v>54429</v>
      </c>
      <c r="E14340" s="1" t="s">
        <v>21960</v>
      </c>
      <c r="F14340" s="1" t="s">
        <v>54430</v>
      </c>
      <c r="G14340" s="1" t="s">
        <v>54373</v>
      </c>
      <c r="H14340" s="1" t="s">
        <v>54374</v>
      </c>
      <c r="I14340" s="1" t="s">
        <v>53800</v>
      </c>
      <c r="J14340" s="1" t="s">
        <v>54431</v>
      </c>
    </row>
    <row r="14341" spans="1:10" x14ac:dyDescent="0.35">
      <c r="A14341" s="1" t="s">
        <v>52070</v>
      </c>
      <c r="B14341" s="1" t="s">
        <v>53796</v>
      </c>
      <c r="C14341" s="1" t="s">
        <v>95</v>
      </c>
      <c r="D14341" s="1" t="s">
        <v>54432</v>
      </c>
      <c r="E14341" s="1" t="s">
        <v>54433</v>
      </c>
      <c r="F14341" s="1" t="s">
        <v>54434</v>
      </c>
      <c r="G14341" s="1" t="s">
        <v>54373</v>
      </c>
      <c r="H14341" s="1" t="s">
        <v>54374</v>
      </c>
      <c r="I14341" s="1" t="s">
        <v>53800</v>
      </c>
      <c r="J14341" s="1" t="s">
        <v>54435</v>
      </c>
    </row>
    <row r="14342" spans="1:10" x14ac:dyDescent="0.35">
      <c r="A14342" s="1" t="s">
        <v>52070</v>
      </c>
      <c r="B14342" s="1" t="s">
        <v>53796</v>
      </c>
      <c r="C14342" s="1" t="s">
        <v>100</v>
      </c>
      <c r="D14342" s="1" t="s">
        <v>54436</v>
      </c>
      <c r="E14342" s="1" t="s">
        <v>41283</v>
      </c>
      <c r="F14342" s="1" t="s">
        <v>54437</v>
      </c>
      <c r="G14342" s="1" t="s">
        <v>54373</v>
      </c>
      <c r="H14342" s="1" t="s">
        <v>54374</v>
      </c>
      <c r="I14342" s="1" t="s">
        <v>53800</v>
      </c>
      <c r="J14342" s="1" t="s">
        <v>54438</v>
      </c>
    </row>
    <row r="14343" spans="1:10" x14ac:dyDescent="0.35">
      <c r="A14343" s="1" t="s">
        <v>52070</v>
      </c>
      <c r="B14343" s="1" t="s">
        <v>53796</v>
      </c>
      <c r="C14343" s="1" t="s">
        <v>105</v>
      </c>
      <c r="D14343" s="1" t="s">
        <v>26588</v>
      </c>
      <c r="E14343" s="1" t="s">
        <v>41468</v>
      </c>
      <c r="F14343" s="1" t="s">
        <v>54439</v>
      </c>
      <c r="G14343" s="1" t="s">
        <v>54373</v>
      </c>
      <c r="H14343" s="1" t="s">
        <v>54374</v>
      </c>
      <c r="I14343" s="1" t="s">
        <v>53800</v>
      </c>
      <c r="J14343" s="1" t="s">
        <v>54440</v>
      </c>
    </row>
    <row r="14344" spans="1:10" x14ac:dyDescent="0.35">
      <c r="A14344" s="1" t="s">
        <v>52070</v>
      </c>
      <c r="B14344" s="1" t="s">
        <v>53796</v>
      </c>
      <c r="C14344" s="1" t="s">
        <v>110</v>
      </c>
      <c r="D14344" s="1" t="s">
        <v>54441</v>
      </c>
      <c r="E14344" s="1" t="s">
        <v>41266</v>
      </c>
      <c r="F14344" s="1" t="s">
        <v>54442</v>
      </c>
      <c r="G14344" s="1" t="s">
        <v>54373</v>
      </c>
      <c r="H14344" s="1" t="s">
        <v>54374</v>
      </c>
      <c r="I14344" s="1" t="s">
        <v>53800</v>
      </c>
      <c r="J14344" s="1" t="s">
        <v>54443</v>
      </c>
    </row>
    <row r="14345" spans="1:10" x14ac:dyDescent="0.35">
      <c r="A14345" s="1" t="s">
        <v>52070</v>
      </c>
      <c r="B14345" s="1" t="s">
        <v>53796</v>
      </c>
      <c r="C14345" s="1" t="s">
        <v>115</v>
      </c>
      <c r="D14345" s="1" t="s">
        <v>54444</v>
      </c>
      <c r="E14345" s="1" t="s">
        <v>21853</v>
      </c>
      <c r="F14345" s="1" t="s">
        <v>54445</v>
      </c>
      <c r="G14345" s="1" t="s">
        <v>54373</v>
      </c>
      <c r="H14345" s="1" t="s">
        <v>54374</v>
      </c>
      <c r="I14345" s="1" t="s">
        <v>53800</v>
      </c>
      <c r="J14345" s="1" t="s">
        <v>54446</v>
      </c>
    </row>
    <row r="14346" spans="1:10" x14ac:dyDescent="0.35">
      <c r="A14346" s="1" t="s">
        <v>52070</v>
      </c>
      <c r="B14346" s="1" t="s">
        <v>53796</v>
      </c>
      <c r="C14346" s="1" t="s">
        <v>120</v>
      </c>
      <c r="D14346" s="1" t="s">
        <v>54447</v>
      </c>
      <c r="E14346" s="1" t="s">
        <v>54448</v>
      </c>
      <c r="F14346" s="1" t="s">
        <v>54449</v>
      </c>
      <c r="G14346" s="1" t="s">
        <v>54373</v>
      </c>
      <c r="H14346" s="1" t="s">
        <v>54374</v>
      </c>
      <c r="I14346" s="1" t="s">
        <v>53800</v>
      </c>
      <c r="J14346" s="1" t="s">
        <v>54450</v>
      </c>
    </row>
    <row r="14347" spans="1:10" x14ac:dyDescent="0.35">
      <c r="A14347" s="1" t="s">
        <v>52070</v>
      </c>
      <c r="B14347" s="1" t="s">
        <v>53796</v>
      </c>
      <c r="C14347" s="1" t="s">
        <v>125</v>
      </c>
      <c r="D14347" s="1" t="s">
        <v>54451</v>
      </c>
      <c r="E14347" s="1" t="s">
        <v>54452</v>
      </c>
      <c r="F14347" s="1" t="s">
        <v>54453</v>
      </c>
      <c r="G14347" s="1" t="s">
        <v>54373</v>
      </c>
      <c r="H14347" s="1" t="s">
        <v>54374</v>
      </c>
      <c r="I14347" s="1" t="s">
        <v>53800</v>
      </c>
      <c r="J14347" s="1" t="s">
        <v>54454</v>
      </c>
    </row>
    <row r="14348" spans="1:10" x14ac:dyDescent="0.35">
      <c r="A14348" s="1" t="s">
        <v>52070</v>
      </c>
      <c r="B14348" s="1" t="s">
        <v>53796</v>
      </c>
      <c r="C14348" s="1" t="s">
        <v>130</v>
      </c>
      <c r="D14348" s="1" t="s">
        <v>26498</v>
      </c>
      <c r="E14348" s="1" t="s">
        <v>54455</v>
      </c>
      <c r="F14348" s="1" t="s">
        <v>54456</v>
      </c>
      <c r="G14348" s="1" t="s">
        <v>54373</v>
      </c>
      <c r="H14348" s="1" t="s">
        <v>54374</v>
      </c>
      <c r="I14348" s="1" t="s">
        <v>53800</v>
      </c>
      <c r="J14348" s="1" t="s">
        <v>54457</v>
      </c>
    </row>
    <row r="14349" spans="1:10" x14ac:dyDescent="0.35">
      <c r="A14349" s="1" t="s">
        <v>52070</v>
      </c>
      <c r="B14349" s="1" t="s">
        <v>53796</v>
      </c>
      <c r="C14349" s="1" t="s">
        <v>135</v>
      </c>
      <c r="D14349" s="1" t="s">
        <v>54458</v>
      </c>
      <c r="E14349" s="1" t="s">
        <v>54459</v>
      </c>
      <c r="F14349" s="1" t="s">
        <v>54460</v>
      </c>
      <c r="G14349" s="1" t="s">
        <v>54373</v>
      </c>
      <c r="H14349" s="1" t="s">
        <v>54374</v>
      </c>
      <c r="I14349" s="1" t="s">
        <v>53800</v>
      </c>
      <c r="J14349" s="1" t="s">
        <v>54461</v>
      </c>
    </row>
    <row r="14350" spans="1:10" x14ac:dyDescent="0.35">
      <c r="A14350" s="1" t="s">
        <v>52070</v>
      </c>
      <c r="B14350" s="1" t="s">
        <v>53796</v>
      </c>
      <c r="C14350" s="1" t="s">
        <v>140</v>
      </c>
      <c r="D14350" s="1" t="s">
        <v>54462</v>
      </c>
      <c r="E14350" s="1" t="s">
        <v>54463</v>
      </c>
      <c r="F14350" s="1" t="s">
        <v>54464</v>
      </c>
      <c r="G14350" s="1" t="s">
        <v>54373</v>
      </c>
      <c r="H14350" s="1" t="s">
        <v>54374</v>
      </c>
      <c r="I14350" s="1" t="s">
        <v>53800</v>
      </c>
      <c r="J14350" s="1" t="s">
        <v>54465</v>
      </c>
    </row>
    <row r="14351" spans="1:10" x14ac:dyDescent="0.35">
      <c r="A14351" s="1" t="s">
        <v>52070</v>
      </c>
      <c r="B14351" s="1" t="s">
        <v>53796</v>
      </c>
      <c r="C14351" s="1" t="s">
        <v>145</v>
      </c>
      <c r="D14351" s="1" t="s">
        <v>54466</v>
      </c>
      <c r="E14351" s="1" t="s">
        <v>54467</v>
      </c>
      <c r="F14351" s="1" t="s">
        <v>54468</v>
      </c>
      <c r="G14351" s="1" t="s">
        <v>54373</v>
      </c>
      <c r="H14351" s="1" t="s">
        <v>54374</v>
      </c>
      <c r="I14351" s="1" t="s">
        <v>53800</v>
      </c>
      <c r="J14351" s="1" t="s">
        <v>54469</v>
      </c>
    </row>
    <row r="14352" spans="1:10" x14ac:dyDescent="0.35">
      <c r="A14352" s="1" t="s">
        <v>52070</v>
      </c>
      <c r="B14352" s="1" t="s">
        <v>53796</v>
      </c>
      <c r="C14352" s="1" t="s">
        <v>150</v>
      </c>
      <c r="D14352" s="1" t="s">
        <v>54470</v>
      </c>
      <c r="E14352" s="1" t="s">
        <v>54197</v>
      </c>
      <c r="F14352" s="1" t="s">
        <v>54471</v>
      </c>
      <c r="G14352" s="1" t="s">
        <v>54373</v>
      </c>
      <c r="H14352" s="1" t="s">
        <v>54374</v>
      </c>
      <c r="I14352" s="1" t="s">
        <v>53800</v>
      </c>
      <c r="J14352" s="1" t="s">
        <v>54472</v>
      </c>
    </row>
    <row r="14353" spans="1:10" x14ac:dyDescent="0.35">
      <c r="A14353" s="1" t="s">
        <v>52070</v>
      </c>
      <c r="B14353" s="1" t="s">
        <v>53796</v>
      </c>
      <c r="C14353" s="1" t="s">
        <v>155</v>
      </c>
      <c r="D14353" s="1" t="s">
        <v>54473</v>
      </c>
      <c r="E14353" s="1" t="s">
        <v>54474</v>
      </c>
      <c r="F14353" s="1" t="s">
        <v>54475</v>
      </c>
      <c r="G14353" s="1" t="s">
        <v>54373</v>
      </c>
      <c r="H14353" s="1" t="s">
        <v>54374</v>
      </c>
      <c r="I14353" s="1" t="s">
        <v>53800</v>
      </c>
      <c r="J14353" s="1" t="s">
        <v>54476</v>
      </c>
    </row>
    <row r="14354" spans="1:10" x14ac:dyDescent="0.35">
      <c r="A14354" s="1" t="s">
        <v>52070</v>
      </c>
      <c r="B14354" s="1" t="s">
        <v>53796</v>
      </c>
      <c r="C14354" s="1" t="s">
        <v>160</v>
      </c>
      <c r="D14354" s="1" t="s">
        <v>54477</v>
      </c>
      <c r="E14354" s="1" t="s">
        <v>54478</v>
      </c>
      <c r="F14354" s="1" t="s">
        <v>54479</v>
      </c>
      <c r="G14354" s="1" t="s">
        <v>54373</v>
      </c>
      <c r="H14354" s="1" t="s">
        <v>54374</v>
      </c>
      <c r="I14354" s="1" t="s">
        <v>53800</v>
      </c>
      <c r="J14354" s="1" t="s">
        <v>54480</v>
      </c>
    </row>
    <row r="14355" spans="1:10" x14ac:dyDescent="0.35">
      <c r="A14355" s="1" t="s">
        <v>52070</v>
      </c>
      <c r="B14355" s="1" t="s">
        <v>53796</v>
      </c>
      <c r="C14355" s="1" t="s">
        <v>165</v>
      </c>
      <c r="D14355" s="1" t="s">
        <v>54481</v>
      </c>
      <c r="E14355" s="1" t="s">
        <v>54482</v>
      </c>
      <c r="F14355" s="1" t="s">
        <v>54483</v>
      </c>
      <c r="G14355" s="1" t="s">
        <v>54373</v>
      </c>
      <c r="H14355" s="1" t="s">
        <v>54374</v>
      </c>
      <c r="I14355" s="1" t="s">
        <v>53800</v>
      </c>
      <c r="J14355" s="1" t="s">
        <v>54484</v>
      </c>
    </row>
    <row r="14356" spans="1:10" x14ac:dyDescent="0.35">
      <c r="A14356" s="1" t="s">
        <v>52070</v>
      </c>
      <c r="B14356" s="1" t="s">
        <v>53796</v>
      </c>
      <c r="C14356" s="1" t="s">
        <v>170</v>
      </c>
      <c r="D14356" s="1" t="s">
        <v>54485</v>
      </c>
      <c r="E14356" s="1" t="s">
        <v>27111</v>
      </c>
      <c r="F14356" s="1" t="s">
        <v>54486</v>
      </c>
      <c r="G14356" s="1" t="s">
        <v>54373</v>
      </c>
      <c r="H14356" s="1" t="s">
        <v>54374</v>
      </c>
      <c r="I14356" s="1" t="s">
        <v>53800</v>
      </c>
      <c r="J14356" s="1" t="s">
        <v>54487</v>
      </c>
    </row>
    <row r="14357" spans="1:10" x14ac:dyDescent="0.35">
      <c r="A14357" s="1" t="s">
        <v>54488</v>
      </c>
      <c r="B14357" s="1" t="s">
        <v>53796</v>
      </c>
      <c r="C14357" s="1" t="s">
        <v>8</v>
      </c>
      <c r="D14357" s="1" t="s">
        <v>54489</v>
      </c>
      <c r="E14357" s="1" t="s">
        <v>54490</v>
      </c>
      <c r="F14357" s="1" t="s">
        <v>54491</v>
      </c>
      <c r="G14357" s="1" t="s">
        <v>54492</v>
      </c>
      <c r="H14357" s="1" t="s">
        <v>54493</v>
      </c>
      <c r="I14357" s="1" t="s">
        <v>53800</v>
      </c>
      <c r="J14357" s="1" t="s">
        <v>13</v>
      </c>
    </row>
    <row r="14358" spans="1:10" x14ac:dyDescent="0.35">
      <c r="A14358" s="1" t="s">
        <v>54488</v>
      </c>
      <c r="B14358" s="1" t="s">
        <v>53796</v>
      </c>
      <c r="C14358" s="1" t="s">
        <v>15</v>
      </c>
      <c r="D14358" s="1" t="s">
        <v>54494</v>
      </c>
      <c r="E14358" s="1" t="s">
        <v>54495</v>
      </c>
      <c r="F14358" s="1" t="s">
        <v>54496</v>
      </c>
      <c r="G14358" s="1" t="s">
        <v>54492</v>
      </c>
      <c r="H14358" s="1" t="s">
        <v>54493</v>
      </c>
      <c r="I14358" s="1" t="s">
        <v>53800</v>
      </c>
      <c r="J14358" s="1" t="s">
        <v>54497</v>
      </c>
    </row>
    <row r="14359" spans="1:10" x14ac:dyDescent="0.35">
      <c r="A14359" s="1" t="s">
        <v>54488</v>
      </c>
      <c r="B14359" s="1" t="s">
        <v>53796</v>
      </c>
      <c r="C14359" s="1" t="s">
        <v>20</v>
      </c>
      <c r="D14359" s="1" t="s">
        <v>54498</v>
      </c>
      <c r="E14359" s="1" t="s">
        <v>54499</v>
      </c>
      <c r="F14359" s="1" t="s">
        <v>54500</v>
      </c>
      <c r="G14359" s="1" t="s">
        <v>54492</v>
      </c>
      <c r="H14359" s="1" t="s">
        <v>54493</v>
      </c>
      <c r="I14359" s="1" t="s">
        <v>53800</v>
      </c>
      <c r="J14359" s="1" t="s">
        <v>54501</v>
      </c>
    </row>
    <row r="14360" spans="1:10" x14ac:dyDescent="0.35">
      <c r="A14360" s="1" t="s">
        <v>54488</v>
      </c>
      <c r="B14360" s="1" t="s">
        <v>53796</v>
      </c>
      <c r="C14360" s="1" t="s">
        <v>25</v>
      </c>
      <c r="D14360" s="1" t="s">
        <v>54502</v>
      </c>
      <c r="E14360" s="1" t="s">
        <v>54503</v>
      </c>
      <c r="F14360" s="1" t="s">
        <v>54504</v>
      </c>
      <c r="G14360" s="1" t="s">
        <v>54492</v>
      </c>
      <c r="H14360" s="1" t="s">
        <v>54493</v>
      </c>
      <c r="I14360" s="1" t="s">
        <v>53800</v>
      </c>
      <c r="J14360" s="1" t="s">
        <v>54505</v>
      </c>
    </row>
    <row r="14361" spans="1:10" x14ac:dyDescent="0.35">
      <c r="A14361" s="1" t="s">
        <v>54488</v>
      </c>
      <c r="B14361" s="1" t="s">
        <v>53796</v>
      </c>
      <c r="C14361" s="1" t="s">
        <v>30</v>
      </c>
      <c r="D14361" s="1" t="s">
        <v>11322</v>
      </c>
      <c r="E14361" s="1" t="s">
        <v>54506</v>
      </c>
      <c r="F14361" s="1" t="s">
        <v>54507</v>
      </c>
      <c r="G14361" s="1" t="s">
        <v>54492</v>
      </c>
      <c r="H14361" s="1" t="s">
        <v>54493</v>
      </c>
      <c r="I14361" s="1" t="s">
        <v>53800</v>
      </c>
      <c r="J14361" s="1" t="s">
        <v>54508</v>
      </c>
    </row>
    <row r="14362" spans="1:10" x14ac:dyDescent="0.35">
      <c r="A14362" s="1" t="s">
        <v>54488</v>
      </c>
      <c r="B14362" s="1" t="s">
        <v>53796</v>
      </c>
      <c r="C14362" s="1" t="s">
        <v>35</v>
      </c>
      <c r="D14362" s="1" t="s">
        <v>54509</v>
      </c>
      <c r="E14362" s="1" t="s">
        <v>54510</v>
      </c>
      <c r="F14362" s="1" t="s">
        <v>54511</v>
      </c>
      <c r="G14362" s="1" t="s">
        <v>54492</v>
      </c>
      <c r="H14362" s="1" t="s">
        <v>54493</v>
      </c>
      <c r="I14362" s="1" t="s">
        <v>53800</v>
      </c>
      <c r="J14362" s="1" t="s">
        <v>54512</v>
      </c>
    </row>
    <row r="14363" spans="1:10" x14ac:dyDescent="0.35">
      <c r="A14363" s="1" t="s">
        <v>54488</v>
      </c>
      <c r="B14363" s="1" t="s">
        <v>53796</v>
      </c>
      <c r="C14363" s="1" t="s">
        <v>40</v>
      </c>
      <c r="D14363" s="1" t="s">
        <v>26384</v>
      </c>
      <c r="E14363" s="1" t="s">
        <v>54513</v>
      </c>
      <c r="F14363" s="1" t="s">
        <v>54514</v>
      </c>
      <c r="G14363" s="1" t="s">
        <v>54492</v>
      </c>
      <c r="H14363" s="1" t="s">
        <v>54493</v>
      </c>
      <c r="I14363" s="1" t="s">
        <v>53800</v>
      </c>
      <c r="J14363" s="1" t="s">
        <v>54515</v>
      </c>
    </row>
    <row r="14364" spans="1:10" x14ac:dyDescent="0.35">
      <c r="A14364" s="1" t="s">
        <v>54488</v>
      </c>
      <c r="B14364" s="1" t="s">
        <v>53796</v>
      </c>
      <c r="C14364" s="1" t="s">
        <v>45</v>
      </c>
      <c r="D14364" s="1" t="s">
        <v>54516</v>
      </c>
      <c r="E14364" s="1" t="s">
        <v>54517</v>
      </c>
      <c r="F14364" s="1" t="s">
        <v>54518</v>
      </c>
      <c r="G14364" s="1" t="s">
        <v>54492</v>
      </c>
      <c r="H14364" s="1" t="s">
        <v>54493</v>
      </c>
      <c r="I14364" s="1" t="s">
        <v>53800</v>
      </c>
      <c r="J14364" s="1" t="s">
        <v>54519</v>
      </c>
    </row>
    <row r="14365" spans="1:10" x14ac:dyDescent="0.35">
      <c r="A14365" s="1" t="s">
        <v>54488</v>
      </c>
      <c r="B14365" s="1" t="s">
        <v>53796</v>
      </c>
      <c r="C14365" s="1" t="s">
        <v>50</v>
      </c>
      <c r="D14365" s="1" t="s">
        <v>40176</v>
      </c>
      <c r="E14365" s="1" t="s">
        <v>54520</v>
      </c>
      <c r="F14365" s="1" t="s">
        <v>54521</v>
      </c>
      <c r="G14365" s="1" t="s">
        <v>54492</v>
      </c>
      <c r="H14365" s="1" t="s">
        <v>54493</v>
      </c>
      <c r="I14365" s="1" t="s">
        <v>53800</v>
      </c>
      <c r="J14365" s="1" t="s">
        <v>54522</v>
      </c>
    </row>
    <row r="14366" spans="1:10" x14ac:dyDescent="0.35">
      <c r="A14366" s="1" t="s">
        <v>54488</v>
      </c>
      <c r="B14366" s="1" t="s">
        <v>53796</v>
      </c>
      <c r="C14366" s="1" t="s">
        <v>55</v>
      </c>
      <c r="D14366" s="1" t="s">
        <v>54523</v>
      </c>
      <c r="E14366" s="1" t="s">
        <v>54524</v>
      </c>
      <c r="F14366" s="1" t="s">
        <v>54525</v>
      </c>
      <c r="G14366" s="1" t="s">
        <v>54492</v>
      </c>
      <c r="H14366" s="1" t="s">
        <v>54493</v>
      </c>
      <c r="I14366" s="1" t="s">
        <v>53800</v>
      </c>
      <c r="J14366" s="1" t="s">
        <v>54526</v>
      </c>
    </row>
    <row r="14367" spans="1:10" x14ac:dyDescent="0.35">
      <c r="A14367" s="1" t="s">
        <v>54488</v>
      </c>
      <c r="B14367" s="1" t="s">
        <v>53796</v>
      </c>
      <c r="C14367" s="1" t="s">
        <v>60</v>
      </c>
      <c r="D14367" s="1" t="s">
        <v>54527</v>
      </c>
      <c r="E14367" s="1" t="s">
        <v>54528</v>
      </c>
      <c r="F14367" s="1" t="s">
        <v>54529</v>
      </c>
      <c r="G14367" s="1" t="s">
        <v>54492</v>
      </c>
      <c r="H14367" s="1" t="s">
        <v>54493</v>
      </c>
      <c r="I14367" s="1" t="s">
        <v>53800</v>
      </c>
      <c r="J14367" s="1" t="s">
        <v>54530</v>
      </c>
    </row>
    <row r="14368" spans="1:10" x14ac:dyDescent="0.35">
      <c r="A14368" s="1" t="s">
        <v>54488</v>
      </c>
      <c r="B14368" s="1" t="s">
        <v>53796</v>
      </c>
      <c r="C14368" s="1" t="s">
        <v>65</v>
      </c>
      <c r="D14368" s="1" t="s">
        <v>54531</v>
      </c>
      <c r="E14368" s="1" t="s">
        <v>54532</v>
      </c>
      <c r="F14368" s="1" t="s">
        <v>54533</v>
      </c>
      <c r="G14368" s="1" t="s">
        <v>54492</v>
      </c>
      <c r="H14368" s="1" t="s">
        <v>54493</v>
      </c>
      <c r="I14368" s="1" t="s">
        <v>53800</v>
      </c>
      <c r="J14368" s="1" t="s">
        <v>54534</v>
      </c>
    </row>
    <row r="14369" spans="1:10" x14ac:dyDescent="0.35">
      <c r="A14369" s="1" t="s">
        <v>54488</v>
      </c>
      <c r="B14369" s="1" t="s">
        <v>53796</v>
      </c>
      <c r="C14369" s="1" t="s">
        <v>70</v>
      </c>
      <c r="D14369" s="1" t="s">
        <v>54535</v>
      </c>
      <c r="E14369" s="1" t="s">
        <v>54536</v>
      </c>
      <c r="F14369" s="1" t="s">
        <v>54537</v>
      </c>
      <c r="G14369" s="1" t="s">
        <v>54492</v>
      </c>
      <c r="H14369" s="1" t="s">
        <v>54493</v>
      </c>
      <c r="I14369" s="1" t="s">
        <v>53800</v>
      </c>
      <c r="J14369" s="1" t="s">
        <v>54538</v>
      </c>
    </row>
    <row r="14370" spans="1:10" x14ac:dyDescent="0.35">
      <c r="A14370" s="1" t="s">
        <v>54488</v>
      </c>
      <c r="B14370" s="1" t="s">
        <v>53796</v>
      </c>
      <c r="C14370" s="1" t="s">
        <v>75</v>
      </c>
      <c r="D14370" s="1" t="s">
        <v>23805</v>
      </c>
      <c r="E14370" s="1" t="s">
        <v>54539</v>
      </c>
      <c r="F14370" s="1" t="s">
        <v>54540</v>
      </c>
      <c r="G14370" s="1" t="s">
        <v>54492</v>
      </c>
      <c r="H14370" s="1" t="s">
        <v>54493</v>
      </c>
      <c r="I14370" s="1" t="s">
        <v>53800</v>
      </c>
      <c r="J14370" s="1" t="s">
        <v>54541</v>
      </c>
    </row>
    <row r="14371" spans="1:10" x14ac:dyDescent="0.35">
      <c r="A14371" s="1" t="s">
        <v>54488</v>
      </c>
      <c r="B14371" s="1" t="s">
        <v>53796</v>
      </c>
      <c r="C14371" s="1" t="s">
        <v>80</v>
      </c>
      <c r="D14371" s="1" t="s">
        <v>54542</v>
      </c>
      <c r="E14371" s="1" t="s">
        <v>54543</v>
      </c>
      <c r="F14371" s="1" t="s">
        <v>54544</v>
      </c>
      <c r="G14371" s="1" t="s">
        <v>54492</v>
      </c>
      <c r="H14371" s="1" t="s">
        <v>54493</v>
      </c>
      <c r="I14371" s="1" t="s">
        <v>53800</v>
      </c>
      <c r="J14371" s="1" t="s">
        <v>54545</v>
      </c>
    </row>
    <row r="14372" spans="1:10" x14ac:dyDescent="0.35">
      <c r="A14372" s="1" t="s">
        <v>54488</v>
      </c>
      <c r="B14372" s="1" t="s">
        <v>53796</v>
      </c>
      <c r="C14372" s="1" t="s">
        <v>85</v>
      </c>
      <c r="D14372" s="1" t="s">
        <v>54546</v>
      </c>
      <c r="E14372" s="1" t="s">
        <v>54547</v>
      </c>
      <c r="F14372" s="1" t="s">
        <v>54548</v>
      </c>
      <c r="G14372" s="1" t="s">
        <v>54492</v>
      </c>
      <c r="H14372" s="1" t="s">
        <v>54493</v>
      </c>
      <c r="I14372" s="1" t="s">
        <v>53800</v>
      </c>
      <c r="J14372" s="1" t="s">
        <v>54549</v>
      </c>
    </row>
    <row r="14373" spans="1:10" x14ac:dyDescent="0.35">
      <c r="A14373" s="1" t="s">
        <v>54488</v>
      </c>
      <c r="B14373" s="1" t="s">
        <v>53796</v>
      </c>
      <c r="C14373" s="1" t="s">
        <v>90</v>
      </c>
      <c r="D14373" s="1" t="s">
        <v>54550</v>
      </c>
      <c r="E14373" s="1" t="s">
        <v>54551</v>
      </c>
      <c r="F14373" s="1" t="s">
        <v>54552</v>
      </c>
      <c r="G14373" s="1" t="s">
        <v>54492</v>
      </c>
      <c r="H14373" s="1" t="s">
        <v>54493</v>
      </c>
      <c r="I14373" s="1" t="s">
        <v>53800</v>
      </c>
      <c r="J14373" s="1" t="s">
        <v>54553</v>
      </c>
    </row>
    <row r="14374" spans="1:10" x14ac:dyDescent="0.35">
      <c r="A14374" s="1" t="s">
        <v>54488</v>
      </c>
      <c r="B14374" s="1" t="s">
        <v>53796</v>
      </c>
      <c r="C14374" s="1" t="s">
        <v>95</v>
      </c>
      <c r="D14374" s="1" t="s">
        <v>54554</v>
      </c>
      <c r="E14374" s="1" t="s">
        <v>54555</v>
      </c>
      <c r="F14374" s="1" t="s">
        <v>54556</v>
      </c>
      <c r="G14374" s="1" t="s">
        <v>54492</v>
      </c>
      <c r="H14374" s="1" t="s">
        <v>54493</v>
      </c>
      <c r="I14374" s="1" t="s">
        <v>53800</v>
      </c>
      <c r="J14374" s="1" t="s">
        <v>54557</v>
      </c>
    </row>
    <row r="14375" spans="1:10" x14ac:dyDescent="0.35">
      <c r="A14375" s="1" t="s">
        <v>54488</v>
      </c>
      <c r="B14375" s="1" t="s">
        <v>53796</v>
      </c>
      <c r="C14375" s="1" t="s">
        <v>100</v>
      </c>
      <c r="D14375" s="1" t="s">
        <v>54558</v>
      </c>
      <c r="E14375" s="1" t="s">
        <v>54559</v>
      </c>
      <c r="F14375" s="1" t="s">
        <v>54560</v>
      </c>
      <c r="G14375" s="1" t="s">
        <v>54492</v>
      </c>
      <c r="H14375" s="1" t="s">
        <v>54493</v>
      </c>
      <c r="I14375" s="1" t="s">
        <v>53800</v>
      </c>
      <c r="J14375" s="1" t="s">
        <v>54561</v>
      </c>
    </row>
    <row r="14376" spans="1:10" x14ac:dyDescent="0.35">
      <c r="A14376" s="1" t="s">
        <v>54488</v>
      </c>
      <c r="B14376" s="1" t="s">
        <v>53796</v>
      </c>
      <c r="C14376" s="1" t="s">
        <v>105</v>
      </c>
      <c r="D14376" s="1" t="s">
        <v>54562</v>
      </c>
      <c r="E14376" s="1" t="s">
        <v>54563</v>
      </c>
      <c r="F14376" s="1" t="s">
        <v>54564</v>
      </c>
      <c r="G14376" s="1" t="s">
        <v>54492</v>
      </c>
      <c r="H14376" s="1" t="s">
        <v>54493</v>
      </c>
      <c r="I14376" s="1" t="s">
        <v>53800</v>
      </c>
      <c r="J14376" s="1" t="s">
        <v>54565</v>
      </c>
    </row>
    <row r="14377" spans="1:10" x14ac:dyDescent="0.35">
      <c r="A14377" s="1" t="s">
        <v>54488</v>
      </c>
      <c r="B14377" s="1" t="s">
        <v>53796</v>
      </c>
      <c r="C14377" s="1" t="s">
        <v>110</v>
      </c>
      <c r="D14377" s="1" t="s">
        <v>54566</v>
      </c>
      <c r="E14377" s="1" t="s">
        <v>54567</v>
      </c>
      <c r="F14377" s="1" t="s">
        <v>54568</v>
      </c>
      <c r="G14377" s="1" t="s">
        <v>54492</v>
      </c>
      <c r="H14377" s="1" t="s">
        <v>54493</v>
      </c>
      <c r="I14377" s="1" t="s">
        <v>53800</v>
      </c>
      <c r="J14377" s="1" t="s">
        <v>54569</v>
      </c>
    </row>
    <row r="14378" spans="1:10" x14ac:dyDescent="0.35">
      <c r="A14378" s="1" t="s">
        <v>54488</v>
      </c>
      <c r="B14378" s="1" t="s">
        <v>53796</v>
      </c>
      <c r="C14378" s="1" t="s">
        <v>115</v>
      </c>
      <c r="D14378" s="1" t="s">
        <v>54570</v>
      </c>
      <c r="E14378" s="1" t="s">
        <v>54571</v>
      </c>
      <c r="F14378" s="1" t="s">
        <v>54572</v>
      </c>
      <c r="G14378" s="1" t="s">
        <v>54492</v>
      </c>
      <c r="H14378" s="1" t="s">
        <v>54493</v>
      </c>
      <c r="I14378" s="1" t="s">
        <v>53800</v>
      </c>
      <c r="J14378" s="1" t="s">
        <v>54573</v>
      </c>
    </row>
    <row r="14379" spans="1:10" x14ac:dyDescent="0.35">
      <c r="A14379" s="1" t="s">
        <v>54488</v>
      </c>
      <c r="B14379" s="1" t="s">
        <v>53796</v>
      </c>
      <c r="C14379" s="1" t="s">
        <v>120</v>
      </c>
      <c r="D14379" s="1" t="s">
        <v>54574</v>
      </c>
      <c r="E14379" s="1" t="s">
        <v>54575</v>
      </c>
      <c r="F14379" s="1" t="s">
        <v>54576</v>
      </c>
      <c r="G14379" s="1" t="s">
        <v>54492</v>
      </c>
      <c r="H14379" s="1" t="s">
        <v>54493</v>
      </c>
      <c r="I14379" s="1" t="s">
        <v>53800</v>
      </c>
      <c r="J14379" s="1" t="s">
        <v>54577</v>
      </c>
    </row>
    <row r="14380" spans="1:10" x14ac:dyDescent="0.35">
      <c r="A14380" s="1" t="s">
        <v>54488</v>
      </c>
      <c r="B14380" s="1" t="s">
        <v>53796</v>
      </c>
      <c r="C14380" s="1" t="s">
        <v>125</v>
      </c>
      <c r="D14380" s="1" t="s">
        <v>54578</v>
      </c>
      <c r="E14380" s="1" t="s">
        <v>54579</v>
      </c>
      <c r="F14380" s="1" t="s">
        <v>54580</v>
      </c>
      <c r="G14380" s="1" t="s">
        <v>54492</v>
      </c>
      <c r="H14380" s="1" t="s">
        <v>54493</v>
      </c>
      <c r="I14380" s="1" t="s">
        <v>53800</v>
      </c>
      <c r="J14380" s="1" t="s">
        <v>54581</v>
      </c>
    </row>
    <row r="14381" spans="1:10" x14ac:dyDescent="0.35">
      <c r="A14381" s="1" t="s">
        <v>54488</v>
      </c>
      <c r="B14381" s="1" t="s">
        <v>53796</v>
      </c>
      <c r="C14381" s="1" t="s">
        <v>130</v>
      </c>
      <c r="D14381" s="1" t="s">
        <v>54582</v>
      </c>
      <c r="E14381" s="1" t="s">
        <v>54583</v>
      </c>
      <c r="F14381" s="1" t="s">
        <v>54584</v>
      </c>
      <c r="G14381" s="1" t="s">
        <v>54492</v>
      </c>
      <c r="H14381" s="1" t="s">
        <v>54493</v>
      </c>
      <c r="I14381" s="1" t="s">
        <v>53800</v>
      </c>
      <c r="J14381" s="1" t="s">
        <v>54585</v>
      </c>
    </row>
    <row r="14382" spans="1:10" x14ac:dyDescent="0.35">
      <c r="A14382" s="1" t="s">
        <v>54488</v>
      </c>
      <c r="B14382" s="1" t="s">
        <v>53796</v>
      </c>
      <c r="C14382" s="1" t="s">
        <v>135</v>
      </c>
      <c r="D14382" s="1" t="s">
        <v>54586</v>
      </c>
      <c r="E14382" s="1" t="s">
        <v>54587</v>
      </c>
      <c r="F14382" s="1" t="s">
        <v>54588</v>
      </c>
      <c r="G14382" s="1" t="s">
        <v>54492</v>
      </c>
      <c r="H14382" s="1" t="s">
        <v>54493</v>
      </c>
      <c r="I14382" s="1" t="s">
        <v>53800</v>
      </c>
      <c r="J14382" s="1" t="s">
        <v>54589</v>
      </c>
    </row>
    <row r="14383" spans="1:10" x14ac:dyDescent="0.35">
      <c r="A14383" s="1" t="s">
        <v>54488</v>
      </c>
      <c r="B14383" s="1" t="s">
        <v>53796</v>
      </c>
      <c r="C14383" s="1" t="s">
        <v>140</v>
      </c>
      <c r="D14383" s="1" t="s">
        <v>54590</v>
      </c>
      <c r="E14383" s="1" t="s">
        <v>54591</v>
      </c>
      <c r="F14383" s="1" t="s">
        <v>54592</v>
      </c>
      <c r="G14383" s="1" t="s">
        <v>54492</v>
      </c>
      <c r="H14383" s="1" t="s">
        <v>54493</v>
      </c>
      <c r="I14383" s="1" t="s">
        <v>53800</v>
      </c>
      <c r="J14383" s="1" t="s">
        <v>54593</v>
      </c>
    </row>
    <row r="14384" spans="1:10" x14ac:dyDescent="0.35">
      <c r="A14384" s="1" t="s">
        <v>54488</v>
      </c>
      <c r="B14384" s="1" t="s">
        <v>53796</v>
      </c>
      <c r="C14384" s="1" t="s">
        <v>145</v>
      </c>
      <c r="D14384" s="1" t="s">
        <v>54594</v>
      </c>
      <c r="E14384" s="1" t="s">
        <v>54595</v>
      </c>
      <c r="F14384" s="1" t="s">
        <v>54596</v>
      </c>
      <c r="G14384" s="1" t="s">
        <v>54492</v>
      </c>
      <c r="H14384" s="1" t="s">
        <v>54493</v>
      </c>
      <c r="I14384" s="1" t="s">
        <v>53800</v>
      </c>
      <c r="J14384" s="1" t="s">
        <v>54597</v>
      </c>
    </row>
    <row r="14385" spans="1:10" x14ac:dyDescent="0.35">
      <c r="A14385" s="1" t="s">
        <v>54488</v>
      </c>
      <c r="B14385" s="1" t="s">
        <v>53796</v>
      </c>
      <c r="C14385" s="1" t="s">
        <v>150</v>
      </c>
      <c r="D14385" s="1" t="s">
        <v>54598</v>
      </c>
      <c r="E14385" s="1" t="s">
        <v>54599</v>
      </c>
      <c r="F14385" s="1" t="s">
        <v>54600</v>
      </c>
      <c r="G14385" s="1" t="s">
        <v>54492</v>
      </c>
      <c r="H14385" s="1" t="s">
        <v>54493</v>
      </c>
      <c r="I14385" s="1" t="s">
        <v>53800</v>
      </c>
      <c r="J14385" s="1" t="s">
        <v>54601</v>
      </c>
    </row>
    <row r="14386" spans="1:10" x14ac:dyDescent="0.35">
      <c r="A14386" s="1" t="s">
        <v>54488</v>
      </c>
      <c r="B14386" s="1" t="s">
        <v>53796</v>
      </c>
      <c r="C14386" s="1" t="s">
        <v>155</v>
      </c>
      <c r="D14386" s="1" t="s">
        <v>54602</v>
      </c>
      <c r="E14386" s="1" t="s">
        <v>54603</v>
      </c>
      <c r="F14386" s="1" t="s">
        <v>54604</v>
      </c>
      <c r="G14386" s="1" t="s">
        <v>54492</v>
      </c>
      <c r="H14386" s="1" t="s">
        <v>54493</v>
      </c>
      <c r="I14386" s="1" t="s">
        <v>53800</v>
      </c>
      <c r="J14386" s="1" t="s">
        <v>54605</v>
      </c>
    </row>
    <row r="14387" spans="1:10" x14ac:dyDescent="0.35">
      <c r="A14387" s="1" t="s">
        <v>54488</v>
      </c>
      <c r="B14387" s="1" t="s">
        <v>53796</v>
      </c>
      <c r="C14387" s="1" t="s">
        <v>160</v>
      </c>
      <c r="D14387" s="1" t="s">
        <v>54606</v>
      </c>
      <c r="E14387" s="1" t="s">
        <v>54607</v>
      </c>
      <c r="F14387" s="1" t="s">
        <v>54608</v>
      </c>
      <c r="G14387" s="1" t="s">
        <v>54492</v>
      </c>
      <c r="H14387" s="1" t="s">
        <v>54493</v>
      </c>
      <c r="I14387" s="1" t="s">
        <v>53800</v>
      </c>
      <c r="J14387" s="1" t="s">
        <v>54609</v>
      </c>
    </row>
    <row r="14388" spans="1:10" x14ac:dyDescent="0.35">
      <c r="A14388" s="1" t="s">
        <v>54488</v>
      </c>
      <c r="B14388" s="1" t="s">
        <v>53796</v>
      </c>
      <c r="C14388" s="1" t="s">
        <v>165</v>
      </c>
      <c r="D14388" s="1" t="s">
        <v>54610</v>
      </c>
      <c r="E14388" s="1" t="s">
        <v>54611</v>
      </c>
      <c r="F14388" s="1" t="s">
        <v>54612</v>
      </c>
      <c r="G14388" s="1" t="s">
        <v>54492</v>
      </c>
      <c r="H14388" s="1" t="s">
        <v>54493</v>
      </c>
      <c r="I14388" s="1" t="s">
        <v>53800</v>
      </c>
      <c r="J14388" s="1" t="s">
        <v>54613</v>
      </c>
    </row>
    <row r="14389" spans="1:10" x14ac:dyDescent="0.35">
      <c r="A14389" s="1" t="s">
        <v>54488</v>
      </c>
      <c r="B14389" s="1" t="s">
        <v>53796</v>
      </c>
      <c r="C14389" s="1" t="s">
        <v>170</v>
      </c>
      <c r="D14389" s="1" t="s">
        <v>54614</v>
      </c>
      <c r="E14389" s="1" t="s">
        <v>54615</v>
      </c>
      <c r="F14389" s="1" t="s">
        <v>54616</v>
      </c>
      <c r="G14389" s="1" t="s">
        <v>54492</v>
      </c>
      <c r="H14389" s="1" t="s">
        <v>54493</v>
      </c>
      <c r="I14389" s="1" t="s">
        <v>53800</v>
      </c>
      <c r="J14389" s="1" t="s">
        <v>54617</v>
      </c>
    </row>
    <row r="14390" spans="1:10" x14ac:dyDescent="0.35">
      <c r="A14390" s="1" t="s">
        <v>54618</v>
      </c>
      <c r="B14390" s="1" t="s">
        <v>53796</v>
      </c>
      <c r="C14390" s="1" t="s">
        <v>8</v>
      </c>
      <c r="D14390" s="1" t="s">
        <v>54619</v>
      </c>
      <c r="E14390" s="1" t="s">
        <v>24201</v>
      </c>
      <c r="F14390" s="1" t="s">
        <v>54620</v>
      </c>
      <c r="G14390" s="1" t="s">
        <v>54621</v>
      </c>
      <c r="H14390" s="1" t="s">
        <v>54622</v>
      </c>
      <c r="I14390" s="1" t="s">
        <v>53800</v>
      </c>
      <c r="J14390" s="1" t="s">
        <v>13</v>
      </c>
    </row>
    <row r="14391" spans="1:10" x14ac:dyDescent="0.35">
      <c r="A14391" s="1" t="s">
        <v>54618</v>
      </c>
      <c r="B14391" s="1" t="s">
        <v>53796</v>
      </c>
      <c r="C14391" s="1" t="s">
        <v>15</v>
      </c>
      <c r="D14391" s="1" t="s">
        <v>54623</v>
      </c>
      <c r="E14391" s="1" t="s">
        <v>54624</v>
      </c>
      <c r="F14391" s="1" t="s">
        <v>54625</v>
      </c>
      <c r="G14391" s="1" t="s">
        <v>54621</v>
      </c>
      <c r="H14391" s="1" t="s">
        <v>54622</v>
      </c>
      <c r="I14391" s="1" t="s">
        <v>53800</v>
      </c>
      <c r="J14391" s="1" t="s">
        <v>54626</v>
      </c>
    </row>
    <row r="14392" spans="1:10" x14ac:dyDescent="0.35">
      <c r="A14392" s="1" t="s">
        <v>54618</v>
      </c>
      <c r="B14392" s="1" t="s">
        <v>53796</v>
      </c>
      <c r="C14392" s="1" t="s">
        <v>20</v>
      </c>
      <c r="D14392" s="1" t="s">
        <v>54627</v>
      </c>
      <c r="E14392" s="1" t="s">
        <v>32076</v>
      </c>
      <c r="F14392" s="1" t="s">
        <v>54628</v>
      </c>
      <c r="G14392" s="1" t="s">
        <v>54621</v>
      </c>
      <c r="H14392" s="1" t="s">
        <v>54622</v>
      </c>
      <c r="I14392" s="1" t="s">
        <v>53800</v>
      </c>
      <c r="J14392" s="1" t="s">
        <v>54629</v>
      </c>
    </row>
    <row r="14393" spans="1:10" x14ac:dyDescent="0.35">
      <c r="A14393" s="1" t="s">
        <v>54618</v>
      </c>
      <c r="B14393" s="1" t="s">
        <v>53796</v>
      </c>
      <c r="C14393" s="1" t="s">
        <v>25</v>
      </c>
      <c r="D14393" s="1" t="s">
        <v>54630</v>
      </c>
      <c r="E14393" s="1" t="s">
        <v>41159</v>
      </c>
      <c r="F14393" s="1" t="s">
        <v>54631</v>
      </c>
      <c r="G14393" s="1" t="s">
        <v>54621</v>
      </c>
      <c r="H14393" s="1" t="s">
        <v>54622</v>
      </c>
      <c r="I14393" s="1" t="s">
        <v>53800</v>
      </c>
      <c r="J14393" s="1" t="s">
        <v>54632</v>
      </c>
    </row>
    <row r="14394" spans="1:10" x14ac:dyDescent="0.35">
      <c r="A14394" s="1" t="s">
        <v>54618</v>
      </c>
      <c r="B14394" s="1" t="s">
        <v>53796</v>
      </c>
      <c r="C14394" s="1" t="s">
        <v>30</v>
      </c>
      <c r="D14394" s="1" t="s">
        <v>54633</v>
      </c>
      <c r="E14394" s="1" t="s">
        <v>54634</v>
      </c>
      <c r="F14394" s="1" t="s">
        <v>54635</v>
      </c>
      <c r="G14394" s="1" t="s">
        <v>54621</v>
      </c>
      <c r="H14394" s="1" t="s">
        <v>54622</v>
      </c>
      <c r="I14394" s="1" t="s">
        <v>53800</v>
      </c>
      <c r="J14394" s="1" t="s">
        <v>54636</v>
      </c>
    </row>
    <row r="14395" spans="1:10" x14ac:dyDescent="0.35">
      <c r="A14395" s="1" t="s">
        <v>54618</v>
      </c>
      <c r="B14395" s="1" t="s">
        <v>53796</v>
      </c>
      <c r="C14395" s="1" t="s">
        <v>35</v>
      </c>
      <c r="D14395" s="1" t="s">
        <v>54637</v>
      </c>
      <c r="E14395" s="1" t="s">
        <v>21960</v>
      </c>
      <c r="F14395" s="1" t="s">
        <v>54638</v>
      </c>
      <c r="G14395" s="1" t="s">
        <v>54621</v>
      </c>
      <c r="H14395" s="1" t="s">
        <v>54622</v>
      </c>
      <c r="I14395" s="1" t="s">
        <v>53800</v>
      </c>
      <c r="J14395" s="1" t="s">
        <v>54639</v>
      </c>
    </row>
    <row r="14396" spans="1:10" x14ac:dyDescent="0.35">
      <c r="A14396" s="1" t="s">
        <v>54618</v>
      </c>
      <c r="B14396" s="1" t="s">
        <v>53796</v>
      </c>
      <c r="C14396" s="1" t="s">
        <v>40</v>
      </c>
      <c r="D14396" s="1" t="s">
        <v>54640</v>
      </c>
      <c r="E14396" s="1" t="s">
        <v>54641</v>
      </c>
      <c r="F14396" s="1" t="s">
        <v>54642</v>
      </c>
      <c r="G14396" s="1" t="s">
        <v>54621</v>
      </c>
      <c r="H14396" s="1" t="s">
        <v>54622</v>
      </c>
      <c r="I14396" s="1" t="s">
        <v>53800</v>
      </c>
      <c r="J14396" s="1" t="s">
        <v>54643</v>
      </c>
    </row>
    <row r="14397" spans="1:10" x14ac:dyDescent="0.35">
      <c r="A14397" s="1" t="s">
        <v>54618</v>
      </c>
      <c r="B14397" s="1" t="s">
        <v>53796</v>
      </c>
      <c r="C14397" s="1" t="s">
        <v>45</v>
      </c>
      <c r="D14397" s="1" t="s">
        <v>54644</v>
      </c>
      <c r="E14397" s="1" t="s">
        <v>15293</v>
      </c>
      <c r="F14397" s="1" t="s">
        <v>54645</v>
      </c>
      <c r="G14397" s="1" t="s">
        <v>54621</v>
      </c>
      <c r="H14397" s="1" t="s">
        <v>54622</v>
      </c>
      <c r="I14397" s="1" t="s">
        <v>53800</v>
      </c>
      <c r="J14397" s="1" t="s">
        <v>54646</v>
      </c>
    </row>
    <row r="14398" spans="1:10" x14ac:dyDescent="0.35">
      <c r="A14398" s="1" t="s">
        <v>54618</v>
      </c>
      <c r="B14398" s="1" t="s">
        <v>53796</v>
      </c>
      <c r="C14398" s="1" t="s">
        <v>50</v>
      </c>
      <c r="D14398" s="1" t="s">
        <v>20444</v>
      </c>
      <c r="E14398" s="1" t="s">
        <v>54409</v>
      </c>
      <c r="F14398" s="1" t="s">
        <v>54647</v>
      </c>
      <c r="G14398" s="1" t="s">
        <v>54621</v>
      </c>
      <c r="H14398" s="1" t="s">
        <v>54622</v>
      </c>
      <c r="I14398" s="1" t="s">
        <v>53800</v>
      </c>
      <c r="J14398" s="1" t="s">
        <v>54648</v>
      </c>
    </row>
    <row r="14399" spans="1:10" x14ac:dyDescent="0.35">
      <c r="A14399" s="1" t="s">
        <v>54618</v>
      </c>
      <c r="B14399" s="1" t="s">
        <v>53796</v>
      </c>
      <c r="C14399" s="1" t="s">
        <v>55</v>
      </c>
      <c r="D14399" s="1" t="s">
        <v>54649</v>
      </c>
      <c r="E14399" s="1" t="s">
        <v>54650</v>
      </c>
      <c r="F14399" s="1" t="s">
        <v>54651</v>
      </c>
      <c r="G14399" s="1" t="s">
        <v>54621</v>
      </c>
      <c r="H14399" s="1" t="s">
        <v>54622</v>
      </c>
      <c r="I14399" s="1" t="s">
        <v>53800</v>
      </c>
      <c r="J14399" s="1" t="s">
        <v>54652</v>
      </c>
    </row>
    <row r="14400" spans="1:10" x14ac:dyDescent="0.35">
      <c r="A14400" s="1" t="s">
        <v>54618</v>
      </c>
      <c r="B14400" s="1" t="s">
        <v>53796</v>
      </c>
      <c r="C14400" s="1" t="s">
        <v>60</v>
      </c>
      <c r="D14400" s="1" t="s">
        <v>54653</v>
      </c>
      <c r="E14400" s="1" t="s">
        <v>26478</v>
      </c>
      <c r="F14400" s="1" t="s">
        <v>54654</v>
      </c>
      <c r="G14400" s="1" t="s">
        <v>54621</v>
      </c>
      <c r="H14400" s="1" t="s">
        <v>54622</v>
      </c>
      <c r="I14400" s="1" t="s">
        <v>53800</v>
      </c>
      <c r="J14400" s="1" t="s">
        <v>54655</v>
      </c>
    </row>
    <row r="14401" spans="1:10" x14ac:dyDescent="0.35">
      <c r="A14401" s="1" t="s">
        <v>54618</v>
      </c>
      <c r="B14401" s="1" t="s">
        <v>53796</v>
      </c>
      <c r="C14401" s="1" t="s">
        <v>65</v>
      </c>
      <c r="D14401" s="1" t="s">
        <v>21382</v>
      </c>
      <c r="E14401" s="1" t="s">
        <v>54074</v>
      </c>
      <c r="F14401" s="1" t="s">
        <v>54656</v>
      </c>
      <c r="G14401" s="1" t="s">
        <v>54621</v>
      </c>
      <c r="H14401" s="1" t="s">
        <v>54622</v>
      </c>
      <c r="I14401" s="1" t="s">
        <v>53800</v>
      </c>
      <c r="J14401" s="1" t="s">
        <v>54657</v>
      </c>
    </row>
    <row r="14402" spans="1:10" x14ac:dyDescent="0.35">
      <c r="A14402" s="1" t="s">
        <v>54618</v>
      </c>
      <c r="B14402" s="1" t="s">
        <v>53796</v>
      </c>
      <c r="C14402" s="1" t="s">
        <v>70</v>
      </c>
      <c r="D14402" s="1" t="s">
        <v>54658</v>
      </c>
      <c r="E14402" s="1" t="s">
        <v>54659</v>
      </c>
      <c r="F14402" s="1" t="s">
        <v>54660</v>
      </c>
      <c r="G14402" s="1" t="s">
        <v>54621</v>
      </c>
      <c r="H14402" s="1" t="s">
        <v>54622</v>
      </c>
      <c r="I14402" s="1" t="s">
        <v>53800</v>
      </c>
      <c r="J14402" s="1" t="s">
        <v>54661</v>
      </c>
    </row>
    <row r="14403" spans="1:10" x14ac:dyDescent="0.35">
      <c r="A14403" s="1" t="s">
        <v>54618</v>
      </c>
      <c r="B14403" s="1" t="s">
        <v>53796</v>
      </c>
      <c r="C14403" s="1" t="s">
        <v>75</v>
      </c>
      <c r="D14403" s="1" t="s">
        <v>54662</v>
      </c>
      <c r="E14403" s="1" t="s">
        <v>15349</v>
      </c>
      <c r="F14403" s="1" t="s">
        <v>54663</v>
      </c>
      <c r="G14403" s="1" t="s">
        <v>54621</v>
      </c>
      <c r="H14403" s="1" t="s">
        <v>54622</v>
      </c>
      <c r="I14403" s="1" t="s">
        <v>53800</v>
      </c>
      <c r="J14403" s="1" t="s">
        <v>54664</v>
      </c>
    </row>
    <row r="14404" spans="1:10" x14ac:dyDescent="0.35">
      <c r="A14404" s="1" t="s">
        <v>54618</v>
      </c>
      <c r="B14404" s="1" t="s">
        <v>53796</v>
      </c>
      <c r="C14404" s="1" t="s">
        <v>80</v>
      </c>
      <c r="D14404" s="1" t="s">
        <v>54665</v>
      </c>
      <c r="E14404" s="1" t="s">
        <v>31394</v>
      </c>
      <c r="F14404" s="1" t="s">
        <v>54666</v>
      </c>
      <c r="G14404" s="1" t="s">
        <v>54621</v>
      </c>
      <c r="H14404" s="1" t="s">
        <v>54622</v>
      </c>
      <c r="I14404" s="1" t="s">
        <v>53800</v>
      </c>
      <c r="J14404" s="1" t="s">
        <v>54667</v>
      </c>
    </row>
    <row r="14405" spans="1:10" x14ac:dyDescent="0.35">
      <c r="A14405" s="1" t="s">
        <v>54618</v>
      </c>
      <c r="B14405" s="1" t="s">
        <v>53796</v>
      </c>
      <c r="C14405" s="1" t="s">
        <v>85</v>
      </c>
      <c r="D14405" s="1" t="s">
        <v>54668</v>
      </c>
      <c r="E14405" s="1" t="s">
        <v>23439</v>
      </c>
      <c r="F14405" s="1" t="s">
        <v>54669</v>
      </c>
      <c r="G14405" s="1" t="s">
        <v>54621</v>
      </c>
      <c r="H14405" s="1" t="s">
        <v>54622</v>
      </c>
      <c r="I14405" s="1" t="s">
        <v>53800</v>
      </c>
      <c r="J14405" s="1" t="s">
        <v>54670</v>
      </c>
    </row>
    <row r="14406" spans="1:10" x14ac:dyDescent="0.35">
      <c r="A14406" s="1" t="s">
        <v>54618</v>
      </c>
      <c r="B14406" s="1" t="s">
        <v>53796</v>
      </c>
      <c r="C14406" s="1" t="s">
        <v>90</v>
      </c>
      <c r="D14406" s="1" t="s">
        <v>54671</v>
      </c>
      <c r="E14406" s="1" t="s">
        <v>27126</v>
      </c>
      <c r="F14406" s="1" t="s">
        <v>54672</v>
      </c>
      <c r="G14406" s="1" t="s">
        <v>54621</v>
      </c>
      <c r="H14406" s="1" t="s">
        <v>54622</v>
      </c>
      <c r="I14406" s="1" t="s">
        <v>53800</v>
      </c>
      <c r="J14406" s="1" t="s">
        <v>54673</v>
      </c>
    </row>
    <row r="14407" spans="1:10" x14ac:dyDescent="0.35">
      <c r="A14407" s="1" t="s">
        <v>54618</v>
      </c>
      <c r="B14407" s="1" t="s">
        <v>53796</v>
      </c>
      <c r="C14407" s="1" t="s">
        <v>95</v>
      </c>
      <c r="D14407" s="1" t="s">
        <v>39802</v>
      </c>
      <c r="E14407" s="1" t="s">
        <v>31452</v>
      </c>
      <c r="F14407" s="1" t="s">
        <v>54674</v>
      </c>
      <c r="G14407" s="1" t="s">
        <v>54621</v>
      </c>
      <c r="H14407" s="1" t="s">
        <v>54622</v>
      </c>
      <c r="I14407" s="1" t="s">
        <v>53800</v>
      </c>
      <c r="J14407" s="1" t="s">
        <v>54675</v>
      </c>
    </row>
    <row r="14408" spans="1:10" x14ac:dyDescent="0.35">
      <c r="A14408" s="1" t="s">
        <v>54618</v>
      </c>
      <c r="B14408" s="1" t="s">
        <v>53796</v>
      </c>
      <c r="C14408" s="1" t="s">
        <v>100</v>
      </c>
      <c r="D14408" s="1" t="s">
        <v>54676</v>
      </c>
      <c r="E14408" s="1" t="s">
        <v>54677</v>
      </c>
      <c r="F14408" s="1" t="s">
        <v>54678</v>
      </c>
      <c r="G14408" s="1" t="s">
        <v>54621</v>
      </c>
      <c r="H14408" s="1" t="s">
        <v>54622</v>
      </c>
      <c r="I14408" s="1" t="s">
        <v>53800</v>
      </c>
      <c r="J14408" s="1" t="s">
        <v>54679</v>
      </c>
    </row>
    <row r="14409" spans="1:10" x14ac:dyDescent="0.35">
      <c r="A14409" s="1" t="s">
        <v>54618</v>
      </c>
      <c r="B14409" s="1" t="s">
        <v>53796</v>
      </c>
      <c r="C14409" s="1" t="s">
        <v>105</v>
      </c>
      <c r="D14409" s="1" t="s">
        <v>54680</v>
      </c>
      <c r="E14409" s="1" t="s">
        <v>54467</v>
      </c>
      <c r="F14409" s="1" t="s">
        <v>54681</v>
      </c>
      <c r="G14409" s="1" t="s">
        <v>54621</v>
      </c>
      <c r="H14409" s="1" t="s">
        <v>54622</v>
      </c>
      <c r="I14409" s="1" t="s">
        <v>53800</v>
      </c>
      <c r="J14409" s="1" t="s">
        <v>54682</v>
      </c>
    </row>
    <row r="14410" spans="1:10" x14ac:dyDescent="0.35">
      <c r="A14410" s="1" t="s">
        <v>54618</v>
      </c>
      <c r="B14410" s="1" t="s">
        <v>53796</v>
      </c>
      <c r="C14410" s="1" t="s">
        <v>110</v>
      </c>
      <c r="D14410" s="1" t="s">
        <v>54683</v>
      </c>
      <c r="E14410" s="1" t="s">
        <v>41468</v>
      </c>
      <c r="F14410" s="1" t="s">
        <v>54684</v>
      </c>
      <c r="G14410" s="1" t="s">
        <v>54621</v>
      </c>
      <c r="H14410" s="1" t="s">
        <v>54622</v>
      </c>
      <c r="I14410" s="1" t="s">
        <v>53800</v>
      </c>
      <c r="J14410" s="1" t="s">
        <v>54685</v>
      </c>
    </row>
    <row r="14411" spans="1:10" x14ac:dyDescent="0.35">
      <c r="A14411" s="1" t="s">
        <v>54618</v>
      </c>
      <c r="B14411" s="1" t="s">
        <v>53796</v>
      </c>
      <c r="C14411" s="1" t="s">
        <v>115</v>
      </c>
      <c r="D14411" s="1" t="s">
        <v>54686</v>
      </c>
      <c r="E14411" s="1" t="s">
        <v>26576</v>
      </c>
      <c r="F14411" s="1" t="s">
        <v>54687</v>
      </c>
      <c r="G14411" s="1" t="s">
        <v>54621</v>
      </c>
      <c r="H14411" s="1" t="s">
        <v>54622</v>
      </c>
      <c r="I14411" s="1" t="s">
        <v>53800</v>
      </c>
      <c r="J14411" s="1" t="s">
        <v>54688</v>
      </c>
    </row>
    <row r="14412" spans="1:10" x14ac:dyDescent="0.35">
      <c r="A14412" s="1" t="s">
        <v>54618</v>
      </c>
      <c r="B14412" s="1" t="s">
        <v>53796</v>
      </c>
      <c r="C14412" s="1" t="s">
        <v>120</v>
      </c>
      <c r="D14412" s="1" t="s">
        <v>54689</v>
      </c>
      <c r="E14412" s="1" t="s">
        <v>54690</v>
      </c>
      <c r="F14412" s="1" t="s">
        <v>54691</v>
      </c>
      <c r="G14412" s="1" t="s">
        <v>54621</v>
      </c>
      <c r="H14412" s="1" t="s">
        <v>54622</v>
      </c>
      <c r="I14412" s="1" t="s">
        <v>53800</v>
      </c>
      <c r="J14412" s="1" t="s">
        <v>54692</v>
      </c>
    </row>
    <row r="14413" spans="1:10" x14ac:dyDescent="0.35">
      <c r="A14413" s="1" t="s">
        <v>54618</v>
      </c>
      <c r="B14413" s="1" t="s">
        <v>53796</v>
      </c>
      <c r="C14413" s="1" t="s">
        <v>125</v>
      </c>
      <c r="D14413" s="1" t="s">
        <v>54693</v>
      </c>
      <c r="E14413" s="1" t="s">
        <v>12805</v>
      </c>
      <c r="F14413" s="1" t="s">
        <v>54694</v>
      </c>
      <c r="G14413" s="1" t="s">
        <v>54621</v>
      </c>
      <c r="H14413" s="1" t="s">
        <v>54622</v>
      </c>
      <c r="I14413" s="1" t="s">
        <v>53800</v>
      </c>
      <c r="J14413" s="1" t="s">
        <v>54695</v>
      </c>
    </row>
    <row r="14414" spans="1:10" x14ac:dyDescent="0.35">
      <c r="A14414" s="1" t="s">
        <v>54618</v>
      </c>
      <c r="B14414" s="1" t="s">
        <v>53796</v>
      </c>
      <c r="C14414" s="1" t="s">
        <v>130</v>
      </c>
      <c r="D14414" s="1" t="s">
        <v>54696</v>
      </c>
      <c r="E14414" s="1" t="s">
        <v>54697</v>
      </c>
      <c r="F14414" s="1" t="s">
        <v>54698</v>
      </c>
      <c r="G14414" s="1" t="s">
        <v>54621</v>
      </c>
      <c r="H14414" s="1" t="s">
        <v>54622</v>
      </c>
      <c r="I14414" s="1" t="s">
        <v>53800</v>
      </c>
      <c r="J14414" s="1" t="s">
        <v>54699</v>
      </c>
    </row>
    <row r="14415" spans="1:10" x14ac:dyDescent="0.35">
      <c r="A14415" s="1" t="s">
        <v>54618</v>
      </c>
      <c r="B14415" s="1" t="s">
        <v>53796</v>
      </c>
      <c r="C14415" s="1" t="s">
        <v>135</v>
      </c>
      <c r="D14415" s="1" t="s">
        <v>39884</v>
      </c>
      <c r="E14415" s="1" t="s">
        <v>15278</v>
      </c>
      <c r="F14415" s="1" t="s">
        <v>54700</v>
      </c>
      <c r="G14415" s="1" t="s">
        <v>54621</v>
      </c>
      <c r="H14415" s="1" t="s">
        <v>54622</v>
      </c>
      <c r="I14415" s="1" t="s">
        <v>53800</v>
      </c>
      <c r="J14415" s="1" t="s">
        <v>54701</v>
      </c>
    </row>
    <row r="14416" spans="1:10" x14ac:dyDescent="0.35">
      <c r="A14416" s="1" t="s">
        <v>54618</v>
      </c>
      <c r="B14416" s="1" t="s">
        <v>53796</v>
      </c>
      <c r="C14416" s="1" t="s">
        <v>140</v>
      </c>
      <c r="D14416" s="1" t="s">
        <v>54702</v>
      </c>
      <c r="E14416" s="1" t="s">
        <v>15200</v>
      </c>
      <c r="F14416" s="1" t="s">
        <v>54703</v>
      </c>
      <c r="G14416" s="1" t="s">
        <v>54621</v>
      </c>
      <c r="H14416" s="1" t="s">
        <v>54622</v>
      </c>
      <c r="I14416" s="1" t="s">
        <v>53800</v>
      </c>
      <c r="J14416" s="1" t="s">
        <v>54704</v>
      </c>
    </row>
    <row r="14417" spans="1:10" x14ac:dyDescent="0.35">
      <c r="A14417" s="1" t="s">
        <v>54618</v>
      </c>
      <c r="B14417" s="1" t="s">
        <v>53796</v>
      </c>
      <c r="C14417" s="1" t="s">
        <v>145</v>
      </c>
      <c r="D14417" s="1" t="s">
        <v>39436</v>
      </c>
      <c r="E14417" s="1" t="s">
        <v>22298</v>
      </c>
      <c r="F14417" s="1" t="s">
        <v>54705</v>
      </c>
      <c r="G14417" s="1" t="s">
        <v>54621</v>
      </c>
      <c r="H14417" s="1" t="s">
        <v>54622</v>
      </c>
      <c r="I14417" s="1" t="s">
        <v>53800</v>
      </c>
      <c r="J14417" s="1" t="s">
        <v>54706</v>
      </c>
    </row>
    <row r="14418" spans="1:10" x14ac:dyDescent="0.35">
      <c r="A14418" s="1" t="s">
        <v>54618</v>
      </c>
      <c r="B14418" s="1" t="s">
        <v>53796</v>
      </c>
      <c r="C14418" s="1" t="s">
        <v>150</v>
      </c>
      <c r="D14418" s="1" t="s">
        <v>54707</v>
      </c>
      <c r="E14418" s="1" t="s">
        <v>15837</v>
      </c>
      <c r="F14418" s="1" t="s">
        <v>54708</v>
      </c>
      <c r="G14418" s="1" t="s">
        <v>54621</v>
      </c>
      <c r="H14418" s="1" t="s">
        <v>54622</v>
      </c>
      <c r="I14418" s="1" t="s">
        <v>53800</v>
      </c>
      <c r="J14418" s="1" t="s">
        <v>54709</v>
      </c>
    </row>
    <row r="14419" spans="1:10" x14ac:dyDescent="0.35">
      <c r="A14419" s="1" t="s">
        <v>54618</v>
      </c>
      <c r="B14419" s="1" t="s">
        <v>53796</v>
      </c>
      <c r="C14419" s="1" t="s">
        <v>155</v>
      </c>
      <c r="D14419" s="1" t="s">
        <v>54710</v>
      </c>
      <c r="E14419" s="1" t="s">
        <v>32107</v>
      </c>
      <c r="F14419" s="1" t="s">
        <v>54711</v>
      </c>
      <c r="G14419" s="1" t="s">
        <v>54621</v>
      </c>
      <c r="H14419" s="1" t="s">
        <v>54622</v>
      </c>
      <c r="I14419" s="1" t="s">
        <v>53800</v>
      </c>
      <c r="J14419" s="1" t="s">
        <v>54712</v>
      </c>
    </row>
    <row r="14420" spans="1:10" x14ac:dyDescent="0.35">
      <c r="A14420" s="1" t="s">
        <v>54618</v>
      </c>
      <c r="B14420" s="1" t="s">
        <v>53796</v>
      </c>
      <c r="C14420" s="1" t="s">
        <v>160</v>
      </c>
      <c r="D14420" s="1" t="s">
        <v>54713</v>
      </c>
      <c r="E14420" s="1" t="s">
        <v>54714</v>
      </c>
      <c r="F14420" s="1" t="s">
        <v>54191</v>
      </c>
      <c r="G14420" s="1" t="s">
        <v>54621</v>
      </c>
      <c r="H14420" s="1" t="s">
        <v>54622</v>
      </c>
      <c r="I14420" s="1" t="s">
        <v>53800</v>
      </c>
      <c r="J14420" s="1" t="s">
        <v>54715</v>
      </c>
    </row>
    <row r="14421" spans="1:10" x14ac:dyDescent="0.35">
      <c r="A14421" s="1" t="s">
        <v>54618</v>
      </c>
      <c r="B14421" s="1" t="s">
        <v>53796</v>
      </c>
      <c r="C14421" s="1" t="s">
        <v>165</v>
      </c>
      <c r="D14421" s="1" t="s">
        <v>54716</v>
      </c>
      <c r="E14421" s="1" t="s">
        <v>15328</v>
      </c>
      <c r="F14421" s="1" t="s">
        <v>54717</v>
      </c>
      <c r="G14421" s="1" t="s">
        <v>54621</v>
      </c>
      <c r="H14421" s="1" t="s">
        <v>54622</v>
      </c>
      <c r="I14421" s="1" t="s">
        <v>53800</v>
      </c>
      <c r="J14421" s="1" t="s">
        <v>54718</v>
      </c>
    </row>
    <row r="14422" spans="1:10" x14ac:dyDescent="0.35">
      <c r="A14422" s="1" t="s">
        <v>54618</v>
      </c>
      <c r="B14422" s="1" t="s">
        <v>53796</v>
      </c>
      <c r="C14422" s="1" t="s">
        <v>170</v>
      </c>
      <c r="D14422" s="1" t="s">
        <v>54719</v>
      </c>
      <c r="E14422" s="1" t="s">
        <v>54720</v>
      </c>
      <c r="F14422" s="1" t="s">
        <v>54721</v>
      </c>
      <c r="G14422" s="1" t="s">
        <v>54621</v>
      </c>
      <c r="H14422" s="1" t="s">
        <v>54622</v>
      </c>
      <c r="I14422" s="1" t="s">
        <v>53800</v>
      </c>
      <c r="J14422" s="1" t="s">
        <v>54722</v>
      </c>
    </row>
    <row r="14423" spans="1:10" x14ac:dyDescent="0.35">
      <c r="A14423" s="1" t="s">
        <v>54723</v>
      </c>
      <c r="B14423" s="1" t="s">
        <v>53796</v>
      </c>
      <c r="C14423" s="1" t="s">
        <v>8</v>
      </c>
      <c r="D14423" s="1" t="s">
        <v>54724</v>
      </c>
      <c r="E14423" s="1" t="s">
        <v>23236</v>
      </c>
      <c r="F14423" s="1" t="s">
        <v>54725</v>
      </c>
      <c r="G14423" s="1" t="s">
        <v>54726</v>
      </c>
      <c r="H14423" s="1" t="s">
        <v>54727</v>
      </c>
      <c r="I14423" s="1" t="s">
        <v>53800</v>
      </c>
      <c r="J14423" s="1" t="s">
        <v>13</v>
      </c>
    </row>
    <row r="14424" spans="1:10" x14ac:dyDescent="0.35">
      <c r="A14424" s="1" t="s">
        <v>54723</v>
      </c>
      <c r="B14424" s="1" t="s">
        <v>53796</v>
      </c>
      <c r="C14424" s="1" t="s">
        <v>15</v>
      </c>
      <c r="D14424" s="1" t="s">
        <v>54728</v>
      </c>
      <c r="E14424" s="1" t="s">
        <v>54729</v>
      </c>
      <c r="F14424" s="1" t="s">
        <v>54730</v>
      </c>
      <c r="G14424" s="1" t="s">
        <v>54726</v>
      </c>
      <c r="H14424" s="1" t="s">
        <v>54727</v>
      </c>
      <c r="I14424" s="1" t="s">
        <v>53800</v>
      </c>
      <c r="J14424" s="1" t="s">
        <v>54731</v>
      </c>
    </row>
    <row r="14425" spans="1:10" x14ac:dyDescent="0.35">
      <c r="A14425" s="1" t="s">
        <v>54723</v>
      </c>
      <c r="B14425" s="1" t="s">
        <v>53796</v>
      </c>
      <c r="C14425" s="1" t="s">
        <v>20</v>
      </c>
      <c r="D14425" s="1" t="s">
        <v>42290</v>
      </c>
      <c r="E14425" s="1" t="s">
        <v>12825</v>
      </c>
      <c r="F14425" s="1" t="s">
        <v>54732</v>
      </c>
      <c r="G14425" s="1" t="s">
        <v>54726</v>
      </c>
      <c r="H14425" s="1" t="s">
        <v>54727</v>
      </c>
      <c r="I14425" s="1" t="s">
        <v>53800</v>
      </c>
      <c r="J14425" s="1" t="s">
        <v>54733</v>
      </c>
    </row>
    <row r="14426" spans="1:10" x14ac:dyDescent="0.35">
      <c r="A14426" s="1" t="s">
        <v>54723</v>
      </c>
      <c r="B14426" s="1" t="s">
        <v>53796</v>
      </c>
      <c r="C14426" s="1" t="s">
        <v>25</v>
      </c>
      <c r="D14426" s="1" t="s">
        <v>54734</v>
      </c>
      <c r="E14426" s="1" t="s">
        <v>54413</v>
      </c>
      <c r="F14426" s="1" t="s">
        <v>54735</v>
      </c>
      <c r="G14426" s="1" t="s">
        <v>54726</v>
      </c>
      <c r="H14426" s="1" t="s">
        <v>54727</v>
      </c>
      <c r="I14426" s="1" t="s">
        <v>53800</v>
      </c>
      <c r="J14426" s="1" t="s">
        <v>54736</v>
      </c>
    </row>
    <row r="14427" spans="1:10" x14ac:dyDescent="0.35">
      <c r="A14427" s="1" t="s">
        <v>54723</v>
      </c>
      <c r="B14427" s="1" t="s">
        <v>53796</v>
      </c>
      <c r="C14427" s="1" t="s">
        <v>30</v>
      </c>
      <c r="D14427" s="1" t="s">
        <v>54737</v>
      </c>
      <c r="E14427" s="1" t="s">
        <v>53928</v>
      </c>
      <c r="F14427" s="1" t="s">
        <v>54738</v>
      </c>
      <c r="G14427" s="1" t="s">
        <v>54726</v>
      </c>
      <c r="H14427" s="1" t="s">
        <v>54727</v>
      </c>
      <c r="I14427" s="1" t="s">
        <v>53800</v>
      </c>
      <c r="J14427" s="1" t="s">
        <v>54739</v>
      </c>
    </row>
    <row r="14428" spans="1:10" x14ac:dyDescent="0.35">
      <c r="A14428" s="1" t="s">
        <v>54723</v>
      </c>
      <c r="B14428" s="1" t="s">
        <v>53796</v>
      </c>
      <c r="C14428" s="1" t="s">
        <v>35</v>
      </c>
      <c r="D14428" s="1" t="s">
        <v>54740</v>
      </c>
      <c r="E14428" s="1" t="s">
        <v>21937</v>
      </c>
      <c r="F14428" s="1" t="s">
        <v>54669</v>
      </c>
      <c r="G14428" s="1" t="s">
        <v>54726</v>
      </c>
      <c r="H14428" s="1" t="s">
        <v>54727</v>
      </c>
      <c r="I14428" s="1" t="s">
        <v>53800</v>
      </c>
      <c r="J14428" s="1" t="s">
        <v>54741</v>
      </c>
    </row>
    <row r="14429" spans="1:10" x14ac:dyDescent="0.35">
      <c r="A14429" s="1" t="s">
        <v>54723</v>
      </c>
      <c r="B14429" s="1" t="s">
        <v>53796</v>
      </c>
      <c r="C14429" s="1" t="s">
        <v>40</v>
      </c>
      <c r="D14429" s="1" t="s">
        <v>54742</v>
      </c>
      <c r="E14429" s="1" t="s">
        <v>54743</v>
      </c>
      <c r="F14429" s="1" t="s">
        <v>54744</v>
      </c>
      <c r="G14429" s="1" t="s">
        <v>54726</v>
      </c>
      <c r="H14429" s="1" t="s">
        <v>54727</v>
      </c>
      <c r="I14429" s="1" t="s">
        <v>53800</v>
      </c>
      <c r="J14429" s="1" t="s">
        <v>54745</v>
      </c>
    </row>
    <row r="14430" spans="1:10" x14ac:dyDescent="0.35">
      <c r="A14430" s="1" t="s">
        <v>54723</v>
      </c>
      <c r="B14430" s="1" t="s">
        <v>53796</v>
      </c>
      <c r="C14430" s="1" t="s">
        <v>45</v>
      </c>
      <c r="D14430" s="1" t="s">
        <v>54746</v>
      </c>
      <c r="E14430" s="1" t="s">
        <v>54747</v>
      </c>
      <c r="F14430" s="1" t="s">
        <v>54748</v>
      </c>
      <c r="G14430" s="1" t="s">
        <v>54726</v>
      </c>
      <c r="H14430" s="1" t="s">
        <v>54727</v>
      </c>
      <c r="I14430" s="1" t="s">
        <v>53800</v>
      </c>
      <c r="J14430" s="1" t="s">
        <v>54749</v>
      </c>
    </row>
    <row r="14431" spans="1:10" x14ac:dyDescent="0.35">
      <c r="A14431" s="1" t="s">
        <v>54723</v>
      </c>
      <c r="B14431" s="1" t="s">
        <v>53796</v>
      </c>
      <c r="C14431" s="1" t="s">
        <v>50</v>
      </c>
      <c r="D14431" s="1" t="s">
        <v>54750</v>
      </c>
      <c r="E14431" s="1" t="s">
        <v>54751</v>
      </c>
      <c r="F14431" s="1" t="s">
        <v>54752</v>
      </c>
      <c r="G14431" s="1" t="s">
        <v>54726</v>
      </c>
      <c r="H14431" s="1" t="s">
        <v>54727</v>
      </c>
      <c r="I14431" s="1" t="s">
        <v>53800</v>
      </c>
      <c r="J14431" s="1" t="s">
        <v>54753</v>
      </c>
    </row>
    <row r="14432" spans="1:10" x14ac:dyDescent="0.35">
      <c r="A14432" s="1" t="s">
        <v>54723</v>
      </c>
      <c r="B14432" s="1" t="s">
        <v>53796</v>
      </c>
      <c r="C14432" s="1" t="s">
        <v>55</v>
      </c>
      <c r="D14432" s="1" t="s">
        <v>54754</v>
      </c>
      <c r="E14432" s="1" t="s">
        <v>41344</v>
      </c>
      <c r="F14432" s="1" t="s">
        <v>54755</v>
      </c>
      <c r="G14432" s="1" t="s">
        <v>54726</v>
      </c>
      <c r="H14432" s="1" t="s">
        <v>54727</v>
      </c>
      <c r="I14432" s="1" t="s">
        <v>53800</v>
      </c>
      <c r="J14432" s="1" t="s">
        <v>54756</v>
      </c>
    </row>
    <row r="14433" spans="1:10" x14ac:dyDescent="0.35">
      <c r="A14433" s="1" t="s">
        <v>54723</v>
      </c>
      <c r="B14433" s="1" t="s">
        <v>53796</v>
      </c>
      <c r="C14433" s="1" t="s">
        <v>60</v>
      </c>
      <c r="D14433" s="1" t="s">
        <v>54757</v>
      </c>
      <c r="E14433" s="1" t="s">
        <v>23421</v>
      </c>
      <c r="F14433" s="1" t="s">
        <v>54758</v>
      </c>
      <c r="G14433" s="1" t="s">
        <v>54726</v>
      </c>
      <c r="H14433" s="1" t="s">
        <v>54727</v>
      </c>
      <c r="I14433" s="1" t="s">
        <v>53800</v>
      </c>
      <c r="J14433" s="1" t="s">
        <v>54759</v>
      </c>
    </row>
    <row r="14434" spans="1:10" x14ac:dyDescent="0.35">
      <c r="A14434" s="1" t="s">
        <v>54723</v>
      </c>
      <c r="B14434" s="1" t="s">
        <v>53796</v>
      </c>
      <c r="C14434" s="1" t="s">
        <v>65</v>
      </c>
      <c r="D14434" s="1" t="s">
        <v>54760</v>
      </c>
      <c r="E14434" s="1" t="s">
        <v>12857</v>
      </c>
      <c r="F14434" s="1" t="s">
        <v>54761</v>
      </c>
      <c r="G14434" s="1" t="s">
        <v>54726</v>
      </c>
      <c r="H14434" s="1" t="s">
        <v>54727</v>
      </c>
      <c r="I14434" s="1" t="s">
        <v>53800</v>
      </c>
      <c r="J14434" s="1" t="s">
        <v>54762</v>
      </c>
    </row>
    <row r="14435" spans="1:10" x14ac:dyDescent="0.35">
      <c r="A14435" s="1" t="s">
        <v>54723</v>
      </c>
      <c r="B14435" s="1" t="s">
        <v>53796</v>
      </c>
      <c r="C14435" s="1" t="s">
        <v>70</v>
      </c>
      <c r="D14435" s="1" t="s">
        <v>54763</v>
      </c>
      <c r="E14435" s="1" t="s">
        <v>54764</v>
      </c>
      <c r="F14435" s="1" t="s">
        <v>54765</v>
      </c>
      <c r="G14435" s="1" t="s">
        <v>54726</v>
      </c>
      <c r="H14435" s="1" t="s">
        <v>54727</v>
      </c>
      <c r="I14435" s="1" t="s">
        <v>53800</v>
      </c>
      <c r="J14435" s="1" t="s">
        <v>54766</v>
      </c>
    </row>
    <row r="14436" spans="1:10" x14ac:dyDescent="0.35">
      <c r="A14436" s="1" t="s">
        <v>54723</v>
      </c>
      <c r="B14436" s="1" t="s">
        <v>53796</v>
      </c>
      <c r="C14436" s="1" t="s">
        <v>75</v>
      </c>
      <c r="D14436" s="1" t="s">
        <v>54767</v>
      </c>
      <c r="E14436" s="1" t="s">
        <v>54768</v>
      </c>
      <c r="F14436" s="1" t="s">
        <v>54769</v>
      </c>
      <c r="G14436" s="1" t="s">
        <v>54726</v>
      </c>
      <c r="H14436" s="1" t="s">
        <v>54727</v>
      </c>
      <c r="I14436" s="1" t="s">
        <v>53800</v>
      </c>
      <c r="J14436" s="1" t="s">
        <v>54770</v>
      </c>
    </row>
    <row r="14437" spans="1:10" x14ac:dyDescent="0.35">
      <c r="A14437" s="1" t="s">
        <v>54723</v>
      </c>
      <c r="B14437" s="1" t="s">
        <v>53796</v>
      </c>
      <c r="C14437" s="1" t="s">
        <v>80</v>
      </c>
      <c r="D14437" s="1" t="s">
        <v>11266</v>
      </c>
      <c r="E14437" s="1" t="s">
        <v>15853</v>
      </c>
      <c r="F14437" s="1" t="s">
        <v>54771</v>
      </c>
      <c r="G14437" s="1" t="s">
        <v>54726</v>
      </c>
      <c r="H14437" s="1" t="s">
        <v>54727</v>
      </c>
      <c r="I14437" s="1" t="s">
        <v>53800</v>
      </c>
      <c r="J14437" s="1" t="s">
        <v>54772</v>
      </c>
    </row>
    <row r="14438" spans="1:10" x14ac:dyDescent="0.35">
      <c r="A14438" s="1" t="s">
        <v>54723</v>
      </c>
      <c r="B14438" s="1" t="s">
        <v>53796</v>
      </c>
      <c r="C14438" s="1" t="s">
        <v>85</v>
      </c>
      <c r="D14438" s="1" t="s">
        <v>54773</v>
      </c>
      <c r="E14438" s="1" t="s">
        <v>54413</v>
      </c>
      <c r="F14438" s="1" t="s">
        <v>54774</v>
      </c>
      <c r="G14438" s="1" t="s">
        <v>54726</v>
      </c>
      <c r="H14438" s="1" t="s">
        <v>54727</v>
      </c>
      <c r="I14438" s="1" t="s">
        <v>53800</v>
      </c>
      <c r="J14438" s="1" t="s">
        <v>54775</v>
      </c>
    </row>
    <row r="14439" spans="1:10" x14ac:dyDescent="0.35">
      <c r="A14439" s="1" t="s">
        <v>54723</v>
      </c>
      <c r="B14439" s="1" t="s">
        <v>53796</v>
      </c>
      <c r="C14439" s="1" t="s">
        <v>90</v>
      </c>
      <c r="D14439" s="1" t="s">
        <v>54776</v>
      </c>
      <c r="E14439" s="1" t="s">
        <v>15417</v>
      </c>
      <c r="F14439" s="1" t="s">
        <v>54777</v>
      </c>
      <c r="G14439" s="1" t="s">
        <v>54726</v>
      </c>
      <c r="H14439" s="1" t="s">
        <v>54727</v>
      </c>
      <c r="I14439" s="1" t="s">
        <v>53800</v>
      </c>
      <c r="J14439" s="1" t="s">
        <v>54778</v>
      </c>
    </row>
    <row r="14440" spans="1:10" x14ac:dyDescent="0.35">
      <c r="A14440" s="1" t="s">
        <v>54723</v>
      </c>
      <c r="B14440" s="1" t="s">
        <v>53796</v>
      </c>
      <c r="C14440" s="1" t="s">
        <v>95</v>
      </c>
      <c r="D14440" s="1" t="s">
        <v>54779</v>
      </c>
      <c r="E14440" s="1" t="s">
        <v>23476</v>
      </c>
      <c r="F14440" s="1" t="s">
        <v>54780</v>
      </c>
      <c r="G14440" s="1" t="s">
        <v>54726</v>
      </c>
      <c r="H14440" s="1" t="s">
        <v>54727</v>
      </c>
      <c r="I14440" s="1" t="s">
        <v>53800</v>
      </c>
      <c r="J14440" s="1" t="s">
        <v>54781</v>
      </c>
    </row>
    <row r="14441" spans="1:10" x14ac:dyDescent="0.35">
      <c r="A14441" s="1" t="s">
        <v>54723</v>
      </c>
      <c r="B14441" s="1" t="s">
        <v>53796</v>
      </c>
      <c r="C14441" s="1" t="s">
        <v>100</v>
      </c>
      <c r="D14441" s="1" t="s">
        <v>54782</v>
      </c>
      <c r="E14441" s="1" t="s">
        <v>54783</v>
      </c>
      <c r="F14441" s="1" t="s">
        <v>54784</v>
      </c>
      <c r="G14441" s="1" t="s">
        <v>54726</v>
      </c>
      <c r="H14441" s="1" t="s">
        <v>54727</v>
      </c>
      <c r="I14441" s="1" t="s">
        <v>53800</v>
      </c>
      <c r="J14441" s="1" t="s">
        <v>54785</v>
      </c>
    </row>
    <row r="14442" spans="1:10" x14ac:dyDescent="0.35">
      <c r="A14442" s="1" t="s">
        <v>54723</v>
      </c>
      <c r="B14442" s="1" t="s">
        <v>53796</v>
      </c>
      <c r="C14442" s="1" t="s">
        <v>105</v>
      </c>
      <c r="D14442" s="1" t="s">
        <v>54786</v>
      </c>
      <c r="E14442" s="1" t="s">
        <v>23480</v>
      </c>
      <c r="F14442" s="1" t="s">
        <v>54787</v>
      </c>
      <c r="G14442" s="1" t="s">
        <v>54726</v>
      </c>
      <c r="H14442" s="1" t="s">
        <v>54727</v>
      </c>
      <c r="I14442" s="1" t="s">
        <v>53800</v>
      </c>
      <c r="J14442" s="1" t="s">
        <v>54788</v>
      </c>
    </row>
    <row r="14443" spans="1:10" x14ac:dyDescent="0.35">
      <c r="A14443" s="1" t="s">
        <v>54723</v>
      </c>
      <c r="B14443" s="1" t="s">
        <v>53796</v>
      </c>
      <c r="C14443" s="1" t="s">
        <v>110</v>
      </c>
      <c r="D14443" s="1" t="s">
        <v>54789</v>
      </c>
      <c r="E14443" s="1" t="s">
        <v>54790</v>
      </c>
      <c r="F14443" s="1" t="s">
        <v>54791</v>
      </c>
      <c r="G14443" s="1" t="s">
        <v>54726</v>
      </c>
      <c r="H14443" s="1" t="s">
        <v>54727</v>
      </c>
      <c r="I14443" s="1" t="s">
        <v>53800</v>
      </c>
      <c r="J14443" s="1" t="s">
        <v>54792</v>
      </c>
    </row>
    <row r="14444" spans="1:10" x14ac:dyDescent="0.35">
      <c r="A14444" s="1" t="s">
        <v>54723</v>
      </c>
      <c r="B14444" s="1" t="s">
        <v>53796</v>
      </c>
      <c r="C14444" s="1" t="s">
        <v>115</v>
      </c>
      <c r="D14444" s="1" t="s">
        <v>22246</v>
      </c>
      <c r="E14444" s="1" t="s">
        <v>23521</v>
      </c>
      <c r="F14444" s="1" t="s">
        <v>54793</v>
      </c>
      <c r="G14444" s="1" t="s">
        <v>54726</v>
      </c>
      <c r="H14444" s="1" t="s">
        <v>54727</v>
      </c>
      <c r="I14444" s="1" t="s">
        <v>53800</v>
      </c>
      <c r="J14444" s="1" t="s">
        <v>54794</v>
      </c>
    </row>
    <row r="14445" spans="1:10" x14ac:dyDescent="0.35">
      <c r="A14445" s="1" t="s">
        <v>54723</v>
      </c>
      <c r="B14445" s="1" t="s">
        <v>53796</v>
      </c>
      <c r="C14445" s="1" t="s">
        <v>120</v>
      </c>
      <c r="D14445" s="1" t="s">
        <v>54795</v>
      </c>
      <c r="E14445" s="1" t="s">
        <v>54796</v>
      </c>
      <c r="F14445" s="1" t="s">
        <v>54797</v>
      </c>
      <c r="G14445" s="1" t="s">
        <v>54726</v>
      </c>
      <c r="H14445" s="1" t="s">
        <v>54727</v>
      </c>
      <c r="I14445" s="1" t="s">
        <v>53800</v>
      </c>
      <c r="J14445" s="1" t="s">
        <v>54798</v>
      </c>
    </row>
    <row r="14446" spans="1:10" x14ac:dyDescent="0.35">
      <c r="A14446" s="1" t="s">
        <v>54723</v>
      </c>
      <c r="B14446" s="1" t="s">
        <v>53796</v>
      </c>
      <c r="C14446" s="1" t="s">
        <v>125</v>
      </c>
      <c r="D14446" s="1" t="s">
        <v>23442</v>
      </c>
      <c r="E14446" s="1" t="s">
        <v>54799</v>
      </c>
      <c r="F14446" s="1" t="s">
        <v>54800</v>
      </c>
      <c r="G14446" s="1" t="s">
        <v>54726</v>
      </c>
      <c r="H14446" s="1" t="s">
        <v>54727</v>
      </c>
      <c r="I14446" s="1" t="s">
        <v>53800</v>
      </c>
      <c r="J14446" s="1" t="s">
        <v>54801</v>
      </c>
    </row>
    <row r="14447" spans="1:10" x14ac:dyDescent="0.35">
      <c r="A14447" s="1" t="s">
        <v>54723</v>
      </c>
      <c r="B14447" s="1" t="s">
        <v>53796</v>
      </c>
      <c r="C14447" s="1" t="s">
        <v>130</v>
      </c>
      <c r="D14447" s="1" t="s">
        <v>54802</v>
      </c>
      <c r="E14447" s="1" t="s">
        <v>54803</v>
      </c>
      <c r="F14447" s="1" t="s">
        <v>54804</v>
      </c>
      <c r="G14447" s="1" t="s">
        <v>54726</v>
      </c>
      <c r="H14447" s="1" t="s">
        <v>54727</v>
      </c>
      <c r="I14447" s="1" t="s">
        <v>53800</v>
      </c>
      <c r="J14447" s="1" t="s">
        <v>54805</v>
      </c>
    </row>
    <row r="14448" spans="1:10" x14ac:dyDescent="0.35">
      <c r="A14448" s="1" t="s">
        <v>54723</v>
      </c>
      <c r="B14448" s="1" t="s">
        <v>53796</v>
      </c>
      <c r="C14448" s="1" t="s">
        <v>135</v>
      </c>
      <c r="D14448" s="1" t="s">
        <v>54806</v>
      </c>
      <c r="E14448" s="1" t="s">
        <v>16150</v>
      </c>
      <c r="F14448" s="1" t="s">
        <v>54807</v>
      </c>
      <c r="G14448" s="1" t="s">
        <v>54726</v>
      </c>
      <c r="H14448" s="1" t="s">
        <v>54727</v>
      </c>
      <c r="I14448" s="1" t="s">
        <v>53800</v>
      </c>
      <c r="J14448" s="1" t="s">
        <v>54808</v>
      </c>
    </row>
    <row r="14449" spans="1:10" x14ac:dyDescent="0.35">
      <c r="A14449" s="1" t="s">
        <v>54723</v>
      </c>
      <c r="B14449" s="1" t="s">
        <v>53796</v>
      </c>
      <c r="C14449" s="1" t="s">
        <v>140</v>
      </c>
      <c r="D14449" s="1" t="s">
        <v>54809</v>
      </c>
      <c r="E14449" s="1" t="s">
        <v>26629</v>
      </c>
      <c r="F14449" s="1" t="s">
        <v>54810</v>
      </c>
      <c r="G14449" s="1" t="s">
        <v>54726</v>
      </c>
      <c r="H14449" s="1" t="s">
        <v>54727</v>
      </c>
      <c r="I14449" s="1" t="s">
        <v>53800</v>
      </c>
      <c r="J14449" s="1" t="s">
        <v>54811</v>
      </c>
    </row>
    <row r="14450" spans="1:10" x14ac:dyDescent="0.35">
      <c r="A14450" s="1" t="s">
        <v>54723</v>
      </c>
      <c r="B14450" s="1" t="s">
        <v>53796</v>
      </c>
      <c r="C14450" s="1" t="s">
        <v>145</v>
      </c>
      <c r="D14450" s="1" t="s">
        <v>54812</v>
      </c>
      <c r="E14450" s="1" t="s">
        <v>54813</v>
      </c>
      <c r="F14450" s="1" t="s">
        <v>54814</v>
      </c>
      <c r="G14450" s="1" t="s">
        <v>54726</v>
      </c>
      <c r="H14450" s="1" t="s">
        <v>54727</v>
      </c>
      <c r="I14450" s="1" t="s">
        <v>53800</v>
      </c>
      <c r="J14450" s="1" t="s">
        <v>54815</v>
      </c>
    </row>
    <row r="14451" spans="1:10" x14ac:dyDescent="0.35">
      <c r="A14451" s="1" t="s">
        <v>54723</v>
      </c>
      <c r="B14451" s="1" t="s">
        <v>53796</v>
      </c>
      <c r="C14451" s="1" t="s">
        <v>150</v>
      </c>
      <c r="D14451" s="1" t="s">
        <v>54816</v>
      </c>
      <c r="E14451" s="1" t="s">
        <v>54817</v>
      </c>
      <c r="F14451" s="1" t="s">
        <v>54818</v>
      </c>
      <c r="G14451" s="1" t="s">
        <v>54726</v>
      </c>
      <c r="H14451" s="1" t="s">
        <v>54727</v>
      </c>
      <c r="I14451" s="1" t="s">
        <v>53800</v>
      </c>
      <c r="J14451" s="1" t="s">
        <v>54819</v>
      </c>
    </row>
    <row r="14452" spans="1:10" x14ac:dyDescent="0.35">
      <c r="A14452" s="1" t="s">
        <v>54723</v>
      </c>
      <c r="B14452" s="1" t="s">
        <v>53796</v>
      </c>
      <c r="C14452" s="1" t="s">
        <v>155</v>
      </c>
      <c r="D14452" s="1" t="s">
        <v>54820</v>
      </c>
      <c r="E14452" s="1" t="s">
        <v>15845</v>
      </c>
      <c r="F14452" s="1" t="s">
        <v>54821</v>
      </c>
      <c r="G14452" s="1" t="s">
        <v>54726</v>
      </c>
      <c r="H14452" s="1" t="s">
        <v>54727</v>
      </c>
      <c r="I14452" s="1" t="s">
        <v>53800</v>
      </c>
      <c r="J14452" s="1" t="s">
        <v>54822</v>
      </c>
    </row>
    <row r="14453" spans="1:10" x14ac:dyDescent="0.35">
      <c r="A14453" s="1" t="s">
        <v>54723</v>
      </c>
      <c r="B14453" s="1" t="s">
        <v>53796</v>
      </c>
      <c r="C14453" s="1" t="s">
        <v>160</v>
      </c>
      <c r="D14453" s="1" t="s">
        <v>54823</v>
      </c>
      <c r="E14453" s="1" t="s">
        <v>22302</v>
      </c>
      <c r="F14453" s="1" t="s">
        <v>54824</v>
      </c>
      <c r="G14453" s="1" t="s">
        <v>54726</v>
      </c>
      <c r="H14453" s="1" t="s">
        <v>54727</v>
      </c>
      <c r="I14453" s="1" t="s">
        <v>53800</v>
      </c>
      <c r="J14453" s="1" t="s">
        <v>54825</v>
      </c>
    </row>
    <row r="14454" spans="1:10" x14ac:dyDescent="0.35">
      <c r="A14454" s="1" t="s">
        <v>54723</v>
      </c>
      <c r="B14454" s="1" t="s">
        <v>53796</v>
      </c>
      <c r="C14454" s="1" t="s">
        <v>165</v>
      </c>
      <c r="D14454" s="1" t="s">
        <v>26830</v>
      </c>
      <c r="E14454" s="1" t="s">
        <v>15332</v>
      </c>
      <c r="F14454" s="1" t="s">
        <v>54826</v>
      </c>
      <c r="G14454" s="1" t="s">
        <v>54726</v>
      </c>
      <c r="H14454" s="1" t="s">
        <v>54727</v>
      </c>
      <c r="I14454" s="1" t="s">
        <v>53800</v>
      </c>
      <c r="J14454" s="1" t="s">
        <v>54827</v>
      </c>
    </row>
    <row r="14455" spans="1:10" x14ac:dyDescent="0.35">
      <c r="A14455" s="1" t="s">
        <v>54723</v>
      </c>
      <c r="B14455" s="1" t="s">
        <v>53796</v>
      </c>
      <c r="C14455" s="1" t="s">
        <v>170</v>
      </c>
      <c r="D14455" s="1" t="s">
        <v>54828</v>
      </c>
      <c r="E14455" s="1" t="s">
        <v>54829</v>
      </c>
      <c r="F14455" s="1" t="s">
        <v>54830</v>
      </c>
      <c r="G14455" s="1" t="s">
        <v>54726</v>
      </c>
      <c r="H14455" s="1" t="s">
        <v>54727</v>
      </c>
      <c r="I14455" s="1" t="s">
        <v>53800</v>
      </c>
      <c r="J14455" s="1" t="s">
        <v>54831</v>
      </c>
    </row>
    <row r="14456" spans="1:10" x14ac:dyDescent="0.35">
      <c r="A14456" s="1" t="s">
        <v>54832</v>
      </c>
      <c r="B14456" s="1" t="s">
        <v>53796</v>
      </c>
      <c r="C14456" s="1" t="s">
        <v>8</v>
      </c>
      <c r="D14456" s="1" t="s">
        <v>54833</v>
      </c>
      <c r="E14456" s="1" t="s">
        <v>54834</v>
      </c>
      <c r="F14456" s="1" t="s">
        <v>54835</v>
      </c>
      <c r="G14456" s="1" t="s">
        <v>54836</v>
      </c>
      <c r="H14456" s="1" t="s">
        <v>54837</v>
      </c>
      <c r="I14456" s="1" t="s">
        <v>53800</v>
      </c>
      <c r="J14456" s="1" t="s">
        <v>13</v>
      </c>
    </row>
    <row r="14457" spans="1:10" x14ac:dyDescent="0.35">
      <c r="A14457" s="1" t="s">
        <v>54832</v>
      </c>
      <c r="B14457" s="1" t="s">
        <v>53796</v>
      </c>
      <c r="C14457" s="1" t="s">
        <v>15</v>
      </c>
      <c r="D14457" s="1" t="s">
        <v>54838</v>
      </c>
      <c r="E14457" s="1" t="s">
        <v>54839</v>
      </c>
      <c r="F14457" s="1" t="s">
        <v>54840</v>
      </c>
      <c r="G14457" s="1" t="s">
        <v>54836</v>
      </c>
      <c r="H14457" s="1" t="s">
        <v>54837</v>
      </c>
      <c r="I14457" s="1" t="s">
        <v>53800</v>
      </c>
      <c r="J14457" s="1" t="s">
        <v>54841</v>
      </c>
    </row>
    <row r="14458" spans="1:10" x14ac:dyDescent="0.35">
      <c r="A14458" s="1" t="s">
        <v>54832</v>
      </c>
      <c r="B14458" s="1" t="s">
        <v>53796</v>
      </c>
      <c r="C14458" s="1" t="s">
        <v>20</v>
      </c>
      <c r="D14458" s="1" t="s">
        <v>54842</v>
      </c>
      <c r="E14458" s="1" t="s">
        <v>54843</v>
      </c>
      <c r="F14458" s="1" t="s">
        <v>54844</v>
      </c>
      <c r="G14458" s="1" t="s">
        <v>54836</v>
      </c>
      <c r="H14458" s="1" t="s">
        <v>54837</v>
      </c>
      <c r="I14458" s="1" t="s">
        <v>53800</v>
      </c>
      <c r="J14458" s="1" t="s">
        <v>54845</v>
      </c>
    </row>
    <row r="14459" spans="1:10" x14ac:dyDescent="0.35">
      <c r="A14459" s="1" t="s">
        <v>54832</v>
      </c>
      <c r="B14459" s="1" t="s">
        <v>53796</v>
      </c>
      <c r="C14459" s="1" t="s">
        <v>25</v>
      </c>
      <c r="D14459" s="1" t="s">
        <v>54846</v>
      </c>
      <c r="E14459" s="1" t="s">
        <v>54847</v>
      </c>
      <c r="F14459" s="1" t="s">
        <v>54848</v>
      </c>
      <c r="G14459" s="1" t="s">
        <v>54836</v>
      </c>
      <c r="H14459" s="1" t="s">
        <v>54837</v>
      </c>
      <c r="I14459" s="1" t="s">
        <v>53800</v>
      </c>
      <c r="J14459" s="1" t="s">
        <v>54849</v>
      </c>
    </row>
    <row r="14460" spans="1:10" x14ac:dyDescent="0.35">
      <c r="A14460" s="1" t="s">
        <v>54832</v>
      </c>
      <c r="B14460" s="1" t="s">
        <v>53796</v>
      </c>
      <c r="C14460" s="1" t="s">
        <v>30</v>
      </c>
      <c r="D14460" s="1" t="s">
        <v>54850</v>
      </c>
      <c r="E14460" s="1" t="s">
        <v>54851</v>
      </c>
      <c r="F14460" s="1" t="s">
        <v>54852</v>
      </c>
      <c r="G14460" s="1" t="s">
        <v>54836</v>
      </c>
      <c r="H14460" s="1" t="s">
        <v>54837</v>
      </c>
      <c r="I14460" s="1" t="s">
        <v>53800</v>
      </c>
      <c r="J14460" s="1" t="s">
        <v>54853</v>
      </c>
    </row>
    <row r="14461" spans="1:10" x14ac:dyDescent="0.35">
      <c r="A14461" s="1" t="s">
        <v>54832</v>
      </c>
      <c r="B14461" s="1" t="s">
        <v>53796</v>
      </c>
      <c r="C14461" s="1" t="s">
        <v>35</v>
      </c>
      <c r="D14461" s="1" t="s">
        <v>54854</v>
      </c>
      <c r="E14461" s="1" t="s">
        <v>54855</v>
      </c>
      <c r="F14461" s="1" t="s">
        <v>54856</v>
      </c>
      <c r="G14461" s="1" t="s">
        <v>54836</v>
      </c>
      <c r="H14461" s="1" t="s">
        <v>54837</v>
      </c>
      <c r="I14461" s="1" t="s">
        <v>53800</v>
      </c>
      <c r="J14461" s="1" t="s">
        <v>54857</v>
      </c>
    </row>
    <row r="14462" spans="1:10" x14ac:dyDescent="0.35">
      <c r="A14462" s="1" t="s">
        <v>54832</v>
      </c>
      <c r="B14462" s="1" t="s">
        <v>53796</v>
      </c>
      <c r="C14462" s="1" t="s">
        <v>40</v>
      </c>
      <c r="D14462" s="1" t="s">
        <v>16945</v>
      </c>
      <c r="E14462" s="1" t="s">
        <v>54858</v>
      </c>
      <c r="F14462" s="1" t="s">
        <v>54859</v>
      </c>
      <c r="G14462" s="1" t="s">
        <v>54836</v>
      </c>
      <c r="H14462" s="1" t="s">
        <v>54837</v>
      </c>
      <c r="I14462" s="1" t="s">
        <v>53800</v>
      </c>
      <c r="J14462" s="1" t="s">
        <v>54860</v>
      </c>
    </row>
    <row r="14463" spans="1:10" x14ac:dyDescent="0.35">
      <c r="A14463" s="1" t="s">
        <v>54832</v>
      </c>
      <c r="B14463" s="1" t="s">
        <v>53796</v>
      </c>
      <c r="C14463" s="1" t="s">
        <v>45</v>
      </c>
      <c r="D14463" s="1" t="s">
        <v>54861</v>
      </c>
      <c r="E14463" s="1" t="s">
        <v>54862</v>
      </c>
      <c r="F14463" s="1" t="s">
        <v>54863</v>
      </c>
      <c r="G14463" s="1" t="s">
        <v>54836</v>
      </c>
      <c r="H14463" s="1" t="s">
        <v>54837</v>
      </c>
      <c r="I14463" s="1" t="s">
        <v>53800</v>
      </c>
      <c r="J14463" s="1" t="s">
        <v>54864</v>
      </c>
    </row>
    <row r="14464" spans="1:10" x14ac:dyDescent="0.35">
      <c r="A14464" s="1" t="s">
        <v>54832</v>
      </c>
      <c r="B14464" s="1" t="s">
        <v>53796</v>
      </c>
      <c r="C14464" s="1" t="s">
        <v>50</v>
      </c>
      <c r="D14464" s="1" t="s">
        <v>18382</v>
      </c>
      <c r="E14464" s="1" t="s">
        <v>54865</v>
      </c>
      <c r="F14464" s="1" t="s">
        <v>54866</v>
      </c>
      <c r="G14464" s="1" t="s">
        <v>54836</v>
      </c>
      <c r="H14464" s="1" t="s">
        <v>54837</v>
      </c>
      <c r="I14464" s="1" t="s">
        <v>53800</v>
      </c>
      <c r="J14464" s="1" t="s">
        <v>54867</v>
      </c>
    </row>
    <row r="14465" spans="1:10" x14ac:dyDescent="0.35">
      <c r="A14465" s="1" t="s">
        <v>54832</v>
      </c>
      <c r="B14465" s="1" t="s">
        <v>53796</v>
      </c>
      <c r="C14465" s="1" t="s">
        <v>55</v>
      </c>
      <c r="D14465" s="1" t="s">
        <v>54868</v>
      </c>
      <c r="E14465" s="1" t="s">
        <v>54869</v>
      </c>
      <c r="F14465" s="1" t="s">
        <v>54870</v>
      </c>
      <c r="G14465" s="1" t="s">
        <v>54836</v>
      </c>
      <c r="H14465" s="1" t="s">
        <v>54837</v>
      </c>
      <c r="I14465" s="1" t="s">
        <v>53800</v>
      </c>
      <c r="J14465" s="1" t="s">
        <v>42844</v>
      </c>
    </row>
    <row r="14466" spans="1:10" x14ac:dyDescent="0.35">
      <c r="A14466" s="1" t="s">
        <v>54832</v>
      </c>
      <c r="B14466" s="1" t="s">
        <v>53796</v>
      </c>
      <c r="C14466" s="1" t="s">
        <v>60</v>
      </c>
      <c r="D14466" s="1" t="s">
        <v>54871</v>
      </c>
      <c r="E14466" s="1" t="s">
        <v>54872</v>
      </c>
      <c r="F14466" s="1" t="s">
        <v>54873</v>
      </c>
      <c r="G14466" s="1" t="s">
        <v>54836</v>
      </c>
      <c r="H14466" s="1" t="s">
        <v>54837</v>
      </c>
      <c r="I14466" s="1" t="s">
        <v>53800</v>
      </c>
      <c r="J14466" s="1" t="s">
        <v>54874</v>
      </c>
    </row>
    <row r="14467" spans="1:10" x14ac:dyDescent="0.35">
      <c r="A14467" s="1" t="s">
        <v>54832</v>
      </c>
      <c r="B14467" s="1" t="s">
        <v>53796</v>
      </c>
      <c r="C14467" s="1" t="s">
        <v>65</v>
      </c>
      <c r="D14467" s="1" t="s">
        <v>54875</v>
      </c>
      <c r="E14467" s="1" t="s">
        <v>54876</v>
      </c>
      <c r="F14467" s="1" t="s">
        <v>54877</v>
      </c>
      <c r="G14467" s="1" t="s">
        <v>54836</v>
      </c>
      <c r="H14467" s="1" t="s">
        <v>54837</v>
      </c>
      <c r="I14467" s="1" t="s">
        <v>53800</v>
      </c>
      <c r="J14467" s="1" t="s">
        <v>54878</v>
      </c>
    </row>
    <row r="14468" spans="1:10" x14ac:dyDescent="0.35">
      <c r="A14468" s="1" t="s">
        <v>54832</v>
      </c>
      <c r="B14468" s="1" t="s">
        <v>53796</v>
      </c>
      <c r="C14468" s="1" t="s">
        <v>70</v>
      </c>
      <c r="D14468" s="1" t="s">
        <v>50870</v>
      </c>
      <c r="E14468" s="1" t="s">
        <v>54879</v>
      </c>
      <c r="F14468" s="1" t="s">
        <v>54880</v>
      </c>
      <c r="G14468" s="1" t="s">
        <v>54836</v>
      </c>
      <c r="H14468" s="1" t="s">
        <v>54837</v>
      </c>
      <c r="I14468" s="1" t="s">
        <v>53800</v>
      </c>
      <c r="J14468" s="1" t="s">
        <v>54881</v>
      </c>
    </row>
    <row r="14469" spans="1:10" x14ac:dyDescent="0.35">
      <c r="A14469" s="1" t="s">
        <v>54832</v>
      </c>
      <c r="B14469" s="1" t="s">
        <v>53796</v>
      </c>
      <c r="C14469" s="1" t="s">
        <v>75</v>
      </c>
      <c r="D14469" s="1" t="s">
        <v>54882</v>
      </c>
      <c r="E14469" s="1" t="s">
        <v>54883</v>
      </c>
      <c r="F14469" s="1" t="s">
        <v>54884</v>
      </c>
      <c r="G14469" s="1" t="s">
        <v>54836</v>
      </c>
      <c r="H14469" s="1" t="s">
        <v>54837</v>
      </c>
      <c r="I14469" s="1" t="s">
        <v>53800</v>
      </c>
      <c r="J14469" s="1" t="s">
        <v>54885</v>
      </c>
    </row>
    <row r="14470" spans="1:10" x14ac:dyDescent="0.35">
      <c r="A14470" s="1" t="s">
        <v>54832</v>
      </c>
      <c r="B14470" s="1" t="s">
        <v>53796</v>
      </c>
      <c r="C14470" s="1" t="s">
        <v>80</v>
      </c>
      <c r="D14470" s="1" t="s">
        <v>52528</v>
      </c>
      <c r="E14470" s="1" t="s">
        <v>54886</v>
      </c>
      <c r="F14470" s="1" t="s">
        <v>54887</v>
      </c>
      <c r="G14470" s="1" t="s">
        <v>54836</v>
      </c>
      <c r="H14470" s="1" t="s">
        <v>54837</v>
      </c>
      <c r="I14470" s="1" t="s">
        <v>53800</v>
      </c>
      <c r="J14470" s="1" t="s">
        <v>54888</v>
      </c>
    </row>
    <row r="14471" spans="1:10" x14ac:dyDescent="0.35">
      <c r="A14471" s="1" t="s">
        <v>54832</v>
      </c>
      <c r="B14471" s="1" t="s">
        <v>53796</v>
      </c>
      <c r="C14471" s="1" t="s">
        <v>85</v>
      </c>
      <c r="D14471" s="1" t="s">
        <v>54889</v>
      </c>
      <c r="E14471" s="1" t="s">
        <v>54890</v>
      </c>
      <c r="F14471" s="1" t="s">
        <v>54891</v>
      </c>
      <c r="G14471" s="1" t="s">
        <v>54836</v>
      </c>
      <c r="H14471" s="1" t="s">
        <v>54837</v>
      </c>
      <c r="I14471" s="1" t="s">
        <v>53800</v>
      </c>
      <c r="J14471" s="1" t="s">
        <v>54892</v>
      </c>
    </row>
    <row r="14472" spans="1:10" x14ac:dyDescent="0.35">
      <c r="A14472" s="1" t="s">
        <v>54832</v>
      </c>
      <c r="B14472" s="1" t="s">
        <v>53796</v>
      </c>
      <c r="C14472" s="1" t="s">
        <v>90</v>
      </c>
      <c r="D14472" s="1" t="s">
        <v>54893</v>
      </c>
      <c r="E14472" s="1" t="s">
        <v>54894</v>
      </c>
      <c r="F14472" s="1" t="s">
        <v>54895</v>
      </c>
      <c r="G14472" s="1" t="s">
        <v>54836</v>
      </c>
      <c r="H14472" s="1" t="s">
        <v>54837</v>
      </c>
      <c r="I14472" s="1" t="s">
        <v>53800</v>
      </c>
      <c r="J14472" s="1" t="s">
        <v>54896</v>
      </c>
    </row>
    <row r="14473" spans="1:10" x14ac:dyDescent="0.35">
      <c r="A14473" s="1" t="s">
        <v>54832</v>
      </c>
      <c r="B14473" s="1" t="s">
        <v>53796</v>
      </c>
      <c r="C14473" s="1" t="s">
        <v>95</v>
      </c>
      <c r="D14473" s="1" t="s">
        <v>54897</v>
      </c>
      <c r="E14473" s="1" t="s">
        <v>54898</v>
      </c>
      <c r="F14473" s="1" t="s">
        <v>54899</v>
      </c>
      <c r="G14473" s="1" t="s">
        <v>54836</v>
      </c>
      <c r="H14473" s="1" t="s">
        <v>54837</v>
      </c>
      <c r="I14473" s="1" t="s">
        <v>53800</v>
      </c>
      <c r="J14473" s="1" t="s">
        <v>54900</v>
      </c>
    </row>
    <row r="14474" spans="1:10" x14ac:dyDescent="0.35">
      <c r="A14474" s="1" t="s">
        <v>54832</v>
      </c>
      <c r="B14474" s="1" t="s">
        <v>53796</v>
      </c>
      <c r="C14474" s="1" t="s">
        <v>100</v>
      </c>
      <c r="D14474" s="1" t="s">
        <v>52755</v>
      </c>
      <c r="E14474" s="1" t="s">
        <v>54901</v>
      </c>
      <c r="F14474" s="1" t="s">
        <v>54902</v>
      </c>
      <c r="G14474" s="1" t="s">
        <v>54836</v>
      </c>
      <c r="H14474" s="1" t="s">
        <v>54837</v>
      </c>
      <c r="I14474" s="1" t="s">
        <v>53800</v>
      </c>
      <c r="J14474" s="1" t="s">
        <v>54903</v>
      </c>
    </row>
    <row r="14475" spans="1:10" x14ac:dyDescent="0.35">
      <c r="A14475" s="1" t="s">
        <v>54832</v>
      </c>
      <c r="B14475" s="1" t="s">
        <v>53796</v>
      </c>
      <c r="C14475" s="1" t="s">
        <v>105</v>
      </c>
      <c r="D14475" s="1" t="s">
        <v>54904</v>
      </c>
      <c r="E14475" s="1" t="s">
        <v>54905</v>
      </c>
      <c r="F14475" s="1" t="s">
        <v>54906</v>
      </c>
      <c r="G14475" s="1" t="s">
        <v>54836</v>
      </c>
      <c r="H14475" s="1" t="s">
        <v>54837</v>
      </c>
      <c r="I14475" s="1" t="s">
        <v>53800</v>
      </c>
      <c r="J14475" s="1" t="s">
        <v>54907</v>
      </c>
    </row>
    <row r="14476" spans="1:10" x14ac:dyDescent="0.35">
      <c r="A14476" s="1" t="s">
        <v>54832</v>
      </c>
      <c r="B14476" s="1" t="s">
        <v>53796</v>
      </c>
      <c r="C14476" s="1" t="s">
        <v>110</v>
      </c>
      <c r="D14476" s="1" t="s">
        <v>54908</v>
      </c>
      <c r="E14476" s="1" t="s">
        <v>54909</v>
      </c>
      <c r="F14476" s="1" t="s">
        <v>54910</v>
      </c>
      <c r="G14476" s="1" t="s">
        <v>54836</v>
      </c>
      <c r="H14476" s="1" t="s">
        <v>54837</v>
      </c>
      <c r="I14476" s="1" t="s">
        <v>53800</v>
      </c>
      <c r="J14476" s="1" t="s">
        <v>54911</v>
      </c>
    </row>
    <row r="14477" spans="1:10" x14ac:dyDescent="0.35">
      <c r="A14477" s="1" t="s">
        <v>54832</v>
      </c>
      <c r="B14477" s="1" t="s">
        <v>53796</v>
      </c>
      <c r="C14477" s="1" t="s">
        <v>115</v>
      </c>
      <c r="D14477" s="1" t="s">
        <v>54912</v>
      </c>
      <c r="E14477" s="1" t="s">
        <v>54913</v>
      </c>
      <c r="F14477" s="1" t="s">
        <v>54914</v>
      </c>
      <c r="G14477" s="1" t="s">
        <v>54836</v>
      </c>
      <c r="H14477" s="1" t="s">
        <v>54837</v>
      </c>
      <c r="I14477" s="1" t="s">
        <v>53800</v>
      </c>
      <c r="J14477" s="1" t="s">
        <v>54915</v>
      </c>
    </row>
    <row r="14478" spans="1:10" x14ac:dyDescent="0.35">
      <c r="A14478" s="1" t="s">
        <v>54832</v>
      </c>
      <c r="B14478" s="1" t="s">
        <v>53796</v>
      </c>
      <c r="C14478" s="1" t="s">
        <v>120</v>
      </c>
      <c r="D14478" s="1" t="s">
        <v>54916</v>
      </c>
      <c r="E14478" s="1" t="s">
        <v>54917</v>
      </c>
      <c r="F14478" s="1" t="s">
        <v>54918</v>
      </c>
      <c r="G14478" s="1" t="s">
        <v>54836</v>
      </c>
      <c r="H14478" s="1" t="s">
        <v>54837</v>
      </c>
      <c r="I14478" s="1" t="s">
        <v>53800</v>
      </c>
      <c r="J14478" s="1" t="s">
        <v>54919</v>
      </c>
    </row>
    <row r="14479" spans="1:10" x14ac:dyDescent="0.35">
      <c r="A14479" s="1" t="s">
        <v>54832</v>
      </c>
      <c r="B14479" s="1" t="s">
        <v>53796</v>
      </c>
      <c r="C14479" s="1" t="s">
        <v>125</v>
      </c>
      <c r="D14479" s="1" t="s">
        <v>54920</v>
      </c>
      <c r="E14479" s="1" t="s">
        <v>54921</v>
      </c>
      <c r="F14479" s="1" t="s">
        <v>54922</v>
      </c>
      <c r="G14479" s="1" t="s">
        <v>54836</v>
      </c>
      <c r="H14479" s="1" t="s">
        <v>54837</v>
      </c>
      <c r="I14479" s="1" t="s">
        <v>53800</v>
      </c>
      <c r="J14479" s="1" t="s">
        <v>54923</v>
      </c>
    </row>
    <row r="14480" spans="1:10" x14ac:dyDescent="0.35">
      <c r="A14480" s="1" t="s">
        <v>54832</v>
      </c>
      <c r="B14480" s="1" t="s">
        <v>53796</v>
      </c>
      <c r="C14480" s="1" t="s">
        <v>130</v>
      </c>
      <c r="D14480" s="1" t="s">
        <v>54924</v>
      </c>
      <c r="E14480" s="1" t="s">
        <v>54925</v>
      </c>
      <c r="F14480" s="1" t="s">
        <v>54926</v>
      </c>
      <c r="G14480" s="1" t="s">
        <v>54836</v>
      </c>
      <c r="H14480" s="1" t="s">
        <v>54837</v>
      </c>
      <c r="I14480" s="1" t="s">
        <v>53800</v>
      </c>
      <c r="J14480" s="1" t="s">
        <v>54927</v>
      </c>
    </row>
    <row r="14481" spans="1:10" x14ac:dyDescent="0.35">
      <c r="A14481" s="1" t="s">
        <v>54832</v>
      </c>
      <c r="B14481" s="1" t="s">
        <v>53796</v>
      </c>
      <c r="C14481" s="1" t="s">
        <v>135</v>
      </c>
      <c r="D14481" s="1" t="s">
        <v>26788</v>
      </c>
      <c r="E14481" s="1" t="s">
        <v>54928</v>
      </c>
      <c r="F14481" s="1" t="s">
        <v>54929</v>
      </c>
      <c r="G14481" s="1" t="s">
        <v>54836</v>
      </c>
      <c r="H14481" s="1" t="s">
        <v>54837</v>
      </c>
      <c r="I14481" s="1" t="s">
        <v>53800</v>
      </c>
      <c r="J14481" s="1" t="s">
        <v>54930</v>
      </c>
    </row>
    <row r="14482" spans="1:10" x14ac:dyDescent="0.35">
      <c r="A14482" s="1" t="s">
        <v>54832</v>
      </c>
      <c r="B14482" s="1" t="s">
        <v>53796</v>
      </c>
      <c r="C14482" s="1" t="s">
        <v>140</v>
      </c>
      <c r="D14482" s="1" t="s">
        <v>54931</v>
      </c>
      <c r="E14482" s="1" t="s">
        <v>54932</v>
      </c>
      <c r="F14482" s="1" t="s">
        <v>54933</v>
      </c>
      <c r="G14482" s="1" t="s">
        <v>54836</v>
      </c>
      <c r="H14482" s="1" t="s">
        <v>54837</v>
      </c>
      <c r="I14482" s="1" t="s">
        <v>53800</v>
      </c>
      <c r="J14482" s="1" t="s">
        <v>54934</v>
      </c>
    </row>
    <row r="14483" spans="1:10" x14ac:dyDescent="0.35">
      <c r="A14483" s="1" t="s">
        <v>54832</v>
      </c>
      <c r="B14483" s="1" t="s">
        <v>53796</v>
      </c>
      <c r="C14483" s="1" t="s">
        <v>145</v>
      </c>
      <c r="D14483" s="1" t="s">
        <v>54935</v>
      </c>
      <c r="E14483" s="1" t="s">
        <v>54936</v>
      </c>
      <c r="F14483" s="1" t="s">
        <v>54937</v>
      </c>
      <c r="G14483" s="1" t="s">
        <v>54836</v>
      </c>
      <c r="H14483" s="1" t="s">
        <v>54837</v>
      </c>
      <c r="I14483" s="1" t="s">
        <v>53800</v>
      </c>
      <c r="J14483" s="1" t="s">
        <v>54938</v>
      </c>
    </row>
    <row r="14484" spans="1:10" x14ac:dyDescent="0.35">
      <c r="A14484" s="1" t="s">
        <v>54832</v>
      </c>
      <c r="B14484" s="1" t="s">
        <v>53796</v>
      </c>
      <c r="C14484" s="1" t="s">
        <v>150</v>
      </c>
      <c r="D14484" s="1" t="s">
        <v>54939</v>
      </c>
      <c r="E14484" s="1" t="s">
        <v>54940</v>
      </c>
      <c r="F14484" s="1" t="s">
        <v>54941</v>
      </c>
      <c r="G14484" s="1" t="s">
        <v>54836</v>
      </c>
      <c r="H14484" s="1" t="s">
        <v>54837</v>
      </c>
      <c r="I14484" s="1" t="s">
        <v>53800</v>
      </c>
      <c r="J14484" s="1" t="s">
        <v>54942</v>
      </c>
    </row>
    <row r="14485" spans="1:10" x14ac:dyDescent="0.35">
      <c r="A14485" s="1" t="s">
        <v>54832</v>
      </c>
      <c r="B14485" s="1" t="s">
        <v>53796</v>
      </c>
      <c r="C14485" s="1" t="s">
        <v>155</v>
      </c>
      <c r="D14485" s="1" t="s">
        <v>39233</v>
      </c>
      <c r="E14485" s="1" t="s">
        <v>54943</v>
      </c>
      <c r="F14485" s="1" t="s">
        <v>54944</v>
      </c>
      <c r="G14485" s="1" t="s">
        <v>54836</v>
      </c>
      <c r="H14485" s="1" t="s">
        <v>54837</v>
      </c>
      <c r="I14485" s="1" t="s">
        <v>53800</v>
      </c>
      <c r="J14485" s="1" t="s">
        <v>54945</v>
      </c>
    </row>
    <row r="14486" spans="1:10" x14ac:dyDescent="0.35">
      <c r="A14486" s="1" t="s">
        <v>54832</v>
      </c>
      <c r="B14486" s="1" t="s">
        <v>53796</v>
      </c>
      <c r="C14486" s="1" t="s">
        <v>160</v>
      </c>
      <c r="D14486" s="1" t="s">
        <v>54946</v>
      </c>
      <c r="E14486" s="1" t="s">
        <v>54947</v>
      </c>
      <c r="F14486" s="1" t="s">
        <v>54948</v>
      </c>
      <c r="G14486" s="1" t="s">
        <v>54836</v>
      </c>
      <c r="H14486" s="1" t="s">
        <v>54837</v>
      </c>
      <c r="I14486" s="1" t="s">
        <v>53800</v>
      </c>
      <c r="J14486" s="1" t="s">
        <v>54949</v>
      </c>
    </row>
    <row r="14487" spans="1:10" x14ac:dyDescent="0.35">
      <c r="A14487" s="1" t="s">
        <v>54832</v>
      </c>
      <c r="B14487" s="1" t="s">
        <v>53796</v>
      </c>
      <c r="C14487" s="1" t="s">
        <v>165</v>
      </c>
      <c r="D14487" s="1" t="s">
        <v>54950</v>
      </c>
      <c r="E14487" s="1" t="s">
        <v>54951</v>
      </c>
      <c r="F14487" s="1" t="s">
        <v>54952</v>
      </c>
      <c r="G14487" s="1" t="s">
        <v>54836</v>
      </c>
      <c r="H14487" s="1" t="s">
        <v>54837</v>
      </c>
      <c r="I14487" s="1" t="s">
        <v>53800</v>
      </c>
      <c r="J14487" s="1" t="s">
        <v>8110</v>
      </c>
    </row>
    <row r="14488" spans="1:10" x14ac:dyDescent="0.35">
      <c r="A14488" s="1" t="s">
        <v>54832</v>
      </c>
      <c r="B14488" s="1" t="s">
        <v>53796</v>
      </c>
      <c r="C14488" s="1" t="s">
        <v>170</v>
      </c>
      <c r="D14488" s="1" t="s">
        <v>54953</v>
      </c>
      <c r="E14488" s="1" t="s">
        <v>54954</v>
      </c>
      <c r="F14488" s="1" t="s">
        <v>54955</v>
      </c>
      <c r="G14488" s="1" t="s">
        <v>54836</v>
      </c>
      <c r="H14488" s="1" t="s">
        <v>54837</v>
      </c>
      <c r="I14488" s="1" t="s">
        <v>53800</v>
      </c>
      <c r="J14488" s="1" t="s">
        <v>54956</v>
      </c>
    </row>
    <row r="14489" spans="1:10" x14ac:dyDescent="0.35">
      <c r="A14489" s="1" t="s">
        <v>50585</v>
      </c>
      <c r="B14489" s="1" t="s">
        <v>53796</v>
      </c>
      <c r="C14489" s="1" t="s">
        <v>8</v>
      </c>
      <c r="D14489" s="1" t="s">
        <v>54957</v>
      </c>
      <c r="E14489" s="1" t="s">
        <v>54958</v>
      </c>
      <c r="F14489" s="1" t="s">
        <v>54959</v>
      </c>
      <c r="G14489" s="1" t="s">
        <v>54960</v>
      </c>
      <c r="H14489" s="1" t="s">
        <v>54961</v>
      </c>
      <c r="I14489" s="1" t="s">
        <v>53800</v>
      </c>
      <c r="J14489" s="1" t="s">
        <v>13</v>
      </c>
    </row>
    <row r="14490" spans="1:10" x14ac:dyDescent="0.35">
      <c r="A14490" s="1" t="s">
        <v>50585</v>
      </c>
      <c r="B14490" s="1" t="s">
        <v>53796</v>
      </c>
      <c r="C14490" s="1" t="s">
        <v>15</v>
      </c>
      <c r="D14490" s="1" t="s">
        <v>54962</v>
      </c>
      <c r="E14490" s="1" t="s">
        <v>54963</v>
      </c>
      <c r="F14490" s="1" t="s">
        <v>54964</v>
      </c>
      <c r="G14490" s="1" t="s">
        <v>54960</v>
      </c>
      <c r="H14490" s="1" t="s">
        <v>54961</v>
      </c>
      <c r="I14490" s="1" t="s">
        <v>53800</v>
      </c>
      <c r="J14490" s="1" t="s">
        <v>54965</v>
      </c>
    </row>
    <row r="14491" spans="1:10" x14ac:dyDescent="0.35">
      <c r="A14491" s="1" t="s">
        <v>50585</v>
      </c>
      <c r="B14491" s="1" t="s">
        <v>53796</v>
      </c>
      <c r="C14491" s="1" t="s">
        <v>20</v>
      </c>
      <c r="D14491" s="1" t="s">
        <v>54966</v>
      </c>
      <c r="E14491" s="1" t="s">
        <v>54967</v>
      </c>
      <c r="F14491" s="1" t="s">
        <v>54968</v>
      </c>
      <c r="G14491" s="1" t="s">
        <v>54960</v>
      </c>
      <c r="H14491" s="1" t="s">
        <v>54961</v>
      </c>
      <c r="I14491" s="1" t="s">
        <v>53800</v>
      </c>
      <c r="J14491" s="1" t="s">
        <v>54969</v>
      </c>
    </row>
    <row r="14492" spans="1:10" x14ac:dyDescent="0.35">
      <c r="A14492" s="1" t="s">
        <v>50585</v>
      </c>
      <c r="B14492" s="1" t="s">
        <v>53796</v>
      </c>
      <c r="C14492" s="1" t="s">
        <v>25</v>
      </c>
      <c r="D14492" s="1" t="s">
        <v>54970</v>
      </c>
      <c r="E14492" s="1" t="s">
        <v>54971</v>
      </c>
      <c r="F14492" s="1" t="s">
        <v>54972</v>
      </c>
      <c r="G14492" s="1" t="s">
        <v>54960</v>
      </c>
      <c r="H14492" s="1" t="s">
        <v>54961</v>
      </c>
      <c r="I14492" s="1" t="s">
        <v>53800</v>
      </c>
      <c r="J14492" s="1" t="s">
        <v>54973</v>
      </c>
    </row>
    <row r="14493" spans="1:10" x14ac:dyDescent="0.35">
      <c r="A14493" s="1" t="s">
        <v>50585</v>
      </c>
      <c r="B14493" s="1" t="s">
        <v>53796</v>
      </c>
      <c r="C14493" s="1" t="s">
        <v>30</v>
      </c>
      <c r="D14493" s="1" t="s">
        <v>54974</v>
      </c>
      <c r="E14493" s="1" t="s">
        <v>54975</v>
      </c>
      <c r="F14493" s="1" t="s">
        <v>54976</v>
      </c>
      <c r="G14493" s="1" t="s">
        <v>54960</v>
      </c>
      <c r="H14493" s="1" t="s">
        <v>54961</v>
      </c>
      <c r="I14493" s="1" t="s">
        <v>53800</v>
      </c>
      <c r="J14493" s="1" t="s">
        <v>54977</v>
      </c>
    </row>
    <row r="14494" spans="1:10" x14ac:dyDescent="0.35">
      <c r="A14494" s="1" t="s">
        <v>50585</v>
      </c>
      <c r="B14494" s="1" t="s">
        <v>53796</v>
      </c>
      <c r="C14494" s="1" t="s">
        <v>35</v>
      </c>
      <c r="D14494" s="1" t="s">
        <v>54978</v>
      </c>
      <c r="E14494" s="1" t="s">
        <v>21128</v>
      </c>
      <c r="F14494" s="1" t="s">
        <v>54979</v>
      </c>
      <c r="G14494" s="1" t="s">
        <v>54960</v>
      </c>
      <c r="H14494" s="1" t="s">
        <v>54961</v>
      </c>
      <c r="I14494" s="1" t="s">
        <v>53800</v>
      </c>
      <c r="J14494" s="1" t="s">
        <v>54980</v>
      </c>
    </row>
    <row r="14495" spans="1:10" x14ac:dyDescent="0.35">
      <c r="A14495" s="1" t="s">
        <v>50585</v>
      </c>
      <c r="B14495" s="1" t="s">
        <v>53796</v>
      </c>
      <c r="C14495" s="1" t="s">
        <v>40</v>
      </c>
      <c r="D14495" s="1" t="s">
        <v>54981</v>
      </c>
      <c r="E14495" s="1" t="s">
        <v>54982</v>
      </c>
      <c r="F14495" s="1" t="s">
        <v>54983</v>
      </c>
      <c r="G14495" s="1" t="s">
        <v>54960</v>
      </c>
      <c r="H14495" s="1" t="s">
        <v>54961</v>
      </c>
      <c r="I14495" s="1" t="s">
        <v>53800</v>
      </c>
      <c r="J14495" s="1" t="s">
        <v>54984</v>
      </c>
    </row>
    <row r="14496" spans="1:10" x14ac:dyDescent="0.35">
      <c r="A14496" s="1" t="s">
        <v>50585</v>
      </c>
      <c r="B14496" s="1" t="s">
        <v>53796</v>
      </c>
      <c r="C14496" s="1" t="s">
        <v>45</v>
      </c>
      <c r="D14496" s="1" t="s">
        <v>23791</v>
      </c>
      <c r="E14496" s="1" t="s">
        <v>54985</v>
      </c>
      <c r="F14496" s="1" t="s">
        <v>54986</v>
      </c>
      <c r="G14496" s="1" t="s">
        <v>54960</v>
      </c>
      <c r="H14496" s="1" t="s">
        <v>54961</v>
      </c>
      <c r="I14496" s="1" t="s">
        <v>53800</v>
      </c>
      <c r="J14496" s="1" t="s">
        <v>54987</v>
      </c>
    </row>
    <row r="14497" spans="1:10" x14ac:dyDescent="0.35">
      <c r="A14497" s="1" t="s">
        <v>50585</v>
      </c>
      <c r="B14497" s="1" t="s">
        <v>53796</v>
      </c>
      <c r="C14497" s="1" t="s">
        <v>50</v>
      </c>
      <c r="D14497" s="1" t="s">
        <v>54988</v>
      </c>
      <c r="E14497" s="1" t="s">
        <v>54989</v>
      </c>
      <c r="F14497" s="1" t="s">
        <v>54990</v>
      </c>
      <c r="G14497" s="1" t="s">
        <v>54960</v>
      </c>
      <c r="H14497" s="1" t="s">
        <v>54961</v>
      </c>
      <c r="I14497" s="1" t="s">
        <v>53800</v>
      </c>
      <c r="J14497" s="1" t="s">
        <v>54991</v>
      </c>
    </row>
    <row r="14498" spans="1:10" x14ac:dyDescent="0.35">
      <c r="A14498" s="1" t="s">
        <v>50585</v>
      </c>
      <c r="B14498" s="1" t="s">
        <v>53796</v>
      </c>
      <c r="C14498" s="1" t="s">
        <v>55</v>
      </c>
      <c r="D14498" s="1" t="s">
        <v>54992</v>
      </c>
      <c r="E14498" s="1" t="s">
        <v>54993</v>
      </c>
      <c r="F14498" s="1" t="s">
        <v>54994</v>
      </c>
      <c r="G14498" s="1" t="s">
        <v>54960</v>
      </c>
      <c r="H14498" s="1" t="s">
        <v>54961</v>
      </c>
      <c r="I14498" s="1" t="s">
        <v>53800</v>
      </c>
      <c r="J14498" s="1" t="s">
        <v>54995</v>
      </c>
    </row>
    <row r="14499" spans="1:10" x14ac:dyDescent="0.35">
      <c r="A14499" s="1" t="s">
        <v>50585</v>
      </c>
      <c r="B14499" s="1" t="s">
        <v>53796</v>
      </c>
      <c r="C14499" s="1" t="s">
        <v>60</v>
      </c>
      <c r="D14499" s="1" t="s">
        <v>54996</v>
      </c>
      <c r="E14499" s="1" t="s">
        <v>21186</v>
      </c>
      <c r="F14499" s="1" t="s">
        <v>54997</v>
      </c>
      <c r="G14499" s="1" t="s">
        <v>54960</v>
      </c>
      <c r="H14499" s="1" t="s">
        <v>54961</v>
      </c>
      <c r="I14499" s="1" t="s">
        <v>53800</v>
      </c>
      <c r="J14499" s="1" t="s">
        <v>54998</v>
      </c>
    </row>
    <row r="14500" spans="1:10" x14ac:dyDescent="0.35">
      <c r="A14500" s="1" t="s">
        <v>50585</v>
      </c>
      <c r="B14500" s="1" t="s">
        <v>53796</v>
      </c>
      <c r="C14500" s="1" t="s">
        <v>65</v>
      </c>
      <c r="D14500" s="1" t="s">
        <v>54999</v>
      </c>
      <c r="E14500" s="1" t="s">
        <v>21148</v>
      </c>
      <c r="F14500" s="1" t="s">
        <v>55000</v>
      </c>
      <c r="G14500" s="1" t="s">
        <v>54960</v>
      </c>
      <c r="H14500" s="1" t="s">
        <v>54961</v>
      </c>
      <c r="I14500" s="1" t="s">
        <v>53800</v>
      </c>
      <c r="J14500" s="1" t="s">
        <v>55001</v>
      </c>
    </row>
    <row r="14501" spans="1:10" x14ac:dyDescent="0.35">
      <c r="A14501" s="1" t="s">
        <v>50585</v>
      </c>
      <c r="B14501" s="1" t="s">
        <v>53796</v>
      </c>
      <c r="C14501" s="1" t="s">
        <v>70</v>
      </c>
      <c r="D14501" s="1" t="s">
        <v>55002</v>
      </c>
      <c r="E14501" s="1" t="s">
        <v>55003</v>
      </c>
      <c r="F14501" s="1" t="s">
        <v>55004</v>
      </c>
      <c r="G14501" s="1" t="s">
        <v>54960</v>
      </c>
      <c r="H14501" s="1" t="s">
        <v>54961</v>
      </c>
      <c r="I14501" s="1" t="s">
        <v>53800</v>
      </c>
      <c r="J14501" s="1" t="s">
        <v>55005</v>
      </c>
    </row>
    <row r="14502" spans="1:10" x14ac:dyDescent="0.35">
      <c r="A14502" s="1" t="s">
        <v>50585</v>
      </c>
      <c r="B14502" s="1" t="s">
        <v>53796</v>
      </c>
      <c r="C14502" s="1" t="s">
        <v>75</v>
      </c>
      <c r="D14502" s="1" t="s">
        <v>55006</v>
      </c>
      <c r="E14502" s="1" t="s">
        <v>55007</v>
      </c>
      <c r="F14502" s="1" t="s">
        <v>55008</v>
      </c>
      <c r="G14502" s="1" t="s">
        <v>54960</v>
      </c>
      <c r="H14502" s="1" t="s">
        <v>54961</v>
      </c>
      <c r="I14502" s="1" t="s">
        <v>53800</v>
      </c>
      <c r="J14502" s="1" t="s">
        <v>55009</v>
      </c>
    </row>
    <row r="14503" spans="1:10" x14ac:dyDescent="0.35">
      <c r="A14503" s="1" t="s">
        <v>50585</v>
      </c>
      <c r="B14503" s="1" t="s">
        <v>53796</v>
      </c>
      <c r="C14503" s="1" t="s">
        <v>80</v>
      </c>
      <c r="D14503" s="1" t="s">
        <v>55010</v>
      </c>
      <c r="E14503" s="1" t="s">
        <v>55011</v>
      </c>
      <c r="F14503" s="1" t="s">
        <v>55012</v>
      </c>
      <c r="G14503" s="1" t="s">
        <v>54960</v>
      </c>
      <c r="H14503" s="1" t="s">
        <v>54961</v>
      </c>
      <c r="I14503" s="1" t="s">
        <v>53800</v>
      </c>
      <c r="J14503" s="1" t="s">
        <v>55013</v>
      </c>
    </row>
    <row r="14504" spans="1:10" x14ac:dyDescent="0.35">
      <c r="A14504" s="1" t="s">
        <v>50585</v>
      </c>
      <c r="B14504" s="1" t="s">
        <v>53796</v>
      </c>
      <c r="C14504" s="1" t="s">
        <v>85</v>
      </c>
      <c r="D14504" s="1" t="s">
        <v>55014</v>
      </c>
      <c r="E14504" s="1" t="s">
        <v>55015</v>
      </c>
      <c r="F14504" s="1" t="s">
        <v>55016</v>
      </c>
      <c r="G14504" s="1" t="s">
        <v>54960</v>
      </c>
      <c r="H14504" s="1" t="s">
        <v>54961</v>
      </c>
      <c r="I14504" s="1" t="s">
        <v>53800</v>
      </c>
      <c r="J14504" s="1" t="s">
        <v>55017</v>
      </c>
    </row>
    <row r="14505" spans="1:10" x14ac:dyDescent="0.35">
      <c r="A14505" s="1" t="s">
        <v>50585</v>
      </c>
      <c r="B14505" s="1" t="s">
        <v>53796</v>
      </c>
      <c r="C14505" s="1" t="s">
        <v>90</v>
      </c>
      <c r="D14505" s="1" t="s">
        <v>39077</v>
      </c>
      <c r="E14505" s="1" t="s">
        <v>41578</v>
      </c>
      <c r="F14505" s="1" t="s">
        <v>55018</v>
      </c>
      <c r="G14505" s="1" t="s">
        <v>54960</v>
      </c>
      <c r="H14505" s="1" t="s">
        <v>54961</v>
      </c>
      <c r="I14505" s="1" t="s">
        <v>53800</v>
      </c>
      <c r="J14505" s="1" t="s">
        <v>55019</v>
      </c>
    </row>
    <row r="14506" spans="1:10" x14ac:dyDescent="0.35">
      <c r="A14506" s="1" t="s">
        <v>50585</v>
      </c>
      <c r="B14506" s="1" t="s">
        <v>53796</v>
      </c>
      <c r="C14506" s="1" t="s">
        <v>95</v>
      </c>
      <c r="D14506" s="1" t="s">
        <v>55020</v>
      </c>
      <c r="E14506" s="1" t="s">
        <v>21140</v>
      </c>
      <c r="F14506" s="1" t="s">
        <v>22642</v>
      </c>
      <c r="G14506" s="1" t="s">
        <v>54960</v>
      </c>
      <c r="H14506" s="1" t="s">
        <v>54961</v>
      </c>
      <c r="I14506" s="1" t="s">
        <v>53800</v>
      </c>
      <c r="J14506" s="1" t="s">
        <v>55021</v>
      </c>
    </row>
    <row r="14507" spans="1:10" x14ac:dyDescent="0.35">
      <c r="A14507" s="1" t="s">
        <v>50585</v>
      </c>
      <c r="B14507" s="1" t="s">
        <v>53796</v>
      </c>
      <c r="C14507" s="1" t="s">
        <v>100</v>
      </c>
      <c r="D14507" s="1" t="s">
        <v>55022</v>
      </c>
      <c r="E14507" s="1" t="s">
        <v>55023</v>
      </c>
      <c r="F14507" s="1" t="s">
        <v>55024</v>
      </c>
      <c r="G14507" s="1" t="s">
        <v>54960</v>
      </c>
      <c r="H14507" s="1" t="s">
        <v>54961</v>
      </c>
      <c r="I14507" s="1" t="s">
        <v>53800</v>
      </c>
      <c r="J14507" s="1" t="s">
        <v>55025</v>
      </c>
    </row>
    <row r="14508" spans="1:10" x14ac:dyDescent="0.35">
      <c r="A14508" s="1" t="s">
        <v>50585</v>
      </c>
      <c r="B14508" s="1" t="s">
        <v>53796</v>
      </c>
      <c r="C14508" s="1" t="s">
        <v>105</v>
      </c>
      <c r="D14508" s="1" t="s">
        <v>55026</v>
      </c>
      <c r="E14508" s="1" t="s">
        <v>55027</v>
      </c>
      <c r="F14508" s="1" t="s">
        <v>55028</v>
      </c>
      <c r="G14508" s="1" t="s">
        <v>54960</v>
      </c>
      <c r="H14508" s="1" t="s">
        <v>54961</v>
      </c>
      <c r="I14508" s="1" t="s">
        <v>53800</v>
      </c>
      <c r="J14508" s="1" t="s">
        <v>55029</v>
      </c>
    </row>
    <row r="14509" spans="1:10" x14ac:dyDescent="0.35">
      <c r="A14509" s="1" t="s">
        <v>50585</v>
      </c>
      <c r="B14509" s="1" t="s">
        <v>53796</v>
      </c>
      <c r="C14509" s="1" t="s">
        <v>110</v>
      </c>
      <c r="D14509" s="1" t="s">
        <v>39896</v>
      </c>
      <c r="E14509" s="1" t="s">
        <v>55030</v>
      </c>
      <c r="F14509" s="1" t="s">
        <v>55031</v>
      </c>
      <c r="G14509" s="1" t="s">
        <v>54960</v>
      </c>
      <c r="H14509" s="1" t="s">
        <v>54961</v>
      </c>
      <c r="I14509" s="1" t="s">
        <v>53800</v>
      </c>
      <c r="J14509" s="1" t="s">
        <v>55032</v>
      </c>
    </row>
    <row r="14510" spans="1:10" x14ac:dyDescent="0.35">
      <c r="A14510" s="1" t="s">
        <v>50585</v>
      </c>
      <c r="B14510" s="1" t="s">
        <v>53796</v>
      </c>
      <c r="C14510" s="1" t="s">
        <v>115</v>
      </c>
      <c r="D14510" s="1" t="s">
        <v>24164</v>
      </c>
      <c r="E14510" s="1" t="s">
        <v>23137</v>
      </c>
      <c r="F14510" s="1" t="s">
        <v>55033</v>
      </c>
      <c r="G14510" s="1" t="s">
        <v>54960</v>
      </c>
      <c r="H14510" s="1" t="s">
        <v>54961</v>
      </c>
      <c r="I14510" s="1" t="s">
        <v>53800</v>
      </c>
      <c r="J14510" s="1" t="s">
        <v>55034</v>
      </c>
    </row>
    <row r="14511" spans="1:10" x14ac:dyDescent="0.35">
      <c r="A14511" s="1" t="s">
        <v>50585</v>
      </c>
      <c r="B14511" s="1" t="s">
        <v>53796</v>
      </c>
      <c r="C14511" s="1" t="s">
        <v>120</v>
      </c>
      <c r="D14511" s="1" t="s">
        <v>5322</v>
      </c>
      <c r="E14511" s="1" t="s">
        <v>55035</v>
      </c>
      <c r="F14511" s="1" t="s">
        <v>55036</v>
      </c>
      <c r="G14511" s="1" t="s">
        <v>54960</v>
      </c>
      <c r="H14511" s="1" t="s">
        <v>54961</v>
      </c>
      <c r="I14511" s="1" t="s">
        <v>53800</v>
      </c>
      <c r="J14511" s="1" t="s">
        <v>55037</v>
      </c>
    </row>
    <row r="14512" spans="1:10" x14ac:dyDescent="0.35">
      <c r="A14512" s="1" t="s">
        <v>50585</v>
      </c>
      <c r="B14512" s="1" t="s">
        <v>53796</v>
      </c>
      <c r="C14512" s="1" t="s">
        <v>125</v>
      </c>
      <c r="D14512" s="1" t="s">
        <v>55038</v>
      </c>
      <c r="E14512" s="1" t="s">
        <v>23049</v>
      </c>
      <c r="F14512" s="1" t="s">
        <v>55039</v>
      </c>
      <c r="G14512" s="1" t="s">
        <v>54960</v>
      </c>
      <c r="H14512" s="1" t="s">
        <v>54961</v>
      </c>
      <c r="I14512" s="1" t="s">
        <v>53800</v>
      </c>
      <c r="J14512" s="1" t="s">
        <v>55040</v>
      </c>
    </row>
    <row r="14513" spans="1:10" x14ac:dyDescent="0.35">
      <c r="A14513" s="1" t="s">
        <v>50585</v>
      </c>
      <c r="B14513" s="1" t="s">
        <v>53796</v>
      </c>
      <c r="C14513" s="1" t="s">
        <v>130</v>
      </c>
      <c r="D14513" s="1" t="s">
        <v>55041</v>
      </c>
      <c r="E14513" s="1" t="s">
        <v>41144</v>
      </c>
      <c r="F14513" s="1" t="s">
        <v>55042</v>
      </c>
      <c r="G14513" s="1" t="s">
        <v>54960</v>
      </c>
      <c r="H14513" s="1" t="s">
        <v>54961</v>
      </c>
      <c r="I14513" s="1" t="s">
        <v>53800</v>
      </c>
      <c r="J14513" s="1" t="s">
        <v>55043</v>
      </c>
    </row>
    <row r="14514" spans="1:10" x14ac:dyDescent="0.35">
      <c r="A14514" s="1" t="s">
        <v>50585</v>
      </c>
      <c r="B14514" s="1" t="s">
        <v>53796</v>
      </c>
      <c r="C14514" s="1" t="s">
        <v>135</v>
      </c>
      <c r="D14514" s="1" t="s">
        <v>55044</v>
      </c>
      <c r="E14514" s="1" t="s">
        <v>32329</v>
      </c>
      <c r="F14514" s="1" t="s">
        <v>55045</v>
      </c>
      <c r="G14514" s="1" t="s">
        <v>54960</v>
      </c>
      <c r="H14514" s="1" t="s">
        <v>54961</v>
      </c>
      <c r="I14514" s="1" t="s">
        <v>53800</v>
      </c>
      <c r="J14514" s="1" t="s">
        <v>55046</v>
      </c>
    </row>
    <row r="14515" spans="1:10" x14ac:dyDescent="0.35">
      <c r="A14515" s="1" t="s">
        <v>50585</v>
      </c>
      <c r="B14515" s="1" t="s">
        <v>53796</v>
      </c>
      <c r="C14515" s="1" t="s">
        <v>140</v>
      </c>
      <c r="D14515" s="1" t="s">
        <v>55047</v>
      </c>
      <c r="E14515" s="1" t="s">
        <v>55048</v>
      </c>
      <c r="F14515" s="1" t="s">
        <v>55049</v>
      </c>
      <c r="G14515" s="1" t="s">
        <v>54960</v>
      </c>
      <c r="H14515" s="1" t="s">
        <v>54961</v>
      </c>
      <c r="I14515" s="1" t="s">
        <v>53800</v>
      </c>
      <c r="J14515" s="1" t="s">
        <v>55050</v>
      </c>
    </row>
    <row r="14516" spans="1:10" x14ac:dyDescent="0.35">
      <c r="A14516" s="1" t="s">
        <v>50585</v>
      </c>
      <c r="B14516" s="1" t="s">
        <v>53796</v>
      </c>
      <c r="C14516" s="1" t="s">
        <v>145</v>
      </c>
      <c r="D14516" s="1" t="s">
        <v>55051</v>
      </c>
      <c r="E14516" s="1" t="s">
        <v>21190</v>
      </c>
      <c r="F14516" s="1" t="s">
        <v>55052</v>
      </c>
      <c r="G14516" s="1" t="s">
        <v>54960</v>
      </c>
      <c r="H14516" s="1" t="s">
        <v>54961</v>
      </c>
      <c r="I14516" s="1" t="s">
        <v>53800</v>
      </c>
      <c r="J14516" s="1" t="s">
        <v>55053</v>
      </c>
    </row>
    <row r="14517" spans="1:10" x14ac:dyDescent="0.35">
      <c r="A14517" s="1" t="s">
        <v>50585</v>
      </c>
      <c r="B14517" s="1" t="s">
        <v>53796</v>
      </c>
      <c r="C14517" s="1" t="s">
        <v>150</v>
      </c>
      <c r="D14517" s="1" t="s">
        <v>55054</v>
      </c>
      <c r="E14517" s="1" t="s">
        <v>23206</v>
      </c>
      <c r="F14517" s="1" t="s">
        <v>55055</v>
      </c>
      <c r="G14517" s="1" t="s">
        <v>54960</v>
      </c>
      <c r="H14517" s="1" t="s">
        <v>54961</v>
      </c>
      <c r="I14517" s="1" t="s">
        <v>53800</v>
      </c>
      <c r="J14517" s="1" t="s">
        <v>55056</v>
      </c>
    </row>
    <row r="14518" spans="1:10" x14ac:dyDescent="0.35">
      <c r="A14518" s="1" t="s">
        <v>50585</v>
      </c>
      <c r="B14518" s="1" t="s">
        <v>53796</v>
      </c>
      <c r="C14518" s="1" t="s">
        <v>155</v>
      </c>
      <c r="D14518" s="1" t="s">
        <v>40917</v>
      </c>
      <c r="E14518" s="1" t="s">
        <v>15217</v>
      </c>
      <c r="F14518" s="1" t="s">
        <v>55057</v>
      </c>
      <c r="G14518" s="1" t="s">
        <v>54960</v>
      </c>
      <c r="H14518" s="1" t="s">
        <v>54961</v>
      </c>
      <c r="I14518" s="1" t="s">
        <v>53800</v>
      </c>
      <c r="J14518" s="1" t="s">
        <v>55058</v>
      </c>
    </row>
    <row r="14519" spans="1:10" x14ac:dyDescent="0.35">
      <c r="A14519" s="1" t="s">
        <v>50585</v>
      </c>
      <c r="B14519" s="1" t="s">
        <v>53796</v>
      </c>
      <c r="C14519" s="1" t="s">
        <v>160</v>
      </c>
      <c r="D14519" s="1" t="s">
        <v>41562</v>
      </c>
      <c r="E14519" s="1" t="s">
        <v>54391</v>
      </c>
      <c r="F14519" s="1" t="s">
        <v>55059</v>
      </c>
      <c r="G14519" s="1" t="s">
        <v>54960</v>
      </c>
      <c r="H14519" s="1" t="s">
        <v>54961</v>
      </c>
      <c r="I14519" s="1" t="s">
        <v>53800</v>
      </c>
      <c r="J14519" s="1" t="s">
        <v>55060</v>
      </c>
    </row>
    <row r="14520" spans="1:10" x14ac:dyDescent="0.35">
      <c r="A14520" s="1" t="s">
        <v>50585</v>
      </c>
      <c r="B14520" s="1" t="s">
        <v>53796</v>
      </c>
      <c r="C14520" s="1" t="s">
        <v>165</v>
      </c>
      <c r="D14520" s="1" t="s">
        <v>55061</v>
      </c>
      <c r="E14520" s="1" t="s">
        <v>41490</v>
      </c>
      <c r="F14520" s="1" t="s">
        <v>55062</v>
      </c>
      <c r="G14520" s="1" t="s">
        <v>54960</v>
      </c>
      <c r="H14520" s="1" t="s">
        <v>54961</v>
      </c>
      <c r="I14520" s="1" t="s">
        <v>53800</v>
      </c>
      <c r="J14520" s="1" t="s">
        <v>55063</v>
      </c>
    </row>
    <row r="14521" spans="1:10" x14ac:dyDescent="0.35">
      <c r="A14521" s="1" t="s">
        <v>50585</v>
      </c>
      <c r="B14521" s="1" t="s">
        <v>53796</v>
      </c>
      <c r="C14521" s="1" t="s">
        <v>170</v>
      </c>
      <c r="D14521" s="1" t="s">
        <v>55064</v>
      </c>
      <c r="E14521" s="1" t="s">
        <v>32372</v>
      </c>
      <c r="F14521" s="1" t="s">
        <v>55065</v>
      </c>
      <c r="G14521" s="1" t="s">
        <v>54960</v>
      </c>
      <c r="H14521" s="1" t="s">
        <v>54961</v>
      </c>
      <c r="I14521" s="1" t="s">
        <v>53800</v>
      </c>
      <c r="J14521" s="1" t="s">
        <v>55066</v>
      </c>
    </row>
    <row r="14522" spans="1:10" x14ac:dyDescent="0.35">
      <c r="A14522" s="1" t="s">
        <v>55067</v>
      </c>
      <c r="B14522" s="1" t="s">
        <v>53796</v>
      </c>
      <c r="C14522" s="1" t="s">
        <v>8</v>
      </c>
      <c r="D14522" s="1" t="s">
        <v>55068</v>
      </c>
      <c r="E14522" s="1" t="s">
        <v>55069</v>
      </c>
      <c r="F14522" s="1" t="s">
        <v>55070</v>
      </c>
      <c r="G14522" s="1" t="s">
        <v>55071</v>
      </c>
      <c r="H14522" s="1" t="s">
        <v>55072</v>
      </c>
      <c r="I14522" s="1" t="s">
        <v>53800</v>
      </c>
      <c r="J14522" s="1" t="s">
        <v>13</v>
      </c>
    </row>
    <row r="14523" spans="1:10" x14ac:dyDescent="0.35">
      <c r="A14523" s="1" t="s">
        <v>55067</v>
      </c>
      <c r="B14523" s="1" t="s">
        <v>53796</v>
      </c>
      <c r="C14523" s="1" t="s">
        <v>15</v>
      </c>
      <c r="D14523" s="1" t="s">
        <v>55073</v>
      </c>
      <c r="E14523" s="1" t="s">
        <v>55074</v>
      </c>
      <c r="F14523" s="1" t="s">
        <v>55075</v>
      </c>
      <c r="G14523" s="1" t="s">
        <v>55071</v>
      </c>
      <c r="H14523" s="1" t="s">
        <v>55072</v>
      </c>
      <c r="I14523" s="1" t="s">
        <v>53800</v>
      </c>
      <c r="J14523" s="1" t="s">
        <v>55076</v>
      </c>
    </row>
    <row r="14524" spans="1:10" x14ac:dyDescent="0.35">
      <c r="A14524" s="1" t="s">
        <v>55067</v>
      </c>
      <c r="B14524" s="1" t="s">
        <v>53796</v>
      </c>
      <c r="C14524" s="1" t="s">
        <v>20</v>
      </c>
      <c r="D14524" s="1" t="s">
        <v>55077</v>
      </c>
      <c r="E14524" s="1" t="s">
        <v>15225</v>
      </c>
      <c r="F14524" s="1" t="s">
        <v>55078</v>
      </c>
      <c r="G14524" s="1" t="s">
        <v>55071</v>
      </c>
      <c r="H14524" s="1" t="s">
        <v>55072</v>
      </c>
      <c r="I14524" s="1" t="s">
        <v>53800</v>
      </c>
      <c r="J14524" s="1" t="s">
        <v>55079</v>
      </c>
    </row>
    <row r="14525" spans="1:10" x14ac:dyDescent="0.35">
      <c r="A14525" s="1" t="s">
        <v>55067</v>
      </c>
      <c r="B14525" s="1" t="s">
        <v>53796</v>
      </c>
      <c r="C14525" s="1" t="s">
        <v>25</v>
      </c>
      <c r="D14525" s="1" t="s">
        <v>20528</v>
      </c>
      <c r="E14525" s="1" t="s">
        <v>31405</v>
      </c>
      <c r="F14525" s="1" t="s">
        <v>55080</v>
      </c>
      <c r="G14525" s="1" t="s">
        <v>55071</v>
      </c>
      <c r="H14525" s="1" t="s">
        <v>55072</v>
      </c>
      <c r="I14525" s="1" t="s">
        <v>53800</v>
      </c>
      <c r="J14525" s="1" t="s">
        <v>55081</v>
      </c>
    </row>
    <row r="14526" spans="1:10" x14ac:dyDescent="0.35">
      <c r="A14526" s="1" t="s">
        <v>55067</v>
      </c>
      <c r="B14526" s="1" t="s">
        <v>53796</v>
      </c>
      <c r="C14526" s="1" t="s">
        <v>30</v>
      </c>
      <c r="D14526" s="1" t="s">
        <v>55082</v>
      </c>
      <c r="E14526" s="1" t="s">
        <v>55083</v>
      </c>
      <c r="F14526" s="1" t="s">
        <v>55084</v>
      </c>
      <c r="G14526" s="1" t="s">
        <v>55071</v>
      </c>
      <c r="H14526" s="1" t="s">
        <v>55072</v>
      </c>
      <c r="I14526" s="1" t="s">
        <v>53800</v>
      </c>
      <c r="J14526" s="1" t="s">
        <v>55085</v>
      </c>
    </row>
    <row r="14527" spans="1:10" x14ac:dyDescent="0.35">
      <c r="A14527" s="1" t="s">
        <v>55067</v>
      </c>
      <c r="B14527" s="1" t="s">
        <v>53796</v>
      </c>
      <c r="C14527" s="1" t="s">
        <v>35</v>
      </c>
      <c r="D14527" s="1" t="s">
        <v>55086</v>
      </c>
      <c r="E14527" s="1" t="s">
        <v>55087</v>
      </c>
      <c r="F14527" s="1" t="s">
        <v>55088</v>
      </c>
      <c r="G14527" s="1" t="s">
        <v>55071</v>
      </c>
      <c r="H14527" s="1" t="s">
        <v>55072</v>
      </c>
      <c r="I14527" s="1" t="s">
        <v>53800</v>
      </c>
      <c r="J14527" s="1" t="s">
        <v>55089</v>
      </c>
    </row>
    <row r="14528" spans="1:10" x14ac:dyDescent="0.35">
      <c r="A14528" s="1" t="s">
        <v>55067</v>
      </c>
      <c r="B14528" s="1" t="s">
        <v>53796</v>
      </c>
      <c r="C14528" s="1" t="s">
        <v>40</v>
      </c>
      <c r="D14528" s="1" t="s">
        <v>55090</v>
      </c>
      <c r="E14528" s="1" t="s">
        <v>23886</v>
      </c>
      <c r="F14528" s="1" t="s">
        <v>55091</v>
      </c>
      <c r="G14528" s="1" t="s">
        <v>55071</v>
      </c>
      <c r="H14528" s="1" t="s">
        <v>55072</v>
      </c>
      <c r="I14528" s="1" t="s">
        <v>53800</v>
      </c>
      <c r="J14528" s="1" t="s">
        <v>55092</v>
      </c>
    </row>
    <row r="14529" spans="1:10" x14ac:dyDescent="0.35">
      <c r="A14529" s="1" t="s">
        <v>55067</v>
      </c>
      <c r="B14529" s="1" t="s">
        <v>53796</v>
      </c>
      <c r="C14529" s="1" t="s">
        <v>45</v>
      </c>
      <c r="D14529" s="1" t="s">
        <v>55093</v>
      </c>
      <c r="E14529" s="1" t="s">
        <v>21910</v>
      </c>
      <c r="F14529" s="1" t="s">
        <v>55094</v>
      </c>
      <c r="G14529" s="1" t="s">
        <v>55071</v>
      </c>
      <c r="H14529" s="1" t="s">
        <v>55072</v>
      </c>
      <c r="I14529" s="1" t="s">
        <v>53800</v>
      </c>
      <c r="J14529" s="1" t="s">
        <v>55095</v>
      </c>
    </row>
    <row r="14530" spans="1:10" x14ac:dyDescent="0.35">
      <c r="A14530" s="1" t="s">
        <v>55067</v>
      </c>
      <c r="B14530" s="1" t="s">
        <v>53796</v>
      </c>
      <c r="C14530" s="1" t="s">
        <v>50</v>
      </c>
      <c r="D14530" s="1" t="s">
        <v>55096</v>
      </c>
      <c r="E14530" s="1" t="s">
        <v>55097</v>
      </c>
      <c r="F14530" s="1" t="s">
        <v>55098</v>
      </c>
      <c r="G14530" s="1" t="s">
        <v>55071</v>
      </c>
      <c r="H14530" s="1" t="s">
        <v>55072</v>
      </c>
      <c r="I14530" s="1" t="s">
        <v>53800</v>
      </c>
      <c r="J14530" s="1" t="s">
        <v>55099</v>
      </c>
    </row>
    <row r="14531" spans="1:10" x14ac:dyDescent="0.35">
      <c r="A14531" s="1" t="s">
        <v>55067</v>
      </c>
      <c r="B14531" s="1" t="s">
        <v>53796</v>
      </c>
      <c r="C14531" s="1" t="s">
        <v>55</v>
      </c>
      <c r="D14531" s="1" t="s">
        <v>55100</v>
      </c>
      <c r="E14531" s="1" t="s">
        <v>55101</v>
      </c>
      <c r="F14531" s="1" t="s">
        <v>21769</v>
      </c>
      <c r="G14531" s="1" t="s">
        <v>55071</v>
      </c>
      <c r="H14531" s="1" t="s">
        <v>55072</v>
      </c>
      <c r="I14531" s="1" t="s">
        <v>53800</v>
      </c>
      <c r="J14531" s="1" t="s">
        <v>55102</v>
      </c>
    </row>
    <row r="14532" spans="1:10" x14ac:dyDescent="0.35">
      <c r="A14532" s="1" t="s">
        <v>55067</v>
      </c>
      <c r="B14532" s="1" t="s">
        <v>53796</v>
      </c>
      <c r="C14532" s="1" t="s">
        <v>60</v>
      </c>
      <c r="D14532" s="1" t="s">
        <v>55103</v>
      </c>
      <c r="E14532" s="1" t="s">
        <v>32376</v>
      </c>
      <c r="F14532" s="1" t="s">
        <v>55104</v>
      </c>
      <c r="G14532" s="1" t="s">
        <v>55071</v>
      </c>
      <c r="H14532" s="1" t="s">
        <v>55072</v>
      </c>
      <c r="I14532" s="1" t="s">
        <v>53800</v>
      </c>
      <c r="J14532" s="1" t="s">
        <v>55105</v>
      </c>
    </row>
    <row r="14533" spans="1:10" x14ac:dyDescent="0.35">
      <c r="A14533" s="1" t="s">
        <v>55067</v>
      </c>
      <c r="B14533" s="1" t="s">
        <v>53796</v>
      </c>
      <c r="C14533" s="1" t="s">
        <v>65</v>
      </c>
      <c r="D14533" s="1" t="s">
        <v>55106</v>
      </c>
      <c r="E14533" s="1" t="s">
        <v>55107</v>
      </c>
      <c r="F14533" s="1" t="s">
        <v>55108</v>
      </c>
      <c r="G14533" s="1" t="s">
        <v>55071</v>
      </c>
      <c r="H14533" s="1" t="s">
        <v>55072</v>
      </c>
      <c r="I14533" s="1" t="s">
        <v>53800</v>
      </c>
      <c r="J14533" s="1" t="s">
        <v>55109</v>
      </c>
    </row>
    <row r="14534" spans="1:10" x14ac:dyDescent="0.35">
      <c r="A14534" s="1" t="s">
        <v>55067</v>
      </c>
      <c r="B14534" s="1" t="s">
        <v>53796</v>
      </c>
      <c r="C14534" s="1" t="s">
        <v>70</v>
      </c>
      <c r="D14534" s="1" t="s">
        <v>41486</v>
      </c>
      <c r="E14534" s="1" t="s">
        <v>41442</v>
      </c>
      <c r="F14534" s="1" t="s">
        <v>55110</v>
      </c>
      <c r="G14534" s="1" t="s">
        <v>55071</v>
      </c>
      <c r="H14534" s="1" t="s">
        <v>55072</v>
      </c>
      <c r="I14534" s="1" t="s">
        <v>53800</v>
      </c>
      <c r="J14534" s="1" t="s">
        <v>55111</v>
      </c>
    </row>
    <row r="14535" spans="1:10" x14ac:dyDescent="0.35">
      <c r="A14535" s="1" t="s">
        <v>55067</v>
      </c>
      <c r="B14535" s="1" t="s">
        <v>53796</v>
      </c>
      <c r="C14535" s="1" t="s">
        <v>75</v>
      </c>
      <c r="D14535" s="1" t="s">
        <v>55112</v>
      </c>
      <c r="E14535" s="1" t="s">
        <v>55113</v>
      </c>
      <c r="F14535" s="1" t="s">
        <v>54169</v>
      </c>
      <c r="G14535" s="1" t="s">
        <v>55071</v>
      </c>
      <c r="H14535" s="1" t="s">
        <v>55072</v>
      </c>
      <c r="I14535" s="1" t="s">
        <v>53800</v>
      </c>
      <c r="J14535" s="1" t="s">
        <v>55114</v>
      </c>
    </row>
    <row r="14536" spans="1:10" x14ac:dyDescent="0.35">
      <c r="A14536" s="1" t="s">
        <v>55067</v>
      </c>
      <c r="B14536" s="1" t="s">
        <v>53796</v>
      </c>
      <c r="C14536" s="1" t="s">
        <v>80</v>
      </c>
      <c r="D14536" s="1" t="s">
        <v>55115</v>
      </c>
      <c r="E14536" s="1" t="s">
        <v>22018</v>
      </c>
      <c r="F14536" s="1" t="s">
        <v>55116</v>
      </c>
      <c r="G14536" s="1" t="s">
        <v>55071</v>
      </c>
      <c r="H14536" s="1" t="s">
        <v>55072</v>
      </c>
      <c r="I14536" s="1" t="s">
        <v>53800</v>
      </c>
      <c r="J14536" s="1" t="s">
        <v>55117</v>
      </c>
    </row>
    <row r="14537" spans="1:10" x14ac:dyDescent="0.35">
      <c r="A14537" s="1" t="s">
        <v>55067</v>
      </c>
      <c r="B14537" s="1" t="s">
        <v>53796</v>
      </c>
      <c r="C14537" s="1" t="s">
        <v>85</v>
      </c>
      <c r="D14537" s="1" t="s">
        <v>55118</v>
      </c>
      <c r="E14537" s="1" t="s">
        <v>55119</v>
      </c>
      <c r="F14537" s="1" t="s">
        <v>55120</v>
      </c>
      <c r="G14537" s="1" t="s">
        <v>55071</v>
      </c>
      <c r="H14537" s="1" t="s">
        <v>55072</v>
      </c>
      <c r="I14537" s="1" t="s">
        <v>53800</v>
      </c>
      <c r="J14537" s="1" t="s">
        <v>55121</v>
      </c>
    </row>
    <row r="14538" spans="1:10" x14ac:dyDescent="0.35">
      <c r="A14538" s="1" t="s">
        <v>55067</v>
      </c>
      <c r="B14538" s="1" t="s">
        <v>53796</v>
      </c>
      <c r="C14538" s="1" t="s">
        <v>90</v>
      </c>
      <c r="D14538" s="1" t="s">
        <v>55122</v>
      </c>
      <c r="E14538" s="1" t="s">
        <v>53834</v>
      </c>
      <c r="F14538" s="1" t="s">
        <v>55123</v>
      </c>
      <c r="G14538" s="1" t="s">
        <v>55071</v>
      </c>
      <c r="H14538" s="1" t="s">
        <v>55072</v>
      </c>
      <c r="I14538" s="1" t="s">
        <v>53800</v>
      </c>
      <c r="J14538" s="1" t="s">
        <v>55124</v>
      </c>
    </row>
    <row r="14539" spans="1:10" x14ac:dyDescent="0.35">
      <c r="A14539" s="1" t="s">
        <v>55067</v>
      </c>
      <c r="B14539" s="1" t="s">
        <v>53796</v>
      </c>
      <c r="C14539" s="1" t="s">
        <v>95</v>
      </c>
      <c r="D14539" s="1" t="s">
        <v>55125</v>
      </c>
      <c r="E14539" s="1" t="s">
        <v>24363</v>
      </c>
      <c r="F14539" s="1" t="s">
        <v>55126</v>
      </c>
      <c r="G14539" s="1" t="s">
        <v>55071</v>
      </c>
      <c r="H14539" s="1" t="s">
        <v>55072</v>
      </c>
      <c r="I14539" s="1" t="s">
        <v>53800</v>
      </c>
      <c r="J14539" s="1" t="s">
        <v>55127</v>
      </c>
    </row>
    <row r="14540" spans="1:10" x14ac:dyDescent="0.35">
      <c r="A14540" s="1" t="s">
        <v>55067</v>
      </c>
      <c r="B14540" s="1" t="s">
        <v>53796</v>
      </c>
      <c r="C14540" s="1" t="s">
        <v>100</v>
      </c>
      <c r="D14540" s="1" t="s">
        <v>55128</v>
      </c>
      <c r="E14540" s="1" t="s">
        <v>55129</v>
      </c>
      <c r="F14540" s="1" t="s">
        <v>55130</v>
      </c>
      <c r="G14540" s="1" t="s">
        <v>55071</v>
      </c>
      <c r="H14540" s="1" t="s">
        <v>55072</v>
      </c>
      <c r="I14540" s="1" t="s">
        <v>53800</v>
      </c>
      <c r="J14540" s="1" t="s">
        <v>55131</v>
      </c>
    </row>
    <row r="14541" spans="1:10" x14ac:dyDescent="0.35">
      <c r="A14541" s="1" t="s">
        <v>55067</v>
      </c>
      <c r="B14541" s="1" t="s">
        <v>53796</v>
      </c>
      <c r="C14541" s="1" t="s">
        <v>105</v>
      </c>
      <c r="D14541" s="1" t="s">
        <v>55132</v>
      </c>
      <c r="E14541" s="1" t="s">
        <v>55133</v>
      </c>
      <c r="F14541" s="1" t="s">
        <v>55134</v>
      </c>
      <c r="G14541" s="1" t="s">
        <v>55071</v>
      </c>
      <c r="H14541" s="1" t="s">
        <v>55072</v>
      </c>
      <c r="I14541" s="1" t="s">
        <v>53800</v>
      </c>
      <c r="J14541" s="1" t="s">
        <v>55135</v>
      </c>
    </row>
    <row r="14542" spans="1:10" x14ac:dyDescent="0.35">
      <c r="A14542" s="1" t="s">
        <v>55067</v>
      </c>
      <c r="B14542" s="1" t="s">
        <v>53796</v>
      </c>
      <c r="C14542" s="1" t="s">
        <v>110</v>
      </c>
      <c r="D14542" s="1" t="s">
        <v>55136</v>
      </c>
      <c r="E14542" s="1" t="s">
        <v>55137</v>
      </c>
      <c r="F14542" s="1" t="s">
        <v>55138</v>
      </c>
      <c r="G14542" s="1" t="s">
        <v>55071</v>
      </c>
      <c r="H14542" s="1" t="s">
        <v>55072</v>
      </c>
      <c r="I14542" s="1" t="s">
        <v>53800</v>
      </c>
      <c r="J14542" s="1" t="s">
        <v>55139</v>
      </c>
    </row>
    <row r="14543" spans="1:10" x14ac:dyDescent="0.35">
      <c r="A14543" s="1" t="s">
        <v>55067</v>
      </c>
      <c r="B14543" s="1" t="s">
        <v>53796</v>
      </c>
      <c r="C14543" s="1" t="s">
        <v>115</v>
      </c>
      <c r="D14543" s="1" t="s">
        <v>55140</v>
      </c>
      <c r="E14543" s="1" t="s">
        <v>32061</v>
      </c>
      <c r="F14543" s="1" t="s">
        <v>55141</v>
      </c>
      <c r="G14543" s="1" t="s">
        <v>55071</v>
      </c>
      <c r="H14543" s="1" t="s">
        <v>55072</v>
      </c>
      <c r="I14543" s="1" t="s">
        <v>53800</v>
      </c>
      <c r="J14543" s="1" t="s">
        <v>55142</v>
      </c>
    </row>
    <row r="14544" spans="1:10" x14ac:dyDescent="0.35">
      <c r="A14544" s="1" t="s">
        <v>55067</v>
      </c>
      <c r="B14544" s="1" t="s">
        <v>53796</v>
      </c>
      <c r="C14544" s="1" t="s">
        <v>120</v>
      </c>
      <c r="D14544" s="1" t="s">
        <v>55143</v>
      </c>
      <c r="E14544" s="1" t="s">
        <v>41294</v>
      </c>
      <c r="F14544" s="1" t="s">
        <v>55144</v>
      </c>
      <c r="G14544" s="1" t="s">
        <v>55071</v>
      </c>
      <c r="H14544" s="1" t="s">
        <v>55072</v>
      </c>
      <c r="I14544" s="1" t="s">
        <v>53800</v>
      </c>
      <c r="J14544" s="1" t="s">
        <v>55145</v>
      </c>
    </row>
    <row r="14545" spans="1:10" x14ac:dyDescent="0.35">
      <c r="A14545" s="1" t="s">
        <v>55067</v>
      </c>
      <c r="B14545" s="1" t="s">
        <v>53796</v>
      </c>
      <c r="C14545" s="1" t="s">
        <v>125</v>
      </c>
      <c r="D14545" s="1" t="s">
        <v>55146</v>
      </c>
      <c r="E14545" s="1" t="s">
        <v>23006</v>
      </c>
      <c r="F14545" s="1" t="s">
        <v>55147</v>
      </c>
      <c r="G14545" s="1" t="s">
        <v>55071</v>
      </c>
      <c r="H14545" s="1" t="s">
        <v>55072</v>
      </c>
      <c r="I14545" s="1" t="s">
        <v>53800</v>
      </c>
      <c r="J14545" s="1" t="s">
        <v>55148</v>
      </c>
    </row>
    <row r="14546" spans="1:10" x14ac:dyDescent="0.35">
      <c r="A14546" s="1" t="s">
        <v>55067</v>
      </c>
      <c r="B14546" s="1" t="s">
        <v>53796</v>
      </c>
      <c r="C14546" s="1" t="s">
        <v>130</v>
      </c>
      <c r="D14546" s="1" t="s">
        <v>55149</v>
      </c>
      <c r="E14546" s="1" t="s">
        <v>23435</v>
      </c>
      <c r="F14546" s="1" t="s">
        <v>55150</v>
      </c>
      <c r="G14546" s="1" t="s">
        <v>55071</v>
      </c>
      <c r="H14546" s="1" t="s">
        <v>55072</v>
      </c>
      <c r="I14546" s="1" t="s">
        <v>53800</v>
      </c>
      <c r="J14546" s="1" t="s">
        <v>55151</v>
      </c>
    </row>
    <row r="14547" spans="1:10" x14ac:dyDescent="0.35">
      <c r="A14547" s="1" t="s">
        <v>55067</v>
      </c>
      <c r="B14547" s="1" t="s">
        <v>53796</v>
      </c>
      <c r="C14547" s="1" t="s">
        <v>135</v>
      </c>
      <c r="D14547" s="1" t="s">
        <v>55152</v>
      </c>
      <c r="E14547" s="1" t="s">
        <v>41313</v>
      </c>
      <c r="F14547" s="1" t="s">
        <v>19901</v>
      </c>
      <c r="G14547" s="1" t="s">
        <v>55071</v>
      </c>
      <c r="H14547" s="1" t="s">
        <v>55072</v>
      </c>
      <c r="I14547" s="1" t="s">
        <v>53800</v>
      </c>
      <c r="J14547" s="1" t="s">
        <v>55153</v>
      </c>
    </row>
    <row r="14548" spans="1:10" x14ac:dyDescent="0.35">
      <c r="A14548" s="1" t="s">
        <v>55067</v>
      </c>
      <c r="B14548" s="1" t="s">
        <v>53796</v>
      </c>
      <c r="C14548" s="1" t="s">
        <v>140</v>
      </c>
      <c r="D14548" s="1" t="s">
        <v>55154</v>
      </c>
      <c r="E14548" s="1" t="s">
        <v>26572</v>
      </c>
      <c r="F14548" s="1" t="s">
        <v>55155</v>
      </c>
      <c r="G14548" s="1" t="s">
        <v>55071</v>
      </c>
      <c r="H14548" s="1" t="s">
        <v>55072</v>
      </c>
      <c r="I14548" s="1" t="s">
        <v>53800</v>
      </c>
      <c r="J14548" s="1" t="s">
        <v>55156</v>
      </c>
    </row>
    <row r="14549" spans="1:10" x14ac:dyDescent="0.35">
      <c r="A14549" s="1" t="s">
        <v>55067</v>
      </c>
      <c r="B14549" s="1" t="s">
        <v>53796</v>
      </c>
      <c r="C14549" s="1" t="s">
        <v>145</v>
      </c>
      <c r="D14549" s="1" t="s">
        <v>55157</v>
      </c>
      <c r="E14549" s="1" t="s">
        <v>54136</v>
      </c>
      <c r="F14549" s="1" t="s">
        <v>55158</v>
      </c>
      <c r="G14549" s="1" t="s">
        <v>55071</v>
      </c>
      <c r="H14549" s="1" t="s">
        <v>55072</v>
      </c>
      <c r="I14549" s="1" t="s">
        <v>53800</v>
      </c>
      <c r="J14549" s="1" t="s">
        <v>55159</v>
      </c>
    </row>
    <row r="14550" spans="1:10" x14ac:dyDescent="0.35">
      <c r="A14550" s="1" t="s">
        <v>55067</v>
      </c>
      <c r="B14550" s="1" t="s">
        <v>53796</v>
      </c>
      <c r="C14550" s="1" t="s">
        <v>150</v>
      </c>
      <c r="D14550" s="1" t="s">
        <v>55160</v>
      </c>
      <c r="E14550" s="1" t="s">
        <v>32302</v>
      </c>
      <c r="F14550" s="1" t="s">
        <v>55161</v>
      </c>
      <c r="G14550" s="1" t="s">
        <v>55071</v>
      </c>
      <c r="H14550" s="1" t="s">
        <v>55072</v>
      </c>
      <c r="I14550" s="1" t="s">
        <v>53800</v>
      </c>
      <c r="J14550" s="1" t="s">
        <v>55162</v>
      </c>
    </row>
    <row r="14551" spans="1:10" x14ac:dyDescent="0.35">
      <c r="A14551" s="1" t="s">
        <v>55067</v>
      </c>
      <c r="B14551" s="1" t="s">
        <v>53796</v>
      </c>
      <c r="C14551" s="1" t="s">
        <v>155</v>
      </c>
      <c r="D14551" s="1" t="s">
        <v>55163</v>
      </c>
      <c r="E14551" s="1" t="s">
        <v>41344</v>
      </c>
      <c r="F14551" s="1" t="s">
        <v>55164</v>
      </c>
      <c r="G14551" s="1" t="s">
        <v>55071</v>
      </c>
      <c r="H14551" s="1" t="s">
        <v>55072</v>
      </c>
      <c r="I14551" s="1" t="s">
        <v>53800</v>
      </c>
      <c r="J14551" s="1" t="s">
        <v>55165</v>
      </c>
    </row>
    <row r="14552" spans="1:10" x14ac:dyDescent="0.35">
      <c r="A14552" s="1" t="s">
        <v>55067</v>
      </c>
      <c r="B14552" s="1" t="s">
        <v>53796</v>
      </c>
      <c r="C14552" s="1" t="s">
        <v>160</v>
      </c>
      <c r="D14552" s="1" t="s">
        <v>55166</v>
      </c>
      <c r="E14552" s="1" t="s">
        <v>23176</v>
      </c>
      <c r="F14552" s="1" t="s">
        <v>55167</v>
      </c>
      <c r="G14552" s="1" t="s">
        <v>55071</v>
      </c>
      <c r="H14552" s="1" t="s">
        <v>55072</v>
      </c>
      <c r="I14552" s="1" t="s">
        <v>53800</v>
      </c>
      <c r="J14552" s="1" t="s">
        <v>55168</v>
      </c>
    </row>
    <row r="14553" spans="1:10" x14ac:dyDescent="0.35">
      <c r="A14553" s="1" t="s">
        <v>55067</v>
      </c>
      <c r="B14553" s="1" t="s">
        <v>53796</v>
      </c>
      <c r="C14553" s="1" t="s">
        <v>165</v>
      </c>
      <c r="D14553" s="1" t="s">
        <v>55169</v>
      </c>
      <c r="E14553" s="1" t="s">
        <v>40717</v>
      </c>
      <c r="F14553" s="1" t="s">
        <v>55170</v>
      </c>
      <c r="G14553" s="1" t="s">
        <v>55071</v>
      </c>
      <c r="H14553" s="1" t="s">
        <v>55072</v>
      </c>
      <c r="I14553" s="1" t="s">
        <v>53800</v>
      </c>
      <c r="J14553" s="1" t="s">
        <v>55171</v>
      </c>
    </row>
    <row r="14554" spans="1:10" x14ac:dyDescent="0.35">
      <c r="A14554" s="1" t="s">
        <v>55067</v>
      </c>
      <c r="B14554" s="1" t="s">
        <v>53796</v>
      </c>
      <c r="C14554" s="1" t="s">
        <v>170</v>
      </c>
      <c r="D14554" s="1" t="s">
        <v>55172</v>
      </c>
      <c r="E14554" s="1" t="s">
        <v>26239</v>
      </c>
      <c r="F14554" s="1" t="s">
        <v>55173</v>
      </c>
      <c r="G14554" s="1" t="s">
        <v>55071</v>
      </c>
      <c r="H14554" s="1" t="s">
        <v>55072</v>
      </c>
      <c r="I14554" s="1" t="s">
        <v>53800</v>
      </c>
      <c r="J14554" s="1" t="s">
        <v>55174</v>
      </c>
    </row>
    <row r="14555" spans="1:10" x14ac:dyDescent="0.35">
      <c r="A14555" s="1" t="s">
        <v>51048</v>
      </c>
      <c r="B14555" s="1" t="s">
        <v>53796</v>
      </c>
      <c r="C14555" s="1" t="s">
        <v>8</v>
      </c>
      <c r="D14555" s="1" t="s">
        <v>55175</v>
      </c>
      <c r="E14555" s="1" t="s">
        <v>22052</v>
      </c>
      <c r="F14555" s="1" t="s">
        <v>32920</v>
      </c>
      <c r="G14555" s="1" t="s">
        <v>55176</v>
      </c>
      <c r="H14555" s="1" t="s">
        <v>55177</v>
      </c>
      <c r="I14555" s="1" t="s">
        <v>53800</v>
      </c>
      <c r="J14555" s="1" t="s">
        <v>13</v>
      </c>
    </row>
    <row r="14556" spans="1:10" x14ac:dyDescent="0.35">
      <c r="A14556" s="1" t="s">
        <v>51048</v>
      </c>
      <c r="B14556" s="1" t="s">
        <v>53796</v>
      </c>
      <c r="C14556" s="1" t="s">
        <v>15</v>
      </c>
      <c r="D14556" s="1" t="s">
        <v>55178</v>
      </c>
      <c r="E14556" s="1" t="s">
        <v>24323</v>
      </c>
      <c r="F14556" s="1" t="s">
        <v>55179</v>
      </c>
      <c r="G14556" s="1" t="s">
        <v>55176</v>
      </c>
      <c r="H14556" s="1" t="s">
        <v>55177</v>
      </c>
      <c r="I14556" s="1" t="s">
        <v>53800</v>
      </c>
      <c r="J14556" s="1" t="s">
        <v>55180</v>
      </c>
    </row>
    <row r="14557" spans="1:10" x14ac:dyDescent="0.35">
      <c r="A14557" s="1" t="s">
        <v>51048</v>
      </c>
      <c r="B14557" s="1" t="s">
        <v>53796</v>
      </c>
      <c r="C14557" s="1" t="s">
        <v>20</v>
      </c>
      <c r="D14557" s="1" t="s">
        <v>55181</v>
      </c>
      <c r="E14557" s="1" t="s">
        <v>55182</v>
      </c>
      <c r="F14557" s="1" t="s">
        <v>55183</v>
      </c>
      <c r="G14557" s="1" t="s">
        <v>55176</v>
      </c>
      <c r="H14557" s="1" t="s">
        <v>55177</v>
      </c>
      <c r="I14557" s="1" t="s">
        <v>53800</v>
      </c>
      <c r="J14557" s="1" t="s">
        <v>55184</v>
      </c>
    </row>
    <row r="14558" spans="1:10" x14ac:dyDescent="0.35">
      <c r="A14558" s="1" t="s">
        <v>51048</v>
      </c>
      <c r="B14558" s="1" t="s">
        <v>53796</v>
      </c>
      <c r="C14558" s="1" t="s">
        <v>25</v>
      </c>
      <c r="D14558" s="1" t="s">
        <v>55185</v>
      </c>
      <c r="E14558" s="1" t="s">
        <v>21749</v>
      </c>
      <c r="F14558" s="1" t="s">
        <v>55186</v>
      </c>
      <c r="G14558" s="1" t="s">
        <v>55176</v>
      </c>
      <c r="H14558" s="1" t="s">
        <v>55177</v>
      </c>
      <c r="I14558" s="1" t="s">
        <v>53800</v>
      </c>
      <c r="J14558" s="1" t="s">
        <v>55187</v>
      </c>
    </row>
    <row r="14559" spans="1:10" x14ac:dyDescent="0.35">
      <c r="A14559" s="1" t="s">
        <v>51048</v>
      </c>
      <c r="B14559" s="1" t="s">
        <v>53796</v>
      </c>
      <c r="C14559" s="1" t="s">
        <v>30</v>
      </c>
      <c r="D14559" s="1" t="s">
        <v>55188</v>
      </c>
      <c r="E14559" s="1" t="s">
        <v>32310</v>
      </c>
      <c r="F14559" s="1" t="s">
        <v>55189</v>
      </c>
      <c r="G14559" s="1" t="s">
        <v>55176</v>
      </c>
      <c r="H14559" s="1" t="s">
        <v>55177</v>
      </c>
      <c r="I14559" s="1" t="s">
        <v>53800</v>
      </c>
      <c r="J14559" s="1" t="s">
        <v>55190</v>
      </c>
    </row>
    <row r="14560" spans="1:10" x14ac:dyDescent="0.35">
      <c r="A14560" s="1" t="s">
        <v>51048</v>
      </c>
      <c r="B14560" s="1" t="s">
        <v>53796</v>
      </c>
      <c r="C14560" s="1" t="s">
        <v>35</v>
      </c>
      <c r="D14560" s="1" t="s">
        <v>55191</v>
      </c>
      <c r="E14560" s="1" t="s">
        <v>31397</v>
      </c>
      <c r="F14560" s="1" t="s">
        <v>55192</v>
      </c>
      <c r="G14560" s="1" t="s">
        <v>55176</v>
      </c>
      <c r="H14560" s="1" t="s">
        <v>55177</v>
      </c>
      <c r="I14560" s="1" t="s">
        <v>53800</v>
      </c>
      <c r="J14560" s="1" t="s">
        <v>55193</v>
      </c>
    </row>
    <row r="14561" spans="1:10" x14ac:dyDescent="0.35">
      <c r="A14561" s="1" t="s">
        <v>51048</v>
      </c>
      <c r="B14561" s="1" t="s">
        <v>53796</v>
      </c>
      <c r="C14561" s="1" t="s">
        <v>40</v>
      </c>
      <c r="D14561" s="1" t="s">
        <v>55194</v>
      </c>
      <c r="E14561" s="1" t="s">
        <v>55195</v>
      </c>
      <c r="F14561" s="1" t="s">
        <v>55196</v>
      </c>
      <c r="G14561" s="1" t="s">
        <v>55176</v>
      </c>
      <c r="H14561" s="1" t="s">
        <v>55177</v>
      </c>
      <c r="I14561" s="1" t="s">
        <v>53800</v>
      </c>
      <c r="J14561" s="1" t="s">
        <v>55197</v>
      </c>
    </row>
    <row r="14562" spans="1:10" x14ac:dyDescent="0.35">
      <c r="A14562" s="1" t="s">
        <v>51048</v>
      </c>
      <c r="B14562" s="1" t="s">
        <v>53796</v>
      </c>
      <c r="C14562" s="1" t="s">
        <v>45</v>
      </c>
      <c r="D14562" s="1" t="s">
        <v>33277</v>
      </c>
      <c r="E14562" s="1" t="s">
        <v>55198</v>
      </c>
      <c r="F14562" s="1" t="s">
        <v>55199</v>
      </c>
      <c r="G14562" s="1" t="s">
        <v>55176</v>
      </c>
      <c r="H14562" s="1" t="s">
        <v>55177</v>
      </c>
      <c r="I14562" s="1" t="s">
        <v>53800</v>
      </c>
      <c r="J14562" s="1" t="s">
        <v>55200</v>
      </c>
    </row>
    <row r="14563" spans="1:10" x14ac:dyDescent="0.35">
      <c r="A14563" s="1" t="s">
        <v>51048</v>
      </c>
      <c r="B14563" s="1" t="s">
        <v>53796</v>
      </c>
      <c r="C14563" s="1" t="s">
        <v>50</v>
      </c>
      <c r="D14563" s="1" t="s">
        <v>55201</v>
      </c>
      <c r="E14563" s="1" t="s">
        <v>32333</v>
      </c>
      <c r="F14563" s="1" t="s">
        <v>55202</v>
      </c>
      <c r="G14563" s="1" t="s">
        <v>55176</v>
      </c>
      <c r="H14563" s="1" t="s">
        <v>55177</v>
      </c>
      <c r="I14563" s="1" t="s">
        <v>53800</v>
      </c>
      <c r="J14563" s="1" t="s">
        <v>55203</v>
      </c>
    </row>
    <row r="14564" spans="1:10" x14ac:dyDescent="0.35">
      <c r="A14564" s="1" t="s">
        <v>51048</v>
      </c>
      <c r="B14564" s="1" t="s">
        <v>53796</v>
      </c>
      <c r="C14564" s="1" t="s">
        <v>55</v>
      </c>
      <c r="D14564" s="1" t="s">
        <v>55204</v>
      </c>
      <c r="E14564" s="1" t="s">
        <v>54059</v>
      </c>
      <c r="F14564" s="1" t="s">
        <v>55205</v>
      </c>
      <c r="G14564" s="1" t="s">
        <v>55176</v>
      </c>
      <c r="H14564" s="1" t="s">
        <v>55177</v>
      </c>
      <c r="I14564" s="1" t="s">
        <v>53800</v>
      </c>
      <c r="J14564" s="1" t="s">
        <v>55206</v>
      </c>
    </row>
    <row r="14565" spans="1:10" x14ac:dyDescent="0.35">
      <c r="A14565" s="1" t="s">
        <v>51048</v>
      </c>
      <c r="B14565" s="1" t="s">
        <v>53796</v>
      </c>
      <c r="C14565" s="1" t="s">
        <v>60</v>
      </c>
      <c r="D14565" s="1" t="s">
        <v>46656</v>
      </c>
      <c r="E14565" s="1" t="s">
        <v>22091</v>
      </c>
      <c r="F14565" s="1" t="s">
        <v>55207</v>
      </c>
      <c r="G14565" s="1" t="s">
        <v>55176</v>
      </c>
      <c r="H14565" s="1" t="s">
        <v>55177</v>
      </c>
      <c r="I14565" s="1" t="s">
        <v>53800</v>
      </c>
      <c r="J14565" s="1" t="s">
        <v>55208</v>
      </c>
    </row>
    <row r="14566" spans="1:10" x14ac:dyDescent="0.35">
      <c r="A14566" s="1" t="s">
        <v>51048</v>
      </c>
      <c r="B14566" s="1" t="s">
        <v>53796</v>
      </c>
      <c r="C14566" s="1" t="s">
        <v>65</v>
      </c>
      <c r="D14566" s="1" t="s">
        <v>55209</v>
      </c>
      <c r="E14566" s="1" t="s">
        <v>54032</v>
      </c>
      <c r="F14566" s="1" t="s">
        <v>55210</v>
      </c>
      <c r="G14566" s="1" t="s">
        <v>55176</v>
      </c>
      <c r="H14566" s="1" t="s">
        <v>55177</v>
      </c>
      <c r="I14566" s="1" t="s">
        <v>53800</v>
      </c>
      <c r="J14566" s="1" t="s">
        <v>55211</v>
      </c>
    </row>
    <row r="14567" spans="1:10" x14ac:dyDescent="0.35">
      <c r="A14567" s="1" t="s">
        <v>51048</v>
      </c>
      <c r="B14567" s="1" t="s">
        <v>53796</v>
      </c>
      <c r="C14567" s="1" t="s">
        <v>70</v>
      </c>
      <c r="D14567" s="1" t="s">
        <v>55212</v>
      </c>
      <c r="E14567" s="1" t="s">
        <v>55213</v>
      </c>
      <c r="F14567" s="1" t="s">
        <v>55214</v>
      </c>
      <c r="G14567" s="1" t="s">
        <v>55176</v>
      </c>
      <c r="H14567" s="1" t="s">
        <v>55177</v>
      </c>
      <c r="I14567" s="1" t="s">
        <v>53800</v>
      </c>
      <c r="J14567" s="1" t="s">
        <v>55215</v>
      </c>
    </row>
    <row r="14568" spans="1:10" x14ac:dyDescent="0.35">
      <c r="A14568" s="1" t="s">
        <v>51048</v>
      </c>
      <c r="B14568" s="1" t="s">
        <v>53796</v>
      </c>
      <c r="C14568" s="1" t="s">
        <v>75</v>
      </c>
      <c r="D14568" s="1" t="s">
        <v>55216</v>
      </c>
      <c r="E14568" s="1" t="s">
        <v>54092</v>
      </c>
      <c r="F14568" s="1" t="s">
        <v>31901</v>
      </c>
      <c r="G14568" s="1" t="s">
        <v>55176</v>
      </c>
      <c r="H14568" s="1" t="s">
        <v>55177</v>
      </c>
      <c r="I14568" s="1" t="s">
        <v>53800</v>
      </c>
      <c r="J14568" s="1" t="s">
        <v>55217</v>
      </c>
    </row>
    <row r="14569" spans="1:10" x14ac:dyDescent="0.35">
      <c r="A14569" s="1" t="s">
        <v>51048</v>
      </c>
      <c r="B14569" s="1" t="s">
        <v>53796</v>
      </c>
      <c r="C14569" s="1" t="s">
        <v>80</v>
      </c>
      <c r="D14569" s="1" t="s">
        <v>55218</v>
      </c>
      <c r="E14569" s="1" t="s">
        <v>55219</v>
      </c>
      <c r="F14569" s="1" t="s">
        <v>55220</v>
      </c>
      <c r="G14569" s="1" t="s">
        <v>55176</v>
      </c>
      <c r="H14569" s="1" t="s">
        <v>55177</v>
      </c>
      <c r="I14569" s="1" t="s">
        <v>53800</v>
      </c>
      <c r="J14569" s="1" t="s">
        <v>55221</v>
      </c>
    </row>
    <row r="14570" spans="1:10" x14ac:dyDescent="0.35">
      <c r="A14570" s="1" t="s">
        <v>51048</v>
      </c>
      <c r="B14570" s="1" t="s">
        <v>53796</v>
      </c>
      <c r="C14570" s="1" t="s">
        <v>85</v>
      </c>
      <c r="D14570" s="1" t="s">
        <v>42473</v>
      </c>
      <c r="E14570" s="1" t="s">
        <v>41210</v>
      </c>
      <c r="F14570" s="1" t="s">
        <v>55222</v>
      </c>
      <c r="G14570" s="1" t="s">
        <v>55176</v>
      </c>
      <c r="H14570" s="1" t="s">
        <v>55177</v>
      </c>
      <c r="I14570" s="1" t="s">
        <v>53800</v>
      </c>
      <c r="J14570" s="1" t="s">
        <v>55223</v>
      </c>
    </row>
    <row r="14571" spans="1:10" x14ac:dyDescent="0.35">
      <c r="A14571" s="1" t="s">
        <v>51048</v>
      </c>
      <c r="B14571" s="1" t="s">
        <v>53796</v>
      </c>
      <c r="C14571" s="1" t="s">
        <v>90</v>
      </c>
      <c r="D14571" s="1" t="s">
        <v>55224</v>
      </c>
      <c r="E14571" s="1" t="s">
        <v>21845</v>
      </c>
      <c r="F14571" s="1" t="s">
        <v>55225</v>
      </c>
      <c r="G14571" s="1" t="s">
        <v>55176</v>
      </c>
      <c r="H14571" s="1" t="s">
        <v>55177</v>
      </c>
      <c r="I14571" s="1" t="s">
        <v>53800</v>
      </c>
      <c r="J14571" s="1" t="s">
        <v>55226</v>
      </c>
    </row>
    <row r="14572" spans="1:10" x14ac:dyDescent="0.35">
      <c r="A14572" s="1" t="s">
        <v>51048</v>
      </c>
      <c r="B14572" s="1" t="s">
        <v>53796</v>
      </c>
      <c r="C14572" s="1" t="s">
        <v>95</v>
      </c>
      <c r="D14572" s="1" t="s">
        <v>40188</v>
      </c>
      <c r="E14572" s="1" t="s">
        <v>55227</v>
      </c>
      <c r="F14572" s="1" t="s">
        <v>21934</v>
      </c>
      <c r="G14572" s="1" t="s">
        <v>55176</v>
      </c>
      <c r="H14572" s="1" t="s">
        <v>55177</v>
      </c>
      <c r="I14572" s="1" t="s">
        <v>53800</v>
      </c>
      <c r="J14572" s="1" t="s">
        <v>55228</v>
      </c>
    </row>
    <row r="14573" spans="1:10" x14ac:dyDescent="0.35">
      <c r="A14573" s="1" t="s">
        <v>51048</v>
      </c>
      <c r="B14573" s="1" t="s">
        <v>53796</v>
      </c>
      <c r="C14573" s="1" t="s">
        <v>100</v>
      </c>
      <c r="D14573" s="1" t="s">
        <v>55229</v>
      </c>
      <c r="E14573" s="1" t="s">
        <v>55230</v>
      </c>
      <c r="F14573" s="1" t="s">
        <v>55231</v>
      </c>
      <c r="G14573" s="1" t="s">
        <v>55176</v>
      </c>
      <c r="H14573" s="1" t="s">
        <v>55177</v>
      </c>
      <c r="I14573" s="1" t="s">
        <v>53800</v>
      </c>
      <c r="J14573" s="1" t="s">
        <v>55232</v>
      </c>
    </row>
    <row r="14574" spans="1:10" x14ac:dyDescent="0.35">
      <c r="A14574" s="1" t="s">
        <v>51048</v>
      </c>
      <c r="B14574" s="1" t="s">
        <v>53796</v>
      </c>
      <c r="C14574" s="1" t="s">
        <v>105</v>
      </c>
      <c r="D14574" s="1" t="s">
        <v>55233</v>
      </c>
      <c r="E14574" s="1" t="s">
        <v>55234</v>
      </c>
      <c r="F14574" s="1" t="s">
        <v>55235</v>
      </c>
      <c r="G14574" s="1" t="s">
        <v>55176</v>
      </c>
      <c r="H14574" s="1" t="s">
        <v>55177</v>
      </c>
      <c r="I14574" s="1" t="s">
        <v>53800</v>
      </c>
      <c r="J14574" s="1" t="s">
        <v>55236</v>
      </c>
    </row>
    <row r="14575" spans="1:10" x14ac:dyDescent="0.35">
      <c r="A14575" s="1" t="s">
        <v>51048</v>
      </c>
      <c r="B14575" s="1" t="s">
        <v>53796</v>
      </c>
      <c r="C14575" s="1" t="s">
        <v>110</v>
      </c>
      <c r="D14575" s="1" t="s">
        <v>55237</v>
      </c>
      <c r="E14575" s="1" t="s">
        <v>32355</v>
      </c>
      <c r="F14575" s="1" t="s">
        <v>55238</v>
      </c>
      <c r="G14575" s="1" t="s">
        <v>55176</v>
      </c>
      <c r="H14575" s="1" t="s">
        <v>55177</v>
      </c>
      <c r="I14575" s="1" t="s">
        <v>53800</v>
      </c>
      <c r="J14575" s="1" t="s">
        <v>55239</v>
      </c>
    </row>
    <row r="14576" spans="1:10" x14ac:dyDescent="0.35">
      <c r="A14576" s="1" t="s">
        <v>51048</v>
      </c>
      <c r="B14576" s="1" t="s">
        <v>53796</v>
      </c>
      <c r="C14576" s="1" t="s">
        <v>115</v>
      </c>
      <c r="D14576" s="1" t="s">
        <v>55240</v>
      </c>
      <c r="E14576" s="1" t="s">
        <v>55241</v>
      </c>
      <c r="F14576" s="1" t="s">
        <v>55242</v>
      </c>
      <c r="G14576" s="1" t="s">
        <v>55176</v>
      </c>
      <c r="H14576" s="1" t="s">
        <v>55177</v>
      </c>
      <c r="I14576" s="1" t="s">
        <v>53800</v>
      </c>
      <c r="J14576" s="1" t="s">
        <v>55243</v>
      </c>
    </row>
    <row r="14577" spans="1:10" x14ac:dyDescent="0.35">
      <c r="A14577" s="1" t="s">
        <v>51048</v>
      </c>
      <c r="B14577" s="1" t="s">
        <v>53796</v>
      </c>
      <c r="C14577" s="1" t="s">
        <v>120</v>
      </c>
      <c r="D14577" s="1" t="s">
        <v>55244</v>
      </c>
      <c r="E14577" s="1" t="s">
        <v>21811</v>
      </c>
      <c r="F14577" s="1" t="s">
        <v>55245</v>
      </c>
      <c r="G14577" s="1" t="s">
        <v>55176</v>
      </c>
      <c r="H14577" s="1" t="s">
        <v>55177</v>
      </c>
      <c r="I14577" s="1" t="s">
        <v>53800</v>
      </c>
      <c r="J14577" s="1" t="s">
        <v>55246</v>
      </c>
    </row>
    <row r="14578" spans="1:10" x14ac:dyDescent="0.35">
      <c r="A14578" s="1" t="s">
        <v>51048</v>
      </c>
      <c r="B14578" s="1" t="s">
        <v>53796</v>
      </c>
      <c r="C14578" s="1" t="s">
        <v>125</v>
      </c>
      <c r="D14578" s="1" t="s">
        <v>55247</v>
      </c>
      <c r="E14578" s="1" t="s">
        <v>55248</v>
      </c>
      <c r="F14578" s="1" t="s">
        <v>55249</v>
      </c>
      <c r="G14578" s="1" t="s">
        <v>55176</v>
      </c>
      <c r="H14578" s="1" t="s">
        <v>55177</v>
      </c>
      <c r="I14578" s="1" t="s">
        <v>53800</v>
      </c>
      <c r="J14578" s="1" t="s">
        <v>55250</v>
      </c>
    </row>
    <row r="14579" spans="1:10" x14ac:dyDescent="0.35">
      <c r="A14579" s="1" t="s">
        <v>51048</v>
      </c>
      <c r="B14579" s="1" t="s">
        <v>53796</v>
      </c>
      <c r="C14579" s="1" t="s">
        <v>130</v>
      </c>
      <c r="D14579" s="1" t="s">
        <v>19903</v>
      </c>
      <c r="E14579" s="1" t="s">
        <v>55251</v>
      </c>
      <c r="F14579" s="1" t="s">
        <v>55252</v>
      </c>
      <c r="G14579" s="1" t="s">
        <v>55176</v>
      </c>
      <c r="H14579" s="1" t="s">
        <v>55177</v>
      </c>
      <c r="I14579" s="1" t="s">
        <v>53800</v>
      </c>
      <c r="J14579" s="1" t="s">
        <v>55253</v>
      </c>
    </row>
    <row r="14580" spans="1:10" x14ac:dyDescent="0.35">
      <c r="A14580" s="1" t="s">
        <v>51048</v>
      </c>
      <c r="B14580" s="1" t="s">
        <v>53796</v>
      </c>
      <c r="C14580" s="1" t="s">
        <v>135</v>
      </c>
      <c r="D14580" s="1" t="s">
        <v>55254</v>
      </c>
      <c r="E14580" s="1" t="s">
        <v>54455</v>
      </c>
      <c r="F14580" s="1" t="s">
        <v>55255</v>
      </c>
      <c r="G14580" s="1" t="s">
        <v>55176</v>
      </c>
      <c r="H14580" s="1" t="s">
        <v>55177</v>
      </c>
      <c r="I14580" s="1" t="s">
        <v>53800</v>
      </c>
      <c r="J14580" s="1" t="s">
        <v>55256</v>
      </c>
    </row>
    <row r="14581" spans="1:10" x14ac:dyDescent="0.35">
      <c r="A14581" s="1" t="s">
        <v>51048</v>
      </c>
      <c r="B14581" s="1" t="s">
        <v>53796</v>
      </c>
      <c r="C14581" s="1" t="s">
        <v>140</v>
      </c>
      <c r="D14581" s="1" t="s">
        <v>55257</v>
      </c>
      <c r="E14581" s="1" t="s">
        <v>15252</v>
      </c>
      <c r="F14581" s="1" t="s">
        <v>55258</v>
      </c>
      <c r="G14581" s="1" t="s">
        <v>55176</v>
      </c>
      <c r="H14581" s="1" t="s">
        <v>55177</v>
      </c>
      <c r="I14581" s="1" t="s">
        <v>53800</v>
      </c>
      <c r="J14581" s="1" t="s">
        <v>55259</v>
      </c>
    </row>
    <row r="14582" spans="1:10" x14ac:dyDescent="0.35">
      <c r="A14582" s="1" t="s">
        <v>51048</v>
      </c>
      <c r="B14582" s="1" t="s">
        <v>53796</v>
      </c>
      <c r="C14582" s="1" t="s">
        <v>145</v>
      </c>
      <c r="D14582" s="1" t="s">
        <v>55260</v>
      </c>
      <c r="E14582" s="1" t="s">
        <v>15349</v>
      </c>
      <c r="F14582" s="1" t="s">
        <v>26496</v>
      </c>
      <c r="G14582" s="1" t="s">
        <v>55176</v>
      </c>
      <c r="H14582" s="1" t="s">
        <v>55177</v>
      </c>
      <c r="I14582" s="1" t="s">
        <v>53800</v>
      </c>
      <c r="J14582" s="1" t="s">
        <v>55261</v>
      </c>
    </row>
    <row r="14583" spans="1:10" x14ac:dyDescent="0.35">
      <c r="A14583" s="1" t="s">
        <v>51048</v>
      </c>
      <c r="B14583" s="1" t="s">
        <v>53796</v>
      </c>
      <c r="C14583" s="1" t="s">
        <v>150</v>
      </c>
      <c r="D14583" s="1" t="s">
        <v>55262</v>
      </c>
      <c r="E14583" s="1" t="s">
        <v>23217</v>
      </c>
      <c r="F14583" s="1" t="s">
        <v>55263</v>
      </c>
      <c r="G14583" s="1" t="s">
        <v>55176</v>
      </c>
      <c r="H14583" s="1" t="s">
        <v>55177</v>
      </c>
      <c r="I14583" s="1" t="s">
        <v>53800</v>
      </c>
      <c r="J14583" s="1" t="s">
        <v>55264</v>
      </c>
    </row>
    <row r="14584" spans="1:10" x14ac:dyDescent="0.35">
      <c r="A14584" s="1" t="s">
        <v>51048</v>
      </c>
      <c r="B14584" s="1" t="s">
        <v>53796</v>
      </c>
      <c r="C14584" s="1" t="s">
        <v>155</v>
      </c>
      <c r="D14584" s="1" t="s">
        <v>55265</v>
      </c>
      <c r="E14584" s="1" t="s">
        <v>15241</v>
      </c>
      <c r="F14584" s="1" t="s">
        <v>55266</v>
      </c>
      <c r="G14584" s="1" t="s">
        <v>55176</v>
      </c>
      <c r="H14584" s="1" t="s">
        <v>55177</v>
      </c>
      <c r="I14584" s="1" t="s">
        <v>53800</v>
      </c>
      <c r="J14584" s="1" t="s">
        <v>55267</v>
      </c>
    </row>
    <row r="14585" spans="1:10" x14ac:dyDescent="0.35">
      <c r="A14585" s="1" t="s">
        <v>51048</v>
      </c>
      <c r="B14585" s="1" t="s">
        <v>53796</v>
      </c>
      <c r="C14585" s="1" t="s">
        <v>160</v>
      </c>
      <c r="D14585" s="1" t="s">
        <v>55268</v>
      </c>
      <c r="E14585" s="1" t="s">
        <v>55269</v>
      </c>
      <c r="F14585" s="1" t="s">
        <v>55270</v>
      </c>
      <c r="G14585" s="1" t="s">
        <v>55176</v>
      </c>
      <c r="H14585" s="1" t="s">
        <v>55177</v>
      </c>
      <c r="I14585" s="1" t="s">
        <v>53800</v>
      </c>
      <c r="J14585" s="1" t="s">
        <v>55271</v>
      </c>
    </row>
    <row r="14586" spans="1:10" x14ac:dyDescent="0.35">
      <c r="A14586" s="1" t="s">
        <v>51048</v>
      </c>
      <c r="B14586" s="1" t="s">
        <v>53796</v>
      </c>
      <c r="C14586" s="1" t="s">
        <v>165</v>
      </c>
      <c r="D14586" s="1" t="s">
        <v>55272</v>
      </c>
      <c r="E14586" s="1" t="s">
        <v>41598</v>
      </c>
      <c r="F14586" s="1" t="s">
        <v>55273</v>
      </c>
      <c r="G14586" s="1" t="s">
        <v>55176</v>
      </c>
      <c r="H14586" s="1" t="s">
        <v>55177</v>
      </c>
      <c r="I14586" s="1" t="s">
        <v>53800</v>
      </c>
      <c r="J14586" s="1" t="s">
        <v>55274</v>
      </c>
    </row>
    <row r="14587" spans="1:10" x14ac:dyDescent="0.35">
      <c r="A14587" s="1" t="s">
        <v>51048</v>
      </c>
      <c r="B14587" s="1" t="s">
        <v>53796</v>
      </c>
      <c r="C14587" s="1" t="s">
        <v>170</v>
      </c>
      <c r="D14587" s="1" t="s">
        <v>55275</v>
      </c>
      <c r="E14587" s="1" t="s">
        <v>32113</v>
      </c>
      <c r="F14587" s="1" t="s">
        <v>55276</v>
      </c>
      <c r="G14587" s="1" t="s">
        <v>55176</v>
      </c>
      <c r="H14587" s="1" t="s">
        <v>55177</v>
      </c>
      <c r="I14587" s="1" t="s">
        <v>53800</v>
      </c>
      <c r="J14587" s="1" t="s">
        <v>55277</v>
      </c>
    </row>
    <row r="14588" spans="1:10" x14ac:dyDescent="0.35">
      <c r="A14588" s="1" t="s">
        <v>55278</v>
      </c>
      <c r="B14588" s="1" t="s">
        <v>53796</v>
      </c>
      <c r="C14588" s="1" t="s">
        <v>8</v>
      </c>
      <c r="D14588" s="1" t="s">
        <v>55279</v>
      </c>
      <c r="E14588" s="1" t="s">
        <v>12864</v>
      </c>
      <c r="F14588" s="1" t="s">
        <v>55280</v>
      </c>
      <c r="G14588" s="1" t="s">
        <v>55281</v>
      </c>
      <c r="H14588" s="1" t="s">
        <v>55282</v>
      </c>
      <c r="I14588" s="1" t="s">
        <v>53800</v>
      </c>
      <c r="J14588" s="1" t="s">
        <v>13</v>
      </c>
    </row>
    <row r="14589" spans="1:10" x14ac:dyDescent="0.35">
      <c r="A14589" s="1" t="s">
        <v>55278</v>
      </c>
      <c r="B14589" s="1" t="s">
        <v>53796</v>
      </c>
      <c r="C14589" s="1" t="s">
        <v>15</v>
      </c>
      <c r="D14589" s="1" t="s">
        <v>55283</v>
      </c>
      <c r="E14589" s="1" t="s">
        <v>41210</v>
      </c>
      <c r="F14589" s="1" t="s">
        <v>55284</v>
      </c>
      <c r="G14589" s="1" t="s">
        <v>55281</v>
      </c>
      <c r="H14589" s="1" t="s">
        <v>55282</v>
      </c>
      <c r="I14589" s="1" t="s">
        <v>53800</v>
      </c>
      <c r="J14589" s="1" t="s">
        <v>55285</v>
      </c>
    </row>
    <row r="14590" spans="1:10" x14ac:dyDescent="0.35">
      <c r="A14590" s="1" t="s">
        <v>55278</v>
      </c>
      <c r="B14590" s="1" t="s">
        <v>53796</v>
      </c>
      <c r="C14590" s="1" t="s">
        <v>20</v>
      </c>
      <c r="D14590" s="1" t="s">
        <v>26542</v>
      </c>
      <c r="E14590" s="1" t="s">
        <v>55286</v>
      </c>
      <c r="F14590" s="1" t="s">
        <v>55287</v>
      </c>
      <c r="G14590" s="1" t="s">
        <v>55281</v>
      </c>
      <c r="H14590" s="1" t="s">
        <v>55282</v>
      </c>
      <c r="I14590" s="1" t="s">
        <v>53800</v>
      </c>
      <c r="J14590" s="1" t="s">
        <v>55288</v>
      </c>
    </row>
    <row r="14591" spans="1:10" x14ac:dyDescent="0.35">
      <c r="A14591" s="1" t="s">
        <v>55278</v>
      </c>
      <c r="B14591" s="1" t="s">
        <v>53796</v>
      </c>
      <c r="C14591" s="1" t="s">
        <v>25</v>
      </c>
      <c r="D14591" s="1" t="s">
        <v>55289</v>
      </c>
      <c r="E14591" s="1" t="s">
        <v>53815</v>
      </c>
      <c r="F14591" s="1" t="s">
        <v>55290</v>
      </c>
      <c r="G14591" s="1" t="s">
        <v>55281</v>
      </c>
      <c r="H14591" s="1" t="s">
        <v>55282</v>
      </c>
      <c r="I14591" s="1" t="s">
        <v>53800</v>
      </c>
      <c r="J14591" s="1" t="s">
        <v>55291</v>
      </c>
    </row>
    <row r="14592" spans="1:10" x14ac:dyDescent="0.35">
      <c r="A14592" s="1" t="s">
        <v>55278</v>
      </c>
      <c r="B14592" s="1" t="s">
        <v>53796</v>
      </c>
      <c r="C14592" s="1" t="s">
        <v>30</v>
      </c>
      <c r="D14592" s="1" t="s">
        <v>55292</v>
      </c>
      <c r="E14592" s="1" t="s">
        <v>15293</v>
      </c>
      <c r="F14592" s="1" t="s">
        <v>55293</v>
      </c>
      <c r="G14592" s="1" t="s">
        <v>55281</v>
      </c>
      <c r="H14592" s="1" t="s">
        <v>55282</v>
      </c>
      <c r="I14592" s="1" t="s">
        <v>53800</v>
      </c>
      <c r="J14592" s="1" t="s">
        <v>55294</v>
      </c>
    </row>
    <row r="14593" spans="1:10" x14ac:dyDescent="0.35">
      <c r="A14593" s="1" t="s">
        <v>55278</v>
      </c>
      <c r="B14593" s="1" t="s">
        <v>53796</v>
      </c>
      <c r="C14593" s="1" t="s">
        <v>35</v>
      </c>
      <c r="D14593" s="1" t="s">
        <v>55295</v>
      </c>
      <c r="E14593" s="1" t="s">
        <v>54042</v>
      </c>
      <c r="F14593" s="1" t="s">
        <v>55296</v>
      </c>
      <c r="G14593" s="1" t="s">
        <v>55281</v>
      </c>
      <c r="H14593" s="1" t="s">
        <v>55282</v>
      </c>
      <c r="I14593" s="1" t="s">
        <v>53800</v>
      </c>
      <c r="J14593" s="1" t="s">
        <v>55297</v>
      </c>
    </row>
    <row r="14594" spans="1:10" x14ac:dyDescent="0.35">
      <c r="A14594" s="1" t="s">
        <v>55278</v>
      </c>
      <c r="B14594" s="1" t="s">
        <v>53796</v>
      </c>
      <c r="C14594" s="1" t="s">
        <v>40</v>
      </c>
      <c r="D14594" s="1" t="s">
        <v>55298</v>
      </c>
      <c r="E14594" s="1" t="s">
        <v>55087</v>
      </c>
      <c r="F14594" s="1" t="s">
        <v>55299</v>
      </c>
      <c r="G14594" s="1" t="s">
        <v>55281</v>
      </c>
      <c r="H14594" s="1" t="s">
        <v>55282</v>
      </c>
      <c r="I14594" s="1" t="s">
        <v>53800</v>
      </c>
      <c r="J14594" s="1" t="s">
        <v>55300</v>
      </c>
    </row>
    <row r="14595" spans="1:10" x14ac:dyDescent="0.35">
      <c r="A14595" s="1" t="s">
        <v>55278</v>
      </c>
      <c r="B14595" s="1" t="s">
        <v>53796</v>
      </c>
      <c r="C14595" s="1" t="s">
        <v>45</v>
      </c>
      <c r="D14595" s="1" t="s">
        <v>55301</v>
      </c>
      <c r="E14595" s="1" t="s">
        <v>54074</v>
      </c>
      <c r="F14595" s="1" t="s">
        <v>55302</v>
      </c>
      <c r="G14595" s="1" t="s">
        <v>55281</v>
      </c>
      <c r="H14595" s="1" t="s">
        <v>55282</v>
      </c>
      <c r="I14595" s="1" t="s">
        <v>53800</v>
      </c>
      <c r="J14595" s="1" t="s">
        <v>55303</v>
      </c>
    </row>
    <row r="14596" spans="1:10" x14ac:dyDescent="0.35">
      <c r="A14596" s="1" t="s">
        <v>55278</v>
      </c>
      <c r="B14596" s="1" t="s">
        <v>53796</v>
      </c>
      <c r="C14596" s="1" t="s">
        <v>50</v>
      </c>
      <c r="D14596" s="1" t="s">
        <v>55304</v>
      </c>
      <c r="E14596" s="1" t="s">
        <v>21799</v>
      </c>
      <c r="F14596" s="1" t="s">
        <v>55305</v>
      </c>
      <c r="G14596" s="1" t="s">
        <v>55281</v>
      </c>
      <c r="H14596" s="1" t="s">
        <v>55282</v>
      </c>
      <c r="I14596" s="1" t="s">
        <v>53800</v>
      </c>
      <c r="J14596" s="1" t="s">
        <v>55306</v>
      </c>
    </row>
    <row r="14597" spans="1:10" x14ac:dyDescent="0.35">
      <c r="A14597" s="1" t="s">
        <v>55278</v>
      </c>
      <c r="B14597" s="1" t="s">
        <v>53796</v>
      </c>
      <c r="C14597" s="1" t="s">
        <v>55</v>
      </c>
      <c r="D14597" s="1" t="s">
        <v>55307</v>
      </c>
      <c r="E14597" s="1" t="s">
        <v>55308</v>
      </c>
      <c r="F14597" s="1" t="s">
        <v>55309</v>
      </c>
      <c r="G14597" s="1" t="s">
        <v>55281</v>
      </c>
      <c r="H14597" s="1" t="s">
        <v>55282</v>
      </c>
      <c r="I14597" s="1" t="s">
        <v>53800</v>
      </c>
      <c r="J14597" s="1" t="s">
        <v>55310</v>
      </c>
    </row>
    <row r="14598" spans="1:10" x14ac:dyDescent="0.35">
      <c r="A14598" s="1" t="s">
        <v>55278</v>
      </c>
      <c r="B14598" s="1" t="s">
        <v>53796</v>
      </c>
      <c r="C14598" s="1" t="s">
        <v>60</v>
      </c>
      <c r="D14598" s="1" t="s">
        <v>55311</v>
      </c>
      <c r="E14598" s="1" t="s">
        <v>24217</v>
      </c>
      <c r="F14598" s="1" t="s">
        <v>55312</v>
      </c>
      <c r="G14598" s="1" t="s">
        <v>55281</v>
      </c>
      <c r="H14598" s="1" t="s">
        <v>55282</v>
      </c>
      <c r="I14598" s="1" t="s">
        <v>53800</v>
      </c>
      <c r="J14598" s="1" t="s">
        <v>55313</v>
      </c>
    </row>
    <row r="14599" spans="1:10" x14ac:dyDescent="0.35">
      <c r="A14599" s="1" t="s">
        <v>55278</v>
      </c>
      <c r="B14599" s="1" t="s">
        <v>53796</v>
      </c>
      <c r="C14599" s="1" t="s">
        <v>65</v>
      </c>
      <c r="D14599" s="1" t="s">
        <v>55314</v>
      </c>
      <c r="E14599" s="1" t="s">
        <v>55315</v>
      </c>
      <c r="F14599" s="1" t="s">
        <v>55316</v>
      </c>
      <c r="G14599" s="1" t="s">
        <v>55281</v>
      </c>
      <c r="H14599" s="1" t="s">
        <v>55282</v>
      </c>
      <c r="I14599" s="1" t="s">
        <v>53800</v>
      </c>
      <c r="J14599" s="1" t="s">
        <v>55317</v>
      </c>
    </row>
    <row r="14600" spans="1:10" x14ac:dyDescent="0.35">
      <c r="A14600" s="1" t="s">
        <v>55278</v>
      </c>
      <c r="B14600" s="1" t="s">
        <v>53796</v>
      </c>
      <c r="C14600" s="1" t="s">
        <v>70</v>
      </c>
      <c r="D14600" s="1" t="s">
        <v>55318</v>
      </c>
      <c r="E14600" s="1" t="s">
        <v>23232</v>
      </c>
      <c r="F14600" s="1" t="s">
        <v>55319</v>
      </c>
      <c r="G14600" s="1" t="s">
        <v>55281</v>
      </c>
      <c r="H14600" s="1" t="s">
        <v>55282</v>
      </c>
      <c r="I14600" s="1" t="s">
        <v>53800</v>
      </c>
      <c r="J14600" s="1" t="s">
        <v>55320</v>
      </c>
    </row>
    <row r="14601" spans="1:10" x14ac:dyDescent="0.35">
      <c r="A14601" s="1" t="s">
        <v>55278</v>
      </c>
      <c r="B14601" s="1" t="s">
        <v>53796</v>
      </c>
      <c r="C14601" s="1" t="s">
        <v>75</v>
      </c>
      <c r="D14601" s="1" t="s">
        <v>55321</v>
      </c>
      <c r="E14601" s="1" t="s">
        <v>12825</v>
      </c>
      <c r="F14601" s="1" t="s">
        <v>55322</v>
      </c>
      <c r="G14601" s="1" t="s">
        <v>55281</v>
      </c>
      <c r="H14601" s="1" t="s">
        <v>55282</v>
      </c>
      <c r="I14601" s="1" t="s">
        <v>53800</v>
      </c>
      <c r="J14601" s="1" t="s">
        <v>55323</v>
      </c>
    </row>
    <row r="14602" spans="1:10" x14ac:dyDescent="0.35">
      <c r="A14602" s="1" t="s">
        <v>55278</v>
      </c>
      <c r="B14602" s="1" t="s">
        <v>53796</v>
      </c>
      <c r="C14602" s="1" t="s">
        <v>80</v>
      </c>
      <c r="D14602" s="1" t="s">
        <v>55324</v>
      </c>
      <c r="E14602" s="1" t="s">
        <v>55325</v>
      </c>
      <c r="F14602" s="1" t="s">
        <v>55326</v>
      </c>
      <c r="G14602" s="1" t="s">
        <v>55281</v>
      </c>
      <c r="H14602" s="1" t="s">
        <v>55282</v>
      </c>
      <c r="I14602" s="1" t="s">
        <v>53800</v>
      </c>
      <c r="J14602" s="1" t="s">
        <v>55327</v>
      </c>
    </row>
    <row r="14603" spans="1:10" x14ac:dyDescent="0.35">
      <c r="A14603" s="1" t="s">
        <v>55278</v>
      </c>
      <c r="B14603" s="1" t="s">
        <v>53796</v>
      </c>
      <c r="C14603" s="1" t="s">
        <v>85</v>
      </c>
      <c r="D14603" s="1" t="s">
        <v>55328</v>
      </c>
      <c r="E14603" s="1" t="s">
        <v>24363</v>
      </c>
      <c r="F14603" s="1" t="s">
        <v>55329</v>
      </c>
      <c r="G14603" s="1" t="s">
        <v>55281</v>
      </c>
      <c r="H14603" s="1" t="s">
        <v>55282</v>
      </c>
      <c r="I14603" s="1" t="s">
        <v>53800</v>
      </c>
      <c r="J14603" s="1" t="s">
        <v>55330</v>
      </c>
    </row>
    <row r="14604" spans="1:10" x14ac:dyDescent="0.35">
      <c r="A14604" s="1" t="s">
        <v>55278</v>
      </c>
      <c r="B14604" s="1" t="s">
        <v>53796</v>
      </c>
      <c r="C14604" s="1" t="s">
        <v>90</v>
      </c>
      <c r="D14604" s="1" t="s">
        <v>55331</v>
      </c>
      <c r="E14604" s="1" t="s">
        <v>21860</v>
      </c>
      <c r="F14604" s="1" t="s">
        <v>55332</v>
      </c>
      <c r="G14604" s="1" t="s">
        <v>55281</v>
      </c>
      <c r="H14604" s="1" t="s">
        <v>55282</v>
      </c>
      <c r="I14604" s="1" t="s">
        <v>53800</v>
      </c>
      <c r="J14604" s="1" t="s">
        <v>55333</v>
      </c>
    </row>
    <row r="14605" spans="1:10" x14ac:dyDescent="0.35">
      <c r="A14605" s="1" t="s">
        <v>55278</v>
      </c>
      <c r="B14605" s="1" t="s">
        <v>53796</v>
      </c>
      <c r="C14605" s="1" t="s">
        <v>95</v>
      </c>
      <c r="D14605" s="1" t="s">
        <v>55334</v>
      </c>
      <c r="E14605" s="1" t="s">
        <v>21841</v>
      </c>
      <c r="F14605" s="1" t="s">
        <v>55335</v>
      </c>
      <c r="G14605" s="1" t="s">
        <v>55281</v>
      </c>
      <c r="H14605" s="1" t="s">
        <v>55282</v>
      </c>
      <c r="I14605" s="1" t="s">
        <v>53800</v>
      </c>
      <c r="J14605" s="1" t="s">
        <v>55336</v>
      </c>
    </row>
    <row r="14606" spans="1:10" x14ac:dyDescent="0.35">
      <c r="A14606" s="1" t="s">
        <v>55278</v>
      </c>
      <c r="B14606" s="1" t="s">
        <v>53796</v>
      </c>
      <c r="C14606" s="1" t="s">
        <v>100</v>
      </c>
      <c r="D14606" s="1" t="s">
        <v>55337</v>
      </c>
      <c r="E14606" s="1" t="s">
        <v>54751</v>
      </c>
      <c r="F14606" s="1" t="s">
        <v>55338</v>
      </c>
      <c r="G14606" s="1" t="s">
        <v>55281</v>
      </c>
      <c r="H14606" s="1" t="s">
        <v>55282</v>
      </c>
      <c r="I14606" s="1" t="s">
        <v>53800</v>
      </c>
      <c r="J14606" s="1" t="s">
        <v>55339</v>
      </c>
    </row>
    <row r="14607" spans="1:10" x14ac:dyDescent="0.35">
      <c r="A14607" s="1" t="s">
        <v>55278</v>
      </c>
      <c r="B14607" s="1" t="s">
        <v>53796</v>
      </c>
      <c r="C14607" s="1" t="s">
        <v>105</v>
      </c>
      <c r="D14607" s="1" t="s">
        <v>55340</v>
      </c>
      <c r="E14607" s="1" t="s">
        <v>54690</v>
      </c>
      <c r="F14607" s="1" t="s">
        <v>55341</v>
      </c>
      <c r="G14607" s="1" t="s">
        <v>55281</v>
      </c>
      <c r="H14607" s="1" t="s">
        <v>55282</v>
      </c>
      <c r="I14607" s="1" t="s">
        <v>53800</v>
      </c>
      <c r="J14607" s="1" t="s">
        <v>55342</v>
      </c>
    </row>
    <row r="14608" spans="1:10" x14ac:dyDescent="0.35">
      <c r="A14608" s="1" t="s">
        <v>55278</v>
      </c>
      <c r="B14608" s="1" t="s">
        <v>53796</v>
      </c>
      <c r="C14608" s="1" t="s">
        <v>110</v>
      </c>
      <c r="D14608" s="1" t="s">
        <v>55343</v>
      </c>
      <c r="E14608" s="1" t="s">
        <v>55344</v>
      </c>
      <c r="F14608" s="1" t="s">
        <v>55345</v>
      </c>
      <c r="G14608" s="1" t="s">
        <v>55281</v>
      </c>
      <c r="H14608" s="1" t="s">
        <v>55282</v>
      </c>
      <c r="I14608" s="1" t="s">
        <v>53800</v>
      </c>
      <c r="J14608" s="1" t="s">
        <v>55346</v>
      </c>
    </row>
    <row r="14609" spans="1:10" x14ac:dyDescent="0.35">
      <c r="A14609" s="1" t="s">
        <v>55278</v>
      </c>
      <c r="B14609" s="1" t="s">
        <v>53796</v>
      </c>
      <c r="C14609" s="1" t="s">
        <v>115</v>
      </c>
      <c r="D14609" s="1" t="s">
        <v>55347</v>
      </c>
      <c r="E14609" s="1" t="s">
        <v>16132</v>
      </c>
      <c r="F14609" s="1" t="s">
        <v>55348</v>
      </c>
      <c r="G14609" s="1" t="s">
        <v>55281</v>
      </c>
      <c r="H14609" s="1" t="s">
        <v>55282</v>
      </c>
      <c r="I14609" s="1" t="s">
        <v>53800</v>
      </c>
      <c r="J14609" s="1" t="s">
        <v>55349</v>
      </c>
    </row>
    <row r="14610" spans="1:10" x14ac:dyDescent="0.35">
      <c r="A14610" s="1" t="s">
        <v>55278</v>
      </c>
      <c r="B14610" s="1" t="s">
        <v>53796</v>
      </c>
      <c r="C14610" s="1" t="s">
        <v>120</v>
      </c>
      <c r="D14610" s="1" t="s">
        <v>55350</v>
      </c>
      <c r="E14610" s="1" t="s">
        <v>21834</v>
      </c>
      <c r="F14610" s="1" t="s">
        <v>55351</v>
      </c>
      <c r="G14610" s="1" t="s">
        <v>55281</v>
      </c>
      <c r="H14610" s="1" t="s">
        <v>55282</v>
      </c>
      <c r="I14610" s="1" t="s">
        <v>53800</v>
      </c>
      <c r="J14610" s="1" t="s">
        <v>55352</v>
      </c>
    </row>
    <row r="14611" spans="1:10" x14ac:dyDescent="0.35">
      <c r="A14611" s="1" t="s">
        <v>55278</v>
      </c>
      <c r="B14611" s="1" t="s">
        <v>53796</v>
      </c>
      <c r="C14611" s="1" t="s">
        <v>125</v>
      </c>
      <c r="D14611" s="1" t="s">
        <v>55353</v>
      </c>
      <c r="E14611" s="1" t="s">
        <v>23191</v>
      </c>
      <c r="F14611" s="1" t="s">
        <v>15873</v>
      </c>
      <c r="G14611" s="1" t="s">
        <v>55281</v>
      </c>
      <c r="H14611" s="1" t="s">
        <v>55282</v>
      </c>
      <c r="I14611" s="1" t="s">
        <v>53800</v>
      </c>
      <c r="J14611" s="1" t="s">
        <v>55354</v>
      </c>
    </row>
    <row r="14612" spans="1:10" x14ac:dyDescent="0.35">
      <c r="A14612" s="1" t="s">
        <v>55278</v>
      </c>
      <c r="B14612" s="1" t="s">
        <v>53796</v>
      </c>
      <c r="C14612" s="1" t="s">
        <v>130</v>
      </c>
      <c r="D14612" s="1" t="s">
        <v>55355</v>
      </c>
      <c r="E14612" s="1" t="s">
        <v>27122</v>
      </c>
      <c r="F14612" s="1" t="s">
        <v>55356</v>
      </c>
      <c r="G14612" s="1" t="s">
        <v>55281</v>
      </c>
      <c r="H14612" s="1" t="s">
        <v>55282</v>
      </c>
      <c r="I14612" s="1" t="s">
        <v>53800</v>
      </c>
      <c r="J14612" s="1" t="s">
        <v>55357</v>
      </c>
    </row>
    <row r="14613" spans="1:10" x14ac:dyDescent="0.35">
      <c r="A14613" s="1" t="s">
        <v>55278</v>
      </c>
      <c r="B14613" s="1" t="s">
        <v>53796</v>
      </c>
      <c r="C14613" s="1" t="s">
        <v>135</v>
      </c>
      <c r="D14613" s="1" t="s">
        <v>55358</v>
      </c>
      <c r="E14613" s="1" t="s">
        <v>15336</v>
      </c>
      <c r="F14613" s="1" t="s">
        <v>55359</v>
      </c>
      <c r="G14613" s="1" t="s">
        <v>55281</v>
      </c>
      <c r="H14613" s="1" t="s">
        <v>55282</v>
      </c>
      <c r="I14613" s="1" t="s">
        <v>53800</v>
      </c>
      <c r="J14613" s="1" t="s">
        <v>55360</v>
      </c>
    </row>
    <row r="14614" spans="1:10" x14ac:dyDescent="0.35">
      <c r="A14614" s="1" t="s">
        <v>55278</v>
      </c>
      <c r="B14614" s="1" t="s">
        <v>53796</v>
      </c>
      <c r="C14614" s="1" t="s">
        <v>140</v>
      </c>
      <c r="D14614" s="1" t="s">
        <v>55361</v>
      </c>
      <c r="E14614" s="1" t="s">
        <v>31368</v>
      </c>
      <c r="F14614" s="1" t="s">
        <v>55362</v>
      </c>
      <c r="G14614" s="1" t="s">
        <v>55281</v>
      </c>
      <c r="H14614" s="1" t="s">
        <v>55282</v>
      </c>
      <c r="I14614" s="1" t="s">
        <v>53800</v>
      </c>
      <c r="J14614" s="1" t="s">
        <v>55363</v>
      </c>
    </row>
    <row r="14615" spans="1:10" x14ac:dyDescent="0.35">
      <c r="A14615" s="1" t="s">
        <v>55278</v>
      </c>
      <c r="B14615" s="1" t="s">
        <v>53796</v>
      </c>
      <c r="C14615" s="1" t="s">
        <v>145</v>
      </c>
      <c r="D14615" s="1" t="s">
        <v>55364</v>
      </c>
      <c r="E14615" s="1" t="s">
        <v>15278</v>
      </c>
      <c r="F14615" s="1" t="s">
        <v>55365</v>
      </c>
      <c r="G14615" s="1" t="s">
        <v>55281</v>
      </c>
      <c r="H14615" s="1" t="s">
        <v>55282</v>
      </c>
      <c r="I14615" s="1" t="s">
        <v>53800</v>
      </c>
      <c r="J14615" s="1" t="s">
        <v>55366</v>
      </c>
    </row>
    <row r="14616" spans="1:10" x14ac:dyDescent="0.35">
      <c r="A14616" s="1" t="s">
        <v>55278</v>
      </c>
      <c r="B14616" s="1" t="s">
        <v>53796</v>
      </c>
      <c r="C14616" s="1" t="s">
        <v>150</v>
      </c>
      <c r="D14616" s="1" t="s">
        <v>55367</v>
      </c>
      <c r="E14616" s="1" t="s">
        <v>54219</v>
      </c>
      <c r="F14616" s="1" t="s">
        <v>55368</v>
      </c>
      <c r="G14616" s="1" t="s">
        <v>55281</v>
      </c>
      <c r="H14616" s="1" t="s">
        <v>55282</v>
      </c>
      <c r="I14616" s="1" t="s">
        <v>53800</v>
      </c>
      <c r="J14616" s="1" t="s">
        <v>55369</v>
      </c>
    </row>
    <row r="14617" spans="1:10" x14ac:dyDescent="0.35">
      <c r="A14617" s="1" t="s">
        <v>55278</v>
      </c>
      <c r="B14617" s="1" t="s">
        <v>53796</v>
      </c>
      <c r="C14617" s="1" t="s">
        <v>155</v>
      </c>
      <c r="D14617" s="1" t="s">
        <v>55370</v>
      </c>
      <c r="E14617" s="1" t="s">
        <v>23187</v>
      </c>
      <c r="F14617" s="1" t="s">
        <v>55371</v>
      </c>
      <c r="G14617" s="1" t="s">
        <v>55281</v>
      </c>
      <c r="H14617" s="1" t="s">
        <v>55282</v>
      </c>
      <c r="I14617" s="1" t="s">
        <v>53800</v>
      </c>
      <c r="J14617" s="1" t="s">
        <v>55372</v>
      </c>
    </row>
    <row r="14618" spans="1:10" x14ac:dyDescent="0.35">
      <c r="A14618" s="1" t="s">
        <v>55278</v>
      </c>
      <c r="B14618" s="1" t="s">
        <v>53796</v>
      </c>
      <c r="C14618" s="1" t="s">
        <v>160</v>
      </c>
      <c r="D14618" s="1" t="s">
        <v>20917</v>
      </c>
      <c r="E14618" s="1" t="s">
        <v>55373</v>
      </c>
      <c r="F14618" s="1" t="s">
        <v>55374</v>
      </c>
      <c r="G14618" s="1" t="s">
        <v>55281</v>
      </c>
      <c r="H14618" s="1" t="s">
        <v>55282</v>
      </c>
      <c r="I14618" s="1" t="s">
        <v>53800</v>
      </c>
      <c r="J14618" s="1" t="s">
        <v>55375</v>
      </c>
    </row>
    <row r="14619" spans="1:10" x14ac:dyDescent="0.35">
      <c r="A14619" s="1" t="s">
        <v>55278</v>
      </c>
      <c r="B14619" s="1" t="s">
        <v>53796</v>
      </c>
      <c r="C14619" s="1" t="s">
        <v>165</v>
      </c>
      <c r="D14619" s="1" t="s">
        <v>55376</v>
      </c>
      <c r="E14619" s="1" t="s">
        <v>55377</v>
      </c>
      <c r="F14619" s="1" t="s">
        <v>55378</v>
      </c>
      <c r="G14619" s="1" t="s">
        <v>55281</v>
      </c>
      <c r="H14619" s="1" t="s">
        <v>55282</v>
      </c>
      <c r="I14619" s="1" t="s">
        <v>53800</v>
      </c>
      <c r="J14619" s="1" t="s">
        <v>55379</v>
      </c>
    </row>
    <row r="14620" spans="1:10" x14ac:dyDescent="0.35">
      <c r="A14620" s="1" t="s">
        <v>55278</v>
      </c>
      <c r="B14620" s="1" t="s">
        <v>53796</v>
      </c>
      <c r="C14620" s="1" t="s">
        <v>170</v>
      </c>
      <c r="D14620" s="1" t="s">
        <v>55380</v>
      </c>
      <c r="E14620" s="1" t="s">
        <v>15896</v>
      </c>
      <c r="F14620" s="1" t="s">
        <v>55381</v>
      </c>
      <c r="G14620" s="1" t="s">
        <v>55281</v>
      </c>
      <c r="H14620" s="1" t="s">
        <v>55282</v>
      </c>
      <c r="I14620" s="1" t="s">
        <v>53800</v>
      </c>
      <c r="J14620" s="1" t="s">
        <v>55382</v>
      </c>
    </row>
    <row r="14621" spans="1:10" x14ac:dyDescent="0.35">
      <c r="A14621" s="1" t="s">
        <v>51035</v>
      </c>
      <c r="B14621" s="1" t="s">
        <v>53796</v>
      </c>
      <c r="C14621" s="1" t="s">
        <v>8</v>
      </c>
      <c r="D14621" s="1" t="s">
        <v>55383</v>
      </c>
      <c r="E14621" s="1" t="s">
        <v>31459</v>
      </c>
      <c r="F14621" s="1" t="s">
        <v>55384</v>
      </c>
      <c r="G14621" s="1" t="s">
        <v>55385</v>
      </c>
      <c r="H14621" s="1" t="s">
        <v>55386</v>
      </c>
      <c r="I14621" s="1" t="s">
        <v>53800</v>
      </c>
      <c r="J14621" s="1" t="s">
        <v>13</v>
      </c>
    </row>
    <row r="14622" spans="1:10" x14ac:dyDescent="0.35">
      <c r="A14622" s="1" t="s">
        <v>51035</v>
      </c>
      <c r="B14622" s="1" t="s">
        <v>53796</v>
      </c>
      <c r="C14622" s="1" t="s">
        <v>15</v>
      </c>
      <c r="D14622" s="1" t="s">
        <v>55387</v>
      </c>
      <c r="E14622" s="1" t="s">
        <v>54136</v>
      </c>
      <c r="F14622" s="1" t="s">
        <v>55388</v>
      </c>
      <c r="G14622" s="1" t="s">
        <v>55385</v>
      </c>
      <c r="H14622" s="1" t="s">
        <v>55386</v>
      </c>
      <c r="I14622" s="1" t="s">
        <v>53800</v>
      </c>
      <c r="J14622" s="1" t="s">
        <v>55389</v>
      </c>
    </row>
    <row r="14623" spans="1:10" x14ac:dyDescent="0.35">
      <c r="A14623" s="1" t="s">
        <v>51035</v>
      </c>
      <c r="B14623" s="1" t="s">
        <v>53796</v>
      </c>
      <c r="C14623" s="1" t="s">
        <v>20</v>
      </c>
      <c r="D14623" s="1" t="s">
        <v>55390</v>
      </c>
      <c r="E14623" s="1" t="s">
        <v>27097</v>
      </c>
      <c r="F14623" s="1" t="s">
        <v>55391</v>
      </c>
      <c r="G14623" s="1" t="s">
        <v>55385</v>
      </c>
      <c r="H14623" s="1" t="s">
        <v>55386</v>
      </c>
      <c r="I14623" s="1" t="s">
        <v>53800</v>
      </c>
      <c r="J14623" s="1" t="s">
        <v>55392</v>
      </c>
    </row>
    <row r="14624" spans="1:10" x14ac:dyDescent="0.35">
      <c r="A14624" s="1" t="s">
        <v>51035</v>
      </c>
      <c r="B14624" s="1" t="s">
        <v>53796</v>
      </c>
      <c r="C14624" s="1" t="s">
        <v>25</v>
      </c>
      <c r="D14624" s="1" t="s">
        <v>55393</v>
      </c>
      <c r="E14624" s="1" t="s">
        <v>21834</v>
      </c>
      <c r="F14624" s="1" t="s">
        <v>55394</v>
      </c>
      <c r="G14624" s="1" t="s">
        <v>55385</v>
      </c>
      <c r="H14624" s="1" t="s">
        <v>55386</v>
      </c>
      <c r="I14624" s="1" t="s">
        <v>53800</v>
      </c>
      <c r="J14624" s="1" t="s">
        <v>55395</v>
      </c>
    </row>
    <row r="14625" spans="1:10" x14ac:dyDescent="0.35">
      <c r="A14625" s="1" t="s">
        <v>51035</v>
      </c>
      <c r="B14625" s="1" t="s">
        <v>53796</v>
      </c>
      <c r="C14625" s="1" t="s">
        <v>30</v>
      </c>
      <c r="D14625" s="1" t="s">
        <v>55396</v>
      </c>
      <c r="E14625" s="1" t="s">
        <v>15927</v>
      </c>
      <c r="F14625" s="1" t="s">
        <v>55397</v>
      </c>
      <c r="G14625" s="1" t="s">
        <v>55385</v>
      </c>
      <c r="H14625" s="1" t="s">
        <v>55386</v>
      </c>
      <c r="I14625" s="1" t="s">
        <v>53800</v>
      </c>
      <c r="J14625" s="1" t="s">
        <v>55398</v>
      </c>
    </row>
    <row r="14626" spans="1:10" x14ac:dyDescent="0.35">
      <c r="A14626" s="1" t="s">
        <v>51035</v>
      </c>
      <c r="B14626" s="1" t="s">
        <v>53796</v>
      </c>
      <c r="C14626" s="1" t="s">
        <v>35</v>
      </c>
      <c r="D14626" s="1" t="s">
        <v>55399</v>
      </c>
      <c r="E14626" s="1" t="s">
        <v>22267</v>
      </c>
      <c r="F14626" s="1" t="s">
        <v>55400</v>
      </c>
      <c r="G14626" s="1" t="s">
        <v>55385</v>
      </c>
      <c r="H14626" s="1" t="s">
        <v>55386</v>
      </c>
      <c r="I14626" s="1" t="s">
        <v>53800</v>
      </c>
      <c r="J14626" s="1" t="s">
        <v>55401</v>
      </c>
    </row>
    <row r="14627" spans="1:10" x14ac:dyDescent="0.35">
      <c r="A14627" s="1" t="s">
        <v>51035</v>
      </c>
      <c r="B14627" s="1" t="s">
        <v>53796</v>
      </c>
      <c r="C14627" s="1" t="s">
        <v>40</v>
      </c>
      <c r="D14627" s="1" t="s">
        <v>24611</v>
      </c>
      <c r="E14627" s="1" t="s">
        <v>21772</v>
      </c>
      <c r="F14627" s="1" t="s">
        <v>55402</v>
      </c>
      <c r="G14627" s="1" t="s">
        <v>55385</v>
      </c>
      <c r="H14627" s="1" t="s">
        <v>55386</v>
      </c>
      <c r="I14627" s="1" t="s">
        <v>53800</v>
      </c>
      <c r="J14627" s="1" t="s">
        <v>55403</v>
      </c>
    </row>
    <row r="14628" spans="1:10" x14ac:dyDescent="0.35">
      <c r="A14628" s="1" t="s">
        <v>51035</v>
      </c>
      <c r="B14628" s="1" t="s">
        <v>53796</v>
      </c>
      <c r="C14628" s="1" t="s">
        <v>45</v>
      </c>
      <c r="D14628" s="1" t="s">
        <v>55404</v>
      </c>
      <c r="E14628" s="1" t="s">
        <v>22298</v>
      </c>
      <c r="F14628" s="1" t="s">
        <v>55405</v>
      </c>
      <c r="G14628" s="1" t="s">
        <v>55385</v>
      </c>
      <c r="H14628" s="1" t="s">
        <v>55386</v>
      </c>
      <c r="I14628" s="1" t="s">
        <v>53800</v>
      </c>
      <c r="J14628" s="1" t="s">
        <v>55406</v>
      </c>
    </row>
    <row r="14629" spans="1:10" x14ac:dyDescent="0.35">
      <c r="A14629" s="1" t="s">
        <v>51035</v>
      </c>
      <c r="B14629" s="1" t="s">
        <v>53796</v>
      </c>
      <c r="C14629" s="1" t="s">
        <v>50</v>
      </c>
      <c r="D14629" s="1" t="s">
        <v>55407</v>
      </c>
      <c r="E14629" s="1" t="s">
        <v>15872</v>
      </c>
      <c r="F14629" s="1" t="s">
        <v>55408</v>
      </c>
      <c r="G14629" s="1" t="s">
        <v>55385</v>
      </c>
      <c r="H14629" s="1" t="s">
        <v>55386</v>
      </c>
      <c r="I14629" s="1" t="s">
        <v>53800</v>
      </c>
      <c r="J14629" s="1" t="s">
        <v>55409</v>
      </c>
    </row>
    <row r="14630" spans="1:10" x14ac:dyDescent="0.35">
      <c r="A14630" s="1" t="s">
        <v>51035</v>
      </c>
      <c r="B14630" s="1" t="s">
        <v>53796</v>
      </c>
      <c r="C14630" s="1" t="s">
        <v>55</v>
      </c>
      <c r="D14630" s="1" t="s">
        <v>55410</v>
      </c>
      <c r="E14630" s="1" t="s">
        <v>15837</v>
      </c>
      <c r="F14630" s="1" t="s">
        <v>55411</v>
      </c>
      <c r="G14630" s="1" t="s">
        <v>55385</v>
      </c>
      <c r="H14630" s="1" t="s">
        <v>55386</v>
      </c>
      <c r="I14630" s="1" t="s">
        <v>53800</v>
      </c>
      <c r="J14630" s="1" t="s">
        <v>55412</v>
      </c>
    </row>
    <row r="14631" spans="1:10" x14ac:dyDescent="0.35">
      <c r="A14631" s="1" t="s">
        <v>51035</v>
      </c>
      <c r="B14631" s="1" t="s">
        <v>53796</v>
      </c>
      <c r="C14631" s="1" t="s">
        <v>60</v>
      </c>
      <c r="D14631" s="1" t="s">
        <v>55413</v>
      </c>
      <c r="E14631" s="1" t="s">
        <v>26488</v>
      </c>
      <c r="F14631" s="1" t="s">
        <v>55414</v>
      </c>
      <c r="G14631" s="1" t="s">
        <v>55385</v>
      </c>
      <c r="H14631" s="1" t="s">
        <v>55386</v>
      </c>
      <c r="I14631" s="1" t="s">
        <v>53800</v>
      </c>
      <c r="J14631" s="1" t="s">
        <v>55415</v>
      </c>
    </row>
    <row r="14632" spans="1:10" x14ac:dyDescent="0.35">
      <c r="A14632" s="1" t="s">
        <v>51035</v>
      </c>
      <c r="B14632" s="1" t="s">
        <v>53796</v>
      </c>
      <c r="C14632" s="1" t="s">
        <v>65</v>
      </c>
      <c r="D14632" s="1" t="s">
        <v>55416</v>
      </c>
      <c r="E14632" s="1" t="s">
        <v>26600</v>
      </c>
      <c r="F14632" s="1" t="s">
        <v>55417</v>
      </c>
      <c r="G14632" s="1" t="s">
        <v>55385</v>
      </c>
      <c r="H14632" s="1" t="s">
        <v>55386</v>
      </c>
      <c r="I14632" s="1" t="s">
        <v>53800</v>
      </c>
      <c r="J14632" s="1" t="s">
        <v>55418</v>
      </c>
    </row>
    <row r="14633" spans="1:10" x14ac:dyDescent="0.35">
      <c r="A14633" s="1" t="s">
        <v>51035</v>
      </c>
      <c r="B14633" s="1" t="s">
        <v>53796</v>
      </c>
      <c r="C14633" s="1" t="s">
        <v>70</v>
      </c>
      <c r="D14633" s="1" t="s">
        <v>55419</v>
      </c>
      <c r="E14633" s="1" t="s">
        <v>55420</v>
      </c>
      <c r="F14633" s="1" t="s">
        <v>55421</v>
      </c>
      <c r="G14633" s="1" t="s">
        <v>55385</v>
      </c>
      <c r="H14633" s="1" t="s">
        <v>55386</v>
      </c>
      <c r="I14633" s="1" t="s">
        <v>53800</v>
      </c>
      <c r="J14633" s="1" t="s">
        <v>55422</v>
      </c>
    </row>
    <row r="14634" spans="1:10" x14ac:dyDescent="0.35">
      <c r="A14634" s="1" t="s">
        <v>51035</v>
      </c>
      <c r="B14634" s="1" t="s">
        <v>53796</v>
      </c>
      <c r="C14634" s="1" t="s">
        <v>75</v>
      </c>
      <c r="D14634" s="1" t="s">
        <v>39377</v>
      </c>
      <c r="E14634" s="1" t="s">
        <v>22302</v>
      </c>
      <c r="F14634" s="1" t="s">
        <v>55423</v>
      </c>
      <c r="G14634" s="1" t="s">
        <v>55385</v>
      </c>
      <c r="H14634" s="1" t="s">
        <v>55386</v>
      </c>
      <c r="I14634" s="1" t="s">
        <v>53800</v>
      </c>
      <c r="J14634" s="1" t="s">
        <v>55424</v>
      </c>
    </row>
    <row r="14635" spans="1:10" x14ac:dyDescent="0.35">
      <c r="A14635" s="1" t="s">
        <v>51035</v>
      </c>
      <c r="B14635" s="1" t="s">
        <v>53796</v>
      </c>
      <c r="C14635" s="1" t="s">
        <v>80</v>
      </c>
      <c r="D14635" s="1" t="s">
        <v>55425</v>
      </c>
      <c r="E14635" s="1" t="s">
        <v>15841</v>
      </c>
      <c r="F14635" s="1" t="s">
        <v>55426</v>
      </c>
      <c r="G14635" s="1" t="s">
        <v>55385</v>
      </c>
      <c r="H14635" s="1" t="s">
        <v>55386</v>
      </c>
      <c r="I14635" s="1" t="s">
        <v>53800</v>
      </c>
      <c r="J14635" s="1" t="s">
        <v>55427</v>
      </c>
    </row>
    <row r="14636" spans="1:10" x14ac:dyDescent="0.35">
      <c r="A14636" s="1" t="s">
        <v>51035</v>
      </c>
      <c r="B14636" s="1" t="s">
        <v>53796</v>
      </c>
      <c r="C14636" s="1" t="s">
        <v>85</v>
      </c>
      <c r="D14636" s="1" t="s">
        <v>55026</v>
      </c>
      <c r="E14636" s="1" t="s">
        <v>55428</v>
      </c>
      <c r="F14636" s="1" t="s">
        <v>55429</v>
      </c>
      <c r="G14636" s="1" t="s">
        <v>55385</v>
      </c>
      <c r="H14636" s="1" t="s">
        <v>55386</v>
      </c>
      <c r="I14636" s="1" t="s">
        <v>53800</v>
      </c>
      <c r="J14636" s="1" t="s">
        <v>55430</v>
      </c>
    </row>
    <row r="14637" spans="1:10" x14ac:dyDescent="0.35">
      <c r="A14637" s="1" t="s">
        <v>51035</v>
      </c>
      <c r="B14637" s="1" t="s">
        <v>53796</v>
      </c>
      <c r="C14637" s="1" t="s">
        <v>90</v>
      </c>
      <c r="D14637" s="1" t="s">
        <v>55431</v>
      </c>
      <c r="E14637" s="1" t="s">
        <v>55432</v>
      </c>
      <c r="F14637" s="1" t="s">
        <v>55433</v>
      </c>
      <c r="G14637" s="1" t="s">
        <v>55385</v>
      </c>
      <c r="H14637" s="1" t="s">
        <v>55386</v>
      </c>
      <c r="I14637" s="1" t="s">
        <v>53800</v>
      </c>
      <c r="J14637" s="1" t="s">
        <v>55434</v>
      </c>
    </row>
    <row r="14638" spans="1:10" x14ac:dyDescent="0.35">
      <c r="A14638" s="1" t="s">
        <v>51035</v>
      </c>
      <c r="B14638" s="1" t="s">
        <v>53796</v>
      </c>
      <c r="C14638" s="1" t="s">
        <v>95</v>
      </c>
      <c r="D14638" s="1" t="s">
        <v>55435</v>
      </c>
      <c r="E14638" s="1" t="s">
        <v>32090</v>
      </c>
      <c r="F14638" s="1" t="s">
        <v>55436</v>
      </c>
      <c r="G14638" s="1" t="s">
        <v>55385</v>
      </c>
      <c r="H14638" s="1" t="s">
        <v>55386</v>
      </c>
      <c r="I14638" s="1" t="s">
        <v>53800</v>
      </c>
      <c r="J14638" s="1" t="s">
        <v>55437</v>
      </c>
    </row>
    <row r="14639" spans="1:10" x14ac:dyDescent="0.35">
      <c r="A14639" s="1" t="s">
        <v>51035</v>
      </c>
      <c r="B14639" s="1" t="s">
        <v>53796</v>
      </c>
      <c r="C14639" s="1" t="s">
        <v>100</v>
      </c>
      <c r="D14639" s="1" t="s">
        <v>55438</v>
      </c>
      <c r="E14639" s="1" t="s">
        <v>15214</v>
      </c>
      <c r="F14639" s="1" t="s">
        <v>55439</v>
      </c>
      <c r="G14639" s="1" t="s">
        <v>55385</v>
      </c>
      <c r="H14639" s="1" t="s">
        <v>55386</v>
      </c>
      <c r="I14639" s="1" t="s">
        <v>53800</v>
      </c>
      <c r="J14639" s="1" t="s">
        <v>55440</v>
      </c>
    </row>
    <row r="14640" spans="1:10" x14ac:dyDescent="0.35">
      <c r="A14640" s="1" t="s">
        <v>51035</v>
      </c>
      <c r="B14640" s="1" t="s">
        <v>53796</v>
      </c>
      <c r="C14640" s="1" t="s">
        <v>105</v>
      </c>
      <c r="D14640" s="1" t="s">
        <v>55441</v>
      </c>
      <c r="E14640" s="1" t="s">
        <v>26556</v>
      </c>
      <c r="F14640" s="1" t="s">
        <v>55442</v>
      </c>
      <c r="G14640" s="1" t="s">
        <v>55385</v>
      </c>
      <c r="H14640" s="1" t="s">
        <v>55386</v>
      </c>
      <c r="I14640" s="1" t="s">
        <v>53800</v>
      </c>
      <c r="J14640" s="1" t="s">
        <v>55443</v>
      </c>
    </row>
    <row r="14641" spans="1:10" x14ac:dyDescent="0.35">
      <c r="A14641" s="1" t="s">
        <v>51035</v>
      </c>
      <c r="B14641" s="1" t="s">
        <v>53796</v>
      </c>
      <c r="C14641" s="1" t="s">
        <v>110</v>
      </c>
      <c r="D14641" s="1" t="s">
        <v>55444</v>
      </c>
      <c r="E14641" s="1" t="s">
        <v>22091</v>
      </c>
      <c r="F14641" s="1" t="s">
        <v>55445</v>
      </c>
      <c r="G14641" s="1" t="s">
        <v>55385</v>
      </c>
      <c r="H14641" s="1" t="s">
        <v>55386</v>
      </c>
      <c r="I14641" s="1" t="s">
        <v>53800</v>
      </c>
      <c r="J14641" s="1" t="s">
        <v>55446</v>
      </c>
    </row>
    <row r="14642" spans="1:10" x14ac:dyDescent="0.35">
      <c r="A14642" s="1" t="s">
        <v>51035</v>
      </c>
      <c r="B14642" s="1" t="s">
        <v>53796</v>
      </c>
      <c r="C14642" s="1" t="s">
        <v>115</v>
      </c>
      <c r="D14642" s="1" t="s">
        <v>55447</v>
      </c>
      <c r="E14642" s="1" t="s">
        <v>55448</v>
      </c>
      <c r="F14642" s="1" t="s">
        <v>55449</v>
      </c>
      <c r="G14642" s="1" t="s">
        <v>55385</v>
      </c>
      <c r="H14642" s="1" t="s">
        <v>55386</v>
      </c>
      <c r="I14642" s="1" t="s">
        <v>53800</v>
      </c>
      <c r="J14642" s="1" t="s">
        <v>55450</v>
      </c>
    </row>
    <row r="14643" spans="1:10" x14ac:dyDescent="0.35">
      <c r="A14643" s="1" t="s">
        <v>51035</v>
      </c>
      <c r="B14643" s="1" t="s">
        <v>53796</v>
      </c>
      <c r="C14643" s="1" t="s">
        <v>120</v>
      </c>
      <c r="D14643" s="1" t="s">
        <v>55451</v>
      </c>
      <c r="E14643" s="1" t="s">
        <v>55452</v>
      </c>
      <c r="F14643" s="1" t="s">
        <v>55453</v>
      </c>
      <c r="G14643" s="1" t="s">
        <v>55385</v>
      </c>
      <c r="H14643" s="1" t="s">
        <v>55386</v>
      </c>
      <c r="I14643" s="1" t="s">
        <v>53800</v>
      </c>
      <c r="J14643" s="1" t="s">
        <v>55454</v>
      </c>
    </row>
    <row r="14644" spans="1:10" x14ac:dyDescent="0.35">
      <c r="A14644" s="1" t="s">
        <v>51035</v>
      </c>
      <c r="B14644" s="1" t="s">
        <v>53796</v>
      </c>
      <c r="C14644" s="1" t="s">
        <v>125</v>
      </c>
      <c r="D14644" s="1" t="s">
        <v>55455</v>
      </c>
      <c r="E14644" s="1" t="s">
        <v>55456</v>
      </c>
      <c r="F14644" s="1" t="s">
        <v>55457</v>
      </c>
      <c r="G14644" s="1" t="s">
        <v>55385</v>
      </c>
      <c r="H14644" s="1" t="s">
        <v>55386</v>
      </c>
      <c r="I14644" s="1" t="s">
        <v>53800</v>
      </c>
      <c r="J14644" s="1" t="s">
        <v>55458</v>
      </c>
    </row>
    <row r="14645" spans="1:10" x14ac:dyDescent="0.35">
      <c r="A14645" s="1" t="s">
        <v>51035</v>
      </c>
      <c r="B14645" s="1" t="s">
        <v>53796</v>
      </c>
      <c r="C14645" s="1" t="s">
        <v>130</v>
      </c>
      <c r="D14645" s="1" t="s">
        <v>55459</v>
      </c>
      <c r="E14645" s="1" t="s">
        <v>31992</v>
      </c>
      <c r="F14645" s="1" t="s">
        <v>55460</v>
      </c>
      <c r="G14645" s="1" t="s">
        <v>55385</v>
      </c>
      <c r="H14645" s="1" t="s">
        <v>55386</v>
      </c>
      <c r="I14645" s="1" t="s">
        <v>53800</v>
      </c>
      <c r="J14645" s="1" t="s">
        <v>55461</v>
      </c>
    </row>
    <row r="14646" spans="1:10" x14ac:dyDescent="0.35">
      <c r="A14646" s="1" t="s">
        <v>51035</v>
      </c>
      <c r="B14646" s="1" t="s">
        <v>53796</v>
      </c>
      <c r="C14646" s="1" t="s">
        <v>135</v>
      </c>
      <c r="D14646" s="1" t="s">
        <v>55462</v>
      </c>
      <c r="E14646" s="1" t="s">
        <v>15407</v>
      </c>
      <c r="F14646" s="1" t="s">
        <v>55463</v>
      </c>
      <c r="G14646" s="1" t="s">
        <v>55385</v>
      </c>
      <c r="H14646" s="1" t="s">
        <v>55386</v>
      </c>
      <c r="I14646" s="1" t="s">
        <v>53800</v>
      </c>
      <c r="J14646" s="1" t="s">
        <v>55464</v>
      </c>
    </row>
    <row r="14647" spans="1:10" x14ac:dyDescent="0.35">
      <c r="A14647" s="1" t="s">
        <v>51035</v>
      </c>
      <c r="B14647" s="1" t="s">
        <v>53796</v>
      </c>
      <c r="C14647" s="1" t="s">
        <v>140</v>
      </c>
      <c r="D14647" s="1" t="s">
        <v>55465</v>
      </c>
      <c r="E14647" s="1" t="s">
        <v>54168</v>
      </c>
      <c r="F14647" s="1" t="s">
        <v>55466</v>
      </c>
      <c r="G14647" s="1" t="s">
        <v>55385</v>
      </c>
      <c r="H14647" s="1" t="s">
        <v>55386</v>
      </c>
      <c r="I14647" s="1" t="s">
        <v>53800</v>
      </c>
      <c r="J14647" s="1" t="s">
        <v>55467</v>
      </c>
    </row>
    <row r="14648" spans="1:10" x14ac:dyDescent="0.35">
      <c r="A14648" s="1" t="s">
        <v>51035</v>
      </c>
      <c r="B14648" s="1" t="s">
        <v>53796</v>
      </c>
      <c r="C14648" s="1" t="s">
        <v>145</v>
      </c>
      <c r="D14648" s="1" t="s">
        <v>55468</v>
      </c>
      <c r="E14648" s="1" t="s">
        <v>55469</v>
      </c>
      <c r="F14648" s="1" t="s">
        <v>55470</v>
      </c>
      <c r="G14648" s="1" t="s">
        <v>55385</v>
      </c>
      <c r="H14648" s="1" t="s">
        <v>55386</v>
      </c>
      <c r="I14648" s="1" t="s">
        <v>53800</v>
      </c>
      <c r="J14648" s="1" t="s">
        <v>55471</v>
      </c>
    </row>
    <row r="14649" spans="1:10" x14ac:dyDescent="0.35">
      <c r="A14649" s="1" t="s">
        <v>51035</v>
      </c>
      <c r="B14649" s="1" t="s">
        <v>53796</v>
      </c>
      <c r="C14649" s="1" t="s">
        <v>150</v>
      </c>
      <c r="D14649" s="1" t="s">
        <v>55472</v>
      </c>
      <c r="E14649" s="1" t="s">
        <v>22313</v>
      </c>
      <c r="F14649" s="1" t="s">
        <v>55473</v>
      </c>
      <c r="G14649" s="1" t="s">
        <v>55385</v>
      </c>
      <c r="H14649" s="1" t="s">
        <v>55386</v>
      </c>
      <c r="I14649" s="1" t="s">
        <v>53800</v>
      </c>
      <c r="J14649" s="1" t="s">
        <v>55474</v>
      </c>
    </row>
    <row r="14650" spans="1:10" x14ac:dyDescent="0.35">
      <c r="A14650" s="1" t="s">
        <v>51035</v>
      </c>
      <c r="B14650" s="1" t="s">
        <v>53796</v>
      </c>
      <c r="C14650" s="1" t="s">
        <v>155</v>
      </c>
      <c r="D14650" s="1" t="s">
        <v>55475</v>
      </c>
      <c r="E14650" s="1" t="s">
        <v>22286</v>
      </c>
      <c r="F14650" s="1" t="s">
        <v>55476</v>
      </c>
      <c r="G14650" s="1" t="s">
        <v>55385</v>
      </c>
      <c r="H14650" s="1" t="s">
        <v>55386</v>
      </c>
      <c r="I14650" s="1" t="s">
        <v>53800</v>
      </c>
      <c r="J14650" s="1" t="s">
        <v>55477</v>
      </c>
    </row>
    <row r="14651" spans="1:10" x14ac:dyDescent="0.35">
      <c r="A14651" s="1" t="s">
        <v>51035</v>
      </c>
      <c r="B14651" s="1" t="s">
        <v>53796</v>
      </c>
      <c r="C14651" s="1" t="s">
        <v>160</v>
      </c>
      <c r="D14651" s="1" t="s">
        <v>55478</v>
      </c>
      <c r="E14651" s="1" t="s">
        <v>55479</v>
      </c>
      <c r="F14651" s="1" t="s">
        <v>55480</v>
      </c>
      <c r="G14651" s="1" t="s">
        <v>55385</v>
      </c>
      <c r="H14651" s="1" t="s">
        <v>55386</v>
      </c>
      <c r="I14651" s="1" t="s">
        <v>53800</v>
      </c>
      <c r="J14651" s="1" t="s">
        <v>55481</v>
      </c>
    </row>
    <row r="14652" spans="1:10" x14ac:dyDescent="0.35">
      <c r="A14652" s="1" t="s">
        <v>51035</v>
      </c>
      <c r="B14652" s="1" t="s">
        <v>53796</v>
      </c>
      <c r="C14652" s="1" t="s">
        <v>165</v>
      </c>
      <c r="D14652" s="1" t="s">
        <v>55482</v>
      </c>
      <c r="E14652" s="1" t="s">
        <v>26539</v>
      </c>
      <c r="F14652" s="1" t="s">
        <v>55483</v>
      </c>
      <c r="G14652" s="1" t="s">
        <v>55385</v>
      </c>
      <c r="H14652" s="1" t="s">
        <v>55386</v>
      </c>
      <c r="I14652" s="1" t="s">
        <v>53800</v>
      </c>
      <c r="J14652" s="1" t="s">
        <v>55484</v>
      </c>
    </row>
    <row r="14653" spans="1:10" x14ac:dyDescent="0.35">
      <c r="A14653" s="1" t="s">
        <v>51035</v>
      </c>
      <c r="B14653" s="1" t="s">
        <v>53796</v>
      </c>
      <c r="C14653" s="1" t="s">
        <v>170</v>
      </c>
      <c r="D14653" s="1" t="s">
        <v>55485</v>
      </c>
      <c r="E14653" s="1" t="s">
        <v>31534</v>
      </c>
      <c r="F14653" s="1" t="s">
        <v>55486</v>
      </c>
      <c r="G14653" s="1" t="s">
        <v>55385</v>
      </c>
      <c r="H14653" s="1" t="s">
        <v>55386</v>
      </c>
      <c r="I14653" s="1" t="s">
        <v>53800</v>
      </c>
      <c r="J14653" s="1" t="s">
        <v>55487</v>
      </c>
    </row>
    <row r="14654" spans="1:10" x14ac:dyDescent="0.35">
      <c r="A14654" s="1" t="s">
        <v>55488</v>
      </c>
      <c r="B14654" s="1" t="s">
        <v>53796</v>
      </c>
      <c r="C14654" s="1" t="s">
        <v>8</v>
      </c>
      <c r="D14654" s="1" t="s">
        <v>55489</v>
      </c>
      <c r="E14654" s="1" t="s">
        <v>41586</v>
      </c>
      <c r="F14654" s="1" t="s">
        <v>55490</v>
      </c>
      <c r="G14654" s="1" t="s">
        <v>55491</v>
      </c>
      <c r="H14654" s="1" t="s">
        <v>55492</v>
      </c>
      <c r="I14654" s="1" t="s">
        <v>53800</v>
      </c>
      <c r="J14654" s="1" t="s">
        <v>13</v>
      </c>
    </row>
    <row r="14655" spans="1:10" x14ac:dyDescent="0.35">
      <c r="A14655" s="1" t="s">
        <v>55488</v>
      </c>
      <c r="B14655" s="1" t="s">
        <v>53796</v>
      </c>
      <c r="C14655" s="1" t="s">
        <v>15</v>
      </c>
      <c r="D14655" s="1" t="s">
        <v>55493</v>
      </c>
      <c r="E14655" s="1" t="s">
        <v>23357</v>
      </c>
      <c r="F14655" s="1" t="s">
        <v>23514</v>
      </c>
      <c r="G14655" s="1" t="s">
        <v>55491</v>
      </c>
      <c r="H14655" s="1" t="s">
        <v>55492</v>
      </c>
      <c r="I14655" s="1" t="s">
        <v>53800</v>
      </c>
      <c r="J14655" s="1" t="s">
        <v>55494</v>
      </c>
    </row>
    <row r="14656" spans="1:10" x14ac:dyDescent="0.35">
      <c r="A14656" s="1" t="s">
        <v>55488</v>
      </c>
      <c r="B14656" s="1" t="s">
        <v>53796</v>
      </c>
      <c r="C14656" s="1" t="s">
        <v>20</v>
      </c>
      <c r="D14656" s="1" t="s">
        <v>55495</v>
      </c>
      <c r="E14656" s="1" t="s">
        <v>55496</v>
      </c>
      <c r="F14656" s="1" t="s">
        <v>55497</v>
      </c>
      <c r="G14656" s="1" t="s">
        <v>55491</v>
      </c>
      <c r="H14656" s="1" t="s">
        <v>55492</v>
      </c>
      <c r="I14656" s="1" t="s">
        <v>53800</v>
      </c>
      <c r="J14656" s="1" t="s">
        <v>55498</v>
      </c>
    </row>
    <row r="14657" spans="1:10" x14ac:dyDescent="0.35">
      <c r="A14657" s="1" t="s">
        <v>55488</v>
      </c>
      <c r="B14657" s="1" t="s">
        <v>53796</v>
      </c>
      <c r="C14657" s="1" t="s">
        <v>25</v>
      </c>
      <c r="D14657" s="1" t="s">
        <v>55499</v>
      </c>
      <c r="E14657" s="1" t="s">
        <v>55500</v>
      </c>
      <c r="F14657" s="1" t="s">
        <v>55501</v>
      </c>
      <c r="G14657" s="1" t="s">
        <v>55491</v>
      </c>
      <c r="H14657" s="1" t="s">
        <v>55492</v>
      </c>
      <c r="I14657" s="1" t="s">
        <v>53800</v>
      </c>
      <c r="J14657" s="1" t="s">
        <v>55502</v>
      </c>
    </row>
    <row r="14658" spans="1:10" x14ac:dyDescent="0.35">
      <c r="A14658" s="1" t="s">
        <v>55488</v>
      </c>
      <c r="B14658" s="1" t="s">
        <v>53796</v>
      </c>
      <c r="C14658" s="1" t="s">
        <v>30</v>
      </c>
      <c r="D14658" s="1" t="s">
        <v>55503</v>
      </c>
      <c r="E14658" s="1" t="s">
        <v>41283</v>
      </c>
      <c r="F14658" s="1" t="s">
        <v>55504</v>
      </c>
      <c r="G14658" s="1" t="s">
        <v>55491</v>
      </c>
      <c r="H14658" s="1" t="s">
        <v>55492</v>
      </c>
      <c r="I14658" s="1" t="s">
        <v>53800</v>
      </c>
      <c r="J14658" s="1" t="s">
        <v>55505</v>
      </c>
    </row>
    <row r="14659" spans="1:10" x14ac:dyDescent="0.35">
      <c r="A14659" s="1" t="s">
        <v>55488</v>
      </c>
      <c r="B14659" s="1" t="s">
        <v>53796</v>
      </c>
      <c r="C14659" s="1" t="s">
        <v>35</v>
      </c>
      <c r="D14659" s="1" t="s">
        <v>55506</v>
      </c>
      <c r="E14659" s="1" t="s">
        <v>55007</v>
      </c>
      <c r="F14659" s="1" t="s">
        <v>55507</v>
      </c>
      <c r="G14659" s="1" t="s">
        <v>55491</v>
      </c>
      <c r="H14659" s="1" t="s">
        <v>55492</v>
      </c>
      <c r="I14659" s="1" t="s">
        <v>53800</v>
      </c>
      <c r="J14659" s="1" t="s">
        <v>55508</v>
      </c>
    </row>
    <row r="14660" spans="1:10" x14ac:dyDescent="0.35">
      <c r="A14660" s="1" t="s">
        <v>55488</v>
      </c>
      <c r="B14660" s="1" t="s">
        <v>53796</v>
      </c>
      <c r="C14660" s="1" t="s">
        <v>40</v>
      </c>
      <c r="D14660" s="1" t="s">
        <v>55509</v>
      </c>
      <c r="E14660" s="1" t="s">
        <v>55510</v>
      </c>
      <c r="F14660" s="1" t="s">
        <v>55511</v>
      </c>
      <c r="G14660" s="1" t="s">
        <v>55491</v>
      </c>
      <c r="H14660" s="1" t="s">
        <v>55492</v>
      </c>
      <c r="I14660" s="1" t="s">
        <v>53800</v>
      </c>
      <c r="J14660" s="1" t="s">
        <v>55512</v>
      </c>
    </row>
    <row r="14661" spans="1:10" x14ac:dyDescent="0.35">
      <c r="A14661" s="1" t="s">
        <v>55488</v>
      </c>
      <c r="B14661" s="1" t="s">
        <v>53796</v>
      </c>
      <c r="C14661" s="1" t="s">
        <v>45</v>
      </c>
      <c r="D14661" s="1" t="s">
        <v>55513</v>
      </c>
      <c r="E14661" s="1" t="s">
        <v>21117</v>
      </c>
      <c r="F14661" s="1" t="s">
        <v>55514</v>
      </c>
      <c r="G14661" s="1" t="s">
        <v>55491</v>
      </c>
      <c r="H14661" s="1" t="s">
        <v>55492</v>
      </c>
      <c r="I14661" s="1" t="s">
        <v>53800</v>
      </c>
      <c r="J14661" s="1" t="s">
        <v>55515</v>
      </c>
    </row>
    <row r="14662" spans="1:10" x14ac:dyDescent="0.35">
      <c r="A14662" s="1" t="s">
        <v>55488</v>
      </c>
      <c r="B14662" s="1" t="s">
        <v>53796</v>
      </c>
      <c r="C14662" s="1" t="s">
        <v>50</v>
      </c>
      <c r="D14662" s="1" t="s">
        <v>55516</v>
      </c>
      <c r="E14662" s="1" t="s">
        <v>54641</v>
      </c>
      <c r="F14662" s="1" t="s">
        <v>55517</v>
      </c>
      <c r="G14662" s="1" t="s">
        <v>55491</v>
      </c>
      <c r="H14662" s="1" t="s">
        <v>55492</v>
      </c>
      <c r="I14662" s="1" t="s">
        <v>53800</v>
      </c>
      <c r="J14662" s="1" t="s">
        <v>55518</v>
      </c>
    </row>
    <row r="14663" spans="1:10" x14ac:dyDescent="0.35">
      <c r="A14663" s="1" t="s">
        <v>55488</v>
      </c>
      <c r="B14663" s="1" t="s">
        <v>53796</v>
      </c>
      <c r="C14663" s="1" t="s">
        <v>55</v>
      </c>
      <c r="D14663" s="1" t="s">
        <v>55519</v>
      </c>
      <c r="E14663" s="1" t="s">
        <v>55520</v>
      </c>
      <c r="F14663" s="1" t="s">
        <v>55521</v>
      </c>
      <c r="G14663" s="1" t="s">
        <v>55491</v>
      </c>
      <c r="H14663" s="1" t="s">
        <v>55492</v>
      </c>
      <c r="I14663" s="1" t="s">
        <v>53800</v>
      </c>
      <c r="J14663" s="1" t="s">
        <v>55522</v>
      </c>
    </row>
    <row r="14664" spans="1:10" x14ac:dyDescent="0.35">
      <c r="A14664" s="1" t="s">
        <v>55488</v>
      </c>
      <c r="B14664" s="1" t="s">
        <v>53796</v>
      </c>
      <c r="C14664" s="1" t="s">
        <v>60</v>
      </c>
      <c r="D14664" s="1" t="s">
        <v>55523</v>
      </c>
      <c r="E14664" s="1" t="s">
        <v>15225</v>
      </c>
      <c r="F14664" s="1" t="s">
        <v>55524</v>
      </c>
      <c r="G14664" s="1" t="s">
        <v>55491</v>
      </c>
      <c r="H14664" s="1" t="s">
        <v>55492</v>
      </c>
      <c r="I14664" s="1" t="s">
        <v>53800</v>
      </c>
      <c r="J14664" s="1" t="s">
        <v>55525</v>
      </c>
    </row>
    <row r="14665" spans="1:10" x14ac:dyDescent="0.35">
      <c r="A14665" s="1" t="s">
        <v>55488</v>
      </c>
      <c r="B14665" s="1" t="s">
        <v>53796</v>
      </c>
      <c r="C14665" s="1" t="s">
        <v>65</v>
      </c>
      <c r="D14665" s="1" t="s">
        <v>55526</v>
      </c>
      <c r="E14665" s="1" t="s">
        <v>40644</v>
      </c>
      <c r="F14665" s="1" t="s">
        <v>55527</v>
      </c>
      <c r="G14665" s="1" t="s">
        <v>55491</v>
      </c>
      <c r="H14665" s="1" t="s">
        <v>55492</v>
      </c>
      <c r="I14665" s="1" t="s">
        <v>53800</v>
      </c>
      <c r="J14665" s="1" t="s">
        <v>55528</v>
      </c>
    </row>
    <row r="14666" spans="1:10" x14ac:dyDescent="0.35">
      <c r="A14666" s="1" t="s">
        <v>55488</v>
      </c>
      <c r="B14666" s="1" t="s">
        <v>53796</v>
      </c>
      <c r="C14666" s="1" t="s">
        <v>70</v>
      </c>
      <c r="D14666" s="1" t="s">
        <v>55529</v>
      </c>
      <c r="E14666" s="1" t="s">
        <v>21170</v>
      </c>
      <c r="F14666" s="1" t="s">
        <v>55530</v>
      </c>
      <c r="G14666" s="1" t="s">
        <v>55491</v>
      </c>
      <c r="H14666" s="1" t="s">
        <v>55492</v>
      </c>
      <c r="I14666" s="1" t="s">
        <v>53800</v>
      </c>
      <c r="J14666" s="1" t="s">
        <v>55531</v>
      </c>
    </row>
    <row r="14667" spans="1:10" x14ac:dyDescent="0.35">
      <c r="A14667" s="1" t="s">
        <v>55488</v>
      </c>
      <c r="B14667" s="1" t="s">
        <v>53796</v>
      </c>
      <c r="C14667" s="1" t="s">
        <v>75</v>
      </c>
      <c r="D14667" s="1" t="s">
        <v>33343</v>
      </c>
      <c r="E14667" s="1" t="s">
        <v>21894</v>
      </c>
      <c r="F14667" s="1" t="s">
        <v>55532</v>
      </c>
      <c r="G14667" s="1" t="s">
        <v>55491</v>
      </c>
      <c r="H14667" s="1" t="s">
        <v>55492</v>
      </c>
      <c r="I14667" s="1" t="s">
        <v>53800</v>
      </c>
      <c r="J14667" s="1" t="s">
        <v>55533</v>
      </c>
    </row>
    <row r="14668" spans="1:10" x14ac:dyDescent="0.35">
      <c r="A14668" s="1" t="s">
        <v>55488</v>
      </c>
      <c r="B14668" s="1" t="s">
        <v>53796</v>
      </c>
      <c r="C14668" s="1" t="s">
        <v>80</v>
      </c>
      <c r="D14668" s="1" t="s">
        <v>55534</v>
      </c>
      <c r="E14668" s="1" t="s">
        <v>55535</v>
      </c>
      <c r="F14668" s="1" t="s">
        <v>55536</v>
      </c>
      <c r="G14668" s="1" t="s">
        <v>55491</v>
      </c>
      <c r="H14668" s="1" t="s">
        <v>55492</v>
      </c>
      <c r="I14668" s="1" t="s">
        <v>53800</v>
      </c>
      <c r="J14668" s="1" t="s">
        <v>55537</v>
      </c>
    </row>
    <row r="14669" spans="1:10" x14ac:dyDescent="0.35">
      <c r="A14669" s="1" t="s">
        <v>55488</v>
      </c>
      <c r="B14669" s="1" t="s">
        <v>53796</v>
      </c>
      <c r="C14669" s="1" t="s">
        <v>85</v>
      </c>
      <c r="D14669" s="1" t="s">
        <v>55538</v>
      </c>
      <c r="E14669" s="1" t="s">
        <v>55539</v>
      </c>
      <c r="F14669" s="1" t="s">
        <v>22923</v>
      </c>
      <c r="G14669" s="1" t="s">
        <v>55491</v>
      </c>
      <c r="H14669" s="1" t="s">
        <v>55492</v>
      </c>
      <c r="I14669" s="1" t="s">
        <v>53800</v>
      </c>
      <c r="J14669" s="1" t="s">
        <v>55540</v>
      </c>
    </row>
    <row r="14670" spans="1:10" x14ac:dyDescent="0.35">
      <c r="A14670" s="1" t="s">
        <v>55488</v>
      </c>
      <c r="B14670" s="1" t="s">
        <v>53796</v>
      </c>
      <c r="C14670" s="1" t="s">
        <v>90</v>
      </c>
      <c r="D14670" s="1" t="s">
        <v>55541</v>
      </c>
      <c r="E14670" s="1" t="s">
        <v>24363</v>
      </c>
      <c r="F14670" s="1" t="s">
        <v>55542</v>
      </c>
      <c r="G14670" s="1" t="s">
        <v>55491</v>
      </c>
      <c r="H14670" s="1" t="s">
        <v>55492</v>
      </c>
      <c r="I14670" s="1" t="s">
        <v>53800</v>
      </c>
      <c r="J14670" s="1" t="s">
        <v>55543</v>
      </c>
    </row>
    <row r="14671" spans="1:10" x14ac:dyDescent="0.35">
      <c r="A14671" s="1" t="s">
        <v>55488</v>
      </c>
      <c r="B14671" s="1" t="s">
        <v>53796</v>
      </c>
      <c r="C14671" s="1" t="s">
        <v>95</v>
      </c>
      <c r="D14671" s="1" t="s">
        <v>43617</v>
      </c>
      <c r="E14671" s="1" t="s">
        <v>41414</v>
      </c>
      <c r="F14671" s="1" t="s">
        <v>55544</v>
      </c>
      <c r="G14671" s="1" t="s">
        <v>55491</v>
      </c>
      <c r="H14671" s="1" t="s">
        <v>55492</v>
      </c>
      <c r="I14671" s="1" t="s">
        <v>53800</v>
      </c>
      <c r="J14671" s="1" t="s">
        <v>55545</v>
      </c>
    </row>
    <row r="14672" spans="1:10" x14ac:dyDescent="0.35">
      <c r="A14672" s="1" t="s">
        <v>55488</v>
      </c>
      <c r="B14672" s="1" t="s">
        <v>53796</v>
      </c>
      <c r="C14672" s="1" t="s">
        <v>100</v>
      </c>
      <c r="D14672" s="1" t="s">
        <v>55546</v>
      </c>
      <c r="E14672" s="1" t="s">
        <v>54985</v>
      </c>
      <c r="F14672" s="1" t="s">
        <v>55547</v>
      </c>
      <c r="G14672" s="1" t="s">
        <v>55491</v>
      </c>
      <c r="H14672" s="1" t="s">
        <v>55492</v>
      </c>
      <c r="I14672" s="1" t="s">
        <v>53800</v>
      </c>
      <c r="J14672" s="1" t="s">
        <v>55548</v>
      </c>
    </row>
    <row r="14673" spans="1:10" x14ac:dyDescent="0.35">
      <c r="A14673" s="1" t="s">
        <v>55488</v>
      </c>
      <c r="B14673" s="1" t="s">
        <v>53796</v>
      </c>
      <c r="C14673" s="1" t="s">
        <v>105</v>
      </c>
      <c r="D14673" s="1" t="s">
        <v>55549</v>
      </c>
      <c r="E14673" s="1" t="s">
        <v>23137</v>
      </c>
      <c r="F14673" s="1" t="s">
        <v>55550</v>
      </c>
      <c r="G14673" s="1" t="s">
        <v>55491</v>
      </c>
      <c r="H14673" s="1" t="s">
        <v>55492</v>
      </c>
      <c r="I14673" s="1" t="s">
        <v>53800</v>
      </c>
      <c r="J14673" s="1" t="s">
        <v>55551</v>
      </c>
    </row>
    <row r="14674" spans="1:10" x14ac:dyDescent="0.35">
      <c r="A14674" s="1" t="s">
        <v>55488</v>
      </c>
      <c r="B14674" s="1" t="s">
        <v>53796</v>
      </c>
      <c r="C14674" s="1" t="s">
        <v>110</v>
      </c>
      <c r="D14674" s="1" t="s">
        <v>55552</v>
      </c>
      <c r="E14674" s="1" t="s">
        <v>55553</v>
      </c>
      <c r="F14674" s="1" t="s">
        <v>55554</v>
      </c>
      <c r="G14674" s="1" t="s">
        <v>55491</v>
      </c>
      <c r="H14674" s="1" t="s">
        <v>55492</v>
      </c>
      <c r="I14674" s="1" t="s">
        <v>53800</v>
      </c>
      <c r="J14674" s="1" t="s">
        <v>55555</v>
      </c>
    </row>
    <row r="14675" spans="1:10" x14ac:dyDescent="0.35">
      <c r="A14675" s="1" t="s">
        <v>55488</v>
      </c>
      <c r="B14675" s="1" t="s">
        <v>53796</v>
      </c>
      <c r="C14675" s="1" t="s">
        <v>115</v>
      </c>
      <c r="D14675" s="1" t="s">
        <v>55556</v>
      </c>
      <c r="E14675" s="1" t="s">
        <v>31401</v>
      </c>
      <c r="F14675" s="1" t="s">
        <v>55557</v>
      </c>
      <c r="G14675" s="1" t="s">
        <v>55491</v>
      </c>
      <c r="H14675" s="1" t="s">
        <v>55492</v>
      </c>
      <c r="I14675" s="1" t="s">
        <v>53800</v>
      </c>
      <c r="J14675" s="1" t="s">
        <v>55558</v>
      </c>
    </row>
    <row r="14676" spans="1:10" x14ac:dyDescent="0.35">
      <c r="A14676" s="1" t="s">
        <v>55488</v>
      </c>
      <c r="B14676" s="1" t="s">
        <v>53796</v>
      </c>
      <c r="C14676" s="1" t="s">
        <v>120</v>
      </c>
      <c r="D14676" s="1" t="s">
        <v>55559</v>
      </c>
      <c r="E14676" s="1" t="s">
        <v>55560</v>
      </c>
      <c r="F14676" s="1" t="s">
        <v>55561</v>
      </c>
      <c r="G14676" s="1" t="s">
        <v>55491</v>
      </c>
      <c r="H14676" s="1" t="s">
        <v>55492</v>
      </c>
      <c r="I14676" s="1" t="s">
        <v>53800</v>
      </c>
      <c r="J14676" s="1" t="s">
        <v>55562</v>
      </c>
    </row>
    <row r="14677" spans="1:10" x14ac:dyDescent="0.35">
      <c r="A14677" s="1" t="s">
        <v>55488</v>
      </c>
      <c r="B14677" s="1" t="s">
        <v>53796</v>
      </c>
      <c r="C14677" s="1" t="s">
        <v>125</v>
      </c>
      <c r="D14677" s="1" t="s">
        <v>55563</v>
      </c>
      <c r="E14677" s="1" t="s">
        <v>55564</v>
      </c>
      <c r="F14677" s="1" t="s">
        <v>55031</v>
      </c>
      <c r="G14677" s="1" t="s">
        <v>55491</v>
      </c>
      <c r="H14677" s="1" t="s">
        <v>55492</v>
      </c>
      <c r="I14677" s="1" t="s">
        <v>53800</v>
      </c>
      <c r="J14677" s="1" t="s">
        <v>55565</v>
      </c>
    </row>
    <row r="14678" spans="1:10" x14ac:dyDescent="0.35">
      <c r="A14678" s="1" t="s">
        <v>55488</v>
      </c>
      <c r="B14678" s="1" t="s">
        <v>53796</v>
      </c>
      <c r="C14678" s="1" t="s">
        <v>130</v>
      </c>
      <c r="D14678" s="1" t="s">
        <v>55566</v>
      </c>
      <c r="E14678" s="1" t="s">
        <v>12798</v>
      </c>
      <c r="F14678" s="1" t="s">
        <v>55567</v>
      </c>
      <c r="G14678" s="1" t="s">
        <v>55491</v>
      </c>
      <c r="H14678" s="1" t="s">
        <v>55492</v>
      </c>
      <c r="I14678" s="1" t="s">
        <v>53800</v>
      </c>
      <c r="J14678" s="1" t="s">
        <v>55568</v>
      </c>
    </row>
    <row r="14679" spans="1:10" x14ac:dyDescent="0.35">
      <c r="A14679" s="1" t="s">
        <v>55488</v>
      </c>
      <c r="B14679" s="1" t="s">
        <v>53796</v>
      </c>
      <c r="C14679" s="1" t="s">
        <v>135</v>
      </c>
      <c r="D14679" s="1" t="s">
        <v>55569</v>
      </c>
      <c r="E14679" s="1" t="s">
        <v>54038</v>
      </c>
      <c r="F14679" s="1" t="s">
        <v>55570</v>
      </c>
      <c r="G14679" s="1" t="s">
        <v>55491</v>
      </c>
      <c r="H14679" s="1" t="s">
        <v>55492</v>
      </c>
      <c r="I14679" s="1" t="s">
        <v>53800</v>
      </c>
      <c r="J14679" s="1" t="s">
        <v>55571</v>
      </c>
    </row>
    <row r="14680" spans="1:10" x14ac:dyDescent="0.35">
      <c r="A14680" s="1" t="s">
        <v>55488</v>
      </c>
      <c r="B14680" s="1" t="s">
        <v>53796</v>
      </c>
      <c r="C14680" s="1" t="s">
        <v>140</v>
      </c>
      <c r="D14680" s="1" t="s">
        <v>55572</v>
      </c>
      <c r="E14680" s="1" t="s">
        <v>55573</v>
      </c>
      <c r="F14680" s="1" t="s">
        <v>55574</v>
      </c>
      <c r="G14680" s="1" t="s">
        <v>55491</v>
      </c>
      <c r="H14680" s="1" t="s">
        <v>55492</v>
      </c>
      <c r="I14680" s="1" t="s">
        <v>53800</v>
      </c>
      <c r="J14680" s="1" t="s">
        <v>55575</v>
      </c>
    </row>
    <row r="14681" spans="1:10" x14ac:dyDescent="0.35">
      <c r="A14681" s="1" t="s">
        <v>55488</v>
      </c>
      <c r="B14681" s="1" t="s">
        <v>53796</v>
      </c>
      <c r="C14681" s="1" t="s">
        <v>145</v>
      </c>
      <c r="D14681" s="1" t="s">
        <v>55576</v>
      </c>
      <c r="E14681" s="1" t="s">
        <v>53969</v>
      </c>
      <c r="F14681" s="1" t="s">
        <v>55577</v>
      </c>
      <c r="G14681" s="1" t="s">
        <v>55491</v>
      </c>
      <c r="H14681" s="1" t="s">
        <v>55492</v>
      </c>
      <c r="I14681" s="1" t="s">
        <v>53800</v>
      </c>
      <c r="J14681" s="1" t="s">
        <v>55578</v>
      </c>
    </row>
    <row r="14682" spans="1:10" x14ac:dyDescent="0.35">
      <c r="A14682" s="1" t="s">
        <v>55488</v>
      </c>
      <c r="B14682" s="1" t="s">
        <v>53796</v>
      </c>
      <c r="C14682" s="1" t="s">
        <v>150</v>
      </c>
      <c r="D14682" s="1" t="s">
        <v>55579</v>
      </c>
      <c r="E14682" s="1" t="s">
        <v>41298</v>
      </c>
      <c r="F14682" s="1" t="s">
        <v>55580</v>
      </c>
      <c r="G14682" s="1" t="s">
        <v>55491</v>
      </c>
      <c r="H14682" s="1" t="s">
        <v>55492</v>
      </c>
      <c r="I14682" s="1" t="s">
        <v>53800</v>
      </c>
      <c r="J14682" s="1" t="s">
        <v>55581</v>
      </c>
    </row>
    <row r="14683" spans="1:10" x14ac:dyDescent="0.35">
      <c r="A14683" s="1" t="s">
        <v>55488</v>
      </c>
      <c r="B14683" s="1" t="s">
        <v>53796</v>
      </c>
      <c r="C14683" s="1" t="s">
        <v>155</v>
      </c>
      <c r="D14683" s="1" t="s">
        <v>55582</v>
      </c>
      <c r="E14683" s="1" t="s">
        <v>21799</v>
      </c>
      <c r="F14683" s="1" t="s">
        <v>55583</v>
      </c>
      <c r="G14683" s="1" t="s">
        <v>55491</v>
      </c>
      <c r="H14683" s="1" t="s">
        <v>55492</v>
      </c>
      <c r="I14683" s="1" t="s">
        <v>53800</v>
      </c>
      <c r="J14683" s="1" t="s">
        <v>55584</v>
      </c>
    </row>
    <row r="14684" spans="1:10" x14ac:dyDescent="0.35">
      <c r="A14684" s="1" t="s">
        <v>55488</v>
      </c>
      <c r="B14684" s="1" t="s">
        <v>53796</v>
      </c>
      <c r="C14684" s="1" t="s">
        <v>160</v>
      </c>
      <c r="D14684" s="1" t="s">
        <v>55585</v>
      </c>
      <c r="E14684" s="1" t="s">
        <v>55586</v>
      </c>
      <c r="F14684" s="1" t="s">
        <v>55587</v>
      </c>
      <c r="G14684" s="1" t="s">
        <v>55491</v>
      </c>
      <c r="H14684" s="1" t="s">
        <v>55492</v>
      </c>
      <c r="I14684" s="1" t="s">
        <v>53800</v>
      </c>
      <c r="J14684" s="1" t="s">
        <v>55588</v>
      </c>
    </row>
    <row r="14685" spans="1:10" x14ac:dyDescent="0.35">
      <c r="A14685" s="1" t="s">
        <v>55488</v>
      </c>
      <c r="B14685" s="1" t="s">
        <v>53796</v>
      </c>
      <c r="C14685" s="1" t="s">
        <v>165</v>
      </c>
      <c r="D14685" s="1" t="s">
        <v>55589</v>
      </c>
      <c r="E14685" s="1" t="s">
        <v>23126</v>
      </c>
      <c r="F14685" s="1" t="s">
        <v>55590</v>
      </c>
      <c r="G14685" s="1" t="s">
        <v>55491</v>
      </c>
      <c r="H14685" s="1" t="s">
        <v>55492</v>
      </c>
      <c r="I14685" s="1" t="s">
        <v>53800</v>
      </c>
      <c r="J14685" s="1" t="s">
        <v>55591</v>
      </c>
    </row>
    <row r="14686" spans="1:10" x14ac:dyDescent="0.35">
      <c r="A14686" s="1" t="s">
        <v>55488</v>
      </c>
      <c r="B14686" s="1" t="s">
        <v>53796</v>
      </c>
      <c r="C14686" s="1" t="s">
        <v>170</v>
      </c>
      <c r="D14686" s="1" t="s">
        <v>55592</v>
      </c>
      <c r="E14686" s="1" t="s">
        <v>32584</v>
      </c>
      <c r="F14686" s="1" t="s">
        <v>55593</v>
      </c>
      <c r="G14686" s="1" t="s">
        <v>55491</v>
      </c>
      <c r="H14686" s="1" t="s">
        <v>55492</v>
      </c>
      <c r="I14686" s="1" t="s">
        <v>53800</v>
      </c>
      <c r="J14686" s="1" t="s">
        <v>55594</v>
      </c>
    </row>
    <row r="14687" spans="1:10" x14ac:dyDescent="0.35">
      <c r="A14687" s="1" t="s">
        <v>55595</v>
      </c>
      <c r="B14687" s="1" t="s">
        <v>53796</v>
      </c>
      <c r="C14687" s="1" t="s">
        <v>8</v>
      </c>
      <c r="D14687" s="1" t="s">
        <v>55596</v>
      </c>
      <c r="E14687" s="1" t="s">
        <v>55597</v>
      </c>
      <c r="F14687" s="1" t="s">
        <v>55598</v>
      </c>
      <c r="G14687" s="1" t="s">
        <v>55599</v>
      </c>
      <c r="H14687" s="1" t="s">
        <v>55600</v>
      </c>
      <c r="I14687" s="1" t="s">
        <v>53800</v>
      </c>
      <c r="J14687" s="1" t="s">
        <v>13</v>
      </c>
    </row>
    <row r="14688" spans="1:10" x14ac:dyDescent="0.35">
      <c r="A14688" s="1" t="s">
        <v>55595</v>
      </c>
      <c r="B14688" s="1" t="s">
        <v>53796</v>
      </c>
      <c r="C14688" s="1" t="s">
        <v>15</v>
      </c>
      <c r="D14688" s="1" t="s">
        <v>55601</v>
      </c>
      <c r="E14688" s="1" t="s">
        <v>55602</v>
      </c>
      <c r="F14688" s="1" t="s">
        <v>55603</v>
      </c>
      <c r="G14688" s="1" t="s">
        <v>55599</v>
      </c>
      <c r="H14688" s="1" t="s">
        <v>55600</v>
      </c>
      <c r="I14688" s="1" t="s">
        <v>53800</v>
      </c>
      <c r="J14688" s="1" t="s">
        <v>55604</v>
      </c>
    </row>
    <row r="14689" spans="1:10" x14ac:dyDescent="0.35">
      <c r="A14689" s="1" t="s">
        <v>55595</v>
      </c>
      <c r="B14689" s="1" t="s">
        <v>53796</v>
      </c>
      <c r="C14689" s="1" t="s">
        <v>20</v>
      </c>
      <c r="D14689" s="1" t="s">
        <v>55605</v>
      </c>
      <c r="E14689" s="1" t="s">
        <v>55606</v>
      </c>
      <c r="F14689" s="1" t="s">
        <v>55607</v>
      </c>
      <c r="G14689" s="1" t="s">
        <v>55599</v>
      </c>
      <c r="H14689" s="1" t="s">
        <v>55600</v>
      </c>
      <c r="I14689" s="1" t="s">
        <v>53800</v>
      </c>
      <c r="J14689" s="1" t="s">
        <v>55608</v>
      </c>
    </row>
    <row r="14690" spans="1:10" x14ac:dyDescent="0.35">
      <c r="A14690" s="1" t="s">
        <v>55595</v>
      </c>
      <c r="B14690" s="1" t="s">
        <v>53796</v>
      </c>
      <c r="C14690" s="1" t="s">
        <v>25</v>
      </c>
      <c r="D14690" s="1" t="s">
        <v>55609</v>
      </c>
      <c r="E14690" s="1" t="s">
        <v>55610</v>
      </c>
      <c r="F14690" s="1" t="s">
        <v>55611</v>
      </c>
      <c r="G14690" s="1" t="s">
        <v>55599</v>
      </c>
      <c r="H14690" s="1" t="s">
        <v>55600</v>
      </c>
      <c r="I14690" s="1" t="s">
        <v>53800</v>
      </c>
      <c r="J14690" s="1" t="s">
        <v>55612</v>
      </c>
    </row>
    <row r="14691" spans="1:10" x14ac:dyDescent="0.35">
      <c r="A14691" s="1" t="s">
        <v>55595</v>
      </c>
      <c r="B14691" s="1" t="s">
        <v>53796</v>
      </c>
      <c r="C14691" s="1" t="s">
        <v>30</v>
      </c>
      <c r="D14691" s="1" t="s">
        <v>55613</v>
      </c>
      <c r="E14691" s="1" t="s">
        <v>55614</v>
      </c>
      <c r="F14691" s="1" t="s">
        <v>55615</v>
      </c>
      <c r="G14691" s="1" t="s">
        <v>55599</v>
      </c>
      <c r="H14691" s="1" t="s">
        <v>55600</v>
      </c>
      <c r="I14691" s="1" t="s">
        <v>53800</v>
      </c>
      <c r="J14691" s="1" t="s">
        <v>55616</v>
      </c>
    </row>
    <row r="14692" spans="1:10" x14ac:dyDescent="0.35">
      <c r="A14692" s="1" t="s">
        <v>55595</v>
      </c>
      <c r="B14692" s="1" t="s">
        <v>53796</v>
      </c>
      <c r="C14692" s="1" t="s">
        <v>35</v>
      </c>
      <c r="D14692" s="1" t="s">
        <v>55617</v>
      </c>
      <c r="E14692" s="1" t="s">
        <v>55618</v>
      </c>
      <c r="F14692" s="1" t="s">
        <v>55619</v>
      </c>
      <c r="G14692" s="1" t="s">
        <v>55599</v>
      </c>
      <c r="H14692" s="1" t="s">
        <v>55600</v>
      </c>
      <c r="I14692" s="1" t="s">
        <v>53800</v>
      </c>
      <c r="J14692" s="1" t="s">
        <v>55620</v>
      </c>
    </row>
    <row r="14693" spans="1:10" x14ac:dyDescent="0.35">
      <c r="A14693" s="1" t="s">
        <v>55595</v>
      </c>
      <c r="B14693" s="1" t="s">
        <v>53796</v>
      </c>
      <c r="C14693" s="1" t="s">
        <v>40</v>
      </c>
      <c r="D14693" s="1" t="s">
        <v>55621</v>
      </c>
      <c r="E14693" s="1" t="s">
        <v>55622</v>
      </c>
      <c r="F14693" s="1" t="s">
        <v>55623</v>
      </c>
      <c r="G14693" s="1" t="s">
        <v>55599</v>
      </c>
      <c r="H14693" s="1" t="s">
        <v>55600</v>
      </c>
      <c r="I14693" s="1" t="s">
        <v>53800</v>
      </c>
      <c r="J14693" s="1" t="s">
        <v>55624</v>
      </c>
    </row>
    <row r="14694" spans="1:10" x14ac:dyDescent="0.35">
      <c r="A14694" s="1" t="s">
        <v>55595</v>
      </c>
      <c r="B14694" s="1" t="s">
        <v>53796</v>
      </c>
      <c r="C14694" s="1" t="s">
        <v>45</v>
      </c>
      <c r="D14694" s="1" t="s">
        <v>55625</v>
      </c>
      <c r="E14694" s="1" t="s">
        <v>55626</v>
      </c>
      <c r="F14694" s="1" t="s">
        <v>55627</v>
      </c>
      <c r="G14694" s="1" t="s">
        <v>55599</v>
      </c>
      <c r="H14694" s="1" t="s">
        <v>55600</v>
      </c>
      <c r="I14694" s="1" t="s">
        <v>53800</v>
      </c>
      <c r="J14694" s="1" t="s">
        <v>55628</v>
      </c>
    </row>
    <row r="14695" spans="1:10" x14ac:dyDescent="0.35">
      <c r="A14695" s="1" t="s">
        <v>55595</v>
      </c>
      <c r="B14695" s="1" t="s">
        <v>53796</v>
      </c>
      <c r="C14695" s="1" t="s">
        <v>50</v>
      </c>
      <c r="D14695" s="1" t="s">
        <v>55629</v>
      </c>
      <c r="E14695" s="1" t="s">
        <v>55630</v>
      </c>
      <c r="F14695" s="1" t="s">
        <v>55631</v>
      </c>
      <c r="G14695" s="1" t="s">
        <v>55599</v>
      </c>
      <c r="H14695" s="1" t="s">
        <v>55600</v>
      </c>
      <c r="I14695" s="1" t="s">
        <v>53800</v>
      </c>
      <c r="J14695" s="1" t="s">
        <v>55632</v>
      </c>
    </row>
    <row r="14696" spans="1:10" x14ac:dyDescent="0.35">
      <c r="A14696" s="1" t="s">
        <v>55595</v>
      </c>
      <c r="B14696" s="1" t="s">
        <v>53796</v>
      </c>
      <c r="C14696" s="1" t="s">
        <v>55</v>
      </c>
      <c r="D14696" s="1" t="s">
        <v>55633</v>
      </c>
      <c r="E14696" s="1" t="s">
        <v>55634</v>
      </c>
      <c r="F14696" s="1" t="s">
        <v>55635</v>
      </c>
      <c r="G14696" s="1" t="s">
        <v>55599</v>
      </c>
      <c r="H14696" s="1" t="s">
        <v>55600</v>
      </c>
      <c r="I14696" s="1" t="s">
        <v>53800</v>
      </c>
      <c r="J14696" s="1" t="s">
        <v>55636</v>
      </c>
    </row>
    <row r="14697" spans="1:10" x14ac:dyDescent="0.35">
      <c r="A14697" s="1" t="s">
        <v>55595</v>
      </c>
      <c r="B14697" s="1" t="s">
        <v>53796</v>
      </c>
      <c r="C14697" s="1" t="s">
        <v>60</v>
      </c>
      <c r="D14697" s="1" t="s">
        <v>55637</v>
      </c>
      <c r="E14697" s="1" t="s">
        <v>55638</v>
      </c>
      <c r="F14697" s="1" t="s">
        <v>55639</v>
      </c>
      <c r="G14697" s="1" t="s">
        <v>55599</v>
      </c>
      <c r="H14697" s="1" t="s">
        <v>55600</v>
      </c>
      <c r="I14697" s="1" t="s">
        <v>53800</v>
      </c>
      <c r="J14697" s="1" t="s">
        <v>55640</v>
      </c>
    </row>
    <row r="14698" spans="1:10" x14ac:dyDescent="0.35">
      <c r="A14698" s="1" t="s">
        <v>55595</v>
      </c>
      <c r="B14698" s="1" t="s">
        <v>53796</v>
      </c>
      <c r="C14698" s="1" t="s">
        <v>65</v>
      </c>
      <c r="D14698" s="1" t="s">
        <v>55641</v>
      </c>
      <c r="E14698" s="1" t="s">
        <v>55642</v>
      </c>
      <c r="F14698" s="1" t="s">
        <v>55643</v>
      </c>
      <c r="G14698" s="1" t="s">
        <v>55599</v>
      </c>
      <c r="H14698" s="1" t="s">
        <v>55600</v>
      </c>
      <c r="I14698" s="1" t="s">
        <v>53800</v>
      </c>
      <c r="J14698" s="1" t="s">
        <v>55644</v>
      </c>
    </row>
    <row r="14699" spans="1:10" x14ac:dyDescent="0.35">
      <c r="A14699" s="1" t="s">
        <v>55595</v>
      </c>
      <c r="B14699" s="1" t="s">
        <v>53796</v>
      </c>
      <c r="C14699" s="1" t="s">
        <v>70</v>
      </c>
      <c r="D14699" s="1" t="s">
        <v>55645</v>
      </c>
      <c r="E14699" s="1" t="s">
        <v>55646</v>
      </c>
      <c r="F14699" s="1" t="s">
        <v>55647</v>
      </c>
      <c r="G14699" s="1" t="s">
        <v>55599</v>
      </c>
      <c r="H14699" s="1" t="s">
        <v>55600</v>
      </c>
      <c r="I14699" s="1" t="s">
        <v>53800</v>
      </c>
      <c r="J14699" s="1" t="s">
        <v>55648</v>
      </c>
    </row>
    <row r="14700" spans="1:10" x14ac:dyDescent="0.35">
      <c r="A14700" s="1" t="s">
        <v>55595</v>
      </c>
      <c r="B14700" s="1" t="s">
        <v>53796</v>
      </c>
      <c r="C14700" s="1" t="s">
        <v>75</v>
      </c>
      <c r="D14700" s="1" t="s">
        <v>55649</v>
      </c>
      <c r="E14700" s="1" t="s">
        <v>55650</v>
      </c>
      <c r="F14700" s="1" t="s">
        <v>55651</v>
      </c>
      <c r="G14700" s="1" t="s">
        <v>55599</v>
      </c>
      <c r="H14700" s="1" t="s">
        <v>55600</v>
      </c>
      <c r="I14700" s="1" t="s">
        <v>53800</v>
      </c>
      <c r="J14700" s="1" t="s">
        <v>55652</v>
      </c>
    </row>
    <row r="14701" spans="1:10" x14ac:dyDescent="0.35">
      <c r="A14701" s="1" t="s">
        <v>55595</v>
      </c>
      <c r="B14701" s="1" t="s">
        <v>53796</v>
      </c>
      <c r="C14701" s="1" t="s">
        <v>80</v>
      </c>
      <c r="D14701" s="1" t="s">
        <v>55653</v>
      </c>
      <c r="E14701" s="1" t="s">
        <v>55654</v>
      </c>
      <c r="F14701" s="1" t="s">
        <v>55655</v>
      </c>
      <c r="G14701" s="1" t="s">
        <v>55599</v>
      </c>
      <c r="H14701" s="1" t="s">
        <v>55600</v>
      </c>
      <c r="I14701" s="1" t="s">
        <v>53800</v>
      </c>
      <c r="J14701" s="1" t="s">
        <v>55656</v>
      </c>
    </row>
    <row r="14702" spans="1:10" x14ac:dyDescent="0.35">
      <c r="A14702" s="1" t="s">
        <v>55595</v>
      </c>
      <c r="B14702" s="1" t="s">
        <v>53796</v>
      </c>
      <c r="C14702" s="1" t="s">
        <v>85</v>
      </c>
      <c r="D14702" s="1" t="s">
        <v>55657</v>
      </c>
      <c r="E14702" s="1" t="s">
        <v>55658</v>
      </c>
      <c r="F14702" s="1" t="s">
        <v>55659</v>
      </c>
      <c r="G14702" s="1" t="s">
        <v>55599</v>
      </c>
      <c r="H14702" s="1" t="s">
        <v>55600</v>
      </c>
      <c r="I14702" s="1" t="s">
        <v>53800</v>
      </c>
      <c r="J14702" s="1" t="s">
        <v>55660</v>
      </c>
    </row>
    <row r="14703" spans="1:10" x14ac:dyDescent="0.35">
      <c r="A14703" s="1" t="s">
        <v>55595</v>
      </c>
      <c r="B14703" s="1" t="s">
        <v>53796</v>
      </c>
      <c r="C14703" s="1" t="s">
        <v>90</v>
      </c>
      <c r="D14703" s="1" t="s">
        <v>55661</v>
      </c>
      <c r="E14703" s="1" t="s">
        <v>55662</v>
      </c>
      <c r="F14703" s="1" t="s">
        <v>55663</v>
      </c>
      <c r="G14703" s="1" t="s">
        <v>55599</v>
      </c>
      <c r="H14703" s="1" t="s">
        <v>55600</v>
      </c>
      <c r="I14703" s="1" t="s">
        <v>53800</v>
      </c>
      <c r="J14703" s="1" t="s">
        <v>55664</v>
      </c>
    </row>
    <row r="14704" spans="1:10" x14ac:dyDescent="0.35">
      <c r="A14704" s="1" t="s">
        <v>55595</v>
      </c>
      <c r="B14704" s="1" t="s">
        <v>53796</v>
      </c>
      <c r="C14704" s="1" t="s">
        <v>95</v>
      </c>
      <c r="D14704" s="1" t="s">
        <v>55665</v>
      </c>
      <c r="E14704" s="1" t="s">
        <v>55666</v>
      </c>
      <c r="F14704" s="1" t="s">
        <v>55667</v>
      </c>
      <c r="G14704" s="1" t="s">
        <v>55599</v>
      </c>
      <c r="H14704" s="1" t="s">
        <v>55600</v>
      </c>
      <c r="I14704" s="1" t="s">
        <v>53800</v>
      </c>
      <c r="J14704" s="1" t="s">
        <v>55668</v>
      </c>
    </row>
    <row r="14705" spans="1:10" x14ac:dyDescent="0.35">
      <c r="A14705" s="1" t="s">
        <v>55595</v>
      </c>
      <c r="B14705" s="1" t="s">
        <v>53796</v>
      </c>
      <c r="C14705" s="1" t="s">
        <v>100</v>
      </c>
      <c r="D14705" s="1" t="s">
        <v>55669</v>
      </c>
      <c r="E14705" s="1" t="s">
        <v>55670</v>
      </c>
      <c r="F14705" s="1" t="s">
        <v>55671</v>
      </c>
      <c r="G14705" s="1" t="s">
        <v>55599</v>
      </c>
      <c r="H14705" s="1" t="s">
        <v>55600</v>
      </c>
      <c r="I14705" s="1" t="s">
        <v>53800</v>
      </c>
      <c r="J14705" s="1" t="s">
        <v>55672</v>
      </c>
    </row>
    <row r="14706" spans="1:10" x14ac:dyDescent="0.35">
      <c r="A14706" s="1" t="s">
        <v>55595</v>
      </c>
      <c r="B14706" s="1" t="s">
        <v>53796</v>
      </c>
      <c r="C14706" s="1" t="s">
        <v>105</v>
      </c>
      <c r="D14706" s="1" t="s">
        <v>55673</v>
      </c>
      <c r="E14706" s="1" t="s">
        <v>55674</v>
      </c>
      <c r="F14706" s="1" t="s">
        <v>55675</v>
      </c>
      <c r="G14706" s="1" t="s">
        <v>55599</v>
      </c>
      <c r="H14706" s="1" t="s">
        <v>55600</v>
      </c>
      <c r="I14706" s="1" t="s">
        <v>53800</v>
      </c>
      <c r="J14706" s="1" t="s">
        <v>55676</v>
      </c>
    </row>
    <row r="14707" spans="1:10" x14ac:dyDescent="0.35">
      <c r="A14707" s="1" t="s">
        <v>55595</v>
      </c>
      <c r="B14707" s="1" t="s">
        <v>53796</v>
      </c>
      <c r="C14707" s="1" t="s">
        <v>110</v>
      </c>
      <c r="D14707" s="1" t="s">
        <v>26412</v>
      </c>
      <c r="E14707" s="1" t="s">
        <v>55677</v>
      </c>
      <c r="F14707" s="1" t="s">
        <v>55678</v>
      </c>
      <c r="G14707" s="1" t="s">
        <v>55599</v>
      </c>
      <c r="H14707" s="1" t="s">
        <v>55600</v>
      </c>
      <c r="I14707" s="1" t="s">
        <v>53800</v>
      </c>
      <c r="J14707" s="1" t="s">
        <v>55679</v>
      </c>
    </row>
    <row r="14708" spans="1:10" x14ac:dyDescent="0.35">
      <c r="A14708" s="1" t="s">
        <v>55595</v>
      </c>
      <c r="B14708" s="1" t="s">
        <v>53796</v>
      </c>
      <c r="C14708" s="1" t="s">
        <v>115</v>
      </c>
      <c r="D14708" s="1" t="s">
        <v>55680</v>
      </c>
      <c r="E14708" s="1" t="s">
        <v>55681</v>
      </c>
      <c r="F14708" s="1" t="s">
        <v>55682</v>
      </c>
      <c r="G14708" s="1" t="s">
        <v>55599</v>
      </c>
      <c r="H14708" s="1" t="s">
        <v>55600</v>
      </c>
      <c r="I14708" s="1" t="s">
        <v>53800</v>
      </c>
      <c r="J14708" s="1" t="s">
        <v>55683</v>
      </c>
    </row>
    <row r="14709" spans="1:10" x14ac:dyDescent="0.35">
      <c r="A14709" s="1" t="s">
        <v>55595</v>
      </c>
      <c r="B14709" s="1" t="s">
        <v>53796</v>
      </c>
      <c r="C14709" s="1" t="s">
        <v>120</v>
      </c>
      <c r="D14709" s="1" t="s">
        <v>55684</v>
      </c>
      <c r="E14709" s="1" t="s">
        <v>55685</v>
      </c>
      <c r="F14709" s="1" t="s">
        <v>55686</v>
      </c>
      <c r="G14709" s="1" t="s">
        <v>55599</v>
      </c>
      <c r="H14709" s="1" t="s">
        <v>55600</v>
      </c>
      <c r="I14709" s="1" t="s">
        <v>53800</v>
      </c>
      <c r="J14709" s="1" t="s">
        <v>55687</v>
      </c>
    </row>
    <row r="14710" spans="1:10" x14ac:dyDescent="0.35">
      <c r="A14710" s="1" t="s">
        <v>55595</v>
      </c>
      <c r="B14710" s="1" t="s">
        <v>53796</v>
      </c>
      <c r="C14710" s="1" t="s">
        <v>125</v>
      </c>
      <c r="D14710" s="1" t="s">
        <v>2770</v>
      </c>
      <c r="E14710" s="1" t="s">
        <v>55688</v>
      </c>
      <c r="F14710" s="1" t="s">
        <v>55689</v>
      </c>
      <c r="G14710" s="1" t="s">
        <v>55599</v>
      </c>
      <c r="H14710" s="1" t="s">
        <v>55600</v>
      </c>
      <c r="I14710" s="1" t="s">
        <v>53800</v>
      </c>
      <c r="J14710" s="1" t="s">
        <v>55690</v>
      </c>
    </row>
    <row r="14711" spans="1:10" x14ac:dyDescent="0.35">
      <c r="A14711" s="1" t="s">
        <v>55595</v>
      </c>
      <c r="B14711" s="1" t="s">
        <v>53796</v>
      </c>
      <c r="C14711" s="1" t="s">
        <v>130</v>
      </c>
      <c r="D14711" s="1" t="s">
        <v>55691</v>
      </c>
      <c r="E14711" s="1" t="s">
        <v>55692</v>
      </c>
      <c r="F14711" s="1" t="s">
        <v>55693</v>
      </c>
      <c r="G14711" s="1" t="s">
        <v>55599</v>
      </c>
      <c r="H14711" s="1" t="s">
        <v>55600</v>
      </c>
      <c r="I14711" s="1" t="s">
        <v>53800</v>
      </c>
      <c r="J14711" s="1" t="s">
        <v>55694</v>
      </c>
    </row>
    <row r="14712" spans="1:10" x14ac:dyDescent="0.35">
      <c r="A14712" s="1" t="s">
        <v>55595</v>
      </c>
      <c r="B14712" s="1" t="s">
        <v>53796</v>
      </c>
      <c r="C14712" s="1" t="s">
        <v>135</v>
      </c>
      <c r="D14712" s="1" t="s">
        <v>17352</v>
      </c>
      <c r="E14712" s="1" t="s">
        <v>55695</v>
      </c>
      <c r="F14712" s="1" t="s">
        <v>55696</v>
      </c>
      <c r="G14712" s="1" t="s">
        <v>55599</v>
      </c>
      <c r="H14712" s="1" t="s">
        <v>55600</v>
      </c>
      <c r="I14712" s="1" t="s">
        <v>53800</v>
      </c>
      <c r="J14712" s="1" t="s">
        <v>55697</v>
      </c>
    </row>
    <row r="14713" spans="1:10" x14ac:dyDescent="0.35">
      <c r="A14713" s="1" t="s">
        <v>55595</v>
      </c>
      <c r="B14713" s="1" t="s">
        <v>53796</v>
      </c>
      <c r="C14713" s="1" t="s">
        <v>140</v>
      </c>
      <c r="D14713" s="1" t="s">
        <v>55698</v>
      </c>
      <c r="E14713" s="1" t="s">
        <v>55699</v>
      </c>
      <c r="F14713" s="1" t="s">
        <v>55700</v>
      </c>
      <c r="G14713" s="1" t="s">
        <v>55599</v>
      </c>
      <c r="H14713" s="1" t="s">
        <v>55600</v>
      </c>
      <c r="I14713" s="1" t="s">
        <v>53800</v>
      </c>
      <c r="J14713" s="1" t="s">
        <v>55701</v>
      </c>
    </row>
    <row r="14714" spans="1:10" x14ac:dyDescent="0.35">
      <c r="A14714" s="1" t="s">
        <v>55595</v>
      </c>
      <c r="B14714" s="1" t="s">
        <v>53796</v>
      </c>
      <c r="C14714" s="1" t="s">
        <v>145</v>
      </c>
      <c r="D14714" s="1" t="s">
        <v>55702</v>
      </c>
      <c r="E14714" s="1" t="s">
        <v>55703</v>
      </c>
      <c r="F14714" s="1" t="s">
        <v>55704</v>
      </c>
      <c r="G14714" s="1" t="s">
        <v>55599</v>
      </c>
      <c r="H14714" s="1" t="s">
        <v>55600</v>
      </c>
      <c r="I14714" s="1" t="s">
        <v>53800</v>
      </c>
      <c r="J14714" s="1" t="s">
        <v>55705</v>
      </c>
    </row>
    <row r="14715" spans="1:10" x14ac:dyDescent="0.35">
      <c r="A14715" s="1" t="s">
        <v>55595</v>
      </c>
      <c r="B14715" s="1" t="s">
        <v>53796</v>
      </c>
      <c r="C14715" s="1" t="s">
        <v>150</v>
      </c>
      <c r="D14715" s="1" t="s">
        <v>55706</v>
      </c>
      <c r="E14715" s="1" t="s">
        <v>55707</v>
      </c>
      <c r="F14715" s="1" t="s">
        <v>55708</v>
      </c>
      <c r="G14715" s="1" t="s">
        <v>55599</v>
      </c>
      <c r="H14715" s="1" t="s">
        <v>55600</v>
      </c>
      <c r="I14715" s="1" t="s">
        <v>53800</v>
      </c>
      <c r="J14715" s="1" t="s">
        <v>55709</v>
      </c>
    </row>
    <row r="14716" spans="1:10" x14ac:dyDescent="0.35">
      <c r="A14716" s="1" t="s">
        <v>55595</v>
      </c>
      <c r="B14716" s="1" t="s">
        <v>53796</v>
      </c>
      <c r="C14716" s="1" t="s">
        <v>155</v>
      </c>
      <c r="D14716" s="1" t="s">
        <v>55710</v>
      </c>
      <c r="E14716" s="1" t="s">
        <v>55711</v>
      </c>
      <c r="F14716" s="1" t="s">
        <v>55712</v>
      </c>
      <c r="G14716" s="1" t="s">
        <v>55599</v>
      </c>
      <c r="H14716" s="1" t="s">
        <v>55600</v>
      </c>
      <c r="I14716" s="1" t="s">
        <v>53800</v>
      </c>
      <c r="J14716" s="1" t="s">
        <v>55713</v>
      </c>
    </row>
    <row r="14717" spans="1:10" x14ac:dyDescent="0.35">
      <c r="A14717" s="1" t="s">
        <v>55595</v>
      </c>
      <c r="B14717" s="1" t="s">
        <v>53796</v>
      </c>
      <c r="C14717" s="1" t="s">
        <v>160</v>
      </c>
      <c r="D14717" s="1" t="s">
        <v>55714</v>
      </c>
      <c r="E14717" s="1" t="s">
        <v>55715</v>
      </c>
      <c r="F14717" s="1" t="s">
        <v>55716</v>
      </c>
      <c r="G14717" s="1" t="s">
        <v>55599</v>
      </c>
      <c r="H14717" s="1" t="s">
        <v>55600</v>
      </c>
      <c r="I14717" s="1" t="s">
        <v>53800</v>
      </c>
      <c r="J14717" s="1" t="s">
        <v>55717</v>
      </c>
    </row>
    <row r="14718" spans="1:10" x14ac:dyDescent="0.35">
      <c r="A14718" s="1" t="s">
        <v>55595</v>
      </c>
      <c r="B14718" s="1" t="s">
        <v>53796</v>
      </c>
      <c r="C14718" s="1" t="s">
        <v>165</v>
      </c>
      <c r="D14718" s="1" t="s">
        <v>55718</v>
      </c>
      <c r="E14718" s="1" t="s">
        <v>55719</v>
      </c>
      <c r="F14718" s="1" t="s">
        <v>55720</v>
      </c>
      <c r="G14718" s="1" t="s">
        <v>55599</v>
      </c>
      <c r="H14718" s="1" t="s">
        <v>55600</v>
      </c>
      <c r="I14718" s="1" t="s">
        <v>53800</v>
      </c>
      <c r="J14718" s="1" t="s">
        <v>55721</v>
      </c>
    </row>
    <row r="14719" spans="1:10" x14ac:dyDescent="0.35">
      <c r="A14719" s="1" t="s">
        <v>55595</v>
      </c>
      <c r="B14719" s="1" t="s">
        <v>53796</v>
      </c>
      <c r="C14719" s="1" t="s">
        <v>170</v>
      </c>
      <c r="D14719" s="1" t="s">
        <v>55722</v>
      </c>
      <c r="E14719" s="1" t="s">
        <v>55723</v>
      </c>
      <c r="F14719" s="1" t="s">
        <v>55724</v>
      </c>
      <c r="G14719" s="1" t="s">
        <v>55599</v>
      </c>
      <c r="H14719" s="1" t="s">
        <v>55600</v>
      </c>
      <c r="I14719" s="1" t="s">
        <v>53800</v>
      </c>
      <c r="J14719" s="1" t="s">
        <v>55725</v>
      </c>
    </row>
    <row r="14720" spans="1:10" x14ac:dyDescent="0.35">
      <c r="A14720" s="1" t="s">
        <v>55726</v>
      </c>
      <c r="B14720" s="1" t="s">
        <v>53796</v>
      </c>
      <c r="C14720" s="1" t="s">
        <v>8</v>
      </c>
      <c r="D14720" s="1" t="s">
        <v>20023</v>
      </c>
      <c r="E14720" s="1" t="s">
        <v>55727</v>
      </c>
      <c r="F14720" s="1" t="s">
        <v>55728</v>
      </c>
      <c r="G14720" s="1" t="s">
        <v>55729</v>
      </c>
      <c r="H14720" s="1" t="s">
        <v>55730</v>
      </c>
      <c r="I14720" s="1" t="s">
        <v>53800</v>
      </c>
      <c r="J14720" s="1" t="s">
        <v>13</v>
      </c>
    </row>
    <row r="14721" spans="1:10" x14ac:dyDescent="0.35">
      <c r="A14721" s="1" t="s">
        <v>55726</v>
      </c>
      <c r="B14721" s="1" t="s">
        <v>53796</v>
      </c>
      <c r="C14721" s="1" t="s">
        <v>15</v>
      </c>
      <c r="D14721" s="1" t="s">
        <v>55731</v>
      </c>
      <c r="E14721" s="1" t="s">
        <v>55732</v>
      </c>
      <c r="F14721" s="1" t="s">
        <v>55733</v>
      </c>
      <c r="G14721" s="1" t="s">
        <v>55729</v>
      </c>
      <c r="H14721" s="1" t="s">
        <v>55730</v>
      </c>
      <c r="I14721" s="1" t="s">
        <v>53800</v>
      </c>
      <c r="J14721" s="1" t="s">
        <v>55734</v>
      </c>
    </row>
    <row r="14722" spans="1:10" x14ac:dyDescent="0.35">
      <c r="A14722" s="1" t="s">
        <v>55726</v>
      </c>
      <c r="B14722" s="1" t="s">
        <v>53796</v>
      </c>
      <c r="C14722" s="1" t="s">
        <v>20</v>
      </c>
      <c r="D14722" s="1" t="s">
        <v>55735</v>
      </c>
      <c r="E14722" s="1" t="s">
        <v>55736</v>
      </c>
      <c r="F14722" s="1" t="s">
        <v>55737</v>
      </c>
      <c r="G14722" s="1" t="s">
        <v>55729</v>
      </c>
      <c r="H14722" s="1" t="s">
        <v>55730</v>
      </c>
      <c r="I14722" s="1" t="s">
        <v>53800</v>
      </c>
      <c r="J14722" s="1" t="s">
        <v>55738</v>
      </c>
    </row>
    <row r="14723" spans="1:10" x14ac:dyDescent="0.35">
      <c r="A14723" s="1" t="s">
        <v>55726</v>
      </c>
      <c r="B14723" s="1" t="s">
        <v>53796</v>
      </c>
      <c r="C14723" s="1" t="s">
        <v>25</v>
      </c>
      <c r="D14723" s="1" t="s">
        <v>55739</v>
      </c>
      <c r="E14723" s="1" t="s">
        <v>55740</v>
      </c>
      <c r="F14723" s="1" t="s">
        <v>55741</v>
      </c>
      <c r="G14723" s="1" t="s">
        <v>55729</v>
      </c>
      <c r="H14723" s="1" t="s">
        <v>55730</v>
      </c>
      <c r="I14723" s="1" t="s">
        <v>53800</v>
      </c>
      <c r="J14723" s="1" t="s">
        <v>55742</v>
      </c>
    </row>
    <row r="14724" spans="1:10" x14ac:dyDescent="0.35">
      <c r="A14724" s="1" t="s">
        <v>55726</v>
      </c>
      <c r="B14724" s="1" t="s">
        <v>53796</v>
      </c>
      <c r="C14724" s="1" t="s">
        <v>30</v>
      </c>
      <c r="D14724" s="1" t="s">
        <v>55743</v>
      </c>
      <c r="E14724" s="1" t="s">
        <v>55744</v>
      </c>
      <c r="F14724" s="1" t="s">
        <v>55745</v>
      </c>
      <c r="G14724" s="1" t="s">
        <v>55729</v>
      </c>
      <c r="H14724" s="1" t="s">
        <v>55730</v>
      </c>
      <c r="I14724" s="1" t="s">
        <v>53800</v>
      </c>
      <c r="J14724" s="1" t="s">
        <v>55746</v>
      </c>
    </row>
    <row r="14725" spans="1:10" x14ac:dyDescent="0.35">
      <c r="A14725" s="1" t="s">
        <v>55726</v>
      </c>
      <c r="B14725" s="1" t="s">
        <v>53796</v>
      </c>
      <c r="C14725" s="1" t="s">
        <v>35</v>
      </c>
      <c r="D14725" s="1" t="s">
        <v>55747</v>
      </c>
      <c r="E14725" s="1" t="s">
        <v>55748</v>
      </c>
      <c r="F14725" s="1" t="s">
        <v>55749</v>
      </c>
      <c r="G14725" s="1" t="s">
        <v>55729</v>
      </c>
      <c r="H14725" s="1" t="s">
        <v>55730</v>
      </c>
      <c r="I14725" s="1" t="s">
        <v>53800</v>
      </c>
      <c r="J14725" s="1" t="s">
        <v>55750</v>
      </c>
    </row>
    <row r="14726" spans="1:10" x14ac:dyDescent="0.35">
      <c r="A14726" s="1" t="s">
        <v>55726</v>
      </c>
      <c r="B14726" s="1" t="s">
        <v>53796</v>
      </c>
      <c r="C14726" s="1" t="s">
        <v>40</v>
      </c>
      <c r="D14726" s="1" t="s">
        <v>55751</v>
      </c>
      <c r="E14726" s="1" t="s">
        <v>55752</v>
      </c>
      <c r="F14726" s="1" t="s">
        <v>55753</v>
      </c>
      <c r="G14726" s="1" t="s">
        <v>55729</v>
      </c>
      <c r="H14726" s="1" t="s">
        <v>55730</v>
      </c>
      <c r="I14726" s="1" t="s">
        <v>53800</v>
      </c>
      <c r="J14726" s="1" t="s">
        <v>55754</v>
      </c>
    </row>
    <row r="14727" spans="1:10" x14ac:dyDescent="0.35">
      <c r="A14727" s="1" t="s">
        <v>55726</v>
      </c>
      <c r="B14727" s="1" t="s">
        <v>53796</v>
      </c>
      <c r="C14727" s="1" t="s">
        <v>45</v>
      </c>
      <c r="D14727" s="1" t="s">
        <v>55755</v>
      </c>
      <c r="E14727" s="1" t="s">
        <v>55756</v>
      </c>
      <c r="F14727" s="1" t="s">
        <v>55757</v>
      </c>
      <c r="G14727" s="1" t="s">
        <v>55729</v>
      </c>
      <c r="H14727" s="1" t="s">
        <v>55730</v>
      </c>
      <c r="I14727" s="1" t="s">
        <v>53800</v>
      </c>
      <c r="J14727" s="1" t="s">
        <v>55758</v>
      </c>
    </row>
    <row r="14728" spans="1:10" x14ac:dyDescent="0.35">
      <c r="A14728" s="1" t="s">
        <v>55726</v>
      </c>
      <c r="B14728" s="1" t="s">
        <v>53796</v>
      </c>
      <c r="C14728" s="1" t="s">
        <v>50</v>
      </c>
      <c r="D14728" s="1" t="s">
        <v>55759</v>
      </c>
      <c r="E14728" s="1" t="s">
        <v>55760</v>
      </c>
      <c r="F14728" s="1" t="s">
        <v>55761</v>
      </c>
      <c r="G14728" s="1" t="s">
        <v>55729</v>
      </c>
      <c r="H14728" s="1" t="s">
        <v>55730</v>
      </c>
      <c r="I14728" s="1" t="s">
        <v>53800</v>
      </c>
      <c r="J14728" s="1" t="s">
        <v>55762</v>
      </c>
    </row>
    <row r="14729" spans="1:10" x14ac:dyDescent="0.35">
      <c r="A14729" s="1" t="s">
        <v>55726</v>
      </c>
      <c r="B14729" s="1" t="s">
        <v>53796</v>
      </c>
      <c r="C14729" s="1" t="s">
        <v>55</v>
      </c>
      <c r="D14729" s="1" t="s">
        <v>55763</v>
      </c>
      <c r="E14729" s="1" t="s">
        <v>55764</v>
      </c>
      <c r="F14729" s="1" t="s">
        <v>55765</v>
      </c>
      <c r="G14729" s="1" t="s">
        <v>55729</v>
      </c>
      <c r="H14729" s="1" t="s">
        <v>55730</v>
      </c>
      <c r="I14729" s="1" t="s">
        <v>53800</v>
      </c>
      <c r="J14729" s="1" t="s">
        <v>55766</v>
      </c>
    </row>
    <row r="14730" spans="1:10" x14ac:dyDescent="0.35">
      <c r="A14730" s="1" t="s">
        <v>55726</v>
      </c>
      <c r="B14730" s="1" t="s">
        <v>53796</v>
      </c>
      <c r="C14730" s="1" t="s">
        <v>60</v>
      </c>
      <c r="D14730" s="1" t="s">
        <v>55767</v>
      </c>
      <c r="E14730" s="1" t="s">
        <v>55768</v>
      </c>
      <c r="F14730" s="1" t="s">
        <v>55769</v>
      </c>
      <c r="G14730" s="1" t="s">
        <v>55729</v>
      </c>
      <c r="H14730" s="1" t="s">
        <v>55730</v>
      </c>
      <c r="I14730" s="1" t="s">
        <v>53800</v>
      </c>
      <c r="J14730" s="1" t="s">
        <v>55770</v>
      </c>
    </row>
    <row r="14731" spans="1:10" x14ac:dyDescent="0.35">
      <c r="A14731" s="1" t="s">
        <v>55726</v>
      </c>
      <c r="B14731" s="1" t="s">
        <v>53796</v>
      </c>
      <c r="C14731" s="1" t="s">
        <v>65</v>
      </c>
      <c r="D14731" s="1" t="s">
        <v>55771</v>
      </c>
      <c r="E14731" s="1" t="s">
        <v>55772</v>
      </c>
      <c r="F14731" s="1" t="s">
        <v>55773</v>
      </c>
      <c r="G14731" s="1" t="s">
        <v>55729</v>
      </c>
      <c r="H14731" s="1" t="s">
        <v>55730</v>
      </c>
      <c r="I14731" s="1" t="s">
        <v>53800</v>
      </c>
      <c r="J14731" s="1" t="s">
        <v>55774</v>
      </c>
    </row>
    <row r="14732" spans="1:10" x14ac:dyDescent="0.35">
      <c r="A14732" s="1" t="s">
        <v>55726</v>
      </c>
      <c r="B14732" s="1" t="s">
        <v>53796</v>
      </c>
      <c r="C14732" s="1" t="s">
        <v>70</v>
      </c>
      <c r="D14732" s="1" t="s">
        <v>55775</v>
      </c>
      <c r="E14732" s="1" t="s">
        <v>55776</v>
      </c>
      <c r="F14732" s="1" t="s">
        <v>55777</v>
      </c>
      <c r="G14732" s="1" t="s">
        <v>55729</v>
      </c>
      <c r="H14732" s="1" t="s">
        <v>55730</v>
      </c>
      <c r="I14732" s="1" t="s">
        <v>53800</v>
      </c>
      <c r="J14732" s="1" t="s">
        <v>55778</v>
      </c>
    </row>
    <row r="14733" spans="1:10" x14ac:dyDescent="0.35">
      <c r="A14733" s="1" t="s">
        <v>55726</v>
      </c>
      <c r="B14733" s="1" t="s">
        <v>53796</v>
      </c>
      <c r="C14733" s="1" t="s">
        <v>75</v>
      </c>
      <c r="D14733" s="1" t="s">
        <v>22281</v>
      </c>
      <c r="E14733" s="1" t="s">
        <v>55779</v>
      </c>
      <c r="F14733" s="1" t="s">
        <v>55780</v>
      </c>
      <c r="G14733" s="1" t="s">
        <v>55729</v>
      </c>
      <c r="H14733" s="1" t="s">
        <v>55730</v>
      </c>
      <c r="I14733" s="1" t="s">
        <v>53800</v>
      </c>
      <c r="J14733" s="1" t="s">
        <v>55781</v>
      </c>
    </row>
    <row r="14734" spans="1:10" x14ac:dyDescent="0.35">
      <c r="A14734" s="1" t="s">
        <v>55726</v>
      </c>
      <c r="B14734" s="1" t="s">
        <v>53796</v>
      </c>
      <c r="C14734" s="1" t="s">
        <v>80</v>
      </c>
      <c r="D14734" s="1" t="s">
        <v>55782</v>
      </c>
      <c r="E14734" s="1" t="s">
        <v>55783</v>
      </c>
      <c r="F14734" s="1" t="s">
        <v>55784</v>
      </c>
      <c r="G14734" s="1" t="s">
        <v>55729</v>
      </c>
      <c r="H14734" s="1" t="s">
        <v>55730</v>
      </c>
      <c r="I14734" s="1" t="s">
        <v>53800</v>
      </c>
      <c r="J14734" s="1" t="s">
        <v>55785</v>
      </c>
    </row>
    <row r="14735" spans="1:10" x14ac:dyDescent="0.35">
      <c r="A14735" s="1" t="s">
        <v>55726</v>
      </c>
      <c r="B14735" s="1" t="s">
        <v>53796</v>
      </c>
      <c r="C14735" s="1" t="s">
        <v>85</v>
      </c>
      <c r="D14735" s="1" t="s">
        <v>26766</v>
      </c>
      <c r="E14735" s="1" t="s">
        <v>55786</v>
      </c>
      <c r="F14735" s="1" t="s">
        <v>55787</v>
      </c>
      <c r="G14735" s="1" t="s">
        <v>55729</v>
      </c>
      <c r="H14735" s="1" t="s">
        <v>55730</v>
      </c>
      <c r="I14735" s="1" t="s">
        <v>53800</v>
      </c>
      <c r="J14735" s="1" t="s">
        <v>55788</v>
      </c>
    </row>
    <row r="14736" spans="1:10" x14ac:dyDescent="0.35">
      <c r="A14736" s="1" t="s">
        <v>55726</v>
      </c>
      <c r="B14736" s="1" t="s">
        <v>53796</v>
      </c>
      <c r="C14736" s="1" t="s">
        <v>90</v>
      </c>
      <c r="D14736" s="1" t="s">
        <v>40180</v>
      </c>
      <c r="E14736" s="1" t="s">
        <v>55789</v>
      </c>
      <c r="F14736" s="1" t="s">
        <v>55790</v>
      </c>
      <c r="G14736" s="1" t="s">
        <v>55729</v>
      </c>
      <c r="H14736" s="1" t="s">
        <v>55730</v>
      </c>
      <c r="I14736" s="1" t="s">
        <v>53800</v>
      </c>
      <c r="J14736" s="1" t="s">
        <v>55791</v>
      </c>
    </row>
    <row r="14737" spans="1:10" x14ac:dyDescent="0.35">
      <c r="A14737" s="1" t="s">
        <v>55726</v>
      </c>
      <c r="B14737" s="1" t="s">
        <v>53796</v>
      </c>
      <c r="C14737" s="1" t="s">
        <v>95</v>
      </c>
      <c r="D14737" s="1" t="s">
        <v>42344</v>
      </c>
      <c r="E14737" s="1" t="s">
        <v>55792</v>
      </c>
      <c r="F14737" s="1" t="s">
        <v>55793</v>
      </c>
      <c r="G14737" s="1" t="s">
        <v>55729</v>
      </c>
      <c r="H14737" s="1" t="s">
        <v>55730</v>
      </c>
      <c r="I14737" s="1" t="s">
        <v>53800</v>
      </c>
      <c r="J14737" s="1" t="s">
        <v>55794</v>
      </c>
    </row>
    <row r="14738" spans="1:10" x14ac:dyDescent="0.35">
      <c r="A14738" s="1" t="s">
        <v>55726</v>
      </c>
      <c r="B14738" s="1" t="s">
        <v>53796</v>
      </c>
      <c r="C14738" s="1" t="s">
        <v>100</v>
      </c>
      <c r="D14738" s="1" t="s">
        <v>55795</v>
      </c>
      <c r="E14738" s="1" t="s">
        <v>55796</v>
      </c>
      <c r="F14738" s="1" t="s">
        <v>55797</v>
      </c>
      <c r="G14738" s="1" t="s">
        <v>55729</v>
      </c>
      <c r="H14738" s="1" t="s">
        <v>55730</v>
      </c>
      <c r="I14738" s="1" t="s">
        <v>53800</v>
      </c>
      <c r="J14738" s="1" t="s">
        <v>55798</v>
      </c>
    </row>
    <row r="14739" spans="1:10" x14ac:dyDescent="0.35">
      <c r="A14739" s="1" t="s">
        <v>55726</v>
      </c>
      <c r="B14739" s="1" t="s">
        <v>53796</v>
      </c>
      <c r="C14739" s="1" t="s">
        <v>105</v>
      </c>
      <c r="D14739" s="1" t="s">
        <v>55799</v>
      </c>
      <c r="E14739" s="1" t="s">
        <v>55800</v>
      </c>
      <c r="F14739" s="1" t="s">
        <v>55801</v>
      </c>
      <c r="G14739" s="1" t="s">
        <v>55729</v>
      </c>
      <c r="H14739" s="1" t="s">
        <v>55730</v>
      </c>
      <c r="I14739" s="1" t="s">
        <v>53800</v>
      </c>
      <c r="J14739" s="1" t="s">
        <v>55802</v>
      </c>
    </row>
    <row r="14740" spans="1:10" x14ac:dyDescent="0.35">
      <c r="A14740" s="1" t="s">
        <v>55726</v>
      </c>
      <c r="B14740" s="1" t="s">
        <v>53796</v>
      </c>
      <c r="C14740" s="1" t="s">
        <v>110</v>
      </c>
      <c r="D14740" s="1" t="s">
        <v>55803</v>
      </c>
      <c r="E14740" s="1" t="s">
        <v>55804</v>
      </c>
      <c r="F14740" s="1" t="s">
        <v>55805</v>
      </c>
      <c r="G14740" s="1" t="s">
        <v>55729</v>
      </c>
      <c r="H14740" s="1" t="s">
        <v>55730</v>
      </c>
      <c r="I14740" s="1" t="s">
        <v>53800</v>
      </c>
      <c r="J14740" s="1" t="s">
        <v>55806</v>
      </c>
    </row>
    <row r="14741" spans="1:10" x14ac:dyDescent="0.35">
      <c r="A14741" s="1" t="s">
        <v>55726</v>
      </c>
      <c r="B14741" s="1" t="s">
        <v>53796</v>
      </c>
      <c r="C14741" s="1" t="s">
        <v>115</v>
      </c>
      <c r="D14741" s="1" t="s">
        <v>55807</v>
      </c>
      <c r="E14741" s="1" t="s">
        <v>55808</v>
      </c>
      <c r="F14741" s="1" t="s">
        <v>55809</v>
      </c>
      <c r="G14741" s="1" t="s">
        <v>55729</v>
      </c>
      <c r="H14741" s="1" t="s">
        <v>55730</v>
      </c>
      <c r="I14741" s="1" t="s">
        <v>53800</v>
      </c>
      <c r="J14741" s="1" t="s">
        <v>55810</v>
      </c>
    </row>
    <row r="14742" spans="1:10" x14ac:dyDescent="0.35">
      <c r="A14742" s="1" t="s">
        <v>55726</v>
      </c>
      <c r="B14742" s="1" t="s">
        <v>53796</v>
      </c>
      <c r="C14742" s="1" t="s">
        <v>120</v>
      </c>
      <c r="D14742" s="1" t="s">
        <v>55811</v>
      </c>
      <c r="E14742" s="1" t="s">
        <v>55812</v>
      </c>
      <c r="F14742" s="1" t="s">
        <v>55813</v>
      </c>
      <c r="G14742" s="1" t="s">
        <v>55729</v>
      </c>
      <c r="H14742" s="1" t="s">
        <v>55730</v>
      </c>
      <c r="I14742" s="1" t="s">
        <v>53800</v>
      </c>
      <c r="J14742" s="1" t="s">
        <v>55814</v>
      </c>
    </row>
    <row r="14743" spans="1:10" x14ac:dyDescent="0.35">
      <c r="A14743" s="1" t="s">
        <v>55726</v>
      </c>
      <c r="B14743" s="1" t="s">
        <v>53796</v>
      </c>
      <c r="C14743" s="1" t="s">
        <v>125</v>
      </c>
      <c r="D14743" s="1" t="s">
        <v>55815</v>
      </c>
      <c r="E14743" s="1" t="s">
        <v>55816</v>
      </c>
      <c r="F14743" s="1" t="s">
        <v>55817</v>
      </c>
      <c r="G14743" s="1" t="s">
        <v>55729</v>
      </c>
      <c r="H14743" s="1" t="s">
        <v>55730</v>
      </c>
      <c r="I14743" s="1" t="s">
        <v>53800</v>
      </c>
      <c r="J14743" s="1" t="s">
        <v>55818</v>
      </c>
    </row>
    <row r="14744" spans="1:10" x14ac:dyDescent="0.35">
      <c r="A14744" s="1" t="s">
        <v>55726</v>
      </c>
      <c r="B14744" s="1" t="s">
        <v>53796</v>
      </c>
      <c r="C14744" s="1" t="s">
        <v>130</v>
      </c>
      <c r="D14744" s="1" t="s">
        <v>55819</v>
      </c>
      <c r="E14744" s="1" t="s">
        <v>55820</v>
      </c>
      <c r="F14744" s="1" t="s">
        <v>55821</v>
      </c>
      <c r="G14744" s="1" t="s">
        <v>55729</v>
      </c>
      <c r="H14744" s="1" t="s">
        <v>55730</v>
      </c>
      <c r="I14744" s="1" t="s">
        <v>53800</v>
      </c>
      <c r="J14744" s="1" t="s">
        <v>55822</v>
      </c>
    </row>
    <row r="14745" spans="1:10" x14ac:dyDescent="0.35">
      <c r="A14745" s="1" t="s">
        <v>55726</v>
      </c>
      <c r="B14745" s="1" t="s">
        <v>53796</v>
      </c>
      <c r="C14745" s="1" t="s">
        <v>135</v>
      </c>
      <c r="D14745" s="1" t="s">
        <v>55823</v>
      </c>
      <c r="E14745" s="1" t="s">
        <v>55824</v>
      </c>
      <c r="F14745" s="1" t="s">
        <v>55825</v>
      </c>
      <c r="G14745" s="1" t="s">
        <v>55729</v>
      </c>
      <c r="H14745" s="1" t="s">
        <v>55730</v>
      </c>
      <c r="I14745" s="1" t="s">
        <v>53800</v>
      </c>
      <c r="J14745" s="1" t="s">
        <v>55826</v>
      </c>
    </row>
    <row r="14746" spans="1:10" x14ac:dyDescent="0.35">
      <c r="A14746" s="1" t="s">
        <v>55726</v>
      </c>
      <c r="B14746" s="1" t="s">
        <v>53796</v>
      </c>
      <c r="C14746" s="1" t="s">
        <v>140</v>
      </c>
      <c r="D14746" s="1" t="s">
        <v>55827</v>
      </c>
      <c r="E14746" s="1" t="s">
        <v>55828</v>
      </c>
      <c r="F14746" s="1" t="s">
        <v>55829</v>
      </c>
      <c r="G14746" s="1" t="s">
        <v>55729</v>
      </c>
      <c r="H14746" s="1" t="s">
        <v>55730</v>
      </c>
      <c r="I14746" s="1" t="s">
        <v>53800</v>
      </c>
      <c r="J14746" s="1" t="s">
        <v>55830</v>
      </c>
    </row>
    <row r="14747" spans="1:10" x14ac:dyDescent="0.35">
      <c r="A14747" s="1" t="s">
        <v>55726</v>
      </c>
      <c r="B14747" s="1" t="s">
        <v>53796</v>
      </c>
      <c r="C14747" s="1" t="s">
        <v>145</v>
      </c>
      <c r="D14747" s="1" t="s">
        <v>55831</v>
      </c>
      <c r="E14747" s="1" t="s">
        <v>55832</v>
      </c>
      <c r="F14747" s="1" t="s">
        <v>55833</v>
      </c>
      <c r="G14747" s="1" t="s">
        <v>55729</v>
      </c>
      <c r="H14747" s="1" t="s">
        <v>55730</v>
      </c>
      <c r="I14747" s="1" t="s">
        <v>53800</v>
      </c>
      <c r="J14747" s="1" t="s">
        <v>55834</v>
      </c>
    </row>
    <row r="14748" spans="1:10" x14ac:dyDescent="0.35">
      <c r="A14748" s="1" t="s">
        <v>55726</v>
      </c>
      <c r="B14748" s="1" t="s">
        <v>53796</v>
      </c>
      <c r="C14748" s="1" t="s">
        <v>150</v>
      </c>
      <c r="D14748" s="1" t="s">
        <v>55835</v>
      </c>
      <c r="E14748" s="1" t="s">
        <v>55836</v>
      </c>
      <c r="F14748" s="1" t="s">
        <v>55837</v>
      </c>
      <c r="G14748" s="1" t="s">
        <v>55729</v>
      </c>
      <c r="H14748" s="1" t="s">
        <v>55730</v>
      </c>
      <c r="I14748" s="1" t="s">
        <v>53800</v>
      </c>
      <c r="J14748" s="1" t="s">
        <v>55838</v>
      </c>
    </row>
    <row r="14749" spans="1:10" x14ac:dyDescent="0.35">
      <c r="A14749" s="1" t="s">
        <v>55726</v>
      </c>
      <c r="B14749" s="1" t="s">
        <v>53796</v>
      </c>
      <c r="C14749" s="1" t="s">
        <v>155</v>
      </c>
      <c r="D14749" s="1" t="s">
        <v>55839</v>
      </c>
      <c r="E14749" s="1" t="s">
        <v>55840</v>
      </c>
      <c r="F14749" s="1" t="s">
        <v>55841</v>
      </c>
      <c r="G14749" s="1" t="s">
        <v>55729</v>
      </c>
      <c r="H14749" s="1" t="s">
        <v>55730</v>
      </c>
      <c r="I14749" s="1" t="s">
        <v>53800</v>
      </c>
      <c r="J14749" s="1" t="s">
        <v>55842</v>
      </c>
    </row>
    <row r="14750" spans="1:10" x14ac:dyDescent="0.35">
      <c r="A14750" s="1" t="s">
        <v>55726</v>
      </c>
      <c r="B14750" s="1" t="s">
        <v>53796</v>
      </c>
      <c r="C14750" s="1" t="s">
        <v>160</v>
      </c>
      <c r="D14750" s="1" t="s">
        <v>55843</v>
      </c>
      <c r="E14750" s="1" t="s">
        <v>55844</v>
      </c>
      <c r="F14750" s="1" t="s">
        <v>55845</v>
      </c>
      <c r="G14750" s="1" t="s">
        <v>55729</v>
      </c>
      <c r="H14750" s="1" t="s">
        <v>55730</v>
      </c>
      <c r="I14750" s="1" t="s">
        <v>53800</v>
      </c>
      <c r="J14750" s="1" t="s">
        <v>55846</v>
      </c>
    </row>
    <row r="14751" spans="1:10" x14ac:dyDescent="0.35">
      <c r="A14751" s="1" t="s">
        <v>55726</v>
      </c>
      <c r="B14751" s="1" t="s">
        <v>53796</v>
      </c>
      <c r="C14751" s="1" t="s">
        <v>165</v>
      </c>
      <c r="D14751" s="1" t="s">
        <v>55847</v>
      </c>
      <c r="E14751" s="1" t="s">
        <v>55848</v>
      </c>
      <c r="F14751" s="1" t="s">
        <v>55849</v>
      </c>
      <c r="G14751" s="1" t="s">
        <v>55729</v>
      </c>
      <c r="H14751" s="1" t="s">
        <v>55730</v>
      </c>
      <c r="I14751" s="1" t="s">
        <v>53800</v>
      </c>
      <c r="J14751" s="1" t="s">
        <v>55850</v>
      </c>
    </row>
    <row r="14752" spans="1:10" x14ac:dyDescent="0.35">
      <c r="A14752" s="1" t="s">
        <v>55726</v>
      </c>
      <c r="B14752" s="1" t="s">
        <v>53796</v>
      </c>
      <c r="C14752" s="1" t="s">
        <v>170</v>
      </c>
      <c r="D14752" s="1" t="s">
        <v>55851</v>
      </c>
      <c r="E14752" s="1" t="s">
        <v>55852</v>
      </c>
      <c r="F14752" s="1" t="s">
        <v>55853</v>
      </c>
      <c r="G14752" s="1" t="s">
        <v>55729</v>
      </c>
      <c r="H14752" s="1" t="s">
        <v>55730</v>
      </c>
      <c r="I14752" s="1" t="s">
        <v>53800</v>
      </c>
      <c r="J14752" s="1" t="s">
        <v>55854</v>
      </c>
    </row>
    <row r="14753" spans="1:10" x14ac:dyDescent="0.35">
      <c r="A14753" s="1" t="s">
        <v>50700</v>
      </c>
      <c r="B14753" s="1" t="s">
        <v>53796</v>
      </c>
      <c r="C14753" s="1" t="s">
        <v>8</v>
      </c>
      <c r="D14753" s="1" t="s">
        <v>55855</v>
      </c>
      <c r="E14753" s="1" t="s">
        <v>55856</v>
      </c>
      <c r="F14753" s="1" t="s">
        <v>31732</v>
      </c>
      <c r="G14753" s="1" t="s">
        <v>55857</v>
      </c>
      <c r="H14753" s="1" t="s">
        <v>55858</v>
      </c>
      <c r="I14753" s="1" t="s">
        <v>53800</v>
      </c>
      <c r="J14753" s="1" t="s">
        <v>13</v>
      </c>
    </row>
    <row r="14754" spans="1:10" x14ac:dyDescent="0.35">
      <c r="A14754" s="1" t="s">
        <v>50700</v>
      </c>
      <c r="B14754" s="1" t="s">
        <v>53796</v>
      </c>
      <c r="C14754" s="1" t="s">
        <v>15</v>
      </c>
      <c r="D14754" s="1" t="s">
        <v>55859</v>
      </c>
      <c r="E14754" s="1" t="s">
        <v>22978</v>
      </c>
      <c r="F14754" s="1" t="s">
        <v>55860</v>
      </c>
      <c r="G14754" s="1" t="s">
        <v>55857</v>
      </c>
      <c r="H14754" s="1" t="s">
        <v>55858</v>
      </c>
      <c r="I14754" s="1" t="s">
        <v>53800</v>
      </c>
      <c r="J14754" s="1" t="s">
        <v>55861</v>
      </c>
    </row>
    <row r="14755" spans="1:10" x14ac:dyDescent="0.35">
      <c r="A14755" s="1" t="s">
        <v>50700</v>
      </c>
      <c r="B14755" s="1" t="s">
        <v>53796</v>
      </c>
      <c r="C14755" s="1" t="s">
        <v>20</v>
      </c>
      <c r="D14755" s="1" t="s">
        <v>39346</v>
      </c>
      <c r="E14755" s="1" t="s">
        <v>55862</v>
      </c>
      <c r="F14755" s="1" t="s">
        <v>55863</v>
      </c>
      <c r="G14755" s="1" t="s">
        <v>55857</v>
      </c>
      <c r="H14755" s="1" t="s">
        <v>55858</v>
      </c>
      <c r="I14755" s="1" t="s">
        <v>53800</v>
      </c>
      <c r="J14755" s="1" t="s">
        <v>55864</v>
      </c>
    </row>
    <row r="14756" spans="1:10" x14ac:dyDescent="0.35">
      <c r="A14756" s="1" t="s">
        <v>50700</v>
      </c>
      <c r="B14756" s="1" t="s">
        <v>53796</v>
      </c>
      <c r="C14756" s="1" t="s">
        <v>25</v>
      </c>
      <c r="D14756" s="1" t="s">
        <v>55865</v>
      </c>
      <c r="E14756" s="1" t="s">
        <v>21124</v>
      </c>
      <c r="F14756" s="1" t="s">
        <v>55866</v>
      </c>
      <c r="G14756" s="1" t="s">
        <v>55857</v>
      </c>
      <c r="H14756" s="1" t="s">
        <v>55858</v>
      </c>
      <c r="I14756" s="1" t="s">
        <v>53800</v>
      </c>
      <c r="J14756" s="1" t="s">
        <v>55867</v>
      </c>
    </row>
    <row r="14757" spans="1:10" x14ac:dyDescent="0.35">
      <c r="A14757" s="1" t="s">
        <v>50700</v>
      </c>
      <c r="B14757" s="1" t="s">
        <v>53796</v>
      </c>
      <c r="C14757" s="1" t="s">
        <v>30</v>
      </c>
      <c r="D14757" s="1" t="s">
        <v>55868</v>
      </c>
      <c r="E14757" s="1" t="s">
        <v>55869</v>
      </c>
      <c r="F14757" s="1" t="s">
        <v>55870</v>
      </c>
      <c r="G14757" s="1" t="s">
        <v>55857</v>
      </c>
      <c r="H14757" s="1" t="s">
        <v>55858</v>
      </c>
      <c r="I14757" s="1" t="s">
        <v>53800</v>
      </c>
      <c r="J14757" s="1" t="s">
        <v>55871</v>
      </c>
    </row>
    <row r="14758" spans="1:10" x14ac:dyDescent="0.35">
      <c r="A14758" s="1" t="s">
        <v>50700</v>
      </c>
      <c r="B14758" s="1" t="s">
        <v>53796</v>
      </c>
      <c r="C14758" s="1" t="s">
        <v>35</v>
      </c>
      <c r="D14758" s="1" t="s">
        <v>40363</v>
      </c>
      <c r="E14758" s="1" t="s">
        <v>55872</v>
      </c>
      <c r="F14758" s="1" t="s">
        <v>55873</v>
      </c>
      <c r="G14758" s="1" t="s">
        <v>55857</v>
      </c>
      <c r="H14758" s="1" t="s">
        <v>55858</v>
      </c>
      <c r="I14758" s="1" t="s">
        <v>53800</v>
      </c>
      <c r="J14758" s="1" t="s">
        <v>55874</v>
      </c>
    </row>
    <row r="14759" spans="1:10" x14ac:dyDescent="0.35">
      <c r="A14759" s="1" t="s">
        <v>50700</v>
      </c>
      <c r="B14759" s="1" t="s">
        <v>53796</v>
      </c>
      <c r="C14759" s="1" t="s">
        <v>40</v>
      </c>
      <c r="D14759" s="1" t="s">
        <v>55875</v>
      </c>
      <c r="E14759" s="1" t="s">
        <v>24716</v>
      </c>
      <c r="F14759" s="1" t="s">
        <v>55876</v>
      </c>
      <c r="G14759" s="1" t="s">
        <v>55857</v>
      </c>
      <c r="H14759" s="1" t="s">
        <v>55858</v>
      </c>
      <c r="I14759" s="1" t="s">
        <v>53800</v>
      </c>
      <c r="J14759" s="1" t="s">
        <v>55877</v>
      </c>
    </row>
    <row r="14760" spans="1:10" x14ac:dyDescent="0.35">
      <c r="A14760" s="1" t="s">
        <v>50700</v>
      </c>
      <c r="B14760" s="1" t="s">
        <v>53796</v>
      </c>
      <c r="C14760" s="1" t="s">
        <v>45</v>
      </c>
      <c r="D14760" s="1" t="s">
        <v>55878</v>
      </c>
      <c r="E14760" s="1" t="s">
        <v>24315</v>
      </c>
      <c r="F14760" s="1" t="s">
        <v>55879</v>
      </c>
      <c r="G14760" s="1" t="s">
        <v>55857</v>
      </c>
      <c r="H14760" s="1" t="s">
        <v>55858</v>
      </c>
      <c r="I14760" s="1" t="s">
        <v>53800</v>
      </c>
      <c r="J14760" s="1" t="s">
        <v>55880</v>
      </c>
    </row>
    <row r="14761" spans="1:10" x14ac:dyDescent="0.35">
      <c r="A14761" s="1" t="s">
        <v>50700</v>
      </c>
      <c r="B14761" s="1" t="s">
        <v>53796</v>
      </c>
      <c r="C14761" s="1" t="s">
        <v>50</v>
      </c>
      <c r="D14761" s="1" t="s">
        <v>55881</v>
      </c>
      <c r="E14761" s="1" t="s">
        <v>23894</v>
      </c>
      <c r="F14761" s="1" t="s">
        <v>55882</v>
      </c>
      <c r="G14761" s="1" t="s">
        <v>55857</v>
      </c>
      <c r="H14761" s="1" t="s">
        <v>55858</v>
      </c>
      <c r="I14761" s="1" t="s">
        <v>53800</v>
      </c>
      <c r="J14761" s="1" t="s">
        <v>55883</v>
      </c>
    </row>
    <row r="14762" spans="1:10" x14ac:dyDescent="0.35">
      <c r="A14762" s="1" t="s">
        <v>50700</v>
      </c>
      <c r="B14762" s="1" t="s">
        <v>53796</v>
      </c>
      <c r="C14762" s="1" t="s">
        <v>55</v>
      </c>
      <c r="D14762" s="1" t="s">
        <v>55884</v>
      </c>
      <c r="E14762" s="1" t="s">
        <v>54967</v>
      </c>
      <c r="F14762" s="1" t="s">
        <v>55885</v>
      </c>
      <c r="G14762" s="1" t="s">
        <v>55857</v>
      </c>
      <c r="H14762" s="1" t="s">
        <v>55858</v>
      </c>
      <c r="I14762" s="1" t="s">
        <v>53800</v>
      </c>
      <c r="J14762" s="1" t="s">
        <v>55886</v>
      </c>
    </row>
    <row r="14763" spans="1:10" x14ac:dyDescent="0.35">
      <c r="A14763" s="1" t="s">
        <v>50700</v>
      </c>
      <c r="B14763" s="1" t="s">
        <v>53796</v>
      </c>
      <c r="C14763" s="1" t="s">
        <v>60</v>
      </c>
      <c r="D14763" s="1" t="s">
        <v>55887</v>
      </c>
      <c r="E14763" s="1" t="s">
        <v>22036</v>
      </c>
      <c r="F14763" s="1" t="s">
        <v>55888</v>
      </c>
      <c r="G14763" s="1" t="s">
        <v>55857</v>
      </c>
      <c r="H14763" s="1" t="s">
        <v>55858</v>
      </c>
      <c r="I14763" s="1" t="s">
        <v>53800</v>
      </c>
      <c r="J14763" s="1" t="s">
        <v>55889</v>
      </c>
    </row>
    <row r="14764" spans="1:10" x14ac:dyDescent="0.35">
      <c r="A14764" s="1" t="s">
        <v>50700</v>
      </c>
      <c r="B14764" s="1" t="s">
        <v>53796</v>
      </c>
      <c r="C14764" s="1" t="s">
        <v>65</v>
      </c>
      <c r="D14764" s="1" t="s">
        <v>55890</v>
      </c>
      <c r="E14764" s="1" t="s">
        <v>21086</v>
      </c>
      <c r="F14764" s="1" t="s">
        <v>55891</v>
      </c>
      <c r="G14764" s="1" t="s">
        <v>55857</v>
      </c>
      <c r="H14764" s="1" t="s">
        <v>55858</v>
      </c>
      <c r="I14764" s="1" t="s">
        <v>53800</v>
      </c>
      <c r="J14764" s="1" t="s">
        <v>55892</v>
      </c>
    </row>
    <row r="14765" spans="1:10" x14ac:dyDescent="0.35">
      <c r="A14765" s="1" t="s">
        <v>50700</v>
      </c>
      <c r="B14765" s="1" t="s">
        <v>53796</v>
      </c>
      <c r="C14765" s="1" t="s">
        <v>70</v>
      </c>
      <c r="D14765" s="1" t="s">
        <v>55893</v>
      </c>
      <c r="E14765" s="1" t="s">
        <v>55129</v>
      </c>
      <c r="F14765" s="1" t="s">
        <v>55894</v>
      </c>
      <c r="G14765" s="1" t="s">
        <v>55857</v>
      </c>
      <c r="H14765" s="1" t="s">
        <v>55858</v>
      </c>
      <c r="I14765" s="1" t="s">
        <v>53800</v>
      </c>
      <c r="J14765" s="1" t="s">
        <v>55895</v>
      </c>
    </row>
    <row r="14766" spans="1:10" x14ac:dyDescent="0.35">
      <c r="A14766" s="1" t="s">
        <v>50700</v>
      </c>
      <c r="B14766" s="1" t="s">
        <v>53796</v>
      </c>
      <c r="C14766" s="1" t="s">
        <v>75</v>
      </c>
      <c r="D14766" s="1" t="s">
        <v>55896</v>
      </c>
      <c r="E14766" s="1" t="s">
        <v>55897</v>
      </c>
      <c r="F14766" s="1" t="s">
        <v>55898</v>
      </c>
      <c r="G14766" s="1" t="s">
        <v>55857</v>
      </c>
      <c r="H14766" s="1" t="s">
        <v>55858</v>
      </c>
      <c r="I14766" s="1" t="s">
        <v>53800</v>
      </c>
      <c r="J14766" s="1" t="s">
        <v>55899</v>
      </c>
    </row>
    <row r="14767" spans="1:10" x14ac:dyDescent="0.35">
      <c r="A14767" s="1" t="s">
        <v>50700</v>
      </c>
      <c r="B14767" s="1" t="s">
        <v>53796</v>
      </c>
      <c r="C14767" s="1" t="s">
        <v>80</v>
      </c>
      <c r="D14767" s="1" t="s">
        <v>55900</v>
      </c>
      <c r="E14767" s="1" t="s">
        <v>21883</v>
      </c>
      <c r="F14767" s="1" t="s">
        <v>55901</v>
      </c>
      <c r="G14767" s="1" t="s">
        <v>55857</v>
      </c>
      <c r="H14767" s="1" t="s">
        <v>55858</v>
      </c>
      <c r="I14767" s="1" t="s">
        <v>53800</v>
      </c>
      <c r="J14767" s="1" t="s">
        <v>55902</v>
      </c>
    </row>
    <row r="14768" spans="1:10" x14ac:dyDescent="0.35">
      <c r="A14768" s="1" t="s">
        <v>50700</v>
      </c>
      <c r="B14768" s="1" t="s">
        <v>53796</v>
      </c>
      <c r="C14768" s="1" t="s">
        <v>85</v>
      </c>
      <c r="D14768" s="1" t="s">
        <v>55903</v>
      </c>
      <c r="E14768" s="1" t="s">
        <v>21105</v>
      </c>
      <c r="F14768" s="1" t="s">
        <v>55904</v>
      </c>
      <c r="G14768" s="1" t="s">
        <v>55857</v>
      </c>
      <c r="H14768" s="1" t="s">
        <v>55858</v>
      </c>
      <c r="I14768" s="1" t="s">
        <v>53800</v>
      </c>
      <c r="J14768" s="1" t="s">
        <v>55905</v>
      </c>
    </row>
    <row r="14769" spans="1:10" x14ac:dyDescent="0.35">
      <c r="A14769" s="1" t="s">
        <v>50700</v>
      </c>
      <c r="B14769" s="1" t="s">
        <v>53796</v>
      </c>
      <c r="C14769" s="1" t="s">
        <v>90</v>
      </c>
      <c r="D14769" s="1" t="s">
        <v>55906</v>
      </c>
      <c r="E14769" s="1" t="s">
        <v>55907</v>
      </c>
      <c r="F14769" s="1" t="s">
        <v>55908</v>
      </c>
      <c r="G14769" s="1" t="s">
        <v>55857</v>
      </c>
      <c r="H14769" s="1" t="s">
        <v>55858</v>
      </c>
      <c r="I14769" s="1" t="s">
        <v>53800</v>
      </c>
      <c r="J14769" s="1" t="s">
        <v>55909</v>
      </c>
    </row>
    <row r="14770" spans="1:10" x14ac:dyDescent="0.35">
      <c r="A14770" s="1" t="s">
        <v>50700</v>
      </c>
      <c r="B14770" s="1" t="s">
        <v>53796</v>
      </c>
      <c r="C14770" s="1" t="s">
        <v>95</v>
      </c>
      <c r="D14770" s="1" t="s">
        <v>55910</v>
      </c>
      <c r="E14770" s="1" t="s">
        <v>21768</v>
      </c>
      <c r="F14770" s="1" t="s">
        <v>55911</v>
      </c>
      <c r="G14770" s="1" t="s">
        <v>55857</v>
      </c>
      <c r="H14770" s="1" t="s">
        <v>55858</v>
      </c>
      <c r="I14770" s="1" t="s">
        <v>53800</v>
      </c>
      <c r="J14770" s="1" t="s">
        <v>55912</v>
      </c>
    </row>
    <row r="14771" spans="1:10" x14ac:dyDescent="0.35">
      <c r="A14771" s="1" t="s">
        <v>50700</v>
      </c>
      <c r="B14771" s="1" t="s">
        <v>53796</v>
      </c>
      <c r="C14771" s="1" t="s">
        <v>100</v>
      </c>
      <c r="D14771" s="1" t="s">
        <v>22893</v>
      </c>
      <c r="E14771" s="1" t="s">
        <v>55913</v>
      </c>
      <c r="F14771" s="1" t="s">
        <v>55914</v>
      </c>
      <c r="G14771" s="1" t="s">
        <v>55857</v>
      </c>
      <c r="H14771" s="1" t="s">
        <v>55858</v>
      </c>
      <c r="I14771" s="1" t="s">
        <v>53800</v>
      </c>
      <c r="J14771" s="1" t="s">
        <v>55915</v>
      </c>
    </row>
    <row r="14772" spans="1:10" x14ac:dyDescent="0.35">
      <c r="A14772" s="1" t="s">
        <v>50700</v>
      </c>
      <c r="B14772" s="1" t="s">
        <v>53796</v>
      </c>
      <c r="C14772" s="1" t="s">
        <v>105</v>
      </c>
      <c r="D14772" s="1" t="s">
        <v>27073</v>
      </c>
      <c r="E14772" s="1" t="s">
        <v>55916</v>
      </c>
      <c r="F14772" s="1" t="s">
        <v>55917</v>
      </c>
      <c r="G14772" s="1" t="s">
        <v>55857</v>
      </c>
      <c r="H14772" s="1" t="s">
        <v>55858</v>
      </c>
      <c r="I14772" s="1" t="s">
        <v>53800</v>
      </c>
      <c r="J14772" s="1" t="s">
        <v>55918</v>
      </c>
    </row>
    <row r="14773" spans="1:10" x14ac:dyDescent="0.35">
      <c r="A14773" s="1" t="s">
        <v>50700</v>
      </c>
      <c r="B14773" s="1" t="s">
        <v>53796</v>
      </c>
      <c r="C14773" s="1" t="s">
        <v>110</v>
      </c>
      <c r="D14773" s="1" t="s">
        <v>55919</v>
      </c>
      <c r="E14773" s="1" t="s">
        <v>55920</v>
      </c>
      <c r="F14773" s="1" t="s">
        <v>55921</v>
      </c>
      <c r="G14773" s="1" t="s">
        <v>55857</v>
      </c>
      <c r="H14773" s="1" t="s">
        <v>55858</v>
      </c>
      <c r="I14773" s="1" t="s">
        <v>53800</v>
      </c>
      <c r="J14773" s="1" t="s">
        <v>55922</v>
      </c>
    </row>
    <row r="14774" spans="1:10" x14ac:dyDescent="0.35">
      <c r="A14774" s="1" t="s">
        <v>50700</v>
      </c>
      <c r="B14774" s="1" t="s">
        <v>53796</v>
      </c>
      <c r="C14774" s="1" t="s">
        <v>115</v>
      </c>
      <c r="D14774" s="1" t="s">
        <v>55923</v>
      </c>
      <c r="E14774" s="1" t="s">
        <v>21952</v>
      </c>
      <c r="F14774" s="1" t="s">
        <v>55924</v>
      </c>
      <c r="G14774" s="1" t="s">
        <v>55857</v>
      </c>
      <c r="H14774" s="1" t="s">
        <v>55858</v>
      </c>
      <c r="I14774" s="1" t="s">
        <v>53800</v>
      </c>
      <c r="J14774" s="1" t="s">
        <v>55925</v>
      </c>
    </row>
    <row r="14775" spans="1:10" x14ac:dyDescent="0.35">
      <c r="A14775" s="1" t="s">
        <v>50700</v>
      </c>
      <c r="B14775" s="1" t="s">
        <v>53796</v>
      </c>
      <c r="C14775" s="1" t="s">
        <v>120</v>
      </c>
      <c r="D14775" s="1" t="s">
        <v>55926</v>
      </c>
      <c r="E14775" s="1" t="s">
        <v>23387</v>
      </c>
      <c r="F14775" s="1" t="s">
        <v>55927</v>
      </c>
      <c r="G14775" s="1" t="s">
        <v>55857</v>
      </c>
      <c r="H14775" s="1" t="s">
        <v>55858</v>
      </c>
      <c r="I14775" s="1" t="s">
        <v>53800</v>
      </c>
      <c r="J14775" s="1" t="s">
        <v>55928</v>
      </c>
    </row>
    <row r="14776" spans="1:10" x14ac:dyDescent="0.35">
      <c r="A14776" s="1" t="s">
        <v>50700</v>
      </c>
      <c r="B14776" s="1" t="s">
        <v>53796</v>
      </c>
      <c r="C14776" s="1" t="s">
        <v>125</v>
      </c>
      <c r="D14776" s="1" t="s">
        <v>55929</v>
      </c>
      <c r="E14776" s="1" t="s">
        <v>55930</v>
      </c>
      <c r="F14776" s="1" t="s">
        <v>55931</v>
      </c>
      <c r="G14776" s="1" t="s">
        <v>55857</v>
      </c>
      <c r="H14776" s="1" t="s">
        <v>55858</v>
      </c>
      <c r="I14776" s="1" t="s">
        <v>53800</v>
      </c>
      <c r="J14776" s="1" t="s">
        <v>55932</v>
      </c>
    </row>
    <row r="14777" spans="1:10" x14ac:dyDescent="0.35">
      <c r="A14777" s="1" t="s">
        <v>50700</v>
      </c>
      <c r="B14777" s="1" t="s">
        <v>53796</v>
      </c>
      <c r="C14777" s="1" t="s">
        <v>130</v>
      </c>
      <c r="D14777" s="1" t="s">
        <v>55933</v>
      </c>
      <c r="E14777" s="1" t="s">
        <v>21803</v>
      </c>
      <c r="F14777" s="1" t="s">
        <v>55934</v>
      </c>
      <c r="G14777" s="1" t="s">
        <v>55857</v>
      </c>
      <c r="H14777" s="1" t="s">
        <v>55858</v>
      </c>
      <c r="I14777" s="1" t="s">
        <v>53800</v>
      </c>
      <c r="J14777" s="1" t="s">
        <v>55935</v>
      </c>
    </row>
    <row r="14778" spans="1:10" x14ac:dyDescent="0.35">
      <c r="A14778" s="1" t="s">
        <v>50700</v>
      </c>
      <c r="B14778" s="1" t="s">
        <v>53796</v>
      </c>
      <c r="C14778" s="1" t="s">
        <v>135</v>
      </c>
      <c r="D14778" s="1" t="s">
        <v>55936</v>
      </c>
      <c r="E14778" s="1" t="s">
        <v>21937</v>
      </c>
      <c r="F14778" s="1" t="s">
        <v>55937</v>
      </c>
      <c r="G14778" s="1" t="s">
        <v>55857</v>
      </c>
      <c r="H14778" s="1" t="s">
        <v>55858</v>
      </c>
      <c r="I14778" s="1" t="s">
        <v>53800</v>
      </c>
      <c r="J14778" s="1" t="s">
        <v>55938</v>
      </c>
    </row>
    <row r="14779" spans="1:10" x14ac:dyDescent="0.35">
      <c r="A14779" s="1" t="s">
        <v>50700</v>
      </c>
      <c r="B14779" s="1" t="s">
        <v>53796</v>
      </c>
      <c r="C14779" s="1" t="s">
        <v>140</v>
      </c>
      <c r="D14779" s="1" t="s">
        <v>55939</v>
      </c>
      <c r="E14779" s="1" t="s">
        <v>41578</v>
      </c>
      <c r="F14779" s="1" t="s">
        <v>55940</v>
      </c>
      <c r="G14779" s="1" t="s">
        <v>55857</v>
      </c>
      <c r="H14779" s="1" t="s">
        <v>55858</v>
      </c>
      <c r="I14779" s="1" t="s">
        <v>53800</v>
      </c>
      <c r="J14779" s="1" t="s">
        <v>55941</v>
      </c>
    </row>
    <row r="14780" spans="1:10" x14ac:dyDescent="0.35">
      <c r="A14780" s="1" t="s">
        <v>50700</v>
      </c>
      <c r="B14780" s="1" t="s">
        <v>53796</v>
      </c>
      <c r="C14780" s="1" t="s">
        <v>145</v>
      </c>
      <c r="D14780" s="1" t="s">
        <v>55942</v>
      </c>
      <c r="E14780" s="1" t="s">
        <v>55943</v>
      </c>
      <c r="F14780" s="1" t="s">
        <v>55944</v>
      </c>
      <c r="G14780" s="1" t="s">
        <v>55857</v>
      </c>
      <c r="H14780" s="1" t="s">
        <v>55858</v>
      </c>
      <c r="I14780" s="1" t="s">
        <v>53800</v>
      </c>
      <c r="J14780" s="1" t="s">
        <v>55945</v>
      </c>
    </row>
    <row r="14781" spans="1:10" x14ac:dyDescent="0.35">
      <c r="A14781" s="1" t="s">
        <v>50700</v>
      </c>
      <c r="B14781" s="1" t="s">
        <v>53796</v>
      </c>
      <c r="C14781" s="1" t="s">
        <v>150</v>
      </c>
      <c r="D14781" s="1" t="s">
        <v>55946</v>
      </c>
      <c r="E14781" s="1" t="s">
        <v>55947</v>
      </c>
      <c r="F14781" s="1" t="s">
        <v>55948</v>
      </c>
      <c r="G14781" s="1" t="s">
        <v>55857</v>
      </c>
      <c r="H14781" s="1" t="s">
        <v>55858</v>
      </c>
      <c r="I14781" s="1" t="s">
        <v>53800</v>
      </c>
      <c r="J14781" s="1" t="s">
        <v>55949</v>
      </c>
    </row>
    <row r="14782" spans="1:10" x14ac:dyDescent="0.35">
      <c r="A14782" s="1" t="s">
        <v>50700</v>
      </c>
      <c r="B14782" s="1" t="s">
        <v>53796</v>
      </c>
      <c r="C14782" s="1" t="s">
        <v>155</v>
      </c>
      <c r="D14782" s="1" t="s">
        <v>55950</v>
      </c>
      <c r="E14782" s="1" t="s">
        <v>15345</v>
      </c>
      <c r="F14782" s="1" t="s">
        <v>55951</v>
      </c>
      <c r="G14782" s="1" t="s">
        <v>55857</v>
      </c>
      <c r="H14782" s="1" t="s">
        <v>55858</v>
      </c>
      <c r="I14782" s="1" t="s">
        <v>53800</v>
      </c>
      <c r="J14782" s="1" t="s">
        <v>55952</v>
      </c>
    </row>
    <row r="14783" spans="1:10" x14ac:dyDescent="0.35">
      <c r="A14783" s="1" t="s">
        <v>50700</v>
      </c>
      <c r="B14783" s="1" t="s">
        <v>53796</v>
      </c>
      <c r="C14783" s="1" t="s">
        <v>160</v>
      </c>
      <c r="D14783" s="1" t="s">
        <v>55953</v>
      </c>
      <c r="E14783" s="1" t="s">
        <v>55954</v>
      </c>
      <c r="F14783" s="1" t="s">
        <v>55955</v>
      </c>
      <c r="G14783" s="1" t="s">
        <v>55857</v>
      </c>
      <c r="H14783" s="1" t="s">
        <v>55858</v>
      </c>
      <c r="I14783" s="1" t="s">
        <v>53800</v>
      </c>
      <c r="J14783" s="1" t="s">
        <v>55956</v>
      </c>
    </row>
    <row r="14784" spans="1:10" x14ac:dyDescent="0.35">
      <c r="A14784" s="1" t="s">
        <v>50700</v>
      </c>
      <c r="B14784" s="1" t="s">
        <v>53796</v>
      </c>
      <c r="C14784" s="1" t="s">
        <v>165</v>
      </c>
      <c r="D14784" s="1" t="s">
        <v>55957</v>
      </c>
      <c r="E14784" s="1" t="s">
        <v>21174</v>
      </c>
      <c r="F14784" s="1" t="s">
        <v>55958</v>
      </c>
      <c r="G14784" s="1" t="s">
        <v>55857</v>
      </c>
      <c r="H14784" s="1" t="s">
        <v>55858</v>
      </c>
      <c r="I14784" s="1" t="s">
        <v>53800</v>
      </c>
      <c r="J14784" s="1" t="s">
        <v>55959</v>
      </c>
    </row>
    <row r="14785" spans="1:10" x14ac:dyDescent="0.35">
      <c r="A14785" s="1" t="s">
        <v>50700</v>
      </c>
      <c r="B14785" s="1" t="s">
        <v>53796</v>
      </c>
      <c r="C14785" s="1" t="s">
        <v>170</v>
      </c>
      <c r="D14785" s="1" t="s">
        <v>55960</v>
      </c>
      <c r="E14785" s="1" t="s">
        <v>55227</v>
      </c>
      <c r="F14785" s="1" t="s">
        <v>55961</v>
      </c>
      <c r="G14785" s="1" t="s">
        <v>55857</v>
      </c>
      <c r="H14785" s="1" t="s">
        <v>55858</v>
      </c>
      <c r="I14785" s="1" t="s">
        <v>53800</v>
      </c>
      <c r="J14785" s="1" t="s">
        <v>55962</v>
      </c>
    </row>
    <row r="14786" spans="1:10" x14ac:dyDescent="0.35">
      <c r="A14786" s="1" t="s">
        <v>51456</v>
      </c>
      <c r="B14786" s="1" t="s">
        <v>53796</v>
      </c>
      <c r="C14786" s="1" t="s">
        <v>8</v>
      </c>
      <c r="D14786" s="1" t="s">
        <v>55963</v>
      </c>
      <c r="E14786" s="1" t="s">
        <v>55964</v>
      </c>
      <c r="F14786" s="1" t="s">
        <v>55965</v>
      </c>
      <c r="G14786" s="1" t="s">
        <v>55966</v>
      </c>
      <c r="H14786" s="1" t="s">
        <v>55967</v>
      </c>
      <c r="I14786" s="1" t="s">
        <v>53800</v>
      </c>
      <c r="J14786" s="1" t="s">
        <v>13</v>
      </c>
    </row>
    <row r="14787" spans="1:10" x14ac:dyDescent="0.35">
      <c r="A14787" s="1" t="s">
        <v>51456</v>
      </c>
      <c r="B14787" s="1" t="s">
        <v>53796</v>
      </c>
      <c r="C14787" s="1" t="s">
        <v>15</v>
      </c>
      <c r="D14787" s="1" t="s">
        <v>54270</v>
      </c>
      <c r="E14787" s="1" t="s">
        <v>55968</v>
      </c>
      <c r="F14787" s="1" t="s">
        <v>55969</v>
      </c>
      <c r="G14787" s="1" t="s">
        <v>55966</v>
      </c>
      <c r="H14787" s="1" t="s">
        <v>55967</v>
      </c>
      <c r="I14787" s="1" t="s">
        <v>53800</v>
      </c>
      <c r="J14787" s="1" t="s">
        <v>55970</v>
      </c>
    </row>
    <row r="14788" spans="1:10" x14ac:dyDescent="0.35">
      <c r="A14788" s="1" t="s">
        <v>51456</v>
      </c>
      <c r="B14788" s="1" t="s">
        <v>53796</v>
      </c>
      <c r="C14788" s="1" t="s">
        <v>20</v>
      </c>
      <c r="D14788" s="1" t="s">
        <v>55673</v>
      </c>
      <c r="E14788" s="1" t="s">
        <v>26492</v>
      </c>
      <c r="F14788" s="1" t="s">
        <v>55971</v>
      </c>
      <c r="G14788" s="1" t="s">
        <v>55966</v>
      </c>
      <c r="H14788" s="1" t="s">
        <v>55967</v>
      </c>
      <c r="I14788" s="1" t="s">
        <v>53800</v>
      </c>
      <c r="J14788" s="1" t="s">
        <v>55972</v>
      </c>
    </row>
    <row r="14789" spans="1:10" x14ac:dyDescent="0.35">
      <c r="A14789" s="1" t="s">
        <v>51456</v>
      </c>
      <c r="B14789" s="1" t="s">
        <v>53796</v>
      </c>
      <c r="C14789" s="1" t="s">
        <v>25</v>
      </c>
      <c r="D14789" s="1" t="s">
        <v>55973</v>
      </c>
      <c r="E14789" s="1" t="s">
        <v>54463</v>
      </c>
      <c r="F14789" s="1" t="s">
        <v>55974</v>
      </c>
      <c r="G14789" s="1" t="s">
        <v>55966</v>
      </c>
      <c r="H14789" s="1" t="s">
        <v>55967</v>
      </c>
      <c r="I14789" s="1" t="s">
        <v>53800</v>
      </c>
      <c r="J14789" s="1" t="s">
        <v>55975</v>
      </c>
    </row>
    <row r="14790" spans="1:10" x14ac:dyDescent="0.35">
      <c r="A14790" s="1" t="s">
        <v>51456</v>
      </c>
      <c r="B14790" s="1" t="s">
        <v>53796</v>
      </c>
      <c r="C14790" s="1" t="s">
        <v>30</v>
      </c>
      <c r="D14790" s="1" t="s">
        <v>55976</v>
      </c>
      <c r="E14790" s="1" t="s">
        <v>15328</v>
      </c>
      <c r="F14790" s="1" t="s">
        <v>55977</v>
      </c>
      <c r="G14790" s="1" t="s">
        <v>55966</v>
      </c>
      <c r="H14790" s="1" t="s">
        <v>55967</v>
      </c>
      <c r="I14790" s="1" t="s">
        <v>53800</v>
      </c>
      <c r="J14790" s="1" t="s">
        <v>55978</v>
      </c>
    </row>
    <row r="14791" spans="1:10" x14ac:dyDescent="0.35">
      <c r="A14791" s="1" t="s">
        <v>51456</v>
      </c>
      <c r="B14791" s="1" t="s">
        <v>53796</v>
      </c>
      <c r="C14791" s="1" t="s">
        <v>35</v>
      </c>
      <c r="D14791" s="1" t="s">
        <v>55979</v>
      </c>
      <c r="E14791" s="1" t="s">
        <v>41407</v>
      </c>
      <c r="F14791" s="1" t="s">
        <v>55980</v>
      </c>
      <c r="G14791" s="1" t="s">
        <v>55966</v>
      </c>
      <c r="H14791" s="1" t="s">
        <v>55967</v>
      </c>
      <c r="I14791" s="1" t="s">
        <v>53800</v>
      </c>
      <c r="J14791" s="1" t="s">
        <v>55981</v>
      </c>
    </row>
    <row r="14792" spans="1:10" x14ac:dyDescent="0.35">
      <c r="A14792" s="1" t="s">
        <v>51456</v>
      </c>
      <c r="B14792" s="1" t="s">
        <v>53796</v>
      </c>
      <c r="C14792" s="1" t="s">
        <v>40</v>
      </c>
      <c r="D14792" s="1" t="s">
        <v>55982</v>
      </c>
      <c r="E14792" s="1" t="s">
        <v>55983</v>
      </c>
      <c r="F14792" s="1" t="s">
        <v>55984</v>
      </c>
      <c r="G14792" s="1" t="s">
        <v>55966</v>
      </c>
      <c r="H14792" s="1" t="s">
        <v>55967</v>
      </c>
      <c r="I14792" s="1" t="s">
        <v>53800</v>
      </c>
      <c r="J14792" s="1" t="s">
        <v>55985</v>
      </c>
    </row>
    <row r="14793" spans="1:10" x14ac:dyDescent="0.35">
      <c r="A14793" s="1" t="s">
        <v>51456</v>
      </c>
      <c r="B14793" s="1" t="s">
        <v>53796</v>
      </c>
      <c r="C14793" s="1" t="s">
        <v>45</v>
      </c>
      <c r="D14793" s="1" t="s">
        <v>55986</v>
      </c>
      <c r="E14793" s="1" t="s">
        <v>31435</v>
      </c>
      <c r="F14793" s="1" t="s">
        <v>55987</v>
      </c>
      <c r="G14793" s="1" t="s">
        <v>55966</v>
      </c>
      <c r="H14793" s="1" t="s">
        <v>55967</v>
      </c>
      <c r="I14793" s="1" t="s">
        <v>53800</v>
      </c>
      <c r="J14793" s="1" t="s">
        <v>55988</v>
      </c>
    </row>
    <row r="14794" spans="1:10" x14ac:dyDescent="0.35">
      <c r="A14794" s="1" t="s">
        <v>51456</v>
      </c>
      <c r="B14794" s="1" t="s">
        <v>53796</v>
      </c>
      <c r="C14794" s="1" t="s">
        <v>50</v>
      </c>
      <c r="D14794" s="1" t="s">
        <v>55989</v>
      </c>
      <c r="E14794" s="1" t="s">
        <v>16113</v>
      </c>
      <c r="F14794" s="1" t="s">
        <v>55990</v>
      </c>
      <c r="G14794" s="1" t="s">
        <v>55966</v>
      </c>
      <c r="H14794" s="1" t="s">
        <v>55967</v>
      </c>
      <c r="I14794" s="1" t="s">
        <v>53800</v>
      </c>
      <c r="J14794" s="1" t="s">
        <v>55991</v>
      </c>
    </row>
    <row r="14795" spans="1:10" x14ac:dyDescent="0.35">
      <c r="A14795" s="1" t="s">
        <v>51456</v>
      </c>
      <c r="B14795" s="1" t="s">
        <v>53796</v>
      </c>
      <c r="C14795" s="1" t="s">
        <v>55</v>
      </c>
      <c r="D14795" s="1" t="s">
        <v>55992</v>
      </c>
      <c r="E14795" s="1" t="s">
        <v>15361</v>
      </c>
      <c r="F14795" s="1" t="s">
        <v>55993</v>
      </c>
      <c r="G14795" s="1" t="s">
        <v>55966</v>
      </c>
      <c r="H14795" s="1" t="s">
        <v>55967</v>
      </c>
      <c r="I14795" s="1" t="s">
        <v>53800</v>
      </c>
      <c r="J14795" s="1" t="s">
        <v>55994</v>
      </c>
    </row>
    <row r="14796" spans="1:10" x14ac:dyDescent="0.35">
      <c r="A14796" s="1" t="s">
        <v>51456</v>
      </c>
      <c r="B14796" s="1" t="s">
        <v>53796</v>
      </c>
      <c r="C14796" s="1" t="s">
        <v>60</v>
      </c>
      <c r="D14796" s="1" t="s">
        <v>55995</v>
      </c>
      <c r="E14796" s="1" t="s">
        <v>15857</v>
      </c>
      <c r="F14796" s="1" t="s">
        <v>55996</v>
      </c>
      <c r="G14796" s="1" t="s">
        <v>55966</v>
      </c>
      <c r="H14796" s="1" t="s">
        <v>55967</v>
      </c>
      <c r="I14796" s="1" t="s">
        <v>53800</v>
      </c>
      <c r="J14796" s="1" t="s">
        <v>55997</v>
      </c>
    </row>
    <row r="14797" spans="1:10" x14ac:dyDescent="0.35">
      <c r="A14797" s="1" t="s">
        <v>51456</v>
      </c>
      <c r="B14797" s="1" t="s">
        <v>53796</v>
      </c>
      <c r="C14797" s="1" t="s">
        <v>65</v>
      </c>
      <c r="D14797" s="1" t="s">
        <v>55998</v>
      </c>
      <c r="E14797" s="1" t="s">
        <v>55999</v>
      </c>
      <c r="F14797" s="1" t="s">
        <v>32345</v>
      </c>
      <c r="G14797" s="1" t="s">
        <v>55966</v>
      </c>
      <c r="H14797" s="1" t="s">
        <v>55967</v>
      </c>
      <c r="I14797" s="1" t="s">
        <v>53800</v>
      </c>
      <c r="J14797" s="1" t="s">
        <v>56000</v>
      </c>
    </row>
    <row r="14798" spans="1:10" x14ac:dyDescent="0.35">
      <c r="A14798" s="1" t="s">
        <v>51456</v>
      </c>
      <c r="B14798" s="1" t="s">
        <v>53796</v>
      </c>
      <c r="C14798" s="1" t="s">
        <v>70</v>
      </c>
      <c r="D14798" s="1" t="s">
        <v>56001</v>
      </c>
      <c r="E14798" s="1" t="s">
        <v>41148</v>
      </c>
      <c r="F14798" s="1" t="s">
        <v>56002</v>
      </c>
      <c r="G14798" s="1" t="s">
        <v>55966</v>
      </c>
      <c r="H14798" s="1" t="s">
        <v>55967</v>
      </c>
      <c r="I14798" s="1" t="s">
        <v>53800</v>
      </c>
      <c r="J14798" s="1" t="s">
        <v>56003</v>
      </c>
    </row>
    <row r="14799" spans="1:10" x14ac:dyDescent="0.35">
      <c r="A14799" s="1" t="s">
        <v>51456</v>
      </c>
      <c r="B14799" s="1" t="s">
        <v>53796</v>
      </c>
      <c r="C14799" s="1" t="s">
        <v>75</v>
      </c>
      <c r="D14799" s="1" t="s">
        <v>56004</v>
      </c>
      <c r="E14799" s="1" t="s">
        <v>56005</v>
      </c>
      <c r="F14799" s="1" t="s">
        <v>31805</v>
      </c>
      <c r="G14799" s="1" t="s">
        <v>55966</v>
      </c>
      <c r="H14799" s="1" t="s">
        <v>55967</v>
      </c>
      <c r="I14799" s="1" t="s">
        <v>53800</v>
      </c>
      <c r="J14799" s="1" t="s">
        <v>56006</v>
      </c>
    </row>
    <row r="14800" spans="1:10" x14ac:dyDescent="0.35">
      <c r="A14800" s="1" t="s">
        <v>51456</v>
      </c>
      <c r="B14800" s="1" t="s">
        <v>53796</v>
      </c>
      <c r="C14800" s="1" t="s">
        <v>80</v>
      </c>
      <c r="D14800" s="1" t="s">
        <v>22157</v>
      </c>
      <c r="E14800" s="1" t="s">
        <v>31435</v>
      </c>
      <c r="F14800" s="1" t="s">
        <v>26548</v>
      </c>
      <c r="G14800" s="1" t="s">
        <v>55966</v>
      </c>
      <c r="H14800" s="1" t="s">
        <v>55967</v>
      </c>
      <c r="I14800" s="1" t="s">
        <v>53800</v>
      </c>
      <c r="J14800" s="1" t="s">
        <v>56007</v>
      </c>
    </row>
    <row r="14801" spans="1:10" x14ac:dyDescent="0.35">
      <c r="A14801" s="1" t="s">
        <v>51456</v>
      </c>
      <c r="B14801" s="1" t="s">
        <v>53796</v>
      </c>
      <c r="C14801" s="1" t="s">
        <v>85</v>
      </c>
      <c r="D14801" s="1" t="s">
        <v>56008</v>
      </c>
      <c r="E14801" s="1" t="s">
        <v>54092</v>
      </c>
      <c r="F14801" s="1" t="s">
        <v>56009</v>
      </c>
      <c r="G14801" s="1" t="s">
        <v>55966</v>
      </c>
      <c r="H14801" s="1" t="s">
        <v>55967</v>
      </c>
      <c r="I14801" s="1" t="s">
        <v>53800</v>
      </c>
      <c r="J14801" s="1" t="s">
        <v>56010</v>
      </c>
    </row>
    <row r="14802" spans="1:10" x14ac:dyDescent="0.35">
      <c r="A14802" s="1" t="s">
        <v>51456</v>
      </c>
      <c r="B14802" s="1" t="s">
        <v>53796</v>
      </c>
      <c r="C14802" s="1" t="s">
        <v>90</v>
      </c>
      <c r="D14802" s="1" t="s">
        <v>56011</v>
      </c>
      <c r="E14802" s="1" t="s">
        <v>56012</v>
      </c>
      <c r="F14802" s="1" t="s">
        <v>56013</v>
      </c>
      <c r="G14802" s="1" t="s">
        <v>55966</v>
      </c>
      <c r="H14802" s="1" t="s">
        <v>55967</v>
      </c>
      <c r="I14802" s="1" t="s">
        <v>53800</v>
      </c>
      <c r="J14802" s="1" t="s">
        <v>56014</v>
      </c>
    </row>
    <row r="14803" spans="1:10" x14ac:dyDescent="0.35">
      <c r="A14803" s="1" t="s">
        <v>51456</v>
      </c>
      <c r="B14803" s="1" t="s">
        <v>53796</v>
      </c>
      <c r="C14803" s="1" t="s">
        <v>95</v>
      </c>
      <c r="D14803" s="1" t="s">
        <v>56015</v>
      </c>
      <c r="E14803" s="1" t="s">
        <v>26539</v>
      </c>
      <c r="F14803" s="1" t="s">
        <v>56016</v>
      </c>
      <c r="G14803" s="1" t="s">
        <v>55966</v>
      </c>
      <c r="H14803" s="1" t="s">
        <v>55967</v>
      </c>
      <c r="I14803" s="1" t="s">
        <v>53800</v>
      </c>
      <c r="J14803" s="1" t="s">
        <v>56017</v>
      </c>
    </row>
    <row r="14804" spans="1:10" x14ac:dyDescent="0.35">
      <c r="A14804" s="1" t="s">
        <v>51456</v>
      </c>
      <c r="B14804" s="1" t="s">
        <v>53796</v>
      </c>
      <c r="C14804" s="1" t="s">
        <v>100</v>
      </c>
      <c r="D14804" s="1" t="s">
        <v>56018</v>
      </c>
      <c r="E14804" s="1" t="s">
        <v>26442</v>
      </c>
      <c r="F14804" s="1" t="s">
        <v>56019</v>
      </c>
      <c r="G14804" s="1" t="s">
        <v>55966</v>
      </c>
      <c r="H14804" s="1" t="s">
        <v>55967</v>
      </c>
      <c r="I14804" s="1" t="s">
        <v>53800</v>
      </c>
      <c r="J14804" s="1" t="s">
        <v>56020</v>
      </c>
    </row>
    <row r="14805" spans="1:10" x14ac:dyDescent="0.35">
      <c r="A14805" s="1" t="s">
        <v>51456</v>
      </c>
      <c r="B14805" s="1" t="s">
        <v>53796</v>
      </c>
      <c r="C14805" s="1" t="s">
        <v>105</v>
      </c>
      <c r="D14805" s="1" t="s">
        <v>39985</v>
      </c>
      <c r="E14805" s="1" t="s">
        <v>56021</v>
      </c>
      <c r="F14805" s="1" t="s">
        <v>56022</v>
      </c>
      <c r="G14805" s="1" t="s">
        <v>55966</v>
      </c>
      <c r="H14805" s="1" t="s">
        <v>55967</v>
      </c>
      <c r="I14805" s="1" t="s">
        <v>53800</v>
      </c>
      <c r="J14805" s="1" t="s">
        <v>56023</v>
      </c>
    </row>
    <row r="14806" spans="1:10" x14ac:dyDescent="0.35">
      <c r="A14806" s="1" t="s">
        <v>51456</v>
      </c>
      <c r="B14806" s="1" t="s">
        <v>53796</v>
      </c>
      <c r="C14806" s="1" t="s">
        <v>110</v>
      </c>
      <c r="D14806" s="1" t="s">
        <v>22362</v>
      </c>
      <c r="E14806" s="1" t="s">
        <v>55248</v>
      </c>
      <c r="F14806" s="1" t="s">
        <v>56024</v>
      </c>
      <c r="G14806" s="1" t="s">
        <v>55966</v>
      </c>
      <c r="H14806" s="1" t="s">
        <v>55967</v>
      </c>
      <c r="I14806" s="1" t="s">
        <v>53800</v>
      </c>
      <c r="J14806" s="1" t="s">
        <v>56025</v>
      </c>
    </row>
    <row r="14807" spans="1:10" x14ac:dyDescent="0.35">
      <c r="A14807" s="1" t="s">
        <v>51456</v>
      </c>
      <c r="B14807" s="1" t="s">
        <v>53796</v>
      </c>
      <c r="C14807" s="1" t="s">
        <v>115</v>
      </c>
      <c r="D14807" s="1" t="s">
        <v>56026</v>
      </c>
      <c r="E14807" s="1" t="s">
        <v>23468</v>
      </c>
      <c r="F14807" s="1" t="s">
        <v>56027</v>
      </c>
      <c r="G14807" s="1" t="s">
        <v>55966</v>
      </c>
      <c r="H14807" s="1" t="s">
        <v>55967</v>
      </c>
      <c r="I14807" s="1" t="s">
        <v>53800</v>
      </c>
      <c r="J14807" s="1" t="s">
        <v>56028</v>
      </c>
    </row>
    <row r="14808" spans="1:10" x14ac:dyDescent="0.35">
      <c r="A14808" s="1" t="s">
        <v>51456</v>
      </c>
      <c r="B14808" s="1" t="s">
        <v>53796</v>
      </c>
      <c r="C14808" s="1" t="s">
        <v>120</v>
      </c>
      <c r="D14808" s="1" t="s">
        <v>26056</v>
      </c>
      <c r="E14808" s="1" t="s">
        <v>23191</v>
      </c>
      <c r="F14808" s="1" t="s">
        <v>56029</v>
      </c>
      <c r="G14808" s="1" t="s">
        <v>55966</v>
      </c>
      <c r="H14808" s="1" t="s">
        <v>55967</v>
      </c>
      <c r="I14808" s="1" t="s">
        <v>53800</v>
      </c>
      <c r="J14808" s="1" t="s">
        <v>56030</v>
      </c>
    </row>
    <row r="14809" spans="1:10" x14ac:dyDescent="0.35">
      <c r="A14809" s="1" t="s">
        <v>51456</v>
      </c>
      <c r="B14809" s="1" t="s">
        <v>53796</v>
      </c>
      <c r="C14809" s="1" t="s">
        <v>125</v>
      </c>
      <c r="D14809" s="1" t="s">
        <v>56031</v>
      </c>
      <c r="E14809" s="1" t="s">
        <v>56032</v>
      </c>
      <c r="F14809" s="1" t="s">
        <v>56033</v>
      </c>
      <c r="G14809" s="1" t="s">
        <v>55966</v>
      </c>
      <c r="H14809" s="1" t="s">
        <v>55967</v>
      </c>
      <c r="I14809" s="1" t="s">
        <v>53800</v>
      </c>
      <c r="J14809" s="1" t="s">
        <v>56034</v>
      </c>
    </row>
    <row r="14810" spans="1:10" x14ac:dyDescent="0.35">
      <c r="A14810" s="1" t="s">
        <v>51456</v>
      </c>
      <c r="B14810" s="1" t="s">
        <v>53796</v>
      </c>
      <c r="C14810" s="1" t="s">
        <v>130</v>
      </c>
      <c r="D14810" s="1" t="s">
        <v>56035</v>
      </c>
      <c r="E14810" s="1" t="s">
        <v>26235</v>
      </c>
      <c r="F14810" s="1" t="s">
        <v>56036</v>
      </c>
      <c r="G14810" s="1" t="s">
        <v>55966</v>
      </c>
      <c r="H14810" s="1" t="s">
        <v>55967</v>
      </c>
      <c r="I14810" s="1" t="s">
        <v>53800</v>
      </c>
      <c r="J14810" s="1" t="s">
        <v>56037</v>
      </c>
    </row>
    <row r="14811" spans="1:10" x14ac:dyDescent="0.35">
      <c r="A14811" s="1" t="s">
        <v>51456</v>
      </c>
      <c r="B14811" s="1" t="s">
        <v>53796</v>
      </c>
      <c r="C14811" s="1" t="s">
        <v>135</v>
      </c>
      <c r="D14811" s="1" t="s">
        <v>56038</v>
      </c>
      <c r="E14811" s="1" t="s">
        <v>56039</v>
      </c>
      <c r="F14811" s="1" t="s">
        <v>56040</v>
      </c>
      <c r="G14811" s="1" t="s">
        <v>55966</v>
      </c>
      <c r="H14811" s="1" t="s">
        <v>55967</v>
      </c>
      <c r="I14811" s="1" t="s">
        <v>53800</v>
      </c>
      <c r="J14811" s="1" t="s">
        <v>56041</v>
      </c>
    </row>
    <row r="14812" spans="1:10" x14ac:dyDescent="0.35">
      <c r="A14812" s="1" t="s">
        <v>51456</v>
      </c>
      <c r="B14812" s="1" t="s">
        <v>53796</v>
      </c>
      <c r="C14812" s="1" t="s">
        <v>140</v>
      </c>
      <c r="D14812" s="1" t="s">
        <v>56042</v>
      </c>
      <c r="E14812" s="1" t="s">
        <v>56043</v>
      </c>
      <c r="F14812" s="1" t="s">
        <v>56044</v>
      </c>
      <c r="G14812" s="1" t="s">
        <v>55966</v>
      </c>
      <c r="H14812" s="1" t="s">
        <v>55967</v>
      </c>
      <c r="I14812" s="1" t="s">
        <v>53800</v>
      </c>
      <c r="J14812" s="1" t="s">
        <v>56045</v>
      </c>
    </row>
    <row r="14813" spans="1:10" x14ac:dyDescent="0.35">
      <c r="A14813" s="1" t="s">
        <v>51456</v>
      </c>
      <c r="B14813" s="1" t="s">
        <v>53796</v>
      </c>
      <c r="C14813" s="1" t="s">
        <v>145</v>
      </c>
      <c r="D14813" s="1" t="s">
        <v>23702</v>
      </c>
      <c r="E14813" s="1" t="s">
        <v>56046</v>
      </c>
      <c r="F14813" s="1" t="s">
        <v>56047</v>
      </c>
      <c r="G14813" s="1" t="s">
        <v>55966</v>
      </c>
      <c r="H14813" s="1" t="s">
        <v>55967</v>
      </c>
      <c r="I14813" s="1" t="s">
        <v>53800</v>
      </c>
      <c r="J14813" s="1" t="s">
        <v>56048</v>
      </c>
    </row>
    <row r="14814" spans="1:10" x14ac:dyDescent="0.35">
      <c r="A14814" s="1" t="s">
        <v>51456</v>
      </c>
      <c r="B14814" s="1" t="s">
        <v>53796</v>
      </c>
      <c r="C14814" s="1" t="s">
        <v>150</v>
      </c>
      <c r="D14814" s="1" t="s">
        <v>56049</v>
      </c>
      <c r="E14814" s="1" t="s">
        <v>26430</v>
      </c>
      <c r="F14814" s="1" t="s">
        <v>56050</v>
      </c>
      <c r="G14814" s="1" t="s">
        <v>55966</v>
      </c>
      <c r="H14814" s="1" t="s">
        <v>55967</v>
      </c>
      <c r="I14814" s="1" t="s">
        <v>53800</v>
      </c>
      <c r="J14814" s="1" t="s">
        <v>56051</v>
      </c>
    </row>
    <row r="14815" spans="1:10" x14ac:dyDescent="0.35">
      <c r="A14815" s="1" t="s">
        <v>51456</v>
      </c>
      <c r="B14815" s="1" t="s">
        <v>53796</v>
      </c>
      <c r="C14815" s="1" t="s">
        <v>155</v>
      </c>
      <c r="D14815" s="1" t="s">
        <v>56052</v>
      </c>
      <c r="E14815" s="1" t="s">
        <v>15407</v>
      </c>
      <c r="F14815" s="1" t="s">
        <v>56053</v>
      </c>
      <c r="G14815" s="1" t="s">
        <v>55966</v>
      </c>
      <c r="H14815" s="1" t="s">
        <v>55967</v>
      </c>
      <c r="I14815" s="1" t="s">
        <v>53800</v>
      </c>
      <c r="J14815" s="1" t="s">
        <v>56054</v>
      </c>
    </row>
    <row r="14816" spans="1:10" x14ac:dyDescent="0.35">
      <c r="A14816" s="1" t="s">
        <v>51456</v>
      </c>
      <c r="B14816" s="1" t="s">
        <v>53796</v>
      </c>
      <c r="C14816" s="1" t="s">
        <v>160</v>
      </c>
      <c r="D14816" s="1" t="s">
        <v>56055</v>
      </c>
      <c r="E14816" s="1" t="s">
        <v>26198</v>
      </c>
      <c r="F14816" s="1" t="s">
        <v>56056</v>
      </c>
      <c r="G14816" s="1" t="s">
        <v>55966</v>
      </c>
      <c r="H14816" s="1" t="s">
        <v>55967</v>
      </c>
      <c r="I14816" s="1" t="s">
        <v>53800</v>
      </c>
      <c r="J14816" s="1" t="s">
        <v>56057</v>
      </c>
    </row>
    <row r="14817" spans="1:10" x14ac:dyDescent="0.35">
      <c r="A14817" s="1" t="s">
        <v>51456</v>
      </c>
      <c r="B14817" s="1" t="s">
        <v>53796</v>
      </c>
      <c r="C14817" s="1" t="s">
        <v>165</v>
      </c>
      <c r="D14817" s="1" t="s">
        <v>56058</v>
      </c>
      <c r="E14817" s="1" t="s">
        <v>55428</v>
      </c>
      <c r="F14817" s="1" t="s">
        <v>56059</v>
      </c>
      <c r="G14817" s="1" t="s">
        <v>55966</v>
      </c>
      <c r="H14817" s="1" t="s">
        <v>55967</v>
      </c>
      <c r="I14817" s="1" t="s">
        <v>53800</v>
      </c>
      <c r="J14817" s="1" t="s">
        <v>56060</v>
      </c>
    </row>
    <row r="14818" spans="1:10" x14ac:dyDescent="0.35">
      <c r="A14818" s="1" t="s">
        <v>51456</v>
      </c>
      <c r="B14818" s="1" t="s">
        <v>53796</v>
      </c>
      <c r="C14818" s="1" t="s">
        <v>170</v>
      </c>
      <c r="D14818" s="1" t="s">
        <v>56061</v>
      </c>
      <c r="E14818" s="1" t="s">
        <v>26488</v>
      </c>
      <c r="F14818" s="1" t="s">
        <v>56062</v>
      </c>
      <c r="G14818" s="1" t="s">
        <v>55966</v>
      </c>
      <c r="H14818" s="1" t="s">
        <v>55967</v>
      </c>
      <c r="I14818" s="1" t="s">
        <v>53800</v>
      </c>
      <c r="J14818" s="1" t="s">
        <v>56063</v>
      </c>
    </row>
    <row r="14819" spans="1:10" x14ac:dyDescent="0.35">
      <c r="A14819" s="1" t="s">
        <v>56064</v>
      </c>
      <c r="B14819" s="1" t="s">
        <v>53796</v>
      </c>
      <c r="C14819" s="1" t="s">
        <v>8</v>
      </c>
      <c r="D14819" s="1" t="s">
        <v>56065</v>
      </c>
      <c r="E14819" s="1" t="s">
        <v>12841</v>
      </c>
      <c r="F14819" s="1" t="s">
        <v>56066</v>
      </c>
      <c r="G14819" s="1" t="s">
        <v>56067</v>
      </c>
      <c r="H14819" s="1" t="s">
        <v>56068</v>
      </c>
      <c r="I14819" s="1" t="s">
        <v>53800</v>
      </c>
      <c r="J14819" s="1" t="s">
        <v>13</v>
      </c>
    </row>
    <row r="14820" spans="1:10" x14ac:dyDescent="0.35">
      <c r="A14820" s="1" t="s">
        <v>56064</v>
      </c>
      <c r="B14820" s="1" t="s">
        <v>53796</v>
      </c>
      <c r="C14820" s="1" t="s">
        <v>15</v>
      </c>
      <c r="D14820" s="1" t="s">
        <v>56069</v>
      </c>
      <c r="E14820" s="1" t="s">
        <v>41395</v>
      </c>
      <c r="F14820" s="1" t="s">
        <v>56070</v>
      </c>
      <c r="G14820" s="1" t="s">
        <v>56067</v>
      </c>
      <c r="H14820" s="1" t="s">
        <v>56068</v>
      </c>
      <c r="I14820" s="1" t="s">
        <v>53800</v>
      </c>
      <c r="J14820" s="1" t="s">
        <v>56071</v>
      </c>
    </row>
    <row r="14821" spans="1:10" x14ac:dyDescent="0.35">
      <c r="A14821" s="1" t="s">
        <v>56064</v>
      </c>
      <c r="B14821" s="1" t="s">
        <v>53796</v>
      </c>
      <c r="C14821" s="1" t="s">
        <v>20</v>
      </c>
      <c r="D14821" s="1" t="s">
        <v>56072</v>
      </c>
      <c r="E14821" s="1" t="s">
        <v>41344</v>
      </c>
      <c r="F14821" s="1" t="s">
        <v>56073</v>
      </c>
      <c r="G14821" s="1" t="s">
        <v>56067</v>
      </c>
      <c r="H14821" s="1" t="s">
        <v>56068</v>
      </c>
      <c r="I14821" s="1" t="s">
        <v>53800</v>
      </c>
      <c r="J14821" s="1" t="s">
        <v>56074</v>
      </c>
    </row>
    <row r="14822" spans="1:10" x14ac:dyDescent="0.35">
      <c r="A14822" s="1" t="s">
        <v>56064</v>
      </c>
      <c r="B14822" s="1" t="s">
        <v>53796</v>
      </c>
      <c r="C14822" s="1" t="s">
        <v>25</v>
      </c>
      <c r="D14822" s="1" t="s">
        <v>56075</v>
      </c>
      <c r="E14822" s="1" t="s">
        <v>56076</v>
      </c>
      <c r="F14822" s="1" t="s">
        <v>56077</v>
      </c>
      <c r="G14822" s="1" t="s">
        <v>56067</v>
      </c>
      <c r="H14822" s="1" t="s">
        <v>56068</v>
      </c>
      <c r="I14822" s="1" t="s">
        <v>53800</v>
      </c>
      <c r="J14822" s="1" t="s">
        <v>56078</v>
      </c>
    </row>
    <row r="14823" spans="1:10" x14ac:dyDescent="0.35">
      <c r="A14823" s="1" t="s">
        <v>56064</v>
      </c>
      <c r="B14823" s="1" t="s">
        <v>53796</v>
      </c>
      <c r="C14823" s="1" t="s">
        <v>30</v>
      </c>
      <c r="D14823" s="1" t="s">
        <v>5246</v>
      </c>
      <c r="E14823" s="1" t="s">
        <v>56079</v>
      </c>
      <c r="F14823" s="1" t="s">
        <v>55091</v>
      </c>
      <c r="G14823" s="1" t="s">
        <v>56067</v>
      </c>
      <c r="H14823" s="1" t="s">
        <v>56068</v>
      </c>
      <c r="I14823" s="1" t="s">
        <v>53800</v>
      </c>
      <c r="J14823" s="1" t="s">
        <v>56080</v>
      </c>
    </row>
    <row r="14824" spans="1:10" x14ac:dyDescent="0.35">
      <c r="A14824" s="1" t="s">
        <v>56064</v>
      </c>
      <c r="B14824" s="1" t="s">
        <v>53796</v>
      </c>
      <c r="C14824" s="1" t="s">
        <v>35</v>
      </c>
      <c r="D14824" s="1" t="s">
        <v>56081</v>
      </c>
      <c r="E14824" s="1" t="s">
        <v>56082</v>
      </c>
      <c r="F14824" s="1" t="s">
        <v>56083</v>
      </c>
      <c r="G14824" s="1" t="s">
        <v>56067</v>
      </c>
      <c r="H14824" s="1" t="s">
        <v>56068</v>
      </c>
      <c r="I14824" s="1" t="s">
        <v>53800</v>
      </c>
      <c r="J14824" s="1" t="s">
        <v>56084</v>
      </c>
    </row>
    <row r="14825" spans="1:10" x14ac:dyDescent="0.35">
      <c r="A14825" s="1" t="s">
        <v>56064</v>
      </c>
      <c r="B14825" s="1" t="s">
        <v>53796</v>
      </c>
      <c r="C14825" s="1" t="s">
        <v>40</v>
      </c>
      <c r="D14825" s="1" t="s">
        <v>56085</v>
      </c>
      <c r="E14825" s="1" t="s">
        <v>56086</v>
      </c>
      <c r="F14825" s="1" t="s">
        <v>56087</v>
      </c>
      <c r="G14825" s="1" t="s">
        <v>56067</v>
      </c>
      <c r="H14825" s="1" t="s">
        <v>56068</v>
      </c>
      <c r="I14825" s="1" t="s">
        <v>53800</v>
      </c>
      <c r="J14825" s="1" t="s">
        <v>56088</v>
      </c>
    </row>
    <row r="14826" spans="1:10" x14ac:dyDescent="0.35">
      <c r="A14826" s="1" t="s">
        <v>56064</v>
      </c>
      <c r="B14826" s="1" t="s">
        <v>53796</v>
      </c>
      <c r="C14826" s="1" t="s">
        <v>45</v>
      </c>
      <c r="D14826" s="1" t="s">
        <v>56089</v>
      </c>
      <c r="E14826" s="1" t="s">
        <v>56090</v>
      </c>
      <c r="F14826" s="1" t="s">
        <v>56091</v>
      </c>
      <c r="G14826" s="1" t="s">
        <v>56067</v>
      </c>
      <c r="H14826" s="1" t="s">
        <v>56068</v>
      </c>
      <c r="I14826" s="1" t="s">
        <v>53800</v>
      </c>
      <c r="J14826" s="1" t="s">
        <v>56092</v>
      </c>
    </row>
    <row r="14827" spans="1:10" x14ac:dyDescent="0.35">
      <c r="A14827" s="1" t="s">
        <v>56064</v>
      </c>
      <c r="B14827" s="1" t="s">
        <v>53796</v>
      </c>
      <c r="C14827" s="1" t="s">
        <v>50</v>
      </c>
      <c r="D14827" s="1" t="s">
        <v>56093</v>
      </c>
      <c r="E14827" s="1" t="s">
        <v>23446</v>
      </c>
      <c r="F14827" s="1" t="s">
        <v>56094</v>
      </c>
      <c r="G14827" s="1" t="s">
        <v>56067</v>
      </c>
      <c r="H14827" s="1" t="s">
        <v>56068</v>
      </c>
      <c r="I14827" s="1" t="s">
        <v>53800</v>
      </c>
      <c r="J14827" s="1" t="s">
        <v>56095</v>
      </c>
    </row>
    <row r="14828" spans="1:10" x14ac:dyDescent="0.35">
      <c r="A14828" s="1" t="s">
        <v>56064</v>
      </c>
      <c r="B14828" s="1" t="s">
        <v>53796</v>
      </c>
      <c r="C14828" s="1" t="s">
        <v>55</v>
      </c>
      <c r="D14828" s="1" t="s">
        <v>56096</v>
      </c>
      <c r="E14828" s="1" t="s">
        <v>56097</v>
      </c>
      <c r="F14828" s="1" t="s">
        <v>56098</v>
      </c>
      <c r="G14828" s="1" t="s">
        <v>56067</v>
      </c>
      <c r="H14828" s="1" t="s">
        <v>56068</v>
      </c>
      <c r="I14828" s="1" t="s">
        <v>53800</v>
      </c>
      <c r="J14828" s="1" t="s">
        <v>56099</v>
      </c>
    </row>
    <row r="14829" spans="1:10" x14ac:dyDescent="0.35">
      <c r="A14829" s="1" t="s">
        <v>56064</v>
      </c>
      <c r="B14829" s="1" t="s">
        <v>53796</v>
      </c>
      <c r="C14829" s="1" t="s">
        <v>60</v>
      </c>
      <c r="D14829" s="1" t="s">
        <v>56100</v>
      </c>
      <c r="E14829" s="1" t="s">
        <v>54474</v>
      </c>
      <c r="F14829" s="1" t="s">
        <v>56101</v>
      </c>
      <c r="G14829" s="1" t="s">
        <v>56067</v>
      </c>
      <c r="H14829" s="1" t="s">
        <v>56068</v>
      </c>
      <c r="I14829" s="1" t="s">
        <v>53800</v>
      </c>
      <c r="J14829" s="1" t="s">
        <v>56102</v>
      </c>
    </row>
    <row r="14830" spans="1:10" x14ac:dyDescent="0.35">
      <c r="A14830" s="1" t="s">
        <v>56064</v>
      </c>
      <c r="B14830" s="1" t="s">
        <v>53796</v>
      </c>
      <c r="C14830" s="1" t="s">
        <v>65</v>
      </c>
      <c r="D14830" s="1" t="s">
        <v>56103</v>
      </c>
      <c r="E14830" s="1" t="s">
        <v>56104</v>
      </c>
      <c r="F14830" s="1" t="s">
        <v>56105</v>
      </c>
      <c r="G14830" s="1" t="s">
        <v>56067</v>
      </c>
      <c r="H14830" s="1" t="s">
        <v>56068</v>
      </c>
      <c r="I14830" s="1" t="s">
        <v>53800</v>
      </c>
      <c r="J14830" s="1" t="s">
        <v>56106</v>
      </c>
    </row>
    <row r="14831" spans="1:10" x14ac:dyDescent="0.35">
      <c r="A14831" s="1" t="s">
        <v>56064</v>
      </c>
      <c r="B14831" s="1" t="s">
        <v>53796</v>
      </c>
      <c r="C14831" s="1" t="s">
        <v>70</v>
      </c>
      <c r="D14831" s="1" t="s">
        <v>21378</v>
      </c>
      <c r="E14831" s="1" t="s">
        <v>12821</v>
      </c>
      <c r="F14831" s="1" t="s">
        <v>56107</v>
      </c>
      <c r="G14831" s="1" t="s">
        <v>56067</v>
      </c>
      <c r="H14831" s="1" t="s">
        <v>56068</v>
      </c>
      <c r="I14831" s="1" t="s">
        <v>53800</v>
      </c>
      <c r="J14831" s="1" t="s">
        <v>56108</v>
      </c>
    </row>
    <row r="14832" spans="1:10" x14ac:dyDescent="0.35">
      <c r="A14832" s="1" t="s">
        <v>56064</v>
      </c>
      <c r="B14832" s="1" t="s">
        <v>53796</v>
      </c>
      <c r="C14832" s="1" t="s">
        <v>75</v>
      </c>
      <c r="D14832" s="1" t="s">
        <v>56109</v>
      </c>
      <c r="E14832" s="1" t="s">
        <v>26614</v>
      </c>
      <c r="F14832" s="1" t="s">
        <v>56110</v>
      </c>
      <c r="G14832" s="1" t="s">
        <v>56067</v>
      </c>
      <c r="H14832" s="1" t="s">
        <v>56068</v>
      </c>
      <c r="I14832" s="1" t="s">
        <v>53800</v>
      </c>
      <c r="J14832" s="1" t="s">
        <v>56111</v>
      </c>
    </row>
    <row r="14833" spans="1:10" x14ac:dyDescent="0.35">
      <c r="A14833" s="1" t="s">
        <v>56064</v>
      </c>
      <c r="B14833" s="1" t="s">
        <v>53796</v>
      </c>
      <c r="C14833" s="1" t="s">
        <v>80</v>
      </c>
      <c r="D14833" s="1" t="s">
        <v>56112</v>
      </c>
      <c r="E14833" s="1" t="s">
        <v>56113</v>
      </c>
      <c r="F14833" s="1" t="s">
        <v>56114</v>
      </c>
      <c r="G14833" s="1" t="s">
        <v>56067</v>
      </c>
      <c r="H14833" s="1" t="s">
        <v>56068</v>
      </c>
      <c r="I14833" s="1" t="s">
        <v>53800</v>
      </c>
      <c r="J14833" s="1" t="s">
        <v>56115</v>
      </c>
    </row>
    <row r="14834" spans="1:10" x14ac:dyDescent="0.35">
      <c r="A14834" s="1" t="s">
        <v>56064</v>
      </c>
      <c r="B14834" s="1" t="s">
        <v>53796</v>
      </c>
      <c r="C14834" s="1" t="s">
        <v>85</v>
      </c>
      <c r="D14834" s="1" t="s">
        <v>56116</v>
      </c>
      <c r="E14834" s="1" t="s">
        <v>54038</v>
      </c>
      <c r="F14834" s="1" t="s">
        <v>54146</v>
      </c>
      <c r="G14834" s="1" t="s">
        <v>56067</v>
      </c>
      <c r="H14834" s="1" t="s">
        <v>56068</v>
      </c>
      <c r="I14834" s="1" t="s">
        <v>53800</v>
      </c>
      <c r="J14834" s="1" t="s">
        <v>56117</v>
      </c>
    </row>
    <row r="14835" spans="1:10" x14ac:dyDescent="0.35">
      <c r="A14835" s="1" t="s">
        <v>56064</v>
      </c>
      <c r="B14835" s="1" t="s">
        <v>53796</v>
      </c>
      <c r="C14835" s="1" t="s">
        <v>90</v>
      </c>
      <c r="D14835" s="1" t="s">
        <v>56118</v>
      </c>
      <c r="E14835" s="1" t="s">
        <v>15285</v>
      </c>
      <c r="F14835" s="1" t="s">
        <v>56119</v>
      </c>
      <c r="G14835" s="1" t="s">
        <v>56067</v>
      </c>
      <c r="H14835" s="1" t="s">
        <v>56068</v>
      </c>
      <c r="I14835" s="1" t="s">
        <v>53800</v>
      </c>
      <c r="J14835" s="1" t="s">
        <v>56120</v>
      </c>
    </row>
    <row r="14836" spans="1:10" x14ac:dyDescent="0.35">
      <c r="A14836" s="1" t="s">
        <v>56064</v>
      </c>
      <c r="B14836" s="1" t="s">
        <v>53796</v>
      </c>
      <c r="C14836" s="1" t="s">
        <v>95</v>
      </c>
      <c r="D14836" s="1" t="s">
        <v>56121</v>
      </c>
      <c r="E14836" s="1" t="s">
        <v>41148</v>
      </c>
      <c r="F14836" s="1" t="s">
        <v>56122</v>
      </c>
      <c r="G14836" s="1" t="s">
        <v>56067</v>
      </c>
      <c r="H14836" s="1" t="s">
        <v>56068</v>
      </c>
      <c r="I14836" s="1" t="s">
        <v>53800</v>
      </c>
      <c r="J14836" s="1" t="s">
        <v>56123</v>
      </c>
    </row>
    <row r="14837" spans="1:10" x14ac:dyDescent="0.35">
      <c r="A14837" s="1" t="s">
        <v>56064</v>
      </c>
      <c r="B14837" s="1" t="s">
        <v>53796</v>
      </c>
      <c r="C14837" s="1" t="s">
        <v>100</v>
      </c>
      <c r="D14837" s="1" t="s">
        <v>56124</v>
      </c>
      <c r="E14837" s="1" t="s">
        <v>41425</v>
      </c>
      <c r="F14837" s="1" t="s">
        <v>56125</v>
      </c>
      <c r="G14837" s="1" t="s">
        <v>56067</v>
      </c>
      <c r="H14837" s="1" t="s">
        <v>56068</v>
      </c>
      <c r="I14837" s="1" t="s">
        <v>53800</v>
      </c>
      <c r="J14837" s="1" t="s">
        <v>56126</v>
      </c>
    </row>
    <row r="14838" spans="1:10" x14ac:dyDescent="0.35">
      <c r="A14838" s="1" t="s">
        <v>56064</v>
      </c>
      <c r="B14838" s="1" t="s">
        <v>53796</v>
      </c>
      <c r="C14838" s="1" t="s">
        <v>105</v>
      </c>
      <c r="D14838" s="1" t="s">
        <v>56127</v>
      </c>
      <c r="E14838" s="1" t="s">
        <v>31394</v>
      </c>
      <c r="F14838" s="1" t="s">
        <v>56128</v>
      </c>
      <c r="G14838" s="1" t="s">
        <v>56067</v>
      </c>
      <c r="H14838" s="1" t="s">
        <v>56068</v>
      </c>
      <c r="I14838" s="1" t="s">
        <v>53800</v>
      </c>
      <c r="J14838" s="1" t="s">
        <v>56129</v>
      </c>
    </row>
    <row r="14839" spans="1:10" x14ac:dyDescent="0.35">
      <c r="A14839" s="1" t="s">
        <v>56064</v>
      </c>
      <c r="B14839" s="1" t="s">
        <v>53796</v>
      </c>
      <c r="C14839" s="1" t="s">
        <v>110</v>
      </c>
      <c r="D14839" s="1" t="s">
        <v>56130</v>
      </c>
      <c r="E14839" s="1" t="s">
        <v>56131</v>
      </c>
      <c r="F14839" s="1" t="s">
        <v>56132</v>
      </c>
      <c r="G14839" s="1" t="s">
        <v>56067</v>
      </c>
      <c r="H14839" s="1" t="s">
        <v>56068</v>
      </c>
      <c r="I14839" s="1" t="s">
        <v>53800</v>
      </c>
      <c r="J14839" s="1" t="s">
        <v>56133</v>
      </c>
    </row>
    <row r="14840" spans="1:10" x14ac:dyDescent="0.35">
      <c r="A14840" s="1" t="s">
        <v>56064</v>
      </c>
      <c r="B14840" s="1" t="s">
        <v>53796</v>
      </c>
      <c r="C14840" s="1" t="s">
        <v>115</v>
      </c>
      <c r="D14840" s="1" t="s">
        <v>39868</v>
      </c>
      <c r="E14840" s="1" t="s">
        <v>56134</v>
      </c>
      <c r="F14840" s="1" t="s">
        <v>56135</v>
      </c>
      <c r="G14840" s="1" t="s">
        <v>56067</v>
      </c>
      <c r="H14840" s="1" t="s">
        <v>56068</v>
      </c>
      <c r="I14840" s="1" t="s">
        <v>53800</v>
      </c>
      <c r="J14840" s="1" t="s">
        <v>56136</v>
      </c>
    </row>
    <row r="14841" spans="1:10" x14ac:dyDescent="0.35">
      <c r="A14841" s="1" t="s">
        <v>56064</v>
      </c>
      <c r="B14841" s="1" t="s">
        <v>53796</v>
      </c>
      <c r="C14841" s="1" t="s">
        <v>120</v>
      </c>
      <c r="D14841" s="1" t="s">
        <v>56137</v>
      </c>
      <c r="E14841" s="1" t="s">
        <v>12757</v>
      </c>
      <c r="F14841" s="1" t="s">
        <v>56138</v>
      </c>
      <c r="G14841" s="1" t="s">
        <v>56067</v>
      </c>
      <c r="H14841" s="1" t="s">
        <v>56068</v>
      </c>
      <c r="I14841" s="1" t="s">
        <v>53800</v>
      </c>
      <c r="J14841" s="1" t="s">
        <v>56139</v>
      </c>
    </row>
    <row r="14842" spans="1:10" x14ac:dyDescent="0.35">
      <c r="A14842" s="1" t="s">
        <v>56064</v>
      </c>
      <c r="B14842" s="1" t="s">
        <v>53796</v>
      </c>
      <c r="C14842" s="1" t="s">
        <v>125</v>
      </c>
      <c r="D14842" s="1" t="s">
        <v>56140</v>
      </c>
      <c r="E14842" s="1" t="s">
        <v>56141</v>
      </c>
      <c r="F14842" s="1" t="s">
        <v>56142</v>
      </c>
      <c r="G14842" s="1" t="s">
        <v>56067</v>
      </c>
      <c r="H14842" s="1" t="s">
        <v>56068</v>
      </c>
      <c r="I14842" s="1" t="s">
        <v>53800</v>
      </c>
      <c r="J14842" s="1" t="s">
        <v>56143</v>
      </c>
    </row>
    <row r="14843" spans="1:10" x14ac:dyDescent="0.35">
      <c r="A14843" s="1" t="s">
        <v>56064</v>
      </c>
      <c r="B14843" s="1" t="s">
        <v>53796</v>
      </c>
      <c r="C14843" s="1" t="s">
        <v>130</v>
      </c>
      <c r="D14843" s="1" t="s">
        <v>56144</v>
      </c>
      <c r="E14843" s="1" t="s">
        <v>31472</v>
      </c>
      <c r="F14843" s="1" t="s">
        <v>56145</v>
      </c>
      <c r="G14843" s="1" t="s">
        <v>56067</v>
      </c>
      <c r="H14843" s="1" t="s">
        <v>56068</v>
      </c>
      <c r="I14843" s="1" t="s">
        <v>53800</v>
      </c>
      <c r="J14843" s="1" t="s">
        <v>56146</v>
      </c>
    </row>
    <row r="14844" spans="1:10" x14ac:dyDescent="0.35">
      <c r="A14844" s="1" t="s">
        <v>56064</v>
      </c>
      <c r="B14844" s="1" t="s">
        <v>53796</v>
      </c>
      <c r="C14844" s="1" t="s">
        <v>135</v>
      </c>
      <c r="D14844" s="1" t="s">
        <v>56147</v>
      </c>
      <c r="E14844" s="1" t="s">
        <v>54168</v>
      </c>
      <c r="F14844" s="1" t="s">
        <v>56148</v>
      </c>
      <c r="G14844" s="1" t="s">
        <v>56067</v>
      </c>
      <c r="H14844" s="1" t="s">
        <v>56068</v>
      </c>
      <c r="I14844" s="1" t="s">
        <v>53800</v>
      </c>
      <c r="J14844" s="1" t="s">
        <v>56149</v>
      </c>
    </row>
    <row r="14845" spans="1:10" x14ac:dyDescent="0.35">
      <c r="A14845" s="1" t="s">
        <v>56064</v>
      </c>
      <c r="B14845" s="1" t="s">
        <v>53796</v>
      </c>
      <c r="C14845" s="1" t="s">
        <v>140</v>
      </c>
      <c r="D14845" s="1" t="s">
        <v>56150</v>
      </c>
      <c r="E14845" s="1" t="s">
        <v>55213</v>
      </c>
      <c r="F14845" s="1" t="s">
        <v>56151</v>
      </c>
      <c r="G14845" s="1" t="s">
        <v>56067</v>
      </c>
      <c r="H14845" s="1" t="s">
        <v>56068</v>
      </c>
      <c r="I14845" s="1" t="s">
        <v>53800</v>
      </c>
      <c r="J14845" s="1" t="s">
        <v>56152</v>
      </c>
    </row>
    <row r="14846" spans="1:10" x14ac:dyDescent="0.35">
      <c r="A14846" s="1" t="s">
        <v>56064</v>
      </c>
      <c r="B14846" s="1" t="s">
        <v>53796</v>
      </c>
      <c r="C14846" s="1" t="s">
        <v>145</v>
      </c>
      <c r="D14846" s="1" t="s">
        <v>56153</v>
      </c>
      <c r="E14846" s="1" t="s">
        <v>56154</v>
      </c>
      <c r="F14846" s="1" t="s">
        <v>56155</v>
      </c>
      <c r="G14846" s="1" t="s">
        <v>56067</v>
      </c>
      <c r="H14846" s="1" t="s">
        <v>56068</v>
      </c>
      <c r="I14846" s="1" t="s">
        <v>53800</v>
      </c>
      <c r="J14846" s="1" t="s">
        <v>56156</v>
      </c>
    </row>
    <row r="14847" spans="1:10" x14ac:dyDescent="0.35">
      <c r="A14847" s="1" t="s">
        <v>56064</v>
      </c>
      <c r="B14847" s="1" t="s">
        <v>53796</v>
      </c>
      <c r="C14847" s="1" t="s">
        <v>150</v>
      </c>
      <c r="D14847" s="1" t="s">
        <v>56157</v>
      </c>
      <c r="E14847" s="1" t="s">
        <v>26592</v>
      </c>
      <c r="F14847" s="1" t="s">
        <v>56158</v>
      </c>
      <c r="G14847" s="1" t="s">
        <v>56067</v>
      </c>
      <c r="H14847" s="1" t="s">
        <v>56068</v>
      </c>
      <c r="I14847" s="1" t="s">
        <v>53800</v>
      </c>
      <c r="J14847" s="1" t="s">
        <v>56159</v>
      </c>
    </row>
    <row r="14848" spans="1:10" x14ac:dyDescent="0.35">
      <c r="A14848" s="1" t="s">
        <v>56064</v>
      </c>
      <c r="B14848" s="1" t="s">
        <v>53796</v>
      </c>
      <c r="C14848" s="1" t="s">
        <v>155</v>
      </c>
      <c r="D14848" s="1" t="s">
        <v>56160</v>
      </c>
      <c r="E14848" s="1" t="s">
        <v>16157</v>
      </c>
      <c r="F14848" s="1" t="s">
        <v>56161</v>
      </c>
      <c r="G14848" s="1" t="s">
        <v>56067</v>
      </c>
      <c r="H14848" s="1" t="s">
        <v>56068</v>
      </c>
      <c r="I14848" s="1" t="s">
        <v>53800</v>
      </c>
      <c r="J14848" s="1" t="s">
        <v>56162</v>
      </c>
    </row>
    <row r="14849" spans="1:10" x14ac:dyDescent="0.35">
      <c r="A14849" s="1" t="s">
        <v>56064</v>
      </c>
      <c r="B14849" s="1" t="s">
        <v>53796</v>
      </c>
      <c r="C14849" s="1" t="s">
        <v>160</v>
      </c>
      <c r="D14849" s="1" t="s">
        <v>56163</v>
      </c>
      <c r="E14849" s="1" t="s">
        <v>56164</v>
      </c>
      <c r="F14849" s="1" t="s">
        <v>56165</v>
      </c>
      <c r="G14849" s="1" t="s">
        <v>56067</v>
      </c>
      <c r="H14849" s="1" t="s">
        <v>56068</v>
      </c>
      <c r="I14849" s="1" t="s">
        <v>53800</v>
      </c>
      <c r="J14849" s="1" t="s">
        <v>56166</v>
      </c>
    </row>
    <row r="14850" spans="1:10" x14ac:dyDescent="0.35">
      <c r="A14850" s="1" t="s">
        <v>56064</v>
      </c>
      <c r="B14850" s="1" t="s">
        <v>53796</v>
      </c>
      <c r="C14850" s="1" t="s">
        <v>165</v>
      </c>
      <c r="D14850" s="1" t="s">
        <v>56167</v>
      </c>
      <c r="E14850" s="1" t="s">
        <v>15200</v>
      </c>
      <c r="F14850" s="1" t="s">
        <v>56168</v>
      </c>
      <c r="G14850" s="1" t="s">
        <v>56067</v>
      </c>
      <c r="H14850" s="1" t="s">
        <v>56068</v>
      </c>
      <c r="I14850" s="1" t="s">
        <v>53800</v>
      </c>
      <c r="J14850" s="1" t="s">
        <v>56169</v>
      </c>
    </row>
    <row r="14851" spans="1:10" x14ac:dyDescent="0.35">
      <c r="A14851" s="1" t="s">
        <v>56064</v>
      </c>
      <c r="B14851" s="1" t="s">
        <v>53796</v>
      </c>
      <c r="C14851" s="1" t="s">
        <v>170</v>
      </c>
      <c r="D14851" s="1" t="s">
        <v>56170</v>
      </c>
      <c r="E14851" s="1" t="s">
        <v>15432</v>
      </c>
      <c r="F14851" s="1" t="s">
        <v>56171</v>
      </c>
      <c r="G14851" s="1" t="s">
        <v>56067</v>
      </c>
      <c r="H14851" s="1" t="s">
        <v>56068</v>
      </c>
      <c r="I14851" s="1" t="s">
        <v>53800</v>
      </c>
      <c r="J14851" s="1" t="s">
        <v>56172</v>
      </c>
    </row>
    <row r="14852" spans="1:10" x14ac:dyDescent="0.35">
      <c r="A14852" s="1" t="s">
        <v>50471</v>
      </c>
      <c r="B14852" s="1" t="s">
        <v>53796</v>
      </c>
      <c r="C14852" s="1" t="s">
        <v>8</v>
      </c>
      <c r="D14852" s="1" t="s">
        <v>56173</v>
      </c>
      <c r="E14852" s="1" t="s">
        <v>53936</v>
      </c>
      <c r="F14852" s="1" t="s">
        <v>27127</v>
      </c>
      <c r="G14852" s="1" t="s">
        <v>56174</v>
      </c>
      <c r="H14852" s="1" t="s">
        <v>56175</v>
      </c>
      <c r="I14852" s="1" t="s">
        <v>53800</v>
      </c>
      <c r="J14852" s="1" t="s">
        <v>13</v>
      </c>
    </row>
    <row r="14853" spans="1:10" x14ac:dyDescent="0.35">
      <c r="A14853" s="1" t="s">
        <v>50471</v>
      </c>
      <c r="B14853" s="1" t="s">
        <v>53796</v>
      </c>
      <c r="C14853" s="1" t="s">
        <v>15</v>
      </c>
      <c r="D14853" s="1" t="s">
        <v>56176</v>
      </c>
      <c r="E14853" s="1" t="s">
        <v>56177</v>
      </c>
      <c r="F14853" s="1" t="s">
        <v>56178</v>
      </c>
      <c r="G14853" s="1" t="s">
        <v>56174</v>
      </c>
      <c r="H14853" s="1" t="s">
        <v>56175</v>
      </c>
      <c r="I14853" s="1" t="s">
        <v>53800</v>
      </c>
      <c r="J14853" s="1" t="s">
        <v>56179</v>
      </c>
    </row>
    <row r="14854" spans="1:10" x14ac:dyDescent="0.35">
      <c r="A14854" s="1" t="s">
        <v>50471</v>
      </c>
      <c r="B14854" s="1" t="s">
        <v>53796</v>
      </c>
      <c r="C14854" s="1" t="s">
        <v>20</v>
      </c>
      <c r="D14854" s="1" t="s">
        <v>56180</v>
      </c>
      <c r="E14854" s="1" t="s">
        <v>12879</v>
      </c>
      <c r="F14854" s="1" t="s">
        <v>56181</v>
      </c>
      <c r="G14854" s="1" t="s">
        <v>56174</v>
      </c>
      <c r="H14854" s="1" t="s">
        <v>56175</v>
      </c>
      <c r="I14854" s="1" t="s">
        <v>53800</v>
      </c>
      <c r="J14854" s="1" t="s">
        <v>56182</v>
      </c>
    </row>
    <row r="14855" spans="1:10" x14ac:dyDescent="0.35">
      <c r="A14855" s="1" t="s">
        <v>50471</v>
      </c>
      <c r="B14855" s="1" t="s">
        <v>53796</v>
      </c>
      <c r="C14855" s="1" t="s">
        <v>25</v>
      </c>
      <c r="D14855" s="1" t="s">
        <v>56183</v>
      </c>
      <c r="E14855" s="1" t="s">
        <v>56177</v>
      </c>
      <c r="F14855" s="1" t="s">
        <v>56184</v>
      </c>
      <c r="G14855" s="1" t="s">
        <v>56174</v>
      </c>
      <c r="H14855" s="1" t="s">
        <v>56175</v>
      </c>
      <c r="I14855" s="1" t="s">
        <v>53800</v>
      </c>
      <c r="J14855" s="1" t="s">
        <v>56185</v>
      </c>
    </row>
    <row r="14856" spans="1:10" x14ac:dyDescent="0.35">
      <c r="A14856" s="1" t="s">
        <v>50471</v>
      </c>
      <c r="B14856" s="1" t="s">
        <v>53796</v>
      </c>
      <c r="C14856" s="1" t="s">
        <v>30</v>
      </c>
      <c r="D14856" s="1" t="s">
        <v>56186</v>
      </c>
      <c r="E14856" s="1" t="s">
        <v>55227</v>
      </c>
      <c r="F14856" s="1" t="s">
        <v>56187</v>
      </c>
      <c r="G14856" s="1" t="s">
        <v>56174</v>
      </c>
      <c r="H14856" s="1" t="s">
        <v>56175</v>
      </c>
      <c r="I14856" s="1" t="s">
        <v>53800</v>
      </c>
      <c r="J14856" s="1" t="s">
        <v>56188</v>
      </c>
    </row>
    <row r="14857" spans="1:10" x14ac:dyDescent="0.35">
      <c r="A14857" s="1" t="s">
        <v>50471</v>
      </c>
      <c r="B14857" s="1" t="s">
        <v>53796</v>
      </c>
      <c r="C14857" s="1" t="s">
        <v>35</v>
      </c>
      <c r="D14857" s="1" t="s">
        <v>56189</v>
      </c>
      <c r="E14857" s="1" t="s">
        <v>56190</v>
      </c>
      <c r="F14857" s="1" t="s">
        <v>56191</v>
      </c>
      <c r="G14857" s="1" t="s">
        <v>56174</v>
      </c>
      <c r="H14857" s="1" t="s">
        <v>56175</v>
      </c>
      <c r="I14857" s="1" t="s">
        <v>53800</v>
      </c>
      <c r="J14857" s="1" t="s">
        <v>56192</v>
      </c>
    </row>
    <row r="14858" spans="1:10" x14ac:dyDescent="0.35">
      <c r="A14858" s="1" t="s">
        <v>50471</v>
      </c>
      <c r="B14858" s="1" t="s">
        <v>53796</v>
      </c>
      <c r="C14858" s="1" t="s">
        <v>40</v>
      </c>
      <c r="D14858" s="1" t="s">
        <v>56193</v>
      </c>
      <c r="E14858" s="1" t="s">
        <v>41509</v>
      </c>
      <c r="F14858" s="1" t="s">
        <v>56194</v>
      </c>
      <c r="G14858" s="1" t="s">
        <v>56174</v>
      </c>
      <c r="H14858" s="1" t="s">
        <v>56175</v>
      </c>
      <c r="I14858" s="1" t="s">
        <v>53800</v>
      </c>
      <c r="J14858" s="1" t="s">
        <v>56195</v>
      </c>
    </row>
    <row r="14859" spans="1:10" x14ac:dyDescent="0.35">
      <c r="A14859" s="1" t="s">
        <v>50471</v>
      </c>
      <c r="B14859" s="1" t="s">
        <v>53796</v>
      </c>
      <c r="C14859" s="1" t="s">
        <v>45</v>
      </c>
      <c r="D14859" s="1" t="s">
        <v>56196</v>
      </c>
      <c r="E14859" s="1" t="s">
        <v>21902</v>
      </c>
      <c r="F14859" s="1" t="s">
        <v>56197</v>
      </c>
      <c r="G14859" s="1" t="s">
        <v>56174</v>
      </c>
      <c r="H14859" s="1" t="s">
        <v>56175</v>
      </c>
      <c r="I14859" s="1" t="s">
        <v>53800</v>
      </c>
      <c r="J14859" s="1" t="s">
        <v>56198</v>
      </c>
    </row>
    <row r="14860" spans="1:10" x14ac:dyDescent="0.35">
      <c r="A14860" s="1" t="s">
        <v>50471</v>
      </c>
      <c r="B14860" s="1" t="s">
        <v>53796</v>
      </c>
      <c r="C14860" s="1" t="s">
        <v>50</v>
      </c>
      <c r="D14860" s="1" t="s">
        <v>56199</v>
      </c>
      <c r="E14860" s="1" t="s">
        <v>53969</v>
      </c>
      <c r="F14860" s="1" t="s">
        <v>56200</v>
      </c>
      <c r="G14860" s="1" t="s">
        <v>56174</v>
      </c>
      <c r="H14860" s="1" t="s">
        <v>56175</v>
      </c>
      <c r="I14860" s="1" t="s">
        <v>53800</v>
      </c>
      <c r="J14860" s="1" t="s">
        <v>56201</v>
      </c>
    </row>
    <row r="14861" spans="1:10" x14ac:dyDescent="0.35">
      <c r="A14861" s="1" t="s">
        <v>50471</v>
      </c>
      <c r="B14861" s="1" t="s">
        <v>53796</v>
      </c>
      <c r="C14861" s="1" t="s">
        <v>55</v>
      </c>
      <c r="D14861" s="1" t="s">
        <v>53112</v>
      </c>
      <c r="E14861" s="1" t="s">
        <v>56202</v>
      </c>
      <c r="F14861" s="1" t="s">
        <v>56203</v>
      </c>
      <c r="G14861" s="1" t="s">
        <v>56174</v>
      </c>
      <c r="H14861" s="1" t="s">
        <v>56175</v>
      </c>
      <c r="I14861" s="1" t="s">
        <v>53800</v>
      </c>
      <c r="J14861" s="1" t="s">
        <v>56204</v>
      </c>
    </row>
    <row r="14862" spans="1:10" x14ac:dyDescent="0.35">
      <c r="A14862" s="1" t="s">
        <v>50471</v>
      </c>
      <c r="B14862" s="1" t="s">
        <v>53796</v>
      </c>
      <c r="C14862" s="1" t="s">
        <v>60</v>
      </c>
      <c r="D14862" s="1" t="s">
        <v>56205</v>
      </c>
      <c r="E14862" s="1" t="s">
        <v>23472</v>
      </c>
      <c r="F14862" s="1" t="s">
        <v>56206</v>
      </c>
      <c r="G14862" s="1" t="s">
        <v>56174</v>
      </c>
      <c r="H14862" s="1" t="s">
        <v>56175</v>
      </c>
      <c r="I14862" s="1" t="s">
        <v>53800</v>
      </c>
      <c r="J14862" s="1" t="s">
        <v>56207</v>
      </c>
    </row>
    <row r="14863" spans="1:10" x14ac:dyDescent="0.35">
      <c r="A14863" s="1" t="s">
        <v>50471</v>
      </c>
      <c r="B14863" s="1" t="s">
        <v>53796</v>
      </c>
      <c r="C14863" s="1" t="s">
        <v>65</v>
      </c>
      <c r="D14863" s="1" t="s">
        <v>56208</v>
      </c>
      <c r="E14863" s="1" t="s">
        <v>56209</v>
      </c>
      <c r="F14863" s="1" t="s">
        <v>56210</v>
      </c>
      <c r="G14863" s="1" t="s">
        <v>56174</v>
      </c>
      <c r="H14863" s="1" t="s">
        <v>56175</v>
      </c>
      <c r="I14863" s="1" t="s">
        <v>53800</v>
      </c>
      <c r="J14863" s="1" t="s">
        <v>56211</v>
      </c>
    </row>
    <row r="14864" spans="1:10" x14ac:dyDescent="0.35">
      <c r="A14864" s="1" t="s">
        <v>50471</v>
      </c>
      <c r="B14864" s="1" t="s">
        <v>53796</v>
      </c>
      <c r="C14864" s="1" t="s">
        <v>70</v>
      </c>
      <c r="D14864" s="1" t="s">
        <v>13592</v>
      </c>
      <c r="E14864" s="1" t="s">
        <v>53928</v>
      </c>
      <c r="F14864" s="1" t="s">
        <v>56212</v>
      </c>
      <c r="G14864" s="1" t="s">
        <v>56174</v>
      </c>
      <c r="H14864" s="1" t="s">
        <v>56175</v>
      </c>
      <c r="I14864" s="1" t="s">
        <v>53800</v>
      </c>
      <c r="J14864" s="1" t="s">
        <v>56213</v>
      </c>
    </row>
    <row r="14865" spans="1:10" x14ac:dyDescent="0.35">
      <c r="A14865" s="1" t="s">
        <v>50471</v>
      </c>
      <c r="B14865" s="1" t="s">
        <v>53796</v>
      </c>
      <c r="C14865" s="1" t="s">
        <v>75</v>
      </c>
      <c r="D14865" s="1" t="s">
        <v>56214</v>
      </c>
      <c r="E14865" s="1" t="s">
        <v>56215</v>
      </c>
      <c r="F14865" s="1" t="s">
        <v>54687</v>
      </c>
      <c r="G14865" s="1" t="s">
        <v>56174</v>
      </c>
      <c r="H14865" s="1" t="s">
        <v>56175</v>
      </c>
      <c r="I14865" s="1" t="s">
        <v>53800</v>
      </c>
      <c r="J14865" s="1" t="s">
        <v>56216</v>
      </c>
    </row>
    <row r="14866" spans="1:10" x14ac:dyDescent="0.35">
      <c r="A14866" s="1" t="s">
        <v>50471</v>
      </c>
      <c r="B14866" s="1" t="s">
        <v>53796</v>
      </c>
      <c r="C14866" s="1" t="s">
        <v>80</v>
      </c>
      <c r="D14866" s="1" t="s">
        <v>56217</v>
      </c>
      <c r="E14866" s="1" t="s">
        <v>32407</v>
      </c>
      <c r="F14866" s="1" t="s">
        <v>56218</v>
      </c>
      <c r="G14866" s="1" t="s">
        <v>56174</v>
      </c>
      <c r="H14866" s="1" t="s">
        <v>56175</v>
      </c>
      <c r="I14866" s="1" t="s">
        <v>53800</v>
      </c>
      <c r="J14866" s="1" t="s">
        <v>56219</v>
      </c>
    </row>
    <row r="14867" spans="1:10" x14ac:dyDescent="0.35">
      <c r="A14867" s="1" t="s">
        <v>50471</v>
      </c>
      <c r="B14867" s="1" t="s">
        <v>53796</v>
      </c>
      <c r="C14867" s="1" t="s">
        <v>85</v>
      </c>
      <c r="D14867" s="1" t="s">
        <v>56220</v>
      </c>
      <c r="E14867" s="1" t="s">
        <v>56221</v>
      </c>
      <c r="F14867" s="1" t="s">
        <v>56222</v>
      </c>
      <c r="G14867" s="1" t="s">
        <v>56174</v>
      </c>
      <c r="H14867" s="1" t="s">
        <v>56175</v>
      </c>
      <c r="I14867" s="1" t="s">
        <v>53800</v>
      </c>
      <c r="J14867" s="1" t="s">
        <v>56223</v>
      </c>
    </row>
    <row r="14868" spans="1:10" x14ac:dyDescent="0.35">
      <c r="A14868" s="1" t="s">
        <v>50471</v>
      </c>
      <c r="B14868" s="1" t="s">
        <v>53796</v>
      </c>
      <c r="C14868" s="1" t="s">
        <v>90</v>
      </c>
      <c r="D14868" s="1" t="s">
        <v>56224</v>
      </c>
      <c r="E14868" s="1" t="s">
        <v>26539</v>
      </c>
      <c r="F14868" s="1" t="s">
        <v>56225</v>
      </c>
      <c r="G14868" s="1" t="s">
        <v>56174</v>
      </c>
      <c r="H14868" s="1" t="s">
        <v>56175</v>
      </c>
      <c r="I14868" s="1" t="s">
        <v>53800</v>
      </c>
      <c r="J14868" s="1" t="s">
        <v>56226</v>
      </c>
    </row>
    <row r="14869" spans="1:10" x14ac:dyDescent="0.35">
      <c r="A14869" s="1" t="s">
        <v>50471</v>
      </c>
      <c r="B14869" s="1" t="s">
        <v>53796</v>
      </c>
      <c r="C14869" s="1" t="s">
        <v>95</v>
      </c>
      <c r="D14869" s="1" t="s">
        <v>56227</v>
      </c>
      <c r="E14869" s="1" t="s">
        <v>21974</v>
      </c>
      <c r="F14869" s="1" t="s">
        <v>54043</v>
      </c>
      <c r="G14869" s="1" t="s">
        <v>56174</v>
      </c>
      <c r="H14869" s="1" t="s">
        <v>56175</v>
      </c>
      <c r="I14869" s="1" t="s">
        <v>53800</v>
      </c>
      <c r="J14869" s="1" t="s">
        <v>56228</v>
      </c>
    </row>
    <row r="14870" spans="1:10" x14ac:dyDescent="0.35">
      <c r="A14870" s="1" t="s">
        <v>50471</v>
      </c>
      <c r="B14870" s="1" t="s">
        <v>53796</v>
      </c>
      <c r="C14870" s="1" t="s">
        <v>100</v>
      </c>
      <c r="D14870" s="1" t="s">
        <v>56229</v>
      </c>
      <c r="E14870" s="1" t="s">
        <v>23191</v>
      </c>
      <c r="F14870" s="1" t="s">
        <v>56230</v>
      </c>
      <c r="G14870" s="1" t="s">
        <v>56174</v>
      </c>
      <c r="H14870" s="1" t="s">
        <v>56175</v>
      </c>
      <c r="I14870" s="1" t="s">
        <v>53800</v>
      </c>
      <c r="J14870" s="1" t="s">
        <v>56231</v>
      </c>
    </row>
    <row r="14871" spans="1:10" x14ac:dyDescent="0.35">
      <c r="A14871" s="1" t="s">
        <v>50471</v>
      </c>
      <c r="B14871" s="1" t="s">
        <v>53796</v>
      </c>
      <c r="C14871" s="1" t="s">
        <v>105</v>
      </c>
      <c r="D14871" s="1" t="s">
        <v>56232</v>
      </c>
      <c r="E14871" s="1" t="s">
        <v>56233</v>
      </c>
      <c r="F14871" s="1" t="s">
        <v>56234</v>
      </c>
      <c r="G14871" s="1" t="s">
        <v>56174</v>
      </c>
      <c r="H14871" s="1" t="s">
        <v>56175</v>
      </c>
      <c r="I14871" s="1" t="s">
        <v>53800</v>
      </c>
      <c r="J14871" s="1" t="s">
        <v>56235</v>
      </c>
    </row>
    <row r="14872" spans="1:10" x14ac:dyDescent="0.35">
      <c r="A14872" s="1" t="s">
        <v>50471</v>
      </c>
      <c r="B14872" s="1" t="s">
        <v>53796</v>
      </c>
      <c r="C14872" s="1" t="s">
        <v>110</v>
      </c>
      <c r="D14872" s="1" t="s">
        <v>56236</v>
      </c>
      <c r="E14872" s="1" t="s">
        <v>55230</v>
      </c>
      <c r="F14872" s="1" t="s">
        <v>56237</v>
      </c>
      <c r="G14872" s="1" t="s">
        <v>56174</v>
      </c>
      <c r="H14872" s="1" t="s">
        <v>56175</v>
      </c>
      <c r="I14872" s="1" t="s">
        <v>53800</v>
      </c>
      <c r="J14872" s="1" t="s">
        <v>56238</v>
      </c>
    </row>
    <row r="14873" spans="1:10" x14ac:dyDescent="0.35">
      <c r="A14873" s="1" t="s">
        <v>50471</v>
      </c>
      <c r="B14873" s="1" t="s">
        <v>53796</v>
      </c>
      <c r="C14873" s="1" t="s">
        <v>115</v>
      </c>
      <c r="D14873" s="1" t="s">
        <v>56239</v>
      </c>
      <c r="E14873" s="1" t="s">
        <v>12821</v>
      </c>
      <c r="F14873" s="1" t="s">
        <v>56240</v>
      </c>
      <c r="G14873" s="1" t="s">
        <v>56174</v>
      </c>
      <c r="H14873" s="1" t="s">
        <v>56175</v>
      </c>
      <c r="I14873" s="1" t="s">
        <v>53800</v>
      </c>
      <c r="J14873" s="1" t="s">
        <v>56241</v>
      </c>
    </row>
    <row r="14874" spans="1:10" x14ac:dyDescent="0.35">
      <c r="A14874" s="1" t="s">
        <v>50471</v>
      </c>
      <c r="B14874" s="1" t="s">
        <v>53796</v>
      </c>
      <c r="C14874" s="1" t="s">
        <v>120</v>
      </c>
      <c r="D14874" s="1" t="s">
        <v>56242</v>
      </c>
      <c r="E14874" s="1" t="s">
        <v>22052</v>
      </c>
      <c r="F14874" s="1" t="s">
        <v>56243</v>
      </c>
      <c r="G14874" s="1" t="s">
        <v>56174</v>
      </c>
      <c r="H14874" s="1" t="s">
        <v>56175</v>
      </c>
      <c r="I14874" s="1" t="s">
        <v>53800</v>
      </c>
      <c r="J14874" s="1" t="s">
        <v>56244</v>
      </c>
    </row>
    <row r="14875" spans="1:10" x14ac:dyDescent="0.35">
      <c r="A14875" s="1" t="s">
        <v>50471</v>
      </c>
      <c r="B14875" s="1" t="s">
        <v>53796</v>
      </c>
      <c r="C14875" s="1" t="s">
        <v>125</v>
      </c>
      <c r="D14875" s="1" t="s">
        <v>56245</v>
      </c>
      <c r="E14875" s="1" t="s">
        <v>56246</v>
      </c>
      <c r="F14875" s="1" t="s">
        <v>56247</v>
      </c>
      <c r="G14875" s="1" t="s">
        <v>56174</v>
      </c>
      <c r="H14875" s="1" t="s">
        <v>56175</v>
      </c>
      <c r="I14875" s="1" t="s">
        <v>53800</v>
      </c>
      <c r="J14875" s="1" t="s">
        <v>56248</v>
      </c>
    </row>
    <row r="14876" spans="1:10" x14ac:dyDescent="0.35">
      <c r="A14876" s="1" t="s">
        <v>50471</v>
      </c>
      <c r="B14876" s="1" t="s">
        <v>53796</v>
      </c>
      <c r="C14876" s="1" t="s">
        <v>130</v>
      </c>
      <c r="D14876" s="1" t="s">
        <v>56249</v>
      </c>
      <c r="E14876" s="1" t="s">
        <v>56250</v>
      </c>
      <c r="F14876" s="1" t="s">
        <v>56251</v>
      </c>
      <c r="G14876" s="1" t="s">
        <v>56174</v>
      </c>
      <c r="H14876" s="1" t="s">
        <v>56175</v>
      </c>
      <c r="I14876" s="1" t="s">
        <v>53800</v>
      </c>
      <c r="J14876" s="1" t="s">
        <v>56252</v>
      </c>
    </row>
    <row r="14877" spans="1:10" x14ac:dyDescent="0.35">
      <c r="A14877" s="1" t="s">
        <v>50471</v>
      </c>
      <c r="B14877" s="1" t="s">
        <v>53796</v>
      </c>
      <c r="C14877" s="1" t="s">
        <v>135</v>
      </c>
      <c r="D14877" s="1" t="s">
        <v>56253</v>
      </c>
      <c r="E14877" s="1" t="s">
        <v>56254</v>
      </c>
      <c r="F14877" s="1" t="s">
        <v>32033</v>
      </c>
      <c r="G14877" s="1" t="s">
        <v>56174</v>
      </c>
      <c r="H14877" s="1" t="s">
        <v>56175</v>
      </c>
      <c r="I14877" s="1" t="s">
        <v>53800</v>
      </c>
      <c r="J14877" s="1" t="s">
        <v>56255</v>
      </c>
    </row>
    <row r="14878" spans="1:10" x14ac:dyDescent="0.35">
      <c r="A14878" s="1" t="s">
        <v>50471</v>
      </c>
      <c r="B14878" s="1" t="s">
        <v>53796</v>
      </c>
      <c r="C14878" s="1" t="s">
        <v>140</v>
      </c>
      <c r="D14878" s="1" t="s">
        <v>56256</v>
      </c>
      <c r="E14878" s="1" t="s">
        <v>23149</v>
      </c>
      <c r="F14878" s="1" t="s">
        <v>56257</v>
      </c>
      <c r="G14878" s="1" t="s">
        <v>56174</v>
      </c>
      <c r="H14878" s="1" t="s">
        <v>56175</v>
      </c>
      <c r="I14878" s="1" t="s">
        <v>53800</v>
      </c>
      <c r="J14878" s="1" t="s">
        <v>56258</v>
      </c>
    </row>
    <row r="14879" spans="1:10" x14ac:dyDescent="0.35">
      <c r="A14879" s="1" t="s">
        <v>50471</v>
      </c>
      <c r="B14879" s="1" t="s">
        <v>53796</v>
      </c>
      <c r="C14879" s="1" t="s">
        <v>145</v>
      </c>
      <c r="D14879" s="1" t="s">
        <v>56259</v>
      </c>
      <c r="E14879" s="1" t="s">
        <v>32557</v>
      </c>
      <c r="F14879" s="1" t="s">
        <v>56260</v>
      </c>
      <c r="G14879" s="1" t="s">
        <v>56174</v>
      </c>
      <c r="H14879" s="1" t="s">
        <v>56175</v>
      </c>
      <c r="I14879" s="1" t="s">
        <v>53800</v>
      </c>
      <c r="J14879" s="1" t="s">
        <v>56261</v>
      </c>
    </row>
    <row r="14880" spans="1:10" x14ac:dyDescent="0.35">
      <c r="A14880" s="1" t="s">
        <v>50471</v>
      </c>
      <c r="B14880" s="1" t="s">
        <v>53796</v>
      </c>
      <c r="C14880" s="1" t="s">
        <v>150</v>
      </c>
      <c r="D14880" s="1" t="s">
        <v>56262</v>
      </c>
      <c r="E14880" s="1" t="s">
        <v>53993</v>
      </c>
      <c r="F14880" s="1" t="s">
        <v>56263</v>
      </c>
      <c r="G14880" s="1" t="s">
        <v>56174</v>
      </c>
      <c r="H14880" s="1" t="s">
        <v>56175</v>
      </c>
      <c r="I14880" s="1" t="s">
        <v>53800</v>
      </c>
      <c r="J14880" s="1" t="s">
        <v>56264</v>
      </c>
    </row>
    <row r="14881" spans="1:10" x14ac:dyDescent="0.35">
      <c r="A14881" s="1" t="s">
        <v>50471</v>
      </c>
      <c r="B14881" s="1" t="s">
        <v>53796</v>
      </c>
      <c r="C14881" s="1" t="s">
        <v>155</v>
      </c>
      <c r="D14881" s="1" t="s">
        <v>56265</v>
      </c>
      <c r="E14881" s="1" t="s">
        <v>22320</v>
      </c>
      <c r="F14881" s="1" t="s">
        <v>56266</v>
      </c>
      <c r="G14881" s="1" t="s">
        <v>56174</v>
      </c>
      <c r="H14881" s="1" t="s">
        <v>56175</v>
      </c>
      <c r="I14881" s="1" t="s">
        <v>53800</v>
      </c>
      <c r="J14881" s="1" t="s">
        <v>56267</v>
      </c>
    </row>
    <row r="14882" spans="1:10" x14ac:dyDescent="0.35">
      <c r="A14882" s="1" t="s">
        <v>50471</v>
      </c>
      <c r="B14882" s="1" t="s">
        <v>53796</v>
      </c>
      <c r="C14882" s="1" t="s">
        <v>160</v>
      </c>
      <c r="D14882" s="1" t="s">
        <v>56268</v>
      </c>
      <c r="E14882" s="1" t="s">
        <v>26539</v>
      </c>
      <c r="F14882" s="1" t="s">
        <v>54159</v>
      </c>
      <c r="G14882" s="1" t="s">
        <v>56174</v>
      </c>
      <c r="H14882" s="1" t="s">
        <v>56175</v>
      </c>
      <c r="I14882" s="1" t="s">
        <v>53800</v>
      </c>
      <c r="J14882" s="1" t="s">
        <v>56269</v>
      </c>
    </row>
    <row r="14883" spans="1:10" x14ac:dyDescent="0.35">
      <c r="A14883" s="1" t="s">
        <v>50471</v>
      </c>
      <c r="B14883" s="1" t="s">
        <v>53796</v>
      </c>
      <c r="C14883" s="1" t="s">
        <v>165</v>
      </c>
      <c r="D14883" s="1" t="s">
        <v>56270</v>
      </c>
      <c r="E14883" s="1" t="s">
        <v>54478</v>
      </c>
      <c r="F14883" s="1" t="s">
        <v>56271</v>
      </c>
      <c r="G14883" s="1" t="s">
        <v>56174</v>
      </c>
      <c r="H14883" s="1" t="s">
        <v>56175</v>
      </c>
      <c r="I14883" s="1" t="s">
        <v>53800</v>
      </c>
      <c r="J14883" s="1" t="s">
        <v>56272</v>
      </c>
    </row>
    <row r="14884" spans="1:10" x14ac:dyDescent="0.35">
      <c r="A14884" s="1" t="s">
        <v>50471</v>
      </c>
      <c r="B14884" s="1" t="s">
        <v>53796</v>
      </c>
      <c r="C14884" s="1" t="s">
        <v>170</v>
      </c>
      <c r="D14884" s="1" t="s">
        <v>56273</v>
      </c>
      <c r="E14884" s="1" t="s">
        <v>22302</v>
      </c>
      <c r="F14884" s="1" t="s">
        <v>55423</v>
      </c>
      <c r="G14884" s="1" t="s">
        <v>56174</v>
      </c>
      <c r="H14884" s="1" t="s">
        <v>56175</v>
      </c>
      <c r="I14884" s="1" t="s">
        <v>53800</v>
      </c>
      <c r="J14884" s="1" t="s">
        <v>56274</v>
      </c>
    </row>
    <row r="14885" spans="1:10" x14ac:dyDescent="0.35">
      <c r="A14885" s="1" t="s">
        <v>56275</v>
      </c>
      <c r="B14885" s="1" t="s">
        <v>53796</v>
      </c>
      <c r="C14885" s="1" t="s">
        <v>8</v>
      </c>
      <c r="D14885" s="1" t="s">
        <v>56276</v>
      </c>
      <c r="E14885" s="1" t="s">
        <v>41159</v>
      </c>
      <c r="F14885" s="1" t="s">
        <v>56277</v>
      </c>
      <c r="G14885" s="1" t="s">
        <v>56278</v>
      </c>
      <c r="H14885" s="1" t="s">
        <v>56279</v>
      </c>
      <c r="I14885" s="1" t="s">
        <v>53800</v>
      </c>
      <c r="J14885" s="1" t="s">
        <v>13</v>
      </c>
    </row>
    <row r="14886" spans="1:10" x14ac:dyDescent="0.35">
      <c r="A14886" s="1" t="s">
        <v>56275</v>
      </c>
      <c r="B14886" s="1" t="s">
        <v>53796</v>
      </c>
      <c r="C14886" s="1" t="s">
        <v>15</v>
      </c>
      <c r="D14886" s="1" t="s">
        <v>56280</v>
      </c>
      <c r="E14886" s="1" t="s">
        <v>56281</v>
      </c>
      <c r="F14886" s="1" t="s">
        <v>56282</v>
      </c>
      <c r="G14886" s="1" t="s">
        <v>56278</v>
      </c>
      <c r="H14886" s="1" t="s">
        <v>56279</v>
      </c>
      <c r="I14886" s="1" t="s">
        <v>53800</v>
      </c>
      <c r="J14886" s="1" t="s">
        <v>56283</v>
      </c>
    </row>
    <row r="14887" spans="1:10" x14ac:dyDescent="0.35">
      <c r="A14887" s="1" t="s">
        <v>56275</v>
      </c>
      <c r="B14887" s="1" t="s">
        <v>53796</v>
      </c>
      <c r="C14887" s="1" t="s">
        <v>20</v>
      </c>
      <c r="D14887" s="1" t="s">
        <v>56284</v>
      </c>
      <c r="E14887" s="1" t="s">
        <v>23457</v>
      </c>
      <c r="F14887" s="1" t="s">
        <v>56285</v>
      </c>
      <c r="G14887" s="1" t="s">
        <v>56278</v>
      </c>
      <c r="H14887" s="1" t="s">
        <v>56279</v>
      </c>
      <c r="I14887" s="1" t="s">
        <v>53800</v>
      </c>
      <c r="J14887" s="1" t="s">
        <v>56286</v>
      </c>
    </row>
    <row r="14888" spans="1:10" x14ac:dyDescent="0.35">
      <c r="A14888" s="1" t="s">
        <v>56275</v>
      </c>
      <c r="B14888" s="1" t="s">
        <v>53796</v>
      </c>
      <c r="C14888" s="1" t="s">
        <v>25</v>
      </c>
      <c r="D14888" s="1" t="s">
        <v>56287</v>
      </c>
      <c r="E14888" s="1" t="s">
        <v>56177</v>
      </c>
      <c r="F14888" s="1" t="s">
        <v>56288</v>
      </c>
      <c r="G14888" s="1" t="s">
        <v>56278</v>
      </c>
      <c r="H14888" s="1" t="s">
        <v>56279</v>
      </c>
      <c r="I14888" s="1" t="s">
        <v>53800</v>
      </c>
      <c r="J14888" s="1" t="s">
        <v>56289</v>
      </c>
    </row>
    <row r="14889" spans="1:10" x14ac:dyDescent="0.35">
      <c r="A14889" s="1" t="s">
        <v>56275</v>
      </c>
      <c r="B14889" s="1" t="s">
        <v>53796</v>
      </c>
      <c r="C14889" s="1" t="s">
        <v>30</v>
      </c>
      <c r="D14889" s="1" t="s">
        <v>22652</v>
      </c>
      <c r="E14889" s="1" t="s">
        <v>54074</v>
      </c>
      <c r="F14889" s="1" t="s">
        <v>56290</v>
      </c>
      <c r="G14889" s="1" t="s">
        <v>56278</v>
      </c>
      <c r="H14889" s="1" t="s">
        <v>56279</v>
      </c>
      <c r="I14889" s="1" t="s">
        <v>53800</v>
      </c>
      <c r="J14889" s="1" t="s">
        <v>56291</v>
      </c>
    </row>
    <row r="14890" spans="1:10" x14ac:dyDescent="0.35">
      <c r="A14890" s="1" t="s">
        <v>56275</v>
      </c>
      <c r="B14890" s="1" t="s">
        <v>53796</v>
      </c>
      <c r="C14890" s="1" t="s">
        <v>35</v>
      </c>
      <c r="D14890" s="1" t="s">
        <v>56292</v>
      </c>
      <c r="E14890" s="1" t="s">
        <v>41395</v>
      </c>
      <c r="F14890" s="1" t="s">
        <v>15581</v>
      </c>
      <c r="G14890" s="1" t="s">
        <v>56278</v>
      </c>
      <c r="H14890" s="1" t="s">
        <v>56279</v>
      </c>
      <c r="I14890" s="1" t="s">
        <v>53800</v>
      </c>
      <c r="J14890" s="1" t="s">
        <v>56293</v>
      </c>
    </row>
    <row r="14891" spans="1:10" x14ac:dyDescent="0.35">
      <c r="A14891" s="1" t="s">
        <v>56275</v>
      </c>
      <c r="B14891" s="1" t="s">
        <v>53796</v>
      </c>
      <c r="C14891" s="1" t="s">
        <v>40</v>
      </c>
      <c r="D14891" s="1" t="s">
        <v>56294</v>
      </c>
      <c r="E14891" s="1" t="s">
        <v>21124</v>
      </c>
      <c r="F14891" s="1" t="s">
        <v>56295</v>
      </c>
      <c r="G14891" s="1" t="s">
        <v>56278</v>
      </c>
      <c r="H14891" s="1" t="s">
        <v>56279</v>
      </c>
      <c r="I14891" s="1" t="s">
        <v>53800</v>
      </c>
      <c r="J14891" s="1" t="s">
        <v>56296</v>
      </c>
    </row>
    <row r="14892" spans="1:10" x14ac:dyDescent="0.35">
      <c r="A14892" s="1" t="s">
        <v>56275</v>
      </c>
      <c r="B14892" s="1" t="s">
        <v>53796</v>
      </c>
      <c r="C14892" s="1" t="s">
        <v>45</v>
      </c>
      <c r="D14892" s="1" t="s">
        <v>56297</v>
      </c>
      <c r="E14892" s="1" t="s">
        <v>55234</v>
      </c>
      <c r="F14892" s="1" t="s">
        <v>56298</v>
      </c>
      <c r="G14892" s="1" t="s">
        <v>56278</v>
      </c>
      <c r="H14892" s="1" t="s">
        <v>56279</v>
      </c>
      <c r="I14892" s="1" t="s">
        <v>53800</v>
      </c>
      <c r="J14892" s="1" t="s">
        <v>56299</v>
      </c>
    </row>
    <row r="14893" spans="1:10" x14ac:dyDescent="0.35">
      <c r="A14893" s="1" t="s">
        <v>56275</v>
      </c>
      <c r="B14893" s="1" t="s">
        <v>53796</v>
      </c>
      <c r="C14893" s="1" t="s">
        <v>50</v>
      </c>
      <c r="D14893" s="1" t="s">
        <v>56300</v>
      </c>
      <c r="E14893" s="1" t="s">
        <v>24363</v>
      </c>
      <c r="F14893" s="1" t="s">
        <v>56301</v>
      </c>
      <c r="G14893" s="1" t="s">
        <v>56278</v>
      </c>
      <c r="H14893" s="1" t="s">
        <v>56279</v>
      </c>
      <c r="I14893" s="1" t="s">
        <v>53800</v>
      </c>
      <c r="J14893" s="1" t="s">
        <v>56302</v>
      </c>
    </row>
    <row r="14894" spans="1:10" x14ac:dyDescent="0.35">
      <c r="A14894" s="1" t="s">
        <v>56275</v>
      </c>
      <c r="B14894" s="1" t="s">
        <v>53796</v>
      </c>
      <c r="C14894" s="1" t="s">
        <v>55</v>
      </c>
      <c r="D14894" s="1" t="s">
        <v>56303</v>
      </c>
      <c r="E14894" s="1" t="s">
        <v>56304</v>
      </c>
      <c r="F14894" s="1" t="s">
        <v>56305</v>
      </c>
      <c r="G14894" s="1" t="s">
        <v>56278</v>
      </c>
      <c r="H14894" s="1" t="s">
        <v>56279</v>
      </c>
      <c r="I14894" s="1" t="s">
        <v>53800</v>
      </c>
      <c r="J14894" s="1" t="s">
        <v>56306</v>
      </c>
    </row>
    <row r="14895" spans="1:10" x14ac:dyDescent="0.35">
      <c r="A14895" s="1" t="s">
        <v>56275</v>
      </c>
      <c r="B14895" s="1" t="s">
        <v>53796</v>
      </c>
      <c r="C14895" s="1" t="s">
        <v>60</v>
      </c>
      <c r="D14895" s="1" t="s">
        <v>56307</v>
      </c>
      <c r="E14895" s="1" t="s">
        <v>41344</v>
      </c>
      <c r="F14895" s="1" t="s">
        <v>56308</v>
      </c>
      <c r="G14895" s="1" t="s">
        <v>56278</v>
      </c>
      <c r="H14895" s="1" t="s">
        <v>56279</v>
      </c>
      <c r="I14895" s="1" t="s">
        <v>53800</v>
      </c>
      <c r="J14895" s="1" t="s">
        <v>56309</v>
      </c>
    </row>
    <row r="14896" spans="1:10" x14ac:dyDescent="0.35">
      <c r="A14896" s="1" t="s">
        <v>56275</v>
      </c>
      <c r="B14896" s="1" t="s">
        <v>53796</v>
      </c>
      <c r="C14896" s="1" t="s">
        <v>65</v>
      </c>
      <c r="D14896" s="1" t="s">
        <v>56310</v>
      </c>
      <c r="E14896" s="1" t="s">
        <v>56311</v>
      </c>
      <c r="F14896" s="1" t="s">
        <v>56312</v>
      </c>
      <c r="G14896" s="1" t="s">
        <v>56278</v>
      </c>
      <c r="H14896" s="1" t="s">
        <v>56279</v>
      </c>
      <c r="I14896" s="1" t="s">
        <v>53800</v>
      </c>
      <c r="J14896" s="1" t="s">
        <v>56313</v>
      </c>
    </row>
    <row r="14897" spans="1:10" x14ac:dyDescent="0.35">
      <c r="A14897" s="1" t="s">
        <v>56275</v>
      </c>
      <c r="B14897" s="1" t="s">
        <v>53796</v>
      </c>
      <c r="C14897" s="1" t="s">
        <v>70</v>
      </c>
      <c r="D14897" s="1" t="s">
        <v>56314</v>
      </c>
      <c r="E14897" s="1" t="s">
        <v>54059</v>
      </c>
      <c r="F14897" s="1" t="s">
        <v>56315</v>
      </c>
      <c r="G14897" s="1" t="s">
        <v>56278</v>
      </c>
      <c r="H14897" s="1" t="s">
        <v>56279</v>
      </c>
      <c r="I14897" s="1" t="s">
        <v>53800</v>
      </c>
      <c r="J14897" s="1" t="s">
        <v>56316</v>
      </c>
    </row>
    <row r="14898" spans="1:10" x14ac:dyDescent="0.35">
      <c r="A14898" s="1" t="s">
        <v>56275</v>
      </c>
      <c r="B14898" s="1" t="s">
        <v>53796</v>
      </c>
      <c r="C14898" s="1" t="s">
        <v>75</v>
      </c>
      <c r="D14898" s="1" t="s">
        <v>56317</v>
      </c>
      <c r="E14898" s="1" t="s">
        <v>24178</v>
      </c>
      <c r="F14898" s="1" t="s">
        <v>56318</v>
      </c>
      <c r="G14898" s="1" t="s">
        <v>56278</v>
      </c>
      <c r="H14898" s="1" t="s">
        <v>56279</v>
      </c>
      <c r="I14898" s="1" t="s">
        <v>53800</v>
      </c>
      <c r="J14898" s="1" t="s">
        <v>56319</v>
      </c>
    </row>
    <row r="14899" spans="1:10" x14ac:dyDescent="0.35">
      <c r="A14899" s="1" t="s">
        <v>56275</v>
      </c>
      <c r="B14899" s="1" t="s">
        <v>53796</v>
      </c>
      <c r="C14899" s="1" t="s">
        <v>80</v>
      </c>
      <c r="D14899" s="1" t="s">
        <v>56320</v>
      </c>
      <c r="E14899" s="1" t="s">
        <v>56321</v>
      </c>
      <c r="F14899" s="1" t="s">
        <v>56322</v>
      </c>
      <c r="G14899" s="1" t="s">
        <v>56278</v>
      </c>
      <c r="H14899" s="1" t="s">
        <v>56279</v>
      </c>
      <c r="I14899" s="1" t="s">
        <v>53800</v>
      </c>
      <c r="J14899" s="1" t="s">
        <v>56323</v>
      </c>
    </row>
    <row r="14900" spans="1:10" x14ac:dyDescent="0.35">
      <c r="A14900" s="1" t="s">
        <v>56275</v>
      </c>
      <c r="B14900" s="1" t="s">
        <v>53796</v>
      </c>
      <c r="C14900" s="1" t="s">
        <v>85</v>
      </c>
      <c r="D14900" s="1" t="s">
        <v>56324</v>
      </c>
      <c r="E14900" s="1" t="s">
        <v>56325</v>
      </c>
      <c r="F14900" s="1" t="s">
        <v>56326</v>
      </c>
      <c r="G14900" s="1" t="s">
        <v>56278</v>
      </c>
      <c r="H14900" s="1" t="s">
        <v>56279</v>
      </c>
      <c r="I14900" s="1" t="s">
        <v>53800</v>
      </c>
      <c r="J14900" s="1" t="s">
        <v>56327</v>
      </c>
    </row>
    <row r="14901" spans="1:10" x14ac:dyDescent="0.35">
      <c r="A14901" s="1" t="s">
        <v>56275</v>
      </c>
      <c r="B14901" s="1" t="s">
        <v>53796</v>
      </c>
      <c r="C14901" s="1" t="s">
        <v>90</v>
      </c>
      <c r="D14901" s="1" t="s">
        <v>56328</v>
      </c>
      <c r="E14901" s="1" t="s">
        <v>21960</v>
      </c>
      <c r="F14901" s="1" t="s">
        <v>56329</v>
      </c>
      <c r="G14901" s="1" t="s">
        <v>56278</v>
      </c>
      <c r="H14901" s="1" t="s">
        <v>56279</v>
      </c>
      <c r="I14901" s="1" t="s">
        <v>53800</v>
      </c>
      <c r="J14901" s="1" t="s">
        <v>56330</v>
      </c>
    </row>
    <row r="14902" spans="1:10" x14ac:dyDescent="0.35">
      <c r="A14902" s="1" t="s">
        <v>56275</v>
      </c>
      <c r="B14902" s="1" t="s">
        <v>53796</v>
      </c>
      <c r="C14902" s="1" t="s">
        <v>95</v>
      </c>
      <c r="D14902" s="1" t="s">
        <v>56331</v>
      </c>
      <c r="E14902" s="1" t="s">
        <v>15209</v>
      </c>
      <c r="F14902" s="1" t="s">
        <v>56332</v>
      </c>
      <c r="G14902" s="1" t="s">
        <v>56278</v>
      </c>
      <c r="H14902" s="1" t="s">
        <v>56279</v>
      </c>
      <c r="I14902" s="1" t="s">
        <v>53800</v>
      </c>
      <c r="J14902" s="1" t="s">
        <v>56333</v>
      </c>
    </row>
    <row r="14903" spans="1:10" x14ac:dyDescent="0.35">
      <c r="A14903" s="1" t="s">
        <v>56275</v>
      </c>
      <c r="B14903" s="1" t="s">
        <v>53796</v>
      </c>
      <c r="C14903" s="1" t="s">
        <v>100</v>
      </c>
      <c r="D14903" s="1" t="s">
        <v>56334</v>
      </c>
      <c r="E14903" s="1" t="s">
        <v>21787</v>
      </c>
      <c r="F14903" s="1" t="s">
        <v>56335</v>
      </c>
      <c r="G14903" s="1" t="s">
        <v>56278</v>
      </c>
      <c r="H14903" s="1" t="s">
        <v>56279</v>
      </c>
      <c r="I14903" s="1" t="s">
        <v>53800</v>
      </c>
      <c r="J14903" s="1" t="s">
        <v>56336</v>
      </c>
    </row>
    <row r="14904" spans="1:10" x14ac:dyDescent="0.35">
      <c r="A14904" s="1" t="s">
        <v>56275</v>
      </c>
      <c r="B14904" s="1" t="s">
        <v>53796</v>
      </c>
      <c r="C14904" s="1" t="s">
        <v>105</v>
      </c>
      <c r="D14904" s="1" t="s">
        <v>56337</v>
      </c>
      <c r="E14904" s="1" t="s">
        <v>54482</v>
      </c>
      <c r="F14904" s="1" t="s">
        <v>56338</v>
      </c>
      <c r="G14904" s="1" t="s">
        <v>56278</v>
      </c>
      <c r="H14904" s="1" t="s">
        <v>56279</v>
      </c>
      <c r="I14904" s="1" t="s">
        <v>53800</v>
      </c>
      <c r="J14904" s="1" t="s">
        <v>56339</v>
      </c>
    </row>
    <row r="14905" spans="1:10" x14ac:dyDescent="0.35">
      <c r="A14905" s="1" t="s">
        <v>56275</v>
      </c>
      <c r="B14905" s="1" t="s">
        <v>53796</v>
      </c>
      <c r="C14905" s="1" t="s">
        <v>110</v>
      </c>
      <c r="D14905" s="1" t="s">
        <v>56340</v>
      </c>
      <c r="E14905" s="1" t="s">
        <v>55862</v>
      </c>
      <c r="F14905" s="1" t="s">
        <v>56341</v>
      </c>
      <c r="G14905" s="1" t="s">
        <v>56278</v>
      </c>
      <c r="H14905" s="1" t="s">
        <v>56279</v>
      </c>
      <c r="I14905" s="1" t="s">
        <v>53800</v>
      </c>
      <c r="J14905" s="1" t="s">
        <v>56342</v>
      </c>
    </row>
    <row r="14906" spans="1:10" x14ac:dyDescent="0.35">
      <c r="A14906" s="1" t="s">
        <v>56275</v>
      </c>
      <c r="B14906" s="1" t="s">
        <v>53796</v>
      </c>
      <c r="C14906" s="1" t="s">
        <v>115</v>
      </c>
      <c r="D14906" s="1" t="s">
        <v>20634</v>
      </c>
      <c r="E14906" s="1" t="s">
        <v>23404</v>
      </c>
      <c r="F14906" s="1" t="s">
        <v>56343</v>
      </c>
      <c r="G14906" s="1" t="s">
        <v>56278</v>
      </c>
      <c r="H14906" s="1" t="s">
        <v>56279</v>
      </c>
      <c r="I14906" s="1" t="s">
        <v>53800</v>
      </c>
      <c r="J14906" s="1" t="s">
        <v>56344</v>
      </c>
    </row>
    <row r="14907" spans="1:10" x14ac:dyDescent="0.35">
      <c r="A14907" s="1" t="s">
        <v>56275</v>
      </c>
      <c r="B14907" s="1" t="s">
        <v>53796</v>
      </c>
      <c r="C14907" s="1" t="s">
        <v>120</v>
      </c>
      <c r="D14907" s="1" t="s">
        <v>21913</v>
      </c>
      <c r="E14907" s="1" t="s">
        <v>56345</v>
      </c>
      <c r="F14907" s="1" t="s">
        <v>56346</v>
      </c>
      <c r="G14907" s="1" t="s">
        <v>56278</v>
      </c>
      <c r="H14907" s="1" t="s">
        <v>56279</v>
      </c>
      <c r="I14907" s="1" t="s">
        <v>53800</v>
      </c>
      <c r="J14907" s="1" t="s">
        <v>56347</v>
      </c>
    </row>
    <row r="14908" spans="1:10" x14ac:dyDescent="0.35">
      <c r="A14908" s="1" t="s">
        <v>56275</v>
      </c>
      <c r="B14908" s="1" t="s">
        <v>53796</v>
      </c>
      <c r="C14908" s="1" t="s">
        <v>125</v>
      </c>
      <c r="D14908" s="1" t="s">
        <v>21643</v>
      </c>
      <c r="E14908" s="1" t="s">
        <v>21981</v>
      </c>
      <c r="F14908" s="1" t="s">
        <v>56348</v>
      </c>
      <c r="G14908" s="1" t="s">
        <v>56278</v>
      </c>
      <c r="H14908" s="1" t="s">
        <v>56279</v>
      </c>
      <c r="I14908" s="1" t="s">
        <v>53800</v>
      </c>
      <c r="J14908" s="1" t="s">
        <v>56349</v>
      </c>
    </row>
    <row r="14909" spans="1:10" x14ac:dyDescent="0.35">
      <c r="A14909" s="1" t="s">
        <v>56275</v>
      </c>
      <c r="B14909" s="1" t="s">
        <v>53796</v>
      </c>
      <c r="C14909" s="1" t="s">
        <v>130</v>
      </c>
      <c r="D14909" s="1" t="s">
        <v>56350</v>
      </c>
      <c r="E14909" s="1" t="s">
        <v>56351</v>
      </c>
      <c r="F14909" s="1" t="s">
        <v>56352</v>
      </c>
      <c r="G14909" s="1" t="s">
        <v>56278</v>
      </c>
      <c r="H14909" s="1" t="s">
        <v>56279</v>
      </c>
      <c r="I14909" s="1" t="s">
        <v>53800</v>
      </c>
      <c r="J14909" s="1" t="s">
        <v>56353</v>
      </c>
    </row>
    <row r="14910" spans="1:10" x14ac:dyDescent="0.35">
      <c r="A14910" s="1" t="s">
        <v>56275</v>
      </c>
      <c r="B14910" s="1" t="s">
        <v>53796</v>
      </c>
      <c r="C14910" s="1" t="s">
        <v>135</v>
      </c>
      <c r="D14910" s="1" t="s">
        <v>56354</v>
      </c>
      <c r="E14910" s="1" t="s">
        <v>41356</v>
      </c>
      <c r="F14910" s="1" t="s">
        <v>56355</v>
      </c>
      <c r="G14910" s="1" t="s">
        <v>56278</v>
      </c>
      <c r="H14910" s="1" t="s">
        <v>56279</v>
      </c>
      <c r="I14910" s="1" t="s">
        <v>53800</v>
      </c>
      <c r="J14910" s="1" t="s">
        <v>56356</v>
      </c>
    </row>
    <row r="14911" spans="1:10" x14ac:dyDescent="0.35">
      <c r="A14911" s="1" t="s">
        <v>56275</v>
      </c>
      <c r="B14911" s="1" t="s">
        <v>53796</v>
      </c>
      <c r="C14911" s="1" t="s">
        <v>140</v>
      </c>
      <c r="D14911" s="1" t="s">
        <v>56357</v>
      </c>
      <c r="E14911" s="1" t="s">
        <v>15252</v>
      </c>
      <c r="F14911" s="1" t="s">
        <v>56358</v>
      </c>
      <c r="G14911" s="1" t="s">
        <v>56278</v>
      </c>
      <c r="H14911" s="1" t="s">
        <v>56279</v>
      </c>
      <c r="I14911" s="1" t="s">
        <v>53800</v>
      </c>
      <c r="J14911" s="1" t="s">
        <v>56359</v>
      </c>
    </row>
    <row r="14912" spans="1:10" x14ac:dyDescent="0.35">
      <c r="A14912" s="1" t="s">
        <v>56275</v>
      </c>
      <c r="B14912" s="1" t="s">
        <v>53796</v>
      </c>
      <c r="C14912" s="1" t="s">
        <v>145</v>
      </c>
      <c r="D14912" s="1" t="s">
        <v>56360</v>
      </c>
      <c r="E14912" s="1" t="s">
        <v>16146</v>
      </c>
      <c r="F14912" s="1" t="s">
        <v>56361</v>
      </c>
      <c r="G14912" s="1" t="s">
        <v>56278</v>
      </c>
      <c r="H14912" s="1" t="s">
        <v>56279</v>
      </c>
      <c r="I14912" s="1" t="s">
        <v>53800</v>
      </c>
      <c r="J14912" s="1" t="s">
        <v>56362</v>
      </c>
    </row>
    <row r="14913" spans="1:10" x14ac:dyDescent="0.35">
      <c r="A14913" s="1" t="s">
        <v>56275</v>
      </c>
      <c r="B14913" s="1" t="s">
        <v>53796</v>
      </c>
      <c r="C14913" s="1" t="s">
        <v>150</v>
      </c>
      <c r="D14913" s="1" t="s">
        <v>56363</v>
      </c>
      <c r="E14913" s="1" t="s">
        <v>32065</v>
      </c>
      <c r="F14913" s="1" t="s">
        <v>56364</v>
      </c>
      <c r="G14913" s="1" t="s">
        <v>56278</v>
      </c>
      <c r="H14913" s="1" t="s">
        <v>56279</v>
      </c>
      <c r="I14913" s="1" t="s">
        <v>53800</v>
      </c>
      <c r="J14913" s="1" t="s">
        <v>56365</v>
      </c>
    </row>
    <row r="14914" spans="1:10" x14ac:dyDescent="0.35">
      <c r="A14914" s="1" t="s">
        <v>56275</v>
      </c>
      <c r="B14914" s="1" t="s">
        <v>53796</v>
      </c>
      <c r="C14914" s="1" t="s">
        <v>155</v>
      </c>
      <c r="D14914" s="1" t="s">
        <v>56366</v>
      </c>
      <c r="E14914" s="1" t="s">
        <v>16168</v>
      </c>
      <c r="F14914" s="1" t="s">
        <v>56367</v>
      </c>
      <c r="G14914" s="1" t="s">
        <v>56278</v>
      </c>
      <c r="H14914" s="1" t="s">
        <v>56279</v>
      </c>
      <c r="I14914" s="1" t="s">
        <v>53800</v>
      </c>
      <c r="J14914" s="1" t="s">
        <v>56368</v>
      </c>
    </row>
    <row r="14915" spans="1:10" x14ac:dyDescent="0.35">
      <c r="A14915" s="1" t="s">
        <v>56275</v>
      </c>
      <c r="B14915" s="1" t="s">
        <v>53796</v>
      </c>
      <c r="C14915" s="1" t="s">
        <v>160</v>
      </c>
      <c r="D14915" s="1" t="s">
        <v>56369</v>
      </c>
      <c r="E14915" s="1" t="s">
        <v>54478</v>
      </c>
      <c r="F14915" s="1" t="s">
        <v>56370</v>
      </c>
      <c r="G14915" s="1" t="s">
        <v>56278</v>
      </c>
      <c r="H14915" s="1" t="s">
        <v>56279</v>
      </c>
      <c r="I14915" s="1" t="s">
        <v>53800</v>
      </c>
      <c r="J14915" s="1" t="s">
        <v>56371</v>
      </c>
    </row>
    <row r="14916" spans="1:10" x14ac:dyDescent="0.35">
      <c r="A14916" s="1" t="s">
        <v>56275</v>
      </c>
      <c r="B14916" s="1" t="s">
        <v>53796</v>
      </c>
      <c r="C14916" s="1" t="s">
        <v>165</v>
      </c>
      <c r="D14916" s="1" t="s">
        <v>56372</v>
      </c>
      <c r="E14916" s="1" t="s">
        <v>41442</v>
      </c>
      <c r="F14916" s="1" t="s">
        <v>56373</v>
      </c>
      <c r="G14916" s="1" t="s">
        <v>56278</v>
      </c>
      <c r="H14916" s="1" t="s">
        <v>56279</v>
      </c>
      <c r="I14916" s="1" t="s">
        <v>53800</v>
      </c>
      <c r="J14916" s="1" t="s">
        <v>56374</v>
      </c>
    </row>
    <row r="14917" spans="1:10" x14ac:dyDescent="0.35">
      <c r="A14917" s="1" t="s">
        <v>56275</v>
      </c>
      <c r="B14917" s="1" t="s">
        <v>53796</v>
      </c>
      <c r="C14917" s="1" t="s">
        <v>170</v>
      </c>
      <c r="D14917" s="1" t="s">
        <v>56375</v>
      </c>
      <c r="E14917" s="1" t="s">
        <v>41226</v>
      </c>
      <c r="F14917" s="1" t="s">
        <v>56376</v>
      </c>
      <c r="G14917" s="1" t="s">
        <v>56278</v>
      </c>
      <c r="H14917" s="1" t="s">
        <v>56279</v>
      </c>
      <c r="I14917" s="1" t="s">
        <v>53800</v>
      </c>
      <c r="J14917" s="1" t="s">
        <v>56377</v>
      </c>
    </row>
    <row r="14918" spans="1:10" x14ac:dyDescent="0.35">
      <c r="A14918" s="1" t="s">
        <v>56378</v>
      </c>
      <c r="B14918" s="1" t="s">
        <v>53796</v>
      </c>
      <c r="C14918" s="1" t="s">
        <v>8</v>
      </c>
      <c r="D14918" s="1" t="s">
        <v>56379</v>
      </c>
      <c r="E14918" s="1" t="s">
        <v>31445</v>
      </c>
      <c r="F14918" s="1" t="s">
        <v>56380</v>
      </c>
      <c r="G14918" s="1" t="s">
        <v>56381</v>
      </c>
      <c r="H14918" s="1" t="s">
        <v>56382</v>
      </c>
      <c r="I14918" s="1" t="s">
        <v>53800</v>
      </c>
      <c r="J14918" s="1" t="s">
        <v>13</v>
      </c>
    </row>
    <row r="14919" spans="1:10" x14ac:dyDescent="0.35">
      <c r="A14919" s="1" t="s">
        <v>56378</v>
      </c>
      <c r="B14919" s="1" t="s">
        <v>53796</v>
      </c>
      <c r="C14919" s="1" t="s">
        <v>15</v>
      </c>
      <c r="D14919" s="1" t="s">
        <v>56383</v>
      </c>
      <c r="E14919" s="1" t="s">
        <v>32351</v>
      </c>
      <c r="F14919" s="1" t="s">
        <v>56384</v>
      </c>
      <c r="G14919" s="1" t="s">
        <v>56381</v>
      </c>
      <c r="H14919" s="1" t="s">
        <v>56382</v>
      </c>
      <c r="I14919" s="1" t="s">
        <v>53800</v>
      </c>
      <c r="J14919" s="1" t="s">
        <v>56385</v>
      </c>
    </row>
    <row r="14920" spans="1:10" x14ac:dyDescent="0.35">
      <c r="A14920" s="1" t="s">
        <v>56378</v>
      </c>
      <c r="B14920" s="1" t="s">
        <v>53796</v>
      </c>
      <c r="C14920" s="1" t="s">
        <v>20</v>
      </c>
      <c r="D14920" s="1" t="s">
        <v>55653</v>
      </c>
      <c r="E14920" s="1" t="s">
        <v>54103</v>
      </c>
      <c r="F14920" s="1" t="s">
        <v>56386</v>
      </c>
      <c r="G14920" s="1" t="s">
        <v>56381</v>
      </c>
      <c r="H14920" s="1" t="s">
        <v>56382</v>
      </c>
      <c r="I14920" s="1" t="s">
        <v>53800</v>
      </c>
      <c r="J14920" s="1" t="s">
        <v>56387</v>
      </c>
    </row>
    <row r="14921" spans="1:10" x14ac:dyDescent="0.35">
      <c r="A14921" s="1" t="s">
        <v>56378</v>
      </c>
      <c r="B14921" s="1" t="s">
        <v>53796</v>
      </c>
      <c r="C14921" s="1" t="s">
        <v>25</v>
      </c>
      <c r="D14921" s="1" t="s">
        <v>56388</v>
      </c>
      <c r="E14921" s="1" t="s">
        <v>56389</v>
      </c>
      <c r="F14921" s="1" t="s">
        <v>56390</v>
      </c>
      <c r="G14921" s="1" t="s">
        <v>56381</v>
      </c>
      <c r="H14921" s="1" t="s">
        <v>56382</v>
      </c>
      <c r="I14921" s="1" t="s">
        <v>53800</v>
      </c>
      <c r="J14921" s="1" t="s">
        <v>56391</v>
      </c>
    </row>
    <row r="14922" spans="1:10" x14ac:dyDescent="0.35">
      <c r="A14922" s="1" t="s">
        <v>56378</v>
      </c>
      <c r="B14922" s="1" t="s">
        <v>53796</v>
      </c>
      <c r="C14922" s="1" t="s">
        <v>30</v>
      </c>
      <c r="D14922" s="1" t="s">
        <v>56392</v>
      </c>
      <c r="E14922" s="1" t="s">
        <v>56393</v>
      </c>
      <c r="F14922" s="1" t="s">
        <v>56394</v>
      </c>
      <c r="G14922" s="1" t="s">
        <v>56381</v>
      </c>
      <c r="H14922" s="1" t="s">
        <v>56382</v>
      </c>
      <c r="I14922" s="1" t="s">
        <v>53800</v>
      </c>
      <c r="J14922" s="1" t="s">
        <v>56395</v>
      </c>
    </row>
    <row r="14923" spans="1:10" x14ac:dyDescent="0.35">
      <c r="A14923" s="1" t="s">
        <v>56378</v>
      </c>
      <c r="B14923" s="1" t="s">
        <v>53796</v>
      </c>
      <c r="C14923" s="1" t="s">
        <v>35</v>
      </c>
      <c r="D14923" s="1" t="s">
        <v>56396</v>
      </c>
      <c r="E14923" s="1" t="s">
        <v>56397</v>
      </c>
      <c r="F14923" s="1" t="s">
        <v>56398</v>
      </c>
      <c r="G14923" s="1" t="s">
        <v>56381</v>
      </c>
      <c r="H14923" s="1" t="s">
        <v>56382</v>
      </c>
      <c r="I14923" s="1" t="s">
        <v>53800</v>
      </c>
      <c r="J14923" s="1" t="s">
        <v>56399</v>
      </c>
    </row>
    <row r="14924" spans="1:10" x14ac:dyDescent="0.35">
      <c r="A14924" s="1" t="s">
        <v>56378</v>
      </c>
      <c r="B14924" s="1" t="s">
        <v>53796</v>
      </c>
      <c r="C14924" s="1" t="s">
        <v>40</v>
      </c>
      <c r="D14924" s="1" t="s">
        <v>56400</v>
      </c>
      <c r="E14924" s="1" t="s">
        <v>23383</v>
      </c>
      <c r="F14924" s="1" t="s">
        <v>56401</v>
      </c>
      <c r="G14924" s="1" t="s">
        <v>56381</v>
      </c>
      <c r="H14924" s="1" t="s">
        <v>56382</v>
      </c>
      <c r="I14924" s="1" t="s">
        <v>53800</v>
      </c>
      <c r="J14924" s="1" t="s">
        <v>56402</v>
      </c>
    </row>
    <row r="14925" spans="1:10" x14ac:dyDescent="0.35">
      <c r="A14925" s="1" t="s">
        <v>56378</v>
      </c>
      <c r="B14925" s="1" t="s">
        <v>53796</v>
      </c>
      <c r="C14925" s="1" t="s">
        <v>45</v>
      </c>
      <c r="D14925" s="1" t="s">
        <v>56403</v>
      </c>
      <c r="E14925" s="1" t="s">
        <v>56404</v>
      </c>
      <c r="F14925" s="1" t="s">
        <v>56405</v>
      </c>
      <c r="G14925" s="1" t="s">
        <v>56381</v>
      </c>
      <c r="H14925" s="1" t="s">
        <v>56382</v>
      </c>
      <c r="I14925" s="1" t="s">
        <v>53800</v>
      </c>
      <c r="J14925" s="1" t="s">
        <v>56406</v>
      </c>
    </row>
    <row r="14926" spans="1:10" x14ac:dyDescent="0.35">
      <c r="A14926" s="1" t="s">
        <v>56378</v>
      </c>
      <c r="B14926" s="1" t="s">
        <v>53796</v>
      </c>
      <c r="C14926" s="1" t="s">
        <v>50</v>
      </c>
      <c r="D14926" s="1" t="s">
        <v>56407</v>
      </c>
      <c r="E14926" s="1" t="s">
        <v>16125</v>
      </c>
      <c r="F14926" s="1" t="s">
        <v>56408</v>
      </c>
      <c r="G14926" s="1" t="s">
        <v>56381</v>
      </c>
      <c r="H14926" s="1" t="s">
        <v>56382</v>
      </c>
      <c r="I14926" s="1" t="s">
        <v>53800</v>
      </c>
      <c r="J14926" s="1" t="s">
        <v>56409</v>
      </c>
    </row>
    <row r="14927" spans="1:10" x14ac:dyDescent="0.35">
      <c r="A14927" s="1" t="s">
        <v>56378</v>
      </c>
      <c r="B14927" s="1" t="s">
        <v>53796</v>
      </c>
      <c r="C14927" s="1" t="s">
        <v>55</v>
      </c>
      <c r="D14927" s="1" t="s">
        <v>2706</v>
      </c>
      <c r="E14927" s="1" t="s">
        <v>22267</v>
      </c>
      <c r="F14927" s="1" t="s">
        <v>56410</v>
      </c>
      <c r="G14927" s="1" t="s">
        <v>56381</v>
      </c>
      <c r="H14927" s="1" t="s">
        <v>56382</v>
      </c>
      <c r="I14927" s="1" t="s">
        <v>53800</v>
      </c>
      <c r="J14927" s="1" t="s">
        <v>56411</v>
      </c>
    </row>
    <row r="14928" spans="1:10" x14ac:dyDescent="0.35">
      <c r="A14928" s="1" t="s">
        <v>56378</v>
      </c>
      <c r="B14928" s="1" t="s">
        <v>53796</v>
      </c>
      <c r="C14928" s="1" t="s">
        <v>60</v>
      </c>
      <c r="D14928" s="1" t="s">
        <v>56412</v>
      </c>
      <c r="E14928" s="1" t="s">
        <v>31757</v>
      </c>
      <c r="F14928" s="1" t="s">
        <v>56413</v>
      </c>
      <c r="G14928" s="1" t="s">
        <v>56381</v>
      </c>
      <c r="H14928" s="1" t="s">
        <v>56382</v>
      </c>
      <c r="I14928" s="1" t="s">
        <v>53800</v>
      </c>
      <c r="J14928" s="1" t="s">
        <v>56414</v>
      </c>
    </row>
    <row r="14929" spans="1:10" x14ac:dyDescent="0.35">
      <c r="A14929" s="1" t="s">
        <v>56378</v>
      </c>
      <c r="B14929" s="1" t="s">
        <v>53796</v>
      </c>
      <c r="C14929" s="1" t="s">
        <v>65</v>
      </c>
      <c r="D14929" s="1" t="s">
        <v>56415</v>
      </c>
      <c r="E14929" s="1" t="s">
        <v>22091</v>
      </c>
      <c r="F14929" s="1" t="s">
        <v>56416</v>
      </c>
      <c r="G14929" s="1" t="s">
        <v>56381</v>
      </c>
      <c r="H14929" s="1" t="s">
        <v>56382</v>
      </c>
      <c r="I14929" s="1" t="s">
        <v>53800</v>
      </c>
      <c r="J14929" s="1" t="s">
        <v>56417</v>
      </c>
    </row>
    <row r="14930" spans="1:10" x14ac:dyDescent="0.35">
      <c r="A14930" s="1" t="s">
        <v>56378</v>
      </c>
      <c r="B14930" s="1" t="s">
        <v>53796</v>
      </c>
      <c r="C14930" s="1" t="s">
        <v>70</v>
      </c>
      <c r="D14930" s="1" t="s">
        <v>56418</v>
      </c>
      <c r="E14930" s="1" t="s">
        <v>22099</v>
      </c>
      <c r="F14930" s="1" t="s">
        <v>56419</v>
      </c>
      <c r="G14930" s="1" t="s">
        <v>56381</v>
      </c>
      <c r="H14930" s="1" t="s">
        <v>56382</v>
      </c>
      <c r="I14930" s="1" t="s">
        <v>53800</v>
      </c>
      <c r="J14930" s="1" t="s">
        <v>56420</v>
      </c>
    </row>
    <row r="14931" spans="1:10" x14ac:dyDescent="0.35">
      <c r="A14931" s="1" t="s">
        <v>56378</v>
      </c>
      <c r="B14931" s="1" t="s">
        <v>53796</v>
      </c>
      <c r="C14931" s="1" t="s">
        <v>75</v>
      </c>
      <c r="D14931" s="1" t="s">
        <v>56421</v>
      </c>
      <c r="E14931" s="1" t="s">
        <v>32065</v>
      </c>
      <c r="F14931" s="1" t="s">
        <v>56422</v>
      </c>
      <c r="G14931" s="1" t="s">
        <v>56381</v>
      </c>
      <c r="H14931" s="1" t="s">
        <v>56382</v>
      </c>
      <c r="I14931" s="1" t="s">
        <v>53800</v>
      </c>
      <c r="J14931" s="1" t="s">
        <v>56423</v>
      </c>
    </row>
    <row r="14932" spans="1:10" x14ac:dyDescent="0.35">
      <c r="A14932" s="1" t="s">
        <v>56378</v>
      </c>
      <c r="B14932" s="1" t="s">
        <v>53796</v>
      </c>
      <c r="C14932" s="1" t="s">
        <v>80</v>
      </c>
      <c r="D14932" s="1" t="s">
        <v>56424</v>
      </c>
      <c r="E14932" s="1" t="s">
        <v>23521</v>
      </c>
      <c r="F14932" s="1" t="s">
        <v>56425</v>
      </c>
      <c r="G14932" s="1" t="s">
        <v>56381</v>
      </c>
      <c r="H14932" s="1" t="s">
        <v>56382</v>
      </c>
      <c r="I14932" s="1" t="s">
        <v>53800</v>
      </c>
      <c r="J14932" s="1" t="s">
        <v>56426</v>
      </c>
    </row>
    <row r="14933" spans="1:10" x14ac:dyDescent="0.35">
      <c r="A14933" s="1" t="s">
        <v>56378</v>
      </c>
      <c r="B14933" s="1" t="s">
        <v>53796</v>
      </c>
      <c r="C14933" s="1" t="s">
        <v>85</v>
      </c>
      <c r="D14933" s="1" t="s">
        <v>56427</v>
      </c>
      <c r="E14933" s="1" t="s">
        <v>23168</v>
      </c>
      <c r="F14933" s="1" t="s">
        <v>56428</v>
      </c>
      <c r="G14933" s="1" t="s">
        <v>56381</v>
      </c>
      <c r="H14933" s="1" t="s">
        <v>56382</v>
      </c>
      <c r="I14933" s="1" t="s">
        <v>53800</v>
      </c>
      <c r="J14933" s="1" t="s">
        <v>56429</v>
      </c>
    </row>
    <row r="14934" spans="1:10" x14ac:dyDescent="0.35">
      <c r="A14934" s="1" t="s">
        <v>56378</v>
      </c>
      <c r="B14934" s="1" t="s">
        <v>53796</v>
      </c>
      <c r="C14934" s="1" t="s">
        <v>90</v>
      </c>
      <c r="D14934" s="1" t="s">
        <v>56430</v>
      </c>
      <c r="E14934" s="1" t="s">
        <v>22294</v>
      </c>
      <c r="F14934" s="1" t="s">
        <v>56431</v>
      </c>
      <c r="G14934" s="1" t="s">
        <v>56381</v>
      </c>
      <c r="H14934" s="1" t="s">
        <v>56382</v>
      </c>
      <c r="I14934" s="1" t="s">
        <v>53800</v>
      </c>
      <c r="J14934" s="1" t="s">
        <v>56432</v>
      </c>
    </row>
    <row r="14935" spans="1:10" x14ac:dyDescent="0.35">
      <c r="A14935" s="1" t="s">
        <v>56378</v>
      </c>
      <c r="B14935" s="1" t="s">
        <v>53796</v>
      </c>
      <c r="C14935" s="1" t="s">
        <v>95</v>
      </c>
      <c r="D14935" s="1" t="s">
        <v>56433</v>
      </c>
      <c r="E14935" s="1" t="s">
        <v>54118</v>
      </c>
      <c r="F14935" s="1" t="s">
        <v>56434</v>
      </c>
      <c r="G14935" s="1" t="s">
        <v>56381</v>
      </c>
      <c r="H14935" s="1" t="s">
        <v>56382</v>
      </c>
      <c r="I14935" s="1" t="s">
        <v>53800</v>
      </c>
      <c r="J14935" s="1" t="s">
        <v>56435</v>
      </c>
    </row>
    <row r="14936" spans="1:10" x14ac:dyDescent="0.35">
      <c r="A14936" s="1" t="s">
        <v>56378</v>
      </c>
      <c r="B14936" s="1" t="s">
        <v>53796</v>
      </c>
      <c r="C14936" s="1" t="s">
        <v>100</v>
      </c>
      <c r="D14936" s="1" t="s">
        <v>56436</v>
      </c>
      <c r="E14936" s="1" t="s">
        <v>53876</v>
      </c>
      <c r="F14936" s="1" t="s">
        <v>56437</v>
      </c>
      <c r="G14936" s="1" t="s">
        <v>56381</v>
      </c>
      <c r="H14936" s="1" t="s">
        <v>56382</v>
      </c>
      <c r="I14936" s="1" t="s">
        <v>53800</v>
      </c>
      <c r="J14936" s="1" t="s">
        <v>56438</v>
      </c>
    </row>
    <row r="14937" spans="1:10" x14ac:dyDescent="0.35">
      <c r="A14937" s="1" t="s">
        <v>56378</v>
      </c>
      <c r="B14937" s="1" t="s">
        <v>53796</v>
      </c>
      <c r="C14937" s="1" t="s">
        <v>105</v>
      </c>
      <c r="D14937" s="1" t="s">
        <v>56439</v>
      </c>
      <c r="E14937" s="1" t="s">
        <v>31394</v>
      </c>
      <c r="F14937" s="1" t="s">
        <v>56440</v>
      </c>
      <c r="G14937" s="1" t="s">
        <v>56381</v>
      </c>
      <c r="H14937" s="1" t="s">
        <v>56382</v>
      </c>
      <c r="I14937" s="1" t="s">
        <v>53800</v>
      </c>
      <c r="J14937" s="1" t="s">
        <v>56441</v>
      </c>
    </row>
    <row r="14938" spans="1:10" x14ac:dyDescent="0.35">
      <c r="A14938" s="1" t="s">
        <v>56378</v>
      </c>
      <c r="B14938" s="1" t="s">
        <v>53796</v>
      </c>
      <c r="C14938" s="1" t="s">
        <v>110</v>
      </c>
      <c r="D14938" s="1" t="s">
        <v>56442</v>
      </c>
      <c r="E14938" s="1" t="s">
        <v>32340</v>
      </c>
      <c r="F14938" s="1" t="s">
        <v>31773</v>
      </c>
      <c r="G14938" s="1" t="s">
        <v>56381</v>
      </c>
      <c r="H14938" s="1" t="s">
        <v>56382</v>
      </c>
      <c r="I14938" s="1" t="s">
        <v>53800</v>
      </c>
      <c r="J14938" s="1" t="s">
        <v>56443</v>
      </c>
    </row>
    <row r="14939" spans="1:10" x14ac:dyDescent="0.35">
      <c r="A14939" s="1" t="s">
        <v>56378</v>
      </c>
      <c r="B14939" s="1" t="s">
        <v>53796</v>
      </c>
      <c r="C14939" s="1" t="s">
        <v>115</v>
      </c>
      <c r="D14939" s="1" t="s">
        <v>56444</v>
      </c>
      <c r="E14939" s="1" t="s">
        <v>15884</v>
      </c>
      <c r="F14939" s="1" t="s">
        <v>56445</v>
      </c>
      <c r="G14939" s="1" t="s">
        <v>56381</v>
      </c>
      <c r="H14939" s="1" t="s">
        <v>56382</v>
      </c>
      <c r="I14939" s="1" t="s">
        <v>53800</v>
      </c>
      <c r="J14939" s="1" t="s">
        <v>56446</v>
      </c>
    </row>
    <row r="14940" spans="1:10" x14ac:dyDescent="0.35">
      <c r="A14940" s="1" t="s">
        <v>56378</v>
      </c>
      <c r="B14940" s="1" t="s">
        <v>53796</v>
      </c>
      <c r="C14940" s="1" t="s">
        <v>120</v>
      </c>
      <c r="D14940" s="1" t="s">
        <v>56447</v>
      </c>
      <c r="E14940" s="1" t="s">
        <v>56448</v>
      </c>
      <c r="F14940" s="1" t="s">
        <v>56449</v>
      </c>
      <c r="G14940" s="1" t="s">
        <v>56381</v>
      </c>
      <c r="H14940" s="1" t="s">
        <v>56382</v>
      </c>
      <c r="I14940" s="1" t="s">
        <v>53800</v>
      </c>
      <c r="J14940" s="1" t="s">
        <v>56450</v>
      </c>
    </row>
    <row r="14941" spans="1:10" x14ac:dyDescent="0.35">
      <c r="A14941" s="1" t="s">
        <v>56378</v>
      </c>
      <c r="B14941" s="1" t="s">
        <v>53796</v>
      </c>
      <c r="C14941" s="1" t="s">
        <v>125</v>
      </c>
      <c r="D14941" s="1" t="s">
        <v>56451</v>
      </c>
      <c r="E14941" s="1" t="s">
        <v>22080</v>
      </c>
      <c r="F14941" s="1" t="s">
        <v>56452</v>
      </c>
      <c r="G14941" s="1" t="s">
        <v>56381</v>
      </c>
      <c r="H14941" s="1" t="s">
        <v>56382</v>
      </c>
      <c r="I14941" s="1" t="s">
        <v>53800</v>
      </c>
      <c r="J14941" s="1" t="s">
        <v>56453</v>
      </c>
    </row>
    <row r="14942" spans="1:10" x14ac:dyDescent="0.35">
      <c r="A14942" s="1" t="s">
        <v>56378</v>
      </c>
      <c r="B14942" s="1" t="s">
        <v>53796</v>
      </c>
      <c r="C14942" s="1" t="s">
        <v>130</v>
      </c>
      <c r="D14942" s="1" t="s">
        <v>11882</v>
      </c>
      <c r="E14942" s="1" t="s">
        <v>55469</v>
      </c>
      <c r="F14942" s="1" t="s">
        <v>54007</v>
      </c>
      <c r="G14942" s="1" t="s">
        <v>56381</v>
      </c>
      <c r="H14942" s="1" t="s">
        <v>56382</v>
      </c>
      <c r="I14942" s="1" t="s">
        <v>53800</v>
      </c>
      <c r="J14942" s="1" t="s">
        <v>56454</v>
      </c>
    </row>
    <row r="14943" spans="1:10" x14ac:dyDescent="0.35">
      <c r="A14943" s="1" t="s">
        <v>56378</v>
      </c>
      <c r="B14943" s="1" t="s">
        <v>53796</v>
      </c>
      <c r="C14943" s="1" t="s">
        <v>135</v>
      </c>
      <c r="D14943" s="1" t="s">
        <v>56455</v>
      </c>
      <c r="E14943" s="1" t="s">
        <v>32567</v>
      </c>
      <c r="F14943" s="1" t="s">
        <v>56456</v>
      </c>
      <c r="G14943" s="1" t="s">
        <v>56381</v>
      </c>
      <c r="H14943" s="1" t="s">
        <v>56382</v>
      </c>
      <c r="I14943" s="1" t="s">
        <v>53800</v>
      </c>
      <c r="J14943" s="1" t="s">
        <v>56457</v>
      </c>
    </row>
    <row r="14944" spans="1:10" x14ac:dyDescent="0.35">
      <c r="A14944" s="1" t="s">
        <v>56378</v>
      </c>
      <c r="B14944" s="1" t="s">
        <v>53796</v>
      </c>
      <c r="C14944" s="1" t="s">
        <v>140</v>
      </c>
      <c r="D14944" s="1" t="s">
        <v>56458</v>
      </c>
      <c r="E14944" s="1" t="s">
        <v>54099</v>
      </c>
      <c r="F14944" s="1" t="s">
        <v>56459</v>
      </c>
      <c r="G14944" s="1" t="s">
        <v>56381</v>
      </c>
      <c r="H14944" s="1" t="s">
        <v>56382</v>
      </c>
      <c r="I14944" s="1" t="s">
        <v>53800</v>
      </c>
      <c r="J14944" s="1" t="s">
        <v>56460</v>
      </c>
    </row>
    <row r="14945" spans="1:10" x14ac:dyDescent="0.35">
      <c r="A14945" s="1" t="s">
        <v>56378</v>
      </c>
      <c r="B14945" s="1" t="s">
        <v>53796</v>
      </c>
      <c r="C14945" s="1" t="s">
        <v>145</v>
      </c>
      <c r="D14945" s="1" t="s">
        <v>56461</v>
      </c>
      <c r="E14945" s="1" t="s">
        <v>23187</v>
      </c>
      <c r="F14945" s="1" t="s">
        <v>56462</v>
      </c>
      <c r="G14945" s="1" t="s">
        <v>56381</v>
      </c>
      <c r="H14945" s="1" t="s">
        <v>56382</v>
      </c>
      <c r="I14945" s="1" t="s">
        <v>53800</v>
      </c>
      <c r="J14945" s="1" t="s">
        <v>56463</v>
      </c>
    </row>
    <row r="14946" spans="1:10" x14ac:dyDescent="0.35">
      <c r="A14946" s="1" t="s">
        <v>56378</v>
      </c>
      <c r="B14946" s="1" t="s">
        <v>53796</v>
      </c>
      <c r="C14946" s="1" t="s">
        <v>150</v>
      </c>
      <c r="D14946" s="1" t="s">
        <v>56464</v>
      </c>
      <c r="E14946" s="1" t="s">
        <v>31497</v>
      </c>
      <c r="F14946" s="1" t="s">
        <v>56465</v>
      </c>
      <c r="G14946" s="1" t="s">
        <v>56381</v>
      </c>
      <c r="H14946" s="1" t="s">
        <v>56382</v>
      </c>
      <c r="I14946" s="1" t="s">
        <v>53800</v>
      </c>
      <c r="J14946" s="1" t="s">
        <v>56466</v>
      </c>
    </row>
    <row r="14947" spans="1:10" x14ac:dyDescent="0.35">
      <c r="A14947" s="1" t="s">
        <v>56378</v>
      </c>
      <c r="B14947" s="1" t="s">
        <v>53796</v>
      </c>
      <c r="C14947" s="1" t="s">
        <v>155</v>
      </c>
      <c r="D14947" s="1" t="s">
        <v>56467</v>
      </c>
      <c r="E14947" s="1" t="s">
        <v>56468</v>
      </c>
      <c r="F14947" s="1" t="s">
        <v>56469</v>
      </c>
      <c r="G14947" s="1" t="s">
        <v>56381</v>
      </c>
      <c r="H14947" s="1" t="s">
        <v>56382</v>
      </c>
      <c r="I14947" s="1" t="s">
        <v>53800</v>
      </c>
      <c r="J14947" s="1" t="s">
        <v>56470</v>
      </c>
    </row>
    <row r="14948" spans="1:10" x14ac:dyDescent="0.35">
      <c r="A14948" s="1" t="s">
        <v>56378</v>
      </c>
      <c r="B14948" s="1" t="s">
        <v>53796</v>
      </c>
      <c r="C14948" s="1" t="s">
        <v>160</v>
      </c>
      <c r="D14948" s="1" t="s">
        <v>56471</v>
      </c>
      <c r="E14948" s="1" t="s">
        <v>56472</v>
      </c>
      <c r="F14948" s="1" t="s">
        <v>56473</v>
      </c>
      <c r="G14948" s="1" t="s">
        <v>56381</v>
      </c>
      <c r="H14948" s="1" t="s">
        <v>56382</v>
      </c>
      <c r="I14948" s="1" t="s">
        <v>53800</v>
      </c>
      <c r="J14948" s="1" t="s">
        <v>56474</v>
      </c>
    </row>
    <row r="14949" spans="1:10" x14ac:dyDescent="0.35">
      <c r="A14949" s="1" t="s">
        <v>56378</v>
      </c>
      <c r="B14949" s="1" t="s">
        <v>53796</v>
      </c>
      <c r="C14949" s="1" t="s">
        <v>165</v>
      </c>
      <c r="D14949" s="1" t="s">
        <v>56475</v>
      </c>
      <c r="E14949" s="1" t="s">
        <v>56476</v>
      </c>
      <c r="F14949" s="1" t="s">
        <v>56477</v>
      </c>
      <c r="G14949" s="1" t="s">
        <v>56381</v>
      </c>
      <c r="H14949" s="1" t="s">
        <v>56382</v>
      </c>
      <c r="I14949" s="1" t="s">
        <v>53800</v>
      </c>
      <c r="J14949" s="1" t="s">
        <v>56478</v>
      </c>
    </row>
    <row r="14950" spans="1:10" x14ac:dyDescent="0.35">
      <c r="A14950" s="1" t="s">
        <v>56378</v>
      </c>
      <c r="B14950" s="1" t="s">
        <v>53796</v>
      </c>
      <c r="C14950" s="1" t="s">
        <v>170</v>
      </c>
      <c r="D14950" s="1" t="s">
        <v>56479</v>
      </c>
      <c r="E14950" s="1" t="s">
        <v>32133</v>
      </c>
      <c r="F14950" s="1" t="s">
        <v>56480</v>
      </c>
      <c r="G14950" s="1" t="s">
        <v>56381</v>
      </c>
      <c r="H14950" s="1" t="s">
        <v>56382</v>
      </c>
      <c r="I14950" s="1" t="s">
        <v>53800</v>
      </c>
      <c r="J14950" s="1" t="s">
        <v>56481</v>
      </c>
    </row>
    <row r="14951" spans="1:10" x14ac:dyDescent="0.35">
      <c r="A14951" s="1" t="s">
        <v>56482</v>
      </c>
      <c r="B14951" s="1" t="s">
        <v>53796</v>
      </c>
      <c r="C14951" s="1" t="s">
        <v>8</v>
      </c>
      <c r="D14951" s="1" t="s">
        <v>56483</v>
      </c>
      <c r="E14951" s="1" t="s">
        <v>15267</v>
      </c>
      <c r="F14951" s="1" t="s">
        <v>56484</v>
      </c>
      <c r="G14951" s="1" t="s">
        <v>56485</v>
      </c>
      <c r="H14951" s="1" t="s">
        <v>56486</v>
      </c>
      <c r="I14951" s="1" t="s">
        <v>53800</v>
      </c>
      <c r="J14951" s="1" t="s">
        <v>13</v>
      </c>
    </row>
    <row r="14952" spans="1:10" x14ac:dyDescent="0.35">
      <c r="A14952" s="1" t="s">
        <v>56482</v>
      </c>
      <c r="B14952" s="1" t="s">
        <v>53796</v>
      </c>
      <c r="C14952" s="1" t="s">
        <v>15</v>
      </c>
      <c r="D14952" s="1" t="s">
        <v>56487</v>
      </c>
      <c r="E14952" s="1" t="s">
        <v>41598</v>
      </c>
      <c r="F14952" s="1" t="s">
        <v>56488</v>
      </c>
      <c r="G14952" s="1" t="s">
        <v>56485</v>
      </c>
      <c r="H14952" s="1" t="s">
        <v>56486</v>
      </c>
      <c r="I14952" s="1" t="s">
        <v>53800</v>
      </c>
      <c r="J14952" s="1" t="s">
        <v>56489</v>
      </c>
    </row>
    <row r="14953" spans="1:10" x14ac:dyDescent="0.35">
      <c r="A14953" s="1" t="s">
        <v>56482</v>
      </c>
      <c r="B14953" s="1" t="s">
        <v>53796</v>
      </c>
      <c r="C14953" s="1" t="s">
        <v>20</v>
      </c>
      <c r="D14953" s="1" t="s">
        <v>56490</v>
      </c>
      <c r="E14953" s="1" t="s">
        <v>32557</v>
      </c>
      <c r="F14953" s="1" t="s">
        <v>56491</v>
      </c>
      <c r="G14953" s="1" t="s">
        <v>56485</v>
      </c>
      <c r="H14953" s="1" t="s">
        <v>56486</v>
      </c>
      <c r="I14953" s="1" t="s">
        <v>53800</v>
      </c>
      <c r="J14953" s="1" t="s">
        <v>56492</v>
      </c>
    </row>
    <row r="14954" spans="1:10" x14ac:dyDescent="0.35">
      <c r="A14954" s="1" t="s">
        <v>56482</v>
      </c>
      <c r="B14954" s="1" t="s">
        <v>53796</v>
      </c>
      <c r="C14954" s="1" t="s">
        <v>25</v>
      </c>
      <c r="D14954" s="1" t="s">
        <v>56493</v>
      </c>
      <c r="E14954" s="1" t="s">
        <v>53949</v>
      </c>
      <c r="F14954" s="1" t="s">
        <v>56494</v>
      </c>
      <c r="G14954" s="1" t="s">
        <v>56485</v>
      </c>
      <c r="H14954" s="1" t="s">
        <v>56486</v>
      </c>
      <c r="I14954" s="1" t="s">
        <v>53800</v>
      </c>
      <c r="J14954" s="1" t="s">
        <v>56495</v>
      </c>
    </row>
    <row r="14955" spans="1:10" x14ac:dyDescent="0.35">
      <c r="A14955" s="1" t="s">
        <v>56482</v>
      </c>
      <c r="B14955" s="1" t="s">
        <v>53796</v>
      </c>
      <c r="C14955" s="1" t="s">
        <v>30</v>
      </c>
      <c r="D14955" s="1" t="s">
        <v>56496</v>
      </c>
      <c r="E14955" s="1" t="s">
        <v>22290</v>
      </c>
      <c r="F14955" s="1" t="s">
        <v>56497</v>
      </c>
      <c r="G14955" s="1" t="s">
        <v>56485</v>
      </c>
      <c r="H14955" s="1" t="s">
        <v>56486</v>
      </c>
      <c r="I14955" s="1" t="s">
        <v>53800</v>
      </c>
      <c r="J14955" s="1" t="s">
        <v>56498</v>
      </c>
    </row>
    <row r="14956" spans="1:10" x14ac:dyDescent="0.35">
      <c r="A14956" s="1" t="s">
        <v>56482</v>
      </c>
      <c r="B14956" s="1" t="s">
        <v>53796</v>
      </c>
      <c r="C14956" s="1" t="s">
        <v>35</v>
      </c>
      <c r="D14956" s="1" t="s">
        <v>56499</v>
      </c>
      <c r="E14956" s="1" t="s">
        <v>24213</v>
      </c>
      <c r="F14956" s="1" t="s">
        <v>56500</v>
      </c>
      <c r="G14956" s="1" t="s">
        <v>56485</v>
      </c>
      <c r="H14956" s="1" t="s">
        <v>56486</v>
      </c>
      <c r="I14956" s="1" t="s">
        <v>53800</v>
      </c>
      <c r="J14956" s="1" t="s">
        <v>56501</v>
      </c>
    </row>
    <row r="14957" spans="1:10" x14ac:dyDescent="0.35">
      <c r="A14957" s="1" t="s">
        <v>56482</v>
      </c>
      <c r="B14957" s="1" t="s">
        <v>53796</v>
      </c>
      <c r="C14957" s="1" t="s">
        <v>40</v>
      </c>
      <c r="D14957" s="1" t="s">
        <v>56502</v>
      </c>
      <c r="E14957" s="1" t="s">
        <v>56503</v>
      </c>
      <c r="F14957" s="1" t="s">
        <v>56504</v>
      </c>
      <c r="G14957" s="1" t="s">
        <v>56485</v>
      </c>
      <c r="H14957" s="1" t="s">
        <v>56486</v>
      </c>
      <c r="I14957" s="1" t="s">
        <v>53800</v>
      </c>
      <c r="J14957" s="1" t="s">
        <v>56505</v>
      </c>
    </row>
    <row r="14958" spans="1:10" x14ac:dyDescent="0.35">
      <c r="A14958" s="1" t="s">
        <v>56482</v>
      </c>
      <c r="B14958" s="1" t="s">
        <v>53796</v>
      </c>
      <c r="C14958" s="1" t="s">
        <v>45</v>
      </c>
      <c r="D14958" s="1" t="s">
        <v>56506</v>
      </c>
      <c r="E14958" s="1" t="s">
        <v>15857</v>
      </c>
      <c r="F14958" s="1" t="s">
        <v>56507</v>
      </c>
      <c r="G14958" s="1" t="s">
        <v>56485</v>
      </c>
      <c r="H14958" s="1" t="s">
        <v>56486</v>
      </c>
      <c r="I14958" s="1" t="s">
        <v>53800</v>
      </c>
      <c r="J14958" s="1" t="s">
        <v>56508</v>
      </c>
    </row>
    <row r="14959" spans="1:10" x14ac:dyDescent="0.35">
      <c r="A14959" s="1" t="s">
        <v>56482</v>
      </c>
      <c r="B14959" s="1" t="s">
        <v>53796</v>
      </c>
      <c r="C14959" s="1" t="s">
        <v>50</v>
      </c>
      <c r="D14959" s="1" t="s">
        <v>56509</v>
      </c>
      <c r="E14959" s="1" t="s">
        <v>56510</v>
      </c>
      <c r="F14959" s="1" t="s">
        <v>56511</v>
      </c>
      <c r="G14959" s="1" t="s">
        <v>56485</v>
      </c>
      <c r="H14959" s="1" t="s">
        <v>56486</v>
      </c>
      <c r="I14959" s="1" t="s">
        <v>53800</v>
      </c>
      <c r="J14959" s="1" t="s">
        <v>56512</v>
      </c>
    </row>
    <row r="14960" spans="1:10" x14ac:dyDescent="0.35">
      <c r="A14960" s="1" t="s">
        <v>56482</v>
      </c>
      <c r="B14960" s="1" t="s">
        <v>53796</v>
      </c>
      <c r="C14960" s="1" t="s">
        <v>55</v>
      </c>
      <c r="D14960" s="1" t="s">
        <v>56513</v>
      </c>
      <c r="E14960" s="1" t="s">
        <v>26191</v>
      </c>
      <c r="F14960" s="1" t="s">
        <v>56514</v>
      </c>
      <c r="G14960" s="1" t="s">
        <v>56485</v>
      </c>
      <c r="H14960" s="1" t="s">
        <v>56486</v>
      </c>
      <c r="I14960" s="1" t="s">
        <v>53800</v>
      </c>
      <c r="J14960" s="1" t="s">
        <v>56515</v>
      </c>
    </row>
    <row r="14961" spans="1:10" x14ac:dyDescent="0.35">
      <c r="A14961" s="1" t="s">
        <v>56482</v>
      </c>
      <c r="B14961" s="1" t="s">
        <v>53796</v>
      </c>
      <c r="C14961" s="1" t="s">
        <v>60</v>
      </c>
      <c r="D14961" s="1" t="s">
        <v>56516</v>
      </c>
      <c r="E14961" s="1" t="s">
        <v>56517</v>
      </c>
      <c r="F14961" s="1" t="s">
        <v>56518</v>
      </c>
      <c r="G14961" s="1" t="s">
        <v>56485</v>
      </c>
      <c r="H14961" s="1" t="s">
        <v>56486</v>
      </c>
      <c r="I14961" s="1" t="s">
        <v>53800</v>
      </c>
      <c r="J14961" s="1" t="s">
        <v>56519</v>
      </c>
    </row>
    <row r="14962" spans="1:10" x14ac:dyDescent="0.35">
      <c r="A14962" s="1" t="s">
        <v>56482</v>
      </c>
      <c r="B14962" s="1" t="s">
        <v>53796</v>
      </c>
      <c r="C14962" s="1" t="s">
        <v>65</v>
      </c>
      <c r="D14962" s="1" t="s">
        <v>56520</v>
      </c>
      <c r="E14962" s="1" t="s">
        <v>26185</v>
      </c>
      <c r="F14962" s="1" t="s">
        <v>56521</v>
      </c>
      <c r="G14962" s="1" t="s">
        <v>56485</v>
      </c>
      <c r="H14962" s="1" t="s">
        <v>56486</v>
      </c>
      <c r="I14962" s="1" t="s">
        <v>53800</v>
      </c>
      <c r="J14962" s="1" t="s">
        <v>56522</v>
      </c>
    </row>
    <row r="14963" spans="1:10" x14ac:dyDescent="0.35">
      <c r="A14963" s="1" t="s">
        <v>56482</v>
      </c>
      <c r="B14963" s="1" t="s">
        <v>53796</v>
      </c>
      <c r="C14963" s="1" t="s">
        <v>70</v>
      </c>
      <c r="D14963" s="1" t="s">
        <v>56523</v>
      </c>
      <c r="E14963" s="1" t="s">
        <v>23210</v>
      </c>
      <c r="F14963" s="1" t="s">
        <v>56524</v>
      </c>
      <c r="G14963" s="1" t="s">
        <v>56485</v>
      </c>
      <c r="H14963" s="1" t="s">
        <v>56486</v>
      </c>
      <c r="I14963" s="1" t="s">
        <v>53800</v>
      </c>
      <c r="J14963" s="1" t="s">
        <v>56525</v>
      </c>
    </row>
    <row r="14964" spans="1:10" x14ac:dyDescent="0.35">
      <c r="A14964" s="1" t="s">
        <v>56482</v>
      </c>
      <c r="B14964" s="1" t="s">
        <v>53796</v>
      </c>
      <c r="C14964" s="1" t="s">
        <v>75</v>
      </c>
      <c r="D14964" s="1" t="s">
        <v>56526</v>
      </c>
      <c r="E14964" s="1" t="s">
        <v>26478</v>
      </c>
      <c r="F14964" s="1" t="s">
        <v>56527</v>
      </c>
      <c r="G14964" s="1" t="s">
        <v>56485</v>
      </c>
      <c r="H14964" s="1" t="s">
        <v>56486</v>
      </c>
      <c r="I14964" s="1" t="s">
        <v>53800</v>
      </c>
      <c r="J14964" s="1" t="s">
        <v>56528</v>
      </c>
    </row>
    <row r="14965" spans="1:10" x14ac:dyDescent="0.35">
      <c r="A14965" s="1" t="s">
        <v>56482</v>
      </c>
      <c r="B14965" s="1" t="s">
        <v>53796</v>
      </c>
      <c r="C14965" s="1" t="s">
        <v>80</v>
      </c>
      <c r="D14965" s="1" t="s">
        <v>56529</v>
      </c>
      <c r="E14965" s="1" t="s">
        <v>12821</v>
      </c>
      <c r="F14965" s="1" t="s">
        <v>56530</v>
      </c>
      <c r="G14965" s="1" t="s">
        <v>56485</v>
      </c>
      <c r="H14965" s="1" t="s">
        <v>56486</v>
      </c>
      <c r="I14965" s="1" t="s">
        <v>53800</v>
      </c>
      <c r="J14965" s="1" t="s">
        <v>56531</v>
      </c>
    </row>
    <row r="14966" spans="1:10" x14ac:dyDescent="0.35">
      <c r="A14966" s="1" t="s">
        <v>56482</v>
      </c>
      <c r="B14966" s="1" t="s">
        <v>53796</v>
      </c>
      <c r="C14966" s="1" t="s">
        <v>85</v>
      </c>
      <c r="D14966" s="1" t="s">
        <v>40250</v>
      </c>
      <c r="E14966" s="1" t="s">
        <v>23404</v>
      </c>
      <c r="F14966" s="1" t="s">
        <v>56532</v>
      </c>
      <c r="G14966" s="1" t="s">
        <v>56485</v>
      </c>
      <c r="H14966" s="1" t="s">
        <v>56486</v>
      </c>
      <c r="I14966" s="1" t="s">
        <v>53800</v>
      </c>
      <c r="J14966" s="1" t="s">
        <v>56533</v>
      </c>
    </row>
    <row r="14967" spans="1:10" x14ac:dyDescent="0.35">
      <c r="A14967" s="1" t="s">
        <v>56482</v>
      </c>
      <c r="B14967" s="1" t="s">
        <v>53796</v>
      </c>
      <c r="C14967" s="1" t="s">
        <v>90</v>
      </c>
      <c r="D14967" s="1" t="s">
        <v>56534</v>
      </c>
      <c r="E14967" s="1" t="s">
        <v>56012</v>
      </c>
      <c r="F14967" s="1" t="s">
        <v>56535</v>
      </c>
      <c r="G14967" s="1" t="s">
        <v>56485</v>
      </c>
      <c r="H14967" s="1" t="s">
        <v>56486</v>
      </c>
      <c r="I14967" s="1" t="s">
        <v>53800</v>
      </c>
      <c r="J14967" s="1" t="s">
        <v>56536</v>
      </c>
    </row>
    <row r="14968" spans="1:10" x14ac:dyDescent="0.35">
      <c r="A14968" s="1" t="s">
        <v>56482</v>
      </c>
      <c r="B14968" s="1" t="s">
        <v>53796</v>
      </c>
      <c r="C14968" s="1" t="s">
        <v>95</v>
      </c>
      <c r="D14968" s="1" t="s">
        <v>56537</v>
      </c>
      <c r="E14968" s="1" t="s">
        <v>26556</v>
      </c>
      <c r="F14968" s="1" t="s">
        <v>56538</v>
      </c>
      <c r="G14968" s="1" t="s">
        <v>56485</v>
      </c>
      <c r="H14968" s="1" t="s">
        <v>56486</v>
      </c>
      <c r="I14968" s="1" t="s">
        <v>53800</v>
      </c>
      <c r="J14968" s="1" t="s">
        <v>56539</v>
      </c>
    </row>
    <row r="14969" spans="1:10" x14ac:dyDescent="0.35">
      <c r="A14969" s="1" t="s">
        <v>56482</v>
      </c>
      <c r="B14969" s="1" t="s">
        <v>53796</v>
      </c>
      <c r="C14969" s="1" t="s">
        <v>100</v>
      </c>
      <c r="D14969" s="1" t="s">
        <v>56540</v>
      </c>
      <c r="E14969" s="1" t="s">
        <v>56541</v>
      </c>
      <c r="F14969" s="1" t="s">
        <v>56542</v>
      </c>
      <c r="G14969" s="1" t="s">
        <v>56485</v>
      </c>
      <c r="H14969" s="1" t="s">
        <v>56486</v>
      </c>
      <c r="I14969" s="1" t="s">
        <v>53800</v>
      </c>
      <c r="J14969" s="1" t="s">
        <v>56543</v>
      </c>
    </row>
    <row r="14970" spans="1:10" x14ac:dyDescent="0.35">
      <c r="A14970" s="1" t="s">
        <v>56482</v>
      </c>
      <c r="B14970" s="1" t="s">
        <v>53796</v>
      </c>
      <c r="C14970" s="1" t="s">
        <v>105</v>
      </c>
      <c r="D14970" s="1" t="s">
        <v>22415</v>
      </c>
      <c r="E14970" s="1" t="s">
        <v>15369</v>
      </c>
      <c r="F14970" s="1" t="s">
        <v>56544</v>
      </c>
      <c r="G14970" s="1" t="s">
        <v>56485</v>
      </c>
      <c r="H14970" s="1" t="s">
        <v>56486</v>
      </c>
      <c r="I14970" s="1" t="s">
        <v>53800</v>
      </c>
      <c r="J14970" s="1" t="s">
        <v>56545</v>
      </c>
    </row>
    <row r="14971" spans="1:10" x14ac:dyDescent="0.35">
      <c r="A14971" s="1" t="s">
        <v>56482</v>
      </c>
      <c r="B14971" s="1" t="s">
        <v>53796</v>
      </c>
      <c r="C14971" s="1" t="s">
        <v>110</v>
      </c>
      <c r="D14971" s="1" t="s">
        <v>56546</v>
      </c>
      <c r="E14971" s="1" t="s">
        <v>56209</v>
      </c>
      <c r="F14971" s="1" t="s">
        <v>56547</v>
      </c>
      <c r="G14971" s="1" t="s">
        <v>56485</v>
      </c>
      <c r="H14971" s="1" t="s">
        <v>56486</v>
      </c>
      <c r="I14971" s="1" t="s">
        <v>53800</v>
      </c>
      <c r="J14971" s="1" t="s">
        <v>56548</v>
      </c>
    </row>
    <row r="14972" spans="1:10" x14ac:dyDescent="0.35">
      <c r="A14972" s="1" t="s">
        <v>56482</v>
      </c>
      <c r="B14972" s="1" t="s">
        <v>53796</v>
      </c>
      <c r="C14972" s="1" t="s">
        <v>115</v>
      </c>
      <c r="D14972" s="1" t="s">
        <v>14485</v>
      </c>
      <c r="E14972" s="1" t="s">
        <v>56012</v>
      </c>
      <c r="F14972" s="1" t="s">
        <v>56549</v>
      </c>
      <c r="G14972" s="1" t="s">
        <v>56485</v>
      </c>
      <c r="H14972" s="1" t="s">
        <v>56486</v>
      </c>
      <c r="I14972" s="1" t="s">
        <v>53800</v>
      </c>
      <c r="J14972" s="1" t="s">
        <v>56550</v>
      </c>
    </row>
    <row r="14973" spans="1:10" x14ac:dyDescent="0.35">
      <c r="A14973" s="1" t="s">
        <v>56482</v>
      </c>
      <c r="B14973" s="1" t="s">
        <v>53796</v>
      </c>
      <c r="C14973" s="1" t="s">
        <v>120</v>
      </c>
      <c r="D14973" s="1" t="s">
        <v>56551</v>
      </c>
      <c r="E14973" s="1" t="s">
        <v>24225</v>
      </c>
      <c r="F14973" s="1" t="s">
        <v>54703</v>
      </c>
      <c r="G14973" s="1" t="s">
        <v>56485</v>
      </c>
      <c r="H14973" s="1" t="s">
        <v>56486</v>
      </c>
      <c r="I14973" s="1" t="s">
        <v>53800</v>
      </c>
      <c r="J14973" s="1" t="s">
        <v>56552</v>
      </c>
    </row>
    <row r="14974" spans="1:10" x14ac:dyDescent="0.35">
      <c r="A14974" s="1" t="s">
        <v>56482</v>
      </c>
      <c r="B14974" s="1" t="s">
        <v>53796</v>
      </c>
      <c r="C14974" s="1" t="s">
        <v>125</v>
      </c>
      <c r="D14974" s="1" t="s">
        <v>56553</v>
      </c>
      <c r="E14974" s="1" t="s">
        <v>15328</v>
      </c>
      <c r="F14974" s="1" t="s">
        <v>56554</v>
      </c>
      <c r="G14974" s="1" t="s">
        <v>56485</v>
      </c>
      <c r="H14974" s="1" t="s">
        <v>56486</v>
      </c>
      <c r="I14974" s="1" t="s">
        <v>53800</v>
      </c>
      <c r="J14974" s="1" t="s">
        <v>56555</v>
      </c>
    </row>
    <row r="14975" spans="1:10" x14ac:dyDescent="0.35">
      <c r="A14975" s="1" t="s">
        <v>56482</v>
      </c>
      <c r="B14975" s="1" t="s">
        <v>53796</v>
      </c>
      <c r="C14975" s="1" t="s">
        <v>130</v>
      </c>
      <c r="D14975" s="1" t="s">
        <v>56556</v>
      </c>
      <c r="E14975" s="1" t="s">
        <v>54165</v>
      </c>
      <c r="F14975" s="1" t="s">
        <v>56557</v>
      </c>
      <c r="G14975" s="1" t="s">
        <v>56485</v>
      </c>
      <c r="H14975" s="1" t="s">
        <v>56486</v>
      </c>
      <c r="I14975" s="1" t="s">
        <v>53800</v>
      </c>
      <c r="J14975" s="1" t="s">
        <v>56558</v>
      </c>
    </row>
    <row r="14976" spans="1:10" x14ac:dyDescent="0.35">
      <c r="A14976" s="1" t="s">
        <v>56482</v>
      </c>
      <c r="B14976" s="1" t="s">
        <v>53796</v>
      </c>
      <c r="C14976" s="1" t="s">
        <v>135</v>
      </c>
      <c r="D14976" s="1" t="s">
        <v>56559</v>
      </c>
      <c r="E14976" s="1" t="s">
        <v>56560</v>
      </c>
      <c r="F14976" s="1" t="s">
        <v>56561</v>
      </c>
      <c r="G14976" s="1" t="s">
        <v>56485</v>
      </c>
      <c r="H14976" s="1" t="s">
        <v>56486</v>
      </c>
      <c r="I14976" s="1" t="s">
        <v>53800</v>
      </c>
      <c r="J14976" s="1" t="s">
        <v>56562</v>
      </c>
    </row>
    <row r="14977" spans="1:10" x14ac:dyDescent="0.35">
      <c r="A14977" s="1" t="s">
        <v>56482</v>
      </c>
      <c r="B14977" s="1" t="s">
        <v>53796</v>
      </c>
      <c r="C14977" s="1" t="s">
        <v>140</v>
      </c>
      <c r="D14977" s="1" t="s">
        <v>56563</v>
      </c>
      <c r="E14977" s="1" t="s">
        <v>23236</v>
      </c>
      <c r="F14977" s="1" t="s">
        <v>56564</v>
      </c>
      <c r="G14977" s="1" t="s">
        <v>56485</v>
      </c>
      <c r="H14977" s="1" t="s">
        <v>56486</v>
      </c>
      <c r="I14977" s="1" t="s">
        <v>53800</v>
      </c>
      <c r="J14977" s="1" t="s">
        <v>56565</v>
      </c>
    </row>
    <row r="14978" spans="1:10" x14ac:dyDescent="0.35">
      <c r="A14978" s="1" t="s">
        <v>56482</v>
      </c>
      <c r="B14978" s="1" t="s">
        <v>53796</v>
      </c>
      <c r="C14978" s="1" t="s">
        <v>145</v>
      </c>
      <c r="D14978" s="1" t="s">
        <v>56566</v>
      </c>
      <c r="E14978" s="1" t="s">
        <v>23505</v>
      </c>
      <c r="F14978" s="1" t="s">
        <v>56567</v>
      </c>
      <c r="G14978" s="1" t="s">
        <v>56485</v>
      </c>
      <c r="H14978" s="1" t="s">
        <v>56486</v>
      </c>
      <c r="I14978" s="1" t="s">
        <v>53800</v>
      </c>
      <c r="J14978" s="1" t="s">
        <v>56568</v>
      </c>
    </row>
    <row r="14979" spans="1:10" x14ac:dyDescent="0.35">
      <c r="A14979" s="1" t="s">
        <v>56482</v>
      </c>
      <c r="B14979" s="1" t="s">
        <v>53796</v>
      </c>
      <c r="C14979" s="1" t="s">
        <v>150</v>
      </c>
      <c r="D14979" s="1" t="s">
        <v>56569</v>
      </c>
      <c r="E14979" s="1" t="s">
        <v>56570</v>
      </c>
      <c r="F14979" s="1" t="s">
        <v>56571</v>
      </c>
      <c r="G14979" s="1" t="s">
        <v>56485</v>
      </c>
      <c r="H14979" s="1" t="s">
        <v>56486</v>
      </c>
      <c r="I14979" s="1" t="s">
        <v>53800</v>
      </c>
      <c r="J14979" s="1" t="s">
        <v>56572</v>
      </c>
    </row>
    <row r="14980" spans="1:10" x14ac:dyDescent="0.35">
      <c r="A14980" s="1" t="s">
        <v>56482</v>
      </c>
      <c r="B14980" s="1" t="s">
        <v>53796</v>
      </c>
      <c r="C14980" s="1" t="s">
        <v>155</v>
      </c>
      <c r="D14980" s="1" t="s">
        <v>56573</v>
      </c>
      <c r="E14980" s="1" t="s">
        <v>32147</v>
      </c>
      <c r="F14980" s="1" t="s">
        <v>56574</v>
      </c>
      <c r="G14980" s="1" t="s">
        <v>56485</v>
      </c>
      <c r="H14980" s="1" t="s">
        <v>56486</v>
      </c>
      <c r="I14980" s="1" t="s">
        <v>53800</v>
      </c>
      <c r="J14980" s="1" t="s">
        <v>56575</v>
      </c>
    </row>
    <row r="14981" spans="1:10" x14ac:dyDescent="0.35">
      <c r="A14981" s="1" t="s">
        <v>56482</v>
      </c>
      <c r="B14981" s="1" t="s">
        <v>53796</v>
      </c>
      <c r="C14981" s="1" t="s">
        <v>160</v>
      </c>
      <c r="D14981" s="1" t="s">
        <v>56576</v>
      </c>
      <c r="E14981" s="1" t="s">
        <v>56577</v>
      </c>
      <c r="F14981" s="1" t="s">
        <v>56578</v>
      </c>
      <c r="G14981" s="1" t="s">
        <v>56485</v>
      </c>
      <c r="H14981" s="1" t="s">
        <v>56486</v>
      </c>
      <c r="I14981" s="1" t="s">
        <v>53800</v>
      </c>
      <c r="J14981" s="1" t="s">
        <v>56579</v>
      </c>
    </row>
    <row r="14982" spans="1:10" x14ac:dyDescent="0.35">
      <c r="A14982" s="1" t="s">
        <v>56482</v>
      </c>
      <c r="B14982" s="1" t="s">
        <v>53796</v>
      </c>
      <c r="C14982" s="1" t="s">
        <v>165</v>
      </c>
      <c r="D14982" s="1" t="s">
        <v>24619</v>
      </c>
      <c r="E14982" s="1" t="s">
        <v>21830</v>
      </c>
      <c r="F14982" s="1" t="s">
        <v>56580</v>
      </c>
      <c r="G14982" s="1" t="s">
        <v>56485</v>
      </c>
      <c r="H14982" s="1" t="s">
        <v>56486</v>
      </c>
      <c r="I14982" s="1" t="s">
        <v>53800</v>
      </c>
      <c r="J14982" s="1" t="s">
        <v>56581</v>
      </c>
    </row>
    <row r="14983" spans="1:10" x14ac:dyDescent="0.35">
      <c r="A14983" s="1" t="s">
        <v>56482</v>
      </c>
      <c r="B14983" s="1" t="s">
        <v>53796</v>
      </c>
      <c r="C14983" s="1" t="s">
        <v>170</v>
      </c>
      <c r="D14983" s="1" t="s">
        <v>19907</v>
      </c>
      <c r="E14983" s="1" t="s">
        <v>31824</v>
      </c>
      <c r="F14983" s="1" t="s">
        <v>56582</v>
      </c>
      <c r="G14983" s="1" t="s">
        <v>56485</v>
      </c>
      <c r="H14983" s="1" t="s">
        <v>56486</v>
      </c>
      <c r="I14983" s="1" t="s">
        <v>53800</v>
      </c>
      <c r="J14983" s="1" t="s">
        <v>56583</v>
      </c>
    </row>
    <row r="14984" spans="1:10" x14ac:dyDescent="0.35">
      <c r="A14984" s="1" t="s">
        <v>13762</v>
      </c>
      <c r="B14984" s="1" t="s">
        <v>53796</v>
      </c>
      <c r="C14984" s="1" t="s">
        <v>8</v>
      </c>
      <c r="D14984" s="1" t="s">
        <v>56584</v>
      </c>
      <c r="E14984" s="1" t="s">
        <v>56585</v>
      </c>
      <c r="F14984" s="1" t="s">
        <v>56586</v>
      </c>
      <c r="G14984" s="1" t="s">
        <v>56587</v>
      </c>
      <c r="H14984" s="1" t="s">
        <v>56588</v>
      </c>
      <c r="I14984" s="1" t="s">
        <v>53800</v>
      </c>
      <c r="J14984" s="1" t="s">
        <v>13</v>
      </c>
    </row>
    <row r="14985" spans="1:10" x14ac:dyDescent="0.35">
      <c r="A14985" s="1" t="s">
        <v>13762</v>
      </c>
      <c r="B14985" s="1" t="s">
        <v>53796</v>
      </c>
      <c r="C14985" s="1" t="s">
        <v>15</v>
      </c>
      <c r="D14985" s="1" t="s">
        <v>56589</v>
      </c>
      <c r="E14985" s="1" t="s">
        <v>21163</v>
      </c>
      <c r="F14985" s="1" t="s">
        <v>56590</v>
      </c>
      <c r="G14985" s="1" t="s">
        <v>56587</v>
      </c>
      <c r="H14985" s="1" t="s">
        <v>56588</v>
      </c>
      <c r="I14985" s="1" t="s">
        <v>53800</v>
      </c>
      <c r="J14985" s="1" t="s">
        <v>56591</v>
      </c>
    </row>
    <row r="14986" spans="1:10" x14ac:dyDescent="0.35">
      <c r="A14986" s="1" t="s">
        <v>13762</v>
      </c>
      <c r="B14986" s="1" t="s">
        <v>53796</v>
      </c>
      <c r="C14986" s="1" t="s">
        <v>20</v>
      </c>
      <c r="D14986" s="1" t="s">
        <v>56592</v>
      </c>
      <c r="E14986" s="1" t="s">
        <v>56311</v>
      </c>
      <c r="F14986" s="1" t="s">
        <v>56593</v>
      </c>
      <c r="G14986" s="1" t="s">
        <v>56587</v>
      </c>
      <c r="H14986" s="1" t="s">
        <v>56588</v>
      </c>
      <c r="I14986" s="1" t="s">
        <v>53800</v>
      </c>
      <c r="J14986" s="1" t="s">
        <v>56594</v>
      </c>
    </row>
    <row r="14987" spans="1:10" x14ac:dyDescent="0.35">
      <c r="A14987" s="1" t="s">
        <v>13762</v>
      </c>
      <c r="B14987" s="1" t="s">
        <v>53796</v>
      </c>
      <c r="C14987" s="1" t="s">
        <v>25</v>
      </c>
      <c r="D14987" s="1" t="s">
        <v>56595</v>
      </c>
      <c r="E14987" s="1" t="s">
        <v>40644</v>
      </c>
      <c r="F14987" s="1" t="s">
        <v>56596</v>
      </c>
      <c r="G14987" s="1" t="s">
        <v>56587</v>
      </c>
      <c r="H14987" s="1" t="s">
        <v>56588</v>
      </c>
      <c r="I14987" s="1" t="s">
        <v>53800</v>
      </c>
      <c r="J14987" s="1" t="s">
        <v>56597</v>
      </c>
    </row>
    <row r="14988" spans="1:10" x14ac:dyDescent="0.35">
      <c r="A14988" s="1" t="s">
        <v>13762</v>
      </c>
      <c r="B14988" s="1" t="s">
        <v>53796</v>
      </c>
      <c r="C14988" s="1" t="s">
        <v>30</v>
      </c>
      <c r="D14988" s="1" t="s">
        <v>22312</v>
      </c>
      <c r="E14988" s="1" t="s">
        <v>21999</v>
      </c>
      <c r="F14988" s="1" t="s">
        <v>56598</v>
      </c>
      <c r="G14988" s="1" t="s">
        <v>56587</v>
      </c>
      <c r="H14988" s="1" t="s">
        <v>56588</v>
      </c>
      <c r="I14988" s="1" t="s">
        <v>53800</v>
      </c>
      <c r="J14988" s="1" t="s">
        <v>56599</v>
      </c>
    </row>
    <row r="14989" spans="1:10" x14ac:dyDescent="0.35">
      <c r="A14989" s="1" t="s">
        <v>13762</v>
      </c>
      <c r="B14989" s="1" t="s">
        <v>53796</v>
      </c>
      <c r="C14989" s="1" t="s">
        <v>35</v>
      </c>
      <c r="D14989" s="1" t="s">
        <v>56600</v>
      </c>
      <c r="E14989" s="1" t="s">
        <v>21883</v>
      </c>
      <c r="F14989" s="1" t="s">
        <v>56601</v>
      </c>
      <c r="G14989" s="1" t="s">
        <v>56587</v>
      </c>
      <c r="H14989" s="1" t="s">
        <v>56588</v>
      </c>
      <c r="I14989" s="1" t="s">
        <v>53800</v>
      </c>
      <c r="J14989" s="1" t="s">
        <v>56602</v>
      </c>
    </row>
    <row r="14990" spans="1:10" x14ac:dyDescent="0.35">
      <c r="A14990" s="1" t="s">
        <v>13762</v>
      </c>
      <c r="B14990" s="1" t="s">
        <v>53796</v>
      </c>
      <c r="C14990" s="1" t="s">
        <v>40</v>
      </c>
      <c r="D14990" s="1" t="s">
        <v>56603</v>
      </c>
      <c r="E14990" s="1" t="s">
        <v>23350</v>
      </c>
      <c r="F14990" s="1" t="s">
        <v>40728</v>
      </c>
      <c r="G14990" s="1" t="s">
        <v>56587</v>
      </c>
      <c r="H14990" s="1" t="s">
        <v>56588</v>
      </c>
      <c r="I14990" s="1" t="s">
        <v>53800</v>
      </c>
      <c r="J14990" s="1" t="s">
        <v>56604</v>
      </c>
    </row>
    <row r="14991" spans="1:10" x14ac:dyDescent="0.35">
      <c r="A14991" s="1" t="s">
        <v>13762</v>
      </c>
      <c r="B14991" s="1" t="s">
        <v>53796</v>
      </c>
      <c r="C14991" s="1" t="s">
        <v>45</v>
      </c>
      <c r="D14991" s="1" t="s">
        <v>56605</v>
      </c>
      <c r="E14991" s="1" t="s">
        <v>56606</v>
      </c>
      <c r="F14991" s="1" t="s">
        <v>56607</v>
      </c>
      <c r="G14991" s="1" t="s">
        <v>56587</v>
      </c>
      <c r="H14991" s="1" t="s">
        <v>56588</v>
      </c>
      <c r="I14991" s="1" t="s">
        <v>53800</v>
      </c>
      <c r="J14991" s="1" t="s">
        <v>56608</v>
      </c>
    </row>
    <row r="14992" spans="1:10" x14ac:dyDescent="0.35">
      <c r="A14992" s="1" t="s">
        <v>13762</v>
      </c>
      <c r="B14992" s="1" t="s">
        <v>53796</v>
      </c>
      <c r="C14992" s="1" t="s">
        <v>50</v>
      </c>
      <c r="D14992" s="1" t="s">
        <v>56609</v>
      </c>
      <c r="E14992" s="1" t="s">
        <v>41578</v>
      </c>
      <c r="F14992" s="1" t="s">
        <v>56610</v>
      </c>
      <c r="G14992" s="1" t="s">
        <v>56587</v>
      </c>
      <c r="H14992" s="1" t="s">
        <v>56588</v>
      </c>
      <c r="I14992" s="1" t="s">
        <v>53800</v>
      </c>
      <c r="J14992" s="1" t="s">
        <v>56611</v>
      </c>
    </row>
    <row r="14993" spans="1:10" x14ac:dyDescent="0.35">
      <c r="A14993" s="1" t="s">
        <v>13762</v>
      </c>
      <c r="B14993" s="1" t="s">
        <v>53796</v>
      </c>
      <c r="C14993" s="1" t="s">
        <v>55</v>
      </c>
      <c r="D14993" s="1" t="s">
        <v>56612</v>
      </c>
      <c r="E14993" s="1" t="s">
        <v>56613</v>
      </c>
      <c r="F14993" s="1" t="s">
        <v>56614</v>
      </c>
      <c r="G14993" s="1" t="s">
        <v>56587</v>
      </c>
      <c r="H14993" s="1" t="s">
        <v>56588</v>
      </c>
      <c r="I14993" s="1" t="s">
        <v>53800</v>
      </c>
      <c r="J14993" s="1" t="s">
        <v>56615</v>
      </c>
    </row>
    <row r="14994" spans="1:10" x14ac:dyDescent="0.35">
      <c r="A14994" s="1" t="s">
        <v>13762</v>
      </c>
      <c r="B14994" s="1" t="s">
        <v>53796</v>
      </c>
      <c r="C14994" s="1" t="s">
        <v>60</v>
      </c>
      <c r="D14994" s="1" t="s">
        <v>20367</v>
      </c>
      <c r="E14994" s="1" t="s">
        <v>54059</v>
      </c>
      <c r="F14994" s="1" t="s">
        <v>56616</v>
      </c>
      <c r="G14994" s="1" t="s">
        <v>56587</v>
      </c>
      <c r="H14994" s="1" t="s">
        <v>56588</v>
      </c>
      <c r="I14994" s="1" t="s">
        <v>53800</v>
      </c>
      <c r="J14994" s="1" t="s">
        <v>56617</v>
      </c>
    </row>
    <row r="14995" spans="1:10" x14ac:dyDescent="0.35">
      <c r="A14995" s="1" t="s">
        <v>13762</v>
      </c>
      <c r="B14995" s="1" t="s">
        <v>53796</v>
      </c>
      <c r="C14995" s="1" t="s">
        <v>65</v>
      </c>
      <c r="D14995" s="1" t="s">
        <v>56618</v>
      </c>
      <c r="E14995" s="1" t="s">
        <v>54967</v>
      </c>
      <c r="F14995" s="1" t="s">
        <v>56619</v>
      </c>
      <c r="G14995" s="1" t="s">
        <v>56587</v>
      </c>
      <c r="H14995" s="1" t="s">
        <v>56588</v>
      </c>
      <c r="I14995" s="1" t="s">
        <v>53800</v>
      </c>
      <c r="J14995" s="1" t="s">
        <v>56620</v>
      </c>
    </row>
    <row r="14996" spans="1:10" x14ac:dyDescent="0.35">
      <c r="A14996" s="1" t="s">
        <v>13762</v>
      </c>
      <c r="B14996" s="1" t="s">
        <v>53796</v>
      </c>
      <c r="C14996" s="1" t="s">
        <v>70</v>
      </c>
      <c r="D14996" s="1" t="s">
        <v>56621</v>
      </c>
      <c r="E14996" s="1" t="s">
        <v>21201</v>
      </c>
      <c r="F14996" s="1" t="s">
        <v>56622</v>
      </c>
      <c r="G14996" s="1" t="s">
        <v>56587</v>
      </c>
      <c r="H14996" s="1" t="s">
        <v>56588</v>
      </c>
      <c r="I14996" s="1" t="s">
        <v>53800</v>
      </c>
      <c r="J14996" s="1" t="s">
        <v>56623</v>
      </c>
    </row>
    <row r="14997" spans="1:10" x14ac:dyDescent="0.35">
      <c r="A14997" s="1" t="s">
        <v>13762</v>
      </c>
      <c r="B14997" s="1" t="s">
        <v>53796</v>
      </c>
      <c r="C14997" s="1" t="s">
        <v>75</v>
      </c>
      <c r="D14997" s="1" t="s">
        <v>56624</v>
      </c>
      <c r="E14997" s="1" t="s">
        <v>23006</v>
      </c>
      <c r="F14997" s="1" t="s">
        <v>56625</v>
      </c>
      <c r="G14997" s="1" t="s">
        <v>56587</v>
      </c>
      <c r="H14997" s="1" t="s">
        <v>56588</v>
      </c>
      <c r="I14997" s="1" t="s">
        <v>53800</v>
      </c>
      <c r="J14997" s="1" t="s">
        <v>56626</v>
      </c>
    </row>
    <row r="14998" spans="1:10" x14ac:dyDescent="0.35">
      <c r="A14998" s="1" t="s">
        <v>13762</v>
      </c>
      <c r="B14998" s="1" t="s">
        <v>53796</v>
      </c>
      <c r="C14998" s="1" t="s">
        <v>80</v>
      </c>
      <c r="D14998" s="1" t="s">
        <v>41351</v>
      </c>
      <c r="E14998" s="1" t="s">
        <v>23399</v>
      </c>
      <c r="F14998" s="1" t="s">
        <v>27090</v>
      </c>
      <c r="G14998" s="1" t="s">
        <v>56587</v>
      </c>
      <c r="H14998" s="1" t="s">
        <v>56588</v>
      </c>
      <c r="I14998" s="1" t="s">
        <v>53800</v>
      </c>
      <c r="J14998" s="1" t="s">
        <v>56627</v>
      </c>
    </row>
    <row r="14999" spans="1:10" x14ac:dyDescent="0.35">
      <c r="A14999" s="1" t="s">
        <v>13762</v>
      </c>
      <c r="B14999" s="1" t="s">
        <v>53796</v>
      </c>
      <c r="C14999" s="1" t="s">
        <v>85</v>
      </c>
      <c r="D14999" s="1" t="s">
        <v>56628</v>
      </c>
      <c r="E14999" s="1" t="s">
        <v>56629</v>
      </c>
      <c r="F14999" s="1" t="s">
        <v>56630</v>
      </c>
      <c r="G14999" s="1" t="s">
        <v>56587</v>
      </c>
      <c r="H14999" s="1" t="s">
        <v>56588</v>
      </c>
      <c r="I14999" s="1" t="s">
        <v>53800</v>
      </c>
      <c r="J14999" s="1" t="s">
        <v>56631</v>
      </c>
    </row>
    <row r="15000" spans="1:10" x14ac:dyDescent="0.35">
      <c r="A15000" s="1" t="s">
        <v>13762</v>
      </c>
      <c r="B15000" s="1" t="s">
        <v>53796</v>
      </c>
      <c r="C15000" s="1" t="s">
        <v>90</v>
      </c>
      <c r="D15000" s="1" t="s">
        <v>56632</v>
      </c>
      <c r="E15000" s="1" t="s">
        <v>41262</v>
      </c>
      <c r="F15000" s="1" t="s">
        <v>56633</v>
      </c>
      <c r="G15000" s="1" t="s">
        <v>56587</v>
      </c>
      <c r="H15000" s="1" t="s">
        <v>56588</v>
      </c>
      <c r="I15000" s="1" t="s">
        <v>53800</v>
      </c>
      <c r="J15000" s="1" t="s">
        <v>56634</v>
      </c>
    </row>
    <row r="15001" spans="1:10" x14ac:dyDescent="0.35">
      <c r="A15001" s="1" t="s">
        <v>13762</v>
      </c>
      <c r="B15001" s="1" t="s">
        <v>53796</v>
      </c>
      <c r="C15001" s="1" t="s">
        <v>95</v>
      </c>
      <c r="D15001" s="1" t="s">
        <v>56635</v>
      </c>
      <c r="E15001" s="1" t="s">
        <v>54032</v>
      </c>
      <c r="F15001" s="1" t="s">
        <v>56636</v>
      </c>
      <c r="G15001" s="1" t="s">
        <v>56587</v>
      </c>
      <c r="H15001" s="1" t="s">
        <v>56588</v>
      </c>
      <c r="I15001" s="1" t="s">
        <v>53800</v>
      </c>
      <c r="J15001" s="1" t="s">
        <v>56637</v>
      </c>
    </row>
    <row r="15002" spans="1:10" x14ac:dyDescent="0.35">
      <c r="A15002" s="1" t="s">
        <v>13762</v>
      </c>
      <c r="B15002" s="1" t="s">
        <v>53796</v>
      </c>
      <c r="C15002" s="1" t="s">
        <v>100</v>
      </c>
      <c r="D15002" s="1" t="s">
        <v>56447</v>
      </c>
      <c r="E15002" s="1" t="s">
        <v>54405</v>
      </c>
      <c r="F15002" s="1" t="s">
        <v>56638</v>
      </c>
      <c r="G15002" s="1" t="s">
        <v>56587</v>
      </c>
      <c r="H15002" s="1" t="s">
        <v>56588</v>
      </c>
      <c r="I15002" s="1" t="s">
        <v>53800</v>
      </c>
      <c r="J15002" s="1" t="s">
        <v>56639</v>
      </c>
    </row>
    <row r="15003" spans="1:10" x14ac:dyDescent="0.35">
      <c r="A15003" s="1" t="s">
        <v>13762</v>
      </c>
      <c r="B15003" s="1" t="s">
        <v>53796</v>
      </c>
      <c r="C15003" s="1" t="s">
        <v>105</v>
      </c>
      <c r="D15003" s="1" t="s">
        <v>56640</v>
      </c>
      <c r="E15003" s="1" t="s">
        <v>41192</v>
      </c>
      <c r="F15003" s="1" t="s">
        <v>56641</v>
      </c>
      <c r="G15003" s="1" t="s">
        <v>56587</v>
      </c>
      <c r="H15003" s="1" t="s">
        <v>56588</v>
      </c>
      <c r="I15003" s="1" t="s">
        <v>53800</v>
      </c>
      <c r="J15003" s="1" t="s">
        <v>56642</v>
      </c>
    </row>
    <row r="15004" spans="1:10" x14ac:dyDescent="0.35">
      <c r="A15004" s="1" t="s">
        <v>13762</v>
      </c>
      <c r="B15004" s="1" t="s">
        <v>53796</v>
      </c>
      <c r="C15004" s="1" t="s">
        <v>110</v>
      </c>
      <c r="D15004" s="1" t="s">
        <v>56643</v>
      </c>
      <c r="E15004" s="1" t="s">
        <v>56644</v>
      </c>
      <c r="F15004" s="1" t="s">
        <v>56645</v>
      </c>
      <c r="G15004" s="1" t="s">
        <v>56587</v>
      </c>
      <c r="H15004" s="1" t="s">
        <v>56588</v>
      </c>
      <c r="I15004" s="1" t="s">
        <v>53800</v>
      </c>
      <c r="J15004" s="1" t="s">
        <v>56646</v>
      </c>
    </row>
    <row r="15005" spans="1:10" x14ac:dyDescent="0.35">
      <c r="A15005" s="1" t="s">
        <v>13762</v>
      </c>
      <c r="B15005" s="1" t="s">
        <v>53796</v>
      </c>
      <c r="C15005" s="1" t="s">
        <v>115</v>
      </c>
      <c r="D15005" s="1" t="s">
        <v>56647</v>
      </c>
      <c r="E15005" s="1" t="s">
        <v>41468</v>
      </c>
      <c r="F15005" s="1" t="s">
        <v>56648</v>
      </c>
      <c r="G15005" s="1" t="s">
        <v>56587</v>
      </c>
      <c r="H15005" s="1" t="s">
        <v>56588</v>
      </c>
      <c r="I15005" s="1" t="s">
        <v>53800</v>
      </c>
      <c r="J15005" s="1" t="s">
        <v>56649</v>
      </c>
    </row>
    <row r="15006" spans="1:10" x14ac:dyDescent="0.35">
      <c r="A15006" s="1" t="s">
        <v>13762</v>
      </c>
      <c r="B15006" s="1" t="s">
        <v>53796</v>
      </c>
      <c r="C15006" s="1" t="s">
        <v>120</v>
      </c>
      <c r="D15006" s="1" t="s">
        <v>56650</v>
      </c>
      <c r="E15006" s="1" t="s">
        <v>56651</v>
      </c>
      <c r="F15006" s="1" t="s">
        <v>56652</v>
      </c>
      <c r="G15006" s="1" t="s">
        <v>56587</v>
      </c>
      <c r="H15006" s="1" t="s">
        <v>56588</v>
      </c>
      <c r="I15006" s="1" t="s">
        <v>53800</v>
      </c>
      <c r="J15006" s="1" t="s">
        <v>56653</v>
      </c>
    </row>
    <row r="15007" spans="1:10" x14ac:dyDescent="0.35">
      <c r="A15007" s="1" t="s">
        <v>13762</v>
      </c>
      <c r="B15007" s="1" t="s">
        <v>53796</v>
      </c>
      <c r="C15007" s="1" t="s">
        <v>125</v>
      </c>
      <c r="D15007" s="1" t="s">
        <v>56654</v>
      </c>
      <c r="E15007" s="1" t="s">
        <v>22040</v>
      </c>
      <c r="F15007" s="1" t="s">
        <v>56655</v>
      </c>
      <c r="G15007" s="1" t="s">
        <v>56587</v>
      </c>
      <c r="H15007" s="1" t="s">
        <v>56588</v>
      </c>
      <c r="I15007" s="1" t="s">
        <v>53800</v>
      </c>
      <c r="J15007" s="1" t="s">
        <v>56656</v>
      </c>
    </row>
    <row r="15008" spans="1:10" x14ac:dyDescent="0.35">
      <c r="A15008" s="1" t="s">
        <v>13762</v>
      </c>
      <c r="B15008" s="1" t="s">
        <v>53796</v>
      </c>
      <c r="C15008" s="1" t="s">
        <v>130</v>
      </c>
      <c r="D15008" s="1" t="s">
        <v>56657</v>
      </c>
      <c r="E15008" s="1" t="s">
        <v>54387</v>
      </c>
      <c r="F15008" s="1" t="s">
        <v>56658</v>
      </c>
      <c r="G15008" s="1" t="s">
        <v>56587</v>
      </c>
      <c r="H15008" s="1" t="s">
        <v>56588</v>
      </c>
      <c r="I15008" s="1" t="s">
        <v>53800</v>
      </c>
      <c r="J15008" s="1" t="s">
        <v>56659</v>
      </c>
    </row>
    <row r="15009" spans="1:10" x14ac:dyDescent="0.35">
      <c r="A15009" s="1" t="s">
        <v>13762</v>
      </c>
      <c r="B15009" s="1" t="s">
        <v>53796</v>
      </c>
      <c r="C15009" s="1" t="s">
        <v>135</v>
      </c>
      <c r="D15009" s="1" t="s">
        <v>56660</v>
      </c>
      <c r="E15009" s="1" t="s">
        <v>54038</v>
      </c>
      <c r="F15009" s="1" t="s">
        <v>56661</v>
      </c>
      <c r="G15009" s="1" t="s">
        <v>56587</v>
      </c>
      <c r="H15009" s="1" t="s">
        <v>56588</v>
      </c>
      <c r="I15009" s="1" t="s">
        <v>53800</v>
      </c>
      <c r="J15009" s="1" t="s">
        <v>56662</v>
      </c>
    </row>
    <row r="15010" spans="1:10" x14ac:dyDescent="0.35">
      <c r="A15010" s="1" t="s">
        <v>13762</v>
      </c>
      <c r="B15010" s="1" t="s">
        <v>53796</v>
      </c>
      <c r="C15010" s="1" t="s">
        <v>140</v>
      </c>
      <c r="D15010" s="1" t="s">
        <v>56663</v>
      </c>
      <c r="E15010" s="1" t="s">
        <v>56664</v>
      </c>
      <c r="F15010" s="1" t="s">
        <v>56665</v>
      </c>
      <c r="G15010" s="1" t="s">
        <v>56587</v>
      </c>
      <c r="H15010" s="1" t="s">
        <v>56588</v>
      </c>
      <c r="I15010" s="1" t="s">
        <v>53800</v>
      </c>
      <c r="J15010" s="1" t="s">
        <v>56666</v>
      </c>
    </row>
    <row r="15011" spans="1:10" x14ac:dyDescent="0.35">
      <c r="A15011" s="1" t="s">
        <v>13762</v>
      </c>
      <c r="B15011" s="1" t="s">
        <v>53796</v>
      </c>
      <c r="C15011" s="1" t="s">
        <v>145</v>
      </c>
      <c r="D15011" s="1" t="s">
        <v>56667</v>
      </c>
      <c r="E15011" s="1" t="s">
        <v>23457</v>
      </c>
      <c r="F15011" s="1" t="s">
        <v>56668</v>
      </c>
      <c r="G15011" s="1" t="s">
        <v>56587</v>
      </c>
      <c r="H15011" s="1" t="s">
        <v>56588</v>
      </c>
      <c r="I15011" s="1" t="s">
        <v>53800</v>
      </c>
      <c r="J15011" s="1" t="s">
        <v>56669</v>
      </c>
    </row>
    <row r="15012" spans="1:10" x14ac:dyDescent="0.35">
      <c r="A15012" s="1" t="s">
        <v>13762</v>
      </c>
      <c r="B15012" s="1" t="s">
        <v>53796</v>
      </c>
      <c r="C15012" s="1" t="s">
        <v>150</v>
      </c>
      <c r="D15012" s="1" t="s">
        <v>56670</v>
      </c>
      <c r="E15012" s="1" t="s">
        <v>12875</v>
      </c>
      <c r="F15012" s="1" t="s">
        <v>56671</v>
      </c>
      <c r="G15012" s="1" t="s">
        <v>56587</v>
      </c>
      <c r="H15012" s="1" t="s">
        <v>56588</v>
      </c>
      <c r="I15012" s="1" t="s">
        <v>53800</v>
      </c>
      <c r="J15012" s="1" t="s">
        <v>56672</v>
      </c>
    </row>
    <row r="15013" spans="1:10" x14ac:dyDescent="0.35">
      <c r="A15013" s="1" t="s">
        <v>13762</v>
      </c>
      <c r="B15013" s="1" t="s">
        <v>53796</v>
      </c>
      <c r="C15013" s="1" t="s">
        <v>155</v>
      </c>
      <c r="D15013" s="1" t="s">
        <v>56673</v>
      </c>
      <c r="E15013" s="1" t="s">
        <v>16105</v>
      </c>
      <c r="F15013" s="1" t="s">
        <v>56674</v>
      </c>
      <c r="G15013" s="1" t="s">
        <v>56587</v>
      </c>
      <c r="H15013" s="1" t="s">
        <v>56588</v>
      </c>
      <c r="I15013" s="1" t="s">
        <v>53800</v>
      </c>
      <c r="J15013" s="1" t="s">
        <v>56675</v>
      </c>
    </row>
    <row r="15014" spans="1:10" x14ac:dyDescent="0.35">
      <c r="A15014" s="1" t="s">
        <v>13762</v>
      </c>
      <c r="B15014" s="1" t="s">
        <v>53796</v>
      </c>
      <c r="C15014" s="1" t="s">
        <v>160</v>
      </c>
      <c r="D15014" s="1" t="s">
        <v>56676</v>
      </c>
      <c r="E15014" s="1" t="s">
        <v>41202</v>
      </c>
      <c r="F15014" s="1" t="s">
        <v>56677</v>
      </c>
      <c r="G15014" s="1" t="s">
        <v>56587</v>
      </c>
      <c r="H15014" s="1" t="s">
        <v>56588</v>
      </c>
      <c r="I15014" s="1" t="s">
        <v>53800</v>
      </c>
      <c r="J15014" s="1" t="s">
        <v>56678</v>
      </c>
    </row>
    <row r="15015" spans="1:10" x14ac:dyDescent="0.35">
      <c r="A15015" s="1" t="s">
        <v>13762</v>
      </c>
      <c r="B15015" s="1" t="s">
        <v>53796</v>
      </c>
      <c r="C15015" s="1" t="s">
        <v>165</v>
      </c>
      <c r="D15015" s="1" t="s">
        <v>56679</v>
      </c>
      <c r="E15015" s="1" t="s">
        <v>21779</v>
      </c>
      <c r="F15015" s="1" t="s">
        <v>56308</v>
      </c>
      <c r="G15015" s="1" t="s">
        <v>56587</v>
      </c>
      <c r="H15015" s="1" t="s">
        <v>56588</v>
      </c>
      <c r="I15015" s="1" t="s">
        <v>53800</v>
      </c>
      <c r="J15015" s="1" t="s">
        <v>56680</v>
      </c>
    </row>
    <row r="15016" spans="1:10" x14ac:dyDescent="0.35">
      <c r="A15016" s="1" t="s">
        <v>13762</v>
      </c>
      <c r="B15016" s="1" t="s">
        <v>53796</v>
      </c>
      <c r="C15016" s="1" t="s">
        <v>170</v>
      </c>
      <c r="D15016" s="1" t="s">
        <v>56681</v>
      </c>
      <c r="E15016" s="1" t="s">
        <v>54197</v>
      </c>
      <c r="F15016" s="1" t="s">
        <v>56682</v>
      </c>
      <c r="G15016" s="1" t="s">
        <v>56587</v>
      </c>
      <c r="H15016" s="1" t="s">
        <v>56588</v>
      </c>
      <c r="I15016" s="1" t="s">
        <v>53800</v>
      </c>
      <c r="J15016" s="1" t="s">
        <v>56683</v>
      </c>
    </row>
    <row r="15017" spans="1:10" x14ac:dyDescent="0.35">
      <c r="A15017" s="1" t="s">
        <v>56684</v>
      </c>
      <c r="B15017" s="1" t="s">
        <v>53796</v>
      </c>
      <c r="C15017" s="1" t="s">
        <v>8</v>
      </c>
      <c r="D15017" s="1" t="s">
        <v>56685</v>
      </c>
      <c r="E15017" s="1" t="s">
        <v>56686</v>
      </c>
      <c r="F15017" s="1" t="s">
        <v>56687</v>
      </c>
      <c r="G15017" s="1" t="s">
        <v>56688</v>
      </c>
      <c r="H15017" s="1" t="s">
        <v>56689</v>
      </c>
      <c r="I15017" s="1" t="s">
        <v>53800</v>
      </c>
      <c r="J15017" s="1" t="s">
        <v>13</v>
      </c>
    </row>
    <row r="15018" spans="1:10" x14ac:dyDescent="0.35">
      <c r="A15018" s="1" t="s">
        <v>56684</v>
      </c>
      <c r="B15018" s="1" t="s">
        <v>53796</v>
      </c>
      <c r="C15018" s="1" t="s">
        <v>15</v>
      </c>
      <c r="D15018" s="1" t="s">
        <v>56690</v>
      </c>
      <c r="E15018" s="1" t="s">
        <v>21807</v>
      </c>
      <c r="F15018" s="1" t="s">
        <v>56691</v>
      </c>
      <c r="G15018" s="1" t="s">
        <v>56688</v>
      </c>
      <c r="H15018" s="1" t="s">
        <v>56689</v>
      </c>
      <c r="I15018" s="1" t="s">
        <v>53800</v>
      </c>
      <c r="J15018" s="1" t="s">
        <v>56692</v>
      </c>
    </row>
    <row r="15019" spans="1:10" x14ac:dyDescent="0.35">
      <c r="A15019" s="1" t="s">
        <v>56684</v>
      </c>
      <c r="B15019" s="1" t="s">
        <v>53796</v>
      </c>
      <c r="C15019" s="1" t="s">
        <v>20</v>
      </c>
      <c r="D15019" s="1" t="s">
        <v>18579</v>
      </c>
      <c r="E15019" s="1" t="s">
        <v>12883</v>
      </c>
      <c r="F15019" s="1" t="s">
        <v>56693</v>
      </c>
      <c r="G15019" s="1" t="s">
        <v>56688</v>
      </c>
      <c r="H15019" s="1" t="s">
        <v>56689</v>
      </c>
      <c r="I15019" s="1" t="s">
        <v>53800</v>
      </c>
      <c r="J15019" s="1" t="s">
        <v>56694</v>
      </c>
    </row>
    <row r="15020" spans="1:10" x14ac:dyDescent="0.35">
      <c r="A15020" s="1" t="s">
        <v>56684</v>
      </c>
      <c r="B15020" s="1" t="s">
        <v>53796</v>
      </c>
      <c r="C15020" s="1" t="s">
        <v>25</v>
      </c>
      <c r="D15020" s="1" t="s">
        <v>15113</v>
      </c>
      <c r="E15020" s="1" t="s">
        <v>21826</v>
      </c>
      <c r="F15020" s="1" t="s">
        <v>56695</v>
      </c>
      <c r="G15020" s="1" t="s">
        <v>56688</v>
      </c>
      <c r="H15020" s="1" t="s">
        <v>56689</v>
      </c>
      <c r="I15020" s="1" t="s">
        <v>53800</v>
      </c>
      <c r="J15020" s="1" t="s">
        <v>56696</v>
      </c>
    </row>
    <row r="15021" spans="1:10" x14ac:dyDescent="0.35">
      <c r="A15021" s="1" t="s">
        <v>56684</v>
      </c>
      <c r="B15021" s="1" t="s">
        <v>53796</v>
      </c>
      <c r="C15021" s="1" t="s">
        <v>30</v>
      </c>
      <c r="D15021" s="1" t="s">
        <v>56697</v>
      </c>
      <c r="E15021" s="1" t="s">
        <v>56698</v>
      </c>
      <c r="F15021" s="1" t="s">
        <v>56699</v>
      </c>
      <c r="G15021" s="1" t="s">
        <v>56688</v>
      </c>
      <c r="H15021" s="1" t="s">
        <v>56689</v>
      </c>
      <c r="I15021" s="1" t="s">
        <v>53800</v>
      </c>
      <c r="J15021" s="1" t="s">
        <v>56700</v>
      </c>
    </row>
    <row r="15022" spans="1:10" x14ac:dyDescent="0.35">
      <c r="A15022" s="1" t="s">
        <v>56684</v>
      </c>
      <c r="B15022" s="1" t="s">
        <v>53796</v>
      </c>
      <c r="C15022" s="1" t="s">
        <v>35</v>
      </c>
      <c r="D15022" s="1" t="s">
        <v>56701</v>
      </c>
      <c r="E15022" s="1" t="s">
        <v>24359</v>
      </c>
      <c r="F15022" s="1" t="s">
        <v>56702</v>
      </c>
      <c r="G15022" s="1" t="s">
        <v>56688</v>
      </c>
      <c r="H15022" s="1" t="s">
        <v>56689</v>
      </c>
      <c r="I15022" s="1" t="s">
        <v>53800</v>
      </c>
      <c r="J15022" s="1" t="s">
        <v>56703</v>
      </c>
    </row>
    <row r="15023" spans="1:10" x14ac:dyDescent="0.35">
      <c r="A15023" s="1" t="s">
        <v>56684</v>
      </c>
      <c r="B15023" s="1" t="s">
        <v>53796</v>
      </c>
      <c r="C15023" s="1" t="s">
        <v>40</v>
      </c>
      <c r="D15023" s="1" t="s">
        <v>56704</v>
      </c>
      <c r="E15023" s="1" t="s">
        <v>56705</v>
      </c>
      <c r="F15023" s="1" t="s">
        <v>56706</v>
      </c>
      <c r="G15023" s="1" t="s">
        <v>56688</v>
      </c>
      <c r="H15023" s="1" t="s">
        <v>56689</v>
      </c>
      <c r="I15023" s="1" t="s">
        <v>53800</v>
      </c>
      <c r="J15023" s="1" t="s">
        <v>56707</v>
      </c>
    </row>
    <row r="15024" spans="1:10" x14ac:dyDescent="0.35">
      <c r="A15024" s="1" t="s">
        <v>56684</v>
      </c>
      <c r="B15024" s="1" t="s">
        <v>53796</v>
      </c>
      <c r="C15024" s="1" t="s">
        <v>45</v>
      </c>
      <c r="D15024" s="1" t="s">
        <v>56708</v>
      </c>
      <c r="E15024" s="1" t="s">
        <v>12864</v>
      </c>
      <c r="F15024" s="1" t="s">
        <v>24277</v>
      </c>
      <c r="G15024" s="1" t="s">
        <v>56688</v>
      </c>
      <c r="H15024" s="1" t="s">
        <v>56689</v>
      </c>
      <c r="I15024" s="1" t="s">
        <v>53800</v>
      </c>
      <c r="J15024" s="1" t="s">
        <v>56709</v>
      </c>
    </row>
    <row r="15025" spans="1:10" x14ac:dyDescent="0.35">
      <c r="A15025" s="1" t="s">
        <v>56684</v>
      </c>
      <c r="B15025" s="1" t="s">
        <v>53796</v>
      </c>
      <c r="C15025" s="1" t="s">
        <v>50</v>
      </c>
      <c r="D15025" s="1" t="s">
        <v>56710</v>
      </c>
      <c r="E15025" s="1" t="s">
        <v>12805</v>
      </c>
      <c r="F15025" s="1" t="s">
        <v>56711</v>
      </c>
      <c r="G15025" s="1" t="s">
        <v>56688</v>
      </c>
      <c r="H15025" s="1" t="s">
        <v>56689</v>
      </c>
      <c r="I15025" s="1" t="s">
        <v>53800</v>
      </c>
      <c r="J15025" s="1" t="s">
        <v>56712</v>
      </c>
    </row>
    <row r="15026" spans="1:10" x14ac:dyDescent="0.35">
      <c r="A15026" s="1" t="s">
        <v>56684</v>
      </c>
      <c r="B15026" s="1" t="s">
        <v>53796</v>
      </c>
      <c r="C15026" s="1" t="s">
        <v>55</v>
      </c>
      <c r="D15026" s="1" t="s">
        <v>56713</v>
      </c>
      <c r="E15026" s="1" t="s">
        <v>54070</v>
      </c>
      <c r="F15026" s="1" t="s">
        <v>56714</v>
      </c>
      <c r="G15026" s="1" t="s">
        <v>56688</v>
      </c>
      <c r="H15026" s="1" t="s">
        <v>56689</v>
      </c>
      <c r="I15026" s="1" t="s">
        <v>53800</v>
      </c>
      <c r="J15026" s="1" t="s">
        <v>56715</v>
      </c>
    </row>
    <row r="15027" spans="1:10" x14ac:dyDescent="0.35">
      <c r="A15027" s="1" t="s">
        <v>56684</v>
      </c>
      <c r="B15027" s="1" t="s">
        <v>53796</v>
      </c>
      <c r="C15027" s="1" t="s">
        <v>60</v>
      </c>
      <c r="D15027" s="1" t="s">
        <v>56716</v>
      </c>
      <c r="E15027" s="1" t="s">
        <v>26202</v>
      </c>
      <c r="F15027" s="1" t="s">
        <v>56717</v>
      </c>
      <c r="G15027" s="1" t="s">
        <v>56688</v>
      </c>
      <c r="H15027" s="1" t="s">
        <v>56689</v>
      </c>
      <c r="I15027" s="1" t="s">
        <v>53800</v>
      </c>
      <c r="J15027" s="1" t="s">
        <v>56718</v>
      </c>
    </row>
    <row r="15028" spans="1:10" x14ac:dyDescent="0.35">
      <c r="A15028" s="1" t="s">
        <v>56684</v>
      </c>
      <c r="B15028" s="1" t="s">
        <v>53796</v>
      </c>
      <c r="C15028" s="1" t="s">
        <v>65</v>
      </c>
      <c r="D15028" s="1" t="s">
        <v>33371</v>
      </c>
      <c r="E15028" s="1" t="s">
        <v>55586</v>
      </c>
      <c r="F15028" s="1" t="s">
        <v>32057</v>
      </c>
      <c r="G15028" s="1" t="s">
        <v>56688</v>
      </c>
      <c r="H15028" s="1" t="s">
        <v>56689</v>
      </c>
      <c r="I15028" s="1" t="s">
        <v>53800</v>
      </c>
      <c r="J15028" s="1" t="s">
        <v>56719</v>
      </c>
    </row>
    <row r="15029" spans="1:10" x14ac:dyDescent="0.35">
      <c r="A15029" s="1" t="s">
        <v>56684</v>
      </c>
      <c r="B15029" s="1" t="s">
        <v>53796</v>
      </c>
      <c r="C15029" s="1" t="s">
        <v>70</v>
      </c>
      <c r="D15029" s="1" t="s">
        <v>56720</v>
      </c>
      <c r="E15029" s="1" t="s">
        <v>56721</v>
      </c>
      <c r="F15029" s="1" t="s">
        <v>56722</v>
      </c>
      <c r="G15029" s="1" t="s">
        <v>56688</v>
      </c>
      <c r="H15029" s="1" t="s">
        <v>56689</v>
      </c>
      <c r="I15029" s="1" t="s">
        <v>53800</v>
      </c>
      <c r="J15029" s="1" t="s">
        <v>56723</v>
      </c>
    </row>
    <row r="15030" spans="1:10" x14ac:dyDescent="0.35">
      <c r="A15030" s="1" t="s">
        <v>56684</v>
      </c>
      <c r="B15030" s="1" t="s">
        <v>53796</v>
      </c>
      <c r="C15030" s="1" t="s">
        <v>75</v>
      </c>
      <c r="D15030" s="1" t="s">
        <v>56724</v>
      </c>
      <c r="E15030" s="1" t="s">
        <v>22095</v>
      </c>
      <c r="F15030" s="1" t="s">
        <v>56725</v>
      </c>
      <c r="G15030" s="1" t="s">
        <v>56688</v>
      </c>
      <c r="H15030" s="1" t="s">
        <v>56689</v>
      </c>
      <c r="I15030" s="1" t="s">
        <v>53800</v>
      </c>
      <c r="J15030" s="1" t="s">
        <v>56726</v>
      </c>
    </row>
    <row r="15031" spans="1:10" x14ac:dyDescent="0.35">
      <c r="A15031" s="1" t="s">
        <v>56684</v>
      </c>
      <c r="B15031" s="1" t="s">
        <v>53796</v>
      </c>
      <c r="C15031" s="1" t="s">
        <v>80</v>
      </c>
      <c r="D15031" s="1" t="s">
        <v>56727</v>
      </c>
      <c r="E15031" s="1" t="s">
        <v>26247</v>
      </c>
      <c r="F15031" s="1" t="s">
        <v>56728</v>
      </c>
      <c r="G15031" s="1" t="s">
        <v>56688</v>
      </c>
      <c r="H15031" s="1" t="s">
        <v>56689</v>
      </c>
      <c r="I15031" s="1" t="s">
        <v>53800</v>
      </c>
      <c r="J15031" s="1" t="s">
        <v>56729</v>
      </c>
    </row>
    <row r="15032" spans="1:10" x14ac:dyDescent="0.35">
      <c r="A15032" s="1" t="s">
        <v>56684</v>
      </c>
      <c r="B15032" s="1" t="s">
        <v>53796</v>
      </c>
      <c r="C15032" s="1" t="s">
        <v>85</v>
      </c>
      <c r="D15032" s="1" t="s">
        <v>56730</v>
      </c>
      <c r="E15032" s="1" t="s">
        <v>21807</v>
      </c>
      <c r="F15032" s="1" t="s">
        <v>56731</v>
      </c>
      <c r="G15032" s="1" t="s">
        <v>56688</v>
      </c>
      <c r="H15032" s="1" t="s">
        <v>56689</v>
      </c>
      <c r="I15032" s="1" t="s">
        <v>53800</v>
      </c>
      <c r="J15032" s="1" t="s">
        <v>56732</v>
      </c>
    </row>
    <row r="15033" spans="1:10" x14ac:dyDescent="0.35">
      <c r="A15033" s="1" t="s">
        <v>56684</v>
      </c>
      <c r="B15033" s="1" t="s">
        <v>53796</v>
      </c>
      <c r="C15033" s="1" t="s">
        <v>90</v>
      </c>
      <c r="D15033" s="1" t="s">
        <v>56733</v>
      </c>
      <c r="E15033" s="1" t="s">
        <v>31472</v>
      </c>
      <c r="F15033" s="1" t="s">
        <v>56734</v>
      </c>
      <c r="G15033" s="1" t="s">
        <v>56688</v>
      </c>
      <c r="H15033" s="1" t="s">
        <v>56689</v>
      </c>
      <c r="I15033" s="1" t="s">
        <v>53800</v>
      </c>
      <c r="J15033" s="1" t="s">
        <v>56735</v>
      </c>
    </row>
    <row r="15034" spans="1:10" x14ac:dyDescent="0.35">
      <c r="A15034" s="1" t="s">
        <v>56684</v>
      </c>
      <c r="B15034" s="1" t="s">
        <v>53796</v>
      </c>
      <c r="C15034" s="1" t="s">
        <v>95</v>
      </c>
      <c r="D15034" s="1" t="s">
        <v>56736</v>
      </c>
      <c r="E15034" s="1" t="s">
        <v>56737</v>
      </c>
      <c r="F15034" s="1" t="s">
        <v>56738</v>
      </c>
      <c r="G15034" s="1" t="s">
        <v>56688</v>
      </c>
      <c r="H15034" s="1" t="s">
        <v>56689</v>
      </c>
      <c r="I15034" s="1" t="s">
        <v>53800</v>
      </c>
      <c r="J15034" s="1" t="s">
        <v>56739</v>
      </c>
    </row>
    <row r="15035" spans="1:10" x14ac:dyDescent="0.35">
      <c r="A15035" s="1" t="s">
        <v>56684</v>
      </c>
      <c r="B15035" s="1" t="s">
        <v>53796</v>
      </c>
      <c r="C15035" s="1" t="s">
        <v>100</v>
      </c>
      <c r="D15035" s="1" t="s">
        <v>56740</v>
      </c>
      <c r="E15035" s="1" t="s">
        <v>32069</v>
      </c>
      <c r="F15035" s="1" t="s">
        <v>56741</v>
      </c>
      <c r="G15035" s="1" t="s">
        <v>56688</v>
      </c>
      <c r="H15035" s="1" t="s">
        <v>56689</v>
      </c>
      <c r="I15035" s="1" t="s">
        <v>53800</v>
      </c>
      <c r="J15035" s="1" t="s">
        <v>56742</v>
      </c>
    </row>
    <row r="15036" spans="1:10" x14ac:dyDescent="0.35">
      <c r="A15036" s="1" t="s">
        <v>56684</v>
      </c>
      <c r="B15036" s="1" t="s">
        <v>53796</v>
      </c>
      <c r="C15036" s="1" t="s">
        <v>105</v>
      </c>
      <c r="D15036" s="1" t="s">
        <v>56743</v>
      </c>
      <c r="E15036" s="1" t="s">
        <v>12790</v>
      </c>
      <c r="F15036" s="1" t="s">
        <v>56744</v>
      </c>
      <c r="G15036" s="1" t="s">
        <v>56688</v>
      </c>
      <c r="H15036" s="1" t="s">
        <v>56689</v>
      </c>
      <c r="I15036" s="1" t="s">
        <v>53800</v>
      </c>
      <c r="J15036" s="1" t="s">
        <v>56745</v>
      </c>
    </row>
    <row r="15037" spans="1:10" x14ac:dyDescent="0.35">
      <c r="A15037" s="1" t="s">
        <v>56684</v>
      </c>
      <c r="B15037" s="1" t="s">
        <v>53796</v>
      </c>
      <c r="C15037" s="1" t="s">
        <v>110</v>
      </c>
      <c r="D15037" s="1" t="s">
        <v>56746</v>
      </c>
      <c r="E15037" s="1" t="s">
        <v>55248</v>
      </c>
      <c r="F15037" s="1" t="s">
        <v>56747</v>
      </c>
      <c r="G15037" s="1" t="s">
        <v>56688</v>
      </c>
      <c r="H15037" s="1" t="s">
        <v>56689</v>
      </c>
      <c r="I15037" s="1" t="s">
        <v>53800</v>
      </c>
      <c r="J15037" s="1" t="s">
        <v>56748</v>
      </c>
    </row>
    <row r="15038" spans="1:10" x14ac:dyDescent="0.35">
      <c r="A15038" s="1" t="s">
        <v>56684</v>
      </c>
      <c r="B15038" s="1" t="s">
        <v>53796</v>
      </c>
      <c r="C15038" s="1" t="s">
        <v>115</v>
      </c>
      <c r="D15038" s="1" t="s">
        <v>56749</v>
      </c>
      <c r="E15038" s="1" t="s">
        <v>15361</v>
      </c>
      <c r="F15038" s="1" t="s">
        <v>56750</v>
      </c>
      <c r="G15038" s="1" t="s">
        <v>56688</v>
      </c>
      <c r="H15038" s="1" t="s">
        <v>56689</v>
      </c>
      <c r="I15038" s="1" t="s">
        <v>53800</v>
      </c>
      <c r="J15038" s="1" t="s">
        <v>56751</v>
      </c>
    </row>
    <row r="15039" spans="1:10" x14ac:dyDescent="0.35">
      <c r="A15039" s="1" t="s">
        <v>56684</v>
      </c>
      <c r="B15039" s="1" t="s">
        <v>53796</v>
      </c>
      <c r="C15039" s="1" t="s">
        <v>120</v>
      </c>
      <c r="D15039" s="1" t="s">
        <v>56752</v>
      </c>
      <c r="E15039" s="1" t="s">
        <v>53928</v>
      </c>
      <c r="F15039" s="1" t="s">
        <v>56753</v>
      </c>
      <c r="G15039" s="1" t="s">
        <v>56688</v>
      </c>
      <c r="H15039" s="1" t="s">
        <v>56689</v>
      </c>
      <c r="I15039" s="1" t="s">
        <v>53800</v>
      </c>
      <c r="J15039" s="1" t="s">
        <v>56754</v>
      </c>
    </row>
    <row r="15040" spans="1:10" x14ac:dyDescent="0.35">
      <c r="A15040" s="1" t="s">
        <v>56684</v>
      </c>
      <c r="B15040" s="1" t="s">
        <v>53796</v>
      </c>
      <c r="C15040" s="1" t="s">
        <v>125</v>
      </c>
      <c r="D15040" s="1" t="s">
        <v>40328</v>
      </c>
      <c r="E15040" s="1" t="s">
        <v>12868</v>
      </c>
      <c r="F15040" s="1" t="s">
        <v>56755</v>
      </c>
      <c r="G15040" s="1" t="s">
        <v>56688</v>
      </c>
      <c r="H15040" s="1" t="s">
        <v>56689</v>
      </c>
      <c r="I15040" s="1" t="s">
        <v>53800</v>
      </c>
      <c r="J15040" s="1" t="s">
        <v>56756</v>
      </c>
    </row>
    <row r="15041" spans="1:10" x14ac:dyDescent="0.35">
      <c r="A15041" s="1" t="s">
        <v>56684</v>
      </c>
      <c r="B15041" s="1" t="s">
        <v>53796</v>
      </c>
      <c r="C15041" s="1" t="s">
        <v>130</v>
      </c>
      <c r="D15041" s="1" t="s">
        <v>56757</v>
      </c>
      <c r="E15041" s="1" t="s">
        <v>56758</v>
      </c>
      <c r="F15041" s="1" t="s">
        <v>56759</v>
      </c>
      <c r="G15041" s="1" t="s">
        <v>56688</v>
      </c>
      <c r="H15041" s="1" t="s">
        <v>56689</v>
      </c>
      <c r="I15041" s="1" t="s">
        <v>53800</v>
      </c>
      <c r="J15041" s="1" t="s">
        <v>56760</v>
      </c>
    </row>
    <row r="15042" spans="1:10" x14ac:dyDescent="0.35">
      <c r="A15042" s="1" t="s">
        <v>56684</v>
      </c>
      <c r="B15042" s="1" t="s">
        <v>53796</v>
      </c>
      <c r="C15042" s="1" t="s">
        <v>135</v>
      </c>
      <c r="D15042" s="1" t="s">
        <v>56761</v>
      </c>
      <c r="E15042" s="1" t="s">
        <v>26618</v>
      </c>
      <c r="F15042" s="1" t="s">
        <v>56762</v>
      </c>
      <c r="G15042" s="1" t="s">
        <v>56688</v>
      </c>
      <c r="H15042" s="1" t="s">
        <v>56689</v>
      </c>
      <c r="I15042" s="1" t="s">
        <v>53800</v>
      </c>
      <c r="J15042" s="1" t="s">
        <v>56763</v>
      </c>
    </row>
    <row r="15043" spans="1:10" x14ac:dyDescent="0.35">
      <c r="A15043" s="1" t="s">
        <v>56684</v>
      </c>
      <c r="B15043" s="1" t="s">
        <v>53796</v>
      </c>
      <c r="C15043" s="1" t="s">
        <v>140</v>
      </c>
      <c r="D15043" s="1" t="s">
        <v>56764</v>
      </c>
      <c r="E15043" s="1" t="s">
        <v>56079</v>
      </c>
      <c r="F15043" s="1" t="s">
        <v>56765</v>
      </c>
      <c r="G15043" s="1" t="s">
        <v>56688</v>
      </c>
      <c r="H15043" s="1" t="s">
        <v>56689</v>
      </c>
      <c r="I15043" s="1" t="s">
        <v>53800</v>
      </c>
      <c r="J15043" s="1" t="s">
        <v>56766</v>
      </c>
    </row>
    <row r="15044" spans="1:10" x14ac:dyDescent="0.35">
      <c r="A15044" s="1" t="s">
        <v>56684</v>
      </c>
      <c r="B15044" s="1" t="s">
        <v>53796</v>
      </c>
      <c r="C15044" s="1" t="s">
        <v>145</v>
      </c>
      <c r="D15044" s="1" t="s">
        <v>56767</v>
      </c>
      <c r="E15044" s="1" t="s">
        <v>15380</v>
      </c>
      <c r="F15044" s="1" t="s">
        <v>56768</v>
      </c>
      <c r="G15044" s="1" t="s">
        <v>56688</v>
      </c>
      <c r="H15044" s="1" t="s">
        <v>56689</v>
      </c>
      <c r="I15044" s="1" t="s">
        <v>53800</v>
      </c>
      <c r="J15044" s="1" t="s">
        <v>56769</v>
      </c>
    </row>
    <row r="15045" spans="1:10" x14ac:dyDescent="0.35">
      <c r="A15045" s="1" t="s">
        <v>56684</v>
      </c>
      <c r="B15045" s="1" t="s">
        <v>53796</v>
      </c>
      <c r="C15045" s="1" t="s">
        <v>150</v>
      </c>
      <c r="D15045" s="1" t="s">
        <v>39249</v>
      </c>
      <c r="E15045" s="1" t="s">
        <v>56164</v>
      </c>
      <c r="F15045" s="1" t="s">
        <v>56770</v>
      </c>
      <c r="G15045" s="1" t="s">
        <v>56688</v>
      </c>
      <c r="H15045" s="1" t="s">
        <v>56689</v>
      </c>
      <c r="I15045" s="1" t="s">
        <v>53800</v>
      </c>
      <c r="J15045" s="1" t="s">
        <v>56771</v>
      </c>
    </row>
    <row r="15046" spans="1:10" x14ac:dyDescent="0.35">
      <c r="A15046" s="1" t="s">
        <v>56684</v>
      </c>
      <c r="B15046" s="1" t="s">
        <v>53796</v>
      </c>
      <c r="C15046" s="1" t="s">
        <v>155</v>
      </c>
      <c r="D15046" s="1" t="s">
        <v>56772</v>
      </c>
      <c r="E15046" s="1" t="s">
        <v>31746</v>
      </c>
      <c r="F15046" s="1" t="s">
        <v>56773</v>
      </c>
      <c r="G15046" s="1" t="s">
        <v>56688</v>
      </c>
      <c r="H15046" s="1" t="s">
        <v>56689</v>
      </c>
      <c r="I15046" s="1" t="s">
        <v>53800</v>
      </c>
      <c r="J15046" s="1" t="s">
        <v>56774</v>
      </c>
    </row>
    <row r="15047" spans="1:10" x14ac:dyDescent="0.35">
      <c r="A15047" s="1" t="s">
        <v>56684</v>
      </c>
      <c r="B15047" s="1" t="s">
        <v>53796</v>
      </c>
      <c r="C15047" s="1" t="s">
        <v>160</v>
      </c>
      <c r="D15047" s="1" t="s">
        <v>56775</v>
      </c>
      <c r="E15047" s="1" t="s">
        <v>15365</v>
      </c>
      <c r="F15047" s="1" t="s">
        <v>56776</v>
      </c>
      <c r="G15047" s="1" t="s">
        <v>56688</v>
      </c>
      <c r="H15047" s="1" t="s">
        <v>56689</v>
      </c>
      <c r="I15047" s="1" t="s">
        <v>53800</v>
      </c>
      <c r="J15047" s="1" t="s">
        <v>56777</v>
      </c>
    </row>
    <row r="15048" spans="1:10" x14ac:dyDescent="0.35">
      <c r="A15048" s="1" t="s">
        <v>56684</v>
      </c>
      <c r="B15048" s="1" t="s">
        <v>53796</v>
      </c>
      <c r="C15048" s="1" t="s">
        <v>165</v>
      </c>
      <c r="D15048" s="1" t="s">
        <v>23565</v>
      </c>
      <c r="E15048" s="1" t="s">
        <v>22099</v>
      </c>
      <c r="F15048" s="1" t="s">
        <v>56778</v>
      </c>
      <c r="G15048" s="1" t="s">
        <v>56688</v>
      </c>
      <c r="H15048" s="1" t="s">
        <v>56689</v>
      </c>
      <c r="I15048" s="1" t="s">
        <v>53800</v>
      </c>
      <c r="J15048" s="1" t="s">
        <v>56779</v>
      </c>
    </row>
    <row r="15049" spans="1:10" x14ac:dyDescent="0.35">
      <c r="A15049" s="1" t="s">
        <v>56684</v>
      </c>
      <c r="B15049" s="1" t="s">
        <v>53796</v>
      </c>
      <c r="C15049" s="1" t="s">
        <v>170</v>
      </c>
      <c r="D15049" s="1" t="s">
        <v>56780</v>
      </c>
      <c r="E15049" s="1" t="s">
        <v>54803</v>
      </c>
      <c r="F15049" s="1" t="s">
        <v>56781</v>
      </c>
      <c r="G15049" s="1" t="s">
        <v>56688</v>
      </c>
      <c r="H15049" s="1" t="s">
        <v>56689</v>
      </c>
      <c r="I15049" s="1" t="s">
        <v>53800</v>
      </c>
      <c r="J15049" s="1" t="s">
        <v>56782</v>
      </c>
    </row>
    <row r="15050" spans="1:10" x14ac:dyDescent="0.35">
      <c r="A15050" s="1" t="s">
        <v>50475</v>
      </c>
      <c r="B15050" s="1" t="s">
        <v>53796</v>
      </c>
      <c r="C15050" s="1" t="s">
        <v>8</v>
      </c>
      <c r="D15050" s="1" t="s">
        <v>56783</v>
      </c>
      <c r="E15050" s="1" t="s">
        <v>56784</v>
      </c>
      <c r="F15050" s="1" t="s">
        <v>56785</v>
      </c>
      <c r="G15050" s="1" t="s">
        <v>56786</v>
      </c>
      <c r="H15050" s="1" t="s">
        <v>56787</v>
      </c>
      <c r="I15050" s="1" t="s">
        <v>53800</v>
      </c>
      <c r="J15050" s="1" t="s">
        <v>13</v>
      </c>
    </row>
    <row r="15051" spans="1:10" x14ac:dyDescent="0.35">
      <c r="A15051" s="1" t="s">
        <v>50475</v>
      </c>
      <c r="B15051" s="1" t="s">
        <v>53796</v>
      </c>
      <c r="C15051" s="1" t="s">
        <v>15</v>
      </c>
      <c r="D15051" s="1" t="s">
        <v>56788</v>
      </c>
      <c r="E15051" s="1" t="s">
        <v>32320</v>
      </c>
      <c r="F15051" s="1" t="s">
        <v>32137</v>
      </c>
      <c r="G15051" s="1" t="s">
        <v>56786</v>
      </c>
      <c r="H15051" s="1" t="s">
        <v>56787</v>
      </c>
      <c r="I15051" s="1" t="s">
        <v>53800</v>
      </c>
      <c r="J15051" s="1" t="s">
        <v>56789</v>
      </c>
    </row>
    <row r="15052" spans="1:10" x14ac:dyDescent="0.35">
      <c r="A15052" s="1" t="s">
        <v>50475</v>
      </c>
      <c r="B15052" s="1" t="s">
        <v>53796</v>
      </c>
      <c r="C15052" s="1" t="s">
        <v>20</v>
      </c>
      <c r="D15052" s="1" t="s">
        <v>56790</v>
      </c>
      <c r="E15052" s="1" t="s">
        <v>26629</v>
      </c>
      <c r="F15052" s="1" t="s">
        <v>52472</v>
      </c>
      <c r="G15052" s="1" t="s">
        <v>56786</v>
      </c>
      <c r="H15052" s="1" t="s">
        <v>56787</v>
      </c>
      <c r="I15052" s="1" t="s">
        <v>53800</v>
      </c>
      <c r="J15052" s="1" t="s">
        <v>56791</v>
      </c>
    </row>
    <row r="15053" spans="1:10" x14ac:dyDescent="0.35">
      <c r="A15053" s="1" t="s">
        <v>50475</v>
      </c>
      <c r="B15053" s="1" t="s">
        <v>53796</v>
      </c>
      <c r="C15053" s="1" t="s">
        <v>25</v>
      </c>
      <c r="D15053" s="1" t="s">
        <v>56792</v>
      </c>
      <c r="E15053" s="1" t="s">
        <v>21910</v>
      </c>
      <c r="F15053" s="1" t="s">
        <v>56793</v>
      </c>
      <c r="G15053" s="1" t="s">
        <v>56786</v>
      </c>
      <c r="H15053" s="1" t="s">
        <v>56787</v>
      </c>
      <c r="I15053" s="1" t="s">
        <v>53800</v>
      </c>
      <c r="J15053" s="1" t="s">
        <v>56794</v>
      </c>
    </row>
    <row r="15054" spans="1:10" x14ac:dyDescent="0.35">
      <c r="A15054" s="1" t="s">
        <v>50475</v>
      </c>
      <c r="B15054" s="1" t="s">
        <v>53796</v>
      </c>
      <c r="C15054" s="1" t="s">
        <v>30</v>
      </c>
      <c r="D15054" s="1" t="s">
        <v>56795</v>
      </c>
      <c r="E15054" s="1" t="s">
        <v>54409</v>
      </c>
      <c r="F15054" s="1" t="s">
        <v>56796</v>
      </c>
      <c r="G15054" s="1" t="s">
        <v>56786</v>
      </c>
      <c r="H15054" s="1" t="s">
        <v>56787</v>
      </c>
      <c r="I15054" s="1" t="s">
        <v>53800</v>
      </c>
      <c r="J15054" s="1" t="s">
        <v>56797</v>
      </c>
    </row>
    <row r="15055" spans="1:10" x14ac:dyDescent="0.35">
      <c r="A15055" s="1" t="s">
        <v>50475</v>
      </c>
      <c r="B15055" s="1" t="s">
        <v>53796</v>
      </c>
      <c r="C15055" s="1" t="s">
        <v>35</v>
      </c>
      <c r="D15055" s="1" t="s">
        <v>12319</v>
      </c>
      <c r="E15055" s="1" t="s">
        <v>12845</v>
      </c>
      <c r="F15055" s="1" t="s">
        <v>56798</v>
      </c>
      <c r="G15055" s="1" t="s">
        <v>56786</v>
      </c>
      <c r="H15055" s="1" t="s">
        <v>56787</v>
      </c>
      <c r="I15055" s="1" t="s">
        <v>53800</v>
      </c>
      <c r="J15055" s="1" t="s">
        <v>56799</v>
      </c>
    </row>
    <row r="15056" spans="1:10" x14ac:dyDescent="0.35">
      <c r="A15056" s="1" t="s">
        <v>50475</v>
      </c>
      <c r="B15056" s="1" t="s">
        <v>53796</v>
      </c>
      <c r="C15056" s="1" t="s">
        <v>40</v>
      </c>
      <c r="D15056" s="1" t="s">
        <v>56800</v>
      </c>
      <c r="E15056" s="1" t="s">
        <v>40711</v>
      </c>
      <c r="F15056" s="1" t="s">
        <v>56801</v>
      </c>
      <c r="G15056" s="1" t="s">
        <v>56786</v>
      </c>
      <c r="H15056" s="1" t="s">
        <v>56787</v>
      </c>
      <c r="I15056" s="1" t="s">
        <v>53800</v>
      </c>
      <c r="J15056" s="1" t="s">
        <v>56802</v>
      </c>
    </row>
    <row r="15057" spans="1:10" x14ac:dyDescent="0.35">
      <c r="A15057" s="1" t="s">
        <v>50475</v>
      </c>
      <c r="B15057" s="1" t="s">
        <v>53796</v>
      </c>
      <c r="C15057" s="1" t="s">
        <v>45</v>
      </c>
      <c r="D15057" s="1" t="s">
        <v>56803</v>
      </c>
      <c r="E15057" s="1" t="s">
        <v>54478</v>
      </c>
      <c r="F15057" s="1" t="s">
        <v>56804</v>
      </c>
      <c r="G15057" s="1" t="s">
        <v>56786</v>
      </c>
      <c r="H15057" s="1" t="s">
        <v>56787</v>
      </c>
      <c r="I15057" s="1" t="s">
        <v>53800</v>
      </c>
      <c r="J15057" s="1" t="s">
        <v>56805</v>
      </c>
    </row>
    <row r="15058" spans="1:10" x14ac:dyDescent="0.35">
      <c r="A15058" s="1" t="s">
        <v>50475</v>
      </c>
      <c r="B15058" s="1" t="s">
        <v>53796</v>
      </c>
      <c r="C15058" s="1" t="s">
        <v>50</v>
      </c>
      <c r="D15058" s="1" t="s">
        <v>56806</v>
      </c>
      <c r="E15058" s="1" t="s">
        <v>21960</v>
      </c>
      <c r="F15058" s="1" t="s">
        <v>56807</v>
      </c>
      <c r="G15058" s="1" t="s">
        <v>56786</v>
      </c>
      <c r="H15058" s="1" t="s">
        <v>56787</v>
      </c>
      <c r="I15058" s="1" t="s">
        <v>53800</v>
      </c>
      <c r="J15058" s="1" t="s">
        <v>56808</v>
      </c>
    </row>
    <row r="15059" spans="1:10" x14ac:dyDescent="0.35">
      <c r="A15059" s="1" t="s">
        <v>50475</v>
      </c>
      <c r="B15059" s="1" t="s">
        <v>53796</v>
      </c>
      <c r="C15059" s="1" t="s">
        <v>55</v>
      </c>
      <c r="D15059" s="1" t="s">
        <v>56809</v>
      </c>
      <c r="E15059" s="1" t="s">
        <v>12883</v>
      </c>
      <c r="F15059" s="1" t="s">
        <v>56810</v>
      </c>
      <c r="G15059" s="1" t="s">
        <v>56786</v>
      </c>
      <c r="H15059" s="1" t="s">
        <v>56787</v>
      </c>
      <c r="I15059" s="1" t="s">
        <v>53800</v>
      </c>
      <c r="J15059" s="1" t="s">
        <v>56811</v>
      </c>
    </row>
    <row r="15060" spans="1:10" x14ac:dyDescent="0.35">
      <c r="A15060" s="1" t="s">
        <v>50475</v>
      </c>
      <c r="B15060" s="1" t="s">
        <v>53796</v>
      </c>
      <c r="C15060" s="1" t="s">
        <v>60</v>
      </c>
      <c r="D15060" s="1" t="s">
        <v>56812</v>
      </c>
      <c r="E15060" s="1" t="s">
        <v>32557</v>
      </c>
      <c r="F15060" s="1" t="s">
        <v>30605</v>
      </c>
      <c r="G15060" s="1" t="s">
        <v>56786</v>
      </c>
      <c r="H15060" s="1" t="s">
        <v>56787</v>
      </c>
      <c r="I15060" s="1" t="s">
        <v>53800</v>
      </c>
      <c r="J15060" s="1" t="s">
        <v>56813</v>
      </c>
    </row>
    <row r="15061" spans="1:10" x14ac:dyDescent="0.35">
      <c r="A15061" s="1" t="s">
        <v>50475</v>
      </c>
      <c r="B15061" s="1" t="s">
        <v>53796</v>
      </c>
      <c r="C15061" s="1" t="s">
        <v>65</v>
      </c>
      <c r="D15061" s="1" t="s">
        <v>56814</v>
      </c>
      <c r="E15061" s="1" t="s">
        <v>22095</v>
      </c>
      <c r="F15061" s="1" t="s">
        <v>55453</v>
      </c>
      <c r="G15061" s="1" t="s">
        <v>56786</v>
      </c>
      <c r="H15061" s="1" t="s">
        <v>56787</v>
      </c>
      <c r="I15061" s="1" t="s">
        <v>53800</v>
      </c>
      <c r="J15061" s="1" t="s">
        <v>56815</v>
      </c>
    </row>
    <row r="15062" spans="1:10" x14ac:dyDescent="0.35">
      <c r="A15062" s="1" t="s">
        <v>50475</v>
      </c>
      <c r="B15062" s="1" t="s">
        <v>53796</v>
      </c>
      <c r="C15062" s="1" t="s">
        <v>70</v>
      </c>
      <c r="D15062" s="1" t="s">
        <v>56816</v>
      </c>
      <c r="E15062" s="1" t="s">
        <v>21970</v>
      </c>
      <c r="F15062" s="1" t="s">
        <v>22088</v>
      </c>
      <c r="G15062" s="1" t="s">
        <v>56786</v>
      </c>
      <c r="H15062" s="1" t="s">
        <v>56787</v>
      </c>
      <c r="I15062" s="1" t="s">
        <v>53800</v>
      </c>
      <c r="J15062" s="1" t="s">
        <v>56817</v>
      </c>
    </row>
    <row r="15063" spans="1:10" x14ac:dyDescent="0.35">
      <c r="A15063" s="1" t="s">
        <v>50475</v>
      </c>
      <c r="B15063" s="1" t="s">
        <v>53796</v>
      </c>
      <c r="C15063" s="1" t="s">
        <v>75</v>
      </c>
      <c r="D15063" s="1" t="s">
        <v>56818</v>
      </c>
      <c r="E15063" s="1" t="s">
        <v>26247</v>
      </c>
      <c r="F15063" s="1" t="s">
        <v>56819</v>
      </c>
      <c r="G15063" s="1" t="s">
        <v>56786</v>
      </c>
      <c r="H15063" s="1" t="s">
        <v>56787</v>
      </c>
      <c r="I15063" s="1" t="s">
        <v>53800</v>
      </c>
      <c r="J15063" s="1" t="s">
        <v>56820</v>
      </c>
    </row>
    <row r="15064" spans="1:10" x14ac:dyDescent="0.35">
      <c r="A15064" s="1" t="s">
        <v>50475</v>
      </c>
      <c r="B15064" s="1" t="s">
        <v>53796</v>
      </c>
      <c r="C15064" s="1" t="s">
        <v>80</v>
      </c>
      <c r="D15064" s="1" t="s">
        <v>56821</v>
      </c>
      <c r="E15064" s="1" t="s">
        <v>56822</v>
      </c>
      <c r="F15064" s="1" t="s">
        <v>56823</v>
      </c>
      <c r="G15064" s="1" t="s">
        <v>56786</v>
      </c>
      <c r="H15064" s="1" t="s">
        <v>56787</v>
      </c>
      <c r="I15064" s="1" t="s">
        <v>53800</v>
      </c>
      <c r="J15064" s="1" t="s">
        <v>56824</v>
      </c>
    </row>
    <row r="15065" spans="1:10" x14ac:dyDescent="0.35">
      <c r="A15065" s="1" t="s">
        <v>50475</v>
      </c>
      <c r="B15065" s="1" t="s">
        <v>53796</v>
      </c>
      <c r="C15065" s="1" t="s">
        <v>85</v>
      </c>
      <c r="D15065" s="1" t="s">
        <v>56825</v>
      </c>
      <c r="E15065" s="1" t="s">
        <v>54796</v>
      </c>
      <c r="F15065" s="1" t="s">
        <v>56826</v>
      </c>
      <c r="G15065" s="1" t="s">
        <v>56786</v>
      </c>
      <c r="H15065" s="1" t="s">
        <v>56787</v>
      </c>
      <c r="I15065" s="1" t="s">
        <v>53800</v>
      </c>
      <c r="J15065" s="1" t="s">
        <v>56827</v>
      </c>
    </row>
    <row r="15066" spans="1:10" x14ac:dyDescent="0.35">
      <c r="A15066" s="1" t="s">
        <v>50475</v>
      </c>
      <c r="B15066" s="1" t="s">
        <v>53796</v>
      </c>
      <c r="C15066" s="1" t="s">
        <v>90</v>
      </c>
      <c r="D15066" s="1" t="s">
        <v>56828</v>
      </c>
      <c r="E15066" s="1" t="s">
        <v>31869</v>
      </c>
      <c r="F15066" s="1" t="s">
        <v>26252</v>
      </c>
      <c r="G15066" s="1" t="s">
        <v>56786</v>
      </c>
      <c r="H15066" s="1" t="s">
        <v>56787</v>
      </c>
      <c r="I15066" s="1" t="s">
        <v>53800</v>
      </c>
      <c r="J15066" s="1" t="s">
        <v>56829</v>
      </c>
    </row>
    <row r="15067" spans="1:10" x14ac:dyDescent="0.35">
      <c r="A15067" s="1" t="s">
        <v>50475</v>
      </c>
      <c r="B15067" s="1" t="s">
        <v>53796</v>
      </c>
      <c r="C15067" s="1" t="s">
        <v>95</v>
      </c>
      <c r="D15067" s="1" t="s">
        <v>56830</v>
      </c>
      <c r="E15067" s="1" t="s">
        <v>26520</v>
      </c>
      <c r="F15067" s="1" t="s">
        <v>56831</v>
      </c>
      <c r="G15067" s="1" t="s">
        <v>56786</v>
      </c>
      <c r="H15067" s="1" t="s">
        <v>56787</v>
      </c>
      <c r="I15067" s="1" t="s">
        <v>53800</v>
      </c>
      <c r="J15067" s="1" t="s">
        <v>56832</v>
      </c>
    </row>
    <row r="15068" spans="1:10" x14ac:dyDescent="0.35">
      <c r="A15068" s="1" t="s">
        <v>50475</v>
      </c>
      <c r="B15068" s="1" t="s">
        <v>53796</v>
      </c>
      <c r="C15068" s="1" t="s">
        <v>100</v>
      </c>
      <c r="D15068" s="1" t="s">
        <v>56833</v>
      </c>
      <c r="E15068" s="1" t="s">
        <v>31368</v>
      </c>
      <c r="F15068" s="1" t="s">
        <v>22306</v>
      </c>
      <c r="G15068" s="1" t="s">
        <v>56786</v>
      </c>
      <c r="H15068" s="1" t="s">
        <v>56787</v>
      </c>
      <c r="I15068" s="1" t="s">
        <v>53800</v>
      </c>
      <c r="J15068" s="1" t="s">
        <v>56834</v>
      </c>
    </row>
    <row r="15069" spans="1:10" x14ac:dyDescent="0.35">
      <c r="A15069" s="1" t="s">
        <v>50475</v>
      </c>
      <c r="B15069" s="1" t="s">
        <v>53796</v>
      </c>
      <c r="C15069" s="1" t="s">
        <v>105</v>
      </c>
      <c r="D15069" s="1" t="s">
        <v>56835</v>
      </c>
      <c r="E15069" s="1" t="s">
        <v>12790</v>
      </c>
      <c r="F15069" s="1" t="s">
        <v>56836</v>
      </c>
      <c r="G15069" s="1" t="s">
        <v>56786</v>
      </c>
      <c r="H15069" s="1" t="s">
        <v>56787</v>
      </c>
      <c r="I15069" s="1" t="s">
        <v>53800</v>
      </c>
      <c r="J15069" s="1" t="s">
        <v>56837</v>
      </c>
    </row>
    <row r="15070" spans="1:10" x14ac:dyDescent="0.35">
      <c r="A15070" s="1" t="s">
        <v>50475</v>
      </c>
      <c r="B15070" s="1" t="s">
        <v>53796</v>
      </c>
      <c r="C15070" s="1" t="s">
        <v>110</v>
      </c>
      <c r="D15070" s="1" t="s">
        <v>56838</v>
      </c>
      <c r="E15070" s="1" t="s">
        <v>53920</v>
      </c>
      <c r="F15070" s="1" t="s">
        <v>56839</v>
      </c>
      <c r="G15070" s="1" t="s">
        <v>56786</v>
      </c>
      <c r="H15070" s="1" t="s">
        <v>56787</v>
      </c>
      <c r="I15070" s="1" t="s">
        <v>53800</v>
      </c>
      <c r="J15070" s="1" t="s">
        <v>56840</v>
      </c>
    </row>
    <row r="15071" spans="1:10" x14ac:dyDescent="0.35">
      <c r="A15071" s="1" t="s">
        <v>50475</v>
      </c>
      <c r="B15071" s="1" t="s">
        <v>53796</v>
      </c>
      <c r="C15071" s="1" t="s">
        <v>115</v>
      </c>
      <c r="D15071" s="1" t="s">
        <v>56841</v>
      </c>
      <c r="E15071" s="1" t="s">
        <v>56842</v>
      </c>
      <c r="F15071" s="1" t="s">
        <v>54423</v>
      </c>
      <c r="G15071" s="1" t="s">
        <v>56786</v>
      </c>
      <c r="H15071" s="1" t="s">
        <v>56787</v>
      </c>
      <c r="I15071" s="1" t="s">
        <v>53800</v>
      </c>
      <c r="J15071" s="1" t="s">
        <v>56843</v>
      </c>
    </row>
    <row r="15072" spans="1:10" x14ac:dyDescent="0.35">
      <c r="A15072" s="1" t="s">
        <v>50475</v>
      </c>
      <c r="B15072" s="1" t="s">
        <v>53796</v>
      </c>
      <c r="C15072" s="1" t="s">
        <v>120</v>
      </c>
      <c r="D15072" s="1" t="s">
        <v>22237</v>
      </c>
      <c r="E15072" s="1" t="s">
        <v>21803</v>
      </c>
      <c r="F15072" s="1" t="s">
        <v>56844</v>
      </c>
      <c r="G15072" s="1" t="s">
        <v>56786</v>
      </c>
      <c r="H15072" s="1" t="s">
        <v>56787</v>
      </c>
      <c r="I15072" s="1" t="s">
        <v>53800</v>
      </c>
      <c r="J15072" s="1" t="s">
        <v>56845</v>
      </c>
    </row>
    <row r="15073" spans="1:10" x14ac:dyDescent="0.35">
      <c r="A15073" s="1" t="s">
        <v>50475</v>
      </c>
      <c r="B15073" s="1" t="s">
        <v>53796</v>
      </c>
      <c r="C15073" s="1" t="s">
        <v>125</v>
      </c>
      <c r="D15073" s="1" t="s">
        <v>39900</v>
      </c>
      <c r="E15073" s="1" t="s">
        <v>56846</v>
      </c>
      <c r="F15073" s="1" t="s">
        <v>56491</v>
      </c>
      <c r="G15073" s="1" t="s">
        <v>56786</v>
      </c>
      <c r="H15073" s="1" t="s">
        <v>56787</v>
      </c>
      <c r="I15073" s="1" t="s">
        <v>53800</v>
      </c>
      <c r="J15073" s="1" t="s">
        <v>56847</v>
      </c>
    </row>
    <row r="15074" spans="1:10" x14ac:dyDescent="0.35">
      <c r="A15074" s="1" t="s">
        <v>50475</v>
      </c>
      <c r="B15074" s="1" t="s">
        <v>53796</v>
      </c>
      <c r="C15074" s="1" t="s">
        <v>130</v>
      </c>
      <c r="D15074" s="1" t="s">
        <v>56848</v>
      </c>
      <c r="E15074" s="1" t="s">
        <v>56849</v>
      </c>
      <c r="F15074" s="1" t="s">
        <v>56850</v>
      </c>
      <c r="G15074" s="1" t="s">
        <v>56786</v>
      </c>
      <c r="H15074" s="1" t="s">
        <v>56787</v>
      </c>
      <c r="I15074" s="1" t="s">
        <v>53800</v>
      </c>
      <c r="J15074" s="1" t="s">
        <v>56851</v>
      </c>
    </row>
    <row r="15075" spans="1:10" x14ac:dyDescent="0.35">
      <c r="A15075" s="1" t="s">
        <v>50475</v>
      </c>
      <c r="B15075" s="1" t="s">
        <v>53796</v>
      </c>
      <c r="C15075" s="1" t="s">
        <v>135</v>
      </c>
      <c r="D15075" s="1" t="s">
        <v>56852</v>
      </c>
      <c r="E15075" s="1" t="s">
        <v>24182</v>
      </c>
      <c r="F15075" s="1" t="s">
        <v>56853</v>
      </c>
      <c r="G15075" s="1" t="s">
        <v>56786</v>
      </c>
      <c r="H15075" s="1" t="s">
        <v>56787</v>
      </c>
      <c r="I15075" s="1" t="s">
        <v>53800</v>
      </c>
      <c r="J15075" s="1" t="s">
        <v>56854</v>
      </c>
    </row>
    <row r="15076" spans="1:10" x14ac:dyDescent="0.35">
      <c r="A15076" s="1" t="s">
        <v>50475</v>
      </c>
      <c r="B15076" s="1" t="s">
        <v>53796</v>
      </c>
      <c r="C15076" s="1" t="s">
        <v>140</v>
      </c>
      <c r="D15076" s="1" t="s">
        <v>56855</v>
      </c>
      <c r="E15076" s="1" t="s">
        <v>26629</v>
      </c>
      <c r="F15076" s="1" t="s">
        <v>56856</v>
      </c>
      <c r="G15076" s="1" t="s">
        <v>56786</v>
      </c>
      <c r="H15076" s="1" t="s">
        <v>56787</v>
      </c>
      <c r="I15076" s="1" t="s">
        <v>53800</v>
      </c>
      <c r="J15076" s="1" t="s">
        <v>56857</v>
      </c>
    </row>
    <row r="15077" spans="1:10" x14ac:dyDescent="0.35">
      <c r="A15077" s="1" t="s">
        <v>50475</v>
      </c>
      <c r="B15077" s="1" t="s">
        <v>53796</v>
      </c>
      <c r="C15077" s="1" t="s">
        <v>145</v>
      </c>
      <c r="D15077" s="1" t="s">
        <v>56858</v>
      </c>
      <c r="E15077" s="1" t="s">
        <v>16132</v>
      </c>
      <c r="F15077" s="1" t="s">
        <v>56859</v>
      </c>
      <c r="G15077" s="1" t="s">
        <v>56786</v>
      </c>
      <c r="H15077" s="1" t="s">
        <v>56787</v>
      </c>
      <c r="I15077" s="1" t="s">
        <v>53800</v>
      </c>
      <c r="J15077" s="1" t="s">
        <v>56860</v>
      </c>
    </row>
    <row r="15078" spans="1:10" x14ac:dyDescent="0.35">
      <c r="A15078" s="1" t="s">
        <v>50475</v>
      </c>
      <c r="B15078" s="1" t="s">
        <v>53796</v>
      </c>
      <c r="C15078" s="1" t="s">
        <v>150</v>
      </c>
      <c r="D15078" s="1" t="s">
        <v>56861</v>
      </c>
      <c r="E15078" s="1" t="s">
        <v>16138</v>
      </c>
      <c r="F15078" s="1" t="s">
        <v>56862</v>
      </c>
      <c r="G15078" s="1" t="s">
        <v>56786</v>
      </c>
      <c r="H15078" s="1" t="s">
        <v>56787</v>
      </c>
      <c r="I15078" s="1" t="s">
        <v>53800</v>
      </c>
      <c r="J15078" s="1" t="s">
        <v>56863</v>
      </c>
    </row>
    <row r="15079" spans="1:10" x14ac:dyDescent="0.35">
      <c r="A15079" s="1" t="s">
        <v>50475</v>
      </c>
      <c r="B15079" s="1" t="s">
        <v>53796</v>
      </c>
      <c r="C15079" s="1" t="s">
        <v>155</v>
      </c>
      <c r="D15079" s="1" t="s">
        <v>56864</v>
      </c>
      <c r="E15079" s="1" t="s">
        <v>56865</v>
      </c>
      <c r="F15079" s="1" t="s">
        <v>56866</v>
      </c>
      <c r="G15079" s="1" t="s">
        <v>56786</v>
      </c>
      <c r="H15079" s="1" t="s">
        <v>56787</v>
      </c>
      <c r="I15079" s="1" t="s">
        <v>53800</v>
      </c>
      <c r="J15079" s="1" t="s">
        <v>56867</v>
      </c>
    </row>
    <row r="15080" spans="1:10" x14ac:dyDescent="0.35">
      <c r="A15080" s="1" t="s">
        <v>50475</v>
      </c>
      <c r="B15080" s="1" t="s">
        <v>53796</v>
      </c>
      <c r="C15080" s="1" t="s">
        <v>160</v>
      </c>
      <c r="D15080" s="1" t="s">
        <v>56868</v>
      </c>
      <c r="E15080" s="1" t="s">
        <v>32113</v>
      </c>
      <c r="F15080" s="1" t="s">
        <v>56869</v>
      </c>
      <c r="G15080" s="1" t="s">
        <v>56786</v>
      </c>
      <c r="H15080" s="1" t="s">
        <v>56787</v>
      </c>
      <c r="I15080" s="1" t="s">
        <v>53800</v>
      </c>
      <c r="J15080" s="1" t="s">
        <v>56870</v>
      </c>
    </row>
    <row r="15081" spans="1:10" x14ac:dyDescent="0.35">
      <c r="A15081" s="1" t="s">
        <v>50475</v>
      </c>
      <c r="B15081" s="1" t="s">
        <v>53796</v>
      </c>
      <c r="C15081" s="1" t="s">
        <v>165</v>
      </c>
      <c r="D15081" s="1" t="s">
        <v>56871</v>
      </c>
      <c r="E15081" s="1" t="s">
        <v>32584</v>
      </c>
      <c r="F15081" s="1" t="s">
        <v>56872</v>
      </c>
      <c r="G15081" s="1" t="s">
        <v>56786</v>
      </c>
      <c r="H15081" s="1" t="s">
        <v>56787</v>
      </c>
      <c r="I15081" s="1" t="s">
        <v>53800</v>
      </c>
      <c r="J15081" s="1" t="s">
        <v>56873</v>
      </c>
    </row>
    <row r="15082" spans="1:10" x14ac:dyDescent="0.35">
      <c r="A15082" s="1" t="s">
        <v>50475</v>
      </c>
      <c r="B15082" s="1" t="s">
        <v>53796</v>
      </c>
      <c r="C15082" s="1" t="s">
        <v>170</v>
      </c>
      <c r="D15082" s="1" t="s">
        <v>56874</v>
      </c>
      <c r="E15082" s="1" t="s">
        <v>15628</v>
      </c>
      <c r="F15082" s="1" t="s">
        <v>56875</v>
      </c>
      <c r="G15082" s="1" t="s">
        <v>56786</v>
      </c>
      <c r="H15082" s="1" t="s">
        <v>56787</v>
      </c>
      <c r="I15082" s="1" t="s">
        <v>53800</v>
      </c>
      <c r="J15082" s="1" t="s">
        <v>56876</v>
      </c>
    </row>
    <row r="15083" spans="1:10" x14ac:dyDescent="0.35">
      <c r="A15083" s="1" t="s">
        <v>56877</v>
      </c>
      <c r="B15083" s="1" t="s">
        <v>53796</v>
      </c>
      <c r="C15083" s="1" t="s">
        <v>8</v>
      </c>
      <c r="D15083" s="1" t="s">
        <v>56878</v>
      </c>
      <c r="E15083" s="1" t="s">
        <v>24246</v>
      </c>
      <c r="F15083" s="1" t="s">
        <v>56879</v>
      </c>
      <c r="G15083" s="1" t="s">
        <v>56880</v>
      </c>
      <c r="H15083" s="1" t="s">
        <v>56881</v>
      </c>
      <c r="I15083" s="1" t="s">
        <v>53800</v>
      </c>
      <c r="J15083" s="1" t="s">
        <v>13</v>
      </c>
    </row>
    <row r="15084" spans="1:10" x14ac:dyDescent="0.35">
      <c r="A15084" s="1" t="s">
        <v>56877</v>
      </c>
      <c r="B15084" s="1" t="s">
        <v>53796</v>
      </c>
      <c r="C15084" s="1" t="s">
        <v>15</v>
      </c>
      <c r="D15084" s="1" t="s">
        <v>56882</v>
      </c>
      <c r="E15084" s="1" t="s">
        <v>21764</v>
      </c>
      <c r="F15084" s="1" t="s">
        <v>56883</v>
      </c>
      <c r="G15084" s="1" t="s">
        <v>56880</v>
      </c>
      <c r="H15084" s="1" t="s">
        <v>56881</v>
      </c>
      <c r="I15084" s="1" t="s">
        <v>53800</v>
      </c>
      <c r="J15084" s="1" t="s">
        <v>56884</v>
      </c>
    </row>
    <row r="15085" spans="1:10" x14ac:dyDescent="0.35">
      <c r="A15085" s="1" t="s">
        <v>56877</v>
      </c>
      <c r="B15085" s="1" t="s">
        <v>53796</v>
      </c>
      <c r="C15085" s="1" t="s">
        <v>20</v>
      </c>
      <c r="D15085" s="1" t="s">
        <v>56885</v>
      </c>
      <c r="E15085" s="1" t="s">
        <v>24388</v>
      </c>
      <c r="F15085" s="1" t="s">
        <v>56886</v>
      </c>
      <c r="G15085" s="1" t="s">
        <v>56880</v>
      </c>
      <c r="H15085" s="1" t="s">
        <v>56881</v>
      </c>
      <c r="I15085" s="1" t="s">
        <v>53800</v>
      </c>
      <c r="J15085" s="1" t="s">
        <v>56887</v>
      </c>
    </row>
    <row r="15086" spans="1:10" x14ac:dyDescent="0.35">
      <c r="A15086" s="1" t="s">
        <v>56877</v>
      </c>
      <c r="B15086" s="1" t="s">
        <v>53796</v>
      </c>
      <c r="C15086" s="1" t="s">
        <v>25</v>
      </c>
      <c r="D15086" s="1" t="s">
        <v>56888</v>
      </c>
      <c r="E15086" s="1" t="s">
        <v>56889</v>
      </c>
      <c r="F15086" s="1" t="s">
        <v>56890</v>
      </c>
      <c r="G15086" s="1" t="s">
        <v>56880</v>
      </c>
      <c r="H15086" s="1" t="s">
        <v>56881</v>
      </c>
      <c r="I15086" s="1" t="s">
        <v>53800</v>
      </c>
      <c r="J15086" s="1" t="s">
        <v>56891</v>
      </c>
    </row>
    <row r="15087" spans="1:10" x14ac:dyDescent="0.35">
      <c r="A15087" s="1" t="s">
        <v>56877</v>
      </c>
      <c r="B15087" s="1" t="s">
        <v>53796</v>
      </c>
      <c r="C15087" s="1" t="s">
        <v>30</v>
      </c>
      <c r="D15087" s="1" t="s">
        <v>56892</v>
      </c>
      <c r="E15087" s="1" t="s">
        <v>41445</v>
      </c>
      <c r="F15087" s="1" t="s">
        <v>41189</v>
      </c>
      <c r="G15087" s="1" t="s">
        <v>56880</v>
      </c>
      <c r="H15087" s="1" t="s">
        <v>56881</v>
      </c>
      <c r="I15087" s="1" t="s">
        <v>53800</v>
      </c>
      <c r="J15087" s="1" t="s">
        <v>56893</v>
      </c>
    </row>
    <row r="15088" spans="1:10" x14ac:dyDescent="0.35">
      <c r="A15088" s="1" t="s">
        <v>56877</v>
      </c>
      <c r="B15088" s="1" t="s">
        <v>53796</v>
      </c>
      <c r="C15088" s="1" t="s">
        <v>35</v>
      </c>
      <c r="D15088" s="1" t="s">
        <v>56894</v>
      </c>
      <c r="E15088" s="1" t="s">
        <v>21182</v>
      </c>
      <c r="F15088" s="1" t="s">
        <v>55457</v>
      </c>
      <c r="G15088" s="1" t="s">
        <v>56880</v>
      </c>
      <c r="H15088" s="1" t="s">
        <v>56881</v>
      </c>
      <c r="I15088" s="1" t="s">
        <v>53800</v>
      </c>
      <c r="J15088" s="1" t="s">
        <v>56895</v>
      </c>
    </row>
    <row r="15089" spans="1:10" x14ac:dyDescent="0.35">
      <c r="A15089" s="1" t="s">
        <v>56877</v>
      </c>
      <c r="B15089" s="1" t="s">
        <v>53796</v>
      </c>
      <c r="C15089" s="1" t="s">
        <v>40</v>
      </c>
      <c r="D15089" s="1" t="s">
        <v>56896</v>
      </c>
      <c r="E15089" s="1" t="s">
        <v>56897</v>
      </c>
      <c r="F15089" s="1" t="s">
        <v>56898</v>
      </c>
      <c r="G15089" s="1" t="s">
        <v>56880</v>
      </c>
      <c r="H15089" s="1" t="s">
        <v>56881</v>
      </c>
      <c r="I15089" s="1" t="s">
        <v>53800</v>
      </c>
      <c r="J15089" s="1" t="s">
        <v>56899</v>
      </c>
    </row>
    <row r="15090" spans="1:10" x14ac:dyDescent="0.35">
      <c r="A15090" s="1" t="s">
        <v>56877</v>
      </c>
      <c r="B15090" s="1" t="s">
        <v>53796</v>
      </c>
      <c r="C15090" s="1" t="s">
        <v>45</v>
      </c>
      <c r="D15090" s="1" t="s">
        <v>56900</v>
      </c>
      <c r="E15090" s="1" t="s">
        <v>56901</v>
      </c>
      <c r="F15090" s="1" t="s">
        <v>56902</v>
      </c>
      <c r="G15090" s="1" t="s">
        <v>56880</v>
      </c>
      <c r="H15090" s="1" t="s">
        <v>56881</v>
      </c>
      <c r="I15090" s="1" t="s">
        <v>53800</v>
      </c>
      <c r="J15090" s="1" t="s">
        <v>56903</v>
      </c>
    </row>
    <row r="15091" spans="1:10" x14ac:dyDescent="0.35">
      <c r="A15091" s="1" t="s">
        <v>56877</v>
      </c>
      <c r="B15091" s="1" t="s">
        <v>53796</v>
      </c>
      <c r="C15091" s="1" t="s">
        <v>50</v>
      </c>
      <c r="D15091" s="1" t="s">
        <v>56904</v>
      </c>
      <c r="E15091" s="1" t="s">
        <v>40705</v>
      </c>
      <c r="F15091" s="1" t="s">
        <v>56905</v>
      </c>
      <c r="G15091" s="1" t="s">
        <v>56880</v>
      </c>
      <c r="H15091" s="1" t="s">
        <v>56881</v>
      </c>
      <c r="I15091" s="1" t="s">
        <v>53800</v>
      </c>
      <c r="J15091" s="1" t="s">
        <v>56906</v>
      </c>
    </row>
    <row r="15092" spans="1:10" x14ac:dyDescent="0.35">
      <c r="A15092" s="1" t="s">
        <v>56877</v>
      </c>
      <c r="B15092" s="1" t="s">
        <v>53796</v>
      </c>
      <c r="C15092" s="1" t="s">
        <v>55</v>
      </c>
      <c r="D15092" s="1" t="s">
        <v>56907</v>
      </c>
      <c r="E15092" s="1" t="s">
        <v>26552</v>
      </c>
      <c r="F15092" s="1" t="s">
        <v>32085</v>
      </c>
      <c r="G15092" s="1" t="s">
        <v>56880</v>
      </c>
      <c r="H15092" s="1" t="s">
        <v>56881</v>
      </c>
      <c r="I15092" s="1" t="s">
        <v>53800</v>
      </c>
      <c r="J15092" s="1" t="s">
        <v>56908</v>
      </c>
    </row>
    <row r="15093" spans="1:10" x14ac:dyDescent="0.35">
      <c r="A15093" s="1" t="s">
        <v>56877</v>
      </c>
      <c r="B15093" s="1" t="s">
        <v>53796</v>
      </c>
      <c r="C15093" s="1" t="s">
        <v>60</v>
      </c>
      <c r="D15093" s="1" t="s">
        <v>56909</v>
      </c>
      <c r="E15093" s="1" t="s">
        <v>23191</v>
      </c>
      <c r="F15093" s="1" t="s">
        <v>56910</v>
      </c>
      <c r="G15093" s="1" t="s">
        <v>56880</v>
      </c>
      <c r="H15093" s="1" t="s">
        <v>56881</v>
      </c>
      <c r="I15093" s="1" t="s">
        <v>53800</v>
      </c>
      <c r="J15093" s="1" t="s">
        <v>56911</v>
      </c>
    </row>
    <row r="15094" spans="1:10" x14ac:dyDescent="0.35">
      <c r="A15094" s="1" t="s">
        <v>56877</v>
      </c>
      <c r="B15094" s="1" t="s">
        <v>53796</v>
      </c>
      <c r="C15094" s="1" t="s">
        <v>65</v>
      </c>
      <c r="D15094" s="1" t="s">
        <v>56912</v>
      </c>
      <c r="E15094" s="1" t="s">
        <v>56913</v>
      </c>
      <c r="F15094" s="1" t="s">
        <v>56914</v>
      </c>
      <c r="G15094" s="1" t="s">
        <v>56880</v>
      </c>
      <c r="H15094" s="1" t="s">
        <v>56881</v>
      </c>
      <c r="I15094" s="1" t="s">
        <v>53800</v>
      </c>
      <c r="J15094" s="1" t="s">
        <v>56915</v>
      </c>
    </row>
    <row r="15095" spans="1:10" x14ac:dyDescent="0.35">
      <c r="A15095" s="1" t="s">
        <v>56877</v>
      </c>
      <c r="B15095" s="1" t="s">
        <v>53796</v>
      </c>
      <c r="C15095" s="1" t="s">
        <v>70</v>
      </c>
      <c r="D15095" s="1" t="s">
        <v>56916</v>
      </c>
      <c r="E15095" s="1" t="s">
        <v>56917</v>
      </c>
      <c r="F15095" s="1" t="s">
        <v>56918</v>
      </c>
      <c r="G15095" s="1" t="s">
        <v>56880</v>
      </c>
      <c r="H15095" s="1" t="s">
        <v>56881</v>
      </c>
      <c r="I15095" s="1" t="s">
        <v>53800</v>
      </c>
      <c r="J15095" s="1" t="s">
        <v>56919</v>
      </c>
    </row>
    <row r="15096" spans="1:10" x14ac:dyDescent="0.35">
      <c r="A15096" s="1" t="s">
        <v>56877</v>
      </c>
      <c r="B15096" s="1" t="s">
        <v>53796</v>
      </c>
      <c r="C15096" s="1" t="s">
        <v>75</v>
      </c>
      <c r="D15096" s="1" t="s">
        <v>56920</v>
      </c>
      <c r="E15096" s="1" t="s">
        <v>24373</v>
      </c>
      <c r="F15096" s="1" t="s">
        <v>56921</v>
      </c>
      <c r="G15096" s="1" t="s">
        <v>56880</v>
      </c>
      <c r="H15096" s="1" t="s">
        <v>56881</v>
      </c>
      <c r="I15096" s="1" t="s">
        <v>53800</v>
      </c>
      <c r="J15096" s="1" t="s">
        <v>56922</v>
      </c>
    </row>
    <row r="15097" spans="1:10" x14ac:dyDescent="0.35">
      <c r="A15097" s="1" t="s">
        <v>56877</v>
      </c>
      <c r="B15097" s="1" t="s">
        <v>53796</v>
      </c>
      <c r="C15097" s="1" t="s">
        <v>80</v>
      </c>
      <c r="D15097" s="1" t="s">
        <v>20121</v>
      </c>
      <c r="E15097" s="1" t="s">
        <v>56923</v>
      </c>
      <c r="F15097" s="1" t="s">
        <v>56924</v>
      </c>
      <c r="G15097" s="1" t="s">
        <v>56880</v>
      </c>
      <c r="H15097" s="1" t="s">
        <v>56881</v>
      </c>
      <c r="I15097" s="1" t="s">
        <v>53800</v>
      </c>
      <c r="J15097" s="1" t="s">
        <v>56925</v>
      </c>
    </row>
    <row r="15098" spans="1:10" x14ac:dyDescent="0.35">
      <c r="A15098" s="1" t="s">
        <v>56877</v>
      </c>
      <c r="B15098" s="1" t="s">
        <v>53796</v>
      </c>
      <c r="C15098" s="1" t="s">
        <v>85</v>
      </c>
      <c r="D15098" s="1" t="s">
        <v>56926</v>
      </c>
      <c r="E15098" s="1" t="s">
        <v>56927</v>
      </c>
      <c r="F15098" s="1" t="s">
        <v>56928</v>
      </c>
      <c r="G15098" s="1" t="s">
        <v>56880</v>
      </c>
      <c r="H15098" s="1" t="s">
        <v>56881</v>
      </c>
      <c r="I15098" s="1" t="s">
        <v>53800</v>
      </c>
      <c r="J15098" s="1" t="s">
        <v>56929</v>
      </c>
    </row>
    <row r="15099" spans="1:10" x14ac:dyDescent="0.35">
      <c r="A15099" s="1" t="s">
        <v>56877</v>
      </c>
      <c r="B15099" s="1" t="s">
        <v>53796</v>
      </c>
      <c r="C15099" s="1" t="s">
        <v>90</v>
      </c>
      <c r="D15099" s="1" t="s">
        <v>56930</v>
      </c>
      <c r="E15099" s="1" t="s">
        <v>56931</v>
      </c>
      <c r="F15099" s="1" t="s">
        <v>56932</v>
      </c>
      <c r="G15099" s="1" t="s">
        <v>56880</v>
      </c>
      <c r="H15099" s="1" t="s">
        <v>56881</v>
      </c>
      <c r="I15099" s="1" t="s">
        <v>53800</v>
      </c>
      <c r="J15099" s="1" t="s">
        <v>56933</v>
      </c>
    </row>
    <row r="15100" spans="1:10" x14ac:dyDescent="0.35">
      <c r="A15100" s="1" t="s">
        <v>56877</v>
      </c>
      <c r="B15100" s="1" t="s">
        <v>53796</v>
      </c>
      <c r="C15100" s="1" t="s">
        <v>95</v>
      </c>
      <c r="D15100" s="1" t="s">
        <v>56934</v>
      </c>
      <c r="E15100" s="1" t="s">
        <v>54074</v>
      </c>
      <c r="F15100" s="1" t="s">
        <v>56935</v>
      </c>
      <c r="G15100" s="1" t="s">
        <v>56880</v>
      </c>
      <c r="H15100" s="1" t="s">
        <v>56881</v>
      </c>
      <c r="I15100" s="1" t="s">
        <v>53800</v>
      </c>
      <c r="J15100" s="1" t="s">
        <v>56936</v>
      </c>
    </row>
    <row r="15101" spans="1:10" x14ac:dyDescent="0.35">
      <c r="A15101" s="1" t="s">
        <v>56877</v>
      </c>
      <c r="B15101" s="1" t="s">
        <v>53796</v>
      </c>
      <c r="C15101" s="1" t="s">
        <v>100</v>
      </c>
      <c r="D15101" s="1" t="s">
        <v>56937</v>
      </c>
      <c r="E15101" s="1" t="s">
        <v>56938</v>
      </c>
      <c r="F15101" s="1" t="s">
        <v>56939</v>
      </c>
      <c r="G15101" s="1" t="s">
        <v>56880</v>
      </c>
      <c r="H15101" s="1" t="s">
        <v>56881</v>
      </c>
      <c r="I15101" s="1" t="s">
        <v>53800</v>
      </c>
      <c r="J15101" s="1" t="s">
        <v>56940</v>
      </c>
    </row>
    <row r="15102" spans="1:10" x14ac:dyDescent="0.35">
      <c r="A15102" s="1" t="s">
        <v>56877</v>
      </c>
      <c r="B15102" s="1" t="s">
        <v>53796</v>
      </c>
      <c r="C15102" s="1" t="s">
        <v>105</v>
      </c>
      <c r="D15102" s="1" t="s">
        <v>56941</v>
      </c>
      <c r="E15102" s="1" t="s">
        <v>56942</v>
      </c>
      <c r="F15102" s="1" t="s">
        <v>56943</v>
      </c>
      <c r="G15102" s="1" t="s">
        <v>56880</v>
      </c>
      <c r="H15102" s="1" t="s">
        <v>56881</v>
      </c>
      <c r="I15102" s="1" t="s">
        <v>53800</v>
      </c>
      <c r="J15102" s="1" t="s">
        <v>56944</v>
      </c>
    </row>
    <row r="15103" spans="1:10" x14ac:dyDescent="0.35">
      <c r="A15103" s="1" t="s">
        <v>56877</v>
      </c>
      <c r="B15103" s="1" t="s">
        <v>53796</v>
      </c>
      <c r="C15103" s="1" t="s">
        <v>110</v>
      </c>
      <c r="D15103" s="1" t="s">
        <v>56945</v>
      </c>
      <c r="E15103" s="1" t="s">
        <v>56946</v>
      </c>
      <c r="F15103" s="1" t="s">
        <v>56947</v>
      </c>
      <c r="G15103" s="1" t="s">
        <v>56880</v>
      </c>
      <c r="H15103" s="1" t="s">
        <v>56881</v>
      </c>
      <c r="I15103" s="1" t="s">
        <v>53800</v>
      </c>
      <c r="J15103" s="1" t="s">
        <v>56948</v>
      </c>
    </row>
    <row r="15104" spans="1:10" x14ac:dyDescent="0.35">
      <c r="A15104" s="1" t="s">
        <v>56877</v>
      </c>
      <c r="B15104" s="1" t="s">
        <v>53796</v>
      </c>
      <c r="C15104" s="1" t="s">
        <v>115</v>
      </c>
      <c r="D15104" s="1" t="s">
        <v>56949</v>
      </c>
      <c r="E15104" s="1" t="s">
        <v>56950</v>
      </c>
      <c r="F15104" s="1" t="s">
        <v>56951</v>
      </c>
      <c r="G15104" s="1" t="s">
        <v>56880</v>
      </c>
      <c r="H15104" s="1" t="s">
        <v>56881</v>
      </c>
      <c r="I15104" s="1" t="s">
        <v>53800</v>
      </c>
      <c r="J15104" s="1" t="s">
        <v>56952</v>
      </c>
    </row>
    <row r="15105" spans="1:10" x14ac:dyDescent="0.35">
      <c r="A15105" s="1" t="s">
        <v>56877</v>
      </c>
      <c r="B15105" s="1" t="s">
        <v>53796</v>
      </c>
      <c r="C15105" s="1" t="s">
        <v>120</v>
      </c>
      <c r="D15105" s="1" t="s">
        <v>56953</v>
      </c>
      <c r="E15105" s="1" t="s">
        <v>21772</v>
      </c>
      <c r="F15105" s="1" t="s">
        <v>56954</v>
      </c>
      <c r="G15105" s="1" t="s">
        <v>56880</v>
      </c>
      <c r="H15105" s="1" t="s">
        <v>56881</v>
      </c>
      <c r="I15105" s="1" t="s">
        <v>53800</v>
      </c>
      <c r="J15105" s="1" t="s">
        <v>56955</v>
      </c>
    </row>
    <row r="15106" spans="1:10" x14ac:dyDescent="0.35">
      <c r="A15106" s="1" t="s">
        <v>56877</v>
      </c>
      <c r="B15106" s="1" t="s">
        <v>53796</v>
      </c>
      <c r="C15106" s="1" t="s">
        <v>125</v>
      </c>
      <c r="D15106" s="1" t="s">
        <v>55265</v>
      </c>
      <c r="E15106" s="1" t="s">
        <v>56956</v>
      </c>
      <c r="F15106" s="1" t="s">
        <v>56957</v>
      </c>
      <c r="G15106" s="1" t="s">
        <v>56880</v>
      </c>
      <c r="H15106" s="1" t="s">
        <v>56881</v>
      </c>
      <c r="I15106" s="1" t="s">
        <v>53800</v>
      </c>
      <c r="J15106" s="1" t="s">
        <v>56958</v>
      </c>
    </row>
    <row r="15107" spans="1:10" x14ac:dyDescent="0.35">
      <c r="A15107" s="1" t="s">
        <v>56877</v>
      </c>
      <c r="B15107" s="1" t="s">
        <v>53796</v>
      </c>
      <c r="C15107" s="1" t="s">
        <v>130</v>
      </c>
      <c r="D15107" s="1" t="s">
        <v>56959</v>
      </c>
      <c r="E15107" s="1" t="s">
        <v>55373</v>
      </c>
      <c r="F15107" s="1" t="s">
        <v>56960</v>
      </c>
      <c r="G15107" s="1" t="s">
        <v>56880</v>
      </c>
      <c r="H15107" s="1" t="s">
        <v>56881</v>
      </c>
      <c r="I15107" s="1" t="s">
        <v>53800</v>
      </c>
      <c r="J15107" s="1" t="s">
        <v>56961</v>
      </c>
    </row>
    <row r="15108" spans="1:10" x14ac:dyDescent="0.35">
      <c r="A15108" s="1" t="s">
        <v>56877</v>
      </c>
      <c r="B15108" s="1" t="s">
        <v>53796</v>
      </c>
      <c r="C15108" s="1" t="s">
        <v>135</v>
      </c>
      <c r="D15108" s="1" t="s">
        <v>56962</v>
      </c>
      <c r="E15108" s="1" t="s">
        <v>12868</v>
      </c>
      <c r="F15108" s="1" t="s">
        <v>56963</v>
      </c>
      <c r="G15108" s="1" t="s">
        <v>56880</v>
      </c>
      <c r="H15108" s="1" t="s">
        <v>56881</v>
      </c>
      <c r="I15108" s="1" t="s">
        <v>53800</v>
      </c>
      <c r="J15108" s="1" t="s">
        <v>56964</v>
      </c>
    </row>
    <row r="15109" spans="1:10" x14ac:dyDescent="0.35">
      <c r="A15109" s="1" t="s">
        <v>56877</v>
      </c>
      <c r="B15109" s="1" t="s">
        <v>53796</v>
      </c>
      <c r="C15109" s="1" t="s">
        <v>140</v>
      </c>
      <c r="D15109" s="1" t="s">
        <v>56965</v>
      </c>
      <c r="E15109" s="1" t="s">
        <v>56966</v>
      </c>
      <c r="F15109" s="1" t="s">
        <v>56967</v>
      </c>
      <c r="G15109" s="1" t="s">
        <v>56880</v>
      </c>
      <c r="H15109" s="1" t="s">
        <v>56881</v>
      </c>
      <c r="I15109" s="1" t="s">
        <v>53800</v>
      </c>
      <c r="J15109" s="1" t="s">
        <v>56968</v>
      </c>
    </row>
    <row r="15110" spans="1:10" x14ac:dyDescent="0.35">
      <c r="A15110" s="1" t="s">
        <v>56877</v>
      </c>
      <c r="B15110" s="1" t="s">
        <v>53796</v>
      </c>
      <c r="C15110" s="1" t="s">
        <v>145</v>
      </c>
      <c r="D15110" s="1" t="s">
        <v>56969</v>
      </c>
      <c r="E15110" s="1" t="s">
        <v>23457</v>
      </c>
      <c r="F15110" s="1" t="s">
        <v>56970</v>
      </c>
      <c r="G15110" s="1" t="s">
        <v>56880</v>
      </c>
      <c r="H15110" s="1" t="s">
        <v>56881</v>
      </c>
      <c r="I15110" s="1" t="s">
        <v>53800</v>
      </c>
      <c r="J15110" s="1" t="s">
        <v>56971</v>
      </c>
    </row>
    <row r="15111" spans="1:10" x14ac:dyDescent="0.35">
      <c r="A15111" s="1" t="s">
        <v>56877</v>
      </c>
      <c r="B15111" s="1" t="s">
        <v>53796</v>
      </c>
      <c r="C15111" s="1" t="s">
        <v>150</v>
      </c>
      <c r="D15111" s="1" t="s">
        <v>56972</v>
      </c>
      <c r="E15111" s="1" t="s">
        <v>56973</v>
      </c>
      <c r="F15111" s="1" t="s">
        <v>56974</v>
      </c>
      <c r="G15111" s="1" t="s">
        <v>56880</v>
      </c>
      <c r="H15111" s="1" t="s">
        <v>56881</v>
      </c>
      <c r="I15111" s="1" t="s">
        <v>53800</v>
      </c>
      <c r="J15111" s="1" t="s">
        <v>56975</v>
      </c>
    </row>
    <row r="15112" spans="1:10" x14ac:dyDescent="0.35">
      <c r="A15112" s="1" t="s">
        <v>56877</v>
      </c>
      <c r="B15112" s="1" t="s">
        <v>53796</v>
      </c>
      <c r="C15112" s="1" t="s">
        <v>155</v>
      </c>
      <c r="D15112" s="1" t="s">
        <v>56976</v>
      </c>
      <c r="E15112" s="1" t="s">
        <v>16186</v>
      </c>
      <c r="F15112" s="1" t="s">
        <v>56977</v>
      </c>
      <c r="G15112" s="1" t="s">
        <v>56880</v>
      </c>
      <c r="H15112" s="1" t="s">
        <v>56881</v>
      </c>
      <c r="I15112" s="1" t="s">
        <v>53800</v>
      </c>
      <c r="J15112" s="1" t="s">
        <v>56978</v>
      </c>
    </row>
    <row r="15113" spans="1:10" x14ac:dyDescent="0.35">
      <c r="A15113" s="1" t="s">
        <v>56877</v>
      </c>
      <c r="B15113" s="1" t="s">
        <v>53796</v>
      </c>
      <c r="C15113" s="1" t="s">
        <v>160</v>
      </c>
      <c r="D15113" s="1" t="s">
        <v>56979</v>
      </c>
      <c r="E15113" s="1" t="s">
        <v>41148</v>
      </c>
      <c r="F15113" s="1" t="s">
        <v>56980</v>
      </c>
      <c r="G15113" s="1" t="s">
        <v>56880</v>
      </c>
      <c r="H15113" s="1" t="s">
        <v>56881</v>
      </c>
      <c r="I15113" s="1" t="s">
        <v>53800</v>
      </c>
      <c r="J15113" s="1" t="s">
        <v>56981</v>
      </c>
    </row>
    <row r="15114" spans="1:10" x14ac:dyDescent="0.35">
      <c r="A15114" s="1" t="s">
        <v>56877</v>
      </c>
      <c r="B15114" s="1" t="s">
        <v>53796</v>
      </c>
      <c r="C15114" s="1" t="s">
        <v>165</v>
      </c>
      <c r="D15114" s="1" t="s">
        <v>56982</v>
      </c>
      <c r="E15114" s="1" t="s">
        <v>56983</v>
      </c>
      <c r="F15114" s="1" t="s">
        <v>26536</v>
      </c>
      <c r="G15114" s="1" t="s">
        <v>56880</v>
      </c>
      <c r="H15114" s="1" t="s">
        <v>56881</v>
      </c>
      <c r="I15114" s="1" t="s">
        <v>53800</v>
      </c>
      <c r="J15114" s="1" t="s">
        <v>56984</v>
      </c>
    </row>
    <row r="15115" spans="1:10" x14ac:dyDescent="0.35">
      <c r="A15115" s="1" t="s">
        <v>56877</v>
      </c>
      <c r="B15115" s="1" t="s">
        <v>53796</v>
      </c>
      <c r="C15115" s="1" t="s">
        <v>170</v>
      </c>
      <c r="D15115" s="1" t="s">
        <v>56985</v>
      </c>
      <c r="E15115" s="1" t="s">
        <v>15293</v>
      </c>
      <c r="F15115" s="1" t="s">
        <v>56986</v>
      </c>
      <c r="G15115" s="1" t="s">
        <v>56880</v>
      </c>
      <c r="H15115" s="1" t="s">
        <v>56881</v>
      </c>
      <c r="I15115" s="1" t="s">
        <v>53800</v>
      </c>
      <c r="J15115" s="1" t="s">
        <v>56987</v>
      </c>
    </row>
    <row r="15116" spans="1:10" x14ac:dyDescent="0.35">
      <c r="A15116" s="1" t="s">
        <v>56988</v>
      </c>
      <c r="B15116" s="1" t="s">
        <v>53796</v>
      </c>
      <c r="C15116" s="1" t="s">
        <v>8</v>
      </c>
      <c r="D15116" s="1" t="s">
        <v>56989</v>
      </c>
      <c r="E15116" s="1" t="s">
        <v>56990</v>
      </c>
      <c r="F15116" s="1" t="s">
        <v>56991</v>
      </c>
      <c r="G15116" s="1" t="s">
        <v>56992</v>
      </c>
      <c r="H15116" s="1" t="s">
        <v>56993</v>
      </c>
      <c r="I15116" s="1" t="s">
        <v>53800</v>
      </c>
      <c r="J15116" s="1" t="s">
        <v>13</v>
      </c>
    </row>
    <row r="15117" spans="1:10" x14ac:dyDescent="0.35">
      <c r="A15117" s="1" t="s">
        <v>56988</v>
      </c>
      <c r="B15117" s="1" t="s">
        <v>53796</v>
      </c>
      <c r="C15117" s="1" t="s">
        <v>15</v>
      </c>
      <c r="D15117" s="1" t="s">
        <v>8189</v>
      </c>
      <c r="E15117" s="1" t="s">
        <v>56994</v>
      </c>
      <c r="F15117" s="1" t="s">
        <v>56995</v>
      </c>
      <c r="G15117" s="1" t="s">
        <v>56992</v>
      </c>
      <c r="H15117" s="1" t="s">
        <v>56993</v>
      </c>
      <c r="I15117" s="1" t="s">
        <v>53800</v>
      </c>
      <c r="J15117" s="1" t="s">
        <v>56996</v>
      </c>
    </row>
    <row r="15118" spans="1:10" x14ac:dyDescent="0.35">
      <c r="A15118" s="1" t="s">
        <v>56988</v>
      </c>
      <c r="B15118" s="1" t="s">
        <v>53796</v>
      </c>
      <c r="C15118" s="1" t="s">
        <v>20</v>
      </c>
      <c r="D15118" s="1" t="s">
        <v>56997</v>
      </c>
      <c r="E15118" s="1" t="s">
        <v>54433</v>
      </c>
      <c r="F15118" s="1" t="s">
        <v>56998</v>
      </c>
      <c r="G15118" s="1" t="s">
        <v>56992</v>
      </c>
      <c r="H15118" s="1" t="s">
        <v>56993</v>
      </c>
      <c r="I15118" s="1" t="s">
        <v>53800</v>
      </c>
      <c r="J15118" s="1" t="s">
        <v>56999</v>
      </c>
    </row>
    <row r="15119" spans="1:10" x14ac:dyDescent="0.35">
      <c r="A15119" s="1" t="s">
        <v>56988</v>
      </c>
      <c r="B15119" s="1" t="s">
        <v>53796</v>
      </c>
      <c r="C15119" s="1" t="s">
        <v>25</v>
      </c>
      <c r="D15119" s="1" t="s">
        <v>57000</v>
      </c>
      <c r="E15119" s="1" t="s">
        <v>21894</v>
      </c>
      <c r="F15119" s="1" t="s">
        <v>21918</v>
      </c>
      <c r="G15119" s="1" t="s">
        <v>56992</v>
      </c>
      <c r="H15119" s="1" t="s">
        <v>56993</v>
      </c>
      <c r="I15119" s="1" t="s">
        <v>53800</v>
      </c>
      <c r="J15119" s="1" t="s">
        <v>57001</v>
      </c>
    </row>
    <row r="15120" spans="1:10" x14ac:dyDescent="0.35">
      <c r="A15120" s="1" t="s">
        <v>56988</v>
      </c>
      <c r="B15120" s="1" t="s">
        <v>53796</v>
      </c>
      <c r="C15120" s="1" t="s">
        <v>30</v>
      </c>
      <c r="D15120" s="1" t="s">
        <v>57002</v>
      </c>
      <c r="E15120" s="1" t="s">
        <v>32376</v>
      </c>
      <c r="F15120" s="1" t="s">
        <v>23492</v>
      </c>
      <c r="G15120" s="1" t="s">
        <v>56992</v>
      </c>
      <c r="H15120" s="1" t="s">
        <v>56993</v>
      </c>
      <c r="I15120" s="1" t="s">
        <v>53800</v>
      </c>
      <c r="J15120" s="1" t="s">
        <v>57003</v>
      </c>
    </row>
    <row r="15121" spans="1:10" x14ac:dyDescent="0.35">
      <c r="A15121" s="1" t="s">
        <v>56988</v>
      </c>
      <c r="B15121" s="1" t="s">
        <v>53796</v>
      </c>
      <c r="C15121" s="1" t="s">
        <v>35</v>
      </c>
      <c r="D15121" s="1" t="s">
        <v>57004</v>
      </c>
      <c r="E15121" s="1" t="s">
        <v>21898</v>
      </c>
      <c r="F15121" s="1" t="s">
        <v>57005</v>
      </c>
      <c r="G15121" s="1" t="s">
        <v>56992</v>
      </c>
      <c r="H15121" s="1" t="s">
        <v>56993</v>
      </c>
      <c r="I15121" s="1" t="s">
        <v>53800</v>
      </c>
      <c r="J15121" s="1" t="s">
        <v>57006</v>
      </c>
    </row>
    <row r="15122" spans="1:10" x14ac:dyDescent="0.35">
      <c r="A15122" s="1" t="s">
        <v>56988</v>
      </c>
      <c r="B15122" s="1" t="s">
        <v>53796</v>
      </c>
      <c r="C15122" s="1" t="s">
        <v>40</v>
      </c>
      <c r="D15122" s="1" t="s">
        <v>57007</v>
      </c>
      <c r="E15122" s="1" t="s">
        <v>23796</v>
      </c>
      <c r="F15122" s="1" t="s">
        <v>57008</v>
      </c>
      <c r="G15122" s="1" t="s">
        <v>56992</v>
      </c>
      <c r="H15122" s="1" t="s">
        <v>56993</v>
      </c>
      <c r="I15122" s="1" t="s">
        <v>53800</v>
      </c>
      <c r="J15122" s="1" t="s">
        <v>57009</v>
      </c>
    </row>
    <row r="15123" spans="1:10" x14ac:dyDescent="0.35">
      <c r="A15123" s="1" t="s">
        <v>56988</v>
      </c>
      <c r="B15123" s="1" t="s">
        <v>53796</v>
      </c>
      <c r="C15123" s="1" t="s">
        <v>45</v>
      </c>
      <c r="D15123" s="1" t="s">
        <v>57010</v>
      </c>
      <c r="E15123" s="1" t="s">
        <v>16129</v>
      </c>
      <c r="F15123" s="1" t="s">
        <v>57011</v>
      </c>
      <c r="G15123" s="1" t="s">
        <v>56992</v>
      </c>
      <c r="H15123" s="1" t="s">
        <v>56993</v>
      </c>
      <c r="I15123" s="1" t="s">
        <v>53800</v>
      </c>
      <c r="J15123" s="1" t="s">
        <v>57012</v>
      </c>
    </row>
    <row r="15124" spans="1:10" x14ac:dyDescent="0.35">
      <c r="A15124" s="1" t="s">
        <v>56988</v>
      </c>
      <c r="B15124" s="1" t="s">
        <v>53796</v>
      </c>
      <c r="C15124" s="1" t="s">
        <v>50</v>
      </c>
      <c r="D15124" s="1" t="s">
        <v>57013</v>
      </c>
      <c r="E15124" s="1" t="s">
        <v>57014</v>
      </c>
      <c r="F15124" s="1" t="s">
        <v>57015</v>
      </c>
      <c r="G15124" s="1" t="s">
        <v>56992</v>
      </c>
      <c r="H15124" s="1" t="s">
        <v>56993</v>
      </c>
      <c r="I15124" s="1" t="s">
        <v>53800</v>
      </c>
      <c r="J15124" s="1" t="s">
        <v>57016</v>
      </c>
    </row>
    <row r="15125" spans="1:10" x14ac:dyDescent="0.35">
      <c r="A15125" s="1" t="s">
        <v>56988</v>
      </c>
      <c r="B15125" s="1" t="s">
        <v>53796</v>
      </c>
      <c r="C15125" s="1" t="s">
        <v>55</v>
      </c>
      <c r="D15125" s="1" t="s">
        <v>57017</v>
      </c>
      <c r="E15125" s="1" t="s">
        <v>57018</v>
      </c>
      <c r="F15125" s="1" t="s">
        <v>57019</v>
      </c>
      <c r="G15125" s="1" t="s">
        <v>56992</v>
      </c>
      <c r="H15125" s="1" t="s">
        <v>56993</v>
      </c>
      <c r="I15125" s="1" t="s">
        <v>53800</v>
      </c>
      <c r="J15125" s="1" t="s">
        <v>57020</v>
      </c>
    </row>
    <row r="15126" spans="1:10" x14ac:dyDescent="0.35">
      <c r="A15126" s="1" t="s">
        <v>56988</v>
      </c>
      <c r="B15126" s="1" t="s">
        <v>53796</v>
      </c>
      <c r="C15126" s="1" t="s">
        <v>60</v>
      </c>
      <c r="D15126" s="1" t="s">
        <v>57021</v>
      </c>
      <c r="E15126" s="1" t="s">
        <v>57022</v>
      </c>
      <c r="F15126" s="1" t="s">
        <v>57023</v>
      </c>
      <c r="G15126" s="1" t="s">
        <v>56992</v>
      </c>
      <c r="H15126" s="1" t="s">
        <v>56993</v>
      </c>
      <c r="I15126" s="1" t="s">
        <v>53800</v>
      </c>
      <c r="J15126" s="1" t="s">
        <v>57024</v>
      </c>
    </row>
    <row r="15127" spans="1:10" x14ac:dyDescent="0.35">
      <c r="A15127" s="1" t="s">
        <v>56988</v>
      </c>
      <c r="B15127" s="1" t="s">
        <v>53796</v>
      </c>
      <c r="C15127" s="1" t="s">
        <v>65</v>
      </c>
      <c r="D15127" s="1" t="s">
        <v>57025</v>
      </c>
      <c r="E15127" s="1" t="s">
        <v>57026</v>
      </c>
      <c r="F15127" s="1" t="s">
        <v>57027</v>
      </c>
      <c r="G15127" s="1" t="s">
        <v>56992</v>
      </c>
      <c r="H15127" s="1" t="s">
        <v>56993</v>
      </c>
      <c r="I15127" s="1" t="s">
        <v>53800</v>
      </c>
      <c r="J15127" s="1" t="s">
        <v>57028</v>
      </c>
    </row>
    <row r="15128" spans="1:10" x14ac:dyDescent="0.35">
      <c r="A15128" s="1" t="s">
        <v>56988</v>
      </c>
      <c r="B15128" s="1" t="s">
        <v>53796</v>
      </c>
      <c r="C15128" s="1" t="s">
        <v>70</v>
      </c>
      <c r="D15128" s="1" t="s">
        <v>57029</v>
      </c>
      <c r="E15128" s="1" t="s">
        <v>21945</v>
      </c>
      <c r="F15128" s="1" t="s">
        <v>57030</v>
      </c>
      <c r="G15128" s="1" t="s">
        <v>56992</v>
      </c>
      <c r="H15128" s="1" t="s">
        <v>56993</v>
      </c>
      <c r="I15128" s="1" t="s">
        <v>53800</v>
      </c>
      <c r="J15128" s="1" t="s">
        <v>57031</v>
      </c>
    </row>
    <row r="15129" spans="1:10" x14ac:dyDescent="0.35">
      <c r="A15129" s="1" t="s">
        <v>56988</v>
      </c>
      <c r="B15129" s="1" t="s">
        <v>53796</v>
      </c>
      <c r="C15129" s="1" t="s">
        <v>75</v>
      </c>
      <c r="D15129" s="1" t="s">
        <v>57032</v>
      </c>
      <c r="E15129" s="1" t="s">
        <v>55248</v>
      </c>
      <c r="F15129" s="1" t="s">
        <v>57033</v>
      </c>
      <c r="G15129" s="1" t="s">
        <v>56992</v>
      </c>
      <c r="H15129" s="1" t="s">
        <v>56993</v>
      </c>
      <c r="I15129" s="1" t="s">
        <v>53800</v>
      </c>
      <c r="J15129" s="1" t="s">
        <v>57034</v>
      </c>
    </row>
    <row r="15130" spans="1:10" x14ac:dyDescent="0.35">
      <c r="A15130" s="1" t="s">
        <v>56988</v>
      </c>
      <c r="B15130" s="1" t="s">
        <v>53796</v>
      </c>
      <c r="C15130" s="1" t="s">
        <v>80</v>
      </c>
      <c r="D15130" s="1" t="s">
        <v>57035</v>
      </c>
      <c r="E15130" s="1" t="s">
        <v>21117</v>
      </c>
      <c r="F15130" s="1" t="s">
        <v>57036</v>
      </c>
      <c r="G15130" s="1" t="s">
        <v>56992</v>
      </c>
      <c r="H15130" s="1" t="s">
        <v>56993</v>
      </c>
      <c r="I15130" s="1" t="s">
        <v>53800</v>
      </c>
      <c r="J15130" s="1" t="s">
        <v>57037</v>
      </c>
    </row>
    <row r="15131" spans="1:10" x14ac:dyDescent="0.35">
      <c r="A15131" s="1" t="s">
        <v>56988</v>
      </c>
      <c r="B15131" s="1" t="s">
        <v>53796</v>
      </c>
      <c r="C15131" s="1" t="s">
        <v>85</v>
      </c>
      <c r="D15131" s="1" t="s">
        <v>57038</v>
      </c>
      <c r="E15131" s="1" t="s">
        <v>41502</v>
      </c>
      <c r="F15131" s="1" t="s">
        <v>57039</v>
      </c>
      <c r="G15131" s="1" t="s">
        <v>56992</v>
      </c>
      <c r="H15131" s="1" t="s">
        <v>56993</v>
      </c>
      <c r="I15131" s="1" t="s">
        <v>53800</v>
      </c>
      <c r="J15131" s="1" t="s">
        <v>57040</v>
      </c>
    </row>
    <row r="15132" spans="1:10" x14ac:dyDescent="0.35">
      <c r="A15132" s="1" t="s">
        <v>56988</v>
      </c>
      <c r="B15132" s="1" t="s">
        <v>53796</v>
      </c>
      <c r="C15132" s="1" t="s">
        <v>90</v>
      </c>
      <c r="D15132" s="1" t="s">
        <v>57041</v>
      </c>
      <c r="E15132" s="1" t="s">
        <v>54751</v>
      </c>
      <c r="F15132" s="1" t="s">
        <v>57042</v>
      </c>
      <c r="G15132" s="1" t="s">
        <v>56992</v>
      </c>
      <c r="H15132" s="1" t="s">
        <v>56993</v>
      </c>
      <c r="I15132" s="1" t="s">
        <v>53800</v>
      </c>
      <c r="J15132" s="1" t="s">
        <v>57043</v>
      </c>
    </row>
    <row r="15133" spans="1:10" x14ac:dyDescent="0.35">
      <c r="A15133" s="1" t="s">
        <v>56988</v>
      </c>
      <c r="B15133" s="1" t="s">
        <v>53796</v>
      </c>
      <c r="C15133" s="1" t="s">
        <v>95</v>
      </c>
      <c r="D15133" s="1" t="s">
        <v>57044</v>
      </c>
      <c r="E15133" s="1" t="s">
        <v>41425</v>
      </c>
      <c r="F15133" s="1" t="s">
        <v>57045</v>
      </c>
      <c r="G15133" s="1" t="s">
        <v>56992</v>
      </c>
      <c r="H15133" s="1" t="s">
        <v>56993</v>
      </c>
      <c r="I15133" s="1" t="s">
        <v>53800</v>
      </c>
      <c r="J15133" s="1" t="s">
        <v>57046</v>
      </c>
    </row>
    <row r="15134" spans="1:10" x14ac:dyDescent="0.35">
      <c r="A15134" s="1" t="s">
        <v>56988</v>
      </c>
      <c r="B15134" s="1" t="s">
        <v>53796</v>
      </c>
      <c r="C15134" s="1" t="s">
        <v>100</v>
      </c>
      <c r="D15134" s="1" t="s">
        <v>57047</v>
      </c>
      <c r="E15134" s="1" t="s">
        <v>56321</v>
      </c>
      <c r="F15134" s="1" t="s">
        <v>57048</v>
      </c>
      <c r="G15134" s="1" t="s">
        <v>56992</v>
      </c>
      <c r="H15134" s="1" t="s">
        <v>56993</v>
      </c>
      <c r="I15134" s="1" t="s">
        <v>53800</v>
      </c>
      <c r="J15134" s="1" t="s">
        <v>57049</v>
      </c>
    </row>
    <row r="15135" spans="1:10" x14ac:dyDescent="0.35">
      <c r="A15135" s="1" t="s">
        <v>56988</v>
      </c>
      <c r="B15135" s="1" t="s">
        <v>53796</v>
      </c>
      <c r="C15135" s="1" t="s">
        <v>105</v>
      </c>
      <c r="D15135" s="1" t="s">
        <v>57050</v>
      </c>
      <c r="E15135" s="1" t="s">
        <v>21190</v>
      </c>
      <c r="F15135" s="1" t="s">
        <v>57051</v>
      </c>
      <c r="G15135" s="1" t="s">
        <v>56992</v>
      </c>
      <c r="H15135" s="1" t="s">
        <v>56993</v>
      </c>
      <c r="I15135" s="1" t="s">
        <v>53800</v>
      </c>
      <c r="J15135" s="1" t="s">
        <v>57052</v>
      </c>
    </row>
    <row r="15136" spans="1:10" x14ac:dyDescent="0.35">
      <c r="A15136" s="1" t="s">
        <v>56988</v>
      </c>
      <c r="B15136" s="1" t="s">
        <v>53796</v>
      </c>
      <c r="C15136" s="1" t="s">
        <v>110</v>
      </c>
      <c r="D15136" s="1" t="s">
        <v>57053</v>
      </c>
      <c r="E15136" s="1" t="s">
        <v>55564</v>
      </c>
      <c r="F15136" s="1" t="s">
        <v>57054</v>
      </c>
      <c r="G15136" s="1" t="s">
        <v>56992</v>
      </c>
      <c r="H15136" s="1" t="s">
        <v>56993</v>
      </c>
      <c r="I15136" s="1" t="s">
        <v>53800</v>
      </c>
      <c r="J15136" s="1" t="s">
        <v>57055</v>
      </c>
    </row>
    <row r="15137" spans="1:10" x14ac:dyDescent="0.35">
      <c r="A15137" s="1" t="s">
        <v>56988</v>
      </c>
      <c r="B15137" s="1" t="s">
        <v>53796</v>
      </c>
      <c r="C15137" s="1" t="s">
        <v>115</v>
      </c>
      <c r="D15137" s="1" t="s">
        <v>57056</v>
      </c>
      <c r="E15137" s="1" t="s">
        <v>15228</v>
      </c>
      <c r="F15137" s="1" t="s">
        <v>57057</v>
      </c>
      <c r="G15137" s="1" t="s">
        <v>56992</v>
      </c>
      <c r="H15137" s="1" t="s">
        <v>56993</v>
      </c>
      <c r="I15137" s="1" t="s">
        <v>53800</v>
      </c>
      <c r="J15137" s="1" t="s">
        <v>57058</v>
      </c>
    </row>
    <row r="15138" spans="1:10" x14ac:dyDescent="0.35">
      <c r="A15138" s="1" t="s">
        <v>56988</v>
      </c>
      <c r="B15138" s="1" t="s">
        <v>53796</v>
      </c>
      <c r="C15138" s="1" t="s">
        <v>120</v>
      </c>
      <c r="D15138" s="1" t="s">
        <v>57059</v>
      </c>
      <c r="E15138" s="1" t="s">
        <v>57060</v>
      </c>
      <c r="F15138" s="1" t="s">
        <v>57061</v>
      </c>
      <c r="G15138" s="1" t="s">
        <v>56992</v>
      </c>
      <c r="H15138" s="1" t="s">
        <v>56993</v>
      </c>
      <c r="I15138" s="1" t="s">
        <v>53800</v>
      </c>
      <c r="J15138" s="1" t="s">
        <v>57062</v>
      </c>
    </row>
    <row r="15139" spans="1:10" x14ac:dyDescent="0.35">
      <c r="A15139" s="1" t="s">
        <v>56988</v>
      </c>
      <c r="B15139" s="1" t="s">
        <v>53796</v>
      </c>
      <c r="C15139" s="1" t="s">
        <v>125</v>
      </c>
      <c r="D15139" s="1" t="s">
        <v>19702</v>
      </c>
      <c r="E15139" s="1" t="s">
        <v>56913</v>
      </c>
      <c r="F15139" s="1" t="s">
        <v>57063</v>
      </c>
      <c r="G15139" s="1" t="s">
        <v>56992</v>
      </c>
      <c r="H15139" s="1" t="s">
        <v>56993</v>
      </c>
      <c r="I15139" s="1" t="s">
        <v>53800</v>
      </c>
      <c r="J15139" s="1" t="s">
        <v>57064</v>
      </c>
    </row>
    <row r="15140" spans="1:10" x14ac:dyDescent="0.35">
      <c r="A15140" s="1" t="s">
        <v>56988</v>
      </c>
      <c r="B15140" s="1" t="s">
        <v>53796</v>
      </c>
      <c r="C15140" s="1" t="s">
        <v>130</v>
      </c>
      <c r="D15140" s="1" t="s">
        <v>57065</v>
      </c>
      <c r="E15140" s="1" t="s">
        <v>15340</v>
      </c>
      <c r="F15140" s="1" t="s">
        <v>57066</v>
      </c>
      <c r="G15140" s="1" t="s">
        <v>56992</v>
      </c>
      <c r="H15140" s="1" t="s">
        <v>56993</v>
      </c>
      <c r="I15140" s="1" t="s">
        <v>53800</v>
      </c>
      <c r="J15140" s="1" t="s">
        <v>57067</v>
      </c>
    </row>
    <row r="15141" spans="1:10" x14ac:dyDescent="0.35">
      <c r="A15141" s="1" t="s">
        <v>56988</v>
      </c>
      <c r="B15141" s="1" t="s">
        <v>53796</v>
      </c>
      <c r="C15141" s="1" t="s">
        <v>135</v>
      </c>
      <c r="D15141" s="1" t="s">
        <v>57068</v>
      </c>
      <c r="E15141" s="1" t="s">
        <v>21776</v>
      </c>
      <c r="F15141" s="1" t="s">
        <v>57069</v>
      </c>
      <c r="G15141" s="1" t="s">
        <v>56992</v>
      </c>
      <c r="H15141" s="1" t="s">
        <v>56993</v>
      </c>
      <c r="I15141" s="1" t="s">
        <v>53800</v>
      </c>
      <c r="J15141" s="1" t="s">
        <v>57070</v>
      </c>
    </row>
    <row r="15142" spans="1:10" x14ac:dyDescent="0.35">
      <c r="A15142" s="1" t="s">
        <v>56988</v>
      </c>
      <c r="B15142" s="1" t="s">
        <v>53796</v>
      </c>
      <c r="C15142" s="1" t="s">
        <v>140</v>
      </c>
      <c r="D15142" s="1" t="s">
        <v>57071</v>
      </c>
      <c r="E15142" s="1" t="s">
        <v>57072</v>
      </c>
      <c r="F15142" s="1" t="s">
        <v>57073</v>
      </c>
      <c r="G15142" s="1" t="s">
        <v>56992</v>
      </c>
      <c r="H15142" s="1" t="s">
        <v>56993</v>
      </c>
      <c r="I15142" s="1" t="s">
        <v>53800</v>
      </c>
      <c r="J15142" s="1" t="s">
        <v>57074</v>
      </c>
    </row>
    <row r="15143" spans="1:10" x14ac:dyDescent="0.35">
      <c r="A15143" s="1" t="s">
        <v>56988</v>
      </c>
      <c r="B15143" s="1" t="s">
        <v>53796</v>
      </c>
      <c r="C15143" s="1" t="s">
        <v>145</v>
      </c>
      <c r="D15143" s="1" t="s">
        <v>57075</v>
      </c>
      <c r="E15143" s="1" t="s">
        <v>15340</v>
      </c>
      <c r="F15143" s="1" t="s">
        <v>57076</v>
      </c>
      <c r="G15143" s="1" t="s">
        <v>56992</v>
      </c>
      <c r="H15143" s="1" t="s">
        <v>56993</v>
      </c>
      <c r="I15143" s="1" t="s">
        <v>53800</v>
      </c>
      <c r="J15143" s="1" t="s">
        <v>57077</v>
      </c>
    </row>
    <row r="15144" spans="1:10" x14ac:dyDescent="0.35">
      <c r="A15144" s="1" t="s">
        <v>56988</v>
      </c>
      <c r="B15144" s="1" t="s">
        <v>53796</v>
      </c>
      <c r="C15144" s="1" t="s">
        <v>150</v>
      </c>
      <c r="D15144" s="1" t="s">
        <v>57078</v>
      </c>
      <c r="E15144" s="1" t="s">
        <v>54136</v>
      </c>
      <c r="F15144" s="1" t="s">
        <v>57079</v>
      </c>
      <c r="G15144" s="1" t="s">
        <v>56992</v>
      </c>
      <c r="H15144" s="1" t="s">
        <v>56993</v>
      </c>
      <c r="I15144" s="1" t="s">
        <v>53800</v>
      </c>
      <c r="J15144" s="1" t="s">
        <v>57080</v>
      </c>
    </row>
    <row r="15145" spans="1:10" x14ac:dyDescent="0.35">
      <c r="A15145" s="1" t="s">
        <v>56988</v>
      </c>
      <c r="B15145" s="1" t="s">
        <v>53796</v>
      </c>
      <c r="C15145" s="1" t="s">
        <v>155</v>
      </c>
      <c r="D15145" s="1" t="s">
        <v>57081</v>
      </c>
      <c r="E15145" s="1" t="s">
        <v>57082</v>
      </c>
      <c r="F15145" s="1" t="s">
        <v>57083</v>
      </c>
      <c r="G15145" s="1" t="s">
        <v>56992</v>
      </c>
      <c r="H15145" s="1" t="s">
        <v>56993</v>
      </c>
      <c r="I15145" s="1" t="s">
        <v>53800</v>
      </c>
      <c r="J15145" s="1" t="s">
        <v>57084</v>
      </c>
    </row>
    <row r="15146" spans="1:10" x14ac:dyDescent="0.35">
      <c r="A15146" s="1" t="s">
        <v>56988</v>
      </c>
      <c r="B15146" s="1" t="s">
        <v>53796</v>
      </c>
      <c r="C15146" s="1" t="s">
        <v>160</v>
      </c>
      <c r="D15146" s="1" t="s">
        <v>57085</v>
      </c>
      <c r="E15146" s="1" t="s">
        <v>12794</v>
      </c>
      <c r="F15146" s="1" t="s">
        <v>57086</v>
      </c>
      <c r="G15146" s="1" t="s">
        <v>56992</v>
      </c>
      <c r="H15146" s="1" t="s">
        <v>56993</v>
      </c>
      <c r="I15146" s="1" t="s">
        <v>53800</v>
      </c>
      <c r="J15146" s="1" t="s">
        <v>57087</v>
      </c>
    </row>
    <row r="15147" spans="1:10" x14ac:dyDescent="0.35">
      <c r="A15147" s="1" t="s">
        <v>56988</v>
      </c>
      <c r="B15147" s="1" t="s">
        <v>53796</v>
      </c>
      <c r="C15147" s="1" t="s">
        <v>165</v>
      </c>
      <c r="D15147" s="1" t="s">
        <v>57088</v>
      </c>
      <c r="E15147" s="1" t="s">
        <v>41210</v>
      </c>
      <c r="F15147" s="1" t="s">
        <v>57089</v>
      </c>
      <c r="G15147" s="1" t="s">
        <v>56992</v>
      </c>
      <c r="H15147" s="1" t="s">
        <v>56993</v>
      </c>
      <c r="I15147" s="1" t="s">
        <v>53800</v>
      </c>
      <c r="J15147" s="1" t="s">
        <v>57090</v>
      </c>
    </row>
    <row r="15148" spans="1:10" x14ac:dyDescent="0.35">
      <c r="A15148" s="1" t="s">
        <v>56988</v>
      </c>
      <c r="B15148" s="1" t="s">
        <v>53796</v>
      </c>
      <c r="C15148" s="1" t="s">
        <v>170</v>
      </c>
      <c r="D15148" s="1" t="s">
        <v>57091</v>
      </c>
      <c r="E15148" s="1" t="s">
        <v>54634</v>
      </c>
      <c r="F15148" s="1" t="s">
        <v>56547</v>
      </c>
      <c r="G15148" s="1" t="s">
        <v>56992</v>
      </c>
      <c r="H15148" s="1" t="s">
        <v>56993</v>
      </c>
      <c r="I15148" s="1" t="s">
        <v>53800</v>
      </c>
      <c r="J15148" s="1" t="s">
        <v>57092</v>
      </c>
    </row>
    <row r="15149" spans="1:10" x14ac:dyDescent="0.35">
      <c r="A15149" s="1" t="s">
        <v>57093</v>
      </c>
      <c r="B15149" s="1" t="s">
        <v>53796</v>
      </c>
      <c r="C15149" s="1" t="s">
        <v>8</v>
      </c>
      <c r="D15149" s="1" t="s">
        <v>57094</v>
      </c>
      <c r="E15149" s="1" t="s">
        <v>32919</v>
      </c>
      <c r="F15149" s="1" t="s">
        <v>57095</v>
      </c>
      <c r="G15149" s="1" t="s">
        <v>57096</v>
      </c>
      <c r="H15149" s="1" t="s">
        <v>57097</v>
      </c>
      <c r="I15149" s="1" t="s">
        <v>53800</v>
      </c>
      <c r="J15149" s="1" t="s">
        <v>13</v>
      </c>
    </row>
    <row r="15150" spans="1:10" x14ac:dyDescent="0.35">
      <c r="A15150" s="1" t="s">
        <v>57093</v>
      </c>
      <c r="B15150" s="1" t="s">
        <v>53796</v>
      </c>
      <c r="C15150" s="1" t="s">
        <v>15</v>
      </c>
      <c r="D15150" s="1" t="s">
        <v>57098</v>
      </c>
      <c r="E15150" s="1" t="s">
        <v>57099</v>
      </c>
      <c r="F15150" s="1" t="s">
        <v>57100</v>
      </c>
      <c r="G15150" s="1" t="s">
        <v>57096</v>
      </c>
      <c r="H15150" s="1" t="s">
        <v>57097</v>
      </c>
      <c r="I15150" s="1" t="s">
        <v>53800</v>
      </c>
      <c r="J15150" s="1" t="s">
        <v>57101</v>
      </c>
    </row>
    <row r="15151" spans="1:10" x14ac:dyDescent="0.35">
      <c r="A15151" s="1" t="s">
        <v>57093</v>
      </c>
      <c r="B15151" s="1" t="s">
        <v>53796</v>
      </c>
      <c r="C15151" s="1" t="s">
        <v>20</v>
      </c>
      <c r="D15151" s="1" t="s">
        <v>57102</v>
      </c>
      <c r="E15151" s="1" t="s">
        <v>57103</v>
      </c>
      <c r="F15151" s="1" t="s">
        <v>57104</v>
      </c>
      <c r="G15151" s="1" t="s">
        <v>57096</v>
      </c>
      <c r="H15151" s="1" t="s">
        <v>57097</v>
      </c>
      <c r="I15151" s="1" t="s">
        <v>53800</v>
      </c>
      <c r="J15151" s="1" t="s">
        <v>57105</v>
      </c>
    </row>
    <row r="15152" spans="1:10" x14ac:dyDescent="0.35">
      <c r="A15152" s="1" t="s">
        <v>57093</v>
      </c>
      <c r="B15152" s="1" t="s">
        <v>53796</v>
      </c>
      <c r="C15152" s="1" t="s">
        <v>25</v>
      </c>
      <c r="D15152" s="1" t="s">
        <v>57106</v>
      </c>
      <c r="E15152" s="1" t="s">
        <v>22099</v>
      </c>
      <c r="F15152" s="1" t="s">
        <v>57107</v>
      </c>
      <c r="G15152" s="1" t="s">
        <v>57096</v>
      </c>
      <c r="H15152" s="1" t="s">
        <v>57097</v>
      </c>
      <c r="I15152" s="1" t="s">
        <v>53800</v>
      </c>
      <c r="J15152" s="1" t="s">
        <v>57108</v>
      </c>
    </row>
    <row r="15153" spans="1:10" x14ac:dyDescent="0.35">
      <c r="A15153" s="1" t="s">
        <v>57093</v>
      </c>
      <c r="B15153" s="1" t="s">
        <v>53796</v>
      </c>
      <c r="C15153" s="1" t="s">
        <v>30</v>
      </c>
      <c r="D15153" s="1" t="s">
        <v>57109</v>
      </c>
      <c r="E15153" s="1" t="s">
        <v>26222</v>
      </c>
      <c r="F15153" s="1" t="s">
        <v>57110</v>
      </c>
      <c r="G15153" s="1" t="s">
        <v>57096</v>
      </c>
      <c r="H15153" s="1" t="s">
        <v>57097</v>
      </c>
      <c r="I15153" s="1" t="s">
        <v>53800</v>
      </c>
      <c r="J15153" s="1" t="s">
        <v>57111</v>
      </c>
    </row>
    <row r="15154" spans="1:10" x14ac:dyDescent="0.35">
      <c r="A15154" s="1" t="s">
        <v>57093</v>
      </c>
      <c r="B15154" s="1" t="s">
        <v>53796</v>
      </c>
      <c r="C15154" s="1" t="s">
        <v>35</v>
      </c>
      <c r="D15154" s="1" t="s">
        <v>57112</v>
      </c>
      <c r="E15154" s="1" t="s">
        <v>54168</v>
      </c>
      <c r="F15154" s="1" t="s">
        <v>32947</v>
      </c>
      <c r="G15154" s="1" t="s">
        <v>57096</v>
      </c>
      <c r="H15154" s="1" t="s">
        <v>57097</v>
      </c>
      <c r="I15154" s="1" t="s">
        <v>53800</v>
      </c>
      <c r="J15154" s="1" t="s">
        <v>57113</v>
      </c>
    </row>
    <row r="15155" spans="1:10" x14ac:dyDescent="0.35">
      <c r="A15155" s="1" t="s">
        <v>57093</v>
      </c>
      <c r="B15155" s="1" t="s">
        <v>53796</v>
      </c>
      <c r="C15155" s="1" t="s">
        <v>40</v>
      </c>
      <c r="D15155" s="1" t="s">
        <v>57114</v>
      </c>
      <c r="E15155" s="1" t="s">
        <v>41144</v>
      </c>
      <c r="F15155" s="1" t="s">
        <v>57115</v>
      </c>
      <c r="G15155" s="1" t="s">
        <v>57096</v>
      </c>
      <c r="H15155" s="1" t="s">
        <v>57097</v>
      </c>
      <c r="I15155" s="1" t="s">
        <v>53800</v>
      </c>
      <c r="J15155" s="1" t="s">
        <v>57116</v>
      </c>
    </row>
    <row r="15156" spans="1:10" x14ac:dyDescent="0.35">
      <c r="A15156" s="1" t="s">
        <v>57093</v>
      </c>
      <c r="B15156" s="1" t="s">
        <v>53796</v>
      </c>
      <c r="C15156" s="1" t="s">
        <v>45</v>
      </c>
      <c r="D15156" s="1" t="s">
        <v>57117</v>
      </c>
      <c r="E15156" s="1" t="s">
        <v>32122</v>
      </c>
      <c r="F15156" s="1" t="s">
        <v>57118</v>
      </c>
      <c r="G15156" s="1" t="s">
        <v>57096</v>
      </c>
      <c r="H15156" s="1" t="s">
        <v>57097</v>
      </c>
      <c r="I15156" s="1" t="s">
        <v>53800</v>
      </c>
      <c r="J15156" s="1" t="s">
        <v>57119</v>
      </c>
    </row>
    <row r="15157" spans="1:10" x14ac:dyDescent="0.35">
      <c r="A15157" s="1" t="s">
        <v>57093</v>
      </c>
      <c r="B15157" s="1" t="s">
        <v>53796</v>
      </c>
      <c r="C15157" s="1" t="s">
        <v>50</v>
      </c>
      <c r="D15157" s="1" t="s">
        <v>57120</v>
      </c>
      <c r="E15157" s="1" t="s">
        <v>57121</v>
      </c>
      <c r="F15157" s="1" t="s">
        <v>57122</v>
      </c>
      <c r="G15157" s="1" t="s">
        <v>57096</v>
      </c>
      <c r="H15157" s="1" t="s">
        <v>57097</v>
      </c>
      <c r="I15157" s="1" t="s">
        <v>53800</v>
      </c>
      <c r="J15157" s="1" t="s">
        <v>57123</v>
      </c>
    </row>
    <row r="15158" spans="1:10" x14ac:dyDescent="0.35">
      <c r="A15158" s="1" t="s">
        <v>57093</v>
      </c>
      <c r="B15158" s="1" t="s">
        <v>53796</v>
      </c>
      <c r="C15158" s="1" t="s">
        <v>55</v>
      </c>
      <c r="D15158" s="1" t="s">
        <v>57124</v>
      </c>
      <c r="E15158" s="1" t="s">
        <v>15889</v>
      </c>
      <c r="F15158" s="1" t="s">
        <v>57125</v>
      </c>
      <c r="G15158" s="1" t="s">
        <v>57096</v>
      </c>
      <c r="H15158" s="1" t="s">
        <v>57097</v>
      </c>
      <c r="I15158" s="1" t="s">
        <v>53800</v>
      </c>
      <c r="J15158" s="1" t="s">
        <v>57126</v>
      </c>
    </row>
    <row r="15159" spans="1:10" x14ac:dyDescent="0.35">
      <c r="A15159" s="1" t="s">
        <v>57093</v>
      </c>
      <c r="B15159" s="1" t="s">
        <v>53796</v>
      </c>
      <c r="C15159" s="1" t="s">
        <v>60</v>
      </c>
      <c r="D15159" s="1" t="s">
        <v>57127</v>
      </c>
      <c r="E15159" s="1" t="s">
        <v>57128</v>
      </c>
      <c r="F15159" s="1" t="s">
        <v>41306</v>
      </c>
      <c r="G15159" s="1" t="s">
        <v>57096</v>
      </c>
      <c r="H15159" s="1" t="s">
        <v>57097</v>
      </c>
      <c r="I15159" s="1" t="s">
        <v>53800</v>
      </c>
      <c r="J15159" s="1" t="s">
        <v>57129</v>
      </c>
    </row>
    <row r="15160" spans="1:10" x14ac:dyDescent="0.35">
      <c r="A15160" s="1" t="s">
        <v>57093</v>
      </c>
      <c r="B15160" s="1" t="s">
        <v>53796</v>
      </c>
      <c r="C15160" s="1" t="s">
        <v>65</v>
      </c>
      <c r="D15160" s="1" t="s">
        <v>57130</v>
      </c>
      <c r="E15160" s="1" t="s">
        <v>23517</v>
      </c>
      <c r="F15160" s="1" t="s">
        <v>57131</v>
      </c>
      <c r="G15160" s="1" t="s">
        <v>57096</v>
      </c>
      <c r="H15160" s="1" t="s">
        <v>57097</v>
      </c>
      <c r="I15160" s="1" t="s">
        <v>53800</v>
      </c>
      <c r="J15160" s="1" t="s">
        <v>57132</v>
      </c>
    </row>
    <row r="15161" spans="1:10" x14ac:dyDescent="0.35">
      <c r="A15161" s="1" t="s">
        <v>57093</v>
      </c>
      <c r="B15161" s="1" t="s">
        <v>53796</v>
      </c>
      <c r="C15161" s="1" t="s">
        <v>70</v>
      </c>
      <c r="D15161" s="1" t="s">
        <v>57133</v>
      </c>
      <c r="E15161" s="1" t="s">
        <v>32576</v>
      </c>
      <c r="F15161" s="1" t="s">
        <v>57134</v>
      </c>
      <c r="G15161" s="1" t="s">
        <v>57096</v>
      </c>
      <c r="H15161" s="1" t="s">
        <v>57097</v>
      </c>
      <c r="I15161" s="1" t="s">
        <v>53800</v>
      </c>
      <c r="J15161" s="1" t="s">
        <v>57135</v>
      </c>
    </row>
    <row r="15162" spans="1:10" x14ac:dyDescent="0.35">
      <c r="A15162" s="1" t="s">
        <v>57093</v>
      </c>
      <c r="B15162" s="1" t="s">
        <v>53796</v>
      </c>
      <c r="C15162" s="1" t="s">
        <v>75</v>
      </c>
      <c r="D15162" s="1" t="s">
        <v>57136</v>
      </c>
      <c r="E15162" s="1" t="s">
        <v>54714</v>
      </c>
      <c r="F15162" s="1" t="s">
        <v>53844</v>
      </c>
      <c r="G15162" s="1" t="s">
        <v>57096</v>
      </c>
      <c r="H15162" s="1" t="s">
        <v>57097</v>
      </c>
      <c r="I15162" s="1" t="s">
        <v>53800</v>
      </c>
      <c r="J15162" s="1" t="s">
        <v>57137</v>
      </c>
    </row>
    <row r="15163" spans="1:10" x14ac:dyDescent="0.35">
      <c r="A15163" s="1" t="s">
        <v>57093</v>
      </c>
      <c r="B15163" s="1" t="s">
        <v>53796</v>
      </c>
      <c r="C15163" s="1" t="s">
        <v>80</v>
      </c>
      <c r="D15163" s="1" t="s">
        <v>57138</v>
      </c>
      <c r="E15163" s="1" t="s">
        <v>15829</v>
      </c>
      <c r="F15163" s="1" t="s">
        <v>57139</v>
      </c>
      <c r="G15163" s="1" t="s">
        <v>57096</v>
      </c>
      <c r="H15163" s="1" t="s">
        <v>57097</v>
      </c>
      <c r="I15163" s="1" t="s">
        <v>53800</v>
      </c>
      <c r="J15163" s="1" t="s">
        <v>57140</v>
      </c>
    </row>
    <row r="15164" spans="1:10" x14ac:dyDescent="0.35">
      <c r="A15164" s="1" t="s">
        <v>57093</v>
      </c>
      <c r="B15164" s="1" t="s">
        <v>53796</v>
      </c>
      <c r="C15164" s="1" t="s">
        <v>85</v>
      </c>
      <c r="D15164" s="1" t="s">
        <v>57141</v>
      </c>
      <c r="E15164" s="1" t="s">
        <v>26539</v>
      </c>
      <c r="F15164" s="1" t="s">
        <v>57142</v>
      </c>
      <c r="G15164" s="1" t="s">
        <v>57096</v>
      </c>
      <c r="H15164" s="1" t="s">
        <v>57097</v>
      </c>
      <c r="I15164" s="1" t="s">
        <v>53800</v>
      </c>
      <c r="J15164" s="1" t="s">
        <v>57143</v>
      </c>
    </row>
    <row r="15165" spans="1:10" x14ac:dyDescent="0.35">
      <c r="A15165" s="1" t="s">
        <v>57093</v>
      </c>
      <c r="B15165" s="1" t="s">
        <v>53796</v>
      </c>
      <c r="C15165" s="1" t="s">
        <v>90</v>
      </c>
      <c r="D15165" s="1" t="s">
        <v>57144</v>
      </c>
      <c r="E15165" s="1" t="s">
        <v>57145</v>
      </c>
      <c r="F15165" s="1" t="s">
        <v>57146</v>
      </c>
      <c r="G15165" s="1" t="s">
        <v>57096</v>
      </c>
      <c r="H15165" s="1" t="s">
        <v>57097</v>
      </c>
      <c r="I15165" s="1" t="s">
        <v>53800</v>
      </c>
      <c r="J15165" s="1" t="s">
        <v>57147</v>
      </c>
    </row>
    <row r="15166" spans="1:10" x14ac:dyDescent="0.35">
      <c r="A15166" s="1" t="s">
        <v>57093</v>
      </c>
      <c r="B15166" s="1" t="s">
        <v>53796</v>
      </c>
      <c r="C15166" s="1" t="s">
        <v>95</v>
      </c>
      <c r="D15166" s="1" t="s">
        <v>57148</v>
      </c>
      <c r="E15166" s="1" t="s">
        <v>57149</v>
      </c>
      <c r="F15166" s="1" t="s">
        <v>57150</v>
      </c>
      <c r="G15166" s="1" t="s">
        <v>57096</v>
      </c>
      <c r="H15166" s="1" t="s">
        <v>57097</v>
      </c>
      <c r="I15166" s="1" t="s">
        <v>53800</v>
      </c>
      <c r="J15166" s="1" t="s">
        <v>57151</v>
      </c>
    </row>
    <row r="15167" spans="1:10" x14ac:dyDescent="0.35">
      <c r="A15167" s="1" t="s">
        <v>57093</v>
      </c>
      <c r="B15167" s="1" t="s">
        <v>53796</v>
      </c>
      <c r="C15167" s="1" t="s">
        <v>100</v>
      </c>
      <c r="D15167" s="1" t="s">
        <v>57152</v>
      </c>
      <c r="E15167" s="1" t="s">
        <v>22274</v>
      </c>
      <c r="F15167" s="1" t="s">
        <v>57153</v>
      </c>
      <c r="G15167" s="1" t="s">
        <v>57096</v>
      </c>
      <c r="H15167" s="1" t="s">
        <v>57097</v>
      </c>
      <c r="I15167" s="1" t="s">
        <v>53800</v>
      </c>
      <c r="J15167" s="1" t="s">
        <v>57154</v>
      </c>
    </row>
    <row r="15168" spans="1:10" x14ac:dyDescent="0.35">
      <c r="A15168" s="1" t="s">
        <v>57093</v>
      </c>
      <c r="B15168" s="1" t="s">
        <v>53796</v>
      </c>
      <c r="C15168" s="1" t="s">
        <v>105</v>
      </c>
      <c r="D15168" s="1" t="s">
        <v>57155</v>
      </c>
      <c r="E15168" s="1" t="s">
        <v>57156</v>
      </c>
      <c r="F15168" s="1" t="s">
        <v>57157</v>
      </c>
      <c r="G15168" s="1" t="s">
        <v>57096</v>
      </c>
      <c r="H15168" s="1" t="s">
        <v>57097</v>
      </c>
      <c r="I15168" s="1" t="s">
        <v>53800</v>
      </c>
      <c r="J15168" s="1" t="s">
        <v>57158</v>
      </c>
    </row>
    <row r="15169" spans="1:10" x14ac:dyDescent="0.35">
      <c r="A15169" s="1" t="s">
        <v>57093</v>
      </c>
      <c r="B15169" s="1" t="s">
        <v>53796</v>
      </c>
      <c r="C15169" s="1" t="s">
        <v>110</v>
      </c>
      <c r="D15169" s="1" t="s">
        <v>57159</v>
      </c>
      <c r="E15169" s="1" t="s">
        <v>15328</v>
      </c>
      <c r="F15169" s="1" t="s">
        <v>57160</v>
      </c>
      <c r="G15169" s="1" t="s">
        <v>57096</v>
      </c>
      <c r="H15169" s="1" t="s">
        <v>57097</v>
      </c>
      <c r="I15169" s="1" t="s">
        <v>53800</v>
      </c>
      <c r="J15169" s="1" t="s">
        <v>57161</v>
      </c>
    </row>
    <row r="15170" spans="1:10" x14ac:dyDescent="0.35">
      <c r="A15170" s="1" t="s">
        <v>57093</v>
      </c>
      <c r="B15170" s="1" t="s">
        <v>53796</v>
      </c>
      <c r="C15170" s="1" t="s">
        <v>115</v>
      </c>
      <c r="D15170" s="1" t="s">
        <v>57162</v>
      </c>
      <c r="E15170" s="1" t="s">
        <v>57149</v>
      </c>
      <c r="F15170" s="1" t="s">
        <v>57163</v>
      </c>
      <c r="G15170" s="1" t="s">
        <v>57096</v>
      </c>
      <c r="H15170" s="1" t="s">
        <v>57097</v>
      </c>
      <c r="I15170" s="1" t="s">
        <v>53800</v>
      </c>
      <c r="J15170" s="1" t="s">
        <v>57164</v>
      </c>
    </row>
    <row r="15171" spans="1:10" x14ac:dyDescent="0.35">
      <c r="A15171" s="1" t="s">
        <v>57093</v>
      </c>
      <c r="B15171" s="1" t="s">
        <v>53796</v>
      </c>
      <c r="C15171" s="1" t="s">
        <v>120</v>
      </c>
      <c r="D15171" s="1" t="s">
        <v>57165</v>
      </c>
      <c r="E15171" s="1" t="s">
        <v>53886</v>
      </c>
      <c r="F15171" s="1" t="s">
        <v>57166</v>
      </c>
      <c r="G15171" s="1" t="s">
        <v>57096</v>
      </c>
      <c r="H15171" s="1" t="s">
        <v>57097</v>
      </c>
      <c r="I15171" s="1" t="s">
        <v>53800</v>
      </c>
      <c r="J15171" s="1" t="s">
        <v>57167</v>
      </c>
    </row>
    <row r="15172" spans="1:10" x14ac:dyDescent="0.35">
      <c r="A15172" s="1" t="s">
        <v>57093</v>
      </c>
      <c r="B15172" s="1" t="s">
        <v>53796</v>
      </c>
      <c r="C15172" s="1" t="s">
        <v>125</v>
      </c>
      <c r="D15172" s="1" t="s">
        <v>57168</v>
      </c>
      <c r="E15172" s="1" t="s">
        <v>15872</v>
      </c>
      <c r="F15172" s="1" t="s">
        <v>57169</v>
      </c>
      <c r="G15172" s="1" t="s">
        <v>57096</v>
      </c>
      <c r="H15172" s="1" t="s">
        <v>57097</v>
      </c>
      <c r="I15172" s="1" t="s">
        <v>53800</v>
      </c>
      <c r="J15172" s="1" t="s">
        <v>57170</v>
      </c>
    </row>
    <row r="15173" spans="1:10" x14ac:dyDescent="0.35">
      <c r="A15173" s="1" t="s">
        <v>57093</v>
      </c>
      <c r="B15173" s="1" t="s">
        <v>53796</v>
      </c>
      <c r="C15173" s="1" t="s">
        <v>130</v>
      </c>
      <c r="D15173" s="1" t="s">
        <v>57171</v>
      </c>
      <c r="E15173" s="1" t="s">
        <v>57172</v>
      </c>
      <c r="F15173" s="1" t="s">
        <v>57173</v>
      </c>
      <c r="G15173" s="1" t="s">
        <v>57096</v>
      </c>
      <c r="H15173" s="1" t="s">
        <v>57097</v>
      </c>
      <c r="I15173" s="1" t="s">
        <v>53800</v>
      </c>
      <c r="J15173" s="1" t="s">
        <v>57174</v>
      </c>
    </row>
    <row r="15174" spans="1:10" x14ac:dyDescent="0.35">
      <c r="A15174" s="1" t="s">
        <v>57093</v>
      </c>
      <c r="B15174" s="1" t="s">
        <v>53796</v>
      </c>
      <c r="C15174" s="1" t="s">
        <v>135</v>
      </c>
      <c r="D15174" s="1" t="s">
        <v>57175</v>
      </c>
      <c r="E15174" s="1" t="s">
        <v>57176</v>
      </c>
      <c r="F15174" s="1" t="s">
        <v>57177</v>
      </c>
      <c r="G15174" s="1" t="s">
        <v>57096</v>
      </c>
      <c r="H15174" s="1" t="s">
        <v>57097</v>
      </c>
      <c r="I15174" s="1" t="s">
        <v>53800</v>
      </c>
      <c r="J15174" s="1" t="s">
        <v>57178</v>
      </c>
    </row>
    <row r="15175" spans="1:10" x14ac:dyDescent="0.35">
      <c r="A15175" s="1" t="s">
        <v>57093</v>
      </c>
      <c r="B15175" s="1" t="s">
        <v>53796</v>
      </c>
      <c r="C15175" s="1" t="s">
        <v>140</v>
      </c>
      <c r="D15175" s="1" t="s">
        <v>57179</v>
      </c>
      <c r="E15175" s="1" t="s">
        <v>26206</v>
      </c>
      <c r="F15175" s="1" t="s">
        <v>57180</v>
      </c>
      <c r="G15175" s="1" t="s">
        <v>57096</v>
      </c>
      <c r="H15175" s="1" t="s">
        <v>57097</v>
      </c>
      <c r="I15175" s="1" t="s">
        <v>53800</v>
      </c>
      <c r="J15175" s="1" t="s">
        <v>57181</v>
      </c>
    </row>
    <row r="15176" spans="1:10" x14ac:dyDescent="0.35">
      <c r="A15176" s="1" t="s">
        <v>57093</v>
      </c>
      <c r="B15176" s="1" t="s">
        <v>53796</v>
      </c>
      <c r="C15176" s="1" t="s">
        <v>145</v>
      </c>
      <c r="D15176" s="1" t="s">
        <v>57182</v>
      </c>
      <c r="E15176" s="1" t="s">
        <v>57183</v>
      </c>
      <c r="F15176" s="1" t="s">
        <v>57184</v>
      </c>
      <c r="G15176" s="1" t="s">
        <v>57096</v>
      </c>
      <c r="H15176" s="1" t="s">
        <v>57097</v>
      </c>
      <c r="I15176" s="1" t="s">
        <v>53800</v>
      </c>
      <c r="J15176" s="1" t="s">
        <v>57185</v>
      </c>
    </row>
    <row r="15177" spans="1:10" x14ac:dyDescent="0.35">
      <c r="A15177" s="1" t="s">
        <v>57093</v>
      </c>
      <c r="B15177" s="1" t="s">
        <v>53796</v>
      </c>
      <c r="C15177" s="1" t="s">
        <v>150</v>
      </c>
      <c r="D15177" s="1" t="s">
        <v>57186</v>
      </c>
      <c r="E15177" s="1" t="s">
        <v>32631</v>
      </c>
      <c r="F15177" s="1" t="s">
        <v>56161</v>
      </c>
      <c r="G15177" s="1" t="s">
        <v>57096</v>
      </c>
      <c r="H15177" s="1" t="s">
        <v>57097</v>
      </c>
      <c r="I15177" s="1" t="s">
        <v>53800</v>
      </c>
      <c r="J15177" s="1" t="s">
        <v>57187</v>
      </c>
    </row>
    <row r="15178" spans="1:10" x14ac:dyDescent="0.35">
      <c r="A15178" s="1" t="s">
        <v>57093</v>
      </c>
      <c r="B15178" s="1" t="s">
        <v>53796</v>
      </c>
      <c r="C15178" s="1" t="s">
        <v>155</v>
      </c>
      <c r="D15178" s="1" t="s">
        <v>57188</v>
      </c>
      <c r="E15178" s="1" t="s">
        <v>57189</v>
      </c>
      <c r="F15178" s="1" t="s">
        <v>57190</v>
      </c>
      <c r="G15178" s="1" t="s">
        <v>57096</v>
      </c>
      <c r="H15178" s="1" t="s">
        <v>57097</v>
      </c>
      <c r="I15178" s="1" t="s">
        <v>53800</v>
      </c>
      <c r="J15178" s="1" t="s">
        <v>57191</v>
      </c>
    </row>
    <row r="15179" spans="1:10" x14ac:dyDescent="0.35">
      <c r="A15179" s="1" t="s">
        <v>57093</v>
      </c>
      <c r="B15179" s="1" t="s">
        <v>53796</v>
      </c>
      <c r="C15179" s="1" t="s">
        <v>160</v>
      </c>
      <c r="D15179" s="1" t="s">
        <v>57192</v>
      </c>
      <c r="E15179" s="1" t="s">
        <v>31790</v>
      </c>
      <c r="F15179" s="1" t="s">
        <v>31732</v>
      </c>
      <c r="G15179" s="1" t="s">
        <v>57096</v>
      </c>
      <c r="H15179" s="1" t="s">
        <v>57097</v>
      </c>
      <c r="I15179" s="1" t="s">
        <v>53800</v>
      </c>
      <c r="J15179" s="1" t="s">
        <v>57193</v>
      </c>
    </row>
    <row r="15180" spans="1:10" x14ac:dyDescent="0.35">
      <c r="A15180" s="1" t="s">
        <v>57093</v>
      </c>
      <c r="B15180" s="1" t="s">
        <v>53796</v>
      </c>
      <c r="C15180" s="1" t="s">
        <v>165</v>
      </c>
      <c r="D15180" s="1" t="s">
        <v>57194</v>
      </c>
      <c r="E15180" s="1" t="s">
        <v>31779</v>
      </c>
      <c r="F15180" s="1" t="s">
        <v>57195</v>
      </c>
      <c r="G15180" s="1" t="s">
        <v>57096</v>
      </c>
      <c r="H15180" s="1" t="s">
        <v>57097</v>
      </c>
      <c r="I15180" s="1" t="s">
        <v>53800</v>
      </c>
      <c r="J15180" s="1" t="s">
        <v>57196</v>
      </c>
    </row>
    <row r="15181" spans="1:10" x14ac:dyDescent="0.35">
      <c r="A15181" s="1" t="s">
        <v>57093</v>
      </c>
      <c r="B15181" s="1" t="s">
        <v>53796</v>
      </c>
      <c r="C15181" s="1" t="s">
        <v>170</v>
      </c>
      <c r="D15181" s="1" t="s">
        <v>57197</v>
      </c>
      <c r="E15181" s="1" t="s">
        <v>22367</v>
      </c>
      <c r="F15181" s="1" t="s">
        <v>57198</v>
      </c>
      <c r="G15181" s="1" t="s">
        <v>57096</v>
      </c>
      <c r="H15181" s="1" t="s">
        <v>57097</v>
      </c>
      <c r="I15181" s="1" t="s">
        <v>53800</v>
      </c>
      <c r="J15181" s="1" t="s">
        <v>57199</v>
      </c>
    </row>
    <row r="15182" spans="1:10" x14ac:dyDescent="0.35">
      <c r="A15182" s="1" t="s">
        <v>57200</v>
      </c>
      <c r="B15182" s="1" t="s">
        <v>53796</v>
      </c>
      <c r="C15182" s="1" t="s">
        <v>8</v>
      </c>
      <c r="D15182" s="1" t="s">
        <v>57201</v>
      </c>
      <c r="E15182" s="1" t="s">
        <v>55234</v>
      </c>
      <c r="F15182" s="1" t="s">
        <v>57202</v>
      </c>
      <c r="G15182" s="1" t="s">
        <v>57203</v>
      </c>
      <c r="H15182" s="1" t="s">
        <v>57204</v>
      </c>
      <c r="I15182" s="1" t="s">
        <v>53800</v>
      </c>
      <c r="J15182" s="1" t="s">
        <v>13</v>
      </c>
    </row>
    <row r="15183" spans="1:10" x14ac:dyDescent="0.35">
      <c r="A15183" s="1" t="s">
        <v>57200</v>
      </c>
      <c r="B15183" s="1" t="s">
        <v>53796</v>
      </c>
      <c r="C15183" s="1" t="s">
        <v>15</v>
      </c>
      <c r="D15183" s="1" t="s">
        <v>57205</v>
      </c>
      <c r="E15183" s="1" t="s">
        <v>56606</v>
      </c>
      <c r="F15183" s="1" t="s">
        <v>57206</v>
      </c>
      <c r="G15183" s="1" t="s">
        <v>57203</v>
      </c>
      <c r="H15183" s="1" t="s">
        <v>57204</v>
      </c>
      <c r="I15183" s="1" t="s">
        <v>53800</v>
      </c>
      <c r="J15183" s="1" t="s">
        <v>57207</v>
      </c>
    </row>
    <row r="15184" spans="1:10" x14ac:dyDescent="0.35">
      <c r="A15184" s="1" t="s">
        <v>57200</v>
      </c>
      <c r="B15184" s="1" t="s">
        <v>53796</v>
      </c>
      <c r="C15184" s="1" t="s">
        <v>20</v>
      </c>
      <c r="D15184" s="1" t="s">
        <v>57208</v>
      </c>
      <c r="E15184" s="1" t="s">
        <v>41206</v>
      </c>
      <c r="F15184" s="1" t="s">
        <v>52512</v>
      </c>
      <c r="G15184" s="1" t="s">
        <v>57203</v>
      </c>
      <c r="H15184" s="1" t="s">
        <v>57204</v>
      </c>
      <c r="I15184" s="1" t="s">
        <v>53800</v>
      </c>
      <c r="J15184" s="1" t="s">
        <v>57209</v>
      </c>
    </row>
    <row r="15185" spans="1:10" x14ac:dyDescent="0.35">
      <c r="A15185" s="1" t="s">
        <v>57200</v>
      </c>
      <c r="B15185" s="1" t="s">
        <v>53796</v>
      </c>
      <c r="C15185" s="1" t="s">
        <v>25</v>
      </c>
      <c r="D15185" s="1" t="s">
        <v>57210</v>
      </c>
      <c r="E15185" s="1" t="s">
        <v>56913</v>
      </c>
      <c r="F15185" s="1" t="s">
        <v>57211</v>
      </c>
      <c r="G15185" s="1" t="s">
        <v>57203</v>
      </c>
      <c r="H15185" s="1" t="s">
        <v>57204</v>
      </c>
      <c r="I15185" s="1" t="s">
        <v>53800</v>
      </c>
      <c r="J15185" s="1" t="s">
        <v>57212</v>
      </c>
    </row>
    <row r="15186" spans="1:10" x14ac:dyDescent="0.35">
      <c r="A15186" s="1" t="s">
        <v>57200</v>
      </c>
      <c r="B15186" s="1" t="s">
        <v>53796</v>
      </c>
      <c r="C15186" s="1" t="s">
        <v>30</v>
      </c>
      <c r="D15186" s="1" t="s">
        <v>57213</v>
      </c>
      <c r="E15186" s="1" t="s">
        <v>16113</v>
      </c>
      <c r="F15186" s="1" t="s">
        <v>56036</v>
      </c>
      <c r="G15186" s="1" t="s">
        <v>57203</v>
      </c>
      <c r="H15186" s="1" t="s">
        <v>57204</v>
      </c>
      <c r="I15186" s="1" t="s">
        <v>53800</v>
      </c>
      <c r="J15186" s="1" t="s">
        <v>57214</v>
      </c>
    </row>
    <row r="15187" spans="1:10" x14ac:dyDescent="0.35">
      <c r="A15187" s="1" t="s">
        <v>57200</v>
      </c>
      <c r="B15187" s="1" t="s">
        <v>53796</v>
      </c>
      <c r="C15187" s="1" t="s">
        <v>35</v>
      </c>
      <c r="D15187" s="1" t="s">
        <v>57215</v>
      </c>
      <c r="E15187" s="1" t="s">
        <v>41287</v>
      </c>
      <c r="F15187" s="1" t="s">
        <v>57216</v>
      </c>
      <c r="G15187" s="1" t="s">
        <v>57203</v>
      </c>
      <c r="H15187" s="1" t="s">
        <v>57204</v>
      </c>
      <c r="I15187" s="1" t="s">
        <v>53800</v>
      </c>
      <c r="J15187" s="1" t="s">
        <v>57217</v>
      </c>
    </row>
    <row r="15188" spans="1:10" x14ac:dyDescent="0.35">
      <c r="A15188" s="1" t="s">
        <v>57200</v>
      </c>
      <c r="B15188" s="1" t="s">
        <v>53796</v>
      </c>
      <c r="C15188" s="1" t="s">
        <v>40</v>
      </c>
      <c r="D15188" s="1" t="s">
        <v>57218</v>
      </c>
      <c r="E15188" s="1" t="s">
        <v>57219</v>
      </c>
      <c r="F15188" s="1" t="s">
        <v>57220</v>
      </c>
      <c r="G15188" s="1" t="s">
        <v>57203</v>
      </c>
      <c r="H15188" s="1" t="s">
        <v>57204</v>
      </c>
      <c r="I15188" s="1" t="s">
        <v>53800</v>
      </c>
      <c r="J15188" s="1" t="s">
        <v>57221</v>
      </c>
    </row>
    <row r="15189" spans="1:10" x14ac:dyDescent="0.35">
      <c r="A15189" s="1" t="s">
        <v>57200</v>
      </c>
      <c r="B15189" s="1" t="s">
        <v>53796</v>
      </c>
      <c r="C15189" s="1" t="s">
        <v>45</v>
      </c>
      <c r="D15189" s="1" t="s">
        <v>57222</v>
      </c>
      <c r="E15189" s="1" t="s">
        <v>55947</v>
      </c>
      <c r="F15189" s="1" t="s">
        <v>57223</v>
      </c>
      <c r="G15189" s="1" t="s">
        <v>57203</v>
      </c>
      <c r="H15189" s="1" t="s">
        <v>57204</v>
      </c>
      <c r="I15189" s="1" t="s">
        <v>53800</v>
      </c>
      <c r="J15189" s="1" t="s">
        <v>57224</v>
      </c>
    </row>
    <row r="15190" spans="1:10" x14ac:dyDescent="0.35">
      <c r="A15190" s="1" t="s">
        <v>57200</v>
      </c>
      <c r="B15190" s="1" t="s">
        <v>53796</v>
      </c>
      <c r="C15190" s="1" t="s">
        <v>50</v>
      </c>
      <c r="D15190" s="1" t="s">
        <v>57225</v>
      </c>
      <c r="E15190" s="1" t="s">
        <v>56221</v>
      </c>
      <c r="F15190" s="1" t="s">
        <v>57226</v>
      </c>
      <c r="G15190" s="1" t="s">
        <v>57203</v>
      </c>
      <c r="H15190" s="1" t="s">
        <v>57204</v>
      </c>
      <c r="I15190" s="1" t="s">
        <v>53800</v>
      </c>
      <c r="J15190" s="1" t="s">
        <v>57227</v>
      </c>
    </row>
    <row r="15191" spans="1:10" x14ac:dyDescent="0.35">
      <c r="A15191" s="1" t="s">
        <v>57200</v>
      </c>
      <c r="B15191" s="1" t="s">
        <v>53796</v>
      </c>
      <c r="C15191" s="1" t="s">
        <v>55</v>
      </c>
      <c r="D15191" s="1" t="s">
        <v>57228</v>
      </c>
      <c r="E15191" s="1" t="s">
        <v>41395</v>
      </c>
      <c r="F15191" s="1" t="s">
        <v>56240</v>
      </c>
      <c r="G15191" s="1" t="s">
        <v>57203</v>
      </c>
      <c r="H15191" s="1" t="s">
        <v>57204</v>
      </c>
      <c r="I15191" s="1" t="s">
        <v>53800</v>
      </c>
      <c r="J15191" s="1" t="s">
        <v>57229</v>
      </c>
    </row>
    <row r="15192" spans="1:10" x14ac:dyDescent="0.35">
      <c r="A15192" s="1" t="s">
        <v>57200</v>
      </c>
      <c r="B15192" s="1" t="s">
        <v>53796</v>
      </c>
      <c r="C15192" s="1" t="s">
        <v>60</v>
      </c>
      <c r="D15192" s="1" t="s">
        <v>57230</v>
      </c>
      <c r="E15192" s="1" t="s">
        <v>21834</v>
      </c>
      <c r="F15192" s="1" t="s">
        <v>57231</v>
      </c>
      <c r="G15192" s="1" t="s">
        <v>57203</v>
      </c>
      <c r="H15192" s="1" t="s">
        <v>57204</v>
      </c>
      <c r="I15192" s="1" t="s">
        <v>53800</v>
      </c>
      <c r="J15192" s="1" t="s">
        <v>57232</v>
      </c>
    </row>
    <row r="15193" spans="1:10" x14ac:dyDescent="0.35">
      <c r="A15193" s="1" t="s">
        <v>57200</v>
      </c>
      <c r="B15193" s="1" t="s">
        <v>53796</v>
      </c>
      <c r="C15193" s="1" t="s">
        <v>65</v>
      </c>
      <c r="D15193" s="1" t="s">
        <v>57233</v>
      </c>
      <c r="E15193" s="1" t="s">
        <v>21933</v>
      </c>
      <c r="F15193" s="1" t="s">
        <v>57234</v>
      </c>
      <c r="G15193" s="1" t="s">
        <v>57203</v>
      </c>
      <c r="H15193" s="1" t="s">
        <v>57204</v>
      </c>
      <c r="I15193" s="1" t="s">
        <v>53800</v>
      </c>
      <c r="J15193" s="1" t="s">
        <v>57235</v>
      </c>
    </row>
    <row r="15194" spans="1:10" x14ac:dyDescent="0.35">
      <c r="A15194" s="1" t="s">
        <v>57200</v>
      </c>
      <c r="B15194" s="1" t="s">
        <v>53796</v>
      </c>
      <c r="C15194" s="1" t="s">
        <v>70</v>
      </c>
      <c r="D15194" s="1" t="s">
        <v>57236</v>
      </c>
      <c r="E15194" s="1" t="s">
        <v>57237</v>
      </c>
      <c r="F15194" s="1" t="s">
        <v>57238</v>
      </c>
      <c r="G15194" s="1" t="s">
        <v>57203</v>
      </c>
      <c r="H15194" s="1" t="s">
        <v>57204</v>
      </c>
      <c r="I15194" s="1" t="s">
        <v>53800</v>
      </c>
      <c r="J15194" s="1" t="s">
        <v>57239</v>
      </c>
    </row>
    <row r="15195" spans="1:10" x14ac:dyDescent="0.35">
      <c r="A15195" s="1" t="s">
        <v>57200</v>
      </c>
      <c r="B15195" s="1" t="s">
        <v>53796</v>
      </c>
      <c r="C15195" s="1" t="s">
        <v>75</v>
      </c>
      <c r="D15195" s="1" t="s">
        <v>57240</v>
      </c>
      <c r="E15195" s="1" t="s">
        <v>57241</v>
      </c>
      <c r="F15195" s="1" t="s">
        <v>57242</v>
      </c>
      <c r="G15195" s="1" t="s">
        <v>57203</v>
      </c>
      <c r="H15195" s="1" t="s">
        <v>57204</v>
      </c>
      <c r="I15195" s="1" t="s">
        <v>53800</v>
      </c>
      <c r="J15195" s="1" t="s">
        <v>57243</v>
      </c>
    </row>
    <row r="15196" spans="1:10" x14ac:dyDescent="0.35">
      <c r="A15196" s="1" t="s">
        <v>57200</v>
      </c>
      <c r="B15196" s="1" t="s">
        <v>53796</v>
      </c>
      <c r="C15196" s="1" t="s">
        <v>80</v>
      </c>
      <c r="D15196" s="1" t="s">
        <v>57244</v>
      </c>
      <c r="E15196" s="1" t="s">
        <v>57245</v>
      </c>
      <c r="F15196" s="1" t="s">
        <v>57246</v>
      </c>
      <c r="G15196" s="1" t="s">
        <v>57203</v>
      </c>
      <c r="H15196" s="1" t="s">
        <v>57204</v>
      </c>
      <c r="I15196" s="1" t="s">
        <v>53800</v>
      </c>
      <c r="J15196" s="1" t="s">
        <v>57247</v>
      </c>
    </row>
    <row r="15197" spans="1:10" x14ac:dyDescent="0.35">
      <c r="A15197" s="1" t="s">
        <v>57200</v>
      </c>
      <c r="B15197" s="1" t="s">
        <v>53796</v>
      </c>
      <c r="C15197" s="1" t="s">
        <v>85</v>
      </c>
      <c r="D15197" s="1" t="s">
        <v>57248</v>
      </c>
      <c r="E15197" s="1" t="s">
        <v>21140</v>
      </c>
      <c r="F15197" s="1" t="s">
        <v>57249</v>
      </c>
      <c r="G15197" s="1" t="s">
        <v>57203</v>
      </c>
      <c r="H15197" s="1" t="s">
        <v>57204</v>
      </c>
      <c r="I15197" s="1" t="s">
        <v>53800</v>
      </c>
      <c r="J15197" s="1" t="s">
        <v>57250</v>
      </c>
    </row>
    <row r="15198" spans="1:10" x14ac:dyDescent="0.35">
      <c r="A15198" s="1" t="s">
        <v>57200</v>
      </c>
      <c r="B15198" s="1" t="s">
        <v>53796</v>
      </c>
      <c r="C15198" s="1" t="s">
        <v>90</v>
      </c>
      <c r="D15198" s="1" t="s">
        <v>57251</v>
      </c>
      <c r="E15198" s="1" t="s">
        <v>57252</v>
      </c>
      <c r="F15198" s="1" t="s">
        <v>57253</v>
      </c>
      <c r="G15198" s="1" t="s">
        <v>57203</v>
      </c>
      <c r="H15198" s="1" t="s">
        <v>57204</v>
      </c>
      <c r="I15198" s="1" t="s">
        <v>53800</v>
      </c>
      <c r="J15198" s="1" t="s">
        <v>57254</v>
      </c>
    </row>
    <row r="15199" spans="1:10" x14ac:dyDescent="0.35">
      <c r="A15199" s="1" t="s">
        <v>57200</v>
      </c>
      <c r="B15199" s="1" t="s">
        <v>53796</v>
      </c>
      <c r="C15199" s="1" t="s">
        <v>95</v>
      </c>
      <c r="D15199" s="1" t="s">
        <v>57255</v>
      </c>
      <c r="E15199" s="1" t="s">
        <v>57256</v>
      </c>
      <c r="F15199" s="1" t="s">
        <v>57257</v>
      </c>
      <c r="G15199" s="1" t="s">
        <v>57203</v>
      </c>
      <c r="H15199" s="1" t="s">
        <v>57204</v>
      </c>
      <c r="I15199" s="1" t="s">
        <v>53800</v>
      </c>
      <c r="J15199" s="1" t="s">
        <v>57258</v>
      </c>
    </row>
    <row r="15200" spans="1:10" x14ac:dyDescent="0.35">
      <c r="A15200" s="1" t="s">
        <v>57200</v>
      </c>
      <c r="B15200" s="1" t="s">
        <v>53796</v>
      </c>
      <c r="C15200" s="1" t="s">
        <v>100</v>
      </c>
      <c r="D15200" s="1" t="s">
        <v>57259</v>
      </c>
      <c r="E15200" s="1" t="s">
        <v>56131</v>
      </c>
      <c r="F15200" s="1" t="s">
        <v>57260</v>
      </c>
      <c r="G15200" s="1" t="s">
        <v>57203</v>
      </c>
      <c r="H15200" s="1" t="s">
        <v>57204</v>
      </c>
      <c r="I15200" s="1" t="s">
        <v>53800</v>
      </c>
      <c r="J15200" s="1" t="s">
        <v>57261</v>
      </c>
    </row>
    <row r="15201" spans="1:10" x14ac:dyDescent="0.35">
      <c r="A15201" s="1" t="s">
        <v>57200</v>
      </c>
      <c r="B15201" s="1" t="s">
        <v>53796</v>
      </c>
      <c r="C15201" s="1" t="s">
        <v>105</v>
      </c>
      <c r="D15201" s="1" t="s">
        <v>57262</v>
      </c>
      <c r="E15201" s="1" t="s">
        <v>41152</v>
      </c>
      <c r="F15201" s="1" t="s">
        <v>32408</v>
      </c>
      <c r="G15201" s="1" t="s">
        <v>57203</v>
      </c>
      <c r="H15201" s="1" t="s">
        <v>57204</v>
      </c>
      <c r="I15201" s="1" t="s">
        <v>53800</v>
      </c>
      <c r="J15201" s="1" t="s">
        <v>57263</v>
      </c>
    </row>
    <row r="15202" spans="1:10" x14ac:dyDescent="0.35">
      <c r="A15202" s="1" t="s">
        <v>57200</v>
      </c>
      <c r="B15202" s="1" t="s">
        <v>53796</v>
      </c>
      <c r="C15202" s="1" t="s">
        <v>110</v>
      </c>
      <c r="D15202" s="1" t="s">
        <v>57264</v>
      </c>
      <c r="E15202" s="1" t="s">
        <v>57265</v>
      </c>
      <c r="F15202" s="1" t="s">
        <v>57266</v>
      </c>
      <c r="G15202" s="1" t="s">
        <v>57203</v>
      </c>
      <c r="H15202" s="1" t="s">
        <v>57204</v>
      </c>
      <c r="I15202" s="1" t="s">
        <v>53800</v>
      </c>
      <c r="J15202" s="1" t="s">
        <v>57267</v>
      </c>
    </row>
    <row r="15203" spans="1:10" x14ac:dyDescent="0.35">
      <c r="A15203" s="1" t="s">
        <v>57200</v>
      </c>
      <c r="B15203" s="1" t="s">
        <v>53796</v>
      </c>
      <c r="C15203" s="1" t="s">
        <v>115</v>
      </c>
      <c r="D15203" s="1" t="s">
        <v>57268</v>
      </c>
      <c r="E15203" s="1" t="s">
        <v>56202</v>
      </c>
      <c r="F15203" s="1" t="s">
        <v>57269</v>
      </c>
      <c r="G15203" s="1" t="s">
        <v>57203</v>
      </c>
      <c r="H15203" s="1" t="s">
        <v>57204</v>
      </c>
      <c r="I15203" s="1" t="s">
        <v>53800</v>
      </c>
      <c r="J15203" s="1" t="s">
        <v>57270</v>
      </c>
    </row>
    <row r="15204" spans="1:10" x14ac:dyDescent="0.35">
      <c r="A15204" s="1" t="s">
        <v>57200</v>
      </c>
      <c r="B15204" s="1" t="s">
        <v>53796</v>
      </c>
      <c r="C15204" s="1" t="s">
        <v>120</v>
      </c>
      <c r="D15204" s="1" t="s">
        <v>57271</v>
      </c>
      <c r="E15204" s="1" t="s">
        <v>54042</v>
      </c>
      <c r="F15204" s="1" t="s">
        <v>57272</v>
      </c>
      <c r="G15204" s="1" t="s">
        <v>57203</v>
      </c>
      <c r="H15204" s="1" t="s">
        <v>57204</v>
      </c>
      <c r="I15204" s="1" t="s">
        <v>53800</v>
      </c>
      <c r="J15204" s="1" t="s">
        <v>57273</v>
      </c>
    </row>
    <row r="15205" spans="1:10" x14ac:dyDescent="0.35">
      <c r="A15205" s="1" t="s">
        <v>57200</v>
      </c>
      <c r="B15205" s="1" t="s">
        <v>53796</v>
      </c>
      <c r="C15205" s="1" t="s">
        <v>125</v>
      </c>
      <c r="D15205" s="1" t="s">
        <v>57274</v>
      </c>
      <c r="E15205" s="1" t="s">
        <v>56956</v>
      </c>
      <c r="F15205" s="1" t="s">
        <v>57275</v>
      </c>
      <c r="G15205" s="1" t="s">
        <v>57203</v>
      </c>
      <c r="H15205" s="1" t="s">
        <v>57204</v>
      </c>
      <c r="I15205" s="1" t="s">
        <v>53800</v>
      </c>
      <c r="J15205" s="1" t="s">
        <v>57276</v>
      </c>
    </row>
    <row r="15206" spans="1:10" x14ac:dyDescent="0.35">
      <c r="A15206" s="1" t="s">
        <v>57200</v>
      </c>
      <c r="B15206" s="1" t="s">
        <v>53796</v>
      </c>
      <c r="C15206" s="1" t="s">
        <v>130</v>
      </c>
      <c r="D15206" s="1" t="s">
        <v>57277</v>
      </c>
      <c r="E15206" s="1" t="s">
        <v>32359</v>
      </c>
      <c r="F15206" s="1" t="s">
        <v>57278</v>
      </c>
      <c r="G15206" s="1" t="s">
        <v>57203</v>
      </c>
      <c r="H15206" s="1" t="s">
        <v>57204</v>
      </c>
      <c r="I15206" s="1" t="s">
        <v>53800</v>
      </c>
      <c r="J15206" s="1" t="s">
        <v>57279</v>
      </c>
    </row>
    <row r="15207" spans="1:10" x14ac:dyDescent="0.35">
      <c r="A15207" s="1" t="s">
        <v>57200</v>
      </c>
      <c r="B15207" s="1" t="s">
        <v>53796</v>
      </c>
      <c r="C15207" s="1" t="s">
        <v>135</v>
      </c>
      <c r="D15207" s="1" t="s">
        <v>57280</v>
      </c>
      <c r="E15207" s="1" t="s">
        <v>54650</v>
      </c>
      <c r="F15207" s="1" t="s">
        <v>57281</v>
      </c>
      <c r="G15207" s="1" t="s">
        <v>57203</v>
      </c>
      <c r="H15207" s="1" t="s">
        <v>57204</v>
      </c>
      <c r="I15207" s="1" t="s">
        <v>53800</v>
      </c>
      <c r="J15207" s="1" t="s">
        <v>57282</v>
      </c>
    </row>
    <row r="15208" spans="1:10" x14ac:dyDescent="0.35">
      <c r="A15208" s="1" t="s">
        <v>57200</v>
      </c>
      <c r="B15208" s="1" t="s">
        <v>53796</v>
      </c>
      <c r="C15208" s="1" t="s">
        <v>140</v>
      </c>
      <c r="D15208" s="1" t="s">
        <v>57283</v>
      </c>
      <c r="E15208" s="1" t="s">
        <v>57284</v>
      </c>
      <c r="F15208" s="1" t="s">
        <v>57285</v>
      </c>
      <c r="G15208" s="1" t="s">
        <v>57203</v>
      </c>
      <c r="H15208" s="1" t="s">
        <v>57204</v>
      </c>
      <c r="I15208" s="1" t="s">
        <v>53800</v>
      </c>
      <c r="J15208" s="1" t="s">
        <v>57286</v>
      </c>
    </row>
    <row r="15209" spans="1:10" x14ac:dyDescent="0.35">
      <c r="A15209" s="1" t="s">
        <v>57200</v>
      </c>
      <c r="B15209" s="1" t="s">
        <v>53796</v>
      </c>
      <c r="C15209" s="1" t="s">
        <v>145</v>
      </c>
      <c r="D15209" s="1" t="s">
        <v>57287</v>
      </c>
      <c r="E15209" s="1" t="s">
        <v>54467</v>
      </c>
      <c r="F15209" s="1" t="s">
        <v>57288</v>
      </c>
      <c r="G15209" s="1" t="s">
        <v>57203</v>
      </c>
      <c r="H15209" s="1" t="s">
        <v>57204</v>
      </c>
      <c r="I15209" s="1" t="s">
        <v>53800</v>
      </c>
      <c r="J15209" s="1" t="s">
        <v>57289</v>
      </c>
    </row>
    <row r="15210" spans="1:10" x14ac:dyDescent="0.35">
      <c r="A15210" s="1" t="s">
        <v>57200</v>
      </c>
      <c r="B15210" s="1" t="s">
        <v>53796</v>
      </c>
      <c r="C15210" s="1" t="s">
        <v>150</v>
      </c>
      <c r="D15210" s="1" t="s">
        <v>57290</v>
      </c>
      <c r="E15210" s="1" t="s">
        <v>21834</v>
      </c>
      <c r="F15210" s="1" t="s">
        <v>57291</v>
      </c>
      <c r="G15210" s="1" t="s">
        <v>57203</v>
      </c>
      <c r="H15210" s="1" t="s">
        <v>57204</v>
      </c>
      <c r="I15210" s="1" t="s">
        <v>53800</v>
      </c>
      <c r="J15210" s="1" t="s">
        <v>57292</v>
      </c>
    </row>
    <row r="15211" spans="1:10" x14ac:dyDescent="0.35">
      <c r="A15211" s="1" t="s">
        <v>57200</v>
      </c>
      <c r="B15211" s="1" t="s">
        <v>53796</v>
      </c>
      <c r="C15211" s="1" t="s">
        <v>155</v>
      </c>
      <c r="D15211" s="1" t="s">
        <v>57293</v>
      </c>
      <c r="E15211" s="1" t="s">
        <v>15311</v>
      </c>
      <c r="F15211" s="1" t="s">
        <v>24243</v>
      </c>
      <c r="G15211" s="1" t="s">
        <v>57203</v>
      </c>
      <c r="H15211" s="1" t="s">
        <v>57204</v>
      </c>
      <c r="I15211" s="1" t="s">
        <v>53800</v>
      </c>
      <c r="J15211" s="1" t="s">
        <v>57294</v>
      </c>
    </row>
    <row r="15212" spans="1:10" x14ac:dyDescent="0.35">
      <c r="A15212" s="1" t="s">
        <v>57200</v>
      </c>
      <c r="B15212" s="1" t="s">
        <v>53796</v>
      </c>
      <c r="C15212" s="1" t="s">
        <v>160</v>
      </c>
      <c r="D15212" s="1" t="s">
        <v>57295</v>
      </c>
      <c r="E15212" s="1" t="s">
        <v>21970</v>
      </c>
      <c r="F15212" s="1" t="s">
        <v>57296</v>
      </c>
      <c r="G15212" s="1" t="s">
        <v>57203</v>
      </c>
      <c r="H15212" s="1" t="s">
        <v>57204</v>
      </c>
      <c r="I15212" s="1" t="s">
        <v>53800</v>
      </c>
      <c r="J15212" s="1" t="s">
        <v>57297</v>
      </c>
    </row>
    <row r="15213" spans="1:10" x14ac:dyDescent="0.35">
      <c r="A15213" s="1" t="s">
        <v>57200</v>
      </c>
      <c r="B15213" s="1" t="s">
        <v>53796</v>
      </c>
      <c r="C15213" s="1" t="s">
        <v>165</v>
      </c>
      <c r="D15213" s="1" t="s">
        <v>57298</v>
      </c>
      <c r="E15213" s="1" t="s">
        <v>21822</v>
      </c>
      <c r="F15213" s="1" t="s">
        <v>55186</v>
      </c>
      <c r="G15213" s="1" t="s">
        <v>57203</v>
      </c>
      <c r="H15213" s="1" t="s">
        <v>57204</v>
      </c>
      <c r="I15213" s="1" t="s">
        <v>53800</v>
      </c>
      <c r="J15213" s="1" t="s">
        <v>57299</v>
      </c>
    </row>
    <row r="15214" spans="1:10" x14ac:dyDescent="0.35">
      <c r="A15214" s="1" t="s">
        <v>57200</v>
      </c>
      <c r="B15214" s="1" t="s">
        <v>53796</v>
      </c>
      <c r="C15214" s="1" t="s">
        <v>170</v>
      </c>
      <c r="D15214" s="1" t="s">
        <v>57300</v>
      </c>
      <c r="E15214" s="1" t="s">
        <v>26214</v>
      </c>
      <c r="F15214" s="1" t="s">
        <v>57301</v>
      </c>
      <c r="G15214" s="1" t="s">
        <v>57203</v>
      </c>
      <c r="H15214" s="1" t="s">
        <v>57204</v>
      </c>
      <c r="I15214" s="1" t="s">
        <v>53800</v>
      </c>
      <c r="J15214" s="1" t="s">
        <v>57302</v>
      </c>
    </row>
    <row r="15215" spans="1:10" x14ac:dyDescent="0.35">
      <c r="A15215" s="1" t="s">
        <v>57303</v>
      </c>
      <c r="B15215" s="1" t="s">
        <v>53796</v>
      </c>
      <c r="C15215" s="1" t="s">
        <v>8</v>
      </c>
      <c r="D15215" s="1" t="s">
        <v>57304</v>
      </c>
      <c r="E15215" s="1" t="s">
        <v>57305</v>
      </c>
      <c r="F15215" s="1" t="s">
        <v>57306</v>
      </c>
      <c r="G15215" s="1" t="s">
        <v>57307</v>
      </c>
      <c r="H15215" s="1" t="s">
        <v>57308</v>
      </c>
      <c r="I15215" s="1" t="s">
        <v>53800</v>
      </c>
      <c r="J15215" s="1" t="s">
        <v>13</v>
      </c>
    </row>
    <row r="15216" spans="1:10" x14ac:dyDescent="0.35">
      <c r="A15216" s="1" t="s">
        <v>57303</v>
      </c>
      <c r="B15216" s="1" t="s">
        <v>53796</v>
      </c>
      <c r="C15216" s="1" t="s">
        <v>15</v>
      </c>
      <c r="D15216" s="1" t="s">
        <v>57309</v>
      </c>
      <c r="E15216" s="1" t="s">
        <v>57310</v>
      </c>
      <c r="F15216" s="1" t="s">
        <v>57311</v>
      </c>
      <c r="G15216" s="1" t="s">
        <v>57307</v>
      </c>
      <c r="H15216" s="1" t="s">
        <v>57308</v>
      </c>
      <c r="I15216" s="1" t="s">
        <v>53800</v>
      </c>
      <c r="J15216" s="1" t="s">
        <v>57312</v>
      </c>
    </row>
    <row r="15217" spans="1:10" x14ac:dyDescent="0.35">
      <c r="A15217" s="1" t="s">
        <v>57303</v>
      </c>
      <c r="B15217" s="1" t="s">
        <v>53796</v>
      </c>
      <c r="C15217" s="1" t="s">
        <v>20</v>
      </c>
      <c r="D15217" s="1" t="s">
        <v>50882</v>
      </c>
      <c r="E15217" s="1" t="s">
        <v>57313</v>
      </c>
      <c r="F15217" s="1" t="s">
        <v>57314</v>
      </c>
      <c r="G15217" s="1" t="s">
        <v>57307</v>
      </c>
      <c r="H15217" s="1" t="s">
        <v>57308</v>
      </c>
      <c r="I15217" s="1" t="s">
        <v>53800</v>
      </c>
      <c r="J15217" s="1" t="s">
        <v>57315</v>
      </c>
    </row>
    <row r="15218" spans="1:10" x14ac:dyDescent="0.35">
      <c r="A15218" s="1" t="s">
        <v>57303</v>
      </c>
      <c r="B15218" s="1" t="s">
        <v>53796</v>
      </c>
      <c r="C15218" s="1" t="s">
        <v>25</v>
      </c>
      <c r="D15218" s="1" t="s">
        <v>5551</v>
      </c>
      <c r="E15218" s="1" t="s">
        <v>31357</v>
      </c>
      <c r="F15218" s="1" t="s">
        <v>57316</v>
      </c>
      <c r="G15218" s="1" t="s">
        <v>57307</v>
      </c>
      <c r="H15218" s="1" t="s">
        <v>57308</v>
      </c>
      <c r="I15218" s="1" t="s">
        <v>53800</v>
      </c>
      <c r="J15218" s="1" t="s">
        <v>57317</v>
      </c>
    </row>
    <row r="15219" spans="1:10" x14ac:dyDescent="0.35">
      <c r="A15219" s="1" t="s">
        <v>57303</v>
      </c>
      <c r="B15219" s="1" t="s">
        <v>53796</v>
      </c>
      <c r="C15219" s="1" t="s">
        <v>30</v>
      </c>
      <c r="D15219" s="1" t="s">
        <v>57318</v>
      </c>
      <c r="E15219" s="1" t="s">
        <v>16129</v>
      </c>
      <c r="F15219" s="1" t="s">
        <v>57319</v>
      </c>
      <c r="G15219" s="1" t="s">
        <v>57307</v>
      </c>
      <c r="H15219" s="1" t="s">
        <v>57308</v>
      </c>
      <c r="I15219" s="1" t="s">
        <v>53800</v>
      </c>
      <c r="J15219" s="1" t="s">
        <v>57320</v>
      </c>
    </row>
    <row r="15220" spans="1:10" x14ac:dyDescent="0.35">
      <c r="A15220" s="1" t="s">
        <v>57303</v>
      </c>
      <c r="B15220" s="1" t="s">
        <v>53796</v>
      </c>
      <c r="C15220" s="1" t="s">
        <v>35</v>
      </c>
      <c r="D15220" s="1" t="s">
        <v>57321</v>
      </c>
      <c r="E15220" s="1" t="s">
        <v>21182</v>
      </c>
      <c r="F15220" s="1" t="s">
        <v>57322</v>
      </c>
      <c r="G15220" s="1" t="s">
        <v>57307</v>
      </c>
      <c r="H15220" s="1" t="s">
        <v>57308</v>
      </c>
      <c r="I15220" s="1" t="s">
        <v>53800</v>
      </c>
      <c r="J15220" s="1" t="s">
        <v>57323</v>
      </c>
    </row>
    <row r="15221" spans="1:10" x14ac:dyDescent="0.35">
      <c r="A15221" s="1" t="s">
        <v>57303</v>
      </c>
      <c r="B15221" s="1" t="s">
        <v>53796</v>
      </c>
      <c r="C15221" s="1" t="s">
        <v>40</v>
      </c>
      <c r="D15221" s="1" t="s">
        <v>57324</v>
      </c>
      <c r="E15221" s="1" t="s">
        <v>22962</v>
      </c>
      <c r="F15221" s="1" t="s">
        <v>57325</v>
      </c>
      <c r="G15221" s="1" t="s">
        <v>57307</v>
      </c>
      <c r="H15221" s="1" t="s">
        <v>57308</v>
      </c>
      <c r="I15221" s="1" t="s">
        <v>53800</v>
      </c>
      <c r="J15221" s="1" t="s">
        <v>57326</v>
      </c>
    </row>
    <row r="15222" spans="1:10" x14ac:dyDescent="0.35">
      <c r="A15222" s="1" t="s">
        <v>57303</v>
      </c>
      <c r="B15222" s="1" t="s">
        <v>53796</v>
      </c>
      <c r="C15222" s="1" t="s">
        <v>45</v>
      </c>
      <c r="D15222" s="1" t="s">
        <v>57327</v>
      </c>
      <c r="E15222" s="1" t="s">
        <v>41442</v>
      </c>
      <c r="F15222" s="1" t="s">
        <v>15572</v>
      </c>
      <c r="G15222" s="1" t="s">
        <v>57307</v>
      </c>
      <c r="H15222" s="1" t="s">
        <v>57308</v>
      </c>
      <c r="I15222" s="1" t="s">
        <v>53800</v>
      </c>
      <c r="J15222" s="1" t="s">
        <v>57328</v>
      </c>
    </row>
    <row r="15223" spans="1:10" x14ac:dyDescent="0.35">
      <c r="A15223" s="1" t="s">
        <v>57303</v>
      </c>
      <c r="B15223" s="1" t="s">
        <v>53796</v>
      </c>
      <c r="C15223" s="1" t="s">
        <v>50</v>
      </c>
      <c r="D15223" s="1" t="s">
        <v>57329</v>
      </c>
      <c r="E15223" s="1" t="s">
        <v>23461</v>
      </c>
      <c r="F15223" s="1" t="s">
        <v>15253</v>
      </c>
      <c r="G15223" s="1" t="s">
        <v>57307</v>
      </c>
      <c r="H15223" s="1" t="s">
        <v>57308</v>
      </c>
      <c r="I15223" s="1" t="s">
        <v>53800</v>
      </c>
      <c r="J15223" s="1" t="s">
        <v>57330</v>
      </c>
    </row>
    <row r="15224" spans="1:10" x14ac:dyDescent="0.35">
      <c r="A15224" s="1" t="s">
        <v>57303</v>
      </c>
      <c r="B15224" s="1" t="s">
        <v>53796</v>
      </c>
      <c r="C15224" s="1" t="s">
        <v>55</v>
      </c>
      <c r="D15224" s="1" t="s">
        <v>53271</v>
      </c>
      <c r="E15224" s="1" t="s">
        <v>57060</v>
      </c>
      <c r="F15224" s="1" t="s">
        <v>57331</v>
      </c>
      <c r="G15224" s="1" t="s">
        <v>57307</v>
      </c>
      <c r="H15224" s="1" t="s">
        <v>57308</v>
      </c>
      <c r="I15224" s="1" t="s">
        <v>53800</v>
      </c>
      <c r="J15224" s="1" t="s">
        <v>57332</v>
      </c>
    </row>
    <row r="15225" spans="1:10" x14ac:dyDescent="0.35">
      <c r="A15225" s="1" t="s">
        <v>57303</v>
      </c>
      <c r="B15225" s="1" t="s">
        <v>53796</v>
      </c>
      <c r="C15225" s="1" t="s">
        <v>60</v>
      </c>
      <c r="D15225" s="1" t="s">
        <v>57333</v>
      </c>
      <c r="E15225" s="1" t="s">
        <v>56397</v>
      </c>
      <c r="F15225" s="1" t="s">
        <v>24789</v>
      </c>
      <c r="G15225" s="1" t="s">
        <v>57307</v>
      </c>
      <c r="H15225" s="1" t="s">
        <v>57308</v>
      </c>
      <c r="I15225" s="1" t="s">
        <v>53800</v>
      </c>
      <c r="J15225" s="1" t="s">
        <v>57334</v>
      </c>
    </row>
    <row r="15226" spans="1:10" x14ac:dyDescent="0.35">
      <c r="A15226" s="1" t="s">
        <v>57303</v>
      </c>
      <c r="B15226" s="1" t="s">
        <v>53796</v>
      </c>
      <c r="C15226" s="1" t="s">
        <v>65</v>
      </c>
      <c r="D15226" s="1" t="s">
        <v>24287</v>
      </c>
      <c r="E15226" s="1" t="s">
        <v>57335</v>
      </c>
      <c r="F15226" s="1" t="s">
        <v>57336</v>
      </c>
      <c r="G15226" s="1" t="s">
        <v>57307</v>
      </c>
      <c r="H15226" s="1" t="s">
        <v>57308</v>
      </c>
      <c r="I15226" s="1" t="s">
        <v>53800</v>
      </c>
      <c r="J15226" s="1" t="s">
        <v>57337</v>
      </c>
    </row>
    <row r="15227" spans="1:10" x14ac:dyDescent="0.35">
      <c r="A15227" s="1" t="s">
        <v>57303</v>
      </c>
      <c r="B15227" s="1" t="s">
        <v>53796</v>
      </c>
      <c r="C15227" s="1" t="s">
        <v>70</v>
      </c>
      <c r="D15227" s="1" t="s">
        <v>26380</v>
      </c>
      <c r="E15227" s="1" t="s">
        <v>21981</v>
      </c>
      <c r="F15227" s="1" t="s">
        <v>57338</v>
      </c>
      <c r="G15227" s="1" t="s">
        <v>57307</v>
      </c>
      <c r="H15227" s="1" t="s">
        <v>57308</v>
      </c>
      <c r="I15227" s="1" t="s">
        <v>53800</v>
      </c>
      <c r="J15227" s="1" t="s">
        <v>57339</v>
      </c>
    </row>
    <row r="15228" spans="1:10" x14ac:dyDescent="0.35">
      <c r="A15228" s="1" t="s">
        <v>57303</v>
      </c>
      <c r="B15228" s="1" t="s">
        <v>53796</v>
      </c>
      <c r="C15228" s="1" t="s">
        <v>75</v>
      </c>
      <c r="D15228" s="1" t="s">
        <v>57340</v>
      </c>
      <c r="E15228" s="1" t="s">
        <v>21737</v>
      </c>
      <c r="F15228" s="1" t="s">
        <v>57341</v>
      </c>
      <c r="G15228" s="1" t="s">
        <v>57307</v>
      </c>
      <c r="H15228" s="1" t="s">
        <v>57308</v>
      </c>
      <c r="I15228" s="1" t="s">
        <v>53800</v>
      </c>
      <c r="J15228" s="1" t="s">
        <v>57342</v>
      </c>
    </row>
    <row r="15229" spans="1:10" x14ac:dyDescent="0.35">
      <c r="A15229" s="1" t="s">
        <v>57303</v>
      </c>
      <c r="B15229" s="1" t="s">
        <v>53796</v>
      </c>
      <c r="C15229" s="1" t="s">
        <v>80</v>
      </c>
      <c r="D15229" s="1" t="s">
        <v>57343</v>
      </c>
      <c r="E15229" s="1" t="s">
        <v>21772</v>
      </c>
      <c r="F15229" s="1" t="s">
        <v>57344</v>
      </c>
      <c r="G15229" s="1" t="s">
        <v>57307</v>
      </c>
      <c r="H15229" s="1" t="s">
        <v>57308</v>
      </c>
      <c r="I15229" s="1" t="s">
        <v>53800</v>
      </c>
      <c r="J15229" s="1" t="s">
        <v>57345</v>
      </c>
    </row>
    <row r="15230" spans="1:10" x14ac:dyDescent="0.35">
      <c r="A15230" s="1" t="s">
        <v>57303</v>
      </c>
      <c r="B15230" s="1" t="s">
        <v>53796</v>
      </c>
      <c r="C15230" s="1" t="s">
        <v>85</v>
      </c>
      <c r="D15230" s="1" t="s">
        <v>57346</v>
      </c>
      <c r="E15230" s="1" t="s">
        <v>21749</v>
      </c>
      <c r="F15230" s="1" t="s">
        <v>57347</v>
      </c>
      <c r="G15230" s="1" t="s">
        <v>57307</v>
      </c>
      <c r="H15230" s="1" t="s">
        <v>57308</v>
      </c>
      <c r="I15230" s="1" t="s">
        <v>53800</v>
      </c>
      <c r="J15230" s="1" t="s">
        <v>57348</v>
      </c>
    </row>
    <row r="15231" spans="1:10" x14ac:dyDescent="0.35">
      <c r="A15231" s="1" t="s">
        <v>57303</v>
      </c>
      <c r="B15231" s="1" t="s">
        <v>53796</v>
      </c>
      <c r="C15231" s="1" t="s">
        <v>90</v>
      </c>
      <c r="D15231" s="1" t="s">
        <v>57349</v>
      </c>
      <c r="E15231" s="1" t="s">
        <v>21799</v>
      </c>
      <c r="F15231" s="1" t="s">
        <v>12810</v>
      </c>
      <c r="G15231" s="1" t="s">
        <v>57307</v>
      </c>
      <c r="H15231" s="1" t="s">
        <v>57308</v>
      </c>
      <c r="I15231" s="1" t="s">
        <v>53800</v>
      </c>
      <c r="J15231" s="1" t="s">
        <v>57350</v>
      </c>
    </row>
    <row r="15232" spans="1:10" x14ac:dyDescent="0.35">
      <c r="A15232" s="1" t="s">
        <v>57303</v>
      </c>
      <c r="B15232" s="1" t="s">
        <v>53796</v>
      </c>
      <c r="C15232" s="1" t="s">
        <v>95</v>
      </c>
      <c r="D15232" s="1" t="s">
        <v>19253</v>
      </c>
      <c r="E15232" s="1" t="s">
        <v>57351</v>
      </c>
      <c r="F15232" s="1" t="s">
        <v>57352</v>
      </c>
      <c r="G15232" s="1" t="s">
        <v>57307</v>
      </c>
      <c r="H15232" s="1" t="s">
        <v>57308</v>
      </c>
      <c r="I15232" s="1" t="s">
        <v>53800</v>
      </c>
      <c r="J15232" s="1" t="s">
        <v>57353</v>
      </c>
    </row>
    <row r="15233" spans="1:10" x14ac:dyDescent="0.35">
      <c r="A15233" s="1" t="s">
        <v>57303</v>
      </c>
      <c r="B15233" s="1" t="s">
        <v>53796</v>
      </c>
      <c r="C15233" s="1" t="s">
        <v>100</v>
      </c>
      <c r="D15233" s="1" t="s">
        <v>57354</v>
      </c>
      <c r="E15233" s="1" t="s">
        <v>57355</v>
      </c>
      <c r="F15233" s="1" t="s">
        <v>57356</v>
      </c>
      <c r="G15233" s="1" t="s">
        <v>57307</v>
      </c>
      <c r="H15233" s="1" t="s">
        <v>57308</v>
      </c>
      <c r="I15233" s="1" t="s">
        <v>53800</v>
      </c>
      <c r="J15233" s="1" t="s">
        <v>57357</v>
      </c>
    </row>
    <row r="15234" spans="1:10" x14ac:dyDescent="0.35">
      <c r="A15234" s="1" t="s">
        <v>57303</v>
      </c>
      <c r="B15234" s="1" t="s">
        <v>53796</v>
      </c>
      <c r="C15234" s="1" t="s">
        <v>105</v>
      </c>
      <c r="D15234" s="1" t="s">
        <v>19249</v>
      </c>
      <c r="E15234" s="1" t="s">
        <v>56651</v>
      </c>
      <c r="F15234" s="1" t="s">
        <v>15577</v>
      </c>
      <c r="G15234" s="1" t="s">
        <v>57307</v>
      </c>
      <c r="H15234" s="1" t="s">
        <v>57308</v>
      </c>
      <c r="I15234" s="1" t="s">
        <v>53800</v>
      </c>
      <c r="J15234" s="1" t="s">
        <v>57358</v>
      </c>
    </row>
    <row r="15235" spans="1:10" x14ac:dyDescent="0.35">
      <c r="A15235" s="1" t="s">
        <v>57303</v>
      </c>
      <c r="B15235" s="1" t="s">
        <v>53796</v>
      </c>
      <c r="C15235" s="1" t="s">
        <v>110</v>
      </c>
      <c r="D15235" s="1" t="s">
        <v>12569</v>
      </c>
      <c r="E15235" s="1" t="s">
        <v>57359</v>
      </c>
      <c r="F15235" s="1" t="s">
        <v>57360</v>
      </c>
      <c r="G15235" s="1" t="s">
        <v>57307</v>
      </c>
      <c r="H15235" s="1" t="s">
        <v>57308</v>
      </c>
      <c r="I15235" s="1" t="s">
        <v>53800</v>
      </c>
      <c r="J15235" s="1" t="s">
        <v>57361</v>
      </c>
    </row>
    <row r="15236" spans="1:10" x14ac:dyDescent="0.35">
      <c r="A15236" s="1" t="s">
        <v>57303</v>
      </c>
      <c r="B15236" s="1" t="s">
        <v>53796</v>
      </c>
      <c r="C15236" s="1" t="s">
        <v>115</v>
      </c>
      <c r="D15236" s="1" t="s">
        <v>57362</v>
      </c>
      <c r="E15236" s="1" t="s">
        <v>23457</v>
      </c>
      <c r="F15236" s="1" t="s">
        <v>57363</v>
      </c>
      <c r="G15236" s="1" t="s">
        <v>57307</v>
      </c>
      <c r="H15236" s="1" t="s">
        <v>57308</v>
      </c>
      <c r="I15236" s="1" t="s">
        <v>53800</v>
      </c>
      <c r="J15236" s="1" t="s">
        <v>57364</v>
      </c>
    </row>
    <row r="15237" spans="1:10" x14ac:dyDescent="0.35">
      <c r="A15237" s="1" t="s">
        <v>57303</v>
      </c>
      <c r="B15237" s="1" t="s">
        <v>53796</v>
      </c>
      <c r="C15237" s="1" t="s">
        <v>120</v>
      </c>
      <c r="D15237" s="1" t="s">
        <v>57365</v>
      </c>
      <c r="E15237" s="1" t="s">
        <v>24343</v>
      </c>
      <c r="F15237" s="1" t="s">
        <v>57366</v>
      </c>
      <c r="G15237" s="1" t="s">
        <v>57307</v>
      </c>
      <c r="H15237" s="1" t="s">
        <v>57308</v>
      </c>
      <c r="I15237" s="1" t="s">
        <v>53800</v>
      </c>
      <c r="J15237" s="1" t="s">
        <v>57367</v>
      </c>
    </row>
    <row r="15238" spans="1:10" x14ac:dyDescent="0.35">
      <c r="A15238" s="1" t="s">
        <v>57303</v>
      </c>
      <c r="B15238" s="1" t="s">
        <v>53796</v>
      </c>
      <c r="C15238" s="1" t="s">
        <v>125</v>
      </c>
      <c r="D15238" s="1" t="s">
        <v>57368</v>
      </c>
      <c r="E15238" s="1" t="s">
        <v>21890</v>
      </c>
      <c r="F15238" s="1" t="s">
        <v>57369</v>
      </c>
      <c r="G15238" s="1" t="s">
        <v>57307</v>
      </c>
      <c r="H15238" s="1" t="s">
        <v>57308</v>
      </c>
      <c r="I15238" s="1" t="s">
        <v>53800</v>
      </c>
      <c r="J15238" s="1" t="s">
        <v>57370</v>
      </c>
    </row>
    <row r="15239" spans="1:10" x14ac:dyDescent="0.35">
      <c r="A15239" s="1" t="s">
        <v>57303</v>
      </c>
      <c r="B15239" s="1" t="s">
        <v>53796</v>
      </c>
      <c r="C15239" s="1" t="s">
        <v>130</v>
      </c>
      <c r="D15239" s="1" t="s">
        <v>57371</v>
      </c>
      <c r="E15239" s="1" t="s">
        <v>54783</v>
      </c>
      <c r="F15239" s="1" t="s">
        <v>57372</v>
      </c>
      <c r="G15239" s="1" t="s">
        <v>57307</v>
      </c>
      <c r="H15239" s="1" t="s">
        <v>57308</v>
      </c>
      <c r="I15239" s="1" t="s">
        <v>53800</v>
      </c>
      <c r="J15239" s="1" t="s">
        <v>57373</v>
      </c>
    </row>
    <row r="15240" spans="1:10" x14ac:dyDescent="0.35">
      <c r="A15240" s="1" t="s">
        <v>57303</v>
      </c>
      <c r="B15240" s="1" t="s">
        <v>53796</v>
      </c>
      <c r="C15240" s="1" t="s">
        <v>135</v>
      </c>
      <c r="D15240" s="1" t="s">
        <v>22305</v>
      </c>
      <c r="E15240" s="1" t="s">
        <v>56846</v>
      </c>
      <c r="F15240" s="1" t="s">
        <v>57374</v>
      </c>
      <c r="G15240" s="1" t="s">
        <v>57307</v>
      </c>
      <c r="H15240" s="1" t="s">
        <v>57308</v>
      </c>
      <c r="I15240" s="1" t="s">
        <v>53800</v>
      </c>
      <c r="J15240" s="1" t="s">
        <v>57375</v>
      </c>
    </row>
    <row r="15241" spans="1:10" x14ac:dyDescent="0.35">
      <c r="A15241" s="1" t="s">
        <v>57303</v>
      </c>
      <c r="B15241" s="1" t="s">
        <v>53796</v>
      </c>
      <c r="C15241" s="1" t="s">
        <v>140</v>
      </c>
      <c r="D15241" s="1" t="s">
        <v>57376</v>
      </c>
      <c r="E15241" s="1" t="s">
        <v>31378</v>
      </c>
      <c r="F15241" s="1" t="s">
        <v>57377</v>
      </c>
      <c r="G15241" s="1" t="s">
        <v>57307</v>
      </c>
      <c r="H15241" s="1" t="s">
        <v>57308</v>
      </c>
      <c r="I15241" s="1" t="s">
        <v>53800</v>
      </c>
      <c r="J15241" s="1" t="s">
        <v>57378</v>
      </c>
    </row>
    <row r="15242" spans="1:10" x14ac:dyDescent="0.35">
      <c r="A15242" s="1" t="s">
        <v>57303</v>
      </c>
      <c r="B15242" s="1" t="s">
        <v>53796</v>
      </c>
      <c r="C15242" s="1" t="s">
        <v>145</v>
      </c>
      <c r="D15242" s="1" t="s">
        <v>40704</v>
      </c>
      <c r="E15242" s="1" t="s">
        <v>54074</v>
      </c>
      <c r="F15242" s="1" t="s">
        <v>23742</v>
      </c>
      <c r="G15242" s="1" t="s">
        <v>57307</v>
      </c>
      <c r="H15242" s="1" t="s">
        <v>57308</v>
      </c>
      <c r="I15242" s="1" t="s">
        <v>53800</v>
      </c>
      <c r="J15242" s="1" t="s">
        <v>57379</v>
      </c>
    </row>
    <row r="15243" spans="1:10" x14ac:dyDescent="0.35">
      <c r="A15243" s="1" t="s">
        <v>57303</v>
      </c>
      <c r="B15243" s="1" t="s">
        <v>53796</v>
      </c>
      <c r="C15243" s="1" t="s">
        <v>150</v>
      </c>
      <c r="D15243" s="1" t="s">
        <v>57380</v>
      </c>
      <c r="E15243" s="1" t="s">
        <v>24384</v>
      </c>
      <c r="F15243" s="1" t="s">
        <v>57381</v>
      </c>
      <c r="G15243" s="1" t="s">
        <v>57307</v>
      </c>
      <c r="H15243" s="1" t="s">
        <v>57308</v>
      </c>
      <c r="I15243" s="1" t="s">
        <v>53800</v>
      </c>
      <c r="J15243" s="1" t="s">
        <v>57382</v>
      </c>
    </row>
    <row r="15244" spans="1:10" x14ac:dyDescent="0.35">
      <c r="A15244" s="1" t="s">
        <v>57303</v>
      </c>
      <c r="B15244" s="1" t="s">
        <v>53796</v>
      </c>
      <c r="C15244" s="1" t="s">
        <v>155</v>
      </c>
      <c r="D15244" s="1" t="s">
        <v>57383</v>
      </c>
      <c r="E15244" s="1" t="s">
        <v>57384</v>
      </c>
      <c r="F15244" s="1" t="s">
        <v>57385</v>
      </c>
      <c r="G15244" s="1" t="s">
        <v>57307</v>
      </c>
      <c r="H15244" s="1" t="s">
        <v>57308</v>
      </c>
      <c r="I15244" s="1" t="s">
        <v>53800</v>
      </c>
      <c r="J15244" s="1" t="s">
        <v>57386</v>
      </c>
    </row>
    <row r="15245" spans="1:10" x14ac:dyDescent="0.35">
      <c r="A15245" s="1" t="s">
        <v>57303</v>
      </c>
      <c r="B15245" s="1" t="s">
        <v>53796</v>
      </c>
      <c r="C15245" s="1" t="s">
        <v>160</v>
      </c>
      <c r="D15245" s="1" t="s">
        <v>57387</v>
      </c>
      <c r="E15245" s="1" t="s">
        <v>57388</v>
      </c>
      <c r="F15245" s="1" t="s">
        <v>57389</v>
      </c>
      <c r="G15245" s="1" t="s">
        <v>57307</v>
      </c>
      <c r="H15245" s="1" t="s">
        <v>57308</v>
      </c>
      <c r="I15245" s="1" t="s">
        <v>53800</v>
      </c>
      <c r="J15245" s="1" t="s">
        <v>57390</v>
      </c>
    </row>
    <row r="15246" spans="1:10" x14ac:dyDescent="0.35">
      <c r="A15246" s="1" t="s">
        <v>57303</v>
      </c>
      <c r="B15246" s="1" t="s">
        <v>53796</v>
      </c>
      <c r="C15246" s="1" t="s">
        <v>165</v>
      </c>
      <c r="D15246" s="1" t="s">
        <v>57391</v>
      </c>
      <c r="E15246" s="1" t="s">
        <v>57392</v>
      </c>
      <c r="F15246" s="1" t="s">
        <v>57393</v>
      </c>
      <c r="G15246" s="1" t="s">
        <v>57307</v>
      </c>
      <c r="H15246" s="1" t="s">
        <v>57308</v>
      </c>
      <c r="I15246" s="1" t="s">
        <v>53800</v>
      </c>
      <c r="J15246" s="1" t="s">
        <v>57394</v>
      </c>
    </row>
    <row r="15247" spans="1:10" x14ac:dyDescent="0.35">
      <c r="A15247" s="1" t="s">
        <v>57303</v>
      </c>
      <c r="B15247" s="1" t="s">
        <v>53796</v>
      </c>
      <c r="C15247" s="1" t="s">
        <v>170</v>
      </c>
      <c r="D15247" s="1" t="s">
        <v>57395</v>
      </c>
      <c r="E15247" s="1" t="s">
        <v>24182</v>
      </c>
      <c r="F15247" s="1" t="s">
        <v>57396</v>
      </c>
      <c r="G15247" s="1" t="s">
        <v>57307</v>
      </c>
      <c r="H15247" s="1" t="s">
        <v>57308</v>
      </c>
      <c r="I15247" s="1" t="s">
        <v>53800</v>
      </c>
      <c r="J15247" s="1" t="s">
        <v>57397</v>
      </c>
    </row>
    <row r="15248" spans="1:10" x14ac:dyDescent="0.35">
      <c r="A15248" s="1" t="s">
        <v>57398</v>
      </c>
      <c r="B15248" s="1" t="s">
        <v>53796</v>
      </c>
      <c r="C15248" s="1" t="s">
        <v>8</v>
      </c>
      <c r="D15248" s="1" t="s">
        <v>5935</v>
      </c>
      <c r="E15248" s="1" t="s">
        <v>57399</v>
      </c>
      <c r="F15248" s="1" t="s">
        <v>57400</v>
      </c>
      <c r="G15248" s="1" t="s">
        <v>57401</v>
      </c>
      <c r="H15248" s="1" t="s">
        <v>57402</v>
      </c>
      <c r="I15248" s="1" t="s">
        <v>53800</v>
      </c>
      <c r="J15248" s="1" t="s">
        <v>13</v>
      </c>
    </row>
    <row r="15249" spans="1:10" x14ac:dyDescent="0.35">
      <c r="A15249" s="1" t="s">
        <v>57398</v>
      </c>
      <c r="B15249" s="1" t="s">
        <v>53796</v>
      </c>
      <c r="C15249" s="1" t="s">
        <v>15</v>
      </c>
      <c r="D15249" s="1" t="s">
        <v>57403</v>
      </c>
      <c r="E15249" s="1" t="s">
        <v>57404</v>
      </c>
      <c r="F15249" s="1" t="s">
        <v>57405</v>
      </c>
      <c r="G15249" s="1" t="s">
        <v>57401</v>
      </c>
      <c r="H15249" s="1" t="s">
        <v>57402</v>
      </c>
      <c r="I15249" s="1" t="s">
        <v>53800</v>
      </c>
      <c r="J15249" s="1" t="s">
        <v>57406</v>
      </c>
    </row>
    <row r="15250" spans="1:10" x14ac:dyDescent="0.35">
      <c r="A15250" s="1" t="s">
        <v>57398</v>
      </c>
      <c r="B15250" s="1" t="s">
        <v>53796</v>
      </c>
      <c r="C15250" s="1" t="s">
        <v>20</v>
      </c>
      <c r="D15250" s="1" t="s">
        <v>57407</v>
      </c>
      <c r="E15250" s="1" t="s">
        <v>57408</v>
      </c>
      <c r="F15250" s="1" t="s">
        <v>57409</v>
      </c>
      <c r="G15250" s="1" t="s">
        <v>57401</v>
      </c>
      <c r="H15250" s="1" t="s">
        <v>57402</v>
      </c>
      <c r="I15250" s="1" t="s">
        <v>53800</v>
      </c>
      <c r="J15250" s="1" t="s">
        <v>57410</v>
      </c>
    </row>
    <row r="15251" spans="1:10" x14ac:dyDescent="0.35">
      <c r="A15251" s="1" t="s">
        <v>57398</v>
      </c>
      <c r="B15251" s="1" t="s">
        <v>53796</v>
      </c>
      <c r="C15251" s="1" t="s">
        <v>25</v>
      </c>
      <c r="D15251" s="1" t="s">
        <v>57411</v>
      </c>
      <c r="E15251" s="1" t="s">
        <v>57412</v>
      </c>
      <c r="F15251" s="1" t="s">
        <v>57413</v>
      </c>
      <c r="G15251" s="1" t="s">
        <v>57401</v>
      </c>
      <c r="H15251" s="1" t="s">
        <v>57402</v>
      </c>
      <c r="I15251" s="1" t="s">
        <v>53800</v>
      </c>
      <c r="J15251" s="1" t="s">
        <v>57414</v>
      </c>
    </row>
    <row r="15252" spans="1:10" x14ac:dyDescent="0.35">
      <c r="A15252" s="1" t="s">
        <v>57398</v>
      </c>
      <c r="B15252" s="1" t="s">
        <v>53796</v>
      </c>
      <c r="C15252" s="1" t="s">
        <v>30</v>
      </c>
      <c r="D15252" s="1" t="s">
        <v>57415</v>
      </c>
      <c r="E15252" s="1" t="s">
        <v>57416</v>
      </c>
      <c r="F15252" s="1" t="s">
        <v>57417</v>
      </c>
      <c r="G15252" s="1" t="s">
        <v>57401</v>
      </c>
      <c r="H15252" s="1" t="s">
        <v>57402</v>
      </c>
      <c r="I15252" s="1" t="s">
        <v>53800</v>
      </c>
      <c r="J15252" s="1" t="s">
        <v>57418</v>
      </c>
    </row>
    <row r="15253" spans="1:10" x14ac:dyDescent="0.35">
      <c r="A15253" s="1" t="s">
        <v>57398</v>
      </c>
      <c r="B15253" s="1" t="s">
        <v>53796</v>
      </c>
      <c r="C15253" s="1" t="s">
        <v>35</v>
      </c>
      <c r="D15253" s="1" t="s">
        <v>57419</v>
      </c>
      <c r="E15253" s="1" t="s">
        <v>57420</v>
      </c>
      <c r="F15253" s="1" t="s">
        <v>57421</v>
      </c>
      <c r="G15253" s="1" t="s">
        <v>57401</v>
      </c>
      <c r="H15253" s="1" t="s">
        <v>57402</v>
      </c>
      <c r="I15253" s="1" t="s">
        <v>53800</v>
      </c>
      <c r="J15253" s="1" t="s">
        <v>57422</v>
      </c>
    </row>
    <row r="15254" spans="1:10" x14ac:dyDescent="0.35">
      <c r="A15254" s="1" t="s">
        <v>57398</v>
      </c>
      <c r="B15254" s="1" t="s">
        <v>53796</v>
      </c>
      <c r="C15254" s="1" t="s">
        <v>40</v>
      </c>
      <c r="D15254" s="1" t="s">
        <v>57423</v>
      </c>
      <c r="E15254" s="1" t="s">
        <v>57424</v>
      </c>
      <c r="F15254" s="1" t="s">
        <v>57425</v>
      </c>
      <c r="G15254" s="1" t="s">
        <v>57401</v>
      </c>
      <c r="H15254" s="1" t="s">
        <v>57402</v>
      </c>
      <c r="I15254" s="1" t="s">
        <v>53800</v>
      </c>
      <c r="J15254" s="1" t="s">
        <v>57426</v>
      </c>
    </row>
    <row r="15255" spans="1:10" x14ac:dyDescent="0.35">
      <c r="A15255" s="1" t="s">
        <v>57398</v>
      </c>
      <c r="B15255" s="1" t="s">
        <v>53796</v>
      </c>
      <c r="C15255" s="1" t="s">
        <v>45</v>
      </c>
      <c r="D15255" s="1" t="s">
        <v>57427</v>
      </c>
      <c r="E15255" s="1" t="s">
        <v>57428</v>
      </c>
      <c r="F15255" s="1" t="s">
        <v>57429</v>
      </c>
      <c r="G15255" s="1" t="s">
        <v>57401</v>
      </c>
      <c r="H15255" s="1" t="s">
        <v>57402</v>
      </c>
      <c r="I15255" s="1" t="s">
        <v>53800</v>
      </c>
      <c r="J15255" s="1" t="s">
        <v>57430</v>
      </c>
    </row>
    <row r="15256" spans="1:10" x14ac:dyDescent="0.35">
      <c r="A15256" s="1" t="s">
        <v>57398</v>
      </c>
      <c r="B15256" s="1" t="s">
        <v>53796</v>
      </c>
      <c r="C15256" s="1" t="s">
        <v>50</v>
      </c>
      <c r="D15256" s="1" t="s">
        <v>57431</v>
      </c>
      <c r="E15256" s="1" t="s">
        <v>57432</v>
      </c>
      <c r="F15256" s="1" t="s">
        <v>57433</v>
      </c>
      <c r="G15256" s="1" t="s">
        <v>57401</v>
      </c>
      <c r="H15256" s="1" t="s">
        <v>57402</v>
      </c>
      <c r="I15256" s="1" t="s">
        <v>53800</v>
      </c>
      <c r="J15256" s="1" t="s">
        <v>57434</v>
      </c>
    </row>
    <row r="15257" spans="1:10" x14ac:dyDescent="0.35">
      <c r="A15257" s="1" t="s">
        <v>57398</v>
      </c>
      <c r="B15257" s="1" t="s">
        <v>53796</v>
      </c>
      <c r="C15257" s="1" t="s">
        <v>55</v>
      </c>
      <c r="D15257" s="1" t="s">
        <v>57435</v>
      </c>
      <c r="E15257" s="1" t="s">
        <v>57436</v>
      </c>
      <c r="F15257" s="1" t="s">
        <v>57437</v>
      </c>
      <c r="G15257" s="1" t="s">
        <v>57401</v>
      </c>
      <c r="H15257" s="1" t="s">
        <v>57402</v>
      </c>
      <c r="I15257" s="1" t="s">
        <v>53800</v>
      </c>
      <c r="J15257" s="1" t="s">
        <v>57438</v>
      </c>
    </row>
    <row r="15258" spans="1:10" x14ac:dyDescent="0.35">
      <c r="A15258" s="1" t="s">
        <v>57398</v>
      </c>
      <c r="B15258" s="1" t="s">
        <v>53796</v>
      </c>
      <c r="C15258" s="1" t="s">
        <v>60</v>
      </c>
      <c r="D15258" s="1" t="s">
        <v>57439</v>
      </c>
      <c r="E15258" s="1" t="s">
        <v>57440</v>
      </c>
      <c r="F15258" s="1" t="s">
        <v>57441</v>
      </c>
      <c r="G15258" s="1" t="s">
        <v>57401</v>
      </c>
      <c r="H15258" s="1" t="s">
        <v>57402</v>
      </c>
      <c r="I15258" s="1" t="s">
        <v>53800</v>
      </c>
      <c r="J15258" s="1" t="s">
        <v>57442</v>
      </c>
    </row>
    <row r="15259" spans="1:10" x14ac:dyDescent="0.35">
      <c r="A15259" s="1" t="s">
        <v>57398</v>
      </c>
      <c r="B15259" s="1" t="s">
        <v>53796</v>
      </c>
      <c r="C15259" s="1" t="s">
        <v>65</v>
      </c>
      <c r="D15259" s="1" t="s">
        <v>57443</v>
      </c>
      <c r="E15259" s="1" t="s">
        <v>57444</v>
      </c>
      <c r="F15259" s="1" t="s">
        <v>57445</v>
      </c>
      <c r="G15259" s="1" t="s">
        <v>57401</v>
      </c>
      <c r="H15259" s="1" t="s">
        <v>57402</v>
      </c>
      <c r="I15259" s="1" t="s">
        <v>53800</v>
      </c>
      <c r="J15259" s="1" t="s">
        <v>57446</v>
      </c>
    </row>
    <row r="15260" spans="1:10" x14ac:dyDescent="0.35">
      <c r="A15260" s="1" t="s">
        <v>57398</v>
      </c>
      <c r="B15260" s="1" t="s">
        <v>53796</v>
      </c>
      <c r="C15260" s="1" t="s">
        <v>70</v>
      </c>
      <c r="D15260" s="1" t="s">
        <v>57447</v>
      </c>
      <c r="E15260" s="1" t="s">
        <v>57448</v>
      </c>
      <c r="F15260" s="1" t="s">
        <v>57449</v>
      </c>
      <c r="G15260" s="1" t="s">
        <v>57401</v>
      </c>
      <c r="H15260" s="1" t="s">
        <v>57402</v>
      </c>
      <c r="I15260" s="1" t="s">
        <v>53800</v>
      </c>
      <c r="J15260" s="1" t="s">
        <v>57450</v>
      </c>
    </row>
    <row r="15261" spans="1:10" x14ac:dyDescent="0.35">
      <c r="A15261" s="1" t="s">
        <v>57398</v>
      </c>
      <c r="B15261" s="1" t="s">
        <v>53796</v>
      </c>
      <c r="C15261" s="1" t="s">
        <v>75</v>
      </c>
      <c r="D15261" s="1" t="s">
        <v>57451</v>
      </c>
      <c r="E15261" s="1" t="s">
        <v>57452</v>
      </c>
      <c r="F15261" s="1" t="s">
        <v>57453</v>
      </c>
      <c r="G15261" s="1" t="s">
        <v>57401</v>
      </c>
      <c r="H15261" s="1" t="s">
        <v>57402</v>
      </c>
      <c r="I15261" s="1" t="s">
        <v>53800</v>
      </c>
      <c r="J15261" s="1" t="s">
        <v>57454</v>
      </c>
    </row>
    <row r="15262" spans="1:10" x14ac:dyDescent="0.35">
      <c r="A15262" s="1" t="s">
        <v>57398</v>
      </c>
      <c r="B15262" s="1" t="s">
        <v>53796</v>
      </c>
      <c r="C15262" s="1" t="s">
        <v>80</v>
      </c>
      <c r="D15262" s="1" t="s">
        <v>57455</v>
      </c>
      <c r="E15262" s="1" t="s">
        <v>57456</v>
      </c>
      <c r="F15262" s="1" t="s">
        <v>57457</v>
      </c>
      <c r="G15262" s="1" t="s">
        <v>57401</v>
      </c>
      <c r="H15262" s="1" t="s">
        <v>57402</v>
      </c>
      <c r="I15262" s="1" t="s">
        <v>53800</v>
      </c>
      <c r="J15262" s="1" t="s">
        <v>57458</v>
      </c>
    </row>
    <row r="15263" spans="1:10" x14ac:dyDescent="0.35">
      <c r="A15263" s="1" t="s">
        <v>57398</v>
      </c>
      <c r="B15263" s="1" t="s">
        <v>53796</v>
      </c>
      <c r="C15263" s="1" t="s">
        <v>85</v>
      </c>
      <c r="D15263" s="1" t="s">
        <v>57459</v>
      </c>
      <c r="E15263" s="1" t="s">
        <v>57460</v>
      </c>
      <c r="F15263" s="1" t="s">
        <v>57461</v>
      </c>
      <c r="G15263" s="1" t="s">
        <v>57401</v>
      </c>
      <c r="H15263" s="1" t="s">
        <v>57402</v>
      </c>
      <c r="I15263" s="1" t="s">
        <v>53800</v>
      </c>
      <c r="J15263" s="1" t="s">
        <v>57462</v>
      </c>
    </row>
    <row r="15264" spans="1:10" x14ac:dyDescent="0.35">
      <c r="A15264" s="1" t="s">
        <v>57398</v>
      </c>
      <c r="B15264" s="1" t="s">
        <v>53796</v>
      </c>
      <c r="C15264" s="1" t="s">
        <v>90</v>
      </c>
      <c r="D15264" s="1" t="s">
        <v>57463</v>
      </c>
      <c r="E15264" s="1" t="s">
        <v>57464</v>
      </c>
      <c r="F15264" s="1" t="s">
        <v>57465</v>
      </c>
      <c r="G15264" s="1" t="s">
        <v>57401</v>
      </c>
      <c r="H15264" s="1" t="s">
        <v>57402</v>
      </c>
      <c r="I15264" s="1" t="s">
        <v>53800</v>
      </c>
      <c r="J15264" s="1" t="s">
        <v>57466</v>
      </c>
    </row>
    <row r="15265" spans="1:10" x14ac:dyDescent="0.35">
      <c r="A15265" s="1" t="s">
        <v>57398</v>
      </c>
      <c r="B15265" s="1" t="s">
        <v>53796</v>
      </c>
      <c r="C15265" s="1" t="s">
        <v>95</v>
      </c>
      <c r="D15265" s="1" t="s">
        <v>57467</v>
      </c>
      <c r="E15265" s="1" t="s">
        <v>57468</v>
      </c>
      <c r="F15265" s="1" t="s">
        <v>57469</v>
      </c>
      <c r="G15265" s="1" t="s">
        <v>57401</v>
      </c>
      <c r="H15265" s="1" t="s">
        <v>57402</v>
      </c>
      <c r="I15265" s="1" t="s">
        <v>53800</v>
      </c>
      <c r="J15265" s="1" t="s">
        <v>57470</v>
      </c>
    </row>
    <row r="15266" spans="1:10" x14ac:dyDescent="0.35">
      <c r="A15266" s="1" t="s">
        <v>57398</v>
      </c>
      <c r="B15266" s="1" t="s">
        <v>53796</v>
      </c>
      <c r="C15266" s="1" t="s">
        <v>100</v>
      </c>
      <c r="D15266" s="1" t="s">
        <v>57471</v>
      </c>
      <c r="E15266" s="1" t="s">
        <v>57472</v>
      </c>
      <c r="F15266" s="1" t="s">
        <v>57473</v>
      </c>
      <c r="G15266" s="1" t="s">
        <v>57401</v>
      </c>
      <c r="H15266" s="1" t="s">
        <v>57402</v>
      </c>
      <c r="I15266" s="1" t="s">
        <v>53800</v>
      </c>
      <c r="J15266" s="1" t="s">
        <v>57474</v>
      </c>
    </row>
    <row r="15267" spans="1:10" x14ac:dyDescent="0.35">
      <c r="A15267" s="1" t="s">
        <v>57398</v>
      </c>
      <c r="B15267" s="1" t="s">
        <v>53796</v>
      </c>
      <c r="C15267" s="1" t="s">
        <v>105</v>
      </c>
      <c r="D15267" s="1" t="s">
        <v>57475</v>
      </c>
      <c r="E15267" s="1" t="s">
        <v>57476</v>
      </c>
      <c r="F15267" s="1" t="s">
        <v>57477</v>
      </c>
      <c r="G15267" s="1" t="s">
        <v>57401</v>
      </c>
      <c r="H15267" s="1" t="s">
        <v>57402</v>
      </c>
      <c r="I15267" s="1" t="s">
        <v>53800</v>
      </c>
      <c r="J15267" s="1" t="s">
        <v>57478</v>
      </c>
    </row>
    <row r="15268" spans="1:10" x14ac:dyDescent="0.35">
      <c r="A15268" s="1" t="s">
        <v>57398</v>
      </c>
      <c r="B15268" s="1" t="s">
        <v>53796</v>
      </c>
      <c r="C15268" s="1" t="s">
        <v>110</v>
      </c>
      <c r="D15268" s="1" t="s">
        <v>57479</v>
      </c>
      <c r="E15268" s="1" t="s">
        <v>57480</v>
      </c>
      <c r="F15268" s="1" t="s">
        <v>57481</v>
      </c>
      <c r="G15268" s="1" t="s">
        <v>57401</v>
      </c>
      <c r="H15268" s="1" t="s">
        <v>57402</v>
      </c>
      <c r="I15268" s="1" t="s">
        <v>53800</v>
      </c>
      <c r="J15268" s="1" t="s">
        <v>57482</v>
      </c>
    </row>
    <row r="15269" spans="1:10" x14ac:dyDescent="0.35">
      <c r="A15269" s="1" t="s">
        <v>57398</v>
      </c>
      <c r="B15269" s="1" t="s">
        <v>53796</v>
      </c>
      <c r="C15269" s="1" t="s">
        <v>115</v>
      </c>
      <c r="D15269" s="1" t="s">
        <v>57483</v>
      </c>
      <c r="E15269" s="1" t="s">
        <v>57484</v>
      </c>
      <c r="F15269" s="1" t="s">
        <v>57485</v>
      </c>
      <c r="G15269" s="1" t="s">
        <v>57401</v>
      </c>
      <c r="H15269" s="1" t="s">
        <v>57402</v>
      </c>
      <c r="I15269" s="1" t="s">
        <v>53800</v>
      </c>
      <c r="J15269" s="1" t="s">
        <v>57486</v>
      </c>
    </row>
    <row r="15270" spans="1:10" x14ac:dyDescent="0.35">
      <c r="A15270" s="1" t="s">
        <v>57398</v>
      </c>
      <c r="B15270" s="1" t="s">
        <v>53796</v>
      </c>
      <c r="C15270" s="1" t="s">
        <v>120</v>
      </c>
      <c r="D15270" s="1" t="s">
        <v>57487</v>
      </c>
      <c r="E15270" s="1" t="s">
        <v>57488</v>
      </c>
      <c r="F15270" s="1" t="s">
        <v>57489</v>
      </c>
      <c r="G15270" s="1" t="s">
        <v>57401</v>
      </c>
      <c r="H15270" s="1" t="s">
        <v>57402</v>
      </c>
      <c r="I15270" s="1" t="s">
        <v>53800</v>
      </c>
      <c r="J15270" s="1" t="s">
        <v>57490</v>
      </c>
    </row>
    <row r="15271" spans="1:10" x14ac:dyDescent="0.35">
      <c r="A15271" s="1" t="s">
        <v>57398</v>
      </c>
      <c r="B15271" s="1" t="s">
        <v>53796</v>
      </c>
      <c r="C15271" s="1" t="s">
        <v>125</v>
      </c>
      <c r="D15271" s="1" t="s">
        <v>57491</v>
      </c>
      <c r="E15271" s="1" t="s">
        <v>57492</v>
      </c>
      <c r="F15271" s="1" t="s">
        <v>57493</v>
      </c>
      <c r="G15271" s="1" t="s">
        <v>57401</v>
      </c>
      <c r="H15271" s="1" t="s">
        <v>57402</v>
      </c>
      <c r="I15271" s="1" t="s">
        <v>53800</v>
      </c>
      <c r="J15271" s="1" t="s">
        <v>57494</v>
      </c>
    </row>
    <row r="15272" spans="1:10" x14ac:dyDescent="0.35">
      <c r="A15272" s="1" t="s">
        <v>57398</v>
      </c>
      <c r="B15272" s="1" t="s">
        <v>53796</v>
      </c>
      <c r="C15272" s="1" t="s">
        <v>130</v>
      </c>
      <c r="D15272" s="1" t="s">
        <v>57495</v>
      </c>
      <c r="E15272" s="1" t="s">
        <v>57496</v>
      </c>
      <c r="F15272" s="1" t="s">
        <v>57497</v>
      </c>
      <c r="G15272" s="1" t="s">
        <v>57401</v>
      </c>
      <c r="H15272" s="1" t="s">
        <v>57402</v>
      </c>
      <c r="I15272" s="1" t="s">
        <v>53800</v>
      </c>
      <c r="J15272" s="1" t="s">
        <v>57498</v>
      </c>
    </row>
    <row r="15273" spans="1:10" x14ac:dyDescent="0.35">
      <c r="A15273" s="1" t="s">
        <v>57398</v>
      </c>
      <c r="B15273" s="1" t="s">
        <v>53796</v>
      </c>
      <c r="C15273" s="1" t="s">
        <v>135</v>
      </c>
      <c r="D15273" s="1" t="s">
        <v>57499</v>
      </c>
      <c r="E15273" s="1" t="s">
        <v>57500</v>
      </c>
      <c r="F15273" s="1" t="s">
        <v>57501</v>
      </c>
      <c r="G15273" s="1" t="s">
        <v>57401</v>
      </c>
      <c r="H15273" s="1" t="s">
        <v>57402</v>
      </c>
      <c r="I15273" s="1" t="s">
        <v>53800</v>
      </c>
      <c r="J15273" s="1" t="s">
        <v>57502</v>
      </c>
    </row>
    <row r="15274" spans="1:10" x14ac:dyDescent="0.35">
      <c r="A15274" s="1" t="s">
        <v>57398</v>
      </c>
      <c r="B15274" s="1" t="s">
        <v>53796</v>
      </c>
      <c r="C15274" s="1" t="s">
        <v>140</v>
      </c>
      <c r="D15274" s="1" t="s">
        <v>57503</v>
      </c>
      <c r="E15274" s="1" t="s">
        <v>57504</v>
      </c>
      <c r="F15274" s="1" t="s">
        <v>57505</v>
      </c>
      <c r="G15274" s="1" t="s">
        <v>57401</v>
      </c>
      <c r="H15274" s="1" t="s">
        <v>57402</v>
      </c>
      <c r="I15274" s="1" t="s">
        <v>53800</v>
      </c>
      <c r="J15274" s="1" t="s">
        <v>57506</v>
      </c>
    </row>
    <row r="15275" spans="1:10" x14ac:dyDescent="0.35">
      <c r="A15275" s="1" t="s">
        <v>57398</v>
      </c>
      <c r="B15275" s="1" t="s">
        <v>53796</v>
      </c>
      <c r="C15275" s="1" t="s">
        <v>145</v>
      </c>
      <c r="D15275" s="1" t="s">
        <v>57507</v>
      </c>
      <c r="E15275" s="1" t="s">
        <v>57508</v>
      </c>
      <c r="F15275" s="1" t="s">
        <v>57509</v>
      </c>
      <c r="G15275" s="1" t="s">
        <v>57401</v>
      </c>
      <c r="H15275" s="1" t="s">
        <v>57402</v>
      </c>
      <c r="I15275" s="1" t="s">
        <v>53800</v>
      </c>
      <c r="J15275" s="1" t="s">
        <v>57510</v>
      </c>
    </row>
    <row r="15276" spans="1:10" x14ac:dyDescent="0.35">
      <c r="A15276" s="1" t="s">
        <v>57398</v>
      </c>
      <c r="B15276" s="1" t="s">
        <v>53796</v>
      </c>
      <c r="C15276" s="1" t="s">
        <v>150</v>
      </c>
      <c r="D15276" s="1" t="s">
        <v>57511</v>
      </c>
      <c r="E15276" s="1" t="s">
        <v>57512</v>
      </c>
      <c r="F15276" s="1" t="s">
        <v>57513</v>
      </c>
      <c r="G15276" s="1" t="s">
        <v>57401</v>
      </c>
      <c r="H15276" s="1" t="s">
        <v>57402</v>
      </c>
      <c r="I15276" s="1" t="s">
        <v>53800</v>
      </c>
      <c r="J15276" s="1" t="s">
        <v>57514</v>
      </c>
    </row>
    <row r="15277" spans="1:10" x14ac:dyDescent="0.35">
      <c r="A15277" s="1" t="s">
        <v>57398</v>
      </c>
      <c r="B15277" s="1" t="s">
        <v>53796</v>
      </c>
      <c r="C15277" s="1" t="s">
        <v>155</v>
      </c>
      <c r="D15277" s="1" t="s">
        <v>57515</v>
      </c>
      <c r="E15277" s="1" t="s">
        <v>57516</v>
      </c>
      <c r="F15277" s="1" t="s">
        <v>57517</v>
      </c>
      <c r="G15277" s="1" t="s">
        <v>57401</v>
      </c>
      <c r="H15277" s="1" t="s">
        <v>57402</v>
      </c>
      <c r="I15277" s="1" t="s">
        <v>53800</v>
      </c>
      <c r="J15277" s="1" t="s">
        <v>57518</v>
      </c>
    </row>
    <row r="15278" spans="1:10" x14ac:dyDescent="0.35">
      <c r="A15278" s="1" t="s">
        <v>57398</v>
      </c>
      <c r="B15278" s="1" t="s">
        <v>53796</v>
      </c>
      <c r="C15278" s="1" t="s">
        <v>160</v>
      </c>
      <c r="D15278" s="1" t="s">
        <v>57519</v>
      </c>
      <c r="E15278" s="1" t="s">
        <v>57520</v>
      </c>
      <c r="F15278" s="1" t="s">
        <v>57521</v>
      </c>
      <c r="G15278" s="1" t="s">
        <v>57401</v>
      </c>
      <c r="H15278" s="1" t="s">
        <v>57402</v>
      </c>
      <c r="I15278" s="1" t="s">
        <v>53800</v>
      </c>
      <c r="J15278" s="1" t="s">
        <v>57522</v>
      </c>
    </row>
    <row r="15279" spans="1:10" x14ac:dyDescent="0.35">
      <c r="A15279" s="1" t="s">
        <v>57398</v>
      </c>
      <c r="B15279" s="1" t="s">
        <v>53796</v>
      </c>
      <c r="C15279" s="1" t="s">
        <v>165</v>
      </c>
      <c r="D15279" s="1" t="s">
        <v>57523</v>
      </c>
      <c r="E15279" s="1" t="s">
        <v>57524</v>
      </c>
      <c r="F15279" s="1" t="s">
        <v>57525</v>
      </c>
      <c r="G15279" s="1" t="s">
        <v>57401</v>
      </c>
      <c r="H15279" s="1" t="s">
        <v>57402</v>
      </c>
      <c r="I15279" s="1" t="s">
        <v>53800</v>
      </c>
      <c r="J15279" s="1" t="s">
        <v>57526</v>
      </c>
    </row>
    <row r="15280" spans="1:10" x14ac:dyDescent="0.35">
      <c r="A15280" s="1" t="s">
        <v>57398</v>
      </c>
      <c r="B15280" s="1" t="s">
        <v>53796</v>
      </c>
      <c r="C15280" s="1" t="s">
        <v>170</v>
      </c>
      <c r="D15280" s="1" t="s">
        <v>54939</v>
      </c>
      <c r="E15280" s="1" t="s">
        <v>57527</v>
      </c>
      <c r="F15280" s="1" t="s">
        <v>57528</v>
      </c>
      <c r="G15280" s="1" t="s">
        <v>57401</v>
      </c>
      <c r="H15280" s="1" t="s">
        <v>57402</v>
      </c>
      <c r="I15280" s="1" t="s">
        <v>53800</v>
      </c>
      <c r="J15280" s="1" t="s">
        <v>57529</v>
      </c>
    </row>
    <row r="15281" spans="1:10" x14ac:dyDescent="0.35">
      <c r="A15281" s="1" t="s">
        <v>57530</v>
      </c>
      <c r="B15281" s="1" t="s">
        <v>53796</v>
      </c>
      <c r="C15281" s="1" t="s">
        <v>8</v>
      </c>
      <c r="D15281" s="1" t="s">
        <v>12498</v>
      </c>
      <c r="E15281" s="1" t="s">
        <v>24221</v>
      </c>
      <c r="F15281" s="1" t="s">
        <v>53844</v>
      </c>
      <c r="G15281" s="1" t="s">
        <v>57531</v>
      </c>
      <c r="H15281" s="1" t="s">
        <v>57532</v>
      </c>
      <c r="I15281" s="1" t="s">
        <v>53800</v>
      </c>
      <c r="J15281" s="1" t="s">
        <v>13</v>
      </c>
    </row>
    <row r="15282" spans="1:10" x14ac:dyDescent="0.35">
      <c r="A15282" s="1" t="s">
        <v>57530</v>
      </c>
      <c r="B15282" s="1" t="s">
        <v>53796</v>
      </c>
      <c r="C15282" s="1" t="s">
        <v>15</v>
      </c>
      <c r="D15282" s="1" t="s">
        <v>57533</v>
      </c>
      <c r="E15282" s="1" t="s">
        <v>15252</v>
      </c>
      <c r="F15282" s="1" t="s">
        <v>57534</v>
      </c>
      <c r="G15282" s="1" t="s">
        <v>57531</v>
      </c>
      <c r="H15282" s="1" t="s">
        <v>57532</v>
      </c>
      <c r="I15282" s="1" t="s">
        <v>53800</v>
      </c>
      <c r="J15282" s="1" t="s">
        <v>57535</v>
      </c>
    </row>
    <row r="15283" spans="1:10" x14ac:dyDescent="0.35">
      <c r="A15283" s="1" t="s">
        <v>57530</v>
      </c>
      <c r="B15283" s="1" t="s">
        <v>53796</v>
      </c>
      <c r="C15283" s="1" t="s">
        <v>20</v>
      </c>
      <c r="D15283" s="1" t="s">
        <v>20154</v>
      </c>
      <c r="E15283" s="1" t="s">
        <v>41148</v>
      </c>
      <c r="F15283" s="1" t="s">
        <v>55091</v>
      </c>
      <c r="G15283" s="1" t="s">
        <v>57531</v>
      </c>
      <c r="H15283" s="1" t="s">
        <v>57532</v>
      </c>
      <c r="I15283" s="1" t="s">
        <v>53800</v>
      </c>
      <c r="J15283" s="1" t="s">
        <v>57536</v>
      </c>
    </row>
    <row r="15284" spans="1:10" x14ac:dyDescent="0.35">
      <c r="A15284" s="1" t="s">
        <v>57530</v>
      </c>
      <c r="B15284" s="1" t="s">
        <v>53796</v>
      </c>
      <c r="C15284" s="1" t="s">
        <v>25</v>
      </c>
      <c r="D15284" s="1" t="s">
        <v>57537</v>
      </c>
      <c r="E15284" s="1" t="s">
        <v>41425</v>
      </c>
      <c r="F15284" s="1" t="s">
        <v>57538</v>
      </c>
      <c r="G15284" s="1" t="s">
        <v>57531</v>
      </c>
      <c r="H15284" s="1" t="s">
        <v>57532</v>
      </c>
      <c r="I15284" s="1" t="s">
        <v>53800</v>
      </c>
      <c r="J15284" s="1" t="s">
        <v>57539</v>
      </c>
    </row>
    <row r="15285" spans="1:10" x14ac:dyDescent="0.35">
      <c r="A15285" s="1" t="s">
        <v>57530</v>
      </c>
      <c r="B15285" s="1" t="s">
        <v>53796</v>
      </c>
      <c r="C15285" s="1" t="s">
        <v>30</v>
      </c>
      <c r="D15285" s="1" t="s">
        <v>57540</v>
      </c>
      <c r="E15285" s="1" t="s">
        <v>54070</v>
      </c>
      <c r="F15285" s="1" t="s">
        <v>57541</v>
      </c>
      <c r="G15285" s="1" t="s">
        <v>57531</v>
      </c>
      <c r="H15285" s="1" t="s">
        <v>57532</v>
      </c>
      <c r="I15285" s="1" t="s">
        <v>53800</v>
      </c>
      <c r="J15285" s="1" t="s">
        <v>57542</v>
      </c>
    </row>
    <row r="15286" spans="1:10" x14ac:dyDescent="0.35">
      <c r="A15286" s="1" t="s">
        <v>57530</v>
      </c>
      <c r="B15286" s="1" t="s">
        <v>53796</v>
      </c>
      <c r="C15286" s="1" t="s">
        <v>35</v>
      </c>
      <c r="D15286" s="1" t="s">
        <v>57543</v>
      </c>
      <c r="E15286" s="1" t="s">
        <v>57544</v>
      </c>
      <c r="F15286" s="1" t="s">
        <v>57545</v>
      </c>
      <c r="G15286" s="1" t="s">
        <v>57531</v>
      </c>
      <c r="H15286" s="1" t="s">
        <v>57532</v>
      </c>
      <c r="I15286" s="1" t="s">
        <v>53800</v>
      </c>
      <c r="J15286" s="1" t="s">
        <v>57546</v>
      </c>
    </row>
    <row r="15287" spans="1:10" x14ac:dyDescent="0.35">
      <c r="A15287" s="1" t="s">
        <v>57530</v>
      </c>
      <c r="B15287" s="1" t="s">
        <v>53796</v>
      </c>
      <c r="C15287" s="1" t="s">
        <v>40</v>
      </c>
      <c r="D15287" s="1" t="s">
        <v>55714</v>
      </c>
      <c r="E15287" s="1" t="s">
        <v>57547</v>
      </c>
      <c r="F15287" s="1" t="s">
        <v>57548</v>
      </c>
      <c r="G15287" s="1" t="s">
        <v>57531</v>
      </c>
      <c r="H15287" s="1" t="s">
        <v>57532</v>
      </c>
      <c r="I15287" s="1" t="s">
        <v>53800</v>
      </c>
      <c r="J15287" s="1" t="s">
        <v>57549</v>
      </c>
    </row>
    <row r="15288" spans="1:10" x14ac:dyDescent="0.35">
      <c r="A15288" s="1" t="s">
        <v>57530</v>
      </c>
      <c r="B15288" s="1" t="s">
        <v>53796</v>
      </c>
      <c r="C15288" s="1" t="s">
        <v>45</v>
      </c>
      <c r="D15288" s="1" t="s">
        <v>57550</v>
      </c>
      <c r="E15288" s="1" t="s">
        <v>23217</v>
      </c>
      <c r="F15288" s="1" t="s">
        <v>57551</v>
      </c>
      <c r="G15288" s="1" t="s">
        <v>57531</v>
      </c>
      <c r="H15288" s="1" t="s">
        <v>57532</v>
      </c>
      <c r="I15288" s="1" t="s">
        <v>53800</v>
      </c>
      <c r="J15288" s="1" t="s">
        <v>57552</v>
      </c>
    </row>
    <row r="15289" spans="1:10" x14ac:dyDescent="0.35">
      <c r="A15289" s="1" t="s">
        <v>57530</v>
      </c>
      <c r="B15289" s="1" t="s">
        <v>53796</v>
      </c>
      <c r="C15289" s="1" t="s">
        <v>50</v>
      </c>
      <c r="D15289" s="1" t="s">
        <v>57553</v>
      </c>
      <c r="E15289" s="1" t="s">
        <v>15340</v>
      </c>
      <c r="F15289" s="1" t="s">
        <v>57554</v>
      </c>
      <c r="G15289" s="1" t="s">
        <v>57531</v>
      </c>
      <c r="H15289" s="1" t="s">
        <v>57532</v>
      </c>
      <c r="I15289" s="1" t="s">
        <v>53800</v>
      </c>
      <c r="J15289" s="1" t="s">
        <v>57555</v>
      </c>
    </row>
    <row r="15290" spans="1:10" x14ac:dyDescent="0.35">
      <c r="A15290" s="1" t="s">
        <v>57530</v>
      </c>
      <c r="B15290" s="1" t="s">
        <v>53796</v>
      </c>
      <c r="C15290" s="1" t="s">
        <v>55</v>
      </c>
      <c r="D15290" s="1" t="s">
        <v>57556</v>
      </c>
      <c r="E15290" s="1" t="s">
        <v>16186</v>
      </c>
      <c r="F15290" s="1" t="s">
        <v>57557</v>
      </c>
      <c r="G15290" s="1" t="s">
        <v>57531</v>
      </c>
      <c r="H15290" s="1" t="s">
        <v>57532</v>
      </c>
      <c r="I15290" s="1" t="s">
        <v>53800</v>
      </c>
      <c r="J15290" s="1" t="s">
        <v>57558</v>
      </c>
    </row>
    <row r="15291" spans="1:10" x14ac:dyDescent="0.35">
      <c r="A15291" s="1" t="s">
        <v>57530</v>
      </c>
      <c r="B15291" s="1" t="s">
        <v>53796</v>
      </c>
      <c r="C15291" s="1" t="s">
        <v>60</v>
      </c>
      <c r="D15291" s="1" t="s">
        <v>56767</v>
      </c>
      <c r="E15291" s="1" t="s">
        <v>16186</v>
      </c>
      <c r="F15291" s="1" t="s">
        <v>57559</v>
      </c>
      <c r="G15291" s="1" t="s">
        <v>57531</v>
      </c>
      <c r="H15291" s="1" t="s">
        <v>57532</v>
      </c>
      <c r="I15291" s="1" t="s">
        <v>53800</v>
      </c>
      <c r="J15291" s="1" t="s">
        <v>57560</v>
      </c>
    </row>
    <row r="15292" spans="1:10" x14ac:dyDescent="0.35">
      <c r="A15292" s="1" t="s">
        <v>57530</v>
      </c>
      <c r="B15292" s="1" t="s">
        <v>53796</v>
      </c>
      <c r="C15292" s="1" t="s">
        <v>65</v>
      </c>
      <c r="D15292" s="1" t="s">
        <v>57561</v>
      </c>
      <c r="E15292" s="1" t="s">
        <v>54478</v>
      </c>
      <c r="F15292" s="1" t="s">
        <v>57562</v>
      </c>
      <c r="G15292" s="1" t="s">
        <v>57531</v>
      </c>
      <c r="H15292" s="1" t="s">
        <v>57532</v>
      </c>
      <c r="I15292" s="1" t="s">
        <v>53800</v>
      </c>
      <c r="J15292" s="1" t="s">
        <v>57563</v>
      </c>
    </row>
    <row r="15293" spans="1:10" x14ac:dyDescent="0.35">
      <c r="A15293" s="1" t="s">
        <v>57530</v>
      </c>
      <c r="B15293" s="1" t="s">
        <v>53796</v>
      </c>
      <c r="C15293" s="1" t="s">
        <v>70</v>
      </c>
      <c r="D15293" s="1" t="s">
        <v>57564</v>
      </c>
      <c r="E15293" s="1" t="s">
        <v>15293</v>
      </c>
      <c r="F15293" s="1" t="s">
        <v>57565</v>
      </c>
      <c r="G15293" s="1" t="s">
        <v>57531</v>
      </c>
      <c r="H15293" s="1" t="s">
        <v>57532</v>
      </c>
      <c r="I15293" s="1" t="s">
        <v>53800</v>
      </c>
      <c r="J15293" s="1" t="s">
        <v>57566</v>
      </c>
    </row>
    <row r="15294" spans="1:10" x14ac:dyDescent="0.35">
      <c r="A15294" s="1" t="s">
        <v>57530</v>
      </c>
      <c r="B15294" s="1" t="s">
        <v>53796</v>
      </c>
      <c r="C15294" s="1" t="s">
        <v>75</v>
      </c>
      <c r="D15294" s="1" t="s">
        <v>57567</v>
      </c>
      <c r="E15294" s="1" t="s">
        <v>26492</v>
      </c>
      <c r="F15294" s="1" t="s">
        <v>57568</v>
      </c>
      <c r="G15294" s="1" t="s">
        <v>57531</v>
      </c>
      <c r="H15294" s="1" t="s">
        <v>57532</v>
      </c>
      <c r="I15294" s="1" t="s">
        <v>53800</v>
      </c>
      <c r="J15294" s="1" t="s">
        <v>57569</v>
      </c>
    </row>
    <row r="15295" spans="1:10" x14ac:dyDescent="0.35">
      <c r="A15295" s="1" t="s">
        <v>57530</v>
      </c>
      <c r="B15295" s="1" t="s">
        <v>53796</v>
      </c>
      <c r="C15295" s="1" t="s">
        <v>80</v>
      </c>
      <c r="D15295" s="1" t="s">
        <v>57570</v>
      </c>
      <c r="E15295" s="1" t="s">
        <v>57571</v>
      </c>
      <c r="F15295" s="1" t="s">
        <v>57572</v>
      </c>
      <c r="G15295" s="1" t="s">
        <v>57531</v>
      </c>
      <c r="H15295" s="1" t="s">
        <v>57532</v>
      </c>
      <c r="I15295" s="1" t="s">
        <v>53800</v>
      </c>
      <c r="J15295" s="1" t="s">
        <v>57573</v>
      </c>
    </row>
    <row r="15296" spans="1:10" x14ac:dyDescent="0.35">
      <c r="A15296" s="1" t="s">
        <v>57530</v>
      </c>
      <c r="B15296" s="1" t="s">
        <v>53796</v>
      </c>
      <c r="C15296" s="1" t="s">
        <v>85</v>
      </c>
      <c r="D15296" s="1" t="s">
        <v>57574</v>
      </c>
      <c r="E15296" s="1" t="s">
        <v>15853</v>
      </c>
      <c r="F15296" s="1" t="s">
        <v>55904</v>
      </c>
      <c r="G15296" s="1" t="s">
        <v>57531</v>
      </c>
      <c r="H15296" s="1" t="s">
        <v>57532</v>
      </c>
      <c r="I15296" s="1" t="s">
        <v>53800</v>
      </c>
      <c r="J15296" s="1" t="s">
        <v>57575</v>
      </c>
    </row>
    <row r="15297" spans="1:10" x14ac:dyDescent="0.35">
      <c r="A15297" s="1" t="s">
        <v>57530</v>
      </c>
      <c r="B15297" s="1" t="s">
        <v>53796</v>
      </c>
      <c r="C15297" s="1" t="s">
        <v>90</v>
      </c>
      <c r="D15297" s="1" t="s">
        <v>16673</v>
      </c>
      <c r="E15297" s="1" t="s">
        <v>31757</v>
      </c>
      <c r="F15297" s="1" t="s">
        <v>57576</v>
      </c>
      <c r="G15297" s="1" t="s">
        <v>57531</v>
      </c>
      <c r="H15297" s="1" t="s">
        <v>57532</v>
      </c>
      <c r="I15297" s="1" t="s">
        <v>53800</v>
      </c>
      <c r="J15297" s="1" t="s">
        <v>57577</v>
      </c>
    </row>
    <row r="15298" spans="1:10" x14ac:dyDescent="0.35">
      <c r="A15298" s="1" t="s">
        <v>57530</v>
      </c>
      <c r="B15298" s="1" t="s">
        <v>53796</v>
      </c>
      <c r="C15298" s="1" t="s">
        <v>95</v>
      </c>
      <c r="D15298" s="1" t="s">
        <v>57578</v>
      </c>
      <c r="E15298" s="1" t="s">
        <v>15872</v>
      </c>
      <c r="F15298" s="1" t="s">
        <v>57579</v>
      </c>
      <c r="G15298" s="1" t="s">
        <v>57531</v>
      </c>
      <c r="H15298" s="1" t="s">
        <v>57532</v>
      </c>
      <c r="I15298" s="1" t="s">
        <v>53800</v>
      </c>
      <c r="J15298" s="1" t="s">
        <v>57580</v>
      </c>
    </row>
    <row r="15299" spans="1:10" x14ac:dyDescent="0.35">
      <c r="A15299" s="1" t="s">
        <v>57530</v>
      </c>
      <c r="B15299" s="1" t="s">
        <v>53796</v>
      </c>
      <c r="C15299" s="1" t="s">
        <v>100</v>
      </c>
      <c r="D15299" s="1" t="s">
        <v>57581</v>
      </c>
      <c r="E15299" s="1" t="s">
        <v>56032</v>
      </c>
      <c r="F15299" s="1" t="s">
        <v>57582</v>
      </c>
      <c r="G15299" s="1" t="s">
        <v>57531</v>
      </c>
      <c r="H15299" s="1" t="s">
        <v>57532</v>
      </c>
      <c r="I15299" s="1" t="s">
        <v>53800</v>
      </c>
      <c r="J15299" s="1" t="s">
        <v>57583</v>
      </c>
    </row>
    <row r="15300" spans="1:10" x14ac:dyDescent="0.35">
      <c r="A15300" s="1" t="s">
        <v>57530</v>
      </c>
      <c r="B15300" s="1" t="s">
        <v>53796</v>
      </c>
      <c r="C15300" s="1" t="s">
        <v>105</v>
      </c>
      <c r="D15300" s="1" t="s">
        <v>57584</v>
      </c>
      <c r="E15300" s="1" t="s">
        <v>54197</v>
      </c>
      <c r="F15300" s="1" t="s">
        <v>57585</v>
      </c>
      <c r="G15300" s="1" t="s">
        <v>57531</v>
      </c>
      <c r="H15300" s="1" t="s">
        <v>57532</v>
      </c>
      <c r="I15300" s="1" t="s">
        <v>53800</v>
      </c>
      <c r="J15300" s="1" t="s">
        <v>57586</v>
      </c>
    </row>
    <row r="15301" spans="1:10" x14ac:dyDescent="0.35">
      <c r="A15301" s="1" t="s">
        <v>57530</v>
      </c>
      <c r="B15301" s="1" t="s">
        <v>53796</v>
      </c>
      <c r="C15301" s="1" t="s">
        <v>110</v>
      </c>
      <c r="D15301" s="1" t="s">
        <v>57587</v>
      </c>
      <c r="E15301" s="1" t="s">
        <v>21910</v>
      </c>
      <c r="F15301" s="1" t="s">
        <v>57588</v>
      </c>
      <c r="G15301" s="1" t="s">
        <v>57531</v>
      </c>
      <c r="H15301" s="1" t="s">
        <v>57532</v>
      </c>
      <c r="I15301" s="1" t="s">
        <v>53800</v>
      </c>
      <c r="J15301" s="1" t="s">
        <v>57589</v>
      </c>
    </row>
    <row r="15302" spans="1:10" x14ac:dyDescent="0.35">
      <c r="A15302" s="1" t="s">
        <v>57530</v>
      </c>
      <c r="B15302" s="1" t="s">
        <v>53796</v>
      </c>
      <c r="C15302" s="1" t="s">
        <v>115</v>
      </c>
      <c r="D15302" s="1" t="s">
        <v>57590</v>
      </c>
      <c r="E15302" s="1" t="s">
        <v>54178</v>
      </c>
      <c r="F15302" s="1" t="s">
        <v>57591</v>
      </c>
      <c r="G15302" s="1" t="s">
        <v>57531</v>
      </c>
      <c r="H15302" s="1" t="s">
        <v>57532</v>
      </c>
      <c r="I15302" s="1" t="s">
        <v>53800</v>
      </c>
      <c r="J15302" s="1" t="s">
        <v>57592</v>
      </c>
    </row>
    <row r="15303" spans="1:10" x14ac:dyDescent="0.35">
      <c r="A15303" s="1" t="s">
        <v>57530</v>
      </c>
      <c r="B15303" s="1" t="s">
        <v>53796</v>
      </c>
      <c r="C15303" s="1" t="s">
        <v>120</v>
      </c>
      <c r="D15303" s="1" t="s">
        <v>57593</v>
      </c>
      <c r="E15303" s="1" t="s">
        <v>12757</v>
      </c>
      <c r="F15303" s="1" t="s">
        <v>27105</v>
      </c>
      <c r="G15303" s="1" t="s">
        <v>57531</v>
      </c>
      <c r="H15303" s="1" t="s">
        <v>57532</v>
      </c>
      <c r="I15303" s="1" t="s">
        <v>53800</v>
      </c>
      <c r="J15303" s="1" t="s">
        <v>57594</v>
      </c>
    </row>
    <row r="15304" spans="1:10" x14ac:dyDescent="0.35">
      <c r="A15304" s="1" t="s">
        <v>57530</v>
      </c>
      <c r="B15304" s="1" t="s">
        <v>53796</v>
      </c>
      <c r="C15304" s="1" t="s">
        <v>125</v>
      </c>
      <c r="D15304" s="1" t="s">
        <v>57595</v>
      </c>
      <c r="E15304" s="1" t="s">
        <v>23457</v>
      </c>
      <c r="F15304" s="1" t="s">
        <v>57596</v>
      </c>
      <c r="G15304" s="1" t="s">
        <v>57531</v>
      </c>
      <c r="H15304" s="1" t="s">
        <v>57532</v>
      </c>
      <c r="I15304" s="1" t="s">
        <v>53800</v>
      </c>
      <c r="J15304" s="1" t="s">
        <v>57597</v>
      </c>
    </row>
    <row r="15305" spans="1:10" x14ac:dyDescent="0.35">
      <c r="A15305" s="1" t="s">
        <v>57530</v>
      </c>
      <c r="B15305" s="1" t="s">
        <v>53796</v>
      </c>
      <c r="C15305" s="1" t="s">
        <v>130</v>
      </c>
      <c r="D15305" s="1" t="s">
        <v>57598</v>
      </c>
      <c r="E15305" s="1" t="s">
        <v>32090</v>
      </c>
      <c r="F15305" s="1" t="s">
        <v>57599</v>
      </c>
      <c r="G15305" s="1" t="s">
        <v>57531</v>
      </c>
      <c r="H15305" s="1" t="s">
        <v>57532</v>
      </c>
      <c r="I15305" s="1" t="s">
        <v>53800</v>
      </c>
      <c r="J15305" s="1" t="s">
        <v>57600</v>
      </c>
    </row>
    <row r="15306" spans="1:10" x14ac:dyDescent="0.35">
      <c r="A15306" s="1" t="s">
        <v>57530</v>
      </c>
      <c r="B15306" s="1" t="s">
        <v>53796</v>
      </c>
      <c r="C15306" s="1" t="s">
        <v>135</v>
      </c>
      <c r="D15306" s="1" t="s">
        <v>57601</v>
      </c>
      <c r="E15306" s="1" t="s">
        <v>57602</v>
      </c>
      <c r="F15306" s="1" t="s">
        <v>57603</v>
      </c>
      <c r="G15306" s="1" t="s">
        <v>57531</v>
      </c>
      <c r="H15306" s="1" t="s">
        <v>57532</v>
      </c>
      <c r="I15306" s="1" t="s">
        <v>53800</v>
      </c>
      <c r="J15306" s="1" t="s">
        <v>57604</v>
      </c>
    </row>
    <row r="15307" spans="1:10" x14ac:dyDescent="0.35">
      <c r="A15307" s="1" t="s">
        <v>57530</v>
      </c>
      <c r="B15307" s="1" t="s">
        <v>53796</v>
      </c>
      <c r="C15307" s="1" t="s">
        <v>140</v>
      </c>
      <c r="D15307" s="1" t="s">
        <v>57605</v>
      </c>
      <c r="E15307" s="1" t="s">
        <v>24225</v>
      </c>
      <c r="F15307" s="1" t="s">
        <v>57606</v>
      </c>
      <c r="G15307" s="1" t="s">
        <v>57531</v>
      </c>
      <c r="H15307" s="1" t="s">
        <v>57532</v>
      </c>
      <c r="I15307" s="1" t="s">
        <v>53800</v>
      </c>
      <c r="J15307" s="1" t="s">
        <v>57607</v>
      </c>
    </row>
    <row r="15308" spans="1:10" x14ac:dyDescent="0.35">
      <c r="A15308" s="1" t="s">
        <v>57530</v>
      </c>
      <c r="B15308" s="1" t="s">
        <v>53796</v>
      </c>
      <c r="C15308" s="1" t="s">
        <v>145</v>
      </c>
      <c r="D15308" s="1" t="s">
        <v>57608</v>
      </c>
      <c r="E15308" s="1" t="s">
        <v>57609</v>
      </c>
      <c r="F15308" s="1" t="s">
        <v>57610</v>
      </c>
      <c r="G15308" s="1" t="s">
        <v>57531</v>
      </c>
      <c r="H15308" s="1" t="s">
        <v>57532</v>
      </c>
      <c r="I15308" s="1" t="s">
        <v>53800</v>
      </c>
      <c r="J15308" s="1" t="s">
        <v>57611</v>
      </c>
    </row>
    <row r="15309" spans="1:10" x14ac:dyDescent="0.35">
      <c r="A15309" s="1" t="s">
        <v>57530</v>
      </c>
      <c r="B15309" s="1" t="s">
        <v>53796</v>
      </c>
      <c r="C15309" s="1" t="s">
        <v>150</v>
      </c>
      <c r="D15309" s="1" t="s">
        <v>57612</v>
      </c>
      <c r="E15309" s="1" t="s">
        <v>16138</v>
      </c>
      <c r="F15309" s="1" t="s">
        <v>57613</v>
      </c>
      <c r="G15309" s="1" t="s">
        <v>57531</v>
      </c>
      <c r="H15309" s="1" t="s">
        <v>57532</v>
      </c>
      <c r="I15309" s="1" t="s">
        <v>53800</v>
      </c>
      <c r="J15309" s="1" t="s">
        <v>57614</v>
      </c>
    </row>
    <row r="15310" spans="1:10" x14ac:dyDescent="0.35">
      <c r="A15310" s="1" t="s">
        <v>57530</v>
      </c>
      <c r="B15310" s="1" t="s">
        <v>53796</v>
      </c>
      <c r="C15310" s="1" t="s">
        <v>155</v>
      </c>
      <c r="D15310" s="1" t="s">
        <v>22867</v>
      </c>
      <c r="E15310" s="1" t="s">
        <v>57615</v>
      </c>
      <c r="F15310" s="1" t="s">
        <v>57616</v>
      </c>
      <c r="G15310" s="1" t="s">
        <v>57531</v>
      </c>
      <c r="H15310" s="1" t="s">
        <v>57532</v>
      </c>
      <c r="I15310" s="1" t="s">
        <v>53800</v>
      </c>
      <c r="J15310" s="1" t="s">
        <v>57617</v>
      </c>
    </row>
    <row r="15311" spans="1:10" x14ac:dyDescent="0.35">
      <c r="A15311" s="1" t="s">
        <v>57530</v>
      </c>
      <c r="B15311" s="1" t="s">
        <v>53796</v>
      </c>
      <c r="C15311" s="1" t="s">
        <v>160</v>
      </c>
      <c r="D15311" s="1" t="s">
        <v>57618</v>
      </c>
      <c r="E15311" s="1" t="s">
        <v>54697</v>
      </c>
      <c r="F15311" s="1" t="s">
        <v>53871</v>
      </c>
      <c r="G15311" s="1" t="s">
        <v>57531</v>
      </c>
      <c r="H15311" s="1" t="s">
        <v>57532</v>
      </c>
      <c r="I15311" s="1" t="s">
        <v>53800</v>
      </c>
      <c r="J15311" s="1" t="s">
        <v>57619</v>
      </c>
    </row>
    <row r="15312" spans="1:10" x14ac:dyDescent="0.35">
      <c r="A15312" s="1" t="s">
        <v>57530</v>
      </c>
      <c r="B15312" s="1" t="s">
        <v>53796</v>
      </c>
      <c r="C15312" s="1" t="s">
        <v>165</v>
      </c>
      <c r="D15312" s="1" t="s">
        <v>57620</v>
      </c>
      <c r="E15312" s="1" t="s">
        <v>57621</v>
      </c>
      <c r="F15312" s="1" t="s">
        <v>57622</v>
      </c>
      <c r="G15312" s="1" t="s">
        <v>57531</v>
      </c>
      <c r="H15312" s="1" t="s">
        <v>57532</v>
      </c>
      <c r="I15312" s="1" t="s">
        <v>53800</v>
      </c>
      <c r="J15312" s="1" t="s">
        <v>57623</v>
      </c>
    </row>
    <row r="15313" spans="1:10" x14ac:dyDescent="0.35">
      <c r="A15313" s="1" t="s">
        <v>57530</v>
      </c>
      <c r="B15313" s="1" t="s">
        <v>53796</v>
      </c>
      <c r="C15313" s="1" t="s">
        <v>170</v>
      </c>
      <c r="D15313" s="1" t="s">
        <v>57624</v>
      </c>
      <c r="E15313" s="1" t="s">
        <v>15403</v>
      </c>
      <c r="F15313" s="1" t="s">
        <v>57625</v>
      </c>
      <c r="G15313" s="1" t="s">
        <v>57531</v>
      </c>
      <c r="H15313" s="1" t="s">
        <v>57532</v>
      </c>
      <c r="I15313" s="1" t="s">
        <v>53800</v>
      </c>
      <c r="J15313" s="1" t="s">
        <v>57626</v>
      </c>
    </row>
    <row r="15314" spans="1:10" x14ac:dyDescent="0.35">
      <c r="A15314" s="1" t="s">
        <v>57627</v>
      </c>
      <c r="B15314" s="1" t="s">
        <v>53796</v>
      </c>
      <c r="C15314" s="1" t="s">
        <v>8</v>
      </c>
      <c r="D15314" s="1" t="s">
        <v>57628</v>
      </c>
      <c r="E15314" s="1" t="s">
        <v>54074</v>
      </c>
      <c r="F15314" s="1" t="s">
        <v>57629</v>
      </c>
      <c r="G15314" s="1" t="s">
        <v>57630</v>
      </c>
      <c r="H15314" s="1" t="s">
        <v>57631</v>
      </c>
      <c r="I15314" s="1" t="s">
        <v>53800</v>
      </c>
      <c r="J15314" s="1" t="s">
        <v>13</v>
      </c>
    </row>
    <row r="15315" spans="1:10" x14ac:dyDescent="0.35">
      <c r="A15315" s="1" t="s">
        <v>57627</v>
      </c>
      <c r="B15315" s="1" t="s">
        <v>53796</v>
      </c>
      <c r="C15315" s="1" t="s">
        <v>15</v>
      </c>
      <c r="D15315" s="1" t="s">
        <v>54820</v>
      </c>
      <c r="E15315" s="1" t="s">
        <v>55069</v>
      </c>
      <c r="F15315" s="1" t="s">
        <v>57632</v>
      </c>
      <c r="G15315" s="1" t="s">
        <v>57630</v>
      </c>
      <c r="H15315" s="1" t="s">
        <v>57631</v>
      </c>
      <c r="I15315" s="1" t="s">
        <v>53800</v>
      </c>
      <c r="J15315" s="1" t="s">
        <v>57633</v>
      </c>
    </row>
    <row r="15316" spans="1:10" x14ac:dyDescent="0.35">
      <c r="A15316" s="1" t="s">
        <v>57627</v>
      </c>
      <c r="B15316" s="1" t="s">
        <v>53796</v>
      </c>
      <c r="C15316" s="1" t="s">
        <v>20</v>
      </c>
      <c r="D15316" s="1" t="s">
        <v>57634</v>
      </c>
      <c r="E15316" s="1" t="s">
        <v>32359</v>
      </c>
      <c r="F15316" s="1" t="s">
        <v>57635</v>
      </c>
      <c r="G15316" s="1" t="s">
        <v>57630</v>
      </c>
      <c r="H15316" s="1" t="s">
        <v>57631</v>
      </c>
      <c r="I15316" s="1" t="s">
        <v>53800</v>
      </c>
      <c r="J15316" s="1" t="s">
        <v>57636</v>
      </c>
    </row>
    <row r="15317" spans="1:10" x14ac:dyDescent="0.35">
      <c r="A15317" s="1" t="s">
        <v>57627</v>
      </c>
      <c r="B15317" s="1" t="s">
        <v>53796</v>
      </c>
      <c r="C15317" s="1" t="s">
        <v>25</v>
      </c>
      <c r="D15317" s="1" t="s">
        <v>57637</v>
      </c>
      <c r="E15317" s="1" t="s">
        <v>57638</v>
      </c>
      <c r="F15317" s="1" t="s">
        <v>57639</v>
      </c>
      <c r="G15317" s="1" t="s">
        <v>57630</v>
      </c>
      <c r="H15317" s="1" t="s">
        <v>57631</v>
      </c>
      <c r="I15317" s="1" t="s">
        <v>53800</v>
      </c>
      <c r="J15317" s="1" t="s">
        <v>57640</v>
      </c>
    </row>
    <row r="15318" spans="1:10" x14ac:dyDescent="0.35">
      <c r="A15318" s="1" t="s">
        <v>57627</v>
      </c>
      <c r="B15318" s="1" t="s">
        <v>53796</v>
      </c>
      <c r="C15318" s="1" t="s">
        <v>30</v>
      </c>
      <c r="D15318" s="1" t="s">
        <v>57641</v>
      </c>
      <c r="E15318" s="1" t="s">
        <v>26239</v>
      </c>
      <c r="F15318" s="1" t="s">
        <v>57642</v>
      </c>
      <c r="G15318" s="1" t="s">
        <v>57630</v>
      </c>
      <c r="H15318" s="1" t="s">
        <v>57631</v>
      </c>
      <c r="I15318" s="1" t="s">
        <v>53800</v>
      </c>
      <c r="J15318" s="1" t="s">
        <v>57643</v>
      </c>
    </row>
    <row r="15319" spans="1:10" x14ac:dyDescent="0.35">
      <c r="A15319" s="1" t="s">
        <v>57627</v>
      </c>
      <c r="B15319" s="1" t="s">
        <v>53796</v>
      </c>
      <c r="C15319" s="1" t="s">
        <v>35</v>
      </c>
      <c r="D15319" s="1" t="s">
        <v>23471</v>
      </c>
      <c r="E15319" s="1" t="s">
        <v>57644</v>
      </c>
      <c r="F15319" s="1" t="s">
        <v>57645</v>
      </c>
      <c r="G15319" s="1" t="s">
        <v>57630</v>
      </c>
      <c r="H15319" s="1" t="s">
        <v>57631</v>
      </c>
      <c r="I15319" s="1" t="s">
        <v>53800</v>
      </c>
      <c r="J15319" s="1" t="s">
        <v>57646</v>
      </c>
    </row>
    <row r="15320" spans="1:10" x14ac:dyDescent="0.35">
      <c r="A15320" s="1" t="s">
        <v>57627</v>
      </c>
      <c r="B15320" s="1" t="s">
        <v>53796</v>
      </c>
      <c r="C15320" s="1" t="s">
        <v>40</v>
      </c>
      <c r="D15320" s="1" t="s">
        <v>57647</v>
      </c>
      <c r="E15320" s="1" t="s">
        <v>41327</v>
      </c>
      <c r="F15320" s="1" t="s">
        <v>57648</v>
      </c>
      <c r="G15320" s="1" t="s">
        <v>57630</v>
      </c>
      <c r="H15320" s="1" t="s">
        <v>57631</v>
      </c>
      <c r="I15320" s="1" t="s">
        <v>53800</v>
      </c>
      <c r="J15320" s="1" t="s">
        <v>57649</v>
      </c>
    </row>
    <row r="15321" spans="1:10" x14ac:dyDescent="0.35">
      <c r="A15321" s="1" t="s">
        <v>57627</v>
      </c>
      <c r="B15321" s="1" t="s">
        <v>53796</v>
      </c>
      <c r="C15321" s="1" t="s">
        <v>45</v>
      </c>
      <c r="D15321" s="1" t="s">
        <v>56320</v>
      </c>
      <c r="E15321" s="1" t="s">
        <v>57650</v>
      </c>
      <c r="F15321" s="1" t="s">
        <v>57651</v>
      </c>
      <c r="G15321" s="1" t="s">
        <v>57630</v>
      </c>
      <c r="H15321" s="1" t="s">
        <v>57631</v>
      </c>
      <c r="I15321" s="1" t="s">
        <v>53800</v>
      </c>
      <c r="J15321" s="1" t="s">
        <v>57652</v>
      </c>
    </row>
    <row r="15322" spans="1:10" x14ac:dyDescent="0.35">
      <c r="A15322" s="1" t="s">
        <v>57627</v>
      </c>
      <c r="B15322" s="1" t="s">
        <v>53796</v>
      </c>
      <c r="C15322" s="1" t="s">
        <v>50</v>
      </c>
      <c r="D15322" s="1" t="s">
        <v>55878</v>
      </c>
      <c r="E15322" s="1" t="s">
        <v>54092</v>
      </c>
      <c r="F15322" s="1" t="s">
        <v>57653</v>
      </c>
      <c r="G15322" s="1" t="s">
        <v>57630</v>
      </c>
      <c r="H15322" s="1" t="s">
        <v>57631</v>
      </c>
      <c r="I15322" s="1" t="s">
        <v>53800</v>
      </c>
      <c r="J15322" s="1" t="s">
        <v>57654</v>
      </c>
    </row>
    <row r="15323" spans="1:10" x14ac:dyDescent="0.35">
      <c r="A15323" s="1" t="s">
        <v>57627</v>
      </c>
      <c r="B15323" s="1" t="s">
        <v>53796</v>
      </c>
      <c r="C15323" s="1" t="s">
        <v>55</v>
      </c>
      <c r="D15323" s="1" t="s">
        <v>57655</v>
      </c>
      <c r="E15323" s="1" t="s">
        <v>54433</v>
      </c>
      <c r="F15323" s="1" t="s">
        <v>57656</v>
      </c>
      <c r="G15323" s="1" t="s">
        <v>57630</v>
      </c>
      <c r="H15323" s="1" t="s">
        <v>57631</v>
      </c>
      <c r="I15323" s="1" t="s">
        <v>53800</v>
      </c>
      <c r="J15323" s="1" t="s">
        <v>57657</v>
      </c>
    </row>
    <row r="15324" spans="1:10" x14ac:dyDescent="0.35">
      <c r="A15324" s="1" t="s">
        <v>57627</v>
      </c>
      <c r="B15324" s="1" t="s">
        <v>53796</v>
      </c>
      <c r="C15324" s="1" t="s">
        <v>60</v>
      </c>
      <c r="D15324" s="1" t="s">
        <v>57658</v>
      </c>
      <c r="E15324" s="1" t="s">
        <v>41233</v>
      </c>
      <c r="F15324" s="1" t="s">
        <v>57659</v>
      </c>
      <c r="G15324" s="1" t="s">
        <v>57630</v>
      </c>
      <c r="H15324" s="1" t="s">
        <v>57631</v>
      </c>
      <c r="I15324" s="1" t="s">
        <v>53800</v>
      </c>
      <c r="J15324" s="1" t="s">
        <v>57660</v>
      </c>
    </row>
    <row r="15325" spans="1:10" x14ac:dyDescent="0.35">
      <c r="A15325" s="1" t="s">
        <v>57627</v>
      </c>
      <c r="B15325" s="1" t="s">
        <v>53796</v>
      </c>
      <c r="C15325" s="1" t="s">
        <v>65</v>
      </c>
      <c r="D15325" s="1" t="s">
        <v>57661</v>
      </c>
      <c r="E15325" s="1" t="s">
        <v>23457</v>
      </c>
      <c r="F15325" s="1" t="s">
        <v>57662</v>
      </c>
      <c r="G15325" s="1" t="s">
        <v>57630</v>
      </c>
      <c r="H15325" s="1" t="s">
        <v>57631</v>
      </c>
      <c r="I15325" s="1" t="s">
        <v>53800</v>
      </c>
      <c r="J15325" s="1" t="s">
        <v>57663</v>
      </c>
    </row>
    <row r="15326" spans="1:10" x14ac:dyDescent="0.35">
      <c r="A15326" s="1" t="s">
        <v>57627</v>
      </c>
      <c r="B15326" s="1" t="s">
        <v>53796</v>
      </c>
      <c r="C15326" s="1" t="s">
        <v>70</v>
      </c>
      <c r="D15326" s="1" t="s">
        <v>57664</v>
      </c>
      <c r="E15326" s="1" t="s">
        <v>41356</v>
      </c>
      <c r="F15326" s="1" t="s">
        <v>40738</v>
      </c>
      <c r="G15326" s="1" t="s">
        <v>57630</v>
      </c>
      <c r="H15326" s="1" t="s">
        <v>57631</v>
      </c>
      <c r="I15326" s="1" t="s">
        <v>53800</v>
      </c>
      <c r="J15326" s="1" t="s">
        <v>57665</v>
      </c>
    </row>
    <row r="15327" spans="1:10" x14ac:dyDescent="0.35">
      <c r="A15327" s="1" t="s">
        <v>57627</v>
      </c>
      <c r="B15327" s="1" t="s">
        <v>53796</v>
      </c>
      <c r="C15327" s="1" t="s">
        <v>75</v>
      </c>
      <c r="D15327" s="1" t="s">
        <v>17308</v>
      </c>
      <c r="E15327" s="1" t="s">
        <v>15274</v>
      </c>
      <c r="F15327" s="1" t="s">
        <v>57666</v>
      </c>
      <c r="G15327" s="1" t="s">
        <v>57630</v>
      </c>
      <c r="H15327" s="1" t="s">
        <v>57631</v>
      </c>
      <c r="I15327" s="1" t="s">
        <v>53800</v>
      </c>
      <c r="J15327" s="1" t="s">
        <v>57667</v>
      </c>
    </row>
    <row r="15328" spans="1:10" x14ac:dyDescent="0.35">
      <c r="A15328" s="1" t="s">
        <v>57627</v>
      </c>
      <c r="B15328" s="1" t="s">
        <v>53796</v>
      </c>
      <c r="C15328" s="1" t="s">
        <v>80</v>
      </c>
      <c r="D15328" s="1" t="s">
        <v>57668</v>
      </c>
      <c r="E15328" s="1" t="s">
        <v>54796</v>
      </c>
      <c r="F15328" s="1" t="s">
        <v>57669</v>
      </c>
      <c r="G15328" s="1" t="s">
        <v>57630</v>
      </c>
      <c r="H15328" s="1" t="s">
        <v>57631</v>
      </c>
      <c r="I15328" s="1" t="s">
        <v>53800</v>
      </c>
      <c r="J15328" s="1" t="s">
        <v>57670</v>
      </c>
    </row>
    <row r="15329" spans="1:10" x14ac:dyDescent="0.35">
      <c r="A15329" s="1" t="s">
        <v>57627</v>
      </c>
      <c r="B15329" s="1" t="s">
        <v>53796</v>
      </c>
      <c r="C15329" s="1" t="s">
        <v>85</v>
      </c>
      <c r="D15329" s="1" t="s">
        <v>57671</v>
      </c>
      <c r="E15329" s="1" t="s">
        <v>21787</v>
      </c>
      <c r="F15329" s="1" t="s">
        <v>53897</v>
      </c>
      <c r="G15329" s="1" t="s">
        <v>57630</v>
      </c>
      <c r="H15329" s="1" t="s">
        <v>57631</v>
      </c>
      <c r="I15329" s="1" t="s">
        <v>53800</v>
      </c>
      <c r="J15329" s="1" t="s">
        <v>57672</v>
      </c>
    </row>
    <row r="15330" spans="1:10" x14ac:dyDescent="0.35">
      <c r="A15330" s="1" t="s">
        <v>57627</v>
      </c>
      <c r="B15330" s="1" t="s">
        <v>53796</v>
      </c>
      <c r="C15330" s="1" t="s">
        <v>90</v>
      </c>
      <c r="D15330" s="1" t="s">
        <v>57673</v>
      </c>
      <c r="E15330" s="1" t="s">
        <v>23476</v>
      </c>
      <c r="F15330" s="1" t="s">
        <v>57674</v>
      </c>
      <c r="G15330" s="1" t="s">
        <v>57630</v>
      </c>
      <c r="H15330" s="1" t="s">
        <v>57631</v>
      </c>
      <c r="I15330" s="1" t="s">
        <v>53800</v>
      </c>
      <c r="J15330" s="1" t="s">
        <v>57675</v>
      </c>
    </row>
    <row r="15331" spans="1:10" x14ac:dyDescent="0.35">
      <c r="A15331" s="1" t="s">
        <v>57627</v>
      </c>
      <c r="B15331" s="1" t="s">
        <v>53796</v>
      </c>
      <c r="C15331" s="1" t="s">
        <v>95</v>
      </c>
      <c r="D15331" s="1" t="s">
        <v>57676</v>
      </c>
      <c r="E15331" s="1" t="s">
        <v>23404</v>
      </c>
      <c r="F15331" s="1" t="s">
        <v>57677</v>
      </c>
      <c r="G15331" s="1" t="s">
        <v>57630</v>
      </c>
      <c r="H15331" s="1" t="s">
        <v>57631</v>
      </c>
      <c r="I15331" s="1" t="s">
        <v>53800</v>
      </c>
      <c r="J15331" s="1" t="s">
        <v>57678</v>
      </c>
    </row>
    <row r="15332" spans="1:10" x14ac:dyDescent="0.35">
      <c r="A15332" s="1" t="s">
        <v>57627</v>
      </c>
      <c r="B15332" s="1" t="s">
        <v>53796</v>
      </c>
      <c r="C15332" s="1" t="s">
        <v>100</v>
      </c>
      <c r="D15332" s="1" t="s">
        <v>22775</v>
      </c>
      <c r="E15332" s="1" t="s">
        <v>53834</v>
      </c>
      <c r="F15332" s="1" t="s">
        <v>55094</v>
      </c>
      <c r="G15332" s="1" t="s">
        <v>57630</v>
      </c>
      <c r="H15332" s="1" t="s">
        <v>57631</v>
      </c>
      <c r="I15332" s="1" t="s">
        <v>53800</v>
      </c>
      <c r="J15332" s="1" t="s">
        <v>57679</v>
      </c>
    </row>
    <row r="15333" spans="1:10" x14ac:dyDescent="0.35">
      <c r="A15333" s="1" t="s">
        <v>57627</v>
      </c>
      <c r="B15333" s="1" t="s">
        <v>53796</v>
      </c>
      <c r="C15333" s="1" t="s">
        <v>105</v>
      </c>
      <c r="D15333" s="1" t="s">
        <v>57680</v>
      </c>
      <c r="E15333" s="1" t="s">
        <v>26560</v>
      </c>
      <c r="F15333" s="1" t="s">
        <v>57681</v>
      </c>
      <c r="G15333" s="1" t="s">
        <v>57630</v>
      </c>
      <c r="H15333" s="1" t="s">
        <v>57631</v>
      </c>
      <c r="I15333" s="1" t="s">
        <v>53800</v>
      </c>
      <c r="J15333" s="1" t="s">
        <v>57682</v>
      </c>
    </row>
    <row r="15334" spans="1:10" x14ac:dyDescent="0.35">
      <c r="A15334" s="1" t="s">
        <v>57627</v>
      </c>
      <c r="B15334" s="1" t="s">
        <v>53796</v>
      </c>
      <c r="C15334" s="1" t="s">
        <v>110</v>
      </c>
      <c r="D15334" s="1" t="s">
        <v>57683</v>
      </c>
      <c r="E15334" s="1" t="s">
        <v>41210</v>
      </c>
      <c r="F15334" s="1" t="s">
        <v>57684</v>
      </c>
      <c r="G15334" s="1" t="s">
        <v>57630</v>
      </c>
      <c r="H15334" s="1" t="s">
        <v>57631</v>
      </c>
      <c r="I15334" s="1" t="s">
        <v>53800</v>
      </c>
      <c r="J15334" s="1" t="s">
        <v>57685</v>
      </c>
    </row>
    <row r="15335" spans="1:10" x14ac:dyDescent="0.35">
      <c r="A15335" s="1" t="s">
        <v>57627</v>
      </c>
      <c r="B15335" s="1" t="s">
        <v>53796</v>
      </c>
      <c r="C15335" s="1" t="s">
        <v>115</v>
      </c>
      <c r="D15335" s="1" t="s">
        <v>57686</v>
      </c>
      <c r="E15335" s="1" t="s">
        <v>56476</v>
      </c>
      <c r="F15335" s="1" t="s">
        <v>57687</v>
      </c>
      <c r="G15335" s="1" t="s">
        <v>57630</v>
      </c>
      <c r="H15335" s="1" t="s">
        <v>57631</v>
      </c>
      <c r="I15335" s="1" t="s">
        <v>53800</v>
      </c>
      <c r="J15335" s="1" t="s">
        <v>57688</v>
      </c>
    </row>
    <row r="15336" spans="1:10" x14ac:dyDescent="0.35">
      <c r="A15336" s="1" t="s">
        <v>57627</v>
      </c>
      <c r="B15336" s="1" t="s">
        <v>53796</v>
      </c>
      <c r="C15336" s="1" t="s">
        <v>120</v>
      </c>
      <c r="D15336" s="1" t="s">
        <v>57689</v>
      </c>
      <c r="E15336" s="1" t="s">
        <v>15345</v>
      </c>
      <c r="F15336" s="1" t="s">
        <v>57690</v>
      </c>
      <c r="G15336" s="1" t="s">
        <v>57630</v>
      </c>
      <c r="H15336" s="1" t="s">
        <v>57631</v>
      </c>
      <c r="I15336" s="1" t="s">
        <v>53800</v>
      </c>
      <c r="J15336" s="1" t="s">
        <v>57691</v>
      </c>
    </row>
    <row r="15337" spans="1:10" x14ac:dyDescent="0.35">
      <c r="A15337" s="1" t="s">
        <v>57627</v>
      </c>
      <c r="B15337" s="1" t="s">
        <v>53796</v>
      </c>
      <c r="C15337" s="1" t="s">
        <v>125</v>
      </c>
      <c r="D15337" s="1" t="s">
        <v>7408</v>
      </c>
      <c r="E15337" s="1" t="s">
        <v>32061</v>
      </c>
      <c r="F15337" s="1" t="s">
        <v>57692</v>
      </c>
      <c r="G15337" s="1" t="s">
        <v>57630</v>
      </c>
      <c r="H15337" s="1" t="s">
        <v>57631</v>
      </c>
      <c r="I15337" s="1" t="s">
        <v>53800</v>
      </c>
      <c r="J15337" s="1" t="s">
        <v>57693</v>
      </c>
    </row>
    <row r="15338" spans="1:10" x14ac:dyDescent="0.35">
      <c r="A15338" s="1" t="s">
        <v>57627</v>
      </c>
      <c r="B15338" s="1" t="s">
        <v>53796</v>
      </c>
      <c r="C15338" s="1" t="s">
        <v>130</v>
      </c>
      <c r="D15338" s="1" t="s">
        <v>57694</v>
      </c>
      <c r="E15338" s="1" t="s">
        <v>57695</v>
      </c>
      <c r="F15338" s="1" t="s">
        <v>21949</v>
      </c>
      <c r="G15338" s="1" t="s">
        <v>57630</v>
      </c>
      <c r="H15338" s="1" t="s">
        <v>57631</v>
      </c>
      <c r="I15338" s="1" t="s">
        <v>53800</v>
      </c>
      <c r="J15338" s="1" t="s">
        <v>57696</v>
      </c>
    </row>
    <row r="15339" spans="1:10" x14ac:dyDescent="0.35">
      <c r="A15339" s="1" t="s">
        <v>57627</v>
      </c>
      <c r="B15339" s="1" t="s">
        <v>53796</v>
      </c>
      <c r="C15339" s="1" t="s">
        <v>135</v>
      </c>
      <c r="D15339" s="1" t="s">
        <v>57697</v>
      </c>
      <c r="E15339" s="1" t="s">
        <v>57609</v>
      </c>
      <c r="F15339" s="1" t="s">
        <v>57698</v>
      </c>
      <c r="G15339" s="1" t="s">
        <v>57630</v>
      </c>
      <c r="H15339" s="1" t="s">
        <v>57631</v>
      </c>
      <c r="I15339" s="1" t="s">
        <v>53800</v>
      </c>
      <c r="J15339" s="1" t="s">
        <v>57699</v>
      </c>
    </row>
    <row r="15340" spans="1:10" x14ac:dyDescent="0.35">
      <c r="A15340" s="1" t="s">
        <v>57627</v>
      </c>
      <c r="B15340" s="1" t="s">
        <v>53796</v>
      </c>
      <c r="C15340" s="1" t="s">
        <v>140</v>
      </c>
      <c r="D15340" s="1" t="s">
        <v>57700</v>
      </c>
      <c r="E15340" s="1" t="s">
        <v>56082</v>
      </c>
      <c r="F15340" s="1" t="s">
        <v>57701</v>
      </c>
      <c r="G15340" s="1" t="s">
        <v>57630</v>
      </c>
      <c r="H15340" s="1" t="s">
        <v>57631</v>
      </c>
      <c r="I15340" s="1" t="s">
        <v>53800</v>
      </c>
      <c r="J15340" s="1" t="s">
        <v>57702</v>
      </c>
    </row>
    <row r="15341" spans="1:10" x14ac:dyDescent="0.35">
      <c r="A15341" s="1" t="s">
        <v>57627</v>
      </c>
      <c r="B15341" s="1" t="s">
        <v>53796</v>
      </c>
      <c r="C15341" s="1" t="s">
        <v>145</v>
      </c>
      <c r="D15341" s="1" t="s">
        <v>57703</v>
      </c>
      <c r="E15341" s="1" t="s">
        <v>15336</v>
      </c>
      <c r="F15341" s="1" t="s">
        <v>57704</v>
      </c>
      <c r="G15341" s="1" t="s">
        <v>57630</v>
      </c>
      <c r="H15341" s="1" t="s">
        <v>57631</v>
      </c>
      <c r="I15341" s="1" t="s">
        <v>53800</v>
      </c>
      <c r="J15341" s="1" t="s">
        <v>57705</v>
      </c>
    </row>
    <row r="15342" spans="1:10" x14ac:dyDescent="0.35">
      <c r="A15342" s="1" t="s">
        <v>57627</v>
      </c>
      <c r="B15342" s="1" t="s">
        <v>53796</v>
      </c>
      <c r="C15342" s="1" t="s">
        <v>150</v>
      </c>
      <c r="D15342" s="1" t="s">
        <v>57706</v>
      </c>
      <c r="E15342" s="1" t="s">
        <v>57707</v>
      </c>
      <c r="F15342" s="1" t="s">
        <v>57708</v>
      </c>
      <c r="G15342" s="1" t="s">
        <v>57630</v>
      </c>
      <c r="H15342" s="1" t="s">
        <v>57631</v>
      </c>
      <c r="I15342" s="1" t="s">
        <v>53800</v>
      </c>
      <c r="J15342" s="1" t="s">
        <v>57709</v>
      </c>
    </row>
    <row r="15343" spans="1:10" x14ac:dyDescent="0.35">
      <c r="A15343" s="1" t="s">
        <v>57627</v>
      </c>
      <c r="B15343" s="1" t="s">
        <v>53796</v>
      </c>
      <c r="C15343" s="1" t="s">
        <v>155</v>
      </c>
      <c r="D15343" s="1" t="s">
        <v>57710</v>
      </c>
      <c r="E15343" s="1" t="s">
        <v>57156</v>
      </c>
      <c r="F15343" s="1" t="s">
        <v>56230</v>
      </c>
      <c r="G15343" s="1" t="s">
        <v>57630</v>
      </c>
      <c r="H15343" s="1" t="s">
        <v>57631</v>
      </c>
      <c r="I15343" s="1" t="s">
        <v>53800</v>
      </c>
      <c r="J15343" s="1" t="s">
        <v>57711</v>
      </c>
    </row>
    <row r="15344" spans="1:10" x14ac:dyDescent="0.35">
      <c r="A15344" s="1" t="s">
        <v>57627</v>
      </c>
      <c r="B15344" s="1" t="s">
        <v>53796</v>
      </c>
      <c r="C15344" s="1" t="s">
        <v>160</v>
      </c>
      <c r="D15344" s="1" t="s">
        <v>57712</v>
      </c>
      <c r="E15344" s="1" t="s">
        <v>57713</v>
      </c>
      <c r="F15344" s="1" t="s">
        <v>57714</v>
      </c>
      <c r="G15344" s="1" t="s">
        <v>57630</v>
      </c>
      <c r="H15344" s="1" t="s">
        <v>57631</v>
      </c>
      <c r="I15344" s="1" t="s">
        <v>53800</v>
      </c>
      <c r="J15344" s="1" t="s">
        <v>57715</v>
      </c>
    </row>
    <row r="15345" spans="1:10" x14ac:dyDescent="0.35">
      <c r="A15345" s="1" t="s">
        <v>57627</v>
      </c>
      <c r="B15345" s="1" t="s">
        <v>53796</v>
      </c>
      <c r="C15345" s="1" t="s">
        <v>165</v>
      </c>
      <c r="D15345" s="1" t="s">
        <v>57716</v>
      </c>
      <c r="E15345" s="1" t="s">
        <v>15345</v>
      </c>
      <c r="F15345" s="1" t="s">
        <v>57717</v>
      </c>
      <c r="G15345" s="1" t="s">
        <v>57630</v>
      </c>
      <c r="H15345" s="1" t="s">
        <v>57631</v>
      </c>
      <c r="I15345" s="1" t="s">
        <v>53800</v>
      </c>
      <c r="J15345" s="1" t="s">
        <v>57718</v>
      </c>
    </row>
    <row r="15346" spans="1:10" x14ac:dyDescent="0.35">
      <c r="A15346" s="1" t="s">
        <v>57627</v>
      </c>
      <c r="B15346" s="1" t="s">
        <v>53796</v>
      </c>
      <c r="C15346" s="1" t="s">
        <v>170</v>
      </c>
      <c r="D15346" s="1" t="s">
        <v>57719</v>
      </c>
      <c r="E15346" s="1" t="s">
        <v>26503</v>
      </c>
      <c r="F15346" s="1" t="s">
        <v>23218</v>
      </c>
      <c r="G15346" s="1" t="s">
        <v>57630</v>
      </c>
      <c r="H15346" s="1" t="s">
        <v>57631</v>
      </c>
      <c r="I15346" s="1" t="s">
        <v>53800</v>
      </c>
      <c r="J15346" s="1" t="s">
        <v>57720</v>
      </c>
    </row>
    <row r="15347" spans="1:10" x14ac:dyDescent="0.35">
      <c r="A15347" s="1" t="s">
        <v>57721</v>
      </c>
      <c r="B15347" s="1" t="s">
        <v>53796</v>
      </c>
      <c r="C15347" s="1" t="s">
        <v>8</v>
      </c>
      <c r="D15347" s="1" t="s">
        <v>57722</v>
      </c>
      <c r="E15347" s="1" t="s">
        <v>57723</v>
      </c>
      <c r="F15347" s="1" t="s">
        <v>57724</v>
      </c>
      <c r="G15347" s="1" t="s">
        <v>57725</v>
      </c>
      <c r="H15347" s="1" t="s">
        <v>57726</v>
      </c>
      <c r="I15347" s="1" t="s">
        <v>53800</v>
      </c>
      <c r="J15347" s="1" t="s">
        <v>13</v>
      </c>
    </row>
    <row r="15348" spans="1:10" x14ac:dyDescent="0.35">
      <c r="A15348" s="1" t="s">
        <v>57721</v>
      </c>
      <c r="B15348" s="1" t="s">
        <v>53796</v>
      </c>
      <c r="C15348" s="1" t="s">
        <v>15</v>
      </c>
      <c r="D15348" s="1" t="s">
        <v>57727</v>
      </c>
      <c r="E15348" s="1" t="s">
        <v>57728</v>
      </c>
      <c r="F15348" s="1" t="s">
        <v>57729</v>
      </c>
      <c r="G15348" s="1" t="s">
        <v>57725</v>
      </c>
      <c r="H15348" s="1" t="s">
        <v>57726</v>
      </c>
      <c r="I15348" s="1" t="s">
        <v>53800</v>
      </c>
      <c r="J15348" s="1" t="s">
        <v>57730</v>
      </c>
    </row>
    <row r="15349" spans="1:10" x14ac:dyDescent="0.35">
      <c r="A15349" s="1" t="s">
        <v>57721</v>
      </c>
      <c r="B15349" s="1" t="s">
        <v>53796</v>
      </c>
      <c r="C15349" s="1" t="s">
        <v>20</v>
      </c>
      <c r="D15349" s="1" t="s">
        <v>57731</v>
      </c>
      <c r="E15349" s="1" t="s">
        <v>57732</v>
      </c>
      <c r="F15349" s="1" t="s">
        <v>57733</v>
      </c>
      <c r="G15349" s="1" t="s">
        <v>57725</v>
      </c>
      <c r="H15349" s="1" t="s">
        <v>57726</v>
      </c>
      <c r="I15349" s="1" t="s">
        <v>53800</v>
      </c>
      <c r="J15349" s="1" t="s">
        <v>57734</v>
      </c>
    </row>
    <row r="15350" spans="1:10" x14ac:dyDescent="0.35">
      <c r="A15350" s="1" t="s">
        <v>57721</v>
      </c>
      <c r="B15350" s="1" t="s">
        <v>53796</v>
      </c>
      <c r="C15350" s="1" t="s">
        <v>25</v>
      </c>
      <c r="D15350" s="1" t="s">
        <v>57735</v>
      </c>
      <c r="E15350" s="1" t="s">
        <v>57736</v>
      </c>
      <c r="F15350" s="1" t="s">
        <v>57737</v>
      </c>
      <c r="G15350" s="1" t="s">
        <v>57725</v>
      </c>
      <c r="H15350" s="1" t="s">
        <v>57726</v>
      </c>
      <c r="I15350" s="1" t="s">
        <v>53800</v>
      </c>
      <c r="J15350" s="1" t="s">
        <v>57738</v>
      </c>
    </row>
    <row r="15351" spans="1:10" x14ac:dyDescent="0.35">
      <c r="A15351" s="1" t="s">
        <v>57721</v>
      </c>
      <c r="B15351" s="1" t="s">
        <v>53796</v>
      </c>
      <c r="C15351" s="1" t="s">
        <v>30</v>
      </c>
      <c r="D15351" s="1" t="s">
        <v>57739</v>
      </c>
      <c r="E15351" s="1" t="s">
        <v>57740</v>
      </c>
      <c r="F15351" s="1" t="s">
        <v>57741</v>
      </c>
      <c r="G15351" s="1" t="s">
        <v>57725</v>
      </c>
      <c r="H15351" s="1" t="s">
        <v>57726</v>
      </c>
      <c r="I15351" s="1" t="s">
        <v>53800</v>
      </c>
      <c r="J15351" s="1" t="s">
        <v>57742</v>
      </c>
    </row>
    <row r="15352" spans="1:10" x14ac:dyDescent="0.35">
      <c r="A15352" s="1" t="s">
        <v>57721</v>
      </c>
      <c r="B15352" s="1" t="s">
        <v>53796</v>
      </c>
      <c r="C15352" s="1" t="s">
        <v>35</v>
      </c>
      <c r="D15352" s="1" t="s">
        <v>57743</v>
      </c>
      <c r="E15352" s="1" t="s">
        <v>57744</v>
      </c>
      <c r="F15352" s="1" t="s">
        <v>57745</v>
      </c>
      <c r="G15352" s="1" t="s">
        <v>57725</v>
      </c>
      <c r="H15352" s="1" t="s">
        <v>57726</v>
      </c>
      <c r="I15352" s="1" t="s">
        <v>53800</v>
      </c>
      <c r="J15352" s="1" t="s">
        <v>57746</v>
      </c>
    </row>
    <row r="15353" spans="1:10" x14ac:dyDescent="0.35">
      <c r="A15353" s="1" t="s">
        <v>57721</v>
      </c>
      <c r="B15353" s="1" t="s">
        <v>53796</v>
      </c>
      <c r="C15353" s="1" t="s">
        <v>40</v>
      </c>
      <c r="D15353" s="1" t="s">
        <v>9508</v>
      </c>
      <c r="E15353" s="1" t="s">
        <v>57747</v>
      </c>
      <c r="F15353" s="1" t="s">
        <v>57748</v>
      </c>
      <c r="G15353" s="1" t="s">
        <v>57725</v>
      </c>
      <c r="H15353" s="1" t="s">
        <v>57726</v>
      </c>
      <c r="I15353" s="1" t="s">
        <v>53800</v>
      </c>
      <c r="J15353" s="1" t="s">
        <v>57749</v>
      </c>
    </row>
    <row r="15354" spans="1:10" x14ac:dyDescent="0.35">
      <c r="A15354" s="1" t="s">
        <v>57721</v>
      </c>
      <c r="B15354" s="1" t="s">
        <v>53796</v>
      </c>
      <c r="C15354" s="1" t="s">
        <v>45</v>
      </c>
      <c r="D15354" s="1" t="s">
        <v>33390</v>
      </c>
      <c r="E15354" s="1" t="s">
        <v>57750</v>
      </c>
      <c r="F15354" s="1" t="s">
        <v>57751</v>
      </c>
      <c r="G15354" s="1" t="s">
        <v>57725</v>
      </c>
      <c r="H15354" s="1" t="s">
        <v>57726</v>
      </c>
      <c r="I15354" s="1" t="s">
        <v>53800</v>
      </c>
      <c r="J15354" s="1" t="s">
        <v>57752</v>
      </c>
    </row>
    <row r="15355" spans="1:10" x14ac:dyDescent="0.35">
      <c r="A15355" s="1" t="s">
        <v>57721</v>
      </c>
      <c r="B15355" s="1" t="s">
        <v>53796</v>
      </c>
      <c r="C15355" s="1" t="s">
        <v>50</v>
      </c>
      <c r="D15355" s="1" t="s">
        <v>57753</v>
      </c>
      <c r="E15355" s="1" t="s">
        <v>57754</v>
      </c>
      <c r="F15355" s="1" t="s">
        <v>57755</v>
      </c>
      <c r="G15355" s="1" t="s">
        <v>57725</v>
      </c>
      <c r="H15355" s="1" t="s">
        <v>57726</v>
      </c>
      <c r="I15355" s="1" t="s">
        <v>53800</v>
      </c>
      <c r="J15355" s="1" t="s">
        <v>57756</v>
      </c>
    </row>
    <row r="15356" spans="1:10" x14ac:dyDescent="0.35">
      <c r="A15356" s="1" t="s">
        <v>57721</v>
      </c>
      <c r="B15356" s="1" t="s">
        <v>53796</v>
      </c>
      <c r="C15356" s="1" t="s">
        <v>55</v>
      </c>
      <c r="D15356" s="1" t="s">
        <v>57757</v>
      </c>
      <c r="E15356" s="1" t="s">
        <v>57758</v>
      </c>
      <c r="F15356" s="1" t="s">
        <v>57759</v>
      </c>
      <c r="G15356" s="1" t="s">
        <v>57725</v>
      </c>
      <c r="H15356" s="1" t="s">
        <v>57726</v>
      </c>
      <c r="I15356" s="1" t="s">
        <v>53800</v>
      </c>
      <c r="J15356" s="1" t="s">
        <v>57760</v>
      </c>
    </row>
    <row r="15357" spans="1:10" x14ac:dyDescent="0.35">
      <c r="A15357" s="1" t="s">
        <v>57721</v>
      </c>
      <c r="B15357" s="1" t="s">
        <v>53796</v>
      </c>
      <c r="C15357" s="1" t="s">
        <v>60</v>
      </c>
      <c r="D15357" s="1" t="s">
        <v>57761</v>
      </c>
      <c r="E15357" s="1" t="s">
        <v>57762</v>
      </c>
      <c r="F15357" s="1" t="s">
        <v>57763</v>
      </c>
      <c r="G15357" s="1" t="s">
        <v>57725</v>
      </c>
      <c r="H15357" s="1" t="s">
        <v>57726</v>
      </c>
      <c r="I15357" s="1" t="s">
        <v>53800</v>
      </c>
      <c r="J15357" s="1" t="s">
        <v>57764</v>
      </c>
    </row>
    <row r="15358" spans="1:10" x14ac:dyDescent="0.35">
      <c r="A15358" s="1" t="s">
        <v>57721</v>
      </c>
      <c r="B15358" s="1" t="s">
        <v>53796</v>
      </c>
      <c r="C15358" s="1" t="s">
        <v>65</v>
      </c>
      <c r="D15358" s="1" t="s">
        <v>57765</v>
      </c>
      <c r="E15358" s="1" t="s">
        <v>57766</v>
      </c>
      <c r="F15358" s="1" t="s">
        <v>57767</v>
      </c>
      <c r="G15358" s="1" t="s">
        <v>57725</v>
      </c>
      <c r="H15358" s="1" t="s">
        <v>57726</v>
      </c>
      <c r="I15358" s="1" t="s">
        <v>53800</v>
      </c>
      <c r="J15358" s="1" t="s">
        <v>57768</v>
      </c>
    </row>
    <row r="15359" spans="1:10" x14ac:dyDescent="0.35">
      <c r="A15359" s="1" t="s">
        <v>57721</v>
      </c>
      <c r="B15359" s="1" t="s">
        <v>53796</v>
      </c>
      <c r="C15359" s="1" t="s">
        <v>70</v>
      </c>
      <c r="D15359" s="1" t="s">
        <v>53979</v>
      </c>
      <c r="E15359" s="1" t="s">
        <v>57769</v>
      </c>
      <c r="F15359" s="1" t="s">
        <v>57770</v>
      </c>
      <c r="G15359" s="1" t="s">
        <v>57725</v>
      </c>
      <c r="H15359" s="1" t="s">
        <v>57726</v>
      </c>
      <c r="I15359" s="1" t="s">
        <v>53800</v>
      </c>
      <c r="J15359" s="1" t="s">
        <v>57771</v>
      </c>
    </row>
    <row r="15360" spans="1:10" x14ac:dyDescent="0.35">
      <c r="A15360" s="1" t="s">
        <v>57721</v>
      </c>
      <c r="B15360" s="1" t="s">
        <v>53796</v>
      </c>
      <c r="C15360" s="1" t="s">
        <v>75</v>
      </c>
      <c r="D15360" s="1" t="s">
        <v>7377</v>
      </c>
      <c r="E15360" s="1" t="s">
        <v>57772</v>
      </c>
      <c r="F15360" s="1" t="s">
        <v>57773</v>
      </c>
      <c r="G15360" s="1" t="s">
        <v>57725</v>
      </c>
      <c r="H15360" s="1" t="s">
        <v>57726</v>
      </c>
      <c r="I15360" s="1" t="s">
        <v>53800</v>
      </c>
      <c r="J15360" s="1" t="s">
        <v>57774</v>
      </c>
    </row>
    <row r="15361" spans="1:10" x14ac:dyDescent="0.35">
      <c r="A15361" s="1" t="s">
        <v>57721</v>
      </c>
      <c r="B15361" s="1" t="s">
        <v>53796</v>
      </c>
      <c r="C15361" s="1" t="s">
        <v>80</v>
      </c>
      <c r="D15361" s="1" t="s">
        <v>56814</v>
      </c>
      <c r="E15361" s="1" t="s">
        <v>57775</v>
      </c>
      <c r="F15361" s="1" t="s">
        <v>57776</v>
      </c>
      <c r="G15361" s="1" t="s">
        <v>57725</v>
      </c>
      <c r="H15361" s="1" t="s">
        <v>57726</v>
      </c>
      <c r="I15361" s="1" t="s">
        <v>53800</v>
      </c>
      <c r="J15361" s="1" t="s">
        <v>57777</v>
      </c>
    </row>
    <row r="15362" spans="1:10" x14ac:dyDescent="0.35">
      <c r="A15362" s="1" t="s">
        <v>57721</v>
      </c>
      <c r="B15362" s="1" t="s">
        <v>53796</v>
      </c>
      <c r="C15362" s="1" t="s">
        <v>85</v>
      </c>
      <c r="D15362" s="1" t="s">
        <v>57778</v>
      </c>
      <c r="E15362" s="1" t="s">
        <v>57779</v>
      </c>
      <c r="F15362" s="1" t="s">
        <v>57780</v>
      </c>
      <c r="G15362" s="1" t="s">
        <v>57725</v>
      </c>
      <c r="H15362" s="1" t="s">
        <v>57726</v>
      </c>
      <c r="I15362" s="1" t="s">
        <v>53800</v>
      </c>
      <c r="J15362" s="1" t="s">
        <v>57781</v>
      </c>
    </row>
    <row r="15363" spans="1:10" x14ac:dyDescent="0.35">
      <c r="A15363" s="1" t="s">
        <v>57721</v>
      </c>
      <c r="B15363" s="1" t="s">
        <v>53796</v>
      </c>
      <c r="C15363" s="1" t="s">
        <v>90</v>
      </c>
      <c r="D15363" s="1" t="s">
        <v>57782</v>
      </c>
      <c r="E15363" s="1" t="s">
        <v>57783</v>
      </c>
      <c r="F15363" s="1" t="s">
        <v>57784</v>
      </c>
      <c r="G15363" s="1" t="s">
        <v>57725</v>
      </c>
      <c r="H15363" s="1" t="s">
        <v>57726</v>
      </c>
      <c r="I15363" s="1" t="s">
        <v>53800</v>
      </c>
      <c r="J15363" s="1" t="s">
        <v>57785</v>
      </c>
    </row>
    <row r="15364" spans="1:10" x14ac:dyDescent="0.35">
      <c r="A15364" s="1" t="s">
        <v>57721</v>
      </c>
      <c r="B15364" s="1" t="s">
        <v>53796</v>
      </c>
      <c r="C15364" s="1" t="s">
        <v>95</v>
      </c>
      <c r="D15364" s="1" t="s">
        <v>57786</v>
      </c>
      <c r="E15364" s="1" t="s">
        <v>57787</v>
      </c>
      <c r="F15364" s="1" t="s">
        <v>57788</v>
      </c>
      <c r="G15364" s="1" t="s">
        <v>57725</v>
      </c>
      <c r="H15364" s="1" t="s">
        <v>57726</v>
      </c>
      <c r="I15364" s="1" t="s">
        <v>53800</v>
      </c>
      <c r="J15364" s="1" t="s">
        <v>57789</v>
      </c>
    </row>
    <row r="15365" spans="1:10" x14ac:dyDescent="0.35">
      <c r="A15365" s="1" t="s">
        <v>57721</v>
      </c>
      <c r="B15365" s="1" t="s">
        <v>53796</v>
      </c>
      <c r="C15365" s="1" t="s">
        <v>100</v>
      </c>
      <c r="D15365" s="1" t="s">
        <v>57790</v>
      </c>
      <c r="E15365" s="1" t="s">
        <v>57791</v>
      </c>
      <c r="F15365" s="1" t="s">
        <v>57792</v>
      </c>
      <c r="G15365" s="1" t="s">
        <v>57725</v>
      </c>
      <c r="H15365" s="1" t="s">
        <v>57726</v>
      </c>
      <c r="I15365" s="1" t="s">
        <v>53800</v>
      </c>
      <c r="J15365" s="1" t="s">
        <v>57793</v>
      </c>
    </row>
    <row r="15366" spans="1:10" x14ac:dyDescent="0.35">
      <c r="A15366" s="1" t="s">
        <v>57721</v>
      </c>
      <c r="B15366" s="1" t="s">
        <v>53796</v>
      </c>
      <c r="C15366" s="1" t="s">
        <v>105</v>
      </c>
      <c r="D15366" s="1" t="s">
        <v>57794</v>
      </c>
      <c r="E15366" s="1" t="s">
        <v>57795</v>
      </c>
      <c r="F15366" s="1" t="s">
        <v>57796</v>
      </c>
      <c r="G15366" s="1" t="s">
        <v>57725</v>
      </c>
      <c r="H15366" s="1" t="s">
        <v>57726</v>
      </c>
      <c r="I15366" s="1" t="s">
        <v>53800</v>
      </c>
      <c r="J15366" s="1" t="s">
        <v>57797</v>
      </c>
    </row>
    <row r="15367" spans="1:10" x14ac:dyDescent="0.35">
      <c r="A15367" s="1" t="s">
        <v>57721</v>
      </c>
      <c r="B15367" s="1" t="s">
        <v>53796</v>
      </c>
      <c r="C15367" s="1" t="s">
        <v>110</v>
      </c>
      <c r="D15367" s="1" t="s">
        <v>57798</v>
      </c>
      <c r="E15367" s="1" t="s">
        <v>57799</v>
      </c>
      <c r="F15367" s="1" t="s">
        <v>57800</v>
      </c>
      <c r="G15367" s="1" t="s">
        <v>57725</v>
      </c>
      <c r="H15367" s="1" t="s">
        <v>57726</v>
      </c>
      <c r="I15367" s="1" t="s">
        <v>53800</v>
      </c>
      <c r="J15367" s="1" t="s">
        <v>57801</v>
      </c>
    </row>
    <row r="15368" spans="1:10" x14ac:dyDescent="0.35">
      <c r="A15368" s="1" t="s">
        <v>57721</v>
      </c>
      <c r="B15368" s="1" t="s">
        <v>53796</v>
      </c>
      <c r="C15368" s="1" t="s">
        <v>115</v>
      </c>
      <c r="D15368" s="1" t="s">
        <v>57802</v>
      </c>
      <c r="E15368" s="1" t="s">
        <v>57803</v>
      </c>
      <c r="F15368" s="1" t="s">
        <v>57804</v>
      </c>
      <c r="G15368" s="1" t="s">
        <v>57725</v>
      </c>
      <c r="H15368" s="1" t="s">
        <v>57726</v>
      </c>
      <c r="I15368" s="1" t="s">
        <v>53800</v>
      </c>
      <c r="J15368" s="1" t="s">
        <v>57805</v>
      </c>
    </row>
    <row r="15369" spans="1:10" x14ac:dyDescent="0.35">
      <c r="A15369" s="1" t="s">
        <v>57721</v>
      </c>
      <c r="B15369" s="1" t="s">
        <v>53796</v>
      </c>
      <c r="C15369" s="1" t="s">
        <v>120</v>
      </c>
      <c r="D15369" s="1" t="s">
        <v>24537</v>
      </c>
      <c r="E15369" s="1" t="s">
        <v>57806</v>
      </c>
      <c r="F15369" s="1" t="s">
        <v>57807</v>
      </c>
      <c r="G15369" s="1" t="s">
        <v>57725</v>
      </c>
      <c r="H15369" s="1" t="s">
        <v>57726</v>
      </c>
      <c r="I15369" s="1" t="s">
        <v>53800</v>
      </c>
      <c r="J15369" s="1" t="s">
        <v>57808</v>
      </c>
    </row>
    <row r="15370" spans="1:10" x14ac:dyDescent="0.35">
      <c r="A15370" s="1" t="s">
        <v>57721</v>
      </c>
      <c r="B15370" s="1" t="s">
        <v>53796</v>
      </c>
      <c r="C15370" s="1" t="s">
        <v>125</v>
      </c>
      <c r="D15370" s="1" t="s">
        <v>57809</v>
      </c>
      <c r="E15370" s="1" t="s">
        <v>57810</v>
      </c>
      <c r="F15370" s="1" t="s">
        <v>57811</v>
      </c>
      <c r="G15370" s="1" t="s">
        <v>57725</v>
      </c>
      <c r="H15370" s="1" t="s">
        <v>57726</v>
      </c>
      <c r="I15370" s="1" t="s">
        <v>53800</v>
      </c>
      <c r="J15370" s="1" t="s">
        <v>57812</v>
      </c>
    </row>
    <row r="15371" spans="1:10" x14ac:dyDescent="0.35">
      <c r="A15371" s="1" t="s">
        <v>57721</v>
      </c>
      <c r="B15371" s="1" t="s">
        <v>53796</v>
      </c>
      <c r="C15371" s="1" t="s">
        <v>130</v>
      </c>
      <c r="D15371" s="1" t="s">
        <v>57813</v>
      </c>
      <c r="E15371" s="1" t="s">
        <v>57814</v>
      </c>
      <c r="F15371" s="1" t="s">
        <v>57815</v>
      </c>
      <c r="G15371" s="1" t="s">
        <v>57725</v>
      </c>
      <c r="H15371" s="1" t="s">
        <v>57726</v>
      </c>
      <c r="I15371" s="1" t="s">
        <v>53800</v>
      </c>
      <c r="J15371" s="1" t="s">
        <v>57816</v>
      </c>
    </row>
    <row r="15372" spans="1:10" x14ac:dyDescent="0.35">
      <c r="A15372" s="1" t="s">
        <v>57721</v>
      </c>
      <c r="B15372" s="1" t="s">
        <v>53796</v>
      </c>
      <c r="C15372" s="1" t="s">
        <v>135</v>
      </c>
      <c r="D15372" s="1" t="s">
        <v>57817</v>
      </c>
      <c r="E15372" s="1" t="s">
        <v>57818</v>
      </c>
      <c r="F15372" s="1" t="s">
        <v>57819</v>
      </c>
      <c r="G15372" s="1" t="s">
        <v>57725</v>
      </c>
      <c r="H15372" s="1" t="s">
        <v>57726</v>
      </c>
      <c r="I15372" s="1" t="s">
        <v>53800</v>
      </c>
      <c r="J15372" s="1" t="s">
        <v>57820</v>
      </c>
    </row>
    <row r="15373" spans="1:10" x14ac:dyDescent="0.35">
      <c r="A15373" s="1" t="s">
        <v>57721</v>
      </c>
      <c r="B15373" s="1" t="s">
        <v>53796</v>
      </c>
      <c r="C15373" s="1" t="s">
        <v>140</v>
      </c>
      <c r="D15373" s="1" t="s">
        <v>57821</v>
      </c>
      <c r="E15373" s="1" t="s">
        <v>57822</v>
      </c>
      <c r="F15373" s="1" t="s">
        <v>57823</v>
      </c>
      <c r="G15373" s="1" t="s">
        <v>57725</v>
      </c>
      <c r="H15373" s="1" t="s">
        <v>57726</v>
      </c>
      <c r="I15373" s="1" t="s">
        <v>53800</v>
      </c>
      <c r="J15373" s="1" t="s">
        <v>57824</v>
      </c>
    </row>
    <row r="15374" spans="1:10" x14ac:dyDescent="0.35">
      <c r="A15374" s="1" t="s">
        <v>57721</v>
      </c>
      <c r="B15374" s="1" t="s">
        <v>53796</v>
      </c>
      <c r="C15374" s="1" t="s">
        <v>145</v>
      </c>
      <c r="D15374" s="1" t="s">
        <v>57825</v>
      </c>
      <c r="E15374" s="1" t="s">
        <v>57826</v>
      </c>
      <c r="F15374" s="1" t="s">
        <v>57827</v>
      </c>
      <c r="G15374" s="1" t="s">
        <v>57725</v>
      </c>
      <c r="H15374" s="1" t="s">
        <v>57726</v>
      </c>
      <c r="I15374" s="1" t="s">
        <v>53800</v>
      </c>
      <c r="J15374" s="1" t="s">
        <v>57828</v>
      </c>
    </row>
    <row r="15375" spans="1:10" x14ac:dyDescent="0.35">
      <c r="A15375" s="1" t="s">
        <v>57721</v>
      </c>
      <c r="B15375" s="1" t="s">
        <v>53796</v>
      </c>
      <c r="C15375" s="1" t="s">
        <v>150</v>
      </c>
      <c r="D15375" s="1" t="s">
        <v>57829</v>
      </c>
      <c r="E15375" s="1" t="s">
        <v>57830</v>
      </c>
      <c r="F15375" s="1" t="s">
        <v>57831</v>
      </c>
      <c r="G15375" s="1" t="s">
        <v>57725</v>
      </c>
      <c r="H15375" s="1" t="s">
        <v>57726</v>
      </c>
      <c r="I15375" s="1" t="s">
        <v>53800</v>
      </c>
      <c r="J15375" s="1" t="s">
        <v>57832</v>
      </c>
    </row>
    <row r="15376" spans="1:10" x14ac:dyDescent="0.35">
      <c r="A15376" s="1" t="s">
        <v>57721</v>
      </c>
      <c r="B15376" s="1" t="s">
        <v>53796</v>
      </c>
      <c r="C15376" s="1" t="s">
        <v>155</v>
      </c>
      <c r="D15376" s="1" t="s">
        <v>57833</v>
      </c>
      <c r="E15376" s="1" t="s">
        <v>57834</v>
      </c>
      <c r="F15376" s="1" t="s">
        <v>57835</v>
      </c>
      <c r="G15376" s="1" t="s">
        <v>57725</v>
      </c>
      <c r="H15376" s="1" t="s">
        <v>57726</v>
      </c>
      <c r="I15376" s="1" t="s">
        <v>53800</v>
      </c>
      <c r="J15376" s="1" t="s">
        <v>57836</v>
      </c>
    </row>
    <row r="15377" spans="1:10" x14ac:dyDescent="0.35">
      <c r="A15377" s="1" t="s">
        <v>57721</v>
      </c>
      <c r="B15377" s="1" t="s">
        <v>53796</v>
      </c>
      <c r="C15377" s="1" t="s">
        <v>160</v>
      </c>
      <c r="D15377" s="1" t="s">
        <v>57837</v>
      </c>
      <c r="E15377" s="1" t="s">
        <v>57830</v>
      </c>
      <c r="F15377" s="1" t="s">
        <v>57838</v>
      </c>
      <c r="G15377" s="1" t="s">
        <v>57725</v>
      </c>
      <c r="H15377" s="1" t="s">
        <v>57726</v>
      </c>
      <c r="I15377" s="1" t="s">
        <v>53800</v>
      </c>
      <c r="J15377" s="1" t="s">
        <v>57839</v>
      </c>
    </row>
    <row r="15378" spans="1:10" x14ac:dyDescent="0.35">
      <c r="A15378" s="1" t="s">
        <v>57721</v>
      </c>
      <c r="B15378" s="1" t="s">
        <v>53796</v>
      </c>
      <c r="C15378" s="1" t="s">
        <v>165</v>
      </c>
      <c r="D15378" s="1" t="s">
        <v>57840</v>
      </c>
      <c r="E15378" s="1" t="s">
        <v>57841</v>
      </c>
      <c r="F15378" s="1" t="s">
        <v>57842</v>
      </c>
      <c r="G15378" s="1" t="s">
        <v>57725</v>
      </c>
      <c r="H15378" s="1" t="s">
        <v>57726</v>
      </c>
      <c r="I15378" s="1" t="s">
        <v>53800</v>
      </c>
      <c r="J15378" s="1" t="s">
        <v>57843</v>
      </c>
    </row>
    <row r="15379" spans="1:10" x14ac:dyDescent="0.35">
      <c r="A15379" s="1" t="s">
        <v>57721</v>
      </c>
      <c r="B15379" s="1" t="s">
        <v>53796</v>
      </c>
      <c r="C15379" s="1" t="s">
        <v>170</v>
      </c>
      <c r="D15379" s="1" t="s">
        <v>57844</v>
      </c>
      <c r="E15379" s="1" t="s">
        <v>57845</v>
      </c>
      <c r="F15379" s="1" t="s">
        <v>57846</v>
      </c>
      <c r="G15379" s="1" t="s">
        <v>57725</v>
      </c>
      <c r="H15379" s="1" t="s">
        <v>57726</v>
      </c>
      <c r="I15379" s="1" t="s">
        <v>53800</v>
      </c>
      <c r="J15379" s="1" t="s">
        <v>57847</v>
      </c>
    </row>
    <row r="15380" spans="1:10" x14ac:dyDescent="0.35">
      <c r="A15380" s="1" t="s">
        <v>57848</v>
      </c>
      <c r="B15380" s="1" t="s">
        <v>53796</v>
      </c>
      <c r="C15380" s="1" t="s">
        <v>8</v>
      </c>
      <c r="D15380" s="1" t="s">
        <v>57849</v>
      </c>
      <c r="E15380" s="1" t="s">
        <v>21815</v>
      </c>
      <c r="F15380" s="1" t="s">
        <v>57850</v>
      </c>
      <c r="G15380" s="1" t="s">
        <v>57851</v>
      </c>
      <c r="H15380" s="1" t="s">
        <v>57852</v>
      </c>
      <c r="I15380" s="1" t="s">
        <v>53800</v>
      </c>
      <c r="J15380" s="1" t="s">
        <v>13</v>
      </c>
    </row>
    <row r="15381" spans="1:10" x14ac:dyDescent="0.35">
      <c r="A15381" s="1" t="s">
        <v>57848</v>
      </c>
      <c r="B15381" s="1" t="s">
        <v>53796</v>
      </c>
      <c r="C15381" s="1" t="s">
        <v>15</v>
      </c>
      <c r="D15381" s="1" t="s">
        <v>57853</v>
      </c>
      <c r="E15381" s="1" t="s">
        <v>21588</v>
      </c>
      <c r="F15381" s="1" t="s">
        <v>30590</v>
      </c>
      <c r="G15381" s="1" t="s">
        <v>57851</v>
      </c>
      <c r="H15381" s="1" t="s">
        <v>57852</v>
      </c>
      <c r="I15381" s="1" t="s">
        <v>53800</v>
      </c>
      <c r="J15381" s="1" t="s">
        <v>57854</v>
      </c>
    </row>
    <row r="15382" spans="1:10" x14ac:dyDescent="0.35">
      <c r="A15382" s="1" t="s">
        <v>57848</v>
      </c>
      <c r="B15382" s="1" t="s">
        <v>53796</v>
      </c>
      <c r="C15382" s="1" t="s">
        <v>20</v>
      </c>
      <c r="D15382" s="1" t="s">
        <v>57855</v>
      </c>
      <c r="E15382" s="1" t="s">
        <v>57856</v>
      </c>
      <c r="F15382" s="1" t="s">
        <v>57857</v>
      </c>
      <c r="G15382" s="1" t="s">
        <v>57851</v>
      </c>
      <c r="H15382" s="1" t="s">
        <v>57852</v>
      </c>
      <c r="I15382" s="1" t="s">
        <v>53800</v>
      </c>
      <c r="J15382" s="1" t="s">
        <v>57858</v>
      </c>
    </row>
    <row r="15383" spans="1:10" x14ac:dyDescent="0.35">
      <c r="A15383" s="1" t="s">
        <v>57848</v>
      </c>
      <c r="B15383" s="1" t="s">
        <v>53796</v>
      </c>
      <c r="C15383" s="1" t="s">
        <v>25</v>
      </c>
      <c r="D15383" s="1" t="s">
        <v>32264</v>
      </c>
      <c r="E15383" s="1" t="s">
        <v>55920</v>
      </c>
      <c r="F15383" s="1" t="s">
        <v>57859</v>
      </c>
      <c r="G15383" s="1" t="s">
        <v>57851</v>
      </c>
      <c r="H15383" s="1" t="s">
        <v>57852</v>
      </c>
      <c r="I15383" s="1" t="s">
        <v>53800</v>
      </c>
      <c r="J15383" s="1" t="s">
        <v>57860</v>
      </c>
    </row>
    <row r="15384" spans="1:10" x14ac:dyDescent="0.35">
      <c r="A15384" s="1" t="s">
        <v>57848</v>
      </c>
      <c r="B15384" s="1" t="s">
        <v>53796</v>
      </c>
      <c r="C15384" s="1" t="s">
        <v>30</v>
      </c>
      <c r="D15384" s="1" t="s">
        <v>57861</v>
      </c>
      <c r="E15384" s="1" t="s">
        <v>23002</v>
      </c>
      <c r="F15384" s="1" t="s">
        <v>57862</v>
      </c>
      <c r="G15384" s="1" t="s">
        <v>57851</v>
      </c>
      <c r="H15384" s="1" t="s">
        <v>57852</v>
      </c>
      <c r="I15384" s="1" t="s">
        <v>53800</v>
      </c>
      <c r="J15384" s="1" t="s">
        <v>57863</v>
      </c>
    </row>
    <row r="15385" spans="1:10" x14ac:dyDescent="0.35">
      <c r="A15385" s="1" t="s">
        <v>57848</v>
      </c>
      <c r="B15385" s="1" t="s">
        <v>53796</v>
      </c>
      <c r="C15385" s="1" t="s">
        <v>35</v>
      </c>
      <c r="D15385" s="1" t="s">
        <v>57864</v>
      </c>
      <c r="E15385" s="1" t="s">
        <v>23065</v>
      </c>
      <c r="F15385" s="1" t="s">
        <v>57865</v>
      </c>
      <c r="G15385" s="1" t="s">
        <v>57851</v>
      </c>
      <c r="H15385" s="1" t="s">
        <v>57852</v>
      </c>
      <c r="I15385" s="1" t="s">
        <v>53800</v>
      </c>
      <c r="J15385" s="1" t="s">
        <v>57866</v>
      </c>
    </row>
    <row r="15386" spans="1:10" x14ac:dyDescent="0.35">
      <c r="A15386" s="1" t="s">
        <v>57848</v>
      </c>
      <c r="B15386" s="1" t="s">
        <v>53796</v>
      </c>
      <c r="C15386" s="1" t="s">
        <v>40</v>
      </c>
      <c r="D15386" s="1" t="s">
        <v>57867</v>
      </c>
      <c r="E15386" s="1" t="s">
        <v>57868</v>
      </c>
      <c r="F15386" s="1" t="s">
        <v>56477</v>
      </c>
      <c r="G15386" s="1" t="s">
        <v>57851</v>
      </c>
      <c r="H15386" s="1" t="s">
        <v>57852</v>
      </c>
      <c r="I15386" s="1" t="s">
        <v>53800</v>
      </c>
      <c r="J15386" s="1" t="s">
        <v>57869</v>
      </c>
    </row>
    <row r="15387" spans="1:10" x14ac:dyDescent="0.35">
      <c r="A15387" s="1" t="s">
        <v>57848</v>
      </c>
      <c r="B15387" s="1" t="s">
        <v>53796</v>
      </c>
      <c r="C15387" s="1" t="s">
        <v>45</v>
      </c>
      <c r="D15387" s="1" t="s">
        <v>43437</v>
      </c>
      <c r="E15387" s="1" t="s">
        <v>21742</v>
      </c>
      <c r="F15387" s="1" t="s">
        <v>57870</v>
      </c>
      <c r="G15387" s="1" t="s">
        <v>57851</v>
      </c>
      <c r="H15387" s="1" t="s">
        <v>57852</v>
      </c>
      <c r="I15387" s="1" t="s">
        <v>53800</v>
      </c>
      <c r="J15387" s="1" t="s">
        <v>57871</v>
      </c>
    </row>
    <row r="15388" spans="1:10" x14ac:dyDescent="0.35">
      <c r="A15388" s="1" t="s">
        <v>57848</v>
      </c>
      <c r="B15388" s="1" t="s">
        <v>53796</v>
      </c>
      <c r="C15388" s="1" t="s">
        <v>50</v>
      </c>
      <c r="D15388" s="1" t="s">
        <v>57872</v>
      </c>
      <c r="E15388" s="1" t="s">
        <v>41502</v>
      </c>
      <c r="F15388" s="1" t="s">
        <v>57873</v>
      </c>
      <c r="G15388" s="1" t="s">
        <v>57851</v>
      </c>
      <c r="H15388" s="1" t="s">
        <v>57852</v>
      </c>
      <c r="I15388" s="1" t="s">
        <v>53800</v>
      </c>
      <c r="J15388" s="1" t="s">
        <v>57874</v>
      </c>
    </row>
    <row r="15389" spans="1:10" x14ac:dyDescent="0.35">
      <c r="A15389" s="1" t="s">
        <v>57848</v>
      </c>
      <c r="B15389" s="1" t="s">
        <v>53796</v>
      </c>
      <c r="C15389" s="1" t="s">
        <v>55</v>
      </c>
      <c r="D15389" s="1" t="s">
        <v>53907</v>
      </c>
      <c r="E15389" s="1" t="s">
        <v>21140</v>
      </c>
      <c r="F15389" s="1" t="s">
        <v>57875</v>
      </c>
      <c r="G15389" s="1" t="s">
        <v>57851</v>
      </c>
      <c r="H15389" s="1" t="s">
        <v>57852</v>
      </c>
      <c r="I15389" s="1" t="s">
        <v>53800</v>
      </c>
      <c r="J15389" s="1" t="s">
        <v>57876</v>
      </c>
    </row>
    <row r="15390" spans="1:10" x14ac:dyDescent="0.35">
      <c r="A15390" s="1" t="s">
        <v>57848</v>
      </c>
      <c r="B15390" s="1" t="s">
        <v>53796</v>
      </c>
      <c r="C15390" s="1" t="s">
        <v>60</v>
      </c>
      <c r="D15390" s="1" t="s">
        <v>57877</v>
      </c>
      <c r="E15390" s="1" t="s">
        <v>56913</v>
      </c>
      <c r="F15390" s="1" t="s">
        <v>22342</v>
      </c>
      <c r="G15390" s="1" t="s">
        <v>57851</v>
      </c>
      <c r="H15390" s="1" t="s">
        <v>57852</v>
      </c>
      <c r="I15390" s="1" t="s">
        <v>53800</v>
      </c>
      <c r="J15390" s="1" t="s">
        <v>57878</v>
      </c>
    </row>
    <row r="15391" spans="1:10" x14ac:dyDescent="0.35">
      <c r="A15391" s="1" t="s">
        <v>57848</v>
      </c>
      <c r="B15391" s="1" t="s">
        <v>53796</v>
      </c>
      <c r="C15391" s="1" t="s">
        <v>65</v>
      </c>
      <c r="D15391" s="1" t="s">
        <v>57879</v>
      </c>
      <c r="E15391" s="1" t="s">
        <v>57880</v>
      </c>
      <c r="F15391" s="1" t="s">
        <v>57881</v>
      </c>
      <c r="G15391" s="1" t="s">
        <v>57851</v>
      </c>
      <c r="H15391" s="1" t="s">
        <v>57852</v>
      </c>
      <c r="I15391" s="1" t="s">
        <v>53800</v>
      </c>
      <c r="J15391" s="1" t="s">
        <v>57882</v>
      </c>
    </row>
    <row r="15392" spans="1:10" x14ac:dyDescent="0.35">
      <c r="A15392" s="1" t="s">
        <v>57848</v>
      </c>
      <c r="B15392" s="1" t="s">
        <v>53796</v>
      </c>
      <c r="C15392" s="1" t="s">
        <v>70</v>
      </c>
      <c r="D15392" s="1" t="s">
        <v>54773</v>
      </c>
      <c r="E15392" s="1" t="s">
        <v>55930</v>
      </c>
      <c r="F15392" s="1" t="s">
        <v>57883</v>
      </c>
      <c r="G15392" s="1" t="s">
        <v>57851</v>
      </c>
      <c r="H15392" s="1" t="s">
        <v>57852</v>
      </c>
      <c r="I15392" s="1" t="s">
        <v>53800</v>
      </c>
      <c r="J15392" s="1" t="s">
        <v>57884</v>
      </c>
    </row>
    <row r="15393" spans="1:10" x14ac:dyDescent="0.35">
      <c r="A15393" s="1" t="s">
        <v>57848</v>
      </c>
      <c r="B15393" s="1" t="s">
        <v>53796</v>
      </c>
      <c r="C15393" s="1" t="s">
        <v>75</v>
      </c>
      <c r="D15393" s="1" t="s">
        <v>57885</v>
      </c>
      <c r="E15393" s="1" t="s">
        <v>57886</v>
      </c>
      <c r="F15393" s="1" t="s">
        <v>57887</v>
      </c>
      <c r="G15393" s="1" t="s">
        <v>57851</v>
      </c>
      <c r="H15393" s="1" t="s">
        <v>57852</v>
      </c>
      <c r="I15393" s="1" t="s">
        <v>53800</v>
      </c>
      <c r="J15393" s="1" t="s">
        <v>57888</v>
      </c>
    </row>
    <row r="15394" spans="1:10" x14ac:dyDescent="0.35">
      <c r="A15394" s="1" t="s">
        <v>57848</v>
      </c>
      <c r="B15394" s="1" t="s">
        <v>53796</v>
      </c>
      <c r="C15394" s="1" t="s">
        <v>80</v>
      </c>
      <c r="D15394" s="1" t="s">
        <v>57889</v>
      </c>
      <c r="E15394" s="1" t="s">
        <v>56644</v>
      </c>
      <c r="F15394" s="1" t="s">
        <v>57890</v>
      </c>
      <c r="G15394" s="1" t="s">
        <v>57851</v>
      </c>
      <c r="H15394" s="1" t="s">
        <v>57852</v>
      </c>
      <c r="I15394" s="1" t="s">
        <v>53800</v>
      </c>
      <c r="J15394" s="1" t="s">
        <v>57891</v>
      </c>
    </row>
    <row r="15395" spans="1:10" x14ac:dyDescent="0.35">
      <c r="A15395" s="1" t="s">
        <v>57848</v>
      </c>
      <c r="B15395" s="1" t="s">
        <v>53796</v>
      </c>
      <c r="C15395" s="1" t="s">
        <v>85</v>
      </c>
      <c r="D15395" s="1" t="s">
        <v>57892</v>
      </c>
      <c r="E15395" s="1" t="s">
        <v>23041</v>
      </c>
      <c r="F15395" s="1" t="s">
        <v>57893</v>
      </c>
      <c r="G15395" s="1" t="s">
        <v>57851</v>
      </c>
      <c r="H15395" s="1" t="s">
        <v>57852</v>
      </c>
      <c r="I15395" s="1" t="s">
        <v>53800</v>
      </c>
      <c r="J15395" s="1" t="s">
        <v>57894</v>
      </c>
    </row>
    <row r="15396" spans="1:10" x14ac:dyDescent="0.35">
      <c r="A15396" s="1" t="s">
        <v>57848</v>
      </c>
      <c r="B15396" s="1" t="s">
        <v>53796</v>
      </c>
      <c r="C15396" s="1" t="s">
        <v>90</v>
      </c>
      <c r="D15396" s="1" t="s">
        <v>57895</v>
      </c>
      <c r="E15396" s="1" t="s">
        <v>53808</v>
      </c>
      <c r="F15396" s="1" t="s">
        <v>57896</v>
      </c>
      <c r="G15396" s="1" t="s">
        <v>57851</v>
      </c>
      <c r="H15396" s="1" t="s">
        <v>57852</v>
      </c>
      <c r="I15396" s="1" t="s">
        <v>53800</v>
      </c>
      <c r="J15396" s="1" t="s">
        <v>57897</v>
      </c>
    </row>
    <row r="15397" spans="1:10" x14ac:dyDescent="0.35">
      <c r="A15397" s="1" t="s">
        <v>57848</v>
      </c>
      <c r="B15397" s="1" t="s">
        <v>53796</v>
      </c>
      <c r="C15397" s="1" t="s">
        <v>95</v>
      </c>
      <c r="D15397" s="1" t="s">
        <v>57898</v>
      </c>
      <c r="E15397" s="1" t="s">
        <v>57899</v>
      </c>
      <c r="F15397" s="1" t="s">
        <v>57900</v>
      </c>
      <c r="G15397" s="1" t="s">
        <v>57851</v>
      </c>
      <c r="H15397" s="1" t="s">
        <v>57852</v>
      </c>
      <c r="I15397" s="1" t="s">
        <v>53800</v>
      </c>
      <c r="J15397" s="1" t="s">
        <v>57901</v>
      </c>
    </row>
    <row r="15398" spans="1:10" x14ac:dyDescent="0.35">
      <c r="A15398" s="1" t="s">
        <v>57848</v>
      </c>
      <c r="B15398" s="1" t="s">
        <v>53796</v>
      </c>
      <c r="C15398" s="1" t="s">
        <v>100</v>
      </c>
      <c r="D15398" s="1" t="s">
        <v>57902</v>
      </c>
      <c r="E15398" s="1" t="s">
        <v>22974</v>
      </c>
      <c r="F15398" s="1" t="s">
        <v>19975</v>
      </c>
      <c r="G15398" s="1" t="s">
        <v>57851</v>
      </c>
      <c r="H15398" s="1" t="s">
        <v>57852</v>
      </c>
      <c r="I15398" s="1" t="s">
        <v>53800</v>
      </c>
      <c r="J15398" s="1" t="s">
        <v>57903</v>
      </c>
    </row>
    <row r="15399" spans="1:10" x14ac:dyDescent="0.35">
      <c r="A15399" s="1" t="s">
        <v>57848</v>
      </c>
      <c r="B15399" s="1" t="s">
        <v>53796</v>
      </c>
      <c r="C15399" s="1" t="s">
        <v>105</v>
      </c>
      <c r="D15399" s="1" t="s">
        <v>57904</v>
      </c>
      <c r="E15399" s="1" t="s">
        <v>23030</v>
      </c>
      <c r="F15399" s="1" t="s">
        <v>57905</v>
      </c>
      <c r="G15399" s="1" t="s">
        <v>57851</v>
      </c>
      <c r="H15399" s="1" t="s">
        <v>57852</v>
      </c>
      <c r="I15399" s="1" t="s">
        <v>53800</v>
      </c>
      <c r="J15399" s="1" t="s">
        <v>57906</v>
      </c>
    </row>
    <row r="15400" spans="1:10" x14ac:dyDescent="0.35">
      <c r="A15400" s="1" t="s">
        <v>57848</v>
      </c>
      <c r="B15400" s="1" t="s">
        <v>53796</v>
      </c>
      <c r="C15400" s="1" t="s">
        <v>110</v>
      </c>
      <c r="D15400" s="1" t="s">
        <v>57907</v>
      </c>
      <c r="E15400" s="1" t="s">
        <v>57908</v>
      </c>
      <c r="F15400" s="1" t="s">
        <v>57909</v>
      </c>
      <c r="G15400" s="1" t="s">
        <v>57851</v>
      </c>
      <c r="H15400" s="1" t="s">
        <v>57852</v>
      </c>
      <c r="I15400" s="1" t="s">
        <v>53800</v>
      </c>
      <c r="J15400" s="1" t="s">
        <v>57910</v>
      </c>
    </row>
    <row r="15401" spans="1:10" x14ac:dyDescent="0.35">
      <c r="A15401" s="1" t="s">
        <v>57848</v>
      </c>
      <c r="B15401" s="1" t="s">
        <v>53796</v>
      </c>
      <c r="C15401" s="1" t="s">
        <v>115</v>
      </c>
      <c r="D15401" s="1" t="s">
        <v>57911</v>
      </c>
      <c r="E15401" s="1" t="s">
        <v>57912</v>
      </c>
      <c r="F15401" s="1" t="s">
        <v>57913</v>
      </c>
      <c r="G15401" s="1" t="s">
        <v>57851</v>
      </c>
      <c r="H15401" s="1" t="s">
        <v>57852</v>
      </c>
      <c r="I15401" s="1" t="s">
        <v>53800</v>
      </c>
      <c r="J15401" s="1" t="s">
        <v>57914</v>
      </c>
    </row>
    <row r="15402" spans="1:10" x14ac:dyDescent="0.35">
      <c r="A15402" s="1" t="s">
        <v>57848</v>
      </c>
      <c r="B15402" s="1" t="s">
        <v>53796</v>
      </c>
      <c r="C15402" s="1" t="s">
        <v>120</v>
      </c>
      <c r="D15402" s="1" t="s">
        <v>57915</v>
      </c>
      <c r="E15402" s="1" t="s">
        <v>22954</v>
      </c>
      <c r="F15402" s="1" t="s">
        <v>57916</v>
      </c>
      <c r="G15402" s="1" t="s">
        <v>57851</v>
      </c>
      <c r="H15402" s="1" t="s">
        <v>57852</v>
      </c>
      <c r="I15402" s="1" t="s">
        <v>53800</v>
      </c>
      <c r="J15402" s="1" t="s">
        <v>57917</v>
      </c>
    </row>
    <row r="15403" spans="1:10" x14ac:dyDescent="0.35">
      <c r="A15403" s="1" t="s">
        <v>57848</v>
      </c>
      <c r="B15403" s="1" t="s">
        <v>53796</v>
      </c>
      <c r="C15403" s="1" t="s">
        <v>125</v>
      </c>
      <c r="D15403" s="1" t="s">
        <v>57918</v>
      </c>
      <c r="E15403" s="1" t="s">
        <v>57919</v>
      </c>
      <c r="F15403" s="1" t="s">
        <v>57920</v>
      </c>
      <c r="G15403" s="1" t="s">
        <v>57851</v>
      </c>
      <c r="H15403" s="1" t="s">
        <v>57852</v>
      </c>
      <c r="I15403" s="1" t="s">
        <v>53800</v>
      </c>
      <c r="J15403" s="1" t="s">
        <v>57921</v>
      </c>
    </row>
    <row r="15404" spans="1:10" x14ac:dyDescent="0.35">
      <c r="A15404" s="1" t="s">
        <v>57848</v>
      </c>
      <c r="B15404" s="1" t="s">
        <v>53796</v>
      </c>
      <c r="C15404" s="1" t="s">
        <v>130</v>
      </c>
      <c r="D15404" s="1" t="s">
        <v>57922</v>
      </c>
      <c r="E15404" s="1" t="s">
        <v>57923</v>
      </c>
      <c r="F15404" s="1" t="s">
        <v>57272</v>
      </c>
      <c r="G15404" s="1" t="s">
        <v>57851</v>
      </c>
      <c r="H15404" s="1" t="s">
        <v>57852</v>
      </c>
      <c r="I15404" s="1" t="s">
        <v>53800</v>
      </c>
      <c r="J15404" s="1" t="s">
        <v>57924</v>
      </c>
    </row>
    <row r="15405" spans="1:10" x14ac:dyDescent="0.35">
      <c r="A15405" s="1" t="s">
        <v>57848</v>
      </c>
      <c r="B15405" s="1" t="s">
        <v>53796</v>
      </c>
      <c r="C15405" s="1" t="s">
        <v>135</v>
      </c>
      <c r="D15405" s="1" t="s">
        <v>57925</v>
      </c>
      <c r="E15405" s="1" t="s">
        <v>57926</v>
      </c>
      <c r="F15405" s="1" t="s">
        <v>57927</v>
      </c>
      <c r="G15405" s="1" t="s">
        <v>57851</v>
      </c>
      <c r="H15405" s="1" t="s">
        <v>57852</v>
      </c>
      <c r="I15405" s="1" t="s">
        <v>53800</v>
      </c>
      <c r="J15405" s="1" t="s">
        <v>57928</v>
      </c>
    </row>
    <row r="15406" spans="1:10" x14ac:dyDescent="0.35">
      <c r="A15406" s="1" t="s">
        <v>57848</v>
      </c>
      <c r="B15406" s="1" t="s">
        <v>53796</v>
      </c>
      <c r="C15406" s="1" t="s">
        <v>140</v>
      </c>
      <c r="D15406" s="1" t="s">
        <v>57929</v>
      </c>
      <c r="E15406" s="1" t="s">
        <v>57930</v>
      </c>
      <c r="F15406" s="1" t="s">
        <v>57931</v>
      </c>
      <c r="G15406" s="1" t="s">
        <v>57851</v>
      </c>
      <c r="H15406" s="1" t="s">
        <v>57852</v>
      </c>
      <c r="I15406" s="1" t="s">
        <v>53800</v>
      </c>
      <c r="J15406" s="1" t="s">
        <v>57932</v>
      </c>
    </row>
    <row r="15407" spans="1:10" x14ac:dyDescent="0.35">
      <c r="A15407" s="1" t="s">
        <v>57848</v>
      </c>
      <c r="B15407" s="1" t="s">
        <v>53796</v>
      </c>
      <c r="C15407" s="1" t="s">
        <v>145</v>
      </c>
      <c r="D15407" s="1" t="s">
        <v>57933</v>
      </c>
      <c r="E15407" s="1" t="s">
        <v>21787</v>
      </c>
      <c r="F15407" s="1" t="s">
        <v>57934</v>
      </c>
      <c r="G15407" s="1" t="s">
        <v>57851</v>
      </c>
      <c r="H15407" s="1" t="s">
        <v>57852</v>
      </c>
      <c r="I15407" s="1" t="s">
        <v>53800</v>
      </c>
      <c r="J15407" s="1" t="s">
        <v>57935</v>
      </c>
    </row>
    <row r="15408" spans="1:10" x14ac:dyDescent="0.35">
      <c r="A15408" s="1" t="s">
        <v>57848</v>
      </c>
      <c r="B15408" s="1" t="s">
        <v>53796</v>
      </c>
      <c r="C15408" s="1" t="s">
        <v>150</v>
      </c>
      <c r="D15408" s="1" t="s">
        <v>57936</v>
      </c>
      <c r="E15408" s="1" t="s">
        <v>57937</v>
      </c>
      <c r="F15408" s="1" t="s">
        <v>57938</v>
      </c>
      <c r="G15408" s="1" t="s">
        <v>57851</v>
      </c>
      <c r="H15408" s="1" t="s">
        <v>57852</v>
      </c>
      <c r="I15408" s="1" t="s">
        <v>53800</v>
      </c>
      <c r="J15408" s="1" t="s">
        <v>57939</v>
      </c>
    </row>
    <row r="15409" spans="1:10" x14ac:dyDescent="0.35">
      <c r="A15409" s="1" t="s">
        <v>57848</v>
      </c>
      <c r="B15409" s="1" t="s">
        <v>53796</v>
      </c>
      <c r="C15409" s="1" t="s">
        <v>155</v>
      </c>
      <c r="D15409" s="1" t="s">
        <v>57940</v>
      </c>
      <c r="E15409" s="1" t="s">
        <v>53825</v>
      </c>
      <c r="F15409" s="1" t="s">
        <v>57941</v>
      </c>
      <c r="G15409" s="1" t="s">
        <v>57851</v>
      </c>
      <c r="H15409" s="1" t="s">
        <v>57852</v>
      </c>
      <c r="I15409" s="1" t="s">
        <v>53800</v>
      </c>
      <c r="J15409" s="1" t="s">
        <v>57942</v>
      </c>
    </row>
    <row r="15410" spans="1:10" x14ac:dyDescent="0.35">
      <c r="A15410" s="1" t="s">
        <v>57848</v>
      </c>
      <c r="B15410" s="1" t="s">
        <v>53796</v>
      </c>
      <c r="C15410" s="1" t="s">
        <v>160</v>
      </c>
      <c r="D15410" s="1" t="s">
        <v>57943</v>
      </c>
      <c r="E15410" s="1" t="s">
        <v>21964</v>
      </c>
      <c r="F15410" s="1" t="s">
        <v>57944</v>
      </c>
      <c r="G15410" s="1" t="s">
        <v>57851</v>
      </c>
      <c r="H15410" s="1" t="s">
        <v>57852</v>
      </c>
      <c r="I15410" s="1" t="s">
        <v>53800</v>
      </c>
      <c r="J15410" s="1" t="s">
        <v>57945</v>
      </c>
    </row>
    <row r="15411" spans="1:10" x14ac:dyDescent="0.35">
      <c r="A15411" s="1" t="s">
        <v>57848</v>
      </c>
      <c r="B15411" s="1" t="s">
        <v>53796</v>
      </c>
      <c r="C15411" s="1" t="s">
        <v>165</v>
      </c>
      <c r="D15411" s="1" t="s">
        <v>57946</v>
      </c>
      <c r="E15411" s="1" t="s">
        <v>40644</v>
      </c>
      <c r="F15411" s="1" t="s">
        <v>57947</v>
      </c>
      <c r="G15411" s="1" t="s">
        <v>57851</v>
      </c>
      <c r="H15411" s="1" t="s">
        <v>57852</v>
      </c>
      <c r="I15411" s="1" t="s">
        <v>53800</v>
      </c>
      <c r="J15411" s="1" t="s">
        <v>57948</v>
      </c>
    </row>
    <row r="15412" spans="1:10" x14ac:dyDescent="0.35">
      <c r="A15412" s="1" t="s">
        <v>57848</v>
      </c>
      <c r="B15412" s="1" t="s">
        <v>53796</v>
      </c>
      <c r="C15412" s="1" t="s">
        <v>170</v>
      </c>
      <c r="D15412" s="1" t="s">
        <v>57949</v>
      </c>
      <c r="E15412" s="1" t="s">
        <v>53843</v>
      </c>
      <c r="F15412" s="1" t="s">
        <v>57950</v>
      </c>
      <c r="G15412" s="1" t="s">
        <v>57851</v>
      </c>
      <c r="H15412" s="1" t="s">
        <v>57852</v>
      </c>
      <c r="I15412" s="1" t="s">
        <v>53800</v>
      </c>
      <c r="J15412" s="1" t="s">
        <v>57951</v>
      </c>
    </row>
    <row r="15413" spans="1:10" x14ac:dyDescent="0.35">
      <c r="A15413" s="1" t="s">
        <v>51535</v>
      </c>
      <c r="B15413" s="1" t="s">
        <v>53796</v>
      </c>
      <c r="C15413" s="1" t="s">
        <v>8</v>
      </c>
      <c r="D15413" s="1" t="s">
        <v>57952</v>
      </c>
      <c r="E15413" s="1" t="s">
        <v>55286</v>
      </c>
      <c r="F15413" s="1" t="s">
        <v>57953</v>
      </c>
      <c r="G15413" s="1" t="s">
        <v>57954</v>
      </c>
      <c r="H15413" s="1" t="s">
        <v>57955</v>
      </c>
      <c r="I15413" s="1" t="s">
        <v>53800</v>
      </c>
      <c r="J15413" s="1" t="s">
        <v>13</v>
      </c>
    </row>
    <row r="15414" spans="1:10" x14ac:dyDescent="0.35">
      <c r="A15414" s="1" t="s">
        <v>51535</v>
      </c>
      <c r="B15414" s="1" t="s">
        <v>53796</v>
      </c>
      <c r="C15414" s="1" t="s">
        <v>15</v>
      </c>
      <c r="D15414" s="1" t="s">
        <v>57956</v>
      </c>
      <c r="E15414" s="1" t="s">
        <v>15225</v>
      </c>
      <c r="F15414" s="1" t="s">
        <v>57957</v>
      </c>
      <c r="G15414" s="1" t="s">
        <v>57954</v>
      </c>
      <c r="H15414" s="1" t="s">
        <v>57955</v>
      </c>
      <c r="I15414" s="1" t="s">
        <v>53800</v>
      </c>
      <c r="J15414" s="1" t="s">
        <v>57958</v>
      </c>
    </row>
    <row r="15415" spans="1:10" x14ac:dyDescent="0.35">
      <c r="A15415" s="1" t="s">
        <v>51535</v>
      </c>
      <c r="B15415" s="1" t="s">
        <v>53796</v>
      </c>
      <c r="C15415" s="1" t="s">
        <v>20</v>
      </c>
      <c r="D15415" s="1" t="s">
        <v>57959</v>
      </c>
      <c r="E15415" s="1" t="s">
        <v>57960</v>
      </c>
      <c r="F15415" s="1" t="s">
        <v>57961</v>
      </c>
      <c r="G15415" s="1" t="s">
        <v>57954</v>
      </c>
      <c r="H15415" s="1" t="s">
        <v>57955</v>
      </c>
      <c r="I15415" s="1" t="s">
        <v>53800</v>
      </c>
      <c r="J15415" s="1" t="s">
        <v>57962</v>
      </c>
    </row>
    <row r="15416" spans="1:10" x14ac:dyDescent="0.35">
      <c r="A15416" s="1" t="s">
        <v>51535</v>
      </c>
      <c r="B15416" s="1" t="s">
        <v>53796</v>
      </c>
      <c r="C15416" s="1" t="s">
        <v>25</v>
      </c>
      <c r="D15416" s="1" t="s">
        <v>57963</v>
      </c>
      <c r="E15416" s="1" t="s">
        <v>54038</v>
      </c>
      <c r="F15416" s="1" t="s">
        <v>57964</v>
      </c>
      <c r="G15416" s="1" t="s">
        <v>57954</v>
      </c>
      <c r="H15416" s="1" t="s">
        <v>57955</v>
      </c>
      <c r="I15416" s="1" t="s">
        <v>53800</v>
      </c>
      <c r="J15416" s="1" t="s">
        <v>57965</v>
      </c>
    </row>
    <row r="15417" spans="1:10" x14ac:dyDescent="0.35">
      <c r="A15417" s="1" t="s">
        <v>51535</v>
      </c>
      <c r="B15417" s="1" t="s">
        <v>53796</v>
      </c>
      <c r="C15417" s="1" t="s">
        <v>30</v>
      </c>
      <c r="D15417" s="1" t="s">
        <v>24750</v>
      </c>
      <c r="E15417" s="1" t="s">
        <v>56517</v>
      </c>
      <c r="F15417" s="1" t="s">
        <v>57966</v>
      </c>
      <c r="G15417" s="1" t="s">
        <v>57954</v>
      </c>
      <c r="H15417" s="1" t="s">
        <v>57955</v>
      </c>
      <c r="I15417" s="1" t="s">
        <v>53800</v>
      </c>
      <c r="J15417" s="1" t="s">
        <v>57967</v>
      </c>
    </row>
    <row r="15418" spans="1:10" x14ac:dyDescent="0.35">
      <c r="A15418" s="1" t="s">
        <v>51535</v>
      </c>
      <c r="B15418" s="1" t="s">
        <v>53796</v>
      </c>
      <c r="C15418" s="1" t="s">
        <v>35</v>
      </c>
      <c r="D15418" s="1" t="s">
        <v>57968</v>
      </c>
      <c r="E15418" s="1" t="s">
        <v>57969</v>
      </c>
      <c r="F15418" s="1" t="s">
        <v>57970</v>
      </c>
      <c r="G15418" s="1" t="s">
        <v>57954</v>
      </c>
      <c r="H15418" s="1" t="s">
        <v>57955</v>
      </c>
      <c r="I15418" s="1" t="s">
        <v>53800</v>
      </c>
      <c r="J15418" s="1" t="s">
        <v>57971</v>
      </c>
    </row>
    <row r="15419" spans="1:10" x14ac:dyDescent="0.35">
      <c r="A15419" s="1" t="s">
        <v>51535</v>
      </c>
      <c r="B15419" s="1" t="s">
        <v>53796</v>
      </c>
      <c r="C15419" s="1" t="s">
        <v>40</v>
      </c>
      <c r="D15419" s="1" t="s">
        <v>57972</v>
      </c>
      <c r="E15419" s="1" t="s">
        <v>23118</v>
      </c>
      <c r="F15419" s="1" t="s">
        <v>57973</v>
      </c>
      <c r="G15419" s="1" t="s">
        <v>57954</v>
      </c>
      <c r="H15419" s="1" t="s">
        <v>57955</v>
      </c>
      <c r="I15419" s="1" t="s">
        <v>53800</v>
      </c>
      <c r="J15419" s="1" t="s">
        <v>57974</v>
      </c>
    </row>
    <row r="15420" spans="1:10" x14ac:dyDescent="0.35">
      <c r="A15420" s="1" t="s">
        <v>51535</v>
      </c>
      <c r="B15420" s="1" t="s">
        <v>53796</v>
      </c>
      <c r="C15420" s="1" t="s">
        <v>45</v>
      </c>
      <c r="D15420" s="1" t="s">
        <v>57975</v>
      </c>
      <c r="E15420" s="1" t="s">
        <v>26478</v>
      </c>
      <c r="F15420" s="1" t="s">
        <v>57976</v>
      </c>
      <c r="G15420" s="1" t="s">
        <v>57954</v>
      </c>
      <c r="H15420" s="1" t="s">
        <v>57955</v>
      </c>
      <c r="I15420" s="1" t="s">
        <v>53800</v>
      </c>
      <c r="J15420" s="1" t="s">
        <v>57977</v>
      </c>
    </row>
    <row r="15421" spans="1:10" x14ac:dyDescent="0.35">
      <c r="A15421" s="1" t="s">
        <v>51535</v>
      </c>
      <c r="B15421" s="1" t="s">
        <v>53796</v>
      </c>
      <c r="C15421" s="1" t="s">
        <v>50</v>
      </c>
      <c r="D15421" s="1" t="s">
        <v>57978</v>
      </c>
      <c r="E15421" s="1" t="s">
        <v>12821</v>
      </c>
      <c r="F15421" s="1" t="s">
        <v>57979</v>
      </c>
      <c r="G15421" s="1" t="s">
        <v>57954</v>
      </c>
      <c r="H15421" s="1" t="s">
        <v>57955</v>
      </c>
      <c r="I15421" s="1" t="s">
        <v>53800</v>
      </c>
      <c r="J15421" s="1" t="s">
        <v>57980</v>
      </c>
    </row>
    <row r="15422" spans="1:10" x14ac:dyDescent="0.35">
      <c r="A15422" s="1" t="s">
        <v>51535</v>
      </c>
      <c r="B15422" s="1" t="s">
        <v>53796</v>
      </c>
      <c r="C15422" s="1" t="s">
        <v>55</v>
      </c>
      <c r="D15422" s="1" t="s">
        <v>57981</v>
      </c>
      <c r="E15422" s="1" t="s">
        <v>57982</v>
      </c>
      <c r="F15422" s="1" t="s">
        <v>57983</v>
      </c>
      <c r="G15422" s="1" t="s">
        <v>57954</v>
      </c>
      <c r="H15422" s="1" t="s">
        <v>57955</v>
      </c>
      <c r="I15422" s="1" t="s">
        <v>53800</v>
      </c>
      <c r="J15422" s="1" t="s">
        <v>57984</v>
      </c>
    </row>
    <row r="15423" spans="1:10" x14ac:dyDescent="0.35">
      <c r="A15423" s="1" t="s">
        <v>51535</v>
      </c>
      <c r="B15423" s="1" t="s">
        <v>53796</v>
      </c>
      <c r="C15423" s="1" t="s">
        <v>60</v>
      </c>
      <c r="D15423" s="1" t="s">
        <v>57985</v>
      </c>
      <c r="E15423" s="1" t="s">
        <v>32113</v>
      </c>
      <c r="F15423" s="1" t="s">
        <v>56836</v>
      </c>
      <c r="G15423" s="1" t="s">
        <v>57954</v>
      </c>
      <c r="H15423" s="1" t="s">
        <v>57955</v>
      </c>
      <c r="I15423" s="1" t="s">
        <v>53800</v>
      </c>
      <c r="J15423" s="1" t="s">
        <v>57986</v>
      </c>
    </row>
    <row r="15424" spans="1:10" x14ac:dyDescent="0.35">
      <c r="A15424" s="1" t="s">
        <v>51535</v>
      </c>
      <c r="B15424" s="1" t="s">
        <v>53796</v>
      </c>
      <c r="C15424" s="1" t="s">
        <v>65</v>
      </c>
      <c r="D15424" s="1" t="s">
        <v>57987</v>
      </c>
      <c r="E15424" s="1" t="s">
        <v>12809</v>
      </c>
      <c r="F15424" s="1" t="s">
        <v>57988</v>
      </c>
      <c r="G15424" s="1" t="s">
        <v>57954</v>
      </c>
      <c r="H15424" s="1" t="s">
        <v>57955</v>
      </c>
      <c r="I15424" s="1" t="s">
        <v>53800</v>
      </c>
      <c r="J15424" s="1" t="s">
        <v>57989</v>
      </c>
    </row>
    <row r="15425" spans="1:10" x14ac:dyDescent="0.35">
      <c r="A15425" s="1" t="s">
        <v>51535</v>
      </c>
      <c r="B15425" s="1" t="s">
        <v>53796</v>
      </c>
      <c r="C15425" s="1" t="s">
        <v>70</v>
      </c>
      <c r="D15425" s="1" t="s">
        <v>57990</v>
      </c>
      <c r="E15425" s="1" t="s">
        <v>22259</v>
      </c>
      <c r="F15425" s="1" t="s">
        <v>57991</v>
      </c>
      <c r="G15425" s="1" t="s">
        <v>57954</v>
      </c>
      <c r="H15425" s="1" t="s">
        <v>57955</v>
      </c>
      <c r="I15425" s="1" t="s">
        <v>53800</v>
      </c>
      <c r="J15425" s="1" t="s">
        <v>57992</v>
      </c>
    </row>
    <row r="15426" spans="1:10" x14ac:dyDescent="0.35">
      <c r="A15426" s="1" t="s">
        <v>51535</v>
      </c>
      <c r="B15426" s="1" t="s">
        <v>53796</v>
      </c>
      <c r="C15426" s="1" t="s">
        <v>75</v>
      </c>
      <c r="D15426" s="1" t="s">
        <v>57993</v>
      </c>
      <c r="E15426" s="1" t="s">
        <v>26478</v>
      </c>
      <c r="F15426" s="1" t="s">
        <v>57994</v>
      </c>
      <c r="G15426" s="1" t="s">
        <v>57954</v>
      </c>
      <c r="H15426" s="1" t="s">
        <v>57955</v>
      </c>
      <c r="I15426" s="1" t="s">
        <v>53800</v>
      </c>
      <c r="J15426" s="1" t="s">
        <v>57995</v>
      </c>
    </row>
    <row r="15427" spans="1:10" x14ac:dyDescent="0.35">
      <c r="A15427" s="1" t="s">
        <v>51535</v>
      </c>
      <c r="B15427" s="1" t="s">
        <v>53796</v>
      </c>
      <c r="C15427" s="1" t="s">
        <v>80</v>
      </c>
      <c r="D15427" s="1" t="s">
        <v>21520</v>
      </c>
      <c r="E15427" s="1" t="s">
        <v>56097</v>
      </c>
      <c r="F15427" s="1" t="s">
        <v>57996</v>
      </c>
      <c r="G15427" s="1" t="s">
        <v>57954</v>
      </c>
      <c r="H15427" s="1" t="s">
        <v>57955</v>
      </c>
      <c r="I15427" s="1" t="s">
        <v>53800</v>
      </c>
      <c r="J15427" s="1" t="s">
        <v>57997</v>
      </c>
    </row>
    <row r="15428" spans="1:10" x14ac:dyDescent="0.35">
      <c r="A15428" s="1" t="s">
        <v>51535</v>
      </c>
      <c r="B15428" s="1" t="s">
        <v>53796</v>
      </c>
      <c r="C15428" s="1" t="s">
        <v>85</v>
      </c>
      <c r="D15428" s="1" t="s">
        <v>57998</v>
      </c>
      <c r="E15428" s="1" t="s">
        <v>23176</v>
      </c>
      <c r="F15428" s="1" t="s">
        <v>57999</v>
      </c>
      <c r="G15428" s="1" t="s">
        <v>57954</v>
      </c>
      <c r="H15428" s="1" t="s">
        <v>57955</v>
      </c>
      <c r="I15428" s="1" t="s">
        <v>53800</v>
      </c>
      <c r="J15428" s="1" t="s">
        <v>58000</v>
      </c>
    </row>
    <row r="15429" spans="1:10" x14ac:dyDescent="0.35">
      <c r="A15429" s="1" t="s">
        <v>51535</v>
      </c>
      <c r="B15429" s="1" t="s">
        <v>53796</v>
      </c>
      <c r="C15429" s="1" t="s">
        <v>90</v>
      </c>
      <c r="D15429" s="1" t="s">
        <v>58001</v>
      </c>
      <c r="E15429" s="1" t="s">
        <v>15384</v>
      </c>
      <c r="F15429" s="1" t="s">
        <v>58002</v>
      </c>
      <c r="G15429" s="1" t="s">
        <v>57954</v>
      </c>
      <c r="H15429" s="1" t="s">
        <v>57955</v>
      </c>
      <c r="I15429" s="1" t="s">
        <v>53800</v>
      </c>
      <c r="J15429" s="1" t="s">
        <v>58003</v>
      </c>
    </row>
    <row r="15430" spans="1:10" x14ac:dyDescent="0.35">
      <c r="A15430" s="1" t="s">
        <v>51535</v>
      </c>
      <c r="B15430" s="1" t="s">
        <v>53796</v>
      </c>
      <c r="C15430" s="1" t="s">
        <v>95</v>
      </c>
      <c r="D15430" s="1" t="s">
        <v>58004</v>
      </c>
      <c r="E15430" s="1" t="s">
        <v>16186</v>
      </c>
      <c r="F15430" s="1" t="s">
        <v>31801</v>
      </c>
      <c r="G15430" s="1" t="s">
        <v>57954</v>
      </c>
      <c r="H15430" s="1" t="s">
        <v>57955</v>
      </c>
      <c r="I15430" s="1" t="s">
        <v>53800</v>
      </c>
      <c r="J15430" s="1" t="s">
        <v>58005</v>
      </c>
    </row>
    <row r="15431" spans="1:10" x14ac:dyDescent="0.35">
      <c r="A15431" s="1" t="s">
        <v>51535</v>
      </c>
      <c r="B15431" s="1" t="s">
        <v>53796</v>
      </c>
      <c r="C15431" s="1" t="s">
        <v>100</v>
      </c>
      <c r="D15431" s="1" t="s">
        <v>58006</v>
      </c>
      <c r="E15431" s="1" t="s">
        <v>54747</v>
      </c>
      <c r="F15431" s="1" t="s">
        <v>58007</v>
      </c>
      <c r="G15431" s="1" t="s">
        <v>57954</v>
      </c>
      <c r="H15431" s="1" t="s">
        <v>57955</v>
      </c>
      <c r="I15431" s="1" t="s">
        <v>53800</v>
      </c>
      <c r="J15431" s="1" t="s">
        <v>58008</v>
      </c>
    </row>
    <row r="15432" spans="1:10" x14ac:dyDescent="0.35">
      <c r="A15432" s="1" t="s">
        <v>51535</v>
      </c>
      <c r="B15432" s="1" t="s">
        <v>53796</v>
      </c>
      <c r="C15432" s="1" t="s">
        <v>105</v>
      </c>
      <c r="D15432" s="1" t="s">
        <v>58009</v>
      </c>
      <c r="E15432" s="1" t="s">
        <v>58010</v>
      </c>
      <c r="F15432" s="1" t="s">
        <v>57582</v>
      </c>
      <c r="G15432" s="1" t="s">
        <v>57954</v>
      </c>
      <c r="H15432" s="1" t="s">
        <v>57955</v>
      </c>
      <c r="I15432" s="1" t="s">
        <v>53800</v>
      </c>
      <c r="J15432" s="1" t="s">
        <v>58011</v>
      </c>
    </row>
    <row r="15433" spans="1:10" x14ac:dyDescent="0.35">
      <c r="A15433" s="1" t="s">
        <v>51535</v>
      </c>
      <c r="B15433" s="1" t="s">
        <v>53796</v>
      </c>
      <c r="C15433" s="1" t="s">
        <v>110</v>
      </c>
      <c r="D15433" s="1" t="s">
        <v>58012</v>
      </c>
      <c r="E15433" s="1" t="s">
        <v>53969</v>
      </c>
      <c r="F15433" s="1" t="s">
        <v>58013</v>
      </c>
      <c r="G15433" s="1" t="s">
        <v>57954</v>
      </c>
      <c r="H15433" s="1" t="s">
        <v>57955</v>
      </c>
      <c r="I15433" s="1" t="s">
        <v>53800</v>
      </c>
      <c r="J15433" s="1" t="s">
        <v>58014</v>
      </c>
    </row>
    <row r="15434" spans="1:10" x14ac:dyDescent="0.35">
      <c r="A15434" s="1" t="s">
        <v>51535</v>
      </c>
      <c r="B15434" s="1" t="s">
        <v>53796</v>
      </c>
      <c r="C15434" s="1" t="s">
        <v>115</v>
      </c>
      <c r="D15434" s="1" t="s">
        <v>58015</v>
      </c>
      <c r="E15434" s="1" t="s">
        <v>56560</v>
      </c>
      <c r="F15434" s="1" t="s">
        <v>58016</v>
      </c>
      <c r="G15434" s="1" t="s">
        <v>57954</v>
      </c>
      <c r="H15434" s="1" t="s">
        <v>57955</v>
      </c>
      <c r="I15434" s="1" t="s">
        <v>53800</v>
      </c>
      <c r="J15434" s="1" t="s">
        <v>58017</v>
      </c>
    </row>
    <row r="15435" spans="1:10" x14ac:dyDescent="0.35">
      <c r="A15435" s="1" t="s">
        <v>51535</v>
      </c>
      <c r="B15435" s="1" t="s">
        <v>53796</v>
      </c>
      <c r="C15435" s="1" t="s">
        <v>120</v>
      </c>
      <c r="D15435" s="1" t="s">
        <v>58018</v>
      </c>
      <c r="E15435" s="1" t="s">
        <v>58019</v>
      </c>
      <c r="F15435" s="1" t="s">
        <v>58020</v>
      </c>
      <c r="G15435" s="1" t="s">
        <v>57954</v>
      </c>
      <c r="H15435" s="1" t="s">
        <v>57955</v>
      </c>
      <c r="I15435" s="1" t="s">
        <v>53800</v>
      </c>
      <c r="J15435" s="1" t="s">
        <v>58021</v>
      </c>
    </row>
    <row r="15436" spans="1:10" x14ac:dyDescent="0.35">
      <c r="A15436" s="1" t="s">
        <v>51535</v>
      </c>
      <c r="B15436" s="1" t="s">
        <v>53796</v>
      </c>
      <c r="C15436" s="1" t="s">
        <v>125</v>
      </c>
      <c r="D15436" s="1" t="s">
        <v>58022</v>
      </c>
      <c r="E15436" s="1" t="s">
        <v>12778</v>
      </c>
      <c r="F15436" s="1" t="s">
        <v>58023</v>
      </c>
      <c r="G15436" s="1" t="s">
        <v>57954</v>
      </c>
      <c r="H15436" s="1" t="s">
        <v>57955</v>
      </c>
      <c r="I15436" s="1" t="s">
        <v>53800</v>
      </c>
      <c r="J15436" s="1" t="s">
        <v>58024</v>
      </c>
    </row>
    <row r="15437" spans="1:10" x14ac:dyDescent="0.35">
      <c r="A15437" s="1" t="s">
        <v>51535</v>
      </c>
      <c r="B15437" s="1" t="s">
        <v>53796</v>
      </c>
      <c r="C15437" s="1" t="s">
        <v>130</v>
      </c>
      <c r="D15437" s="1" t="s">
        <v>58025</v>
      </c>
      <c r="E15437" s="1" t="s">
        <v>27104</v>
      </c>
      <c r="F15437" s="1" t="s">
        <v>58026</v>
      </c>
      <c r="G15437" s="1" t="s">
        <v>57954</v>
      </c>
      <c r="H15437" s="1" t="s">
        <v>57955</v>
      </c>
      <c r="I15437" s="1" t="s">
        <v>53800</v>
      </c>
      <c r="J15437" s="1" t="s">
        <v>58027</v>
      </c>
    </row>
    <row r="15438" spans="1:10" x14ac:dyDescent="0.35">
      <c r="A15438" s="1" t="s">
        <v>51535</v>
      </c>
      <c r="B15438" s="1" t="s">
        <v>53796</v>
      </c>
      <c r="C15438" s="1" t="s">
        <v>135</v>
      </c>
      <c r="D15438" s="1" t="s">
        <v>58028</v>
      </c>
      <c r="E15438" s="1" t="s">
        <v>26586</v>
      </c>
      <c r="F15438" s="1" t="s">
        <v>58029</v>
      </c>
      <c r="G15438" s="1" t="s">
        <v>57954</v>
      </c>
      <c r="H15438" s="1" t="s">
        <v>57955</v>
      </c>
      <c r="I15438" s="1" t="s">
        <v>53800</v>
      </c>
      <c r="J15438" s="1" t="s">
        <v>58030</v>
      </c>
    </row>
    <row r="15439" spans="1:10" x14ac:dyDescent="0.35">
      <c r="A15439" s="1" t="s">
        <v>51535</v>
      </c>
      <c r="B15439" s="1" t="s">
        <v>53796</v>
      </c>
      <c r="C15439" s="1" t="s">
        <v>140</v>
      </c>
      <c r="D15439" s="1" t="s">
        <v>58031</v>
      </c>
      <c r="E15439" s="1" t="s">
        <v>15274</v>
      </c>
      <c r="F15439" s="1" t="s">
        <v>58032</v>
      </c>
      <c r="G15439" s="1" t="s">
        <v>57954</v>
      </c>
      <c r="H15439" s="1" t="s">
        <v>57955</v>
      </c>
      <c r="I15439" s="1" t="s">
        <v>53800</v>
      </c>
      <c r="J15439" s="1" t="s">
        <v>58033</v>
      </c>
    </row>
    <row r="15440" spans="1:10" x14ac:dyDescent="0.35">
      <c r="A15440" s="1" t="s">
        <v>51535</v>
      </c>
      <c r="B15440" s="1" t="s">
        <v>53796</v>
      </c>
      <c r="C15440" s="1" t="s">
        <v>145</v>
      </c>
      <c r="D15440" s="1" t="s">
        <v>58034</v>
      </c>
      <c r="E15440" s="1" t="s">
        <v>15927</v>
      </c>
      <c r="F15440" s="1" t="s">
        <v>53894</v>
      </c>
      <c r="G15440" s="1" t="s">
        <v>57954</v>
      </c>
      <c r="H15440" s="1" t="s">
        <v>57955</v>
      </c>
      <c r="I15440" s="1" t="s">
        <v>53800</v>
      </c>
      <c r="J15440" s="1" t="s">
        <v>58035</v>
      </c>
    </row>
    <row r="15441" spans="1:10" x14ac:dyDescent="0.35">
      <c r="A15441" s="1" t="s">
        <v>51535</v>
      </c>
      <c r="B15441" s="1" t="s">
        <v>53796</v>
      </c>
      <c r="C15441" s="1" t="s">
        <v>150</v>
      </c>
      <c r="D15441" s="1" t="s">
        <v>58036</v>
      </c>
      <c r="E15441" s="1" t="s">
        <v>15365</v>
      </c>
      <c r="F15441" s="1" t="s">
        <v>58037</v>
      </c>
      <c r="G15441" s="1" t="s">
        <v>57954</v>
      </c>
      <c r="H15441" s="1" t="s">
        <v>57955</v>
      </c>
      <c r="I15441" s="1" t="s">
        <v>53800</v>
      </c>
      <c r="J15441" s="1" t="s">
        <v>58038</v>
      </c>
    </row>
    <row r="15442" spans="1:10" x14ac:dyDescent="0.35">
      <c r="A15442" s="1" t="s">
        <v>51535</v>
      </c>
      <c r="B15442" s="1" t="s">
        <v>53796</v>
      </c>
      <c r="C15442" s="1" t="s">
        <v>155</v>
      </c>
      <c r="D15442" s="1" t="s">
        <v>58039</v>
      </c>
      <c r="E15442" s="1" t="s">
        <v>15407</v>
      </c>
      <c r="F15442" s="1" t="s">
        <v>58040</v>
      </c>
      <c r="G15442" s="1" t="s">
        <v>57954</v>
      </c>
      <c r="H15442" s="1" t="s">
        <v>57955</v>
      </c>
      <c r="I15442" s="1" t="s">
        <v>53800</v>
      </c>
      <c r="J15442" s="1" t="s">
        <v>58041</v>
      </c>
    </row>
    <row r="15443" spans="1:10" x14ac:dyDescent="0.35">
      <c r="A15443" s="1" t="s">
        <v>51535</v>
      </c>
      <c r="B15443" s="1" t="s">
        <v>53796</v>
      </c>
      <c r="C15443" s="1" t="s">
        <v>160</v>
      </c>
      <c r="D15443" s="1" t="s">
        <v>58042</v>
      </c>
      <c r="E15443" s="1" t="s">
        <v>58043</v>
      </c>
      <c r="F15443" s="1" t="s">
        <v>58044</v>
      </c>
      <c r="G15443" s="1" t="s">
        <v>57954</v>
      </c>
      <c r="H15443" s="1" t="s">
        <v>57955</v>
      </c>
      <c r="I15443" s="1" t="s">
        <v>53800</v>
      </c>
      <c r="J15443" s="1" t="s">
        <v>58045</v>
      </c>
    </row>
    <row r="15444" spans="1:10" x14ac:dyDescent="0.35">
      <c r="A15444" s="1" t="s">
        <v>51535</v>
      </c>
      <c r="B15444" s="1" t="s">
        <v>53796</v>
      </c>
      <c r="C15444" s="1" t="s">
        <v>165</v>
      </c>
      <c r="D15444" s="1" t="s">
        <v>58046</v>
      </c>
      <c r="E15444" s="1" t="s">
        <v>32359</v>
      </c>
      <c r="F15444" s="1" t="s">
        <v>23522</v>
      </c>
      <c r="G15444" s="1" t="s">
        <v>57954</v>
      </c>
      <c r="H15444" s="1" t="s">
        <v>57955</v>
      </c>
      <c r="I15444" s="1" t="s">
        <v>53800</v>
      </c>
      <c r="J15444" s="1" t="s">
        <v>58047</v>
      </c>
    </row>
    <row r="15445" spans="1:10" x14ac:dyDescent="0.35">
      <c r="A15445" s="1" t="s">
        <v>51535</v>
      </c>
      <c r="B15445" s="1" t="s">
        <v>53796</v>
      </c>
      <c r="C15445" s="1" t="s">
        <v>170</v>
      </c>
      <c r="D15445" s="1" t="s">
        <v>58048</v>
      </c>
      <c r="E15445" s="1" t="s">
        <v>58049</v>
      </c>
      <c r="F15445" s="1" t="s">
        <v>58050</v>
      </c>
      <c r="G15445" s="1" t="s">
        <v>57954</v>
      </c>
      <c r="H15445" s="1" t="s">
        <v>57955</v>
      </c>
      <c r="I15445" s="1" t="s">
        <v>53800</v>
      </c>
      <c r="J15445" s="1" t="s">
        <v>58051</v>
      </c>
    </row>
    <row r="15446" spans="1:10" x14ac:dyDescent="0.35">
      <c r="A15446" s="1" t="s">
        <v>50922</v>
      </c>
      <c r="B15446" s="1" t="s">
        <v>53796</v>
      </c>
      <c r="C15446" s="1" t="s">
        <v>8</v>
      </c>
      <c r="D15446" s="1" t="s">
        <v>58052</v>
      </c>
      <c r="E15446" s="1" t="s">
        <v>57609</v>
      </c>
      <c r="F15446" s="1" t="s">
        <v>58053</v>
      </c>
      <c r="G15446" s="1" t="s">
        <v>58054</v>
      </c>
      <c r="H15446" s="1" t="s">
        <v>58055</v>
      </c>
      <c r="I15446" s="1" t="s">
        <v>53800</v>
      </c>
      <c r="J15446" s="1" t="s">
        <v>13</v>
      </c>
    </row>
    <row r="15447" spans="1:10" x14ac:dyDescent="0.35">
      <c r="A15447" s="1" t="s">
        <v>50922</v>
      </c>
      <c r="B15447" s="1" t="s">
        <v>53796</v>
      </c>
      <c r="C15447" s="1" t="s">
        <v>15</v>
      </c>
      <c r="D15447" s="1" t="s">
        <v>58056</v>
      </c>
      <c r="E15447" s="1" t="s">
        <v>56104</v>
      </c>
      <c r="F15447" s="1" t="s">
        <v>58057</v>
      </c>
      <c r="G15447" s="1" t="s">
        <v>58054</v>
      </c>
      <c r="H15447" s="1" t="s">
        <v>58055</v>
      </c>
      <c r="I15447" s="1" t="s">
        <v>53800</v>
      </c>
      <c r="J15447" s="1" t="s">
        <v>58058</v>
      </c>
    </row>
    <row r="15448" spans="1:10" x14ac:dyDescent="0.35">
      <c r="A15448" s="1" t="s">
        <v>50922</v>
      </c>
      <c r="B15448" s="1" t="s">
        <v>53796</v>
      </c>
      <c r="C15448" s="1" t="s">
        <v>20</v>
      </c>
      <c r="D15448" s="1" t="s">
        <v>58059</v>
      </c>
      <c r="E15448" s="1" t="s">
        <v>22274</v>
      </c>
      <c r="F15448" s="1" t="s">
        <v>58060</v>
      </c>
      <c r="G15448" s="1" t="s">
        <v>58054</v>
      </c>
      <c r="H15448" s="1" t="s">
        <v>58055</v>
      </c>
      <c r="I15448" s="1" t="s">
        <v>53800</v>
      </c>
      <c r="J15448" s="1" t="s">
        <v>58061</v>
      </c>
    </row>
    <row r="15449" spans="1:10" x14ac:dyDescent="0.35">
      <c r="A15449" s="1" t="s">
        <v>50922</v>
      </c>
      <c r="B15449" s="1" t="s">
        <v>53796</v>
      </c>
      <c r="C15449" s="1" t="s">
        <v>25</v>
      </c>
      <c r="D15449" s="1" t="s">
        <v>58062</v>
      </c>
      <c r="E15449" s="1" t="s">
        <v>58063</v>
      </c>
      <c r="F15449" s="1" t="s">
        <v>58064</v>
      </c>
      <c r="G15449" s="1" t="s">
        <v>58054</v>
      </c>
      <c r="H15449" s="1" t="s">
        <v>58055</v>
      </c>
      <c r="I15449" s="1" t="s">
        <v>53800</v>
      </c>
      <c r="J15449" s="1" t="s">
        <v>58065</v>
      </c>
    </row>
    <row r="15450" spans="1:10" x14ac:dyDescent="0.35">
      <c r="A15450" s="1" t="s">
        <v>50922</v>
      </c>
      <c r="B15450" s="1" t="s">
        <v>53796</v>
      </c>
      <c r="C15450" s="1" t="s">
        <v>30</v>
      </c>
      <c r="D15450" s="1" t="s">
        <v>58066</v>
      </c>
      <c r="E15450" s="1" t="s">
        <v>31757</v>
      </c>
      <c r="F15450" s="1" t="s">
        <v>58067</v>
      </c>
      <c r="G15450" s="1" t="s">
        <v>58054</v>
      </c>
      <c r="H15450" s="1" t="s">
        <v>58055</v>
      </c>
      <c r="I15450" s="1" t="s">
        <v>53800</v>
      </c>
      <c r="J15450" s="1" t="s">
        <v>58068</v>
      </c>
    </row>
    <row r="15451" spans="1:10" x14ac:dyDescent="0.35">
      <c r="A15451" s="1" t="s">
        <v>50922</v>
      </c>
      <c r="B15451" s="1" t="s">
        <v>53796</v>
      </c>
      <c r="C15451" s="1" t="s">
        <v>35</v>
      </c>
      <c r="D15451" s="1" t="s">
        <v>58069</v>
      </c>
      <c r="E15451" s="1" t="s">
        <v>21974</v>
      </c>
      <c r="F15451" s="1" t="s">
        <v>31934</v>
      </c>
      <c r="G15451" s="1" t="s">
        <v>58054</v>
      </c>
      <c r="H15451" s="1" t="s">
        <v>58055</v>
      </c>
      <c r="I15451" s="1" t="s">
        <v>53800</v>
      </c>
      <c r="J15451" s="1" t="s">
        <v>58070</v>
      </c>
    </row>
    <row r="15452" spans="1:10" x14ac:dyDescent="0.35">
      <c r="A15452" s="1" t="s">
        <v>50922</v>
      </c>
      <c r="B15452" s="1" t="s">
        <v>53796</v>
      </c>
      <c r="C15452" s="1" t="s">
        <v>40</v>
      </c>
      <c r="D15452" s="1" t="s">
        <v>58071</v>
      </c>
      <c r="E15452" s="1" t="s">
        <v>41273</v>
      </c>
      <c r="F15452" s="1" t="s">
        <v>58072</v>
      </c>
      <c r="G15452" s="1" t="s">
        <v>58054</v>
      </c>
      <c r="H15452" s="1" t="s">
        <v>58055</v>
      </c>
      <c r="I15452" s="1" t="s">
        <v>53800</v>
      </c>
      <c r="J15452" s="1" t="s">
        <v>58073</v>
      </c>
    </row>
    <row r="15453" spans="1:10" x14ac:dyDescent="0.35">
      <c r="A15453" s="1" t="s">
        <v>50922</v>
      </c>
      <c r="B15453" s="1" t="s">
        <v>53796</v>
      </c>
      <c r="C15453" s="1" t="s">
        <v>45</v>
      </c>
      <c r="D15453" s="1" t="s">
        <v>58074</v>
      </c>
      <c r="E15453" s="1" t="s">
        <v>15384</v>
      </c>
      <c r="F15453" s="1" t="s">
        <v>58075</v>
      </c>
      <c r="G15453" s="1" t="s">
        <v>58054</v>
      </c>
      <c r="H15453" s="1" t="s">
        <v>58055</v>
      </c>
      <c r="I15453" s="1" t="s">
        <v>53800</v>
      </c>
      <c r="J15453" s="1" t="s">
        <v>58076</v>
      </c>
    </row>
    <row r="15454" spans="1:10" x14ac:dyDescent="0.35">
      <c r="A15454" s="1" t="s">
        <v>50922</v>
      </c>
      <c r="B15454" s="1" t="s">
        <v>53796</v>
      </c>
      <c r="C15454" s="1" t="s">
        <v>50</v>
      </c>
      <c r="D15454" s="1" t="s">
        <v>58077</v>
      </c>
      <c r="E15454" s="1" t="s">
        <v>54207</v>
      </c>
      <c r="F15454" s="1" t="s">
        <v>58078</v>
      </c>
      <c r="G15454" s="1" t="s">
        <v>58054</v>
      </c>
      <c r="H15454" s="1" t="s">
        <v>58055</v>
      </c>
      <c r="I15454" s="1" t="s">
        <v>53800</v>
      </c>
      <c r="J15454" s="1" t="s">
        <v>58079</v>
      </c>
    </row>
    <row r="15455" spans="1:10" x14ac:dyDescent="0.35">
      <c r="A15455" s="1" t="s">
        <v>50922</v>
      </c>
      <c r="B15455" s="1" t="s">
        <v>53796</v>
      </c>
      <c r="C15455" s="1" t="s">
        <v>55</v>
      </c>
      <c r="D15455" s="1" t="s">
        <v>58080</v>
      </c>
      <c r="E15455" s="1" t="s">
        <v>26430</v>
      </c>
      <c r="F15455" s="1" t="s">
        <v>56370</v>
      </c>
      <c r="G15455" s="1" t="s">
        <v>58054</v>
      </c>
      <c r="H15455" s="1" t="s">
        <v>58055</v>
      </c>
      <c r="I15455" s="1" t="s">
        <v>53800</v>
      </c>
      <c r="J15455" s="1" t="s">
        <v>58081</v>
      </c>
    </row>
    <row r="15456" spans="1:10" x14ac:dyDescent="0.35">
      <c r="A15456" s="1" t="s">
        <v>50922</v>
      </c>
      <c r="B15456" s="1" t="s">
        <v>53796</v>
      </c>
      <c r="C15456" s="1" t="s">
        <v>60</v>
      </c>
      <c r="D15456" s="1" t="s">
        <v>58082</v>
      </c>
      <c r="E15456" s="1" t="s">
        <v>26446</v>
      </c>
      <c r="F15456" s="1" t="s">
        <v>21308</v>
      </c>
      <c r="G15456" s="1" t="s">
        <v>58054</v>
      </c>
      <c r="H15456" s="1" t="s">
        <v>58055</v>
      </c>
      <c r="I15456" s="1" t="s">
        <v>53800</v>
      </c>
      <c r="J15456" s="1" t="s">
        <v>58083</v>
      </c>
    </row>
    <row r="15457" spans="1:10" x14ac:dyDescent="0.35">
      <c r="A15457" s="1" t="s">
        <v>50922</v>
      </c>
      <c r="B15457" s="1" t="s">
        <v>53796</v>
      </c>
      <c r="C15457" s="1" t="s">
        <v>65</v>
      </c>
      <c r="D15457" s="1" t="s">
        <v>58084</v>
      </c>
      <c r="E15457" s="1" t="s">
        <v>58085</v>
      </c>
      <c r="F15457" s="1" t="s">
        <v>58086</v>
      </c>
      <c r="G15457" s="1" t="s">
        <v>58054</v>
      </c>
      <c r="H15457" s="1" t="s">
        <v>58055</v>
      </c>
      <c r="I15457" s="1" t="s">
        <v>53800</v>
      </c>
      <c r="J15457" s="1" t="s">
        <v>58087</v>
      </c>
    </row>
    <row r="15458" spans="1:10" x14ac:dyDescent="0.35">
      <c r="A15458" s="1" t="s">
        <v>50922</v>
      </c>
      <c r="B15458" s="1" t="s">
        <v>53796</v>
      </c>
      <c r="C15458" s="1" t="s">
        <v>70</v>
      </c>
      <c r="D15458" s="1" t="s">
        <v>58088</v>
      </c>
      <c r="E15458" s="1" t="s">
        <v>58089</v>
      </c>
      <c r="F15458" s="1" t="s">
        <v>58090</v>
      </c>
      <c r="G15458" s="1" t="s">
        <v>58054</v>
      </c>
      <c r="H15458" s="1" t="s">
        <v>58055</v>
      </c>
      <c r="I15458" s="1" t="s">
        <v>53800</v>
      </c>
      <c r="J15458" s="1" t="s">
        <v>58091</v>
      </c>
    </row>
    <row r="15459" spans="1:10" x14ac:dyDescent="0.35">
      <c r="A15459" s="1" t="s">
        <v>50922</v>
      </c>
      <c r="B15459" s="1" t="s">
        <v>53796</v>
      </c>
      <c r="C15459" s="1" t="s">
        <v>75</v>
      </c>
      <c r="D15459" s="1" t="s">
        <v>58092</v>
      </c>
      <c r="E15459" s="1" t="s">
        <v>55373</v>
      </c>
      <c r="F15459" s="1" t="s">
        <v>58093</v>
      </c>
      <c r="G15459" s="1" t="s">
        <v>58054</v>
      </c>
      <c r="H15459" s="1" t="s">
        <v>58055</v>
      </c>
      <c r="I15459" s="1" t="s">
        <v>53800</v>
      </c>
      <c r="J15459" s="1" t="s">
        <v>58094</v>
      </c>
    </row>
    <row r="15460" spans="1:10" x14ac:dyDescent="0.35">
      <c r="A15460" s="1" t="s">
        <v>50922</v>
      </c>
      <c r="B15460" s="1" t="s">
        <v>53796</v>
      </c>
      <c r="C15460" s="1" t="s">
        <v>80</v>
      </c>
      <c r="D15460" s="1" t="s">
        <v>58095</v>
      </c>
      <c r="E15460" s="1" t="s">
        <v>26239</v>
      </c>
      <c r="F15460" s="1" t="s">
        <v>58096</v>
      </c>
      <c r="G15460" s="1" t="s">
        <v>58054</v>
      </c>
      <c r="H15460" s="1" t="s">
        <v>58055</v>
      </c>
      <c r="I15460" s="1" t="s">
        <v>53800</v>
      </c>
      <c r="J15460" s="1" t="s">
        <v>58097</v>
      </c>
    </row>
    <row r="15461" spans="1:10" x14ac:dyDescent="0.35">
      <c r="A15461" s="1" t="s">
        <v>50922</v>
      </c>
      <c r="B15461" s="1" t="s">
        <v>53796</v>
      </c>
      <c r="C15461" s="1" t="s">
        <v>85</v>
      </c>
      <c r="D15461" s="1" t="s">
        <v>58098</v>
      </c>
      <c r="E15461" s="1" t="s">
        <v>32384</v>
      </c>
      <c r="F15461" s="1" t="s">
        <v>58099</v>
      </c>
      <c r="G15461" s="1" t="s">
        <v>58054</v>
      </c>
      <c r="H15461" s="1" t="s">
        <v>58055</v>
      </c>
      <c r="I15461" s="1" t="s">
        <v>53800</v>
      </c>
      <c r="J15461" s="1" t="s">
        <v>58100</v>
      </c>
    </row>
    <row r="15462" spans="1:10" x14ac:dyDescent="0.35">
      <c r="A15462" s="1" t="s">
        <v>50922</v>
      </c>
      <c r="B15462" s="1" t="s">
        <v>53796</v>
      </c>
      <c r="C15462" s="1" t="s">
        <v>90</v>
      </c>
      <c r="D15462" s="1" t="s">
        <v>20630</v>
      </c>
      <c r="E15462" s="1" t="s">
        <v>32147</v>
      </c>
      <c r="F15462" s="1" t="s">
        <v>58101</v>
      </c>
      <c r="G15462" s="1" t="s">
        <v>58054</v>
      </c>
      <c r="H15462" s="1" t="s">
        <v>58055</v>
      </c>
      <c r="I15462" s="1" t="s">
        <v>53800</v>
      </c>
      <c r="J15462" s="1" t="s">
        <v>58102</v>
      </c>
    </row>
    <row r="15463" spans="1:10" x14ac:dyDescent="0.35">
      <c r="A15463" s="1" t="s">
        <v>50922</v>
      </c>
      <c r="B15463" s="1" t="s">
        <v>53796</v>
      </c>
      <c r="C15463" s="1" t="s">
        <v>95</v>
      </c>
      <c r="D15463" s="1" t="s">
        <v>23542</v>
      </c>
      <c r="E15463" s="1" t="s">
        <v>23262</v>
      </c>
      <c r="F15463" s="1" t="s">
        <v>58103</v>
      </c>
      <c r="G15463" s="1" t="s">
        <v>58054</v>
      </c>
      <c r="H15463" s="1" t="s">
        <v>58055</v>
      </c>
      <c r="I15463" s="1" t="s">
        <v>53800</v>
      </c>
      <c r="J15463" s="1" t="s">
        <v>58104</v>
      </c>
    </row>
    <row r="15464" spans="1:10" x14ac:dyDescent="0.35">
      <c r="A15464" s="1" t="s">
        <v>50922</v>
      </c>
      <c r="B15464" s="1" t="s">
        <v>53796</v>
      </c>
      <c r="C15464" s="1" t="s">
        <v>100</v>
      </c>
      <c r="D15464" s="1" t="s">
        <v>24358</v>
      </c>
      <c r="E15464" s="1" t="s">
        <v>26614</v>
      </c>
      <c r="F15464" s="1" t="s">
        <v>58105</v>
      </c>
      <c r="G15464" s="1" t="s">
        <v>58054</v>
      </c>
      <c r="H15464" s="1" t="s">
        <v>58055</v>
      </c>
      <c r="I15464" s="1" t="s">
        <v>53800</v>
      </c>
      <c r="J15464" s="1" t="s">
        <v>58106</v>
      </c>
    </row>
    <row r="15465" spans="1:10" x14ac:dyDescent="0.35">
      <c r="A15465" s="1" t="s">
        <v>50922</v>
      </c>
      <c r="B15465" s="1" t="s">
        <v>53796</v>
      </c>
      <c r="C15465" s="1" t="s">
        <v>105</v>
      </c>
      <c r="D15465" s="1" t="s">
        <v>58107</v>
      </c>
      <c r="E15465" s="1" t="s">
        <v>58108</v>
      </c>
      <c r="F15465" s="1" t="s">
        <v>15615</v>
      </c>
      <c r="G15465" s="1" t="s">
        <v>58054</v>
      </c>
      <c r="H15465" s="1" t="s">
        <v>58055</v>
      </c>
      <c r="I15465" s="1" t="s">
        <v>53800</v>
      </c>
      <c r="J15465" s="1" t="s">
        <v>58109</v>
      </c>
    </row>
    <row r="15466" spans="1:10" x14ac:dyDescent="0.35">
      <c r="A15466" s="1" t="s">
        <v>50922</v>
      </c>
      <c r="B15466" s="1" t="s">
        <v>53796</v>
      </c>
      <c r="C15466" s="1" t="s">
        <v>110</v>
      </c>
      <c r="D15466" s="1" t="s">
        <v>58110</v>
      </c>
      <c r="E15466" s="1" t="s">
        <v>54747</v>
      </c>
      <c r="F15466" s="1" t="s">
        <v>58111</v>
      </c>
      <c r="G15466" s="1" t="s">
        <v>58054</v>
      </c>
      <c r="H15466" s="1" t="s">
        <v>58055</v>
      </c>
      <c r="I15466" s="1" t="s">
        <v>53800</v>
      </c>
      <c r="J15466" s="1" t="s">
        <v>58112</v>
      </c>
    </row>
    <row r="15467" spans="1:10" x14ac:dyDescent="0.35">
      <c r="A15467" s="1" t="s">
        <v>50922</v>
      </c>
      <c r="B15467" s="1" t="s">
        <v>53796</v>
      </c>
      <c r="C15467" s="1" t="s">
        <v>115</v>
      </c>
      <c r="D15467" s="1" t="s">
        <v>58113</v>
      </c>
      <c r="E15467" s="1" t="s">
        <v>58114</v>
      </c>
      <c r="F15467" s="1" t="s">
        <v>58115</v>
      </c>
      <c r="G15467" s="1" t="s">
        <v>58054</v>
      </c>
      <c r="H15467" s="1" t="s">
        <v>58055</v>
      </c>
      <c r="I15467" s="1" t="s">
        <v>53800</v>
      </c>
      <c r="J15467" s="1" t="s">
        <v>58116</v>
      </c>
    </row>
    <row r="15468" spans="1:10" x14ac:dyDescent="0.35">
      <c r="A15468" s="1" t="s">
        <v>50922</v>
      </c>
      <c r="B15468" s="1" t="s">
        <v>53796</v>
      </c>
      <c r="C15468" s="1" t="s">
        <v>120</v>
      </c>
      <c r="D15468" s="1" t="s">
        <v>58117</v>
      </c>
      <c r="E15468" s="1" t="s">
        <v>15214</v>
      </c>
      <c r="F15468" s="1" t="s">
        <v>58118</v>
      </c>
      <c r="G15468" s="1" t="s">
        <v>58054</v>
      </c>
      <c r="H15468" s="1" t="s">
        <v>58055</v>
      </c>
      <c r="I15468" s="1" t="s">
        <v>53800</v>
      </c>
      <c r="J15468" s="1" t="s">
        <v>58119</v>
      </c>
    </row>
    <row r="15469" spans="1:10" x14ac:dyDescent="0.35">
      <c r="A15469" s="1" t="s">
        <v>50922</v>
      </c>
      <c r="B15469" s="1" t="s">
        <v>53796</v>
      </c>
      <c r="C15469" s="1" t="s">
        <v>125</v>
      </c>
      <c r="D15469" s="1" t="s">
        <v>58120</v>
      </c>
      <c r="E15469" s="1" t="s">
        <v>24221</v>
      </c>
      <c r="F15469" s="1" t="s">
        <v>58121</v>
      </c>
      <c r="G15469" s="1" t="s">
        <v>58054</v>
      </c>
      <c r="H15469" s="1" t="s">
        <v>58055</v>
      </c>
      <c r="I15469" s="1" t="s">
        <v>53800</v>
      </c>
      <c r="J15469" s="1" t="s">
        <v>58122</v>
      </c>
    </row>
    <row r="15470" spans="1:10" x14ac:dyDescent="0.35">
      <c r="A15470" s="1" t="s">
        <v>50922</v>
      </c>
      <c r="B15470" s="1" t="s">
        <v>53796</v>
      </c>
      <c r="C15470" s="1" t="s">
        <v>130</v>
      </c>
      <c r="D15470" s="1" t="s">
        <v>58123</v>
      </c>
      <c r="E15470" s="1" t="s">
        <v>58124</v>
      </c>
      <c r="F15470" s="1" t="s">
        <v>58125</v>
      </c>
      <c r="G15470" s="1" t="s">
        <v>58054</v>
      </c>
      <c r="H15470" s="1" t="s">
        <v>58055</v>
      </c>
      <c r="I15470" s="1" t="s">
        <v>53800</v>
      </c>
      <c r="J15470" s="1" t="s">
        <v>58126</v>
      </c>
    </row>
    <row r="15471" spans="1:10" x14ac:dyDescent="0.35">
      <c r="A15471" s="1" t="s">
        <v>50922</v>
      </c>
      <c r="B15471" s="1" t="s">
        <v>53796</v>
      </c>
      <c r="C15471" s="1" t="s">
        <v>135</v>
      </c>
      <c r="D15471" s="1" t="s">
        <v>58127</v>
      </c>
      <c r="E15471" s="1" t="s">
        <v>56758</v>
      </c>
      <c r="F15471" s="1" t="s">
        <v>32966</v>
      </c>
      <c r="G15471" s="1" t="s">
        <v>58054</v>
      </c>
      <c r="H15471" s="1" t="s">
        <v>58055</v>
      </c>
      <c r="I15471" s="1" t="s">
        <v>53800</v>
      </c>
      <c r="J15471" s="1" t="s">
        <v>58128</v>
      </c>
    </row>
    <row r="15472" spans="1:10" x14ac:dyDescent="0.35">
      <c r="A15472" s="1" t="s">
        <v>50922</v>
      </c>
      <c r="B15472" s="1" t="s">
        <v>53796</v>
      </c>
      <c r="C15472" s="1" t="s">
        <v>140</v>
      </c>
      <c r="D15472" s="1" t="s">
        <v>58129</v>
      </c>
      <c r="E15472" s="1" t="s">
        <v>23421</v>
      </c>
      <c r="F15472" s="1" t="s">
        <v>57202</v>
      </c>
      <c r="G15472" s="1" t="s">
        <v>58054</v>
      </c>
      <c r="H15472" s="1" t="s">
        <v>58055</v>
      </c>
      <c r="I15472" s="1" t="s">
        <v>53800</v>
      </c>
      <c r="J15472" s="1" t="s">
        <v>58130</v>
      </c>
    </row>
    <row r="15473" spans="1:10" x14ac:dyDescent="0.35">
      <c r="A15473" s="1" t="s">
        <v>50922</v>
      </c>
      <c r="B15473" s="1" t="s">
        <v>53796</v>
      </c>
      <c r="C15473" s="1" t="s">
        <v>145</v>
      </c>
      <c r="D15473" s="1" t="s">
        <v>58131</v>
      </c>
      <c r="E15473" s="1" t="s">
        <v>24262</v>
      </c>
      <c r="F15473" s="1" t="s">
        <v>58132</v>
      </c>
      <c r="G15473" s="1" t="s">
        <v>58054</v>
      </c>
      <c r="H15473" s="1" t="s">
        <v>58055</v>
      </c>
      <c r="I15473" s="1" t="s">
        <v>53800</v>
      </c>
      <c r="J15473" s="1" t="s">
        <v>58133</v>
      </c>
    </row>
    <row r="15474" spans="1:10" x14ac:dyDescent="0.35">
      <c r="A15474" s="1" t="s">
        <v>50922</v>
      </c>
      <c r="B15474" s="1" t="s">
        <v>53796</v>
      </c>
      <c r="C15474" s="1" t="s">
        <v>150</v>
      </c>
      <c r="D15474" s="1" t="s">
        <v>58134</v>
      </c>
      <c r="E15474" s="1" t="s">
        <v>27134</v>
      </c>
      <c r="F15474" s="1" t="s">
        <v>58135</v>
      </c>
      <c r="G15474" s="1" t="s">
        <v>58054</v>
      </c>
      <c r="H15474" s="1" t="s">
        <v>58055</v>
      </c>
      <c r="I15474" s="1" t="s">
        <v>53800</v>
      </c>
      <c r="J15474" s="1" t="s">
        <v>58136</v>
      </c>
    </row>
    <row r="15475" spans="1:10" x14ac:dyDescent="0.35">
      <c r="A15475" s="1" t="s">
        <v>50922</v>
      </c>
      <c r="B15475" s="1" t="s">
        <v>53796</v>
      </c>
      <c r="C15475" s="1" t="s">
        <v>155</v>
      </c>
      <c r="D15475" s="1" t="s">
        <v>58137</v>
      </c>
      <c r="E15475" s="1" t="s">
        <v>58138</v>
      </c>
      <c r="F15475" s="1" t="s">
        <v>58139</v>
      </c>
      <c r="G15475" s="1" t="s">
        <v>58054</v>
      </c>
      <c r="H15475" s="1" t="s">
        <v>58055</v>
      </c>
      <c r="I15475" s="1" t="s">
        <v>53800</v>
      </c>
      <c r="J15475" s="1" t="s">
        <v>58140</v>
      </c>
    </row>
    <row r="15476" spans="1:10" x14ac:dyDescent="0.35">
      <c r="A15476" s="1" t="s">
        <v>50922</v>
      </c>
      <c r="B15476" s="1" t="s">
        <v>53796</v>
      </c>
      <c r="C15476" s="1" t="s">
        <v>160</v>
      </c>
      <c r="D15476" s="1" t="s">
        <v>58141</v>
      </c>
      <c r="E15476" s="1" t="s">
        <v>56468</v>
      </c>
      <c r="F15476" s="1" t="s">
        <v>58142</v>
      </c>
      <c r="G15476" s="1" t="s">
        <v>58054</v>
      </c>
      <c r="H15476" s="1" t="s">
        <v>58055</v>
      </c>
      <c r="I15476" s="1" t="s">
        <v>53800</v>
      </c>
      <c r="J15476" s="1" t="s">
        <v>58143</v>
      </c>
    </row>
    <row r="15477" spans="1:10" x14ac:dyDescent="0.35">
      <c r="A15477" s="1" t="s">
        <v>50922</v>
      </c>
      <c r="B15477" s="1" t="s">
        <v>53796</v>
      </c>
      <c r="C15477" s="1" t="s">
        <v>165</v>
      </c>
      <c r="D15477" s="1" t="s">
        <v>58144</v>
      </c>
      <c r="E15477" s="1" t="s">
        <v>54110</v>
      </c>
      <c r="F15477" s="1" t="s">
        <v>58145</v>
      </c>
      <c r="G15477" s="1" t="s">
        <v>58054</v>
      </c>
      <c r="H15477" s="1" t="s">
        <v>58055</v>
      </c>
      <c r="I15477" s="1" t="s">
        <v>53800</v>
      </c>
      <c r="J15477" s="1" t="s">
        <v>58146</v>
      </c>
    </row>
    <row r="15478" spans="1:10" x14ac:dyDescent="0.35">
      <c r="A15478" s="1" t="s">
        <v>50922</v>
      </c>
      <c r="B15478" s="1" t="s">
        <v>53796</v>
      </c>
      <c r="C15478" s="1" t="s">
        <v>170</v>
      </c>
      <c r="D15478" s="1" t="s">
        <v>58147</v>
      </c>
      <c r="E15478" s="1" t="s">
        <v>32028</v>
      </c>
      <c r="F15478" s="1" t="s">
        <v>58148</v>
      </c>
      <c r="G15478" s="1" t="s">
        <v>58054</v>
      </c>
      <c r="H15478" s="1" t="s">
        <v>58055</v>
      </c>
      <c r="I15478" s="1" t="s">
        <v>53800</v>
      </c>
      <c r="J15478" s="1" t="s">
        <v>58149</v>
      </c>
    </row>
    <row r="15479" spans="1:10" x14ac:dyDescent="0.35">
      <c r="A15479" s="1" t="s">
        <v>58150</v>
      </c>
      <c r="B15479" s="1" t="s">
        <v>53796</v>
      </c>
      <c r="C15479" s="1" t="s">
        <v>8</v>
      </c>
      <c r="D15479" s="1" t="s">
        <v>58151</v>
      </c>
      <c r="E15479" s="1" t="s">
        <v>15252</v>
      </c>
      <c r="F15479" s="1" t="s">
        <v>58152</v>
      </c>
      <c r="G15479" s="1" t="s">
        <v>58153</v>
      </c>
      <c r="H15479" s="1" t="s">
        <v>58154</v>
      </c>
      <c r="I15479" s="1" t="s">
        <v>53800</v>
      </c>
      <c r="J15479" s="1" t="s">
        <v>13</v>
      </c>
    </row>
    <row r="15480" spans="1:10" x14ac:dyDescent="0.35">
      <c r="A15480" s="1" t="s">
        <v>58150</v>
      </c>
      <c r="B15480" s="1" t="s">
        <v>53796</v>
      </c>
      <c r="C15480" s="1" t="s">
        <v>15</v>
      </c>
      <c r="D15480" s="1" t="s">
        <v>58155</v>
      </c>
      <c r="E15480" s="1" t="s">
        <v>58156</v>
      </c>
      <c r="F15480" s="1" t="s">
        <v>58157</v>
      </c>
      <c r="G15480" s="1" t="s">
        <v>58153</v>
      </c>
      <c r="H15480" s="1" t="s">
        <v>58154</v>
      </c>
      <c r="I15480" s="1" t="s">
        <v>53800</v>
      </c>
      <c r="J15480" s="1" t="s">
        <v>58158</v>
      </c>
    </row>
    <row r="15481" spans="1:10" x14ac:dyDescent="0.35">
      <c r="A15481" s="1" t="s">
        <v>58150</v>
      </c>
      <c r="B15481" s="1" t="s">
        <v>53796</v>
      </c>
      <c r="C15481" s="1" t="s">
        <v>20</v>
      </c>
      <c r="D15481" s="1" t="s">
        <v>58159</v>
      </c>
      <c r="E15481" s="1" t="s">
        <v>58160</v>
      </c>
      <c r="F15481" s="1" t="s">
        <v>58161</v>
      </c>
      <c r="G15481" s="1" t="s">
        <v>58153</v>
      </c>
      <c r="H15481" s="1" t="s">
        <v>58154</v>
      </c>
      <c r="I15481" s="1" t="s">
        <v>53800</v>
      </c>
      <c r="J15481" s="1" t="s">
        <v>58162</v>
      </c>
    </row>
    <row r="15482" spans="1:10" x14ac:dyDescent="0.35">
      <c r="A15482" s="1" t="s">
        <v>58150</v>
      </c>
      <c r="B15482" s="1" t="s">
        <v>53796</v>
      </c>
      <c r="C15482" s="1" t="s">
        <v>25</v>
      </c>
      <c r="D15482" s="1" t="s">
        <v>58163</v>
      </c>
      <c r="E15482" s="1" t="s">
        <v>58164</v>
      </c>
      <c r="F15482" s="1" t="s">
        <v>58165</v>
      </c>
      <c r="G15482" s="1" t="s">
        <v>58153</v>
      </c>
      <c r="H15482" s="1" t="s">
        <v>58154</v>
      </c>
      <c r="I15482" s="1" t="s">
        <v>53800</v>
      </c>
      <c r="J15482" s="1" t="s">
        <v>58166</v>
      </c>
    </row>
    <row r="15483" spans="1:10" x14ac:dyDescent="0.35">
      <c r="A15483" s="1" t="s">
        <v>58150</v>
      </c>
      <c r="B15483" s="1" t="s">
        <v>53796</v>
      </c>
      <c r="C15483" s="1" t="s">
        <v>30</v>
      </c>
      <c r="D15483" s="1" t="s">
        <v>58167</v>
      </c>
      <c r="E15483" s="1" t="s">
        <v>21999</v>
      </c>
      <c r="F15483" s="1" t="s">
        <v>19937</v>
      </c>
      <c r="G15483" s="1" t="s">
        <v>58153</v>
      </c>
      <c r="H15483" s="1" t="s">
        <v>58154</v>
      </c>
      <c r="I15483" s="1" t="s">
        <v>53800</v>
      </c>
      <c r="J15483" s="1" t="s">
        <v>58168</v>
      </c>
    </row>
    <row r="15484" spans="1:10" x14ac:dyDescent="0.35">
      <c r="A15484" s="1" t="s">
        <v>58150</v>
      </c>
      <c r="B15484" s="1" t="s">
        <v>53796</v>
      </c>
      <c r="C15484" s="1" t="s">
        <v>35</v>
      </c>
      <c r="D15484" s="1" t="s">
        <v>58169</v>
      </c>
      <c r="E15484" s="1" t="s">
        <v>58170</v>
      </c>
      <c r="F15484" s="1" t="s">
        <v>32599</v>
      </c>
      <c r="G15484" s="1" t="s">
        <v>58153</v>
      </c>
      <c r="H15484" s="1" t="s">
        <v>58154</v>
      </c>
      <c r="I15484" s="1" t="s">
        <v>53800</v>
      </c>
      <c r="J15484" s="1" t="s">
        <v>58171</v>
      </c>
    </row>
    <row r="15485" spans="1:10" x14ac:dyDescent="0.35">
      <c r="A15485" s="1" t="s">
        <v>58150</v>
      </c>
      <c r="B15485" s="1" t="s">
        <v>53796</v>
      </c>
      <c r="C15485" s="1" t="s">
        <v>40</v>
      </c>
      <c r="D15485" s="1" t="s">
        <v>58172</v>
      </c>
      <c r="E15485" s="1" t="s">
        <v>58173</v>
      </c>
      <c r="F15485" s="1" t="s">
        <v>58174</v>
      </c>
      <c r="G15485" s="1" t="s">
        <v>58153</v>
      </c>
      <c r="H15485" s="1" t="s">
        <v>58154</v>
      </c>
      <c r="I15485" s="1" t="s">
        <v>53800</v>
      </c>
      <c r="J15485" s="1" t="s">
        <v>58175</v>
      </c>
    </row>
    <row r="15486" spans="1:10" x14ac:dyDescent="0.35">
      <c r="A15486" s="1" t="s">
        <v>58150</v>
      </c>
      <c r="B15486" s="1" t="s">
        <v>53796</v>
      </c>
      <c r="C15486" s="1" t="s">
        <v>45</v>
      </c>
      <c r="D15486" s="1" t="s">
        <v>26673</v>
      </c>
      <c r="E15486" s="1" t="s">
        <v>31378</v>
      </c>
      <c r="F15486" s="1" t="s">
        <v>58176</v>
      </c>
      <c r="G15486" s="1" t="s">
        <v>58153</v>
      </c>
      <c r="H15486" s="1" t="s">
        <v>58154</v>
      </c>
      <c r="I15486" s="1" t="s">
        <v>53800</v>
      </c>
      <c r="J15486" s="1" t="s">
        <v>58177</v>
      </c>
    </row>
    <row r="15487" spans="1:10" x14ac:dyDescent="0.35">
      <c r="A15487" s="1" t="s">
        <v>58150</v>
      </c>
      <c r="B15487" s="1" t="s">
        <v>53796</v>
      </c>
      <c r="C15487" s="1" t="s">
        <v>50</v>
      </c>
      <c r="D15487" s="1" t="s">
        <v>58178</v>
      </c>
      <c r="E15487" s="1" t="s">
        <v>21772</v>
      </c>
      <c r="F15487" s="1" t="s">
        <v>58179</v>
      </c>
      <c r="G15487" s="1" t="s">
        <v>58153</v>
      </c>
      <c r="H15487" s="1" t="s">
        <v>58154</v>
      </c>
      <c r="I15487" s="1" t="s">
        <v>53800</v>
      </c>
      <c r="J15487" s="1" t="s">
        <v>58180</v>
      </c>
    </row>
    <row r="15488" spans="1:10" x14ac:dyDescent="0.35">
      <c r="A15488" s="1" t="s">
        <v>58150</v>
      </c>
      <c r="B15488" s="1" t="s">
        <v>53796</v>
      </c>
      <c r="C15488" s="1" t="s">
        <v>55</v>
      </c>
      <c r="D15488" s="1" t="s">
        <v>58181</v>
      </c>
      <c r="E15488" s="1" t="s">
        <v>41210</v>
      </c>
      <c r="F15488" s="1" t="s">
        <v>32394</v>
      </c>
      <c r="G15488" s="1" t="s">
        <v>58153</v>
      </c>
      <c r="H15488" s="1" t="s">
        <v>58154</v>
      </c>
      <c r="I15488" s="1" t="s">
        <v>53800</v>
      </c>
      <c r="J15488" s="1" t="s">
        <v>58182</v>
      </c>
    </row>
    <row r="15489" spans="1:10" x14ac:dyDescent="0.35">
      <c r="A15489" s="1" t="s">
        <v>58150</v>
      </c>
      <c r="B15489" s="1" t="s">
        <v>53796</v>
      </c>
      <c r="C15489" s="1" t="s">
        <v>60</v>
      </c>
      <c r="D15489" s="1" t="s">
        <v>58183</v>
      </c>
      <c r="E15489" s="1" t="s">
        <v>55227</v>
      </c>
      <c r="F15489" s="1" t="s">
        <v>58184</v>
      </c>
      <c r="G15489" s="1" t="s">
        <v>58153</v>
      </c>
      <c r="H15489" s="1" t="s">
        <v>58154</v>
      </c>
      <c r="I15489" s="1" t="s">
        <v>53800</v>
      </c>
      <c r="J15489" s="1" t="s">
        <v>58185</v>
      </c>
    </row>
    <row r="15490" spans="1:10" x14ac:dyDescent="0.35">
      <c r="A15490" s="1" t="s">
        <v>58150</v>
      </c>
      <c r="B15490" s="1" t="s">
        <v>53796</v>
      </c>
      <c r="C15490" s="1" t="s">
        <v>65</v>
      </c>
      <c r="D15490" s="1" t="s">
        <v>58186</v>
      </c>
      <c r="E15490" s="1" t="s">
        <v>23118</v>
      </c>
      <c r="F15490" s="1" t="s">
        <v>58187</v>
      </c>
      <c r="G15490" s="1" t="s">
        <v>58153</v>
      </c>
      <c r="H15490" s="1" t="s">
        <v>58154</v>
      </c>
      <c r="I15490" s="1" t="s">
        <v>53800</v>
      </c>
      <c r="J15490" s="1" t="s">
        <v>58188</v>
      </c>
    </row>
    <row r="15491" spans="1:10" x14ac:dyDescent="0.35">
      <c r="A15491" s="1" t="s">
        <v>58150</v>
      </c>
      <c r="B15491" s="1" t="s">
        <v>53796</v>
      </c>
      <c r="C15491" s="1" t="s">
        <v>70</v>
      </c>
      <c r="D15491" s="1" t="s">
        <v>58189</v>
      </c>
      <c r="E15491" s="1" t="s">
        <v>21190</v>
      </c>
      <c r="F15491" s="1" t="s">
        <v>58190</v>
      </c>
      <c r="G15491" s="1" t="s">
        <v>58153</v>
      </c>
      <c r="H15491" s="1" t="s">
        <v>58154</v>
      </c>
      <c r="I15491" s="1" t="s">
        <v>53800</v>
      </c>
      <c r="J15491" s="1" t="s">
        <v>58191</v>
      </c>
    </row>
    <row r="15492" spans="1:10" x14ac:dyDescent="0.35">
      <c r="A15492" s="1" t="s">
        <v>58150</v>
      </c>
      <c r="B15492" s="1" t="s">
        <v>53796</v>
      </c>
      <c r="C15492" s="1" t="s">
        <v>75</v>
      </c>
      <c r="D15492" s="1" t="s">
        <v>58192</v>
      </c>
      <c r="E15492" s="1" t="s">
        <v>41348</v>
      </c>
      <c r="F15492" s="1" t="s">
        <v>58193</v>
      </c>
      <c r="G15492" s="1" t="s">
        <v>58153</v>
      </c>
      <c r="H15492" s="1" t="s">
        <v>58154</v>
      </c>
      <c r="I15492" s="1" t="s">
        <v>53800</v>
      </c>
      <c r="J15492" s="1" t="s">
        <v>58194</v>
      </c>
    </row>
    <row r="15493" spans="1:10" x14ac:dyDescent="0.35">
      <c r="A15493" s="1" t="s">
        <v>58150</v>
      </c>
      <c r="B15493" s="1" t="s">
        <v>53796</v>
      </c>
      <c r="C15493" s="1" t="s">
        <v>80</v>
      </c>
      <c r="D15493" s="1" t="s">
        <v>58195</v>
      </c>
      <c r="E15493" s="1" t="s">
        <v>15205</v>
      </c>
      <c r="F15493" s="1" t="s">
        <v>58196</v>
      </c>
      <c r="G15493" s="1" t="s">
        <v>58153</v>
      </c>
      <c r="H15493" s="1" t="s">
        <v>58154</v>
      </c>
      <c r="I15493" s="1" t="s">
        <v>53800</v>
      </c>
      <c r="J15493" s="1" t="s">
        <v>58197</v>
      </c>
    </row>
    <row r="15494" spans="1:10" x14ac:dyDescent="0.35">
      <c r="A15494" s="1" t="s">
        <v>58150</v>
      </c>
      <c r="B15494" s="1" t="s">
        <v>53796</v>
      </c>
      <c r="C15494" s="1" t="s">
        <v>85</v>
      </c>
      <c r="D15494" s="1" t="s">
        <v>24318</v>
      </c>
      <c r="E15494" s="1" t="s">
        <v>41258</v>
      </c>
      <c r="F15494" s="1" t="s">
        <v>58198</v>
      </c>
      <c r="G15494" s="1" t="s">
        <v>58153</v>
      </c>
      <c r="H15494" s="1" t="s">
        <v>58154</v>
      </c>
      <c r="I15494" s="1" t="s">
        <v>53800</v>
      </c>
      <c r="J15494" s="1" t="s">
        <v>58199</v>
      </c>
    </row>
    <row r="15495" spans="1:10" x14ac:dyDescent="0.35">
      <c r="A15495" s="1" t="s">
        <v>58150</v>
      </c>
      <c r="B15495" s="1" t="s">
        <v>53796</v>
      </c>
      <c r="C15495" s="1" t="s">
        <v>90</v>
      </c>
      <c r="D15495" s="1" t="s">
        <v>58200</v>
      </c>
      <c r="E15495" s="1" t="s">
        <v>21960</v>
      </c>
      <c r="F15495" s="1" t="s">
        <v>58201</v>
      </c>
      <c r="G15495" s="1" t="s">
        <v>58153</v>
      </c>
      <c r="H15495" s="1" t="s">
        <v>58154</v>
      </c>
      <c r="I15495" s="1" t="s">
        <v>53800</v>
      </c>
      <c r="J15495" s="1" t="s">
        <v>58202</v>
      </c>
    </row>
    <row r="15496" spans="1:10" x14ac:dyDescent="0.35">
      <c r="A15496" s="1" t="s">
        <v>58150</v>
      </c>
      <c r="B15496" s="1" t="s">
        <v>53796</v>
      </c>
      <c r="C15496" s="1" t="s">
        <v>95</v>
      </c>
      <c r="D15496" s="1" t="s">
        <v>58203</v>
      </c>
      <c r="E15496" s="1" t="s">
        <v>58204</v>
      </c>
      <c r="F15496" s="1" t="s">
        <v>58205</v>
      </c>
      <c r="G15496" s="1" t="s">
        <v>58153</v>
      </c>
      <c r="H15496" s="1" t="s">
        <v>58154</v>
      </c>
      <c r="I15496" s="1" t="s">
        <v>53800</v>
      </c>
      <c r="J15496" s="1" t="s">
        <v>58206</v>
      </c>
    </row>
    <row r="15497" spans="1:10" x14ac:dyDescent="0.35">
      <c r="A15497" s="1" t="s">
        <v>58150</v>
      </c>
      <c r="B15497" s="1" t="s">
        <v>53796</v>
      </c>
      <c r="C15497" s="1" t="s">
        <v>100</v>
      </c>
      <c r="D15497" s="1" t="s">
        <v>58207</v>
      </c>
      <c r="E15497" s="1" t="s">
        <v>55069</v>
      </c>
      <c r="F15497" s="1" t="s">
        <v>58208</v>
      </c>
      <c r="G15497" s="1" t="s">
        <v>58153</v>
      </c>
      <c r="H15497" s="1" t="s">
        <v>58154</v>
      </c>
      <c r="I15497" s="1" t="s">
        <v>53800</v>
      </c>
      <c r="J15497" s="1" t="s">
        <v>58209</v>
      </c>
    </row>
    <row r="15498" spans="1:10" x14ac:dyDescent="0.35">
      <c r="A15498" s="1" t="s">
        <v>58150</v>
      </c>
      <c r="B15498" s="1" t="s">
        <v>53796</v>
      </c>
      <c r="C15498" s="1" t="s">
        <v>105</v>
      </c>
      <c r="D15498" s="1" t="s">
        <v>58210</v>
      </c>
      <c r="E15498" s="1" t="s">
        <v>21768</v>
      </c>
      <c r="F15498" s="1" t="s">
        <v>58211</v>
      </c>
      <c r="G15498" s="1" t="s">
        <v>58153</v>
      </c>
      <c r="H15498" s="1" t="s">
        <v>58154</v>
      </c>
      <c r="I15498" s="1" t="s">
        <v>53800</v>
      </c>
      <c r="J15498" s="1" t="s">
        <v>58212</v>
      </c>
    </row>
    <row r="15499" spans="1:10" x14ac:dyDescent="0.35">
      <c r="A15499" s="1" t="s">
        <v>58150</v>
      </c>
      <c r="B15499" s="1" t="s">
        <v>53796</v>
      </c>
      <c r="C15499" s="1" t="s">
        <v>110</v>
      </c>
      <c r="D15499" s="1" t="s">
        <v>58213</v>
      </c>
      <c r="E15499" s="1" t="s">
        <v>41258</v>
      </c>
      <c r="F15499" s="1" t="s">
        <v>58214</v>
      </c>
      <c r="G15499" s="1" t="s">
        <v>58153</v>
      </c>
      <c r="H15499" s="1" t="s">
        <v>58154</v>
      </c>
      <c r="I15499" s="1" t="s">
        <v>53800</v>
      </c>
      <c r="J15499" s="1" t="s">
        <v>58215</v>
      </c>
    </row>
    <row r="15500" spans="1:10" x14ac:dyDescent="0.35">
      <c r="A15500" s="1" t="s">
        <v>58150</v>
      </c>
      <c r="B15500" s="1" t="s">
        <v>53796</v>
      </c>
      <c r="C15500" s="1" t="s">
        <v>115</v>
      </c>
      <c r="D15500" s="1" t="s">
        <v>58216</v>
      </c>
      <c r="E15500" s="1" t="s">
        <v>58217</v>
      </c>
      <c r="F15500" s="1" t="s">
        <v>58218</v>
      </c>
      <c r="G15500" s="1" t="s">
        <v>58153</v>
      </c>
      <c r="H15500" s="1" t="s">
        <v>58154</v>
      </c>
      <c r="I15500" s="1" t="s">
        <v>53800</v>
      </c>
      <c r="J15500" s="1" t="s">
        <v>58219</v>
      </c>
    </row>
    <row r="15501" spans="1:10" x14ac:dyDescent="0.35">
      <c r="A15501" s="1" t="s">
        <v>58150</v>
      </c>
      <c r="B15501" s="1" t="s">
        <v>53796</v>
      </c>
      <c r="C15501" s="1" t="s">
        <v>120</v>
      </c>
      <c r="D15501" s="1" t="s">
        <v>58220</v>
      </c>
      <c r="E15501" s="1" t="s">
        <v>58221</v>
      </c>
      <c r="F15501" s="1" t="s">
        <v>58222</v>
      </c>
      <c r="G15501" s="1" t="s">
        <v>58153</v>
      </c>
      <c r="H15501" s="1" t="s">
        <v>58154</v>
      </c>
      <c r="I15501" s="1" t="s">
        <v>53800</v>
      </c>
      <c r="J15501" s="1" t="s">
        <v>58223</v>
      </c>
    </row>
    <row r="15502" spans="1:10" x14ac:dyDescent="0.35">
      <c r="A15502" s="1" t="s">
        <v>58150</v>
      </c>
      <c r="B15502" s="1" t="s">
        <v>53796</v>
      </c>
      <c r="C15502" s="1" t="s">
        <v>125</v>
      </c>
      <c r="D15502" s="1" t="s">
        <v>58224</v>
      </c>
      <c r="E15502" s="1" t="s">
        <v>23114</v>
      </c>
      <c r="F15502" s="1" t="s">
        <v>58225</v>
      </c>
      <c r="G15502" s="1" t="s">
        <v>58153</v>
      </c>
      <c r="H15502" s="1" t="s">
        <v>58154</v>
      </c>
      <c r="I15502" s="1" t="s">
        <v>53800</v>
      </c>
      <c r="J15502" s="1" t="s">
        <v>58226</v>
      </c>
    </row>
    <row r="15503" spans="1:10" x14ac:dyDescent="0.35">
      <c r="A15503" s="1" t="s">
        <v>58150</v>
      </c>
      <c r="B15503" s="1" t="s">
        <v>53796</v>
      </c>
      <c r="C15503" s="1" t="s">
        <v>130</v>
      </c>
      <c r="D15503" s="1" t="s">
        <v>58227</v>
      </c>
      <c r="E15503" s="1" t="s">
        <v>12821</v>
      </c>
      <c r="F15503" s="1" t="s">
        <v>58228</v>
      </c>
      <c r="G15503" s="1" t="s">
        <v>58153</v>
      </c>
      <c r="H15503" s="1" t="s">
        <v>58154</v>
      </c>
      <c r="I15503" s="1" t="s">
        <v>53800</v>
      </c>
      <c r="J15503" s="1" t="s">
        <v>58229</v>
      </c>
    </row>
    <row r="15504" spans="1:10" x14ac:dyDescent="0.35">
      <c r="A15504" s="1" t="s">
        <v>58150</v>
      </c>
      <c r="B15504" s="1" t="s">
        <v>53796</v>
      </c>
      <c r="C15504" s="1" t="s">
        <v>135</v>
      </c>
      <c r="D15504" s="1" t="s">
        <v>58230</v>
      </c>
      <c r="E15504" s="1" t="s">
        <v>16090</v>
      </c>
      <c r="F15504" s="1" t="s">
        <v>58231</v>
      </c>
      <c r="G15504" s="1" t="s">
        <v>58153</v>
      </c>
      <c r="H15504" s="1" t="s">
        <v>58154</v>
      </c>
      <c r="I15504" s="1" t="s">
        <v>53800</v>
      </c>
      <c r="J15504" s="1" t="s">
        <v>58232</v>
      </c>
    </row>
    <row r="15505" spans="1:10" x14ac:dyDescent="0.35">
      <c r="A15505" s="1" t="s">
        <v>58150</v>
      </c>
      <c r="B15505" s="1" t="s">
        <v>53796</v>
      </c>
      <c r="C15505" s="1" t="s">
        <v>140</v>
      </c>
      <c r="D15505" s="1" t="s">
        <v>58233</v>
      </c>
      <c r="E15505" s="1" t="s">
        <v>54032</v>
      </c>
      <c r="F15505" s="1" t="s">
        <v>58234</v>
      </c>
      <c r="G15505" s="1" t="s">
        <v>58153</v>
      </c>
      <c r="H15505" s="1" t="s">
        <v>58154</v>
      </c>
      <c r="I15505" s="1" t="s">
        <v>53800</v>
      </c>
      <c r="J15505" s="1" t="s">
        <v>58235</v>
      </c>
    </row>
    <row r="15506" spans="1:10" x14ac:dyDescent="0.35">
      <c r="A15506" s="1" t="s">
        <v>58150</v>
      </c>
      <c r="B15506" s="1" t="s">
        <v>53796</v>
      </c>
      <c r="C15506" s="1" t="s">
        <v>145</v>
      </c>
      <c r="D15506" s="1" t="s">
        <v>58236</v>
      </c>
      <c r="E15506" s="1" t="s">
        <v>58237</v>
      </c>
      <c r="F15506" s="1" t="s">
        <v>58238</v>
      </c>
      <c r="G15506" s="1" t="s">
        <v>58153</v>
      </c>
      <c r="H15506" s="1" t="s">
        <v>58154</v>
      </c>
      <c r="I15506" s="1" t="s">
        <v>53800</v>
      </c>
      <c r="J15506" s="1" t="s">
        <v>58239</v>
      </c>
    </row>
    <row r="15507" spans="1:10" x14ac:dyDescent="0.35">
      <c r="A15507" s="1" t="s">
        <v>58150</v>
      </c>
      <c r="B15507" s="1" t="s">
        <v>53796</v>
      </c>
      <c r="C15507" s="1" t="s">
        <v>150</v>
      </c>
      <c r="D15507" s="1" t="s">
        <v>58240</v>
      </c>
      <c r="E15507" s="1" t="s">
        <v>23236</v>
      </c>
      <c r="F15507" s="1" t="s">
        <v>23447</v>
      </c>
      <c r="G15507" s="1" t="s">
        <v>58153</v>
      </c>
      <c r="H15507" s="1" t="s">
        <v>58154</v>
      </c>
      <c r="I15507" s="1" t="s">
        <v>53800</v>
      </c>
      <c r="J15507" s="1" t="s">
        <v>58241</v>
      </c>
    </row>
    <row r="15508" spans="1:10" x14ac:dyDescent="0.35">
      <c r="A15508" s="1" t="s">
        <v>58150</v>
      </c>
      <c r="B15508" s="1" t="s">
        <v>53796</v>
      </c>
      <c r="C15508" s="1" t="s">
        <v>155</v>
      </c>
      <c r="D15508" s="1" t="s">
        <v>58242</v>
      </c>
      <c r="E15508" s="1" t="s">
        <v>15311</v>
      </c>
      <c r="F15508" s="1" t="s">
        <v>58243</v>
      </c>
      <c r="G15508" s="1" t="s">
        <v>58153</v>
      </c>
      <c r="H15508" s="1" t="s">
        <v>58154</v>
      </c>
      <c r="I15508" s="1" t="s">
        <v>53800</v>
      </c>
      <c r="J15508" s="1" t="s">
        <v>58244</v>
      </c>
    </row>
    <row r="15509" spans="1:10" x14ac:dyDescent="0.35">
      <c r="A15509" s="1" t="s">
        <v>58150</v>
      </c>
      <c r="B15509" s="1" t="s">
        <v>53796</v>
      </c>
      <c r="C15509" s="1" t="s">
        <v>160</v>
      </c>
      <c r="D15509" s="1" t="s">
        <v>58245</v>
      </c>
      <c r="E15509" s="1" t="s">
        <v>22080</v>
      </c>
      <c r="F15509" s="1" t="s">
        <v>58246</v>
      </c>
      <c r="G15509" s="1" t="s">
        <v>58153</v>
      </c>
      <c r="H15509" s="1" t="s">
        <v>58154</v>
      </c>
      <c r="I15509" s="1" t="s">
        <v>53800</v>
      </c>
      <c r="J15509" s="1" t="s">
        <v>58247</v>
      </c>
    </row>
    <row r="15510" spans="1:10" x14ac:dyDescent="0.35">
      <c r="A15510" s="1" t="s">
        <v>58150</v>
      </c>
      <c r="B15510" s="1" t="s">
        <v>53796</v>
      </c>
      <c r="C15510" s="1" t="s">
        <v>165</v>
      </c>
      <c r="D15510" s="1" t="s">
        <v>58248</v>
      </c>
      <c r="E15510" s="1" t="s">
        <v>21811</v>
      </c>
      <c r="F15510" s="1" t="s">
        <v>58249</v>
      </c>
      <c r="G15510" s="1" t="s">
        <v>58153</v>
      </c>
      <c r="H15510" s="1" t="s">
        <v>58154</v>
      </c>
      <c r="I15510" s="1" t="s">
        <v>53800</v>
      </c>
      <c r="J15510" s="1" t="s">
        <v>58250</v>
      </c>
    </row>
    <row r="15511" spans="1:10" x14ac:dyDescent="0.35">
      <c r="A15511" s="1" t="s">
        <v>58150</v>
      </c>
      <c r="B15511" s="1" t="s">
        <v>53796</v>
      </c>
      <c r="C15511" s="1" t="s">
        <v>170</v>
      </c>
      <c r="D15511" s="1" t="s">
        <v>58251</v>
      </c>
      <c r="E15511" s="1" t="s">
        <v>56079</v>
      </c>
      <c r="F15511" s="1" t="s">
        <v>58252</v>
      </c>
      <c r="G15511" s="1" t="s">
        <v>58153</v>
      </c>
      <c r="H15511" s="1" t="s">
        <v>58154</v>
      </c>
      <c r="I15511" s="1" t="s">
        <v>53800</v>
      </c>
      <c r="J15511" s="1" t="s">
        <v>58253</v>
      </c>
    </row>
    <row r="15512" spans="1:10" x14ac:dyDescent="0.35">
      <c r="A15512" s="1" t="s">
        <v>58254</v>
      </c>
      <c r="B15512" s="1" t="s">
        <v>53796</v>
      </c>
      <c r="C15512" s="1" t="s">
        <v>8</v>
      </c>
      <c r="D15512" s="1" t="s">
        <v>58255</v>
      </c>
      <c r="E15512" s="1" t="s">
        <v>58256</v>
      </c>
      <c r="F15512" s="1" t="s">
        <v>58257</v>
      </c>
      <c r="G15512" s="1" t="s">
        <v>58258</v>
      </c>
      <c r="H15512" s="1" t="s">
        <v>58259</v>
      </c>
      <c r="I15512" s="1" t="s">
        <v>53800</v>
      </c>
      <c r="J15512" s="1" t="s">
        <v>13</v>
      </c>
    </row>
    <row r="15513" spans="1:10" x14ac:dyDescent="0.35">
      <c r="A15513" s="1" t="s">
        <v>58254</v>
      </c>
      <c r="B15513" s="1" t="s">
        <v>53796</v>
      </c>
      <c r="C15513" s="1" t="s">
        <v>15</v>
      </c>
      <c r="D15513" s="1" t="s">
        <v>58260</v>
      </c>
      <c r="E15513" s="1" t="s">
        <v>58261</v>
      </c>
      <c r="F15513" s="1" t="s">
        <v>58262</v>
      </c>
      <c r="G15513" s="1" t="s">
        <v>58258</v>
      </c>
      <c r="H15513" s="1" t="s">
        <v>58259</v>
      </c>
      <c r="I15513" s="1" t="s">
        <v>53800</v>
      </c>
      <c r="J15513" s="1" t="s">
        <v>58263</v>
      </c>
    </row>
    <row r="15514" spans="1:10" x14ac:dyDescent="0.35">
      <c r="A15514" s="1" t="s">
        <v>58254</v>
      </c>
      <c r="B15514" s="1" t="s">
        <v>53796</v>
      </c>
      <c r="C15514" s="1" t="s">
        <v>20</v>
      </c>
      <c r="D15514" s="1" t="s">
        <v>58264</v>
      </c>
      <c r="E15514" s="1" t="s">
        <v>22958</v>
      </c>
      <c r="F15514" s="1" t="s">
        <v>58265</v>
      </c>
      <c r="G15514" s="1" t="s">
        <v>58258</v>
      </c>
      <c r="H15514" s="1" t="s">
        <v>58259</v>
      </c>
      <c r="I15514" s="1" t="s">
        <v>53800</v>
      </c>
      <c r="J15514" s="1" t="s">
        <v>58266</v>
      </c>
    </row>
    <row r="15515" spans="1:10" x14ac:dyDescent="0.35">
      <c r="A15515" s="1" t="s">
        <v>58254</v>
      </c>
      <c r="B15515" s="1" t="s">
        <v>53796</v>
      </c>
      <c r="C15515" s="1" t="s">
        <v>25</v>
      </c>
      <c r="D15515" s="1" t="s">
        <v>58267</v>
      </c>
      <c r="E15515" s="1" t="s">
        <v>58268</v>
      </c>
      <c r="F15515" s="1" t="s">
        <v>58269</v>
      </c>
      <c r="G15515" s="1" t="s">
        <v>58258</v>
      </c>
      <c r="H15515" s="1" t="s">
        <v>58259</v>
      </c>
      <c r="I15515" s="1" t="s">
        <v>53800</v>
      </c>
      <c r="J15515" s="1" t="s">
        <v>58270</v>
      </c>
    </row>
    <row r="15516" spans="1:10" x14ac:dyDescent="0.35">
      <c r="A15516" s="1" t="s">
        <v>58254</v>
      </c>
      <c r="B15516" s="1" t="s">
        <v>53796</v>
      </c>
      <c r="C15516" s="1" t="s">
        <v>30</v>
      </c>
      <c r="D15516" s="1" t="s">
        <v>58271</v>
      </c>
      <c r="E15516" s="1" t="s">
        <v>55500</v>
      </c>
      <c r="F15516" s="1" t="s">
        <v>58272</v>
      </c>
      <c r="G15516" s="1" t="s">
        <v>58258</v>
      </c>
      <c r="H15516" s="1" t="s">
        <v>58259</v>
      </c>
      <c r="I15516" s="1" t="s">
        <v>53800</v>
      </c>
      <c r="J15516" s="1" t="s">
        <v>58273</v>
      </c>
    </row>
    <row r="15517" spans="1:10" x14ac:dyDescent="0.35">
      <c r="A15517" s="1" t="s">
        <v>58254</v>
      </c>
      <c r="B15517" s="1" t="s">
        <v>53796</v>
      </c>
      <c r="C15517" s="1" t="s">
        <v>35</v>
      </c>
      <c r="D15517" s="1" t="s">
        <v>58274</v>
      </c>
      <c r="E15517" s="1" t="s">
        <v>58275</v>
      </c>
      <c r="F15517" s="1" t="s">
        <v>58276</v>
      </c>
      <c r="G15517" s="1" t="s">
        <v>58258</v>
      </c>
      <c r="H15517" s="1" t="s">
        <v>58259</v>
      </c>
      <c r="I15517" s="1" t="s">
        <v>53800</v>
      </c>
      <c r="J15517" s="1" t="s">
        <v>58277</v>
      </c>
    </row>
    <row r="15518" spans="1:10" x14ac:dyDescent="0.35">
      <c r="A15518" s="1" t="s">
        <v>58254</v>
      </c>
      <c r="B15518" s="1" t="s">
        <v>53796</v>
      </c>
      <c r="C15518" s="1" t="s">
        <v>40</v>
      </c>
      <c r="D15518" s="1" t="s">
        <v>58278</v>
      </c>
      <c r="E15518" s="1" t="s">
        <v>58279</v>
      </c>
      <c r="F15518" s="1" t="s">
        <v>58280</v>
      </c>
      <c r="G15518" s="1" t="s">
        <v>58258</v>
      </c>
      <c r="H15518" s="1" t="s">
        <v>58259</v>
      </c>
      <c r="I15518" s="1" t="s">
        <v>53800</v>
      </c>
      <c r="J15518" s="1" t="s">
        <v>58281</v>
      </c>
    </row>
    <row r="15519" spans="1:10" x14ac:dyDescent="0.35">
      <c r="A15519" s="1" t="s">
        <v>58254</v>
      </c>
      <c r="B15519" s="1" t="s">
        <v>53796</v>
      </c>
      <c r="C15519" s="1" t="s">
        <v>45</v>
      </c>
      <c r="D15519" s="1" t="s">
        <v>58282</v>
      </c>
      <c r="E15519" s="1" t="s">
        <v>58283</v>
      </c>
      <c r="F15519" s="1" t="s">
        <v>58284</v>
      </c>
      <c r="G15519" s="1" t="s">
        <v>58258</v>
      </c>
      <c r="H15519" s="1" t="s">
        <v>58259</v>
      </c>
      <c r="I15519" s="1" t="s">
        <v>53800</v>
      </c>
      <c r="J15519" s="1" t="s">
        <v>58285</v>
      </c>
    </row>
    <row r="15520" spans="1:10" x14ac:dyDescent="0.35">
      <c r="A15520" s="1" t="s">
        <v>58254</v>
      </c>
      <c r="B15520" s="1" t="s">
        <v>53796</v>
      </c>
      <c r="C15520" s="1" t="s">
        <v>50</v>
      </c>
      <c r="D15520" s="1" t="s">
        <v>11441</v>
      </c>
      <c r="E15520" s="1" t="s">
        <v>58286</v>
      </c>
      <c r="F15520" s="1" t="s">
        <v>58287</v>
      </c>
      <c r="G15520" s="1" t="s">
        <v>58258</v>
      </c>
      <c r="H15520" s="1" t="s">
        <v>58259</v>
      </c>
      <c r="I15520" s="1" t="s">
        <v>53800</v>
      </c>
      <c r="J15520" s="1" t="s">
        <v>58288</v>
      </c>
    </row>
    <row r="15521" spans="1:10" x14ac:dyDescent="0.35">
      <c r="A15521" s="1" t="s">
        <v>58254</v>
      </c>
      <c r="B15521" s="1" t="s">
        <v>53796</v>
      </c>
      <c r="C15521" s="1" t="s">
        <v>55</v>
      </c>
      <c r="D15521" s="1" t="s">
        <v>58289</v>
      </c>
      <c r="E15521" s="1" t="s">
        <v>22926</v>
      </c>
      <c r="F15521" s="1" t="s">
        <v>58290</v>
      </c>
      <c r="G15521" s="1" t="s">
        <v>58258</v>
      </c>
      <c r="H15521" s="1" t="s">
        <v>58259</v>
      </c>
      <c r="I15521" s="1" t="s">
        <v>53800</v>
      </c>
      <c r="J15521" s="1" t="s">
        <v>58291</v>
      </c>
    </row>
    <row r="15522" spans="1:10" x14ac:dyDescent="0.35">
      <c r="A15522" s="1" t="s">
        <v>58254</v>
      </c>
      <c r="B15522" s="1" t="s">
        <v>53796</v>
      </c>
      <c r="C15522" s="1" t="s">
        <v>60</v>
      </c>
      <c r="D15522" s="1" t="s">
        <v>58292</v>
      </c>
      <c r="E15522" s="1" t="s">
        <v>21883</v>
      </c>
      <c r="F15522" s="1" t="s">
        <v>58293</v>
      </c>
      <c r="G15522" s="1" t="s">
        <v>58258</v>
      </c>
      <c r="H15522" s="1" t="s">
        <v>58259</v>
      </c>
      <c r="I15522" s="1" t="s">
        <v>53800</v>
      </c>
      <c r="J15522" s="1" t="s">
        <v>58294</v>
      </c>
    </row>
    <row r="15523" spans="1:10" x14ac:dyDescent="0.35">
      <c r="A15523" s="1" t="s">
        <v>58254</v>
      </c>
      <c r="B15523" s="1" t="s">
        <v>53796</v>
      </c>
      <c r="C15523" s="1" t="s">
        <v>65</v>
      </c>
      <c r="D15523" s="1" t="s">
        <v>58295</v>
      </c>
      <c r="E15523" s="1" t="s">
        <v>23828</v>
      </c>
      <c r="F15523" s="1" t="s">
        <v>58296</v>
      </c>
      <c r="G15523" s="1" t="s">
        <v>58258</v>
      </c>
      <c r="H15523" s="1" t="s">
        <v>58259</v>
      </c>
      <c r="I15523" s="1" t="s">
        <v>53800</v>
      </c>
      <c r="J15523" s="1" t="s">
        <v>58297</v>
      </c>
    </row>
    <row r="15524" spans="1:10" x14ac:dyDescent="0.35">
      <c r="A15524" s="1" t="s">
        <v>58254</v>
      </c>
      <c r="B15524" s="1" t="s">
        <v>53796</v>
      </c>
      <c r="C15524" s="1" t="s">
        <v>70</v>
      </c>
      <c r="D15524" s="1" t="s">
        <v>58298</v>
      </c>
      <c r="E15524" s="1" t="s">
        <v>41389</v>
      </c>
      <c r="F15524" s="1" t="s">
        <v>58299</v>
      </c>
      <c r="G15524" s="1" t="s">
        <v>58258</v>
      </c>
      <c r="H15524" s="1" t="s">
        <v>58259</v>
      </c>
      <c r="I15524" s="1" t="s">
        <v>53800</v>
      </c>
      <c r="J15524" s="1" t="s">
        <v>58300</v>
      </c>
    </row>
    <row r="15525" spans="1:10" x14ac:dyDescent="0.35">
      <c r="A15525" s="1" t="s">
        <v>58254</v>
      </c>
      <c r="B15525" s="1" t="s">
        <v>53796</v>
      </c>
      <c r="C15525" s="1" t="s">
        <v>75</v>
      </c>
      <c r="D15525" s="1" t="s">
        <v>58301</v>
      </c>
      <c r="E15525" s="1" t="s">
        <v>58302</v>
      </c>
      <c r="F15525" s="1" t="s">
        <v>58303</v>
      </c>
      <c r="G15525" s="1" t="s">
        <v>58258</v>
      </c>
      <c r="H15525" s="1" t="s">
        <v>58259</v>
      </c>
      <c r="I15525" s="1" t="s">
        <v>53800</v>
      </c>
      <c r="J15525" s="1" t="s">
        <v>58304</v>
      </c>
    </row>
    <row r="15526" spans="1:10" x14ac:dyDescent="0.35">
      <c r="A15526" s="1" t="s">
        <v>58254</v>
      </c>
      <c r="B15526" s="1" t="s">
        <v>53796</v>
      </c>
      <c r="C15526" s="1" t="s">
        <v>80</v>
      </c>
      <c r="D15526" s="1" t="s">
        <v>22051</v>
      </c>
      <c r="E15526" s="1" t="s">
        <v>23346</v>
      </c>
      <c r="F15526" s="1" t="s">
        <v>58305</v>
      </c>
      <c r="G15526" s="1" t="s">
        <v>58258</v>
      </c>
      <c r="H15526" s="1" t="s">
        <v>58259</v>
      </c>
      <c r="I15526" s="1" t="s">
        <v>53800</v>
      </c>
      <c r="J15526" s="1" t="s">
        <v>58306</v>
      </c>
    </row>
    <row r="15527" spans="1:10" x14ac:dyDescent="0.35">
      <c r="A15527" s="1" t="s">
        <v>58254</v>
      </c>
      <c r="B15527" s="1" t="s">
        <v>53796</v>
      </c>
      <c r="C15527" s="1" t="s">
        <v>85</v>
      </c>
      <c r="D15527" s="1" t="s">
        <v>58307</v>
      </c>
      <c r="E15527" s="1" t="s">
        <v>22475</v>
      </c>
      <c r="F15527" s="1" t="s">
        <v>58308</v>
      </c>
      <c r="G15527" s="1" t="s">
        <v>58258</v>
      </c>
      <c r="H15527" s="1" t="s">
        <v>58259</v>
      </c>
      <c r="I15527" s="1" t="s">
        <v>53800</v>
      </c>
      <c r="J15527" s="1" t="s">
        <v>58309</v>
      </c>
    </row>
    <row r="15528" spans="1:10" x14ac:dyDescent="0.35">
      <c r="A15528" s="1" t="s">
        <v>58254</v>
      </c>
      <c r="B15528" s="1" t="s">
        <v>53796</v>
      </c>
      <c r="C15528" s="1" t="s">
        <v>90</v>
      </c>
      <c r="D15528" s="1" t="s">
        <v>58310</v>
      </c>
      <c r="E15528" s="1" t="s">
        <v>54985</v>
      </c>
      <c r="F15528" s="1" t="s">
        <v>58311</v>
      </c>
      <c r="G15528" s="1" t="s">
        <v>58258</v>
      </c>
      <c r="H15528" s="1" t="s">
        <v>58259</v>
      </c>
      <c r="I15528" s="1" t="s">
        <v>53800</v>
      </c>
      <c r="J15528" s="1" t="s">
        <v>58312</v>
      </c>
    </row>
    <row r="15529" spans="1:10" x14ac:dyDescent="0.35">
      <c r="A15529" s="1" t="s">
        <v>58254</v>
      </c>
      <c r="B15529" s="1" t="s">
        <v>53796</v>
      </c>
      <c r="C15529" s="1" t="s">
        <v>95</v>
      </c>
      <c r="D15529" s="1" t="s">
        <v>58313</v>
      </c>
      <c r="E15529" s="1" t="s">
        <v>58314</v>
      </c>
      <c r="F15529" s="1" t="s">
        <v>58315</v>
      </c>
      <c r="G15529" s="1" t="s">
        <v>58258</v>
      </c>
      <c r="H15529" s="1" t="s">
        <v>58259</v>
      </c>
      <c r="I15529" s="1" t="s">
        <v>53800</v>
      </c>
      <c r="J15529" s="1" t="s">
        <v>58316</v>
      </c>
    </row>
    <row r="15530" spans="1:10" x14ac:dyDescent="0.35">
      <c r="A15530" s="1" t="s">
        <v>58254</v>
      </c>
      <c r="B15530" s="1" t="s">
        <v>53796</v>
      </c>
      <c r="C15530" s="1" t="s">
        <v>100</v>
      </c>
      <c r="D15530" s="1" t="s">
        <v>58317</v>
      </c>
      <c r="E15530" s="1" t="s">
        <v>58318</v>
      </c>
      <c r="F15530" s="1" t="s">
        <v>27154</v>
      </c>
      <c r="G15530" s="1" t="s">
        <v>58258</v>
      </c>
      <c r="H15530" s="1" t="s">
        <v>58259</v>
      </c>
      <c r="I15530" s="1" t="s">
        <v>53800</v>
      </c>
      <c r="J15530" s="1" t="s">
        <v>58319</v>
      </c>
    </row>
    <row r="15531" spans="1:10" x14ac:dyDescent="0.35">
      <c r="A15531" s="1" t="s">
        <v>58254</v>
      </c>
      <c r="B15531" s="1" t="s">
        <v>53796</v>
      </c>
      <c r="C15531" s="1" t="s">
        <v>105</v>
      </c>
      <c r="D15531" s="1" t="s">
        <v>53821</v>
      </c>
      <c r="E15531" s="1" t="s">
        <v>23065</v>
      </c>
      <c r="F15531" s="1" t="s">
        <v>58320</v>
      </c>
      <c r="G15531" s="1" t="s">
        <v>58258</v>
      </c>
      <c r="H15531" s="1" t="s">
        <v>58259</v>
      </c>
      <c r="I15531" s="1" t="s">
        <v>53800</v>
      </c>
      <c r="J15531" s="1" t="s">
        <v>58321</v>
      </c>
    </row>
    <row r="15532" spans="1:10" x14ac:dyDescent="0.35">
      <c r="A15532" s="1" t="s">
        <v>58254</v>
      </c>
      <c r="B15532" s="1" t="s">
        <v>53796</v>
      </c>
      <c r="C15532" s="1" t="s">
        <v>110</v>
      </c>
      <c r="D15532" s="1" t="s">
        <v>58322</v>
      </c>
      <c r="E15532" s="1" t="s">
        <v>58323</v>
      </c>
      <c r="F15532" s="1" t="s">
        <v>58324</v>
      </c>
      <c r="G15532" s="1" t="s">
        <v>58258</v>
      </c>
      <c r="H15532" s="1" t="s">
        <v>58259</v>
      </c>
      <c r="I15532" s="1" t="s">
        <v>53800</v>
      </c>
      <c r="J15532" s="1" t="s">
        <v>58325</v>
      </c>
    </row>
    <row r="15533" spans="1:10" x14ac:dyDescent="0.35">
      <c r="A15533" s="1" t="s">
        <v>58254</v>
      </c>
      <c r="B15533" s="1" t="s">
        <v>53796</v>
      </c>
      <c r="C15533" s="1" t="s">
        <v>115</v>
      </c>
      <c r="D15533" s="1" t="s">
        <v>53979</v>
      </c>
      <c r="E15533" s="1" t="s">
        <v>55035</v>
      </c>
      <c r="F15533" s="1" t="s">
        <v>58326</v>
      </c>
      <c r="G15533" s="1" t="s">
        <v>58258</v>
      </c>
      <c r="H15533" s="1" t="s">
        <v>58259</v>
      </c>
      <c r="I15533" s="1" t="s">
        <v>53800</v>
      </c>
      <c r="J15533" s="1" t="s">
        <v>58327</v>
      </c>
    </row>
    <row r="15534" spans="1:10" x14ac:dyDescent="0.35">
      <c r="A15534" s="1" t="s">
        <v>58254</v>
      </c>
      <c r="B15534" s="1" t="s">
        <v>53796</v>
      </c>
      <c r="C15534" s="1" t="s">
        <v>120</v>
      </c>
      <c r="D15534" s="1" t="s">
        <v>57343</v>
      </c>
      <c r="E15534" s="1" t="s">
        <v>24302</v>
      </c>
      <c r="F15534" s="1" t="s">
        <v>58328</v>
      </c>
      <c r="G15534" s="1" t="s">
        <v>58258</v>
      </c>
      <c r="H15534" s="1" t="s">
        <v>58259</v>
      </c>
      <c r="I15534" s="1" t="s">
        <v>53800</v>
      </c>
      <c r="J15534" s="1" t="s">
        <v>58329</v>
      </c>
    </row>
    <row r="15535" spans="1:10" x14ac:dyDescent="0.35">
      <c r="A15535" s="1" t="s">
        <v>58254</v>
      </c>
      <c r="B15535" s="1" t="s">
        <v>53796</v>
      </c>
      <c r="C15535" s="1" t="s">
        <v>125</v>
      </c>
      <c r="D15535" s="1" t="s">
        <v>58330</v>
      </c>
      <c r="E15535" s="1" t="s">
        <v>23057</v>
      </c>
      <c r="F15535" s="1" t="s">
        <v>58331</v>
      </c>
      <c r="G15535" s="1" t="s">
        <v>58258</v>
      </c>
      <c r="H15535" s="1" t="s">
        <v>58259</v>
      </c>
      <c r="I15535" s="1" t="s">
        <v>53800</v>
      </c>
      <c r="J15535" s="1" t="s">
        <v>58332</v>
      </c>
    </row>
    <row r="15536" spans="1:10" x14ac:dyDescent="0.35">
      <c r="A15536" s="1" t="s">
        <v>58254</v>
      </c>
      <c r="B15536" s="1" t="s">
        <v>53796</v>
      </c>
      <c r="C15536" s="1" t="s">
        <v>130</v>
      </c>
      <c r="D15536" s="1" t="s">
        <v>58333</v>
      </c>
      <c r="E15536" s="1" t="s">
        <v>55129</v>
      </c>
      <c r="F15536" s="1" t="s">
        <v>58334</v>
      </c>
      <c r="G15536" s="1" t="s">
        <v>58258</v>
      </c>
      <c r="H15536" s="1" t="s">
        <v>58259</v>
      </c>
      <c r="I15536" s="1" t="s">
        <v>53800</v>
      </c>
      <c r="J15536" s="1" t="s">
        <v>58335</v>
      </c>
    </row>
    <row r="15537" spans="1:10" x14ac:dyDescent="0.35">
      <c r="A15537" s="1" t="s">
        <v>58254</v>
      </c>
      <c r="B15537" s="1" t="s">
        <v>53796</v>
      </c>
      <c r="C15537" s="1" t="s">
        <v>135</v>
      </c>
      <c r="D15537" s="1" t="s">
        <v>56369</v>
      </c>
      <c r="E15537" s="1" t="s">
        <v>40644</v>
      </c>
      <c r="F15537" s="1" t="s">
        <v>58336</v>
      </c>
      <c r="G15537" s="1" t="s">
        <v>58258</v>
      </c>
      <c r="H15537" s="1" t="s">
        <v>58259</v>
      </c>
      <c r="I15537" s="1" t="s">
        <v>53800</v>
      </c>
      <c r="J15537" s="1" t="s">
        <v>58337</v>
      </c>
    </row>
    <row r="15538" spans="1:10" x14ac:dyDescent="0.35">
      <c r="A15538" s="1" t="s">
        <v>58254</v>
      </c>
      <c r="B15538" s="1" t="s">
        <v>53796</v>
      </c>
      <c r="C15538" s="1" t="s">
        <v>140</v>
      </c>
      <c r="D15538" s="1" t="s">
        <v>58338</v>
      </c>
      <c r="E15538" s="1" t="s">
        <v>58339</v>
      </c>
      <c r="F15538" s="1" t="s">
        <v>58340</v>
      </c>
      <c r="G15538" s="1" t="s">
        <v>58258</v>
      </c>
      <c r="H15538" s="1" t="s">
        <v>58259</v>
      </c>
      <c r="I15538" s="1" t="s">
        <v>53800</v>
      </c>
      <c r="J15538" s="1" t="s">
        <v>58341</v>
      </c>
    </row>
    <row r="15539" spans="1:10" x14ac:dyDescent="0.35">
      <c r="A15539" s="1" t="s">
        <v>58254</v>
      </c>
      <c r="B15539" s="1" t="s">
        <v>53796</v>
      </c>
      <c r="C15539" s="1" t="s">
        <v>145</v>
      </c>
      <c r="D15539" s="1" t="s">
        <v>58342</v>
      </c>
      <c r="E15539" s="1" t="s">
        <v>55916</v>
      </c>
      <c r="F15539" s="1" t="s">
        <v>58343</v>
      </c>
      <c r="G15539" s="1" t="s">
        <v>58258</v>
      </c>
      <c r="H15539" s="1" t="s">
        <v>58259</v>
      </c>
      <c r="I15539" s="1" t="s">
        <v>53800</v>
      </c>
      <c r="J15539" s="1" t="s">
        <v>58344</v>
      </c>
    </row>
    <row r="15540" spans="1:10" x14ac:dyDescent="0.35">
      <c r="A15540" s="1" t="s">
        <v>58254</v>
      </c>
      <c r="B15540" s="1" t="s">
        <v>53796</v>
      </c>
      <c r="C15540" s="1" t="s">
        <v>150</v>
      </c>
      <c r="D15540" s="1" t="s">
        <v>58345</v>
      </c>
      <c r="E15540" s="1" t="s">
        <v>54967</v>
      </c>
      <c r="F15540" s="1" t="s">
        <v>58346</v>
      </c>
      <c r="G15540" s="1" t="s">
        <v>58258</v>
      </c>
      <c r="H15540" s="1" t="s">
        <v>58259</v>
      </c>
      <c r="I15540" s="1" t="s">
        <v>53800</v>
      </c>
      <c r="J15540" s="1" t="s">
        <v>58347</v>
      </c>
    </row>
    <row r="15541" spans="1:10" x14ac:dyDescent="0.35">
      <c r="A15541" s="1" t="s">
        <v>58254</v>
      </c>
      <c r="B15541" s="1" t="s">
        <v>53796</v>
      </c>
      <c r="C15541" s="1" t="s">
        <v>155</v>
      </c>
      <c r="D15541" s="1" t="s">
        <v>58348</v>
      </c>
      <c r="E15541" s="1" t="s">
        <v>58349</v>
      </c>
      <c r="F15541" s="1" t="s">
        <v>15653</v>
      </c>
      <c r="G15541" s="1" t="s">
        <v>58258</v>
      </c>
      <c r="H15541" s="1" t="s">
        <v>58259</v>
      </c>
      <c r="I15541" s="1" t="s">
        <v>53800</v>
      </c>
      <c r="J15541" s="1" t="s">
        <v>58350</v>
      </c>
    </row>
    <row r="15542" spans="1:10" x14ac:dyDescent="0.35">
      <c r="A15542" s="1" t="s">
        <v>58254</v>
      </c>
      <c r="B15542" s="1" t="s">
        <v>53796</v>
      </c>
      <c r="C15542" s="1" t="s">
        <v>160</v>
      </c>
      <c r="D15542" s="1" t="s">
        <v>58351</v>
      </c>
      <c r="E15542" s="1" t="s">
        <v>58352</v>
      </c>
      <c r="F15542" s="1" t="s">
        <v>58353</v>
      </c>
      <c r="G15542" s="1" t="s">
        <v>58258</v>
      </c>
      <c r="H15542" s="1" t="s">
        <v>58259</v>
      </c>
      <c r="I15542" s="1" t="s">
        <v>53800</v>
      </c>
      <c r="J15542" s="1" t="s">
        <v>58354</v>
      </c>
    </row>
    <row r="15543" spans="1:10" x14ac:dyDescent="0.35">
      <c r="A15543" s="1" t="s">
        <v>58254</v>
      </c>
      <c r="B15543" s="1" t="s">
        <v>53796</v>
      </c>
      <c r="C15543" s="1" t="s">
        <v>165</v>
      </c>
      <c r="D15543" s="1" t="s">
        <v>58355</v>
      </c>
      <c r="E15543" s="1" t="s">
        <v>21132</v>
      </c>
      <c r="F15543" s="1" t="s">
        <v>58356</v>
      </c>
      <c r="G15543" s="1" t="s">
        <v>58258</v>
      </c>
      <c r="H15543" s="1" t="s">
        <v>58259</v>
      </c>
      <c r="I15543" s="1" t="s">
        <v>53800</v>
      </c>
      <c r="J15543" s="1" t="s">
        <v>58357</v>
      </c>
    </row>
    <row r="15544" spans="1:10" x14ac:dyDescent="0.35">
      <c r="A15544" s="1" t="s">
        <v>58254</v>
      </c>
      <c r="B15544" s="1" t="s">
        <v>53796</v>
      </c>
      <c r="C15544" s="1" t="s">
        <v>170</v>
      </c>
      <c r="D15544" s="1" t="s">
        <v>58358</v>
      </c>
      <c r="E15544" s="1" t="s">
        <v>58359</v>
      </c>
      <c r="F15544" s="1" t="s">
        <v>58360</v>
      </c>
      <c r="G15544" s="1" t="s">
        <v>58258</v>
      </c>
      <c r="H15544" s="1" t="s">
        <v>58259</v>
      </c>
      <c r="I15544" s="1" t="s">
        <v>53800</v>
      </c>
      <c r="J15544" s="1" t="s">
        <v>58361</v>
      </c>
    </row>
    <row r="15545" spans="1:10" x14ac:dyDescent="0.35">
      <c r="A15545" s="1" t="s">
        <v>58362</v>
      </c>
      <c r="B15545" s="1" t="s">
        <v>53796</v>
      </c>
      <c r="C15545" s="1" t="s">
        <v>8</v>
      </c>
      <c r="D15545" s="1" t="s">
        <v>53654</v>
      </c>
      <c r="E15545" s="1" t="s">
        <v>41152</v>
      </c>
      <c r="F15545" s="1" t="s">
        <v>58363</v>
      </c>
      <c r="G15545" s="1" t="s">
        <v>58364</v>
      </c>
      <c r="H15545" s="1" t="s">
        <v>58365</v>
      </c>
      <c r="I15545" s="1" t="s">
        <v>53800</v>
      </c>
      <c r="J15545" s="1" t="s">
        <v>13</v>
      </c>
    </row>
    <row r="15546" spans="1:10" x14ac:dyDescent="0.35">
      <c r="A15546" s="1" t="s">
        <v>58362</v>
      </c>
      <c r="B15546" s="1" t="s">
        <v>53796</v>
      </c>
      <c r="C15546" s="1" t="s">
        <v>15</v>
      </c>
      <c r="D15546" s="1" t="s">
        <v>58366</v>
      </c>
      <c r="E15546" s="1" t="s">
        <v>23106</v>
      </c>
      <c r="F15546" s="1" t="s">
        <v>58367</v>
      </c>
      <c r="G15546" s="1" t="s">
        <v>58364</v>
      </c>
      <c r="H15546" s="1" t="s">
        <v>58365</v>
      </c>
      <c r="I15546" s="1" t="s">
        <v>53800</v>
      </c>
      <c r="J15546" s="1" t="s">
        <v>58368</v>
      </c>
    </row>
    <row r="15547" spans="1:10" x14ac:dyDescent="0.35">
      <c r="A15547" s="1" t="s">
        <v>58362</v>
      </c>
      <c r="B15547" s="1" t="s">
        <v>53796</v>
      </c>
      <c r="C15547" s="1" t="s">
        <v>20</v>
      </c>
      <c r="D15547" s="1" t="s">
        <v>58369</v>
      </c>
      <c r="E15547" s="1" t="s">
        <v>58370</v>
      </c>
      <c r="F15547" s="1" t="s">
        <v>58371</v>
      </c>
      <c r="G15547" s="1" t="s">
        <v>58364</v>
      </c>
      <c r="H15547" s="1" t="s">
        <v>58365</v>
      </c>
      <c r="I15547" s="1" t="s">
        <v>53800</v>
      </c>
      <c r="J15547" s="1" t="s">
        <v>58372</v>
      </c>
    </row>
    <row r="15548" spans="1:10" x14ac:dyDescent="0.35">
      <c r="A15548" s="1" t="s">
        <v>58362</v>
      </c>
      <c r="B15548" s="1" t="s">
        <v>53796</v>
      </c>
      <c r="C15548" s="1" t="s">
        <v>25</v>
      </c>
      <c r="D15548" s="1" t="s">
        <v>58373</v>
      </c>
      <c r="E15548" s="1" t="s">
        <v>31374</v>
      </c>
      <c r="F15548" s="1" t="s">
        <v>58374</v>
      </c>
      <c r="G15548" s="1" t="s">
        <v>58364</v>
      </c>
      <c r="H15548" s="1" t="s">
        <v>58365</v>
      </c>
      <c r="I15548" s="1" t="s">
        <v>53800</v>
      </c>
      <c r="J15548" s="1" t="s">
        <v>58375</v>
      </c>
    </row>
    <row r="15549" spans="1:10" x14ac:dyDescent="0.35">
      <c r="A15549" s="1" t="s">
        <v>58362</v>
      </c>
      <c r="B15549" s="1" t="s">
        <v>53796</v>
      </c>
      <c r="C15549" s="1" t="s">
        <v>30</v>
      </c>
      <c r="D15549" s="1" t="s">
        <v>58376</v>
      </c>
      <c r="E15549" s="1" t="s">
        <v>53920</v>
      </c>
      <c r="F15549" s="1" t="s">
        <v>58377</v>
      </c>
      <c r="G15549" s="1" t="s">
        <v>58364</v>
      </c>
      <c r="H15549" s="1" t="s">
        <v>58365</v>
      </c>
      <c r="I15549" s="1" t="s">
        <v>53800</v>
      </c>
      <c r="J15549" s="1" t="s">
        <v>58378</v>
      </c>
    </row>
    <row r="15550" spans="1:10" x14ac:dyDescent="0.35">
      <c r="A15550" s="1" t="s">
        <v>58362</v>
      </c>
      <c r="B15550" s="1" t="s">
        <v>53796</v>
      </c>
      <c r="C15550" s="1" t="s">
        <v>35</v>
      </c>
      <c r="D15550" s="1" t="s">
        <v>58379</v>
      </c>
      <c r="E15550" s="1" t="s">
        <v>24347</v>
      </c>
      <c r="F15550" s="1" t="s">
        <v>58380</v>
      </c>
      <c r="G15550" s="1" t="s">
        <v>58364</v>
      </c>
      <c r="H15550" s="1" t="s">
        <v>58365</v>
      </c>
      <c r="I15550" s="1" t="s">
        <v>53800</v>
      </c>
      <c r="J15550" s="1" t="s">
        <v>58381</v>
      </c>
    </row>
    <row r="15551" spans="1:10" x14ac:dyDescent="0.35">
      <c r="A15551" s="1" t="s">
        <v>58362</v>
      </c>
      <c r="B15551" s="1" t="s">
        <v>53796</v>
      </c>
      <c r="C15551" s="1" t="s">
        <v>40</v>
      </c>
      <c r="D15551" s="1" t="s">
        <v>58382</v>
      </c>
      <c r="E15551" s="1" t="s">
        <v>58383</v>
      </c>
      <c r="F15551" s="1" t="s">
        <v>58384</v>
      </c>
      <c r="G15551" s="1" t="s">
        <v>58364</v>
      </c>
      <c r="H15551" s="1" t="s">
        <v>58365</v>
      </c>
      <c r="I15551" s="1" t="s">
        <v>53800</v>
      </c>
      <c r="J15551" s="1" t="s">
        <v>58385</v>
      </c>
    </row>
    <row r="15552" spans="1:10" x14ac:dyDescent="0.35">
      <c r="A15552" s="1" t="s">
        <v>58362</v>
      </c>
      <c r="B15552" s="1" t="s">
        <v>53796</v>
      </c>
      <c r="C15552" s="1" t="s">
        <v>45</v>
      </c>
      <c r="D15552" s="1" t="s">
        <v>58386</v>
      </c>
      <c r="E15552" s="1" t="s">
        <v>41283</v>
      </c>
      <c r="F15552" s="1" t="s">
        <v>58387</v>
      </c>
      <c r="G15552" s="1" t="s">
        <v>58364</v>
      </c>
      <c r="H15552" s="1" t="s">
        <v>58365</v>
      </c>
      <c r="I15552" s="1" t="s">
        <v>53800</v>
      </c>
      <c r="J15552" s="1" t="s">
        <v>58388</v>
      </c>
    </row>
    <row r="15553" spans="1:10" x14ac:dyDescent="0.35">
      <c r="A15553" s="1" t="s">
        <v>58362</v>
      </c>
      <c r="B15553" s="1" t="s">
        <v>53796</v>
      </c>
      <c r="C15553" s="1" t="s">
        <v>50</v>
      </c>
      <c r="D15553" s="1" t="s">
        <v>58389</v>
      </c>
      <c r="E15553" s="1" t="s">
        <v>21186</v>
      </c>
      <c r="F15553" s="1" t="s">
        <v>58390</v>
      </c>
      <c r="G15553" s="1" t="s">
        <v>58364</v>
      </c>
      <c r="H15553" s="1" t="s">
        <v>58365</v>
      </c>
      <c r="I15553" s="1" t="s">
        <v>53800</v>
      </c>
      <c r="J15553" s="1" t="s">
        <v>58391</v>
      </c>
    </row>
    <row r="15554" spans="1:10" x14ac:dyDescent="0.35">
      <c r="A15554" s="1" t="s">
        <v>58362</v>
      </c>
      <c r="B15554" s="1" t="s">
        <v>53796</v>
      </c>
      <c r="C15554" s="1" t="s">
        <v>55</v>
      </c>
      <c r="D15554" s="1" t="s">
        <v>58392</v>
      </c>
      <c r="E15554" s="1" t="s">
        <v>57937</v>
      </c>
      <c r="F15554" s="1" t="s">
        <v>58393</v>
      </c>
      <c r="G15554" s="1" t="s">
        <v>58364</v>
      </c>
      <c r="H15554" s="1" t="s">
        <v>58365</v>
      </c>
      <c r="I15554" s="1" t="s">
        <v>53800</v>
      </c>
      <c r="J15554" s="1" t="s">
        <v>58394</v>
      </c>
    </row>
    <row r="15555" spans="1:10" x14ac:dyDescent="0.35">
      <c r="A15555" s="1" t="s">
        <v>58362</v>
      </c>
      <c r="B15555" s="1" t="s">
        <v>53796</v>
      </c>
      <c r="C15555" s="1" t="s">
        <v>60</v>
      </c>
      <c r="D15555" s="1" t="s">
        <v>58395</v>
      </c>
      <c r="E15555" s="1" t="s">
        <v>58396</v>
      </c>
      <c r="F15555" s="1" t="s">
        <v>58397</v>
      </c>
      <c r="G15555" s="1" t="s">
        <v>58364</v>
      </c>
      <c r="H15555" s="1" t="s">
        <v>58365</v>
      </c>
      <c r="I15555" s="1" t="s">
        <v>53800</v>
      </c>
      <c r="J15555" s="1" t="s">
        <v>58398</v>
      </c>
    </row>
    <row r="15556" spans="1:10" x14ac:dyDescent="0.35">
      <c r="A15556" s="1" t="s">
        <v>58362</v>
      </c>
      <c r="B15556" s="1" t="s">
        <v>53796</v>
      </c>
      <c r="C15556" s="1" t="s">
        <v>65</v>
      </c>
      <c r="D15556" s="1" t="s">
        <v>58399</v>
      </c>
      <c r="E15556" s="1" t="s">
        <v>58400</v>
      </c>
      <c r="F15556" s="1" t="s">
        <v>57169</v>
      </c>
      <c r="G15556" s="1" t="s">
        <v>58364</v>
      </c>
      <c r="H15556" s="1" t="s">
        <v>58365</v>
      </c>
      <c r="I15556" s="1" t="s">
        <v>53800</v>
      </c>
      <c r="J15556" s="1" t="s">
        <v>58401</v>
      </c>
    </row>
    <row r="15557" spans="1:10" x14ac:dyDescent="0.35">
      <c r="A15557" s="1" t="s">
        <v>58362</v>
      </c>
      <c r="B15557" s="1" t="s">
        <v>53796</v>
      </c>
      <c r="C15557" s="1" t="s">
        <v>70</v>
      </c>
      <c r="D15557" s="1" t="s">
        <v>58402</v>
      </c>
      <c r="E15557" s="1" t="s">
        <v>41305</v>
      </c>
      <c r="F15557" s="1" t="s">
        <v>58403</v>
      </c>
      <c r="G15557" s="1" t="s">
        <v>58364</v>
      </c>
      <c r="H15557" s="1" t="s">
        <v>58365</v>
      </c>
      <c r="I15557" s="1" t="s">
        <v>53800</v>
      </c>
      <c r="J15557" s="1" t="s">
        <v>58404</v>
      </c>
    </row>
    <row r="15558" spans="1:10" x14ac:dyDescent="0.35">
      <c r="A15558" s="1" t="s">
        <v>58362</v>
      </c>
      <c r="B15558" s="1" t="s">
        <v>53796</v>
      </c>
      <c r="C15558" s="1" t="s">
        <v>75</v>
      </c>
      <c r="D15558" s="1" t="s">
        <v>58405</v>
      </c>
      <c r="E15558" s="1" t="s">
        <v>41395</v>
      </c>
      <c r="F15558" s="1" t="s">
        <v>58406</v>
      </c>
      <c r="G15558" s="1" t="s">
        <v>58364</v>
      </c>
      <c r="H15558" s="1" t="s">
        <v>58365</v>
      </c>
      <c r="I15558" s="1" t="s">
        <v>53800</v>
      </c>
      <c r="J15558" s="1" t="s">
        <v>58407</v>
      </c>
    </row>
    <row r="15559" spans="1:10" x14ac:dyDescent="0.35">
      <c r="A15559" s="1" t="s">
        <v>58362</v>
      </c>
      <c r="B15559" s="1" t="s">
        <v>53796</v>
      </c>
      <c r="C15559" s="1" t="s">
        <v>80</v>
      </c>
      <c r="D15559" s="1" t="s">
        <v>58408</v>
      </c>
      <c r="E15559" s="1" t="s">
        <v>58409</v>
      </c>
      <c r="F15559" s="1" t="s">
        <v>58410</v>
      </c>
      <c r="G15559" s="1" t="s">
        <v>58364</v>
      </c>
      <c r="H15559" s="1" t="s">
        <v>58365</v>
      </c>
      <c r="I15559" s="1" t="s">
        <v>53800</v>
      </c>
      <c r="J15559" s="1" t="s">
        <v>58411</v>
      </c>
    </row>
    <row r="15560" spans="1:10" x14ac:dyDescent="0.35">
      <c r="A15560" s="1" t="s">
        <v>58362</v>
      </c>
      <c r="B15560" s="1" t="s">
        <v>53796</v>
      </c>
      <c r="C15560" s="1" t="s">
        <v>85</v>
      </c>
      <c r="D15560" s="1" t="s">
        <v>58412</v>
      </c>
      <c r="E15560" s="1" t="s">
        <v>23399</v>
      </c>
      <c r="F15560" s="1" t="s">
        <v>58413</v>
      </c>
      <c r="G15560" s="1" t="s">
        <v>58364</v>
      </c>
      <c r="H15560" s="1" t="s">
        <v>58365</v>
      </c>
      <c r="I15560" s="1" t="s">
        <v>53800</v>
      </c>
      <c r="J15560" s="1" t="s">
        <v>58414</v>
      </c>
    </row>
    <row r="15561" spans="1:10" x14ac:dyDescent="0.35">
      <c r="A15561" s="1" t="s">
        <v>58362</v>
      </c>
      <c r="B15561" s="1" t="s">
        <v>53796</v>
      </c>
      <c r="C15561" s="1" t="s">
        <v>90</v>
      </c>
      <c r="D15561" s="1" t="s">
        <v>40929</v>
      </c>
      <c r="E15561" s="1" t="s">
        <v>58415</v>
      </c>
      <c r="F15561" s="1" t="s">
        <v>58416</v>
      </c>
      <c r="G15561" s="1" t="s">
        <v>58364</v>
      </c>
      <c r="H15561" s="1" t="s">
        <v>58365</v>
      </c>
      <c r="I15561" s="1" t="s">
        <v>53800</v>
      </c>
      <c r="J15561" s="1" t="s">
        <v>58417</v>
      </c>
    </row>
    <row r="15562" spans="1:10" x14ac:dyDescent="0.35">
      <c r="A15562" s="1" t="s">
        <v>58362</v>
      </c>
      <c r="B15562" s="1" t="s">
        <v>53796</v>
      </c>
      <c r="C15562" s="1" t="s">
        <v>95</v>
      </c>
      <c r="D15562" s="1" t="s">
        <v>58418</v>
      </c>
      <c r="E15562" s="1" t="s">
        <v>57237</v>
      </c>
      <c r="F15562" s="1" t="s">
        <v>58419</v>
      </c>
      <c r="G15562" s="1" t="s">
        <v>58364</v>
      </c>
      <c r="H15562" s="1" t="s">
        <v>58365</v>
      </c>
      <c r="I15562" s="1" t="s">
        <v>53800</v>
      </c>
      <c r="J15562" s="1" t="s">
        <v>58420</v>
      </c>
    </row>
    <row r="15563" spans="1:10" x14ac:dyDescent="0.35">
      <c r="A15563" s="1" t="s">
        <v>58362</v>
      </c>
      <c r="B15563" s="1" t="s">
        <v>53796</v>
      </c>
      <c r="C15563" s="1" t="s">
        <v>100</v>
      </c>
      <c r="D15563" s="1" t="s">
        <v>58421</v>
      </c>
      <c r="E15563" s="1" t="s">
        <v>56651</v>
      </c>
      <c r="F15563" s="1" t="s">
        <v>58422</v>
      </c>
      <c r="G15563" s="1" t="s">
        <v>58364</v>
      </c>
      <c r="H15563" s="1" t="s">
        <v>58365</v>
      </c>
      <c r="I15563" s="1" t="s">
        <v>53800</v>
      </c>
      <c r="J15563" s="1" t="s">
        <v>58423</v>
      </c>
    </row>
    <row r="15564" spans="1:10" x14ac:dyDescent="0.35">
      <c r="A15564" s="1" t="s">
        <v>58362</v>
      </c>
      <c r="B15564" s="1" t="s">
        <v>53796</v>
      </c>
      <c r="C15564" s="1" t="s">
        <v>105</v>
      </c>
      <c r="D15564" s="1" t="s">
        <v>58424</v>
      </c>
      <c r="E15564" s="1" t="s">
        <v>22040</v>
      </c>
      <c r="F15564" s="1" t="s">
        <v>58425</v>
      </c>
      <c r="G15564" s="1" t="s">
        <v>58364</v>
      </c>
      <c r="H15564" s="1" t="s">
        <v>58365</v>
      </c>
      <c r="I15564" s="1" t="s">
        <v>53800</v>
      </c>
      <c r="J15564" s="1" t="s">
        <v>58426</v>
      </c>
    </row>
    <row r="15565" spans="1:10" x14ac:dyDescent="0.35">
      <c r="A15565" s="1" t="s">
        <v>58362</v>
      </c>
      <c r="B15565" s="1" t="s">
        <v>53796</v>
      </c>
      <c r="C15565" s="1" t="s">
        <v>110</v>
      </c>
      <c r="D15565" s="1" t="s">
        <v>58427</v>
      </c>
      <c r="E15565" s="1" t="s">
        <v>55074</v>
      </c>
      <c r="F15565" s="1" t="s">
        <v>58428</v>
      </c>
      <c r="G15565" s="1" t="s">
        <v>58364</v>
      </c>
      <c r="H15565" s="1" t="s">
        <v>58365</v>
      </c>
      <c r="I15565" s="1" t="s">
        <v>53800</v>
      </c>
      <c r="J15565" s="1" t="s">
        <v>58429</v>
      </c>
    </row>
    <row r="15566" spans="1:10" x14ac:dyDescent="0.35">
      <c r="A15566" s="1" t="s">
        <v>58362</v>
      </c>
      <c r="B15566" s="1" t="s">
        <v>53796</v>
      </c>
      <c r="C15566" s="1" t="s">
        <v>115</v>
      </c>
      <c r="D15566" s="1" t="s">
        <v>58430</v>
      </c>
      <c r="E15566" s="1" t="s">
        <v>54095</v>
      </c>
      <c r="F15566" s="1" t="s">
        <v>58431</v>
      </c>
      <c r="G15566" s="1" t="s">
        <v>58364</v>
      </c>
      <c r="H15566" s="1" t="s">
        <v>58365</v>
      </c>
      <c r="I15566" s="1" t="s">
        <v>53800</v>
      </c>
      <c r="J15566" s="1" t="s">
        <v>58432</v>
      </c>
    </row>
    <row r="15567" spans="1:10" x14ac:dyDescent="0.35">
      <c r="A15567" s="1" t="s">
        <v>58362</v>
      </c>
      <c r="B15567" s="1" t="s">
        <v>53796</v>
      </c>
      <c r="C15567" s="1" t="s">
        <v>120</v>
      </c>
      <c r="D15567" s="1" t="s">
        <v>58433</v>
      </c>
      <c r="E15567" s="1" t="s">
        <v>41320</v>
      </c>
      <c r="F15567" s="1" t="s">
        <v>58434</v>
      </c>
      <c r="G15567" s="1" t="s">
        <v>58364</v>
      </c>
      <c r="H15567" s="1" t="s">
        <v>58365</v>
      </c>
      <c r="I15567" s="1" t="s">
        <v>53800</v>
      </c>
      <c r="J15567" s="1" t="s">
        <v>58435</v>
      </c>
    </row>
    <row r="15568" spans="1:10" x14ac:dyDescent="0.35">
      <c r="A15568" s="1" t="s">
        <v>58362</v>
      </c>
      <c r="B15568" s="1" t="s">
        <v>53796</v>
      </c>
      <c r="C15568" s="1" t="s">
        <v>125</v>
      </c>
      <c r="D15568" s="1" t="s">
        <v>58436</v>
      </c>
      <c r="E15568" s="1" t="s">
        <v>24343</v>
      </c>
      <c r="F15568" s="1" t="s">
        <v>58437</v>
      </c>
      <c r="G15568" s="1" t="s">
        <v>58364</v>
      </c>
      <c r="H15568" s="1" t="s">
        <v>58365</v>
      </c>
      <c r="I15568" s="1" t="s">
        <v>53800</v>
      </c>
      <c r="J15568" s="1" t="s">
        <v>58438</v>
      </c>
    </row>
    <row r="15569" spans="1:10" x14ac:dyDescent="0.35">
      <c r="A15569" s="1" t="s">
        <v>58362</v>
      </c>
      <c r="B15569" s="1" t="s">
        <v>53796</v>
      </c>
      <c r="C15569" s="1" t="s">
        <v>130</v>
      </c>
      <c r="D15569" s="1" t="s">
        <v>58439</v>
      </c>
      <c r="E15569" s="1" t="s">
        <v>32584</v>
      </c>
      <c r="F15569" s="1" t="s">
        <v>58440</v>
      </c>
      <c r="G15569" s="1" t="s">
        <v>58364</v>
      </c>
      <c r="H15569" s="1" t="s">
        <v>58365</v>
      </c>
      <c r="I15569" s="1" t="s">
        <v>53800</v>
      </c>
      <c r="J15569" s="1" t="s">
        <v>58441</v>
      </c>
    </row>
    <row r="15570" spans="1:10" x14ac:dyDescent="0.35">
      <c r="A15570" s="1" t="s">
        <v>58362</v>
      </c>
      <c r="B15570" s="1" t="s">
        <v>53796</v>
      </c>
      <c r="C15570" s="1" t="s">
        <v>135</v>
      </c>
      <c r="D15570" s="1" t="s">
        <v>58442</v>
      </c>
      <c r="E15570" s="1" t="s">
        <v>58443</v>
      </c>
      <c r="F15570" s="1" t="s">
        <v>58444</v>
      </c>
      <c r="G15570" s="1" t="s">
        <v>58364</v>
      </c>
      <c r="H15570" s="1" t="s">
        <v>58365</v>
      </c>
      <c r="I15570" s="1" t="s">
        <v>53800</v>
      </c>
      <c r="J15570" s="1" t="s">
        <v>58445</v>
      </c>
    </row>
    <row r="15571" spans="1:10" x14ac:dyDescent="0.35">
      <c r="A15571" s="1" t="s">
        <v>58362</v>
      </c>
      <c r="B15571" s="1" t="s">
        <v>53796</v>
      </c>
      <c r="C15571" s="1" t="s">
        <v>140</v>
      </c>
      <c r="D15571" s="1" t="s">
        <v>58446</v>
      </c>
      <c r="E15571" s="1" t="s">
        <v>58447</v>
      </c>
      <c r="F15571" s="1" t="s">
        <v>58448</v>
      </c>
      <c r="G15571" s="1" t="s">
        <v>58364</v>
      </c>
      <c r="H15571" s="1" t="s">
        <v>58365</v>
      </c>
      <c r="I15571" s="1" t="s">
        <v>53800</v>
      </c>
      <c r="J15571" s="1" t="s">
        <v>58449</v>
      </c>
    </row>
    <row r="15572" spans="1:10" x14ac:dyDescent="0.35">
      <c r="A15572" s="1" t="s">
        <v>58362</v>
      </c>
      <c r="B15572" s="1" t="s">
        <v>53796</v>
      </c>
      <c r="C15572" s="1" t="s">
        <v>145</v>
      </c>
      <c r="D15572" s="1" t="s">
        <v>58450</v>
      </c>
      <c r="E15572" s="1" t="s">
        <v>12875</v>
      </c>
      <c r="F15572" s="1" t="s">
        <v>58451</v>
      </c>
      <c r="G15572" s="1" t="s">
        <v>58364</v>
      </c>
      <c r="H15572" s="1" t="s">
        <v>58365</v>
      </c>
      <c r="I15572" s="1" t="s">
        <v>53800</v>
      </c>
      <c r="J15572" s="1" t="s">
        <v>58452</v>
      </c>
    </row>
    <row r="15573" spans="1:10" x14ac:dyDescent="0.35">
      <c r="A15573" s="1" t="s">
        <v>58362</v>
      </c>
      <c r="B15573" s="1" t="s">
        <v>53796</v>
      </c>
      <c r="C15573" s="1" t="s">
        <v>150</v>
      </c>
      <c r="D15573" s="1" t="s">
        <v>58453</v>
      </c>
      <c r="E15573" s="1" t="s">
        <v>58454</v>
      </c>
      <c r="F15573" s="1" t="s">
        <v>56699</v>
      </c>
      <c r="G15573" s="1" t="s">
        <v>58364</v>
      </c>
      <c r="H15573" s="1" t="s">
        <v>58365</v>
      </c>
      <c r="I15573" s="1" t="s">
        <v>53800</v>
      </c>
      <c r="J15573" s="1" t="s">
        <v>58455</v>
      </c>
    </row>
    <row r="15574" spans="1:10" x14ac:dyDescent="0.35">
      <c r="A15574" s="1" t="s">
        <v>58362</v>
      </c>
      <c r="B15574" s="1" t="s">
        <v>53796</v>
      </c>
      <c r="C15574" s="1" t="s">
        <v>155</v>
      </c>
      <c r="D15574" s="1" t="s">
        <v>58456</v>
      </c>
      <c r="E15574" s="1" t="s">
        <v>54474</v>
      </c>
      <c r="F15574" s="1" t="s">
        <v>32108</v>
      </c>
      <c r="G15574" s="1" t="s">
        <v>58364</v>
      </c>
      <c r="H15574" s="1" t="s">
        <v>58365</v>
      </c>
      <c r="I15574" s="1" t="s">
        <v>53800</v>
      </c>
      <c r="J15574" s="1" t="s">
        <v>58457</v>
      </c>
    </row>
    <row r="15575" spans="1:10" x14ac:dyDescent="0.35">
      <c r="A15575" s="1" t="s">
        <v>58362</v>
      </c>
      <c r="B15575" s="1" t="s">
        <v>53796</v>
      </c>
      <c r="C15575" s="1" t="s">
        <v>160</v>
      </c>
      <c r="D15575" s="1" t="s">
        <v>58458</v>
      </c>
      <c r="E15575" s="1" t="s">
        <v>58415</v>
      </c>
      <c r="F15575" s="1" t="s">
        <v>58459</v>
      </c>
      <c r="G15575" s="1" t="s">
        <v>58364</v>
      </c>
      <c r="H15575" s="1" t="s">
        <v>58365</v>
      </c>
      <c r="I15575" s="1" t="s">
        <v>53800</v>
      </c>
      <c r="J15575" s="1" t="s">
        <v>58460</v>
      </c>
    </row>
    <row r="15576" spans="1:10" x14ac:dyDescent="0.35">
      <c r="A15576" s="1" t="s">
        <v>58362</v>
      </c>
      <c r="B15576" s="1" t="s">
        <v>53796</v>
      </c>
      <c r="C15576" s="1" t="s">
        <v>165</v>
      </c>
      <c r="D15576" s="1" t="s">
        <v>58461</v>
      </c>
      <c r="E15576" s="1" t="s">
        <v>55943</v>
      </c>
      <c r="F15576" s="1" t="s">
        <v>23488</v>
      </c>
      <c r="G15576" s="1" t="s">
        <v>58364</v>
      </c>
      <c r="H15576" s="1" t="s">
        <v>58365</v>
      </c>
      <c r="I15576" s="1" t="s">
        <v>53800</v>
      </c>
      <c r="J15576" s="1" t="s">
        <v>58462</v>
      </c>
    </row>
    <row r="15577" spans="1:10" x14ac:dyDescent="0.35">
      <c r="A15577" s="1" t="s">
        <v>58362</v>
      </c>
      <c r="B15577" s="1" t="s">
        <v>53796</v>
      </c>
      <c r="C15577" s="1" t="s">
        <v>170</v>
      </c>
      <c r="D15577" s="1" t="s">
        <v>58463</v>
      </c>
      <c r="E15577" s="1" t="s">
        <v>31435</v>
      </c>
      <c r="F15577" s="1" t="s">
        <v>58464</v>
      </c>
      <c r="G15577" s="1" t="s">
        <v>58364</v>
      </c>
      <c r="H15577" s="1" t="s">
        <v>58365</v>
      </c>
      <c r="I15577" s="1" t="s">
        <v>53800</v>
      </c>
      <c r="J15577" s="1" t="s">
        <v>58465</v>
      </c>
    </row>
    <row r="15578" spans="1:10" x14ac:dyDescent="0.35">
      <c r="A15578" s="1" t="s">
        <v>6977</v>
      </c>
      <c r="B15578" s="1" t="s">
        <v>53796</v>
      </c>
      <c r="C15578" s="1" t="s">
        <v>8</v>
      </c>
      <c r="D15578" s="1" t="s">
        <v>58466</v>
      </c>
      <c r="E15578" s="1" t="s">
        <v>21174</v>
      </c>
      <c r="F15578" s="1" t="s">
        <v>58467</v>
      </c>
      <c r="G15578" s="1" t="s">
        <v>58468</v>
      </c>
      <c r="H15578" s="1" t="s">
        <v>58469</v>
      </c>
      <c r="I15578" s="1" t="s">
        <v>53800</v>
      </c>
      <c r="J15578" s="1" t="s">
        <v>13</v>
      </c>
    </row>
    <row r="15579" spans="1:10" x14ac:dyDescent="0.35">
      <c r="A15579" s="1" t="s">
        <v>6977</v>
      </c>
      <c r="B15579" s="1" t="s">
        <v>53796</v>
      </c>
      <c r="C15579" s="1" t="s">
        <v>15</v>
      </c>
      <c r="D15579" s="1" t="s">
        <v>58470</v>
      </c>
      <c r="E15579" s="1" t="s">
        <v>23021</v>
      </c>
      <c r="F15579" s="1" t="s">
        <v>58471</v>
      </c>
      <c r="G15579" s="1" t="s">
        <v>58468</v>
      </c>
      <c r="H15579" s="1" t="s">
        <v>58469</v>
      </c>
      <c r="I15579" s="1" t="s">
        <v>53800</v>
      </c>
      <c r="J15579" s="1" t="s">
        <v>58472</v>
      </c>
    </row>
    <row r="15580" spans="1:10" x14ac:dyDescent="0.35">
      <c r="A15580" s="1" t="s">
        <v>6977</v>
      </c>
      <c r="B15580" s="1" t="s">
        <v>53796</v>
      </c>
      <c r="C15580" s="1" t="s">
        <v>20</v>
      </c>
      <c r="D15580" s="1" t="s">
        <v>58473</v>
      </c>
      <c r="E15580" s="1" t="s">
        <v>54729</v>
      </c>
      <c r="F15580" s="1" t="s">
        <v>58474</v>
      </c>
      <c r="G15580" s="1" t="s">
        <v>58468</v>
      </c>
      <c r="H15580" s="1" t="s">
        <v>58469</v>
      </c>
      <c r="I15580" s="1" t="s">
        <v>53800</v>
      </c>
      <c r="J15580" s="1" t="s">
        <v>58475</v>
      </c>
    </row>
    <row r="15581" spans="1:10" x14ac:dyDescent="0.35">
      <c r="A15581" s="1" t="s">
        <v>6977</v>
      </c>
      <c r="B15581" s="1" t="s">
        <v>53796</v>
      </c>
      <c r="C15581" s="1" t="s">
        <v>25</v>
      </c>
      <c r="D15581" s="1" t="s">
        <v>20031</v>
      </c>
      <c r="E15581" s="1" t="s">
        <v>21093</v>
      </c>
      <c r="F15581" s="1" t="s">
        <v>58476</v>
      </c>
      <c r="G15581" s="1" t="s">
        <v>58468</v>
      </c>
      <c r="H15581" s="1" t="s">
        <v>58469</v>
      </c>
      <c r="I15581" s="1" t="s">
        <v>53800</v>
      </c>
      <c r="J15581" s="1" t="s">
        <v>58477</v>
      </c>
    </row>
    <row r="15582" spans="1:10" x14ac:dyDescent="0.35">
      <c r="A15582" s="1" t="s">
        <v>6977</v>
      </c>
      <c r="B15582" s="1" t="s">
        <v>53796</v>
      </c>
      <c r="C15582" s="1" t="s">
        <v>30</v>
      </c>
      <c r="D15582" s="1" t="s">
        <v>58478</v>
      </c>
      <c r="E15582" s="1" t="s">
        <v>55248</v>
      </c>
      <c r="F15582" s="1" t="s">
        <v>58479</v>
      </c>
      <c r="G15582" s="1" t="s">
        <v>58468</v>
      </c>
      <c r="H15582" s="1" t="s">
        <v>58469</v>
      </c>
      <c r="I15582" s="1" t="s">
        <v>53800</v>
      </c>
      <c r="J15582" s="1" t="s">
        <v>58480</v>
      </c>
    </row>
    <row r="15583" spans="1:10" x14ac:dyDescent="0.35">
      <c r="A15583" s="1" t="s">
        <v>6977</v>
      </c>
      <c r="B15583" s="1" t="s">
        <v>53796</v>
      </c>
      <c r="C15583" s="1" t="s">
        <v>35</v>
      </c>
      <c r="D15583" s="1" t="s">
        <v>58481</v>
      </c>
      <c r="E15583" s="1" t="s">
        <v>21093</v>
      </c>
      <c r="F15583" s="1" t="s">
        <v>58482</v>
      </c>
      <c r="G15583" s="1" t="s">
        <v>58468</v>
      </c>
      <c r="H15583" s="1" t="s">
        <v>58469</v>
      </c>
      <c r="I15583" s="1" t="s">
        <v>53800</v>
      </c>
      <c r="J15583" s="1" t="s">
        <v>58483</v>
      </c>
    </row>
    <row r="15584" spans="1:10" x14ac:dyDescent="0.35">
      <c r="A15584" s="1" t="s">
        <v>6977</v>
      </c>
      <c r="B15584" s="1" t="s">
        <v>53796</v>
      </c>
      <c r="C15584" s="1" t="s">
        <v>40</v>
      </c>
      <c r="D15584" s="1" t="s">
        <v>58484</v>
      </c>
      <c r="E15584" s="1" t="s">
        <v>58485</v>
      </c>
      <c r="F15584" s="1" t="s">
        <v>58486</v>
      </c>
      <c r="G15584" s="1" t="s">
        <v>58468</v>
      </c>
      <c r="H15584" s="1" t="s">
        <v>58469</v>
      </c>
      <c r="I15584" s="1" t="s">
        <v>53800</v>
      </c>
      <c r="J15584" s="1" t="s">
        <v>58487</v>
      </c>
    </row>
    <row r="15585" spans="1:10" x14ac:dyDescent="0.35">
      <c r="A15585" s="1" t="s">
        <v>6977</v>
      </c>
      <c r="B15585" s="1" t="s">
        <v>53796</v>
      </c>
      <c r="C15585" s="1" t="s">
        <v>45</v>
      </c>
      <c r="D15585" s="1" t="s">
        <v>24922</v>
      </c>
      <c r="E15585" s="1" t="s">
        <v>24327</v>
      </c>
      <c r="F15585" s="1" t="s">
        <v>58488</v>
      </c>
      <c r="G15585" s="1" t="s">
        <v>58468</v>
      </c>
      <c r="H15585" s="1" t="s">
        <v>58469</v>
      </c>
      <c r="I15585" s="1" t="s">
        <v>53800</v>
      </c>
      <c r="J15585" s="1" t="s">
        <v>58489</v>
      </c>
    </row>
    <row r="15586" spans="1:10" x14ac:dyDescent="0.35">
      <c r="A15586" s="1" t="s">
        <v>6977</v>
      </c>
      <c r="B15586" s="1" t="s">
        <v>53796</v>
      </c>
      <c r="C15586" s="1" t="s">
        <v>50</v>
      </c>
      <c r="D15586" s="1" t="s">
        <v>58490</v>
      </c>
      <c r="E15586" s="1" t="s">
        <v>41535</v>
      </c>
      <c r="F15586" s="1" t="s">
        <v>58491</v>
      </c>
      <c r="G15586" s="1" t="s">
        <v>58468</v>
      </c>
      <c r="H15586" s="1" t="s">
        <v>58469</v>
      </c>
      <c r="I15586" s="1" t="s">
        <v>53800</v>
      </c>
      <c r="J15586" s="1" t="s">
        <v>58492</v>
      </c>
    </row>
    <row r="15587" spans="1:10" x14ac:dyDescent="0.35">
      <c r="A15587" s="1" t="s">
        <v>6977</v>
      </c>
      <c r="B15587" s="1" t="s">
        <v>53796</v>
      </c>
      <c r="C15587" s="1" t="s">
        <v>55</v>
      </c>
      <c r="D15587" s="1" t="s">
        <v>58493</v>
      </c>
      <c r="E15587" s="1" t="s">
        <v>52543</v>
      </c>
      <c r="F15587" s="1" t="s">
        <v>58494</v>
      </c>
      <c r="G15587" s="1" t="s">
        <v>58468</v>
      </c>
      <c r="H15587" s="1" t="s">
        <v>58469</v>
      </c>
      <c r="I15587" s="1" t="s">
        <v>53800</v>
      </c>
      <c r="J15587" s="1" t="s">
        <v>58495</v>
      </c>
    </row>
    <row r="15588" spans="1:10" x14ac:dyDescent="0.35">
      <c r="A15588" s="1" t="s">
        <v>6977</v>
      </c>
      <c r="B15588" s="1" t="s">
        <v>53796</v>
      </c>
      <c r="C15588" s="1" t="s">
        <v>60</v>
      </c>
      <c r="D15588" s="1" t="s">
        <v>58496</v>
      </c>
      <c r="E15588" s="1" t="s">
        <v>58497</v>
      </c>
      <c r="F15588" s="1" t="s">
        <v>58498</v>
      </c>
      <c r="G15588" s="1" t="s">
        <v>58468</v>
      </c>
      <c r="H15588" s="1" t="s">
        <v>58469</v>
      </c>
      <c r="I15588" s="1" t="s">
        <v>53800</v>
      </c>
      <c r="J15588" s="1" t="s">
        <v>58499</v>
      </c>
    </row>
    <row r="15589" spans="1:10" x14ac:dyDescent="0.35">
      <c r="A15589" s="1" t="s">
        <v>6977</v>
      </c>
      <c r="B15589" s="1" t="s">
        <v>53796</v>
      </c>
      <c r="C15589" s="1" t="s">
        <v>65</v>
      </c>
      <c r="D15589" s="1" t="s">
        <v>58500</v>
      </c>
      <c r="E15589" s="1" t="s">
        <v>24347</v>
      </c>
      <c r="F15589" s="1" t="s">
        <v>58501</v>
      </c>
      <c r="G15589" s="1" t="s">
        <v>58468</v>
      </c>
      <c r="H15589" s="1" t="s">
        <v>58469</v>
      </c>
      <c r="I15589" s="1" t="s">
        <v>53800</v>
      </c>
      <c r="J15589" s="1" t="s">
        <v>58502</v>
      </c>
    </row>
    <row r="15590" spans="1:10" x14ac:dyDescent="0.35">
      <c r="A15590" s="1" t="s">
        <v>6977</v>
      </c>
      <c r="B15590" s="1" t="s">
        <v>53796</v>
      </c>
      <c r="C15590" s="1" t="s">
        <v>70</v>
      </c>
      <c r="D15590" s="1" t="s">
        <v>58503</v>
      </c>
      <c r="E15590" s="1" t="s">
        <v>53808</v>
      </c>
      <c r="F15590" s="1" t="s">
        <v>58504</v>
      </c>
      <c r="G15590" s="1" t="s">
        <v>58468</v>
      </c>
      <c r="H15590" s="1" t="s">
        <v>58469</v>
      </c>
      <c r="I15590" s="1" t="s">
        <v>53800</v>
      </c>
      <c r="J15590" s="1" t="s">
        <v>58505</v>
      </c>
    </row>
    <row r="15591" spans="1:10" x14ac:dyDescent="0.35">
      <c r="A15591" s="1" t="s">
        <v>6977</v>
      </c>
      <c r="B15591" s="1" t="s">
        <v>53796</v>
      </c>
      <c r="C15591" s="1" t="s">
        <v>75</v>
      </c>
      <c r="D15591" s="1" t="s">
        <v>58506</v>
      </c>
      <c r="E15591" s="1" t="s">
        <v>58507</v>
      </c>
      <c r="F15591" s="1" t="s">
        <v>58508</v>
      </c>
      <c r="G15591" s="1" t="s">
        <v>58468</v>
      </c>
      <c r="H15591" s="1" t="s">
        <v>58469</v>
      </c>
      <c r="I15591" s="1" t="s">
        <v>53800</v>
      </c>
      <c r="J15591" s="1" t="s">
        <v>58509</v>
      </c>
    </row>
    <row r="15592" spans="1:10" x14ac:dyDescent="0.35">
      <c r="A15592" s="1" t="s">
        <v>6977</v>
      </c>
      <c r="B15592" s="1" t="s">
        <v>53796</v>
      </c>
      <c r="C15592" s="1" t="s">
        <v>80</v>
      </c>
      <c r="D15592" s="1" t="s">
        <v>58510</v>
      </c>
      <c r="E15592" s="1" t="s">
        <v>58352</v>
      </c>
      <c r="F15592" s="1" t="s">
        <v>58511</v>
      </c>
      <c r="G15592" s="1" t="s">
        <v>58468</v>
      </c>
      <c r="H15592" s="1" t="s">
        <v>58469</v>
      </c>
      <c r="I15592" s="1" t="s">
        <v>53800</v>
      </c>
      <c r="J15592" s="1" t="s">
        <v>58512</v>
      </c>
    </row>
    <row r="15593" spans="1:10" x14ac:dyDescent="0.35">
      <c r="A15593" s="1" t="s">
        <v>6977</v>
      </c>
      <c r="B15593" s="1" t="s">
        <v>53796</v>
      </c>
      <c r="C15593" s="1" t="s">
        <v>85</v>
      </c>
      <c r="D15593" s="1" t="s">
        <v>58513</v>
      </c>
      <c r="E15593" s="1" t="s">
        <v>58514</v>
      </c>
      <c r="F15593" s="1" t="s">
        <v>58515</v>
      </c>
      <c r="G15593" s="1" t="s">
        <v>58468</v>
      </c>
      <c r="H15593" s="1" t="s">
        <v>58469</v>
      </c>
      <c r="I15593" s="1" t="s">
        <v>53800</v>
      </c>
      <c r="J15593" s="1" t="s">
        <v>58516</v>
      </c>
    </row>
    <row r="15594" spans="1:10" x14ac:dyDescent="0.35">
      <c r="A15594" s="1" t="s">
        <v>6977</v>
      </c>
      <c r="B15594" s="1" t="s">
        <v>53796</v>
      </c>
      <c r="C15594" s="1" t="s">
        <v>90</v>
      </c>
      <c r="D15594" s="1" t="s">
        <v>58517</v>
      </c>
      <c r="E15594" s="1" t="s">
        <v>21964</v>
      </c>
      <c r="F15594" s="1" t="s">
        <v>58518</v>
      </c>
      <c r="G15594" s="1" t="s">
        <v>58468</v>
      </c>
      <c r="H15594" s="1" t="s">
        <v>58469</v>
      </c>
      <c r="I15594" s="1" t="s">
        <v>53800</v>
      </c>
      <c r="J15594" s="1" t="s">
        <v>58519</v>
      </c>
    </row>
    <row r="15595" spans="1:10" x14ac:dyDescent="0.35">
      <c r="A15595" s="1" t="s">
        <v>6977</v>
      </c>
      <c r="B15595" s="1" t="s">
        <v>53796</v>
      </c>
      <c r="C15595" s="1" t="s">
        <v>95</v>
      </c>
      <c r="D15595" s="1" t="s">
        <v>58520</v>
      </c>
      <c r="E15595" s="1" t="s">
        <v>56177</v>
      </c>
      <c r="F15595" s="1" t="s">
        <v>58521</v>
      </c>
      <c r="G15595" s="1" t="s">
        <v>58468</v>
      </c>
      <c r="H15595" s="1" t="s">
        <v>58469</v>
      </c>
      <c r="I15595" s="1" t="s">
        <v>53800</v>
      </c>
      <c r="J15595" s="1" t="s">
        <v>58522</v>
      </c>
    </row>
    <row r="15596" spans="1:10" x14ac:dyDescent="0.35">
      <c r="A15596" s="1" t="s">
        <v>6977</v>
      </c>
      <c r="B15596" s="1" t="s">
        <v>53796</v>
      </c>
      <c r="C15596" s="1" t="s">
        <v>100</v>
      </c>
      <c r="D15596" s="1" t="s">
        <v>58523</v>
      </c>
      <c r="E15596" s="1" t="s">
        <v>22998</v>
      </c>
      <c r="F15596" s="1" t="s">
        <v>58524</v>
      </c>
      <c r="G15596" s="1" t="s">
        <v>58468</v>
      </c>
      <c r="H15596" s="1" t="s">
        <v>58469</v>
      </c>
      <c r="I15596" s="1" t="s">
        <v>53800</v>
      </c>
      <c r="J15596" s="1" t="s">
        <v>58525</v>
      </c>
    </row>
    <row r="15597" spans="1:10" x14ac:dyDescent="0.35">
      <c r="A15597" s="1" t="s">
        <v>6977</v>
      </c>
      <c r="B15597" s="1" t="s">
        <v>53796</v>
      </c>
      <c r="C15597" s="1" t="s">
        <v>105</v>
      </c>
      <c r="D15597" s="1" t="s">
        <v>58526</v>
      </c>
      <c r="E15597" s="1" t="s">
        <v>58507</v>
      </c>
      <c r="F15597" s="1" t="s">
        <v>58527</v>
      </c>
      <c r="G15597" s="1" t="s">
        <v>58468</v>
      </c>
      <c r="H15597" s="1" t="s">
        <v>58469</v>
      </c>
      <c r="I15597" s="1" t="s">
        <v>53800</v>
      </c>
      <c r="J15597" s="1" t="s">
        <v>58528</v>
      </c>
    </row>
    <row r="15598" spans="1:10" x14ac:dyDescent="0.35">
      <c r="A15598" s="1" t="s">
        <v>6977</v>
      </c>
      <c r="B15598" s="1" t="s">
        <v>53796</v>
      </c>
      <c r="C15598" s="1" t="s">
        <v>110</v>
      </c>
      <c r="D15598" s="1" t="s">
        <v>58529</v>
      </c>
      <c r="E15598" s="1" t="s">
        <v>58530</v>
      </c>
      <c r="F15598" s="1" t="s">
        <v>58531</v>
      </c>
      <c r="G15598" s="1" t="s">
        <v>58468</v>
      </c>
      <c r="H15598" s="1" t="s">
        <v>58469</v>
      </c>
      <c r="I15598" s="1" t="s">
        <v>53800</v>
      </c>
      <c r="J15598" s="1" t="s">
        <v>58532</v>
      </c>
    </row>
    <row r="15599" spans="1:10" x14ac:dyDescent="0.35">
      <c r="A15599" s="1" t="s">
        <v>6977</v>
      </c>
      <c r="B15599" s="1" t="s">
        <v>53796</v>
      </c>
      <c r="C15599" s="1" t="s">
        <v>115</v>
      </c>
      <c r="D15599" s="1" t="s">
        <v>58533</v>
      </c>
      <c r="E15599" s="1" t="s">
        <v>58534</v>
      </c>
      <c r="F15599" s="1" t="s">
        <v>58535</v>
      </c>
      <c r="G15599" s="1" t="s">
        <v>58468</v>
      </c>
      <c r="H15599" s="1" t="s">
        <v>58469</v>
      </c>
      <c r="I15599" s="1" t="s">
        <v>53800</v>
      </c>
      <c r="J15599" s="1" t="s">
        <v>58536</v>
      </c>
    </row>
    <row r="15600" spans="1:10" x14ac:dyDescent="0.35">
      <c r="A15600" s="1" t="s">
        <v>6977</v>
      </c>
      <c r="B15600" s="1" t="s">
        <v>53796</v>
      </c>
      <c r="C15600" s="1" t="s">
        <v>120</v>
      </c>
      <c r="D15600" s="1" t="s">
        <v>58537</v>
      </c>
      <c r="E15600" s="1" t="s">
        <v>57899</v>
      </c>
      <c r="F15600" s="1" t="s">
        <v>58538</v>
      </c>
      <c r="G15600" s="1" t="s">
        <v>58468</v>
      </c>
      <c r="H15600" s="1" t="s">
        <v>58469</v>
      </c>
      <c r="I15600" s="1" t="s">
        <v>53800</v>
      </c>
      <c r="J15600" s="1" t="s">
        <v>58539</v>
      </c>
    </row>
    <row r="15601" spans="1:10" x14ac:dyDescent="0.35">
      <c r="A15601" s="1" t="s">
        <v>6977</v>
      </c>
      <c r="B15601" s="1" t="s">
        <v>53796</v>
      </c>
      <c r="C15601" s="1" t="s">
        <v>125</v>
      </c>
      <c r="D15601" s="1" t="s">
        <v>58540</v>
      </c>
      <c r="E15601" s="1" t="s">
        <v>41266</v>
      </c>
      <c r="F15601" s="1" t="s">
        <v>58541</v>
      </c>
      <c r="G15601" s="1" t="s">
        <v>58468</v>
      </c>
      <c r="H15601" s="1" t="s">
        <v>58469</v>
      </c>
      <c r="I15601" s="1" t="s">
        <v>53800</v>
      </c>
      <c r="J15601" s="1" t="s">
        <v>58542</v>
      </c>
    </row>
    <row r="15602" spans="1:10" x14ac:dyDescent="0.35">
      <c r="A15602" s="1" t="s">
        <v>6977</v>
      </c>
      <c r="B15602" s="1" t="s">
        <v>53796</v>
      </c>
      <c r="C15602" s="1" t="s">
        <v>130</v>
      </c>
      <c r="D15602" s="1" t="s">
        <v>13451</v>
      </c>
      <c r="E15602" s="1" t="s">
        <v>41407</v>
      </c>
      <c r="F15602" s="1" t="s">
        <v>58543</v>
      </c>
      <c r="G15602" s="1" t="s">
        <v>58468</v>
      </c>
      <c r="H15602" s="1" t="s">
        <v>58469</v>
      </c>
      <c r="I15602" s="1" t="s">
        <v>53800</v>
      </c>
      <c r="J15602" s="1" t="s">
        <v>58544</v>
      </c>
    </row>
    <row r="15603" spans="1:10" x14ac:dyDescent="0.35">
      <c r="A15603" s="1" t="s">
        <v>6977</v>
      </c>
      <c r="B15603" s="1" t="s">
        <v>53796</v>
      </c>
      <c r="C15603" s="1" t="s">
        <v>135</v>
      </c>
      <c r="D15603" s="1" t="s">
        <v>58545</v>
      </c>
      <c r="E15603" s="1" t="s">
        <v>58546</v>
      </c>
      <c r="F15603" s="1" t="s">
        <v>58547</v>
      </c>
      <c r="G15603" s="1" t="s">
        <v>58468</v>
      </c>
      <c r="H15603" s="1" t="s">
        <v>58469</v>
      </c>
      <c r="I15603" s="1" t="s">
        <v>53800</v>
      </c>
      <c r="J15603" s="1" t="s">
        <v>58548</v>
      </c>
    </row>
    <row r="15604" spans="1:10" x14ac:dyDescent="0.35">
      <c r="A15604" s="1" t="s">
        <v>6977</v>
      </c>
      <c r="B15604" s="1" t="s">
        <v>53796</v>
      </c>
      <c r="C15604" s="1" t="s">
        <v>140</v>
      </c>
      <c r="D15604" s="1" t="s">
        <v>58549</v>
      </c>
      <c r="E15604" s="1" t="s">
        <v>23126</v>
      </c>
      <c r="F15604" s="1" t="s">
        <v>58550</v>
      </c>
      <c r="G15604" s="1" t="s">
        <v>58468</v>
      </c>
      <c r="H15604" s="1" t="s">
        <v>58469</v>
      </c>
      <c r="I15604" s="1" t="s">
        <v>53800</v>
      </c>
      <c r="J15604" s="1" t="s">
        <v>58551</v>
      </c>
    </row>
    <row r="15605" spans="1:10" x14ac:dyDescent="0.35">
      <c r="A15605" s="1" t="s">
        <v>6977</v>
      </c>
      <c r="B15605" s="1" t="s">
        <v>53796</v>
      </c>
      <c r="C15605" s="1" t="s">
        <v>145</v>
      </c>
      <c r="D15605" s="1" t="s">
        <v>58552</v>
      </c>
      <c r="E15605" s="1" t="s">
        <v>12833</v>
      </c>
      <c r="F15605" s="1" t="s">
        <v>58553</v>
      </c>
      <c r="G15605" s="1" t="s">
        <v>58468</v>
      </c>
      <c r="H15605" s="1" t="s">
        <v>58469</v>
      </c>
      <c r="I15605" s="1" t="s">
        <v>53800</v>
      </c>
      <c r="J15605" s="1" t="s">
        <v>58554</v>
      </c>
    </row>
    <row r="15606" spans="1:10" x14ac:dyDescent="0.35">
      <c r="A15606" s="1" t="s">
        <v>6977</v>
      </c>
      <c r="B15606" s="1" t="s">
        <v>53796</v>
      </c>
      <c r="C15606" s="1" t="s">
        <v>150</v>
      </c>
      <c r="D15606" s="1" t="s">
        <v>58555</v>
      </c>
      <c r="E15606" s="1" t="s">
        <v>15225</v>
      </c>
      <c r="F15606" s="1" t="s">
        <v>58556</v>
      </c>
      <c r="G15606" s="1" t="s">
        <v>58468</v>
      </c>
      <c r="H15606" s="1" t="s">
        <v>58469</v>
      </c>
      <c r="I15606" s="1" t="s">
        <v>53800</v>
      </c>
      <c r="J15606" s="1" t="s">
        <v>58557</v>
      </c>
    </row>
    <row r="15607" spans="1:10" x14ac:dyDescent="0.35">
      <c r="A15607" s="1" t="s">
        <v>6977</v>
      </c>
      <c r="B15607" s="1" t="s">
        <v>53796</v>
      </c>
      <c r="C15607" s="1" t="s">
        <v>155</v>
      </c>
      <c r="D15607" s="1" t="s">
        <v>58558</v>
      </c>
      <c r="E15607" s="1" t="s">
        <v>21960</v>
      </c>
      <c r="F15607" s="1" t="s">
        <v>58559</v>
      </c>
      <c r="G15607" s="1" t="s">
        <v>58468</v>
      </c>
      <c r="H15607" s="1" t="s">
        <v>58469</v>
      </c>
      <c r="I15607" s="1" t="s">
        <v>53800</v>
      </c>
      <c r="J15607" s="1" t="s">
        <v>58560</v>
      </c>
    </row>
    <row r="15608" spans="1:10" x14ac:dyDescent="0.35">
      <c r="A15608" s="1" t="s">
        <v>6977</v>
      </c>
      <c r="B15608" s="1" t="s">
        <v>53796</v>
      </c>
      <c r="C15608" s="1" t="s">
        <v>160</v>
      </c>
      <c r="D15608" s="1" t="s">
        <v>58561</v>
      </c>
      <c r="E15608" s="1" t="s">
        <v>56397</v>
      </c>
      <c r="F15608" s="1" t="s">
        <v>58562</v>
      </c>
      <c r="G15608" s="1" t="s">
        <v>58468</v>
      </c>
      <c r="H15608" s="1" t="s">
        <v>58469</v>
      </c>
      <c r="I15608" s="1" t="s">
        <v>53800</v>
      </c>
      <c r="J15608" s="1" t="s">
        <v>58563</v>
      </c>
    </row>
    <row r="15609" spans="1:10" x14ac:dyDescent="0.35">
      <c r="A15609" s="1" t="s">
        <v>6977</v>
      </c>
      <c r="B15609" s="1" t="s">
        <v>53796</v>
      </c>
      <c r="C15609" s="1" t="s">
        <v>165</v>
      </c>
      <c r="D15609" s="1" t="s">
        <v>58564</v>
      </c>
      <c r="E15609" s="1" t="s">
        <v>58565</v>
      </c>
      <c r="F15609" s="1" t="s">
        <v>58566</v>
      </c>
      <c r="G15609" s="1" t="s">
        <v>58468</v>
      </c>
      <c r="H15609" s="1" t="s">
        <v>58469</v>
      </c>
      <c r="I15609" s="1" t="s">
        <v>53800</v>
      </c>
      <c r="J15609" s="1" t="s">
        <v>58567</v>
      </c>
    </row>
    <row r="15610" spans="1:10" x14ac:dyDescent="0.35">
      <c r="A15610" s="1" t="s">
        <v>6977</v>
      </c>
      <c r="B15610" s="1" t="s">
        <v>53796</v>
      </c>
      <c r="C15610" s="1" t="s">
        <v>170</v>
      </c>
      <c r="D15610" s="1" t="s">
        <v>58568</v>
      </c>
      <c r="E15610" s="1" t="s">
        <v>23404</v>
      </c>
      <c r="F15610" s="1" t="s">
        <v>58569</v>
      </c>
      <c r="G15610" s="1" t="s">
        <v>58468</v>
      </c>
      <c r="H15610" s="1" t="s">
        <v>58469</v>
      </c>
      <c r="I15610" s="1" t="s">
        <v>53800</v>
      </c>
      <c r="J15610" s="1" t="s">
        <v>58570</v>
      </c>
    </row>
    <row r="15611" spans="1:10" x14ac:dyDescent="0.35">
      <c r="A15611" s="1" t="s">
        <v>58571</v>
      </c>
      <c r="B15611" s="1" t="s">
        <v>53796</v>
      </c>
      <c r="C15611" s="1" t="s">
        <v>8</v>
      </c>
      <c r="D15611" s="1" t="s">
        <v>58572</v>
      </c>
      <c r="E15611" s="1" t="s">
        <v>23240</v>
      </c>
      <c r="F15611" s="1" t="s">
        <v>58573</v>
      </c>
      <c r="G15611" s="1" t="s">
        <v>58574</v>
      </c>
      <c r="H15611" s="1" t="s">
        <v>58575</v>
      </c>
      <c r="I15611" s="1" t="s">
        <v>53800</v>
      </c>
      <c r="J15611" s="1" t="s">
        <v>13</v>
      </c>
    </row>
    <row r="15612" spans="1:10" x14ac:dyDescent="0.35">
      <c r="A15612" s="1" t="s">
        <v>58571</v>
      </c>
      <c r="B15612" s="1" t="s">
        <v>53796</v>
      </c>
      <c r="C15612" s="1" t="s">
        <v>15</v>
      </c>
      <c r="D15612" s="1" t="s">
        <v>58576</v>
      </c>
      <c r="E15612" s="1" t="s">
        <v>57621</v>
      </c>
      <c r="F15612" s="1" t="s">
        <v>58577</v>
      </c>
      <c r="G15612" s="1" t="s">
        <v>58574</v>
      </c>
      <c r="H15612" s="1" t="s">
        <v>58575</v>
      </c>
      <c r="I15612" s="1" t="s">
        <v>53800</v>
      </c>
      <c r="J15612" s="1" t="s">
        <v>58578</v>
      </c>
    </row>
    <row r="15613" spans="1:10" x14ac:dyDescent="0.35">
      <c r="A15613" s="1" t="s">
        <v>58571</v>
      </c>
      <c r="B15613" s="1" t="s">
        <v>53796</v>
      </c>
      <c r="C15613" s="1" t="s">
        <v>20</v>
      </c>
      <c r="D15613" s="1" t="s">
        <v>58579</v>
      </c>
      <c r="E15613" s="1" t="s">
        <v>27093</v>
      </c>
      <c r="F15613" s="1" t="s">
        <v>57890</v>
      </c>
      <c r="G15613" s="1" t="s">
        <v>58574</v>
      </c>
      <c r="H15613" s="1" t="s">
        <v>58575</v>
      </c>
      <c r="I15613" s="1" t="s">
        <v>53800</v>
      </c>
      <c r="J15613" s="1" t="s">
        <v>58580</v>
      </c>
    </row>
    <row r="15614" spans="1:10" x14ac:dyDescent="0.35">
      <c r="A15614" s="1" t="s">
        <v>58571</v>
      </c>
      <c r="B15614" s="1" t="s">
        <v>53796</v>
      </c>
      <c r="C15614" s="1" t="s">
        <v>25</v>
      </c>
      <c r="D15614" s="1" t="s">
        <v>58581</v>
      </c>
      <c r="E15614" s="1" t="s">
        <v>22259</v>
      </c>
      <c r="F15614" s="1" t="s">
        <v>58582</v>
      </c>
      <c r="G15614" s="1" t="s">
        <v>58574</v>
      </c>
      <c r="H15614" s="1" t="s">
        <v>58575</v>
      </c>
      <c r="I15614" s="1" t="s">
        <v>53800</v>
      </c>
      <c r="J15614" s="1" t="s">
        <v>58583</v>
      </c>
    </row>
    <row r="15615" spans="1:10" x14ac:dyDescent="0.35">
      <c r="A15615" s="1" t="s">
        <v>58571</v>
      </c>
      <c r="B15615" s="1" t="s">
        <v>53796</v>
      </c>
      <c r="C15615" s="1" t="s">
        <v>30</v>
      </c>
      <c r="D15615" s="1" t="s">
        <v>58584</v>
      </c>
      <c r="E15615" s="1" t="s">
        <v>58585</v>
      </c>
      <c r="F15615" s="1" t="s">
        <v>57042</v>
      </c>
      <c r="G15615" s="1" t="s">
        <v>58574</v>
      </c>
      <c r="H15615" s="1" t="s">
        <v>58575</v>
      </c>
      <c r="I15615" s="1" t="s">
        <v>53800</v>
      </c>
      <c r="J15615" s="1" t="s">
        <v>58586</v>
      </c>
    </row>
    <row r="15616" spans="1:10" x14ac:dyDescent="0.35">
      <c r="A15616" s="1" t="s">
        <v>58571</v>
      </c>
      <c r="B15616" s="1" t="s">
        <v>53796</v>
      </c>
      <c r="C15616" s="1" t="s">
        <v>35</v>
      </c>
      <c r="D15616" s="1" t="s">
        <v>58587</v>
      </c>
      <c r="E15616" s="1" t="s">
        <v>26430</v>
      </c>
      <c r="F15616" s="1" t="s">
        <v>54635</v>
      </c>
      <c r="G15616" s="1" t="s">
        <v>58574</v>
      </c>
      <c r="H15616" s="1" t="s">
        <v>58575</v>
      </c>
      <c r="I15616" s="1" t="s">
        <v>53800</v>
      </c>
      <c r="J15616" s="1" t="s">
        <v>58588</v>
      </c>
    </row>
    <row r="15617" spans="1:10" x14ac:dyDescent="0.35">
      <c r="A15617" s="1" t="s">
        <v>58571</v>
      </c>
      <c r="B15617" s="1" t="s">
        <v>53796</v>
      </c>
      <c r="C15617" s="1" t="s">
        <v>40</v>
      </c>
      <c r="D15617" s="1" t="s">
        <v>26352</v>
      </c>
      <c r="E15617" s="1" t="s">
        <v>56397</v>
      </c>
      <c r="F15617" s="1" t="s">
        <v>58589</v>
      </c>
      <c r="G15617" s="1" t="s">
        <v>58574</v>
      </c>
      <c r="H15617" s="1" t="s">
        <v>58575</v>
      </c>
      <c r="I15617" s="1" t="s">
        <v>53800</v>
      </c>
      <c r="J15617" s="1" t="s">
        <v>58590</v>
      </c>
    </row>
    <row r="15618" spans="1:10" x14ac:dyDescent="0.35">
      <c r="A15618" s="1" t="s">
        <v>58571</v>
      </c>
      <c r="B15618" s="1" t="s">
        <v>53796</v>
      </c>
      <c r="C15618" s="1" t="s">
        <v>45</v>
      </c>
      <c r="D15618" s="1" t="s">
        <v>53504</v>
      </c>
      <c r="E15618" s="1" t="s">
        <v>15876</v>
      </c>
      <c r="F15618" s="1" t="s">
        <v>58591</v>
      </c>
      <c r="G15618" s="1" t="s">
        <v>58574</v>
      </c>
      <c r="H15618" s="1" t="s">
        <v>58575</v>
      </c>
      <c r="I15618" s="1" t="s">
        <v>53800</v>
      </c>
      <c r="J15618" s="1" t="s">
        <v>58592</v>
      </c>
    </row>
    <row r="15619" spans="1:10" x14ac:dyDescent="0.35">
      <c r="A15619" s="1" t="s">
        <v>58571</v>
      </c>
      <c r="B15619" s="1" t="s">
        <v>53796</v>
      </c>
      <c r="C15619" s="1" t="s">
        <v>50</v>
      </c>
      <c r="D15619" s="1" t="s">
        <v>58593</v>
      </c>
      <c r="E15619" s="1" t="s">
        <v>23262</v>
      </c>
      <c r="F15619" s="1" t="s">
        <v>58594</v>
      </c>
      <c r="G15619" s="1" t="s">
        <v>58574</v>
      </c>
      <c r="H15619" s="1" t="s">
        <v>58575</v>
      </c>
      <c r="I15619" s="1" t="s">
        <v>53800</v>
      </c>
      <c r="J15619" s="1" t="s">
        <v>58595</v>
      </c>
    </row>
    <row r="15620" spans="1:10" x14ac:dyDescent="0.35">
      <c r="A15620" s="1" t="s">
        <v>58571</v>
      </c>
      <c r="B15620" s="1" t="s">
        <v>53796</v>
      </c>
      <c r="C15620" s="1" t="s">
        <v>55</v>
      </c>
      <c r="D15620" s="1" t="s">
        <v>57495</v>
      </c>
      <c r="E15620" s="1" t="s">
        <v>15407</v>
      </c>
      <c r="F15620" s="1" t="s">
        <v>58596</v>
      </c>
      <c r="G15620" s="1" t="s">
        <v>58574</v>
      </c>
      <c r="H15620" s="1" t="s">
        <v>58575</v>
      </c>
      <c r="I15620" s="1" t="s">
        <v>53800</v>
      </c>
      <c r="J15620" s="1" t="s">
        <v>58597</v>
      </c>
    </row>
    <row r="15621" spans="1:10" x14ac:dyDescent="0.35">
      <c r="A15621" s="1" t="s">
        <v>58571</v>
      </c>
      <c r="B15621" s="1" t="s">
        <v>53796</v>
      </c>
      <c r="C15621" s="1" t="s">
        <v>60</v>
      </c>
      <c r="D15621" s="1" t="s">
        <v>26784</v>
      </c>
      <c r="E15621" s="1" t="s">
        <v>58598</v>
      </c>
      <c r="F15621" s="1" t="s">
        <v>58599</v>
      </c>
      <c r="G15621" s="1" t="s">
        <v>58574</v>
      </c>
      <c r="H15621" s="1" t="s">
        <v>58575</v>
      </c>
      <c r="I15621" s="1" t="s">
        <v>53800</v>
      </c>
      <c r="J15621" s="1" t="s">
        <v>58600</v>
      </c>
    </row>
    <row r="15622" spans="1:10" x14ac:dyDescent="0.35">
      <c r="A15622" s="1" t="s">
        <v>58571</v>
      </c>
      <c r="B15622" s="1" t="s">
        <v>53796</v>
      </c>
      <c r="C15622" s="1" t="s">
        <v>65</v>
      </c>
      <c r="D15622" s="1" t="s">
        <v>58601</v>
      </c>
      <c r="E15622" s="1" t="s">
        <v>58602</v>
      </c>
      <c r="F15622" s="1" t="s">
        <v>58603</v>
      </c>
      <c r="G15622" s="1" t="s">
        <v>58574</v>
      </c>
      <c r="H15622" s="1" t="s">
        <v>58575</v>
      </c>
      <c r="I15622" s="1" t="s">
        <v>53800</v>
      </c>
      <c r="J15622" s="1" t="s">
        <v>58604</v>
      </c>
    </row>
    <row r="15623" spans="1:10" x14ac:dyDescent="0.35">
      <c r="A15623" s="1" t="s">
        <v>58571</v>
      </c>
      <c r="B15623" s="1" t="s">
        <v>53796</v>
      </c>
      <c r="C15623" s="1" t="s">
        <v>70</v>
      </c>
      <c r="D15623" s="1" t="s">
        <v>58605</v>
      </c>
      <c r="E15623" s="1" t="s">
        <v>32133</v>
      </c>
      <c r="F15623" s="1" t="s">
        <v>58606</v>
      </c>
      <c r="G15623" s="1" t="s">
        <v>58574</v>
      </c>
      <c r="H15623" s="1" t="s">
        <v>58575</v>
      </c>
      <c r="I15623" s="1" t="s">
        <v>53800</v>
      </c>
      <c r="J15623" s="1" t="s">
        <v>58607</v>
      </c>
    </row>
    <row r="15624" spans="1:10" x14ac:dyDescent="0.35">
      <c r="A15624" s="1" t="s">
        <v>58571</v>
      </c>
      <c r="B15624" s="1" t="s">
        <v>53796</v>
      </c>
      <c r="C15624" s="1" t="s">
        <v>75</v>
      </c>
      <c r="D15624" s="1" t="s">
        <v>39969</v>
      </c>
      <c r="E15624" s="1" t="s">
        <v>58608</v>
      </c>
      <c r="F15624" s="1" t="s">
        <v>58609</v>
      </c>
      <c r="G15624" s="1" t="s">
        <v>58574</v>
      </c>
      <c r="H15624" s="1" t="s">
        <v>58575</v>
      </c>
      <c r="I15624" s="1" t="s">
        <v>53800</v>
      </c>
      <c r="J15624" s="1" t="s">
        <v>58610</v>
      </c>
    </row>
    <row r="15625" spans="1:10" x14ac:dyDescent="0.35">
      <c r="A15625" s="1" t="s">
        <v>58571</v>
      </c>
      <c r="B15625" s="1" t="s">
        <v>53796</v>
      </c>
      <c r="C15625" s="1" t="s">
        <v>80</v>
      </c>
      <c r="D15625" s="1" t="s">
        <v>58611</v>
      </c>
      <c r="E15625" s="1" t="s">
        <v>23187</v>
      </c>
      <c r="F15625" s="1" t="s">
        <v>58612</v>
      </c>
      <c r="G15625" s="1" t="s">
        <v>58574</v>
      </c>
      <c r="H15625" s="1" t="s">
        <v>58575</v>
      </c>
      <c r="I15625" s="1" t="s">
        <v>53800</v>
      </c>
      <c r="J15625" s="1" t="s">
        <v>58613</v>
      </c>
    </row>
    <row r="15626" spans="1:10" x14ac:dyDescent="0.35">
      <c r="A15626" s="1" t="s">
        <v>58571</v>
      </c>
      <c r="B15626" s="1" t="s">
        <v>53796</v>
      </c>
      <c r="C15626" s="1" t="s">
        <v>85</v>
      </c>
      <c r="D15626" s="1" t="s">
        <v>56904</v>
      </c>
      <c r="E15626" s="1" t="s">
        <v>31996</v>
      </c>
      <c r="F15626" s="1" t="s">
        <v>58614</v>
      </c>
      <c r="G15626" s="1" t="s">
        <v>58574</v>
      </c>
      <c r="H15626" s="1" t="s">
        <v>58575</v>
      </c>
      <c r="I15626" s="1" t="s">
        <v>53800</v>
      </c>
      <c r="J15626" s="1" t="s">
        <v>58615</v>
      </c>
    </row>
    <row r="15627" spans="1:10" x14ac:dyDescent="0.35">
      <c r="A15627" s="1" t="s">
        <v>58571</v>
      </c>
      <c r="B15627" s="1" t="s">
        <v>53796</v>
      </c>
      <c r="C15627" s="1" t="s">
        <v>90</v>
      </c>
      <c r="D15627" s="1" t="s">
        <v>58616</v>
      </c>
      <c r="E15627" s="1" t="s">
        <v>30601</v>
      </c>
      <c r="F15627" s="1" t="s">
        <v>32360</v>
      </c>
      <c r="G15627" s="1" t="s">
        <v>58574</v>
      </c>
      <c r="H15627" s="1" t="s">
        <v>58575</v>
      </c>
      <c r="I15627" s="1" t="s">
        <v>53800</v>
      </c>
      <c r="J15627" s="1" t="s">
        <v>58617</v>
      </c>
    </row>
    <row r="15628" spans="1:10" x14ac:dyDescent="0.35">
      <c r="A15628" s="1" t="s">
        <v>58571</v>
      </c>
      <c r="B15628" s="1" t="s">
        <v>53796</v>
      </c>
      <c r="C15628" s="1" t="s">
        <v>95</v>
      </c>
      <c r="D15628" s="1" t="s">
        <v>58618</v>
      </c>
      <c r="E15628" s="1" t="s">
        <v>26644</v>
      </c>
      <c r="F15628" s="1" t="s">
        <v>27108</v>
      </c>
      <c r="G15628" s="1" t="s">
        <v>58574</v>
      </c>
      <c r="H15628" s="1" t="s">
        <v>58575</v>
      </c>
      <c r="I15628" s="1" t="s">
        <v>53800</v>
      </c>
      <c r="J15628" s="1" t="s">
        <v>58619</v>
      </c>
    </row>
    <row r="15629" spans="1:10" x14ac:dyDescent="0.35">
      <c r="A15629" s="1" t="s">
        <v>58571</v>
      </c>
      <c r="B15629" s="1" t="s">
        <v>53796</v>
      </c>
      <c r="C15629" s="1" t="s">
        <v>100</v>
      </c>
      <c r="D15629" s="1" t="s">
        <v>58620</v>
      </c>
      <c r="E15629" s="1" t="s">
        <v>54158</v>
      </c>
      <c r="F15629" s="1" t="s">
        <v>58621</v>
      </c>
      <c r="G15629" s="1" t="s">
        <v>58574</v>
      </c>
      <c r="H15629" s="1" t="s">
        <v>58575</v>
      </c>
      <c r="I15629" s="1" t="s">
        <v>53800</v>
      </c>
      <c r="J15629" s="1" t="s">
        <v>58622</v>
      </c>
    </row>
    <row r="15630" spans="1:10" x14ac:dyDescent="0.35">
      <c r="A15630" s="1" t="s">
        <v>58571</v>
      </c>
      <c r="B15630" s="1" t="s">
        <v>53796</v>
      </c>
      <c r="C15630" s="1" t="s">
        <v>105</v>
      </c>
      <c r="D15630" s="1" t="s">
        <v>58623</v>
      </c>
      <c r="E15630" s="1" t="s">
        <v>26488</v>
      </c>
      <c r="F15630" s="1" t="s">
        <v>30671</v>
      </c>
      <c r="G15630" s="1" t="s">
        <v>58574</v>
      </c>
      <c r="H15630" s="1" t="s">
        <v>58575</v>
      </c>
      <c r="I15630" s="1" t="s">
        <v>53800</v>
      </c>
      <c r="J15630" s="1" t="s">
        <v>58624</v>
      </c>
    </row>
    <row r="15631" spans="1:10" x14ac:dyDescent="0.35">
      <c r="A15631" s="1" t="s">
        <v>58571</v>
      </c>
      <c r="B15631" s="1" t="s">
        <v>53796</v>
      </c>
      <c r="C15631" s="1" t="s">
        <v>110</v>
      </c>
      <c r="D15631" s="1" t="s">
        <v>58625</v>
      </c>
      <c r="E15631" s="1" t="s">
        <v>54474</v>
      </c>
      <c r="F15631" s="1" t="s">
        <v>58626</v>
      </c>
      <c r="G15631" s="1" t="s">
        <v>58574</v>
      </c>
      <c r="H15631" s="1" t="s">
        <v>58575</v>
      </c>
      <c r="I15631" s="1" t="s">
        <v>53800</v>
      </c>
      <c r="J15631" s="1" t="s">
        <v>58627</v>
      </c>
    </row>
    <row r="15632" spans="1:10" x14ac:dyDescent="0.35">
      <c r="A15632" s="1" t="s">
        <v>58571</v>
      </c>
      <c r="B15632" s="1" t="s">
        <v>53796</v>
      </c>
      <c r="C15632" s="1" t="s">
        <v>115</v>
      </c>
      <c r="D15632" s="1" t="s">
        <v>58628</v>
      </c>
      <c r="E15632" s="1" t="s">
        <v>30601</v>
      </c>
      <c r="F15632" s="1" t="s">
        <v>58629</v>
      </c>
      <c r="G15632" s="1" t="s">
        <v>58574</v>
      </c>
      <c r="H15632" s="1" t="s">
        <v>58575</v>
      </c>
      <c r="I15632" s="1" t="s">
        <v>53800</v>
      </c>
      <c r="J15632" s="1" t="s">
        <v>58630</v>
      </c>
    </row>
    <row r="15633" spans="1:10" x14ac:dyDescent="0.35">
      <c r="A15633" s="1" t="s">
        <v>58571</v>
      </c>
      <c r="B15633" s="1" t="s">
        <v>53796</v>
      </c>
      <c r="C15633" s="1" t="s">
        <v>120</v>
      </c>
      <c r="D15633" s="1" t="s">
        <v>58631</v>
      </c>
      <c r="E15633" s="1" t="s">
        <v>22282</v>
      </c>
      <c r="F15633" s="1" t="s">
        <v>58632</v>
      </c>
      <c r="G15633" s="1" t="s">
        <v>58574</v>
      </c>
      <c r="H15633" s="1" t="s">
        <v>58575</v>
      </c>
      <c r="I15633" s="1" t="s">
        <v>53800</v>
      </c>
      <c r="J15633" s="1" t="s">
        <v>58633</v>
      </c>
    </row>
    <row r="15634" spans="1:10" x14ac:dyDescent="0.35">
      <c r="A15634" s="1" t="s">
        <v>58571</v>
      </c>
      <c r="B15634" s="1" t="s">
        <v>53796</v>
      </c>
      <c r="C15634" s="1" t="s">
        <v>125</v>
      </c>
      <c r="D15634" s="1" t="s">
        <v>58634</v>
      </c>
      <c r="E15634" s="1" t="s">
        <v>31459</v>
      </c>
      <c r="F15634" s="1" t="s">
        <v>58635</v>
      </c>
      <c r="G15634" s="1" t="s">
        <v>58574</v>
      </c>
      <c r="H15634" s="1" t="s">
        <v>58575</v>
      </c>
      <c r="I15634" s="1" t="s">
        <v>53800</v>
      </c>
      <c r="J15634" s="1" t="s">
        <v>58636</v>
      </c>
    </row>
    <row r="15635" spans="1:10" x14ac:dyDescent="0.35">
      <c r="A15635" s="1" t="s">
        <v>58571</v>
      </c>
      <c r="B15635" s="1" t="s">
        <v>53796</v>
      </c>
      <c r="C15635" s="1" t="s">
        <v>130</v>
      </c>
      <c r="D15635" s="1" t="s">
        <v>58637</v>
      </c>
      <c r="E15635" s="1" t="s">
        <v>58638</v>
      </c>
      <c r="F15635" s="1" t="s">
        <v>58639</v>
      </c>
      <c r="G15635" s="1" t="s">
        <v>58574</v>
      </c>
      <c r="H15635" s="1" t="s">
        <v>58575</v>
      </c>
      <c r="I15635" s="1" t="s">
        <v>53800</v>
      </c>
      <c r="J15635" s="1" t="s">
        <v>58640</v>
      </c>
    </row>
    <row r="15636" spans="1:10" x14ac:dyDescent="0.35">
      <c r="A15636" s="1" t="s">
        <v>58571</v>
      </c>
      <c r="B15636" s="1" t="s">
        <v>53796</v>
      </c>
      <c r="C15636" s="1" t="s">
        <v>135</v>
      </c>
      <c r="D15636" s="1" t="s">
        <v>58641</v>
      </c>
      <c r="E15636" s="1" t="s">
        <v>57145</v>
      </c>
      <c r="F15636" s="1" t="s">
        <v>58642</v>
      </c>
      <c r="G15636" s="1" t="s">
        <v>58574</v>
      </c>
      <c r="H15636" s="1" t="s">
        <v>58575</v>
      </c>
      <c r="I15636" s="1" t="s">
        <v>53800</v>
      </c>
      <c r="J15636" s="1" t="s">
        <v>58643</v>
      </c>
    </row>
    <row r="15637" spans="1:10" x14ac:dyDescent="0.35">
      <c r="A15637" s="1" t="s">
        <v>58571</v>
      </c>
      <c r="B15637" s="1" t="s">
        <v>53796</v>
      </c>
      <c r="C15637" s="1" t="s">
        <v>140</v>
      </c>
      <c r="D15637" s="1" t="s">
        <v>58644</v>
      </c>
      <c r="E15637" s="1" t="s">
        <v>31869</v>
      </c>
      <c r="F15637" s="1" t="s">
        <v>58645</v>
      </c>
      <c r="G15637" s="1" t="s">
        <v>58574</v>
      </c>
      <c r="H15637" s="1" t="s">
        <v>58575</v>
      </c>
      <c r="I15637" s="1" t="s">
        <v>53800</v>
      </c>
      <c r="J15637" s="1" t="s">
        <v>58646</v>
      </c>
    </row>
    <row r="15638" spans="1:10" x14ac:dyDescent="0.35">
      <c r="A15638" s="1" t="s">
        <v>58571</v>
      </c>
      <c r="B15638" s="1" t="s">
        <v>53796</v>
      </c>
      <c r="C15638" s="1" t="s">
        <v>145</v>
      </c>
      <c r="D15638" s="1" t="s">
        <v>58647</v>
      </c>
      <c r="E15638" s="1" t="s">
        <v>58648</v>
      </c>
      <c r="F15638" s="1" t="s">
        <v>58649</v>
      </c>
      <c r="G15638" s="1" t="s">
        <v>58574</v>
      </c>
      <c r="H15638" s="1" t="s">
        <v>58575</v>
      </c>
      <c r="I15638" s="1" t="s">
        <v>53800</v>
      </c>
      <c r="J15638" s="1" t="s">
        <v>58650</v>
      </c>
    </row>
    <row r="15639" spans="1:10" x14ac:dyDescent="0.35">
      <c r="A15639" s="1" t="s">
        <v>58571</v>
      </c>
      <c r="B15639" s="1" t="s">
        <v>53796</v>
      </c>
      <c r="C15639" s="1" t="s">
        <v>150</v>
      </c>
      <c r="D15639" s="1" t="s">
        <v>8273</v>
      </c>
      <c r="E15639" s="1" t="s">
        <v>58651</v>
      </c>
      <c r="F15639" s="1" t="s">
        <v>58642</v>
      </c>
      <c r="G15639" s="1" t="s">
        <v>58574</v>
      </c>
      <c r="H15639" s="1" t="s">
        <v>58575</v>
      </c>
      <c r="I15639" s="1" t="s">
        <v>53800</v>
      </c>
      <c r="J15639" s="1" t="s">
        <v>58652</v>
      </c>
    </row>
    <row r="15640" spans="1:10" x14ac:dyDescent="0.35">
      <c r="A15640" s="1" t="s">
        <v>58571</v>
      </c>
      <c r="B15640" s="1" t="s">
        <v>53796</v>
      </c>
      <c r="C15640" s="1" t="s">
        <v>155</v>
      </c>
      <c r="D15640" s="1" t="s">
        <v>58653</v>
      </c>
      <c r="E15640" s="1" t="s">
        <v>22339</v>
      </c>
      <c r="F15640" s="1" t="s">
        <v>58654</v>
      </c>
      <c r="G15640" s="1" t="s">
        <v>58574</v>
      </c>
      <c r="H15640" s="1" t="s">
        <v>58575</v>
      </c>
      <c r="I15640" s="1" t="s">
        <v>53800</v>
      </c>
      <c r="J15640" s="1" t="s">
        <v>58655</v>
      </c>
    </row>
    <row r="15641" spans="1:10" x14ac:dyDescent="0.35">
      <c r="A15641" s="1" t="s">
        <v>58571</v>
      </c>
      <c r="B15641" s="1" t="s">
        <v>53796</v>
      </c>
      <c r="C15641" s="1" t="s">
        <v>160</v>
      </c>
      <c r="D15641" s="1" t="s">
        <v>58656</v>
      </c>
      <c r="E15641" s="1" t="s">
        <v>22367</v>
      </c>
      <c r="F15641" s="1" t="s">
        <v>58657</v>
      </c>
      <c r="G15641" s="1" t="s">
        <v>58574</v>
      </c>
      <c r="H15641" s="1" t="s">
        <v>58575</v>
      </c>
      <c r="I15641" s="1" t="s">
        <v>53800</v>
      </c>
      <c r="J15641" s="1" t="s">
        <v>58658</v>
      </c>
    </row>
    <row r="15642" spans="1:10" x14ac:dyDescent="0.35">
      <c r="A15642" s="1" t="s">
        <v>58571</v>
      </c>
      <c r="B15642" s="1" t="s">
        <v>53796</v>
      </c>
      <c r="C15642" s="1" t="s">
        <v>165</v>
      </c>
      <c r="D15642" s="1" t="s">
        <v>58659</v>
      </c>
      <c r="E15642" s="1" t="s">
        <v>27104</v>
      </c>
      <c r="F15642" s="1" t="s">
        <v>58660</v>
      </c>
      <c r="G15642" s="1" t="s">
        <v>58574</v>
      </c>
      <c r="H15642" s="1" t="s">
        <v>58575</v>
      </c>
      <c r="I15642" s="1" t="s">
        <v>53800</v>
      </c>
      <c r="J15642" s="1" t="s">
        <v>58661</v>
      </c>
    </row>
    <row r="15643" spans="1:10" x14ac:dyDescent="0.35">
      <c r="A15643" s="1" t="s">
        <v>58571</v>
      </c>
      <c r="B15643" s="1" t="s">
        <v>53796</v>
      </c>
      <c r="C15643" s="1" t="s">
        <v>170</v>
      </c>
      <c r="D15643" s="1" t="s">
        <v>58662</v>
      </c>
      <c r="E15643" s="1" t="s">
        <v>58663</v>
      </c>
      <c r="F15643" s="1" t="s">
        <v>58664</v>
      </c>
      <c r="G15643" s="1" t="s">
        <v>58574</v>
      </c>
      <c r="H15643" s="1" t="s">
        <v>58575</v>
      </c>
      <c r="I15643" s="1" t="s">
        <v>53800</v>
      </c>
      <c r="J15643" s="1" t="s">
        <v>58665</v>
      </c>
    </row>
    <row r="15644" spans="1:10" x14ac:dyDescent="0.35">
      <c r="A15644" s="1" t="s">
        <v>58666</v>
      </c>
      <c r="B15644" s="1" t="s">
        <v>53796</v>
      </c>
      <c r="C15644" s="1" t="s">
        <v>8</v>
      </c>
      <c r="D15644" s="1" t="s">
        <v>58667</v>
      </c>
      <c r="E15644" s="1" t="s">
        <v>56202</v>
      </c>
      <c r="F15644" s="1" t="s">
        <v>58668</v>
      </c>
      <c r="G15644" s="1" t="s">
        <v>58669</v>
      </c>
      <c r="H15644" s="1" t="s">
        <v>58670</v>
      </c>
      <c r="I15644" s="1" t="s">
        <v>53800</v>
      </c>
      <c r="J15644" s="1" t="s">
        <v>13</v>
      </c>
    </row>
    <row r="15645" spans="1:10" x14ac:dyDescent="0.35">
      <c r="A15645" s="1" t="s">
        <v>58666</v>
      </c>
      <c r="B15645" s="1" t="s">
        <v>53796</v>
      </c>
      <c r="C15645" s="1" t="s">
        <v>15</v>
      </c>
      <c r="D15645" s="1" t="s">
        <v>58671</v>
      </c>
      <c r="E15645" s="1" t="s">
        <v>58672</v>
      </c>
      <c r="F15645" s="1" t="s">
        <v>58673</v>
      </c>
      <c r="G15645" s="1" t="s">
        <v>58669</v>
      </c>
      <c r="H15645" s="1" t="s">
        <v>58670</v>
      </c>
      <c r="I15645" s="1" t="s">
        <v>53800</v>
      </c>
      <c r="J15645" s="1" t="s">
        <v>58674</v>
      </c>
    </row>
    <row r="15646" spans="1:10" x14ac:dyDescent="0.35">
      <c r="A15646" s="1" t="s">
        <v>58666</v>
      </c>
      <c r="B15646" s="1" t="s">
        <v>53796</v>
      </c>
      <c r="C15646" s="1" t="s">
        <v>20</v>
      </c>
      <c r="D15646" s="1" t="s">
        <v>58675</v>
      </c>
      <c r="E15646" s="1" t="s">
        <v>26442</v>
      </c>
      <c r="F15646" s="1" t="s">
        <v>58676</v>
      </c>
      <c r="G15646" s="1" t="s">
        <v>58669</v>
      </c>
      <c r="H15646" s="1" t="s">
        <v>58670</v>
      </c>
      <c r="I15646" s="1" t="s">
        <v>53800</v>
      </c>
      <c r="J15646" s="1" t="s">
        <v>58677</v>
      </c>
    </row>
    <row r="15647" spans="1:10" x14ac:dyDescent="0.35">
      <c r="A15647" s="1" t="s">
        <v>58666</v>
      </c>
      <c r="B15647" s="1" t="s">
        <v>53796</v>
      </c>
      <c r="C15647" s="1" t="s">
        <v>25</v>
      </c>
      <c r="D15647" s="1" t="s">
        <v>58678</v>
      </c>
      <c r="E15647" s="1" t="s">
        <v>22076</v>
      </c>
      <c r="F15647" s="1" t="s">
        <v>58679</v>
      </c>
      <c r="G15647" s="1" t="s">
        <v>58669</v>
      </c>
      <c r="H15647" s="1" t="s">
        <v>58670</v>
      </c>
      <c r="I15647" s="1" t="s">
        <v>53800</v>
      </c>
      <c r="J15647" s="1" t="s">
        <v>58680</v>
      </c>
    </row>
    <row r="15648" spans="1:10" x14ac:dyDescent="0.35">
      <c r="A15648" s="1" t="s">
        <v>58666</v>
      </c>
      <c r="B15648" s="1" t="s">
        <v>53796</v>
      </c>
      <c r="C15648" s="1" t="s">
        <v>30</v>
      </c>
      <c r="D15648" s="1" t="s">
        <v>58681</v>
      </c>
      <c r="E15648" s="1" t="s">
        <v>55227</v>
      </c>
      <c r="F15648" s="1" t="s">
        <v>58682</v>
      </c>
      <c r="G15648" s="1" t="s">
        <v>58669</v>
      </c>
      <c r="H15648" s="1" t="s">
        <v>58670</v>
      </c>
      <c r="I15648" s="1" t="s">
        <v>53800</v>
      </c>
      <c r="J15648" s="1" t="s">
        <v>58683</v>
      </c>
    </row>
    <row r="15649" spans="1:10" x14ac:dyDescent="0.35">
      <c r="A15649" s="1" t="s">
        <v>58666</v>
      </c>
      <c r="B15649" s="1" t="s">
        <v>53796</v>
      </c>
      <c r="C15649" s="1" t="s">
        <v>35</v>
      </c>
      <c r="D15649" s="1" t="s">
        <v>12667</v>
      </c>
      <c r="E15649" s="1" t="s">
        <v>41283</v>
      </c>
      <c r="F15649" s="1" t="s">
        <v>58684</v>
      </c>
      <c r="G15649" s="1" t="s">
        <v>58669</v>
      </c>
      <c r="H15649" s="1" t="s">
        <v>58670</v>
      </c>
      <c r="I15649" s="1" t="s">
        <v>53800</v>
      </c>
      <c r="J15649" s="1" t="s">
        <v>58685</v>
      </c>
    </row>
    <row r="15650" spans="1:10" x14ac:dyDescent="0.35">
      <c r="A15650" s="1" t="s">
        <v>58666</v>
      </c>
      <c r="B15650" s="1" t="s">
        <v>53796</v>
      </c>
      <c r="C15650" s="1" t="s">
        <v>40</v>
      </c>
      <c r="D15650" s="1" t="s">
        <v>19117</v>
      </c>
      <c r="E15650" s="1" t="s">
        <v>58686</v>
      </c>
      <c r="F15650" s="1" t="s">
        <v>58687</v>
      </c>
      <c r="G15650" s="1" t="s">
        <v>58669</v>
      </c>
      <c r="H15650" s="1" t="s">
        <v>58670</v>
      </c>
      <c r="I15650" s="1" t="s">
        <v>53800</v>
      </c>
      <c r="J15650" s="1" t="s">
        <v>58688</v>
      </c>
    </row>
    <row r="15651" spans="1:10" x14ac:dyDescent="0.35">
      <c r="A15651" s="1" t="s">
        <v>58666</v>
      </c>
      <c r="B15651" s="1" t="s">
        <v>53796</v>
      </c>
      <c r="C15651" s="1" t="s">
        <v>45</v>
      </c>
      <c r="D15651" s="1" t="s">
        <v>58689</v>
      </c>
      <c r="E15651" s="1" t="s">
        <v>55325</v>
      </c>
      <c r="F15651" s="1" t="s">
        <v>58690</v>
      </c>
      <c r="G15651" s="1" t="s">
        <v>58669</v>
      </c>
      <c r="H15651" s="1" t="s">
        <v>58670</v>
      </c>
      <c r="I15651" s="1" t="s">
        <v>53800</v>
      </c>
      <c r="J15651" s="1" t="s">
        <v>58691</v>
      </c>
    </row>
    <row r="15652" spans="1:10" x14ac:dyDescent="0.35">
      <c r="A15652" s="1" t="s">
        <v>58666</v>
      </c>
      <c r="B15652" s="1" t="s">
        <v>53796</v>
      </c>
      <c r="C15652" s="1" t="s">
        <v>50</v>
      </c>
      <c r="D15652" s="1" t="s">
        <v>58692</v>
      </c>
      <c r="E15652" s="1" t="s">
        <v>40741</v>
      </c>
      <c r="F15652" s="1" t="s">
        <v>58693</v>
      </c>
      <c r="G15652" s="1" t="s">
        <v>58669</v>
      </c>
      <c r="H15652" s="1" t="s">
        <v>58670</v>
      </c>
      <c r="I15652" s="1" t="s">
        <v>53800</v>
      </c>
      <c r="J15652" s="1" t="s">
        <v>58694</v>
      </c>
    </row>
    <row r="15653" spans="1:10" x14ac:dyDescent="0.35">
      <c r="A15653" s="1" t="s">
        <v>58666</v>
      </c>
      <c r="B15653" s="1" t="s">
        <v>53796</v>
      </c>
      <c r="C15653" s="1" t="s">
        <v>55</v>
      </c>
      <c r="D15653" s="1" t="s">
        <v>58695</v>
      </c>
      <c r="E15653" s="1" t="s">
        <v>12841</v>
      </c>
      <c r="F15653" s="1" t="s">
        <v>58696</v>
      </c>
      <c r="G15653" s="1" t="s">
        <v>58669</v>
      </c>
      <c r="H15653" s="1" t="s">
        <v>58670</v>
      </c>
      <c r="I15653" s="1" t="s">
        <v>53800</v>
      </c>
      <c r="J15653" s="1" t="s">
        <v>58697</v>
      </c>
    </row>
    <row r="15654" spans="1:10" x14ac:dyDescent="0.35">
      <c r="A15654" s="1" t="s">
        <v>58666</v>
      </c>
      <c r="B15654" s="1" t="s">
        <v>53796</v>
      </c>
      <c r="C15654" s="1" t="s">
        <v>60</v>
      </c>
      <c r="D15654" s="1" t="s">
        <v>58698</v>
      </c>
      <c r="E15654" s="1" t="s">
        <v>22267</v>
      </c>
      <c r="F15654" s="1" t="s">
        <v>58699</v>
      </c>
      <c r="G15654" s="1" t="s">
        <v>58669</v>
      </c>
      <c r="H15654" s="1" t="s">
        <v>58670</v>
      </c>
      <c r="I15654" s="1" t="s">
        <v>53800</v>
      </c>
      <c r="J15654" s="1" t="s">
        <v>58700</v>
      </c>
    </row>
    <row r="15655" spans="1:10" x14ac:dyDescent="0.35">
      <c r="A15655" s="1" t="s">
        <v>58666</v>
      </c>
      <c r="B15655" s="1" t="s">
        <v>53796</v>
      </c>
      <c r="C15655" s="1" t="s">
        <v>65</v>
      </c>
      <c r="D15655" s="1" t="s">
        <v>58701</v>
      </c>
      <c r="E15655" s="1" t="s">
        <v>54448</v>
      </c>
      <c r="F15655" s="1" t="s">
        <v>58702</v>
      </c>
      <c r="G15655" s="1" t="s">
        <v>58669</v>
      </c>
      <c r="H15655" s="1" t="s">
        <v>58670</v>
      </c>
      <c r="I15655" s="1" t="s">
        <v>53800</v>
      </c>
      <c r="J15655" s="1" t="s">
        <v>58703</v>
      </c>
    </row>
    <row r="15656" spans="1:10" x14ac:dyDescent="0.35">
      <c r="A15656" s="1" t="s">
        <v>58666</v>
      </c>
      <c r="B15656" s="1" t="s">
        <v>53796</v>
      </c>
      <c r="C15656" s="1" t="s">
        <v>70</v>
      </c>
      <c r="D15656" s="1" t="s">
        <v>58704</v>
      </c>
      <c r="E15656" s="1" t="s">
        <v>56938</v>
      </c>
      <c r="F15656" s="1" t="s">
        <v>58705</v>
      </c>
      <c r="G15656" s="1" t="s">
        <v>58669</v>
      </c>
      <c r="H15656" s="1" t="s">
        <v>58670</v>
      </c>
      <c r="I15656" s="1" t="s">
        <v>53800</v>
      </c>
      <c r="J15656" s="1" t="s">
        <v>58706</v>
      </c>
    </row>
    <row r="15657" spans="1:10" x14ac:dyDescent="0.35">
      <c r="A15657" s="1" t="s">
        <v>58666</v>
      </c>
      <c r="B15657" s="1" t="s">
        <v>53796</v>
      </c>
      <c r="C15657" s="1" t="s">
        <v>75</v>
      </c>
      <c r="D15657" s="1" t="s">
        <v>58707</v>
      </c>
      <c r="E15657" s="1" t="s">
        <v>56923</v>
      </c>
      <c r="F15657" s="1" t="s">
        <v>58708</v>
      </c>
      <c r="G15657" s="1" t="s">
        <v>58669</v>
      </c>
      <c r="H15657" s="1" t="s">
        <v>58670</v>
      </c>
      <c r="I15657" s="1" t="s">
        <v>53800</v>
      </c>
      <c r="J15657" s="1" t="s">
        <v>58709</v>
      </c>
    </row>
    <row r="15658" spans="1:10" x14ac:dyDescent="0.35">
      <c r="A15658" s="1" t="s">
        <v>58666</v>
      </c>
      <c r="B15658" s="1" t="s">
        <v>53796</v>
      </c>
      <c r="C15658" s="1" t="s">
        <v>80</v>
      </c>
      <c r="D15658" s="1" t="s">
        <v>58710</v>
      </c>
      <c r="E15658" s="1" t="s">
        <v>54747</v>
      </c>
      <c r="F15658" s="1" t="s">
        <v>58711</v>
      </c>
      <c r="G15658" s="1" t="s">
        <v>58669</v>
      </c>
      <c r="H15658" s="1" t="s">
        <v>58670</v>
      </c>
      <c r="I15658" s="1" t="s">
        <v>53800</v>
      </c>
      <c r="J15658" s="1" t="s">
        <v>58712</v>
      </c>
    </row>
    <row r="15659" spans="1:10" x14ac:dyDescent="0.35">
      <c r="A15659" s="1" t="s">
        <v>58666</v>
      </c>
      <c r="B15659" s="1" t="s">
        <v>53796</v>
      </c>
      <c r="C15659" s="1" t="s">
        <v>85</v>
      </c>
      <c r="D15659" s="1" t="s">
        <v>58713</v>
      </c>
      <c r="E15659" s="1" t="s">
        <v>57014</v>
      </c>
      <c r="F15659" s="1" t="s">
        <v>58714</v>
      </c>
      <c r="G15659" s="1" t="s">
        <v>58669</v>
      </c>
      <c r="H15659" s="1" t="s">
        <v>58670</v>
      </c>
      <c r="I15659" s="1" t="s">
        <v>53800</v>
      </c>
      <c r="J15659" s="1" t="s">
        <v>58715</v>
      </c>
    </row>
    <row r="15660" spans="1:10" x14ac:dyDescent="0.35">
      <c r="A15660" s="1" t="s">
        <v>58666</v>
      </c>
      <c r="B15660" s="1" t="s">
        <v>53796</v>
      </c>
      <c r="C15660" s="1" t="s">
        <v>90</v>
      </c>
      <c r="D15660" s="1" t="s">
        <v>15104</v>
      </c>
      <c r="E15660" s="1" t="s">
        <v>24242</v>
      </c>
      <c r="F15660" s="1" t="s">
        <v>58716</v>
      </c>
      <c r="G15660" s="1" t="s">
        <v>58669</v>
      </c>
      <c r="H15660" s="1" t="s">
        <v>58670</v>
      </c>
      <c r="I15660" s="1" t="s">
        <v>53800</v>
      </c>
      <c r="J15660" s="1" t="s">
        <v>58717</v>
      </c>
    </row>
    <row r="15661" spans="1:10" x14ac:dyDescent="0.35">
      <c r="A15661" s="1" t="s">
        <v>58666</v>
      </c>
      <c r="B15661" s="1" t="s">
        <v>53796</v>
      </c>
      <c r="C15661" s="1" t="s">
        <v>95</v>
      </c>
      <c r="D15661" s="1" t="s">
        <v>58718</v>
      </c>
      <c r="E15661" s="1" t="s">
        <v>15214</v>
      </c>
      <c r="F15661" s="1" t="s">
        <v>58719</v>
      </c>
      <c r="G15661" s="1" t="s">
        <v>58669</v>
      </c>
      <c r="H15661" s="1" t="s">
        <v>58670</v>
      </c>
      <c r="I15661" s="1" t="s">
        <v>53800</v>
      </c>
      <c r="J15661" s="1" t="s">
        <v>58720</v>
      </c>
    </row>
    <row r="15662" spans="1:10" x14ac:dyDescent="0.35">
      <c r="A15662" s="1" t="s">
        <v>58666</v>
      </c>
      <c r="B15662" s="1" t="s">
        <v>53796</v>
      </c>
      <c r="C15662" s="1" t="s">
        <v>100</v>
      </c>
      <c r="D15662" s="1" t="s">
        <v>58721</v>
      </c>
      <c r="E15662" s="1" t="s">
        <v>15345</v>
      </c>
      <c r="F15662" s="1" t="s">
        <v>58722</v>
      </c>
      <c r="G15662" s="1" t="s">
        <v>58669</v>
      </c>
      <c r="H15662" s="1" t="s">
        <v>58670</v>
      </c>
      <c r="I15662" s="1" t="s">
        <v>53800</v>
      </c>
      <c r="J15662" s="1" t="s">
        <v>58723</v>
      </c>
    </row>
    <row r="15663" spans="1:10" x14ac:dyDescent="0.35">
      <c r="A15663" s="1" t="s">
        <v>58666</v>
      </c>
      <c r="B15663" s="1" t="s">
        <v>53796</v>
      </c>
      <c r="C15663" s="1" t="s">
        <v>105</v>
      </c>
      <c r="D15663" s="1" t="s">
        <v>58724</v>
      </c>
      <c r="E15663" s="1" t="s">
        <v>23480</v>
      </c>
      <c r="F15663" s="1" t="s">
        <v>22352</v>
      </c>
      <c r="G15663" s="1" t="s">
        <v>58669</v>
      </c>
      <c r="H15663" s="1" t="s">
        <v>58670</v>
      </c>
      <c r="I15663" s="1" t="s">
        <v>53800</v>
      </c>
      <c r="J15663" s="1" t="s">
        <v>58725</v>
      </c>
    </row>
    <row r="15664" spans="1:10" x14ac:dyDescent="0.35">
      <c r="A15664" s="1" t="s">
        <v>58666</v>
      </c>
      <c r="B15664" s="1" t="s">
        <v>53796</v>
      </c>
      <c r="C15664" s="1" t="s">
        <v>110</v>
      </c>
      <c r="D15664" s="1" t="s">
        <v>58726</v>
      </c>
      <c r="E15664" s="1" t="s">
        <v>21772</v>
      </c>
      <c r="F15664" s="1" t="s">
        <v>58727</v>
      </c>
      <c r="G15664" s="1" t="s">
        <v>58669</v>
      </c>
      <c r="H15664" s="1" t="s">
        <v>58670</v>
      </c>
      <c r="I15664" s="1" t="s">
        <v>53800</v>
      </c>
      <c r="J15664" s="1" t="s">
        <v>58728</v>
      </c>
    </row>
    <row r="15665" spans="1:10" x14ac:dyDescent="0.35">
      <c r="A15665" s="1" t="s">
        <v>58666</v>
      </c>
      <c r="B15665" s="1" t="s">
        <v>53796</v>
      </c>
      <c r="C15665" s="1" t="s">
        <v>115</v>
      </c>
      <c r="D15665" s="1" t="s">
        <v>58729</v>
      </c>
      <c r="E15665" s="1" t="s">
        <v>12821</v>
      </c>
      <c r="F15665" s="1" t="s">
        <v>32596</v>
      </c>
      <c r="G15665" s="1" t="s">
        <v>58669</v>
      </c>
      <c r="H15665" s="1" t="s">
        <v>58670</v>
      </c>
      <c r="I15665" s="1" t="s">
        <v>53800</v>
      </c>
      <c r="J15665" s="1" t="s">
        <v>58730</v>
      </c>
    </row>
    <row r="15666" spans="1:10" x14ac:dyDescent="0.35">
      <c r="A15666" s="1" t="s">
        <v>58666</v>
      </c>
      <c r="B15666" s="1" t="s">
        <v>53796</v>
      </c>
      <c r="C15666" s="1" t="s">
        <v>120</v>
      </c>
      <c r="D15666" s="1" t="s">
        <v>58731</v>
      </c>
      <c r="E15666" s="1" t="s">
        <v>22052</v>
      </c>
      <c r="F15666" s="1" t="s">
        <v>58732</v>
      </c>
      <c r="G15666" s="1" t="s">
        <v>58669</v>
      </c>
      <c r="H15666" s="1" t="s">
        <v>58670</v>
      </c>
      <c r="I15666" s="1" t="s">
        <v>53800</v>
      </c>
      <c r="J15666" s="1" t="s">
        <v>58733</v>
      </c>
    </row>
    <row r="15667" spans="1:10" x14ac:dyDescent="0.35">
      <c r="A15667" s="1" t="s">
        <v>58666</v>
      </c>
      <c r="B15667" s="1" t="s">
        <v>53796</v>
      </c>
      <c r="C15667" s="1" t="s">
        <v>125</v>
      </c>
      <c r="D15667" s="1" t="s">
        <v>58734</v>
      </c>
      <c r="E15667" s="1" t="s">
        <v>58534</v>
      </c>
      <c r="F15667" s="1" t="s">
        <v>58735</v>
      </c>
      <c r="G15667" s="1" t="s">
        <v>58669</v>
      </c>
      <c r="H15667" s="1" t="s">
        <v>58670</v>
      </c>
      <c r="I15667" s="1" t="s">
        <v>53800</v>
      </c>
      <c r="J15667" s="1" t="s">
        <v>58736</v>
      </c>
    </row>
    <row r="15668" spans="1:10" x14ac:dyDescent="0.35">
      <c r="A15668" s="1" t="s">
        <v>58666</v>
      </c>
      <c r="B15668" s="1" t="s">
        <v>53796</v>
      </c>
      <c r="C15668" s="1" t="s">
        <v>130</v>
      </c>
      <c r="D15668" s="1" t="s">
        <v>3312</v>
      </c>
      <c r="E15668" s="1" t="s">
        <v>22298</v>
      </c>
      <c r="F15668" s="1" t="s">
        <v>58737</v>
      </c>
      <c r="G15668" s="1" t="s">
        <v>58669</v>
      </c>
      <c r="H15668" s="1" t="s">
        <v>58670</v>
      </c>
      <c r="I15668" s="1" t="s">
        <v>53800</v>
      </c>
      <c r="J15668" s="1" t="s">
        <v>58738</v>
      </c>
    </row>
    <row r="15669" spans="1:10" x14ac:dyDescent="0.35">
      <c r="A15669" s="1" t="s">
        <v>58666</v>
      </c>
      <c r="B15669" s="1" t="s">
        <v>53796</v>
      </c>
      <c r="C15669" s="1" t="s">
        <v>135</v>
      </c>
      <c r="D15669" s="1" t="s">
        <v>58739</v>
      </c>
      <c r="E15669" s="1" t="s">
        <v>23521</v>
      </c>
      <c r="F15669" s="1" t="s">
        <v>58657</v>
      </c>
      <c r="G15669" s="1" t="s">
        <v>58669</v>
      </c>
      <c r="H15669" s="1" t="s">
        <v>58670</v>
      </c>
      <c r="I15669" s="1" t="s">
        <v>53800</v>
      </c>
      <c r="J15669" s="1" t="s">
        <v>58740</v>
      </c>
    </row>
    <row r="15670" spans="1:10" x14ac:dyDescent="0.35">
      <c r="A15670" s="1" t="s">
        <v>58666</v>
      </c>
      <c r="B15670" s="1" t="s">
        <v>53796</v>
      </c>
      <c r="C15670" s="1" t="s">
        <v>140</v>
      </c>
      <c r="D15670" s="1" t="s">
        <v>24867</v>
      </c>
      <c r="E15670" s="1" t="s">
        <v>24213</v>
      </c>
      <c r="F15670" s="1" t="s">
        <v>58741</v>
      </c>
      <c r="G15670" s="1" t="s">
        <v>58669</v>
      </c>
      <c r="H15670" s="1" t="s">
        <v>58670</v>
      </c>
      <c r="I15670" s="1" t="s">
        <v>53800</v>
      </c>
      <c r="J15670" s="1" t="s">
        <v>58742</v>
      </c>
    </row>
    <row r="15671" spans="1:10" x14ac:dyDescent="0.35">
      <c r="A15671" s="1" t="s">
        <v>58666</v>
      </c>
      <c r="B15671" s="1" t="s">
        <v>53796</v>
      </c>
      <c r="C15671" s="1" t="s">
        <v>145</v>
      </c>
      <c r="D15671" s="1" t="s">
        <v>58743</v>
      </c>
      <c r="E15671" s="1" t="s">
        <v>15241</v>
      </c>
      <c r="F15671" s="1" t="s">
        <v>58744</v>
      </c>
      <c r="G15671" s="1" t="s">
        <v>58669</v>
      </c>
      <c r="H15671" s="1" t="s">
        <v>58670</v>
      </c>
      <c r="I15671" s="1" t="s">
        <v>53800</v>
      </c>
      <c r="J15671" s="1" t="s">
        <v>58745</v>
      </c>
    </row>
    <row r="15672" spans="1:10" x14ac:dyDescent="0.35">
      <c r="A15672" s="1" t="s">
        <v>58666</v>
      </c>
      <c r="B15672" s="1" t="s">
        <v>53796</v>
      </c>
      <c r="C15672" s="1" t="s">
        <v>150</v>
      </c>
      <c r="D15672" s="1" t="s">
        <v>58746</v>
      </c>
      <c r="E15672" s="1" t="s">
        <v>57695</v>
      </c>
      <c r="F15672" s="1" t="s">
        <v>58747</v>
      </c>
      <c r="G15672" s="1" t="s">
        <v>58669</v>
      </c>
      <c r="H15672" s="1" t="s">
        <v>58670</v>
      </c>
      <c r="I15672" s="1" t="s">
        <v>53800</v>
      </c>
      <c r="J15672" s="1" t="s">
        <v>58748</v>
      </c>
    </row>
    <row r="15673" spans="1:10" x14ac:dyDescent="0.35">
      <c r="A15673" s="1" t="s">
        <v>58666</v>
      </c>
      <c r="B15673" s="1" t="s">
        <v>53796</v>
      </c>
      <c r="C15673" s="1" t="s">
        <v>155</v>
      </c>
      <c r="D15673" s="1" t="s">
        <v>53814</v>
      </c>
      <c r="E15673" s="1" t="s">
        <v>32090</v>
      </c>
      <c r="F15673" s="1" t="s">
        <v>58749</v>
      </c>
      <c r="G15673" s="1" t="s">
        <v>58669</v>
      </c>
      <c r="H15673" s="1" t="s">
        <v>58670</v>
      </c>
      <c r="I15673" s="1" t="s">
        <v>53800</v>
      </c>
      <c r="J15673" s="1" t="s">
        <v>58750</v>
      </c>
    </row>
    <row r="15674" spans="1:10" x14ac:dyDescent="0.35">
      <c r="A15674" s="1" t="s">
        <v>58666</v>
      </c>
      <c r="B15674" s="1" t="s">
        <v>53796</v>
      </c>
      <c r="C15674" s="1" t="s">
        <v>160</v>
      </c>
      <c r="D15674" s="1" t="s">
        <v>58751</v>
      </c>
      <c r="E15674" s="1" t="s">
        <v>26269</v>
      </c>
      <c r="F15674" s="1" t="s">
        <v>58752</v>
      </c>
      <c r="G15674" s="1" t="s">
        <v>58669</v>
      </c>
      <c r="H15674" s="1" t="s">
        <v>58670</v>
      </c>
      <c r="I15674" s="1" t="s">
        <v>53800</v>
      </c>
      <c r="J15674" s="1" t="s">
        <v>58753</v>
      </c>
    </row>
    <row r="15675" spans="1:10" x14ac:dyDescent="0.35">
      <c r="A15675" s="1" t="s">
        <v>58666</v>
      </c>
      <c r="B15675" s="1" t="s">
        <v>53796</v>
      </c>
      <c r="C15675" s="1" t="s">
        <v>165</v>
      </c>
      <c r="D15675" s="1" t="s">
        <v>58754</v>
      </c>
      <c r="E15675" s="1" t="s">
        <v>15274</v>
      </c>
      <c r="F15675" s="1" t="s">
        <v>58755</v>
      </c>
      <c r="G15675" s="1" t="s">
        <v>58669</v>
      </c>
      <c r="H15675" s="1" t="s">
        <v>58670</v>
      </c>
      <c r="I15675" s="1" t="s">
        <v>53800</v>
      </c>
      <c r="J15675" s="1" t="s">
        <v>58756</v>
      </c>
    </row>
    <row r="15676" spans="1:10" x14ac:dyDescent="0.35">
      <c r="A15676" s="1" t="s">
        <v>58666</v>
      </c>
      <c r="B15676" s="1" t="s">
        <v>53796</v>
      </c>
      <c r="C15676" s="1" t="s">
        <v>170</v>
      </c>
      <c r="D15676" s="1" t="s">
        <v>58757</v>
      </c>
      <c r="E15676" s="1" t="s">
        <v>22335</v>
      </c>
      <c r="F15676" s="1" t="s">
        <v>58758</v>
      </c>
      <c r="G15676" s="1" t="s">
        <v>58669</v>
      </c>
      <c r="H15676" s="1" t="s">
        <v>58670</v>
      </c>
      <c r="I15676" s="1" t="s">
        <v>53800</v>
      </c>
      <c r="J15676" s="1" t="s">
        <v>58759</v>
      </c>
    </row>
    <row r="15677" spans="1:10" x14ac:dyDescent="0.35">
      <c r="A15677" s="1" t="s">
        <v>58760</v>
      </c>
      <c r="B15677" s="1" t="s">
        <v>53796</v>
      </c>
      <c r="C15677" s="1" t="s">
        <v>8</v>
      </c>
      <c r="D15677" s="1" t="s">
        <v>20594</v>
      </c>
      <c r="E15677" s="1" t="s">
        <v>22267</v>
      </c>
      <c r="F15677" s="1" t="s">
        <v>58761</v>
      </c>
      <c r="G15677" s="1" t="s">
        <v>58762</v>
      </c>
      <c r="H15677" s="1" t="s">
        <v>58763</v>
      </c>
      <c r="I15677" s="1" t="s">
        <v>53800</v>
      </c>
      <c r="J15677" s="1" t="s">
        <v>13</v>
      </c>
    </row>
    <row r="15678" spans="1:10" x14ac:dyDescent="0.35">
      <c r="A15678" s="1" t="s">
        <v>58760</v>
      </c>
      <c r="B15678" s="1" t="s">
        <v>53796</v>
      </c>
      <c r="C15678" s="1" t="s">
        <v>15</v>
      </c>
      <c r="D15678" s="1" t="s">
        <v>58764</v>
      </c>
      <c r="E15678" s="1" t="s">
        <v>57412</v>
      </c>
      <c r="F15678" s="1" t="s">
        <v>58765</v>
      </c>
      <c r="G15678" s="1" t="s">
        <v>58762</v>
      </c>
      <c r="H15678" s="1" t="s">
        <v>58763</v>
      </c>
      <c r="I15678" s="1" t="s">
        <v>53800</v>
      </c>
      <c r="J15678" s="1" t="s">
        <v>58766</v>
      </c>
    </row>
    <row r="15679" spans="1:10" x14ac:dyDescent="0.35">
      <c r="A15679" s="1" t="s">
        <v>58760</v>
      </c>
      <c r="B15679" s="1" t="s">
        <v>53796</v>
      </c>
      <c r="C15679" s="1" t="s">
        <v>20</v>
      </c>
      <c r="D15679" s="1" t="s">
        <v>58767</v>
      </c>
      <c r="E15679" s="1" t="s">
        <v>58768</v>
      </c>
      <c r="F15679" s="1" t="s">
        <v>58390</v>
      </c>
      <c r="G15679" s="1" t="s">
        <v>58762</v>
      </c>
      <c r="H15679" s="1" t="s">
        <v>58763</v>
      </c>
      <c r="I15679" s="1" t="s">
        <v>53800</v>
      </c>
      <c r="J15679" s="1" t="s">
        <v>58769</v>
      </c>
    </row>
    <row r="15680" spans="1:10" x14ac:dyDescent="0.35">
      <c r="A15680" s="1" t="s">
        <v>58760</v>
      </c>
      <c r="B15680" s="1" t="s">
        <v>53796</v>
      </c>
      <c r="C15680" s="1" t="s">
        <v>25</v>
      </c>
      <c r="D15680" s="1" t="s">
        <v>57647</v>
      </c>
      <c r="E15680" s="1" t="s">
        <v>41188</v>
      </c>
      <c r="F15680" s="1" t="s">
        <v>58770</v>
      </c>
      <c r="G15680" s="1" t="s">
        <v>58762</v>
      </c>
      <c r="H15680" s="1" t="s">
        <v>58763</v>
      </c>
      <c r="I15680" s="1" t="s">
        <v>53800</v>
      </c>
      <c r="J15680" s="1" t="s">
        <v>58771</v>
      </c>
    </row>
    <row r="15681" spans="1:10" x14ac:dyDescent="0.35">
      <c r="A15681" s="1" t="s">
        <v>58760</v>
      </c>
      <c r="B15681" s="1" t="s">
        <v>53796</v>
      </c>
      <c r="C15681" s="1" t="s">
        <v>30</v>
      </c>
      <c r="D15681" s="1" t="s">
        <v>58772</v>
      </c>
      <c r="E15681" s="1" t="s">
        <v>23232</v>
      </c>
      <c r="F15681" s="1" t="s">
        <v>58773</v>
      </c>
      <c r="G15681" s="1" t="s">
        <v>58762</v>
      </c>
      <c r="H15681" s="1" t="s">
        <v>58763</v>
      </c>
      <c r="I15681" s="1" t="s">
        <v>53800</v>
      </c>
      <c r="J15681" s="1" t="s">
        <v>58774</v>
      </c>
    </row>
    <row r="15682" spans="1:10" x14ac:dyDescent="0.35">
      <c r="A15682" s="1" t="s">
        <v>58760</v>
      </c>
      <c r="B15682" s="1" t="s">
        <v>53796</v>
      </c>
      <c r="C15682" s="1" t="s">
        <v>35</v>
      </c>
      <c r="D15682" s="1" t="s">
        <v>58775</v>
      </c>
      <c r="E15682" s="1" t="s">
        <v>54764</v>
      </c>
      <c r="F15682" s="1" t="s">
        <v>58776</v>
      </c>
      <c r="G15682" s="1" t="s">
        <v>58762</v>
      </c>
      <c r="H15682" s="1" t="s">
        <v>58763</v>
      </c>
      <c r="I15682" s="1" t="s">
        <v>53800</v>
      </c>
      <c r="J15682" s="1" t="s">
        <v>58777</v>
      </c>
    </row>
    <row r="15683" spans="1:10" x14ac:dyDescent="0.35">
      <c r="A15683" s="1" t="s">
        <v>58760</v>
      </c>
      <c r="B15683" s="1" t="s">
        <v>53796</v>
      </c>
      <c r="C15683" s="1" t="s">
        <v>40</v>
      </c>
      <c r="D15683" s="1" t="s">
        <v>22427</v>
      </c>
      <c r="E15683" s="1" t="s">
        <v>23894</v>
      </c>
      <c r="F15683" s="1" t="s">
        <v>58778</v>
      </c>
      <c r="G15683" s="1" t="s">
        <v>58762</v>
      </c>
      <c r="H15683" s="1" t="s">
        <v>58763</v>
      </c>
      <c r="I15683" s="1" t="s">
        <v>53800</v>
      </c>
      <c r="J15683" s="1" t="s">
        <v>58779</v>
      </c>
    </row>
    <row r="15684" spans="1:10" x14ac:dyDescent="0.35">
      <c r="A15684" s="1" t="s">
        <v>58760</v>
      </c>
      <c r="B15684" s="1" t="s">
        <v>53796</v>
      </c>
      <c r="C15684" s="1" t="s">
        <v>45</v>
      </c>
      <c r="D15684" s="1" t="s">
        <v>58780</v>
      </c>
      <c r="E15684" s="1" t="s">
        <v>23450</v>
      </c>
      <c r="F15684" s="1" t="s">
        <v>58781</v>
      </c>
      <c r="G15684" s="1" t="s">
        <v>58762</v>
      </c>
      <c r="H15684" s="1" t="s">
        <v>58763</v>
      </c>
      <c r="I15684" s="1" t="s">
        <v>53800</v>
      </c>
      <c r="J15684" s="1" t="s">
        <v>58782</v>
      </c>
    </row>
    <row r="15685" spans="1:10" x14ac:dyDescent="0.35">
      <c r="A15685" s="1" t="s">
        <v>58760</v>
      </c>
      <c r="B15685" s="1" t="s">
        <v>53796</v>
      </c>
      <c r="C15685" s="1" t="s">
        <v>50</v>
      </c>
      <c r="D15685" s="1" t="s">
        <v>42356</v>
      </c>
      <c r="E15685" s="1" t="s">
        <v>58783</v>
      </c>
      <c r="F15685" s="1" t="s">
        <v>58784</v>
      </c>
      <c r="G15685" s="1" t="s">
        <v>58762</v>
      </c>
      <c r="H15685" s="1" t="s">
        <v>58763</v>
      </c>
      <c r="I15685" s="1" t="s">
        <v>53800</v>
      </c>
      <c r="J15685" s="1" t="s">
        <v>58785</v>
      </c>
    </row>
    <row r="15686" spans="1:10" x14ac:dyDescent="0.35">
      <c r="A15686" s="1" t="s">
        <v>58760</v>
      </c>
      <c r="B15686" s="1" t="s">
        <v>53796</v>
      </c>
      <c r="C15686" s="1" t="s">
        <v>55</v>
      </c>
      <c r="D15686" s="1" t="s">
        <v>20630</v>
      </c>
      <c r="E15686" s="1" t="s">
        <v>15841</v>
      </c>
      <c r="F15686" s="1" t="s">
        <v>58786</v>
      </c>
      <c r="G15686" s="1" t="s">
        <v>58762</v>
      </c>
      <c r="H15686" s="1" t="s">
        <v>58763</v>
      </c>
      <c r="I15686" s="1" t="s">
        <v>53800</v>
      </c>
      <c r="J15686" s="1" t="s">
        <v>58787</v>
      </c>
    </row>
    <row r="15687" spans="1:10" x14ac:dyDescent="0.35">
      <c r="A15687" s="1" t="s">
        <v>58760</v>
      </c>
      <c r="B15687" s="1" t="s">
        <v>53796</v>
      </c>
      <c r="C15687" s="1" t="s">
        <v>60</v>
      </c>
      <c r="D15687" s="1" t="s">
        <v>58788</v>
      </c>
      <c r="E15687" s="1" t="s">
        <v>31445</v>
      </c>
      <c r="F15687" s="1" t="s">
        <v>58789</v>
      </c>
      <c r="G15687" s="1" t="s">
        <v>58762</v>
      </c>
      <c r="H15687" s="1" t="s">
        <v>58763</v>
      </c>
      <c r="I15687" s="1" t="s">
        <v>53800</v>
      </c>
      <c r="J15687" s="1" t="s">
        <v>58790</v>
      </c>
    </row>
    <row r="15688" spans="1:10" x14ac:dyDescent="0.35">
      <c r="A15688" s="1" t="s">
        <v>58760</v>
      </c>
      <c r="B15688" s="1" t="s">
        <v>53796</v>
      </c>
      <c r="C15688" s="1" t="s">
        <v>65</v>
      </c>
      <c r="D15688" s="1" t="s">
        <v>58791</v>
      </c>
      <c r="E15688" s="1" t="s">
        <v>32069</v>
      </c>
      <c r="F15688" s="1" t="s">
        <v>58792</v>
      </c>
      <c r="G15688" s="1" t="s">
        <v>58762</v>
      </c>
      <c r="H15688" s="1" t="s">
        <v>58763</v>
      </c>
      <c r="I15688" s="1" t="s">
        <v>53800</v>
      </c>
      <c r="J15688" s="1" t="s">
        <v>58793</v>
      </c>
    </row>
    <row r="15689" spans="1:10" x14ac:dyDescent="0.35">
      <c r="A15689" s="1" t="s">
        <v>58760</v>
      </c>
      <c r="B15689" s="1" t="s">
        <v>53796</v>
      </c>
      <c r="C15689" s="1" t="s">
        <v>70</v>
      </c>
      <c r="D15689" s="1" t="s">
        <v>58794</v>
      </c>
      <c r="E15689" s="1" t="s">
        <v>26492</v>
      </c>
      <c r="F15689" s="1" t="s">
        <v>58795</v>
      </c>
      <c r="G15689" s="1" t="s">
        <v>58762</v>
      </c>
      <c r="H15689" s="1" t="s">
        <v>58763</v>
      </c>
      <c r="I15689" s="1" t="s">
        <v>53800</v>
      </c>
      <c r="J15689" s="1" t="s">
        <v>58796</v>
      </c>
    </row>
    <row r="15690" spans="1:10" x14ac:dyDescent="0.35">
      <c r="A15690" s="1" t="s">
        <v>58760</v>
      </c>
      <c r="B15690" s="1" t="s">
        <v>53796</v>
      </c>
      <c r="C15690" s="1" t="s">
        <v>75</v>
      </c>
      <c r="D15690" s="1" t="s">
        <v>58797</v>
      </c>
      <c r="E15690" s="1" t="s">
        <v>26604</v>
      </c>
      <c r="F15690" s="1" t="s">
        <v>58798</v>
      </c>
      <c r="G15690" s="1" t="s">
        <v>58762</v>
      </c>
      <c r="H15690" s="1" t="s">
        <v>58763</v>
      </c>
      <c r="I15690" s="1" t="s">
        <v>53800</v>
      </c>
      <c r="J15690" s="1" t="s">
        <v>58799</v>
      </c>
    </row>
    <row r="15691" spans="1:10" x14ac:dyDescent="0.35">
      <c r="A15691" s="1" t="s">
        <v>58760</v>
      </c>
      <c r="B15691" s="1" t="s">
        <v>53796</v>
      </c>
      <c r="C15691" s="1" t="s">
        <v>80</v>
      </c>
      <c r="D15691" s="1" t="s">
        <v>58800</v>
      </c>
      <c r="E15691" s="1" t="s">
        <v>58801</v>
      </c>
      <c r="F15691" s="1" t="s">
        <v>58802</v>
      </c>
      <c r="G15691" s="1" t="s">
        <v>58762</v>
      </c>
      <c r="H15691" s="1" t="s">
        <v>58763</v>
      </c>
      <c r="I15691" s="1" t="s">
        <v>53800</v>
      </c>
      <c r="J15691" s="1" t="s">
        <v>58803</v>
      </c>
    </row>
    <row r="15692" spans="1:10" x14ac:dyDescent="0.35">
      <c r="A15692" s="1" t="s">
        <v>58760</v>
      </c>
      <c r="B15692" s="1" t="s">
        <v>53796</v>
      </c>
      <c r="C15692" s="1" t="s">
        <v>85</v>
      </c>
      <c r="D15692" s="1" t="s">
        <v>58804</v>
      </c>
      <c r="E15692" s="1" t="s">
        <v>12864</v>
      </c>
      <c r="F15692" s="1" t="s">
        <v>58805</v>
      </c>
      <c r="G15692" s="1" t="s">
        <v>58762</v>
      </c>
      <c r="H15692" s="1" t="s">
        <v>58763</v>
      </c>
      <c r="I15692" s="1" t="s">
        <v>53800</v>
      </c>
      <c r="J15692" s="1" t="s">
        <v>58806</v>
      </c>
    </row>
    <row r="15693" spans="1:10" x14ac:dyDescent="0.35">
      <c r="A15693" s="1" t="s">
        <v>58760</v>
      </c>
      <c r="B15693" s="1" t="s">
        <v>53796</v>
      </c>
      <c r="C15693" s="1" t="s">
        <v>90</v>
      </c>
      <c r="D15693" s="1" t="s">
        <v>58807</v>
      </c>
      <c r="E15693" s="1" t="s">
        <v>15829</v>
      </c>
      <c r="F15693" s="1" t="s">
        <v>58808</v>
      </c>
      <c r="G15693" s="1" t="s">
        <v>58762</v>
      </c>
      <c r="H15693" s="1" t="s">
        <v>58763</v>
      </c>
      <c r="I15693" s="1" t="s">
        <v>53800</v>
      </c>
      <c r="J15693" s="1" t="s">
        <v>58809</v>
      </c>
    </row>
    <row r="15694" spans="1:10" x14ac:dyDescent="0.35">
      <c r="A15694" s="1" t="s">
        <v>58760</v>
      </c>
      <c r="B15694" s="1" t="s">
        <v>53796</v>
      </c>
      <c r="C15694" s="1" t="s">
        <v>95</v>
      </c>
      <c r="D15694" s="1" t="s">
        <v>4834</v>
      </c>
      <c r="E15694" s="1" t="s">
        <v>26539</v>
      </c>
      <c r="F15694" s="1" t="s">
        <v>58810</v>
      </c>
      <c r="G15694" s="1" t="s">
        <v>58762</v>
      </c>
      <c r="H15694" s="1" t="s">
        <v>58763</v>
      </c>
      <c r="I15694" s="1" t="s">
        <v>53800</v>
      </c>
      <c r="J15694" s="1" t="s">
        <v>58811</v>
      </c>
    </row>
    <row r="15695" spans="1:10" x14ac:dyDescent="0.35">
      <c r="A15695" s="1" t="s">
        <v>58760</v>
      </c>
      <c r="B15695" s="1" t="s">
        <v>53796</v>
      </c>
      <c r="C15695" s="1" t="s">
        <v>100</v>
      </c>
      <c r="D15695" s="1" t="s">
        <v>58812</v>
      </c>
      <c r="E15695" s="1" t="s">
        <v>15340</v>
      </c>
      <c r="F15695" s="1" t="s">
        <v>58813</v>
      </c>
      <c r="G15695" s="1" t="s">
        <v>58762</v>
      </c>
      <c r="H15695" s="1" t="s">
        <v>58763</v>
      </c>
      <c r="I15695" s="1" t="s">
        <v>53800</v>
      </c>
      <c r="J15695" s="1" t="s">
        <v>58814</v>
      </c>
    </row>
    <row r="15696" spans="1:10" x14ac:dyDescent="0.35">
      <c r="A15696" s="1" t="s">
        <v>58760</v>
      </c>
      <c r="B15696" s="1" t="s">
        <v>53796</v>
      </c>
      <c r="C15696" s="1" t="s">
        <v>105</v>
      </c>
      <c r="D15696" s="1" t="s">
        <v>58815</v>
      </c>
      <c r="E15696" s="1" t="s">
        <v>56202</v>
      </c>
      <c r="F15696" s="1" t="s">
        <v>58816</v>
      </c>
      <c r="G15696" s="1" t="s">
        <v>58762</v>
      </c>
      <c r="H15696" s="1" t="s">
        <v>58763</v>
      </c>
      <c r="I15696" s="1" t="s">
        <v>53800</v>
      </c>
      <c r="J15696" s="1" t="s">
        <v>58817</v>
      </c>
    </row>
    <row r="15697" spans="1:10" x14ac:dyDescent="0.35">
      <c r="A15697" s="1" t="s">
        <v>58760</v>
      </c>
      <c r="B15697" s="1" t="s">
        <v>53796</v>
      </c>
      <c r="C15697" s="1" t="s">
        <v>110</v>
      </c>
      <c r="D15697" s="1" t="s">
        <v>22775</v>
      </c>
      <c r="E15697" s="1" t="s">
        <v>16094</v>
      </c>
      <c r="F15697" s="1" t="s">
        <v>58818</v>
      </c>
      <c r="G15697" s="1" t="s">
        <v>58762</v>
      </c>
      <c r="H15697" s="1" t="s">
        <v>58763</v>
      </c>
      <c r="I15697" s="1" t="s">
        <v>53800</v>
      </c>
      <c r="J15697" s="1" t="s">
        <v>58819</v>
      </c>
    </row>
    <row r="15698" spans="1:10" x14ac:dyDescent="0.35">
      <c r="A15698" s="1" t="s">
        <v>58760</v>
      </c>
      <c r="B15698" s="1" t="s">
        <v>53796</v>
      </c>
      <c r="C15698" s="1" t="s">
        <v>115</v>
      </c>
      <c r="D15698" s="1" t="s">
        <v>58820</v>
      </c>
      <c r="E15698" s="1" t="s">
        <v>26539</v>
      </c>
      <c r="F15698" s="1" t="s">
        <v>58821</v>
      </c>
      <c r="G15698" s="1" t="s">
        <v>58762</v>
      </c>
      <c r="H15698" s="1" t="s">
        <v>58763</v>
      </c>
      <c r="I15698" s="1" t="s">
        <v>53800</v>
      </c>
      <c r="J15698" s="1" t="s">
        <v>58822</v>
      </c>
    </row>
    <row r="15699" spans="1:10" x14ac:dyDescent="0.35">
      <c r="A15699" s="1" t="s">
        <v>58760</v>
      </c>
      <c r="B15699" s="1" t="s">
        <v>53796</v>
      </c>
      <c r="C15699" s="1" t="s">
        <v>120</v>
      </c>
      <c r="D15699" s="1" t="s">
        <v>58823</v>
      </c>
      <c r="E15699" s="1" t="s">
        <v>12805</v>
      </c>
      <c r="F15699" s="1" t="s">
        <v>58824</v>
      </c>
      <c r="G15699" s="1" t="s">
        <v>58762</v>
      </c>
      <c r="H15699" s="1" t="s">
        <v>58763</v>
      </c>
      <c r="I15699" s="1" t="s">
        <v>53800</v>
      </c>
      <c r="J15699" s="1" t="s">
        <v>58825</v>
      </c>
    </row>
    <row r="15700" spans="1:10" x14ac:dyDescent="0.35">
      <c r="A15700" s="1" t="s">
        <v>58760</v>
      </c>
      <c r="B15700" s="1" t="s">
        <v>53796</v>
      </c>
      <c r="C15700" s="1" t="s">
        <v>125</v>
      </c>
      <c r="D15700" s="1" t="s">
        <v>27218</v>
      </c>
      <c r="E15700" s="1" t="s">
        <v>58826</v>
      </c>
      <c r="F15700" s="1" t="s">
        <v>58827</v>
      </c>
      <c r="G15700" s="1" t="s">
        <v>58762</v>
      </c>
      <c r="H15700" s="1" t="s">
        <v>58763</v>
      </c>
      <c r="I15700" s="1" t="s">
        <v>53800</v>
      </c>
      <c r="J15700" s="1" t="s">
        <v>58828</v>
      </c>
    </row>
    <row r="15701" spans="1:10" x14ac:dyDescent="0.35">
      <c r="A15701" s="1" t="s">
        <v>58760</v>
      </c>
      <c r="B15701" s="1" t="s">
        <v>53796</v>
      </c>
      <c r="C15701" s="1" t="s">
        <v>130</v>
      </c>
      <c r="D15701" s="1" t="s">
        <v>58829</v>
      </c>
      <c r="E15701" s="1" t="s">
        <v>31497</v>
      </c>
      <c r="F15701" s="1" t="s">
        <v>58626</v>
      </c>
      <c r="G15701" s="1" t="s">
        <v>58762</v>
      </c>
      <c r="H15701" s="1" t="s">
        <v>58763</v>
      </c>
      <c r="I15701" s="1" t="s">
        <v>53800</v>
      </c>
      <c r="J15701" s="1" t="s">
        <v>58830</v>
      </c>
    </row>
    <row r="15702" spans="1:10" x14ac:dyDescent="0.35">
      <c r="A15702" s="1" t="s">
        <v>58760</v>
      </c>
      <c r="B15702" s="1" t="s">
        <v>53796</v>
      </c>
      <c r="C15702" s="1" t="s">
        <v>135</v>
      </c>
      <c r="D15702" s="1" t="s">
        <v>58831</v>
      </c>
      <c r="E15702" s="1" t="s">
        <v>58832</v>
      </c>
      <c r="F15702" s="1" t="s">
        <v>58833</v>
      </c>
      <c r="G15702" s="1" t="s">
        <v>58762</v>
      </c>
      <c r="H15702" s="1" t="s">
        <v>58763</v>
      </c>
      <c r="I15702" s="1" t="s">
        <v>53800</v>
      </c>
      <c r="J15702" s="1" t="s">
        <v>58834</v>
      </c>
    </row>
    <row r="15703" spans="1:10" x14ac:dyDescent="0.35">
      <c r="A15703" s="1" t="s">
        <v>58760</v>
      </c>
      <c r="B15703" s="1" t="s">
        <v>53796</v>
      </c>
      <c r="C15703" s="1" t="s">
        <v>140</v>
      </c>
      <c r="D15703" s="1" t="s">
        <v>58835</v>
      </c>
      <c r="E15703" s="1" t="s">
        <v>12786</v>
      </c>
      <c r="F15703" s="1" t="s">
        <v>58836</v>
      </c>
      <c r="G15703" s="1" t="s">
        <v>58762</v>
      </c>
      <c r="H15703" s="1" t="s">
        <v>58763</v>
      </c>
      <c r="I15703" s="1" t="s">
        <v>53800</v>
      </c>
      <c r="J15703" s="1" t="s">
        <v>58837</v>
      </c>
    </row>
    <row r="15704" spans="1:10" x14ac:dyDescent="0.35">
      <c r="A15704" s="1" t="s">
        <v>58760</v>
      </c>
      <c r="B15704" s="1" t="s">
        <v>53796</v>
      </c>
      <c r="C15704" s="1" t="s">
        <v>145</v>
      </c>
      <c r="D15704" s="1" t="s">
        <v>58838</v>
      </c>
      <c r="E15704" s="1" t="s">
        <v>22302</v>
      </c>
      <c r="F15704" s="1" t="s">
        <v>58839</v>
      </c>
      <c r="G15704" s="1" t="s">
        <v>58762</v>
      </c>
      <c r="H15704" s="1" t="s">
        <v>58763</v>
      </c>
      <c r="I15704" s="1" t="s">
        <v>53800</v>
      </c>
      <c r="J15704" s="1" t="s">
        <v>58840</v>
      </c>
    </row>
    <row r="15705" spans="1:10" x14ac:dyDescent="0.35">
      <c r="A15705" s="1" t="s">
        <v>58760</v>
      </c>
      <c r="B15705" s="1" t="s">
        <v>53796</v>
      </c>
      <c r="C15705" s="1" t="s">
        <v>150</v>
      </c>
      <c r="D15705" s="1" t="s">
        <v>58841</v>
      </c>
      <c r="E15705" s="1" t="s">
        <v>31869</v>
      </c>
      <c r="F15705" s="1" t="s">
        <v>32601</v>
      </c>
      <c r="G15705" s="1" t="s">
        <v>58762</v>
      </c>
      <c r="H15705" s="1" t="s">
        <v>58763</v>
      </c>
      <c r="I15705" s="1" t="s">
        <v>53800</v>
      </c>
      <c r="J15705" s="1" t="s">
        <v>58842</v>
      </c>
    </row>
    <row r="15706" spans="1:10" x14ac:dyDescent="0.35">
      <c r="A15706" s="1" t="s">
        <v>58760</v>
      </c>
      <c r="B15706" s="1" t="s">
        <v>53796</v>
      </c>
      <c r="C15706" s="1" t="s">
        <v>155</v>
      </c>
      <c r="D15706" s="1" t="s">
        <v>58843</v>
      </c>
      <c r="E15706" s="1" t="s">
        <v>23505</v>
      </c>
      <c r="F15706" s="1" t="s">
        <v>26431</v>
      </c>
      <c r="G15706" s="1" t="s">
        <v>58762</v>
      </c>
      <c r="H15706" s="1" t="s">
        <v>58763</v>
      </c>
      <c r="I15706" s="1" t="s">
        <v>53800</v>
      </c>
      <c r="J15706" s="1" t="s">
        <v>58844</v>
      </c>
    </row>
    <row r="15707" spans="1:10" x14ac:dyDescent="0.35">
      <c r="A15707" s="1" t="s">
        <v>58760</v>
      </c>
      <c r="B15707" s="1" t="s">
        <v>53796</v>
      </c>
      <c r="C15707" s="1" t="s">
        <v>160</v>
      </c>
      <c r="D15707" s="1" t="s">
        <v>58845</v>
      </c>
      <c r="E15707" s="1" t="s">
        <v>27058</v>
      </c>
      <c r="F15707" s="1" t="s">
        <v>58846</v>
      </c>
      <c r="G15707" s="1" t="s">
        <v>58762</v>
      </c>
      <c r="H15707" s="1" t="s">
        <v>58763</v>
      </c>
      <c r="I15707" s="1" t="s">
        <v>53800</v>
      </c>
      <c r="J15707" s="1" t="s">
        <v>58847</v>
      </c>
    </row>
    <row r="15708" spans="1:10" x14ac:dyDescent="0.35">
      <c r="A15708" s="1" t="s">
        <v>58760</v>
      </c>
      <c r="B15708" s="1" t="s">
        <v>53796</v>
      </c>
      <c r="C15708" s="1" t="s">
        <v>165</v>
      </c>
      <c r="D15708" s="1" t="s">
        <v>27017</v>
      </c>
      <c r="E15708" s="1" t="s">
        <v>32368</v>
      </c>
      <c r="F15708" s="1" t="s">
        <v>58848</v>
      </c>
      <c r="G15708" s="1" t="s">
        <v>58762</v>
      </c>
      <c r="H15708" s="1" t="s">
        <v>58763</v>
      </c>
      <c r="I15708" s="1" t="s">
        <v>53800</v>
      </c>
      <c r="J15708" s="1" t="s">
        <v>58849</v>
      </c>
    </row>
    <row r="15709" spans="1:10" x14ac:dyDescent="0.35">
      <c r="A15709" s="1" t="s">
        <v>58760</v>
      </c>
      <c r="B15709" s="1" t="s">
        <v>53796</v>
      </c>
      <c r="C15709" s="1" t="s">
        <v>170</v>
      </c>
      <c r="D15709" s="1" t="s">
        <v>58850</v>
      </c>
      <c r="E15709" s="1" t="s">
        <v>15896</v>
      </c>
      <c r="F15709" s="1" t="s">
        <v>58851</v>
      </c>
      <c r="G15709" s="1" t="s">
        <v>58762</v>
      </c>
      <c r="H15709" s="1" t="s">
        <v>58763</v>
      </c>
      <c r="I15709" s="1" t="s">
        <v>53800</v>
      </c>
      <c r="J15709" s="1" t="s">
        <v>58852</v>
      </c>
    </row>
    <row r="15710" spans="1:10" x14ac:dyDescent="0.35">
      <c r="A15710" s="1" t="s">
        <v>6972</v>
      </c>
      <c r="B15710" s="1" t="s">
        <v>53796</v>
      </c>
      <c r="C15710" s="1" t="s">
        <v>8</v>
      </c>
      <c r="D15710" s="1" t="s">
        <v>58853</v>
      </c>
      <c r="E15710" s="1" t="s">
        <v>53808</v>
      </c>
      <c r="F15710" s="1" t="s">
        <v>58854</v>
      </c>
      <c r="G15710" s="1" t="s">
        <v>58855</v>
      </c>
      <c r="H15710" s="1" t="s">
        <v>58856</v>
      </c>
      <c r="I15710" s="1" t="s">
        <v>53800</v>
      </c>
      <c r="J15710" s="1" t="s">
        <v>13</v>
      </c>
    </row>
    <row r="15711" spans="1:10" x14ac:dyDescent="0.35">
      <c r="A15711" s="1" t="s">
        <v>6972</v>
      </c>
      <c r="B15711" s="1" t="s">
        <v>53796</v>
      </c>
      <c r="C15711" s="1" t="s">
        <v>15</v>
      </c>
      <c r="D15711" s="1" t="s">
        <v>58857</v>
      </c>
      <c r="E15711" s="1" t="s">
        <v>58858</v>
      </c>
      <c r="F15711" s="1" t="s">
        <v>58859</v>
      </c>
      <c r="G15711" s="1" t="s">
        <v>58855</v>
      </c>
      <c r="H15711" s="1" t="s">
        <v>58856</v>
      </c>
      <c r="I15711" s="1" t="s">
        <v>53800</v>
      </c>
      <c r="J15711" s="1" t="s">
        <v>58860</v>
      </c>
    </row>
    <row r="15712" spans="1:10" x14ac:dyDescent="0.35">
      <c r="A15712" s="1" t="s">
        <v>6972</v>
      </c>
      <c r="B15712" s="1" t="s">
        <v>53796</v>
      </c>
      <c r="C15712" s="1" t="s">
        <v>20</v>
      </c>
      <c r="D15712" s="1" t="s">
        <v>58861</v>
      </c>
      <c r="E15712" s="1" t="s">
        <v>58862</v>
      </c>
      <c r="F15712" s="1" t="s">
        <v>58863</v>
      </c>
      <c r="G15712" s="1" t="s">
        <v>58855</v>
      </c>
      <c r="H15712" s="1" t="s">
        <v>58856</v>
      </c>
      <c r="I15712" s="1" t="s">
        <v>53800</v>
      </c>
      <c r="J15712" s="1" t="s">
        <v>58864</v>
      </c>
    </row>
    <row r="15713" spans="1:10" x14ac:dyDescent="0.35">
      <c r="A15713" s="1" t="s">
        <v>6972</v>
      </c>
      <c r="B15713" s="1" t="s">
        <v>53796</v>
      </c>
      <c r="C15713" s="1" t="s">
        <v>25</v>
      </c>
      <c r="D15713" s="1" t="s">
        <v>58865</v>
      </c>
      <c r="E15713" s="1" t="s">
        <v>24331</v>
      </c>
      <c r="F15713" s="1" t="s">
        <v>58866</v>
      </c>
      <c r="G15713" s="1" t="s">
        <v>58855</v>
      </c>
      <c r="H15713" s="1" t="s">
        <v>58856</v>
      </c>
      <c r="I15713" s="1" t="s">
        <v>53800</v>
      </c>
      <c r="J15713" s="1" t="s">
        <v>58867</v>
      </c>
    </row>
    <row r="15714" spans="1:10" x14ac:dyDescent="0.35">
      <c r="A15714" s="1" t="s">
        <v>6972</v>
      </c>
      <c r="B15714" s="1" t="s">
        <v>53796</v>
      </c>
      <c r="C15714" s="1" t="s">
        <v>30</v>
      </c>
      <c r="D15714" s="1" t="s">
        <v>58868</v>
      </c>
      <c r="E15714" s="1" t="s">
        <v>41298</v>
      </c>
      <c r="F15714" s="1" t="s">
        <v>58869</v>
      </c>
      <c r="G15714" s="1" t="s">
        <v>58855</v>
      </c>
      <c r="H15714" s="1" t="s">
        <v>58856</v>
      </c>
      <c r="I15714" s="1" t="s">
        <v>53800</v>
      </c>
      <c r="J15714" s="1" t="s">
        <v>58870</v>
      </c>
    </row>
    <row r="15715" spans="1:10" x14ac:dyDescent="0.35">
      <c r="A15715" s="1" t="s">
        <v>6972</v>
      </c>
      <c r="B15715" s="1" t="s">
        <v>53796</v>
      </c>
      <c r="C15715" s="1" t="s">
        <v>35</v>
      </c>
      <c r="D15715" s="1" t="s">
        <v>36393</v>
      </c>
      <c r="E15715" s="1" t="s">
        <v>22026</v>
      </c>
      <c r="F15715" s="1" t="s">
        <v>58871</v>
      </c>
      <c r="G15715" s="1" t="s">
        <v>58855</v>
      </c>
      <c r="H15715" s="1" t="s">
        <v>58856</v>
      </c>
      <c r="I15715" s="1" t="s">
        <v>53800</v>
      </c>
      <c r="J15715" s="1" t="s">
        <v>58872</v>
      </c>
    </row>
    <row r="15716" spans="1:10" x14ac:dyDescent="0.35">
      <c r="A15716" s="1" t="s">
        <v>6972</v>
      </c>
      <c r="B15716" s="1" t="s">
        <v>53796</v>
      </c>
      <c r="C15716" s="1" t="s">
        <v>40</v>
      </c>
      <c r="D15716" s="1" t="s">
        <v>58873</v>
      </c>
      <c r="E15716" s="1" t="s">
        <v>58256</v>
      </c>
      <c r="F15716" s="1" t="s">
        <v>56178</v>
      </c>
      <c r="G15716" s="1" t="s">
        <v>58855</v>
      </c>
      <c r="H15716" s="1" t="s">
        <v>58856</v>
      </c>
      <c r="I15716" s="1" t="s">
        <v>53800</v>
      </c>
      <c r="J15716" s="1" t="s">
        <v>58874</v>
      </c>
    </row>
    <row r="15717" spans="1:10" x14ac:dyDescent="0.35">
      <c r="A15717" s="1" t="s">
        <v>6972</v>
      </c>
      <c r="B15717" s="1" t="s">
        <v>53796</v>
      </c>
      <c r="C15717" s="1" t="s">
        <v>45</v>
      </c>
      <c r="D15717" s="1" t="s">
        <v>58875</v>
      </c>
      <c r="E15717" s="1" t="s">
        <v>41210</v>
      </c>
      <c r="F15717" s="1" t="s">
        <v>58876</v>
      </c>
      <c r="G15717" s="1" t="s">
        <v>58855</v>
      </c>
      <c r="H15717" s="1" t="s">
        <v>58856</v>
      </c>
      <c r="I15717" s="1" t="s">
        <v>53800</v>
      </c>
      <c r="J15717" s="1" t="s">
        <v>58877</v>
      </c>
    </row>
    <row r="15718" spans="1:10" x14ac:dyDescent="0.35">
      <c r="A15718" s="1" t="s">
        <v>6972</v>
      </c>
      <c r="B15718" s="1" t="s">
        <v>53796</v>
      </c>
      <c r="C15718" s="1" t="s">
        <v>50</v>
      </c>
      <c r="D15718" s="1" t="s">
        <v>58878</v>
      </c>
      <c r="E15718" s="1" t="s">
        <v>58879</v>
      </c>
      <c r="F15718" s="1" t="s">
        <v>58880</v>
      </c>
      <c r="G15718" s="1" t="s">
        <v>58855</v>
      </c>
      <c r="H15718" s="1" t="s">
        <v>58856</v>
      </c>
      <c r="I15718" s="1" t="s">
        <v>53800</v>
      </c>
      <c r="J15718" s="1" t="s">
        <v>58881</v>
      </c>
    </row>
    <row r="15719" spans="1:10" x14ac:dyDescent="0.35">
      <c r="A15719" s="1" t="s">
        <v>6972</v>
      </c>
      <c r="B15719" s="1" t="s">
        <v>53796</v>
      </c>
      <c r="C15719" s="1" t="s">
        <v>55</v>
      </c>
      <c r="D15719" s="1" t="s">
        <v>58882</v>
      </c>
      <c r="E15719" s="1" t="s">
        <v>22044</v>
      </c>
      <c r="F15719" s="1" t="s">
        <v>58883</v>
      </c>
      <c r="G15719" s="1" t="s">
        <v>58855</v>
      </c>
      <c r="H15719" s="1" t="s">
        <v>58856</v>
      </c>
      <c r="I15719" s="1" t="s">
        <v>53800</v>
      </c>
      <c r="J15719" s="1" t="s">
        <v>58884</v>
      </c>
    </row>
    <row r="15720" spans="1:10" x14ac:dyDescent="0.35">
      <c r="A15720" s="1" t="s">
        <v>6972</v>
      </c>
      <c r="B15720" s="1" t="s">
        <v>53796</v>
      </c>
      <c r="C15720" s="1" t="s">
        <v>60</v>
      </c>
      <c r="D15720" s="1" t="s">
        <v>58885</v>
      </c>
      <c r="E15720" s="1" t="s">
        <v>21803</v>
      </c>
      <c r="F15720" s="1" t="s">
        <v>58886</v>
      </c>
      <c r="G15720" s="1" t="s">
        <v>58855</v>
      </c>
      <c r="H15720" s="1" t="s">
        <v>58856</v>
      </c>
      <c r="I15720" s="1" t="s">
        <v>53800</v>
      </c>
      <c r="J15720" s="1" t="s">
        <v>58887</v>
      </c>
    </row>
    <row r="15721" spans="1:10" x14ac:dyDescent="0.35">
      <c r="A15721" s="1" t="s">
        <v>6972</v>
      </c>
      <c r="B15721" s="1" t="s">
        <v>53796</v>
      </c>
      <c r="C15721" s="1" t="s">
        <v>65</v>
      </c>
      <c r="D15721" s="1" t="s">
        <v>58888</v>
      </c>
      <c r="E15721" s="1" t="s">
        <v>40727</v>
      </c>
      <c r="F15721" s="1" t="s">
        <v>58889</v>
      </c>
      <c r="G15721" s="1" t="s">
        <v>58855</v>
      </c>
      <c r="H15721" s="1" t="s">
        <v>58856</v>
      </c>
      <c r="I15721" s="1" t="s">
        <v>53800</v>
      </c>
      <c r="J15721" s="1" t="s">
        <v>58890</v>
      </c>
    </row>
    <row r="15722" spans="1:10" x14ac:dyDescent="0.35">
      <c r="A15722" s="1" t="s">
        <v>6972</v>
      </c>
      <c r="B15722" s="1" t="s">
        <v>53796</v>
      </c>
      <c r="C15722" s="1" t="s">
        <v>70</v>
      </c>
      <c r="D15722" s="1" t="s">
        <v>58891</v>
      </c>
      <c r="E15722" s="1" t="s">
        <v>56221</v>
      </c>
      <c r="F15722" s="1" t="s">
        <v>58892</v>
      </c>
      <c r="G15722" s="1" t="s">
        <v>58855</v>
      </c>
      <c r="H15722" s="1" t="s">
        <v>58856</v>
      </c>
      <c r="I15722" s="1" t="s">
        <v>53800</v>
      </c>
      <c r="J15722" s="1" t="s">
        <v>58893</v>
      </c>
    </row>
    <row r="15723" spans="1:10" x14ac:dyDescent="0.35">
      <c r="A15723" s="1" t="s">
        <v>6972</v>
      </c>
      <c r="B15723" s="1" t="s">
        <v>53796</v>
      </c>
      <c r="C15723" s="1" t="s">
        <v>75</v>
      </c>
      <c r="D15723" s="1" t="s">
        <v>58894</v>
      </c>
      <c r="E15723" s="1" t="s">
        <v>54391</v>
      </c>
      <c r="F15723" s="1" t="s">
        <v>58895</v>
      </c>
      <c r="G15723" s="1" t="s">
        <v>58855</v>
      </c>
      <c r="H15723" s="1" t="s">
        <v>58856</v>
      </c>
      <c r="I15723" s="1" t="s">
        <v>53800</v>
      </c>
      <c r="J15723" s="1" t="s">
        <v>58896</v>
      </c>
    </row>
    <row r="15724" spans="1:10" x14ac:dyDescent="0.35">
      <c r="A15724" s="1" t="s">
        <v>6972</v>
      </c>
      <c r="B15724" s="1" t="s">
        <v>53796</v>
      </c>
      <c r="C15724" s="1" t="s">
        <v>80</v>
      </c>
      <c r="D15724" s="1" t="s">
        <v>58897</v>
      </c>
      <c r="E15724" s="1" t="s">
        <v>58898</v>
      </c>
      <c r="F15724" s="1" t="s">
        <v>57534</v>
      </c>
      <c r="G15724" s="1" t="s">
        <v>58855</v>
      </c>
      <c r="H15724" s="1" t="s">
        <v>58856</v>
      </c>
      <c r="I15724" s="1" t="s">
        <v>53800</v>
      </c>
      <c r="J15724" s="1" t="s">
        <v>58899</v>
      </c>
    </row>
    <row r="15725" spans="1:10" x14ac:dyDescent="0.35">
      <c r="A15725" s="1" t="s">
        <v>6972</v>
      </c>
      <c r="B15725" s="1" t="s">
        <v>53796</v>
      </c>
      <c r="C15725" s="1" t="s">
        <v>85</v>
      </c>
      <c r="D15725" s="1" t="s">
        <v>58900</v>
      </c>
      <c r="E15725" s="1" t="s">
        <v>21995</v>
      </c>
      <c r="F15725" s="1" t="s">
        <v>58901</v>
      </c>
      <c r="G15725" s="1" t="s">
        <v>58855</v>
      </c>
      <c r="H15725" s="1" t="s">
        <v>58856</v>
      </c>
      <c r="I15725" s="1" t="s">
        <v>53800</v>
      </c>
      <c r="J15725" s="1" t="s">
        <v>58902</v>
      </c>
    </row>
    <row r="15726" spans="1:10" x14ac:dyDescent="0.35">
      <c r="A15726" s="1" t="s">
        <v>6972</v>
      </c>
      <c r="B15726" s="1" t="s">
        <v>53796</v>
      </c>
      <c r="C15726" s="1" t="s">
        <v>90</v>
      </c>
      <c r="D15726" s="1" t="s">
        <v>58903</v>
      </c>
      <c r="E15726" s="1" t="s">
        <v>58534</v>
      </c>
      <c r="F15726" s="1" t="s">
        <v>58904</v>
      </c>
      <c r="G15726" s="1" t="s">
        <v>58855</v>
      </c>
      <c r="H15726" s="1" t="s">
        <v>58856</v>
      </c>
      <c r="I15726" s="1" t="s">
        <v>53800</v>
      </c>
      <c r="J15726" s="1" t="s">
        <v>58905</v>
      </c>
    </row>
    <row r="15727" spans="1:10" x14ac:dyDescent="0.35">
      <c r="A15727" s="1" t="s">
        <v>6972</v>
      </c>
      <c r="B15727" s="1" t="s">
        <v>53796</v>
      </c>
      <c r="C15727" s="1" t="s">
        <v>95</v>
      </c>
      <c r="D15727" s="1" t="s">
        <v>58906</v>
      </c>
      <c r="E15727" s="1" t="s">
        <v>23133</v>
      </c>
      <c r="F15727" s="1" t="s">
        <v>58907</v>
      </c>
      <c r="G15727" s="1" t="s">
        <v>58855</v>
      </c>
      <c r="H15727" s="1" t="s">
        <v>58856</v>
      </c>
      <c r="I15727" s="1" t="s">
        <v>53800</v>
      </c>
      <c r="J15727" s="1" t="s">
        <v>58908</v>
      </c>
    </row>
    <row r="15728" spans="1:10" x14ac:dyDescent="0.35">
      <c r="A15728" s="1" t="s">
        <v>6972</v>
      </c>
      <c r="B15728" s="1" t="s">
        <v>53796</v>
      </c>
      <c r="C15728" s="1" t="s">
        <v>100</v>
      </c>
      <c r="D15728" s="1" t="s">
        <v>58909</v>
      </c>
      <c r="E15728" s="1" t="s">
        <v>23126</v>
      </c>
      <c r="F15728" s="1" t="s">
        <v>58910</v>
      </c>
      <c r="G15728" s="1" t="s">
        <v>58855</v>
      </c>
      <c r="H15728" s="1" t="s">
        <v>58856</v>
      </c>
      <c r="I15728" s="1" t="s">
        <v>53800</v>
      </c>
      <c r="J15728" s="1" t="s">
        <v>58911</v>
      </c>
    </row>
    <row r="15729" spans="1:10" x14ac:dyDescent="0.35">
      <c r="A15729" s="1" t="s">
        <v>6972</v>
      </c>
      <c r="B15729" s="1" t="s">
        <v>53796</v>
      </c>
      <c r="C15729" s="1" t="s">
        <v>105</v>
      </c>
      <c r="D15729" s="1" t="s">
        <v>58912</v>
      </c>
      <c r="E15729" s="1" t="s">
        <v>58913</v>
      </c>
      <c r="F15729" s="1" t="s">
        <v>58914</v>
      </c>
      <c r="G15729" s="1" t="s">
        <v>58855</v>
      </c>
      <c r="H15729" s="1" t="s">
        <v>58856</v>
      </c>
      <c r="I15729" s="1" t="s">
        <v>53800</v>
      </c>
      <c r="J15729" s="1" t="s">
        <v>58915</v>
      </c>
    </row>
    <row r="15730" spans="1:10" x14ac:dyDescent="0.35">
      <c r="A15730" s="1" t="s">
        <v>6972</v>
      </c>
      <c r="B15730" s="1" t="s">
        <v>53796</v>
      </c>
      <c r="C15730" s="1" t="s">
        <v>110</v>
      </c>
      <c r="D15730" s="1" t="s">
        <v>58916</v>
      </c>
      <c r="E15730" s="1" t="s">
        <v>41258</v>
      </c>
      <c r="F15730" s="1" t="s">
        <v>58917</v>
      </c>
      <c r="G15730" s="1" t="s">
        <v>58855</v>
      </c>
      <c r="H15730" s="1" t="s">
        <v>58856</v>
      </c>
      <c r="I15730" s="1" t="s">
        <v>53800</v>
      </c>
      <c r="J15730" s="1" t="s">
        <v>58918</v>
      </c>
    </row>
    <row r="15731" spans="1:10" x14ac:dyDescent="0.35">
      <c r="A15731" s="1" t="s">
        <v>6972</v>
      </c>
      <c r="B15731" s="1" t="s">
        <v>53796</v>
      </c>
      <c r="C15731" s="1" t="s">
        <v>115</v>
      </c>
      <c r="D15731" s="1" t="s">
        <v>58919</v>
      </c>
      <c r="E15731" s="1" t="s">
        <v>26552</v>
      </c>
      <c r="F15731" s="1" t="s">
        <v>58920</v>
      </c>
      <c r="G15731" s="1" t="s">
        <v>58855</v>
      </c>
      <c r="H15731" s="1" t="s">
        <v>58856</v>
      </c>
      <c r="I15731" s="1" t="s">
        <v>53800</v>
      </c>
      <c r="J15731" s="1" t="s">
        <v>58921</v>
      </c>
    </row>
    <row r="15732" spans="1:10" x14ac:dyDescent="0.35">
      <c r="A15732" s="1" t="s">
        <v>6972</v>
      </c>
      <c r="B15732" s="1" t="s">
        <v>53796</v>
      </c>
      <c r="C15732" s="1" t="s">
        <v>120</v>
      </c>
      <c r="D15732" s="1" t="s">
        <v>58922</v>
      </c>
      <c r="E15732" s="1" t="s">
        <v>31384</v>
      </c>
      <c r="F15732" s="1" t="s">
        <v>58923</v>
      </c>
      <c r="G15732" s="1" t="s">
        <v>58855</v>
      </c>
      <c r="H15732" s="1" t="s">
        <v>58856</v>
      </c>
      <c r="I15732" s="1" t="s">
        <v>53800</v>
      </c>
      <c r="J15732" s="1" t="s">
        <v>58924</v>
      </c>
    </row>
    <row r="15733" spans="1:10" x14ac:dyDescent="0.35">
      <c r="A15733" s="1" t="s">
        <v>6972</v>
      </c>
      <c r="B15733" s="1" t="s">
        <v>53796</v>
      </c>
      <c r="C15733" s="1" t="s">
        <v>125</v>
      </c>
      <c r="D15733" s="1" t="s">
        <v>58925</v>
      </c>
      <c r="E15733" s="1" t="s">
        <v>26572</v>
      </c>
      <c r="F15733" s="1" t="s">
        <v>58926</v>
      </c>
      <c r="G15733" s="1" t="s">
        <v>58855</v>
      </c>
      <c r="H15733" s="1" t="s">
        <v>58856</v>
      </c>
      <c r="I15733" s="1" t="s">
        <v>53800</v>
      </c>
      <c r="J15733" s="1" t="s">
        <v>58927</v>
      </c>
    </row>
    <row r="15734" spans="1:10" x14ac:dyDescent="0.35">
      <c r="A15734" s="1" t="s">
        <v>6972</v>
      </c>
      <c r="B15734" s="1" t="s">
        <v>53796</v>
      </c>
      <c r="C15734" s="1" t="s">
        <v>130</v>
      </c>
      <c r="D15734" s="1" t="s">
        <v>56035</v>
      </c>
      <c r="E15734" s="1" t="s">
        <v>21902</v>
      </c>
      <c r="F15734" s="1" t="s">
        <v>58928</v>
      </c>
      <c r="G15734" s="1" t="s">
        <v>58855</v>
      </c>
      <c r="H15734" s="1" t="s">
        <v>58856</v>
      </c>
      <c r="I15734" s="1" t="s">
        <v>53800</v>
      </c>
      <c r="J15734" s="1" t="s">
        <v>58929</v>
      </c>
    </row>
    <row r="15735" spans="1:10" x14ac:dyDescent="0.35">
      <c r="A15735" s="1" t="s">
        <v>6972</v>
      </c>
      <c r="B15735" s="1" t="s">
        <v>53796</v>
      </c>
      <c r="C15735" s="1" t="s">
        <v>135</v>
      </c>
      <c r="D15735" s="1" t="s">
        <v>58930</v>
      </c>
      <c r="E15735" s="1" t="s">
        <v>23446</v>
      </c>
      <c r="F15735" s="1" t="s">
        <v>58931</v>
      </c>
      <c r="G15735" s="1" t="s">
        <v>58855</v>
      </c>
      <c r="H15735" s="1" t="s">
        <v>58856</v>
      </c>
      <c r="I15735" s="1" t="s">
        <v>53800</v>
      </c>
      <c r="J15735" s="1" t="s">
        <v>58932</v>
      </c>
    </row>
    <row r="15736" spans="1:10" x14ac:dyDescent="0.35">
      <c r="A15736" s="1" t="s">
        <v>6972</v>
      </c>
      <c r="B15736" s="1" t="s">
        <v>53796</v>
      </c>
      <c r="C15736" s="1" t="s">
        <v>140</v>
      </c>
      <c r="D15736" s="1" t="s">
        <v>58933</v>
      </c>
      <c r="E15736" s="1" t="s">
        <v>58934</v>
      </c>
      <c r="F15736" s="1" t="s">
        <v>58935</v>
      </c>
      <c r="G15736" s="1" t="s">
        <v>58855</v>
      </c>
      <c r="H15736" s="1" t="s">
        <v>58856</v>
      </c>
      <c r="I15736" s="1" t="s">
        <v>53800</v>
      </c>
      <c r="J15736" s="1" t="s">
        <v>58936</v>
      </c>
    </row>
    <row r="15737" spans="1:10" x14ac:dyDescent="0.35">
      <c r="A15737" s="1" t="s">
        <v>6972</v>
      </c>
      <c r="B15737" s="1" t="s">
        <v>53796</v>
      </c>
      <c r="C15737" s="1" t="s">
        <v>145</v>
      </c>
      <c r="D15737" s="1" t="s">
        <v>58653</v>
      </c>
      <c r="E15737" s="1" t="s">
        <v>41206</v>
      </c>
      <c r="F15737" s="1" t="s">
        <v>58937</v>
      </c>
      <c r="G15737" s="1" t="s">
        <v>58855</v>
      </c>
      <c r="H15737" s="1" t="s">
        <v>58856</v>
      </c>
      <c r="I15737" s="1" t="s">
        <v>53800</v>
      </c>
      <c r="J15737" s="1" t="s">
        <v>58938</v>
      </c>
    </row>
    <row r="15738" spans="1:10" x14ac:dyDescent="0.35">
      <c r="A15738" s="1" t="s">
        <v>6972</v>
      </c>
      <c r="B15738" s="1" t="s">
        <v>53796</v>
      </c>
      <c r="C15738" s="1" t="s">
        <v>150</v>
      </c>
      <c r="D15738" s="1" t="s">
        <v>58939</v>
      </c>
      <c r="E15738" s="1" t="s">
        <v>26552</v>
      </c>
      <c r="F15738" s="1" t="s">
        <v>58940</v>
      </c>
      <c r="G15738" s="1" t="s">
        <v>58855</v>
      </c>
      <c r="H15738" s="1" t="s">
        <v>58856</v>
      </c>
      <c r="I15738" s="1" t="s">
        <v>53800</v>
      </c>
      <c r="J15738" s="1" t="s">
        <v>58941</v>
      </c>
    </row>
    <row r="15739" spans="1:10" x14ac:dyDescent="0.35">
      <c r="A15739" s="1" t="s">
        <v>6972</v>
      </c>
      <c r="B15739" s="1" t="s">
        <v>53796</v>
      </c>
      <c r="C15739" s="1" t="s">
        <v>155</v>
      </c>
      <c r="D15739" s="1" t="s">
        <v>58942</v>
      </c>
      <c r="E15739" s="1" t="s">
        <v>22080</v>
      </c>
      <c r="F15739" s="1" t="s">
        <v>58943</v>
      </c>
      <c r="G15739" s="1" t="s">
        <v>58855</v>
      </c>
      <c r="H15739" s="1" t="s">
        <v>58856</v>
      </c>
      <c r="I15739" s="1" t="s">
        <v>53800</v>
      </c>
      <c r="J15739" s="1" t="s">
        <v>58944</v>
      </c>
    </row>
    <row r="15740" spans="1:10" x14ac:dyDescent="0.35">
      <c r="A15740" s="1" t="s">
        <v>6972</v>
      </c>
      <c r="B15740" s="1" t="s">
        <v>53796</v>
      </c>
      <c r="C15740" s="1" t="s">
        <v>160</v>
      </c>
      <c r="D15740" s="1" t="s">
        <v>7432</v>
      </c>
      <c r="E15740" s="1" t="s">
        <v>56215</v>
      </c>
      <c r="F15740" s="1" t="s">
        <v>58945</v>
      </c>
      <c r="G15740" s="1" t="s">
        <v>58855</v>
      </c>
      <c r="H15740" s="1" t="s">
        <v>58856</v>
      </c>
      <c r="I15740" s="1" t="s">
        <v>53800</v>
      </c>
      <c r="J15740" s="1" t="s">
        <v>58946</v>
      </c>
    </row>
    <row r="15741" spans="1:10" x14ac:dyDescent="0.35">
      <c r="A15741" s="1" t="s">
        <v>6972</v>
      </c>
      <c r="B15741" s="1" t="s">
        <v>53796</v>
      </c>
      <c r="C15741" s="1" t="s">
        <v>165</v>
      </c>
      <c r="D15741" s="1" t="s">
        <v>58947</v>
      </c>
      <c r="E15741" s="1" t="s">
        <v>31378</v>
      </c>
      <c r="F15741" s="1" t="s">
        <v>58948</v>
      </c>
      <c r="G15741" s="1" t="s">
        <v>58855</v>
      </c>
      <c r="H15741" s="1" t="s">
        <v>58856</v>
      </c>
      <c r="I15741" s="1" t="s">
        <v>53800</v>
      </c>
      <c r="J15741" s="1" t="s">
        <v>58949</v>
      </c>
    </row>
    <row r="15742" spans="1:10" x14ac:dyDescent="0.35">
      <c r="A15742" s="1" t="s">
        <v>6972</v>
      </c>
      <c r="B15742" s="1" t="s">
        <v>53796</v>
      </c>
      <c r="C15742" s="1" t="s">
        <v>170</v>
      </c>
      <c r="D15742" s="1" t="s">
        <v>58950</v>
      </c>
      <c r="E15742" s="1" t="s">
        <v>58951</v>
      </c>
      <c r="F15742" s="1" t="s">
        <v>58952</v>
      </c>
      <c r="G15742" s="1" t="s">
        <v>58855</v>
      </c>
      <c r="H15742" s="1" t="s">
        <v>58856</v>
      </c>
      <c r="I15742" s="1" t="s">
        <v>53800</v>
      </c>
      <c r="J15742" s="1" t="s">
        <v>58953</v>
      </c>
    </row>
    <row r="15743" spans="1:10" x14ac:dyDescent="0.35">
      <c r="A15743" s="1" t="s">
        <v>25332</v>
      </c>
      <c r="B15743" s="1" t="s">
        <v>53796</v>
      </c>
      <c r="C15743" s="1" t="s">
        <v>8</v>
      </c>
      <c r="D15743" s="1" t="s">
        <v>49689</v>
      </c>
      <c r="E15743" s="1" t="s">
        <v>56141</v>
      </c>
      <c r="F15743" s="1" t="s">
        <v>58954</v>
      </c>
      <c r="G15743" s="1" t="s">
        <v>58955</v>
      </c>
      <c r="H15743" s="1" t="s">
        <v>58956</v>
      </c>
      <c r="I15743" s="1" t="s">
        <v>53800</v>
      </c>
      <c r="J15743" s="1" t="s">
        <v>13</v>
      </c>
    </row>
    <row r="15744" spans="1:10" x14ac:dyDescent="0.35">
      <c r="A15744" s="1" t="s">
        <v>25332</v>
      </c>
      <c r="B15744" s="1" t="s">
        <v>53796</v>
      </c>
      <c r="C15744" s="1" t="s">
        <v>15</v>
      </c>
      <c r="D15744" s="1" t="s">
        <v>58957</v>
      </c>
      <c r="E15744" s="1" t="s">
        <v>21890</v>
      </c>
      <c r="F15744" s="1" t="s">
        <v>58958</v>
      </c>
      <c r="G15744" s="1" t="s">
        <v>58955</v>
      </c>
      <c r="H15744" s="1" t="s">
        <v>58956</v>
      </c>
      <c r="I15744" s="1" t="s">
        <v>53800</v>
      </c>
      <c r="J15744" s="1" t="s">
        <v>58959</v>
      </c>
    </row>
    <row r="15745" spans="1:10" x14ac:dyDescent="0.35">
      <c r="A15745" s="1" t="s">
        <v>25332</v>
      </c>
      <c r="B15745" s="1" t="s">
        <v>53796</v>
      </c>
      <c r="C15745" s="1" t="s">
        <v>20</v>
      </c>
      <c r="D15745" s="1" t="s">
        <v>58960</v>
      </c>
      <c r="E15745" s="1" t="s">
        <v>53825</v>
      </c>
      <c r="F15745" s="1" t="s">
        <v>58961</v>
      </c>
      <c r="G15745" s="1" t="s">
        <v>58955</v>
      </c>
      <c r="H15745" s="1" t="s">
        <v>58956</v>
      </c>
      <c r="I15745" s="1" t="s">
        <v>53800</v>
      </c>
      <c r="J15745" s="1" t="s">
        <v>58962</v>
      </c>
    </row>
    <row r="15746" spans="1:10" x14ac:dyDescent="0.35">
      <c r="A15746" s="1" t="s">
        <v>25332</v>
      </c>
      <c r="B15746" s="1" t="s">
        <v>53796</v>
      </c>
      <c r="C15746" s="1" t="s">
        <v>25</v>
      </c>
      <c r="D15746" s="1" t="s">
        <v>58963</v>
      </c>
      <c r="E15746" s="1" t="s">
        <v>22018</v>
      </c>
      <c r="F15746" s="1" t="s">
        <v>58964</v>
      </c>
      <c r="G15746" s="1" t="s">
        <v>58955</v>
      </c>
      <c r="H15746" s="1" t="s">
        <v>58956</v>
      </c>
      <c r="I15746" s="1" t="s">
        <v>53800</v>
      </c>
      <c r="J15746" s="1" t="s">
        <v>58965</v>
      </c>
    </row>
    <row r="15747" spans="1:10" x14ac:dyDescent="0.35">
      <c r="A15747" s="1" t="s">
        <v>25332</v>
      </c>
      <c r="B15747" s="1" t="s">
        <v>53796</v>
      </c>
      <c r="C15747" s="1" t="s">
        <v>30</v>
      </c>
      <c r="D15747" s="1" t="s">
        <v>16917</v>
      </c>
      <c r="E15747" s="1" t="s">
        <v>24377</v>
      </c>
      <c r="F15747" s="1" t="s">
        <v>58966</v>
      </c>
      <c r="G15747" s="1" t="s">
        <v>58955</v>
      </c>
      <c r="H15747" s="1" t="s">
        <v>58956</v>
      </c>
      <c r="I15747" s="1" t="s">
        <v>53800</v>
      </c>
      <c r="J15747" s="1" t="s">
        <v>58967</v>
      </c>
    </row>
    <row r="15748" spans="1:10" x14ac:dyDescent="0.35">
      <c r="A15748" s="1" t="s">
        <v>25332</v>
      </c>
      <c r="B15748" s="1" t="s">
        <v>53796</v>
      </c>
      <c r="C15748" s="1" t="s">
        <v>35</v>
      </c>
      <c r="D15748" s="1" t="s">
        <v>58968</v>
      </c>
      <c r="E15748" s="1" t="s">
        <v>58969</v>
      </c>
      <c r="F15748" s="1" t="s">
        <v>57873</v>
      </c>
      <c r="G15748" s="1" t="s">
        <v>58955</v>
      </c>
      <c r="H15748" s="1" t="s">
        <v>58956</v>
      </c>
      <c r="I15748" s="1" t="s">
        <v>53800</v>
      </c>
      <c r="J15748" s="1" t="s">
        <v>58970</v>
      </c>
    </row>
    <row r="15749" spans="1:10" x14ac:dyDescent="0.35">
      <c r="A15749" s="1" t="s">
        <v>25332</v>
      </c>
      <c r="B15749" s="1" t="s">
        <v>53796</v>
      </c>
      <c r="C15749" s="1" t="s">
        <v>40</v>
      </c>
      <c r="D15749" s="1" t="s">
        <v>58971</v>
      </c>
      <c r="E15749" s="1" t="s">
        <v>23855</v>
      </c>
      <c r="F15749" s="1" t="s">
        <v>58972</v>
      </c>
      <c r="G15749" s="1" t="s">
        <v>58955</v>
      </c>
      <c r="H15749" s="1" t="s">
        <v>58956</v>
      </c>
      <c r="I15749" s="1" t="s">
        <v>53800</v>
      </c>
      <c r="J15749" s="1" t="s">
        <v>58973</v>
      </c>
    </row>
    <row r="15750" spans="1:10" x14ac:dyDescent="0.35">
      <c r="A15750" s="1" t="s">
        <v>25332</v>
      </c>
      <c r="B15750" s="1" t="s">
        <v>53796</v>
      </c>
      <c r="C15750" s="1" t="s">
        <v>45</v>
      </c>
      <c r="D15750" s="1" t="s">
        <v>58974</v>
      </c>
      <c r="E15750" s="1" t="s">
        <v>32329</v>
      </c>
      <c r="F15750" s="1" t="s">
        <v>58975</v>
      </c>
      <c r="G15750" s="1" t="s">
        <v>58955</v>
      </c>
      <c r="H15750" s="1" t="s">
        <v>58956</v>
      </c>
      <c r="I15750" s="1" t="s">
        <v>53800</v>
      </c>
      <c r="J15750" s="1" t="s">
        <v>58976</v>
      </c>
    </row>
    <row r="15751" spans="1:10" x14ac:dyDescent="0.35">
      <c r="A15751" s="1" t="s">
        <v>25332</v>
      </c>
      <c r="B15751" s="1" t="s">
        <v>53796</v>
      </c>
      <c r="C15751" s="1" t="s">
        <v>50</v>
      </c>
      <c r="D15751" s="1" t="s">
        <v>58977</v>
      </c>
      <c r="E15751" s="1" t="s">
        <v>56927</v>
      </c>
      <c r="F15751" s="1" t="s">
        <v>53856</v>
      </c>
      <c r="G15751" s="1" t="s">
        <v>58955</v>
      </c>
      <c r="H15751" s="1" t="s">
        <v>58956</v>
      </c>
      <c r="I15751" s="1" t="s">
        <v>53800</v>
      </c>
      <c r="J15751" s="1" t="s">
        <v>58978</v>
      </c>
    </row>
    <row r="15752" spans="1:10" x14ac:dyDescent="0.35">
      <c r="A15752" s="1" t="s">
        <v>25332</v>
      </c>
      <c r="B15752" s="1" t="s">
        <v>53796</v>
      </c>
      <c r="C15752" s="1" t="s">
        <v>55</v>
      </c>
      <c r="D15752" s="1" t="s">
        <v>19097</v>
      </c>
      <c r="E15752" s="1" t="s">
        <v>58979</v>
      </c>
      <c r="F15752" s="1" t="s">
        <v>58980</v>
      </c>
      <c r="G15752" s="1" t="s">
        <v>58955</v>
      </c>
      <c r="H15752" s="1" t="s">
        <v>58956</v>
      </c>
      <c r="I15752" s="1" t="s">
        <v>53800</v>
      </c>
      <c r="J15752" s="1" t="s">
        <v>58981</v>
      </c>
    </row>
    <row r="15753" spans="1:10" x14ac:dyDescent="0.35">
      <c r="A15753" s="1" t="s">
        <v>25332</v>
      </c>
      <c r="B15753" s="1" t="s">
        <v>53796</v>
      </c>
      <c r="C15753" s="1" t="s">
        <v>60</v>
      </c>
      <c r="D15753" s="1" t="s">
        <v>58982</v>
      </c>
      <c r="E15753" s="1" t="s">
        <v>21956</v>
      </c>
      <c r="F15753" s="1" t="s">
        <v>58983</v>
      </c>
      <c r="G15753" s="1" t="s">
        <v>58955</v>
      </c>
      <c r="H15753" s="1" t="s">
        <v>58956</v>
      </c>
      <c r="I15753" s="1" t="s">
        <v>53800</v>
      </c>
      <c r="J15753" s="1" t="s">
        <v>58984</v>
      </c>
    </row>
    <row r="15754" spans="1:10" x14ac:dyDescent="0.35">
      <c r="A15754" s="1" t="s">
        <v>25332</v>
      </c>
      <c r="B15754" s="1" t="s">
        <v>53796</v>
      </c>
      <c r="C15754" s="1" t="s">
        <v>65</v>
      </c>
      <c r="D15754" s="1" t="s">
        <v>32774</v>
      </c>
      <c r="E15754" s="1" t="s">
        <v>21764</v>
      </c>
      <c r="F15754" s="1" t="s">
        <v>58985</v>
      </c>
      <c r="G15754" s="1" t="s">
        <v>58955</v>
      </c>
      <c r="H15754" s="1" t="s">
        <v>58956</v>
      </c>
      <c r="I15754" s="1" t="s">
        <v>53800</v>
      </c>
      <c r="J15754" s="1" t="s">
        <v>58986</v>
      </c>
    </row>
    <row r="15755" spans="1:10" x14ac:dyDescent="0.35">
      <c r="A15755" s="1" t="s">
        <v>25332</v>
      </c>
      <c r="B15755" s="1" t="s">
        <v>53796</v>
      </c>
      <c r="C15755" s="1" t="s">
        <v>70</v>
      </c>
      <c r="D15755" s="1" t="s">
        <v>47512</v>
      </c>
      <c r="E15755" s="1" t="s">
        <v>56246</v>
      </c>
      <c r="F15755" s="1" t="s">
        <v>58987</v>
      </c>
      <c r="G15755" s="1" t="s">
        <v>58955</v>
      </c>
      <c r="H15755" s="1" t="s">
        <v>58956</v>
      </c>
      <c r="I15755" s="1" t="s">
        <v>53800</v>
      </c>
      <c r="J15755" s="1" t="s">
        <v>58988</v>
      </c>
    </row>
    <row r="15756" spans="1:10" x14ac:dyDescent="0.35">
      <c r="A15756" s="1" t="s">
        <v>25332</v>
      </c>
      <c r="B15756" s="1" t="s">
        <v>53796</v>
      </c>
      <c r="C15756" s="1" t="s">
        <v>75</v>
      </c>
      <c r="D15756" s="1" t="s">
        <v>6832</v>
      </c>
      <c r="E15756" s="1" t="s">
        <v>21201</v>
      </c>
      <c r="F15756" s="1" t="s">
        <v>58989</v>
      </c>
      <c r="G15756" s="1" t="s">
        <v>58955</v>
      </c>
      <c r="H15756" s="1" t="s">
        <v>58956</v>
      </c>
      <c r="I15756" s="1" t="s">
        <v>53800</v>
      </c>
      <c r="J15756" s="1" t="s">
        <v>58990</v>
      </c>
    </row>
    <row r="15757" spans="1:10" x14ac:dyDescent="0.35">
      <c r="A15757" s="1" t="s">
        <v>25332</v>
      </c>
      <c r="B15757" s="1" t="s">
        <v>53796</v>
      </c>
      <c r="C15757" s="1" t="s">
        <v>80</v>
      </c>
      <c r="D15757" s="1" t="s">
        <v>58991</v>
      </c>
      <c r="E15757" s="1" t="s">
        <v>55954</v>
      </c>
      <c r="F15757" s="1" t="s">
        <v>58992</v>
      </c>
      <c r="G15757" s="1" t="s">
        <v>58955</v>
      </c>
      <c r="H15757" s="1" t="s">
        <v>58956</v>
      </c>
      <c r="I15757" s="1" t="s">
        <v>53800</v>
      </c>
      <c r="J15757" s="1" t="s">
        <v>58993</v>
      </c>
    </row>
    <row r="15758" spans="1:10" x14ac:dyDescent="0.35">
      <c r="A15758" s="1" t="s">
        <v>25332</v>
      </c>
      <c r="B15758" s="1" t="s">
        <v>53796</v>
      </c>
      <c r="C15758" s="1" t="s">
        <v>85</v>
      </c>
      <c r="D15758" s="1" t="s">
        <v>58994</v>
      </c>
      <c r="E15758" s="1" t="s">
        <v>58995</v>
      </c>
      <c r="F15758" s="1" t="s">
        <v>58996</v>
      </c>
      <c r="G15758" s="1" t="s">
        <v>58955</v>
      </c>
      <c r="H15758" s="1" t="s">
        <v>58956</v>
      </c>
      <c r="I15758" s="1" t="s">
        <v>53800</v>
      </c>
      <c r="J15758" s="1" t="s">
        <v>58997</v>
      </c>
    </row>
    <row r="15759" spans="1:10" x14ac:dyDescent="0.35">
      <c r="A15759" s="1" t="s">
        <v>25332</v>
      </c>
      <c r="B15759" s="1" t="s">
        <v>53796</v>
      </c>
      <c r="C15759" s="1" t="s">
        <v>90</v>
      </c>
      <c r="D15759" s="1" t="s">
        <v>58998</v>
      </c>
      <c r="E15759" s="1" t="s">
        <v>32584</v>
      </c>
      <c r="F15759" s="1" t="s">
        <v>58999</v>
      </c>
      <c r="G15759" s="1" t="s">
        <v>58955</v>
      </c>
      <c r="H15759" s="1" t="s">
        <v>58956</v>
      </c>
      <c r="I15759" s="1" t="s">
        <v>53800</v>
      </c>
      <c r="J15759" s="1" t="s">
        <v>59000</v>
      </c>
    </row>
    <row r="15760" spans="1:10" x14ac:dyDescent="0.35">
      <c r="A15760" s="1" t="s">
        <v>25332</v>
      </c>
      <c r="B15760" s="1" t="s">
        <v>53796</v>
      </c>
      <c r="C15760" s="1" t="s">
        <v>95</v>
      </c>
      <c r="D15760" s="1" t="s">
        <v>59001</v>
      </c>
      <c r="E15760" s="1" t="s">
        <v>15853</v>
      </c>
      <c r="F15760" s="1" t="s">
        <v>59002</v>
      </c>
      <c r="G15760" s="1" t="s">
        <v>58955</v>
      </c>
      <c r="H15760" s="1" t="s">
        <v>58956</v>
      </c>
      <c r="I15760" s="1" t="s">
        <v>53800</v>
      </c>
      <c r="J15760" s="1" t="s">
        <v>59003</v>
      </c>
    </row>
    <row r="15761" spans="1:10" x14ac:dyDescent="0.35">
      <c r="A15761" s="1" t="s">
        <v>25332</v>
      </c>
      <c r="B15761" s="1" t="s">
        <v>53796</v>
      </c>
      <c r="C15761" s="1" t="s">
        <v>100</v>
      </c>
      <c r="D15761" s="1" t="s">
        <v>59004</v>
      </c>
      <c r="E15761" s="1" t="s">
        <v>12798</v>
      </c>
      <c r="F15761" s="1" t="s">
        <v>58057</v>
      </c>
      <c r="G15761" s="1" t="s">
        <v>58955</v>
      </c>
      <c r="H15761" s="1" t="s">
        <v>58956</v>
      </c>
      <c r="I15761" s="1" t="s">
        <v>53800</v>
      </c>
      <c r="J15761" s="1" t="s">
        <v>59005</v>
      </c>
    </row>
    <row r="15762" spans="1:10" x14ac:dyDescent="0.35">
      <c r="A15762" s="1" t="s">
        <v>25332</v>
      </c>
      <c r="B15762" s="1" t="s">
        <v>53796</v>
      </c>
      <c r="C15762" s="1" t="s">
        <v>105</v>
      </c>
      <c r="D15762" s="1" t="s">
        <v>55181</v>
      </c>
      <c r="E15762" s="1" t="s">
        <v>55907</v>
      </c>
      <c r="F15762" s="1" t="s">
        <v>59006</v>
      </c>
      <c r="G15762" s="1" t="s">
        <v>58955</v>
      </c>
      <c r="H15762" s="1" t="s">
        <v>58956</v>
      </c>
      <c r="I15762" s="1" t="s">
        <v>53800</v>
      </c>
      <c r="J15762" s="1" t="s">
        <v>59007</v>
      </c>
    </row>
    <row r="15763" spans="1:10" x14ac:dyDescent="0.35">
      <c r="A15763" s="1" t="s">
        <v>25332</v>
      </c>
      <c r="B15763" s="1" t="s">
        <v>53796</v>
      </c>
      <c r="C15763" s="1" t="s">
        <v>110</v>
      </c>
      <c r="D15763" s="1" t="s">
        <v>57487</v>
      </c>
      <c r="E15763" s="1" t="s">
        <v>59008</v>
      </c>
      <c r="F15763" s="1" t="s">
        <v>59009</v>
      </c>
      <c r="G15763" s="1" t="s">
        <v>58955</v>
      </c>
      <c r="H15763" s="1" t="s">
        <v>58956</v>
      </c>
      <c r="I15763" s="1" t="s">
        <v>53800</v>
      </c>
      <c r="J15763" s="1" t="s">
        <v>59010</v>
      </c>
    </row>
    <row r="15764" spans="1:10" x14ac:dyDescent="0.35">
      <c r="A15764" s="1" t="s">
        <v>25332</v>
      </c>
      <c r="B15764" s="1" t="s">
        <v>53796</v>
      </c>
      <c r="C15764" s="1" t="s">
        <v>115</v>
      </c>
      <c r="D15764" s="1" t="s">
        <v>59011</v>
      </c>
      <c r="E15764" s="1" t="s">
        <v>21803</v>
      </c>
      <c r="F15764" s="1" t="s">
        <v>59012</v>
      </c>
      <c r="G15764" s="1" t="s">
        <v>58955</v>
      </c>
      <c r="H15764" s="1" t="s">
        <v>58956</v>
      </c>
      <c r="I15764" s="1" t="s">
        <v>53800</v>
      </c>
      <c r="J15764" s="1" t="s">
        <v>59013</v>
      </c>
    </row>
    <row r="15765" spans="1:10" x14ac:dyDescent="0.35">
      <c r="A15765" s="1" t="s">
        <v>25332</v>
      </c>
      <c r="B15765" s="1" t="s">
        <v>53796</v>
      </c>
      <c r="C15765" s="1" t="s">
        <v>120</v>
      </c>
      <c r="D15765" s="1" t="s">
        <v>59014</v>
      </c>
      <c r="E15765" s="1" t="s">
        <v>21937</v>
      </c>
      <c r="F15765" s="1" t="s">
        <v>59015</v>
      </c>
      <c r="G15765" s="1" t="s">
        <v>58955</v>
      </c>
      <c r="H15765" s="1" t="s">
        <v>58956</v>
      </c>
      <c r="I15765" s="1" t="s">
        <v>53800</v>
      </c>
      <c r="J15765" s="1" t="s">
        <v>59016</v>
      </c>
    </row>
    <row r="15766" spans="1:10" x14ac:dyDescent="0.35">
      <c r="A15766" s="1" t="s">
        <v>25332</v>
      </c>
      <c r="B15766" s="1" t="s">
        <v>53796</v>
      </c>
      <c r="C15766" s="1" t="s">
        <v>125</v>
      </c>
      <c r="D15766" s="1" t="s">
        <v>59017</v>
      </c>
      <c r="E15766" s="1" t="s">
        <v>16079</v>
      </c>
      <c r="F15766" s="1" t="s">
        <v>59018</v>
      </c>
      <c r="G15766" s="1" t="s">
        <v>58955</v>
      </c>
      <c r="H15766" s="1" t="s">
        <v>58956</v>
      </c>
      <c r="I15766" s="1" t="s">
        <v>53800</v>
      </c>
      <c r="J15766" s="1" t="s">
        <v>59019</v>
      </c>
    </row>
    <row r="15767" spans="1:10" x14ac:dyDescent="0.35">
      <c r="A15767" s="1" t="s">
        <v>25332</v>
      </c>
      <c r="B15767" s="1" t="s">
        <v>53796</v>
      </c>
      <c r="C15767" s="1" t="s">
        <v>130</v>
      </c>
      <c r="D15767" s="1" t="s">
        <v>59020</v>
      </c>
      <c r="E15767" s="1" t="s">
        <v>27122</v>
      </c>
      <c r="F15767" s="1" t="s">
        <v>59021</v>
      </c>
      <c r="G15767" s="1" t="s">
        <v>58955</v>
      </c>
      <c r="H15767" s="1" t="s">
        <v>58956</v>
      </c>
      <c r="I15767" s="1" t="s">
        <v>53800</v>
      </c>
      <c r="J15767" s="1" t="s">
        <v>59022</v>
      </c>
    </row>
    <row r="15768" spans="1:10" x14ac:dyDescent="0.35">
      <c r="A15768" s="1" t="s">
        <v>25332</v>
      </c>
      <c r="B15768" s="1" t="s">
        <v>53796</v>
      </c>
      <c r="C15768" s="1" t="s">
        <v>135</v>
      </c>
      <c r="D15768" s="1" t="s">
        <v>20618</v>
      </c>
      <c r="E15768" s="1" t="s">
        <v>24213</v>
      </c>
      <c r="F15768" s="1" t="s">
        <v>26195</v>
      </c>
      <c r="G15768" s="1" t="s">
        <v>58955</v>
      </c>
      <c r="H15768" s="1" t="s">
        <v>58956</v>
      </c>
      <c r="I15768" s="1" t="s">
        <v>53800</v>
      </c>
      <c r="J15768" s="1" t="s">
        <v>59023</v>
      </c>
    </row>
    <row r="15769" spans="1:10" x14ac:dyDescent="0.35">
      <c r="A15769" s="1" t="s">
        <v>25332</v>
      </c>
      <c r="B15769" s="1" t="s">
        <v>53796</v>
      </c>
      <c r="C15769" s="1" t="s">
        <v>140</v>
      </c>
      <c r="D15769" s="1" t="s">
        <v>59024</v>
      </c>
      <c r="E15769" s="1" t="s">
        <v>23202</v>
      </c>
      <c r="F15769" s="1" t="s">
        <v>59025</v>
      </c>
      <c r="G15769" s="1" t="s">
        <v>58955</v>
      </c>
      <c r="H15769" s="1" t="s">
        <v>58956</v>
      </c>
      <c r="I15769" s="1" t="s">
        <v>53800</v>
      </c>
      <c r="J15769" s="1" t="s">
        <v>59026</v>
      </c>
    </row>
    <row r="15770" spans="1:10" x14ac:dyDescent="0.35">
      <c r="A15770" s="1" t="s">
        <v>25332</v>
      </c>
      <c r="B15770" s="1" t="s">
        <v>53796</v>
      </c>
      <c r="C15770" s="1" t="s">
        <v>145</v>
      </c>
      <c r="D15770" s="1" t="s">
        <v>59027</v>
      </c>
      <c r="E15770" s="1" t="s">
        <v>56351</v>
      </c>
      <c r="F15770" s="1" t="s">
        <v>59028</v>
      </c>
      <c r="G15770" s="1" t="s">
        <v>58955</v>
      </c>
      <c r="H15770" s="1" t="s">
        <v>58956</v>
      </c>
      <c r="I15770" s="1" t="s">
        <v>53800</v>
      </c>
      <c r="J15770" s="1" t="s">
        <v>59029</v>
      </c>
    </row>
    <row r="15771" spans="1:10" x14ac:dyDescent="0.35">
      <c r="A15771" s="1" t="s">
        <v>25332</v>
      </c>
      <c r="B15771" s="1" t="s">
        <v>53796</v>
      </c>
      <c r="C15771" s="1" t="s">
        <v>150</v>
      </c>
      <c r="D15771" s="1" t="s">
        <v>59030</v>
      </c>
      <c r="E15771" s="1" t="s">
        <v>23476</v>
      </c>
      <c r="F15771" s="1" t="s">
        <v>59031</v>
      </c>
      <c r="G15771" s="1" t="s">
        <v>58955</v>
      </c>
      <c r="H15771" s="1" t="s">
        <v>58956</v>
      </c>
      <c r="I15771" s="1" t="s">
        <v>53800</v>
      </c>
      <c r="J15771" s="1" t="s">
        <v>59032</v>
      </c>
    </row>
    <row r="15772" spans="1:10" x14ac:dyDescent="0.35">
      <c r="A15772" s="1" t="s">
        <v>25332</v>
      </c>
      <c r="B15772" s="1" t="s">
        <v>53796</v>
      </c>
      <c r="C15772" s="1" t="s">
        <v>155</v>
      </c>
      <c r="D15772" s="1" t="s">
        <v>40300</v>
      </c>
      <c r="E15772" s="1" t="s">
        <v>22298</v>
      </c>
      <c r="F15772" s="1" t="s">
        <v>59033</v>
      </c>
      <c r="G15772" s="1" t="s">
        <v>58955</v>
      </c>
      <c r="H15772" s="1" t="s">
        <v>58956</v>
      </c>
      <c r="I15772" s="1" t="s">
        <v>53800</v>
      </c>
      <c r="J15772" s="1" t="s">
        <v>59034</v>
      </c>
    </row>
    <row r="15773" spans="1:10" x14ac:dyDescent="0.35">
      <c r="A15773" s="1" t="s">
        <v>25332</v>
      </c>
      <c r="B15773" s="1" t="s">
        <v>53796</v>
      </c>
      <c r="C15773" s="1" t="s">
        <v>160</v>
      </c>
      <c r="D15773" s="1" t="s">
        <v>59035</v>
      </c>
      <c r="E15773" s="1" t="s">
        <v>21974</v>
      </c>
      <c r="F15773" s="1" t="s">
        <v>59036</v>
      </c>
      <c r="G15773" s="1" t="s">
        <v>58955</v>
      </c>
      <c r="H15773" s="1" t="s">
        <v>58956</v>
      </c>
      <c r="I15773" s="1" t="s">
        <v>53800</v>
      </c>
      <c r="J15773" s="1" t="s">
        <v>59037</v>
      </c>
    </row>
    <row r="15774" spans="1:10" x14ac:dyDescent="0.35">
      <c r="A15774" s="1" t="s">
        <v>25332</v>
      </c>
      <c r="B15774" s="1" t="s">
        <v>53796</v>
      </c>
      <c r="C15774" s="1" t="s">
        <v>165</v>
      </c>
      <c r="D15774" s="1" t="s">
        <v>59038</v>
      </c>
      <c r="E15774" s="1" t="s">
        <v>53969</v>
      </c>
      <c r="F15774" s="1" t="s">
        <v>59039</v>
      </c>
      <c r="G15774" s="1" t="s">
        <v>58955</v>
      </c>
      <c r="H15774" s="1" t="s">
        <v>58956</v>
      </c>
      <c r="I15774" s="1" t="s">
        <v>53800</v>
      </c>
      <c r="J15774" s="1" t="s">
        <v>59040</v>
      </c>
    </row>
    <row r="15775" spans="1:10" x14ac:dyDescent="0.35">
      <c r="A15775" s="1" t="s">
        <v>25332</v>
      </c>
      <c r="B15775" s="1" t="s">
        <v>53796</v>
      </c>
      <c r="C15775" s="1" t="s">
        <v>170</v>
      </c>
      <c r="D15775" s="1" t="s">
        <v>59041</v>
      </c>
      <c r="E15775" s="1" t="s">
        <v>59042</v>
      </c>
      <c r="F15775" s="1" t="s">
        <v>59043</v>
      </c>
      <c r="G15775" s="1" t="s">
        <v>58955</v>
      </c>
      <c r="H15775" s="1" t="s">
        <v>58956</v>
      </c>
      <c r="I15775" s="1" t="s">
        <v>53800</v>
      </c>
      <c r="J15775" s="1" t="s">
        <v>59044</v>
      </c>
    </row>
    <row r="15776" spans="1:10" x14ac:dyDescent="0.35">
      <c r="A15776" s="1" t="s">
        <v>51962</v>
      </c>
      <c r="B15776" s="1" t="s">
        <v>53796</v>
      </c>
      <c r="C15776" s="1" t="s">
        <v>8</v>
      </c>
      <c r="D15776" s="1" t="s">
        <v>59045</v>
      </c>
      <c r="E15776" s="1" t="s">
        <v>15353</v>
      </c>
      <c r="F15776" s="1" t="s">
        <v>59046</v>
      </c>
      <c r="G15776" s="1" t="s">
        <v>59047</v>
      </c>
      <c r="H15776" s="1" t="s">
        <v>59048</v>
      </c>
      <c r="I15776" s="1" t="s">
        <v>53800</v>
      </c>
      <c r="J15776" s="1" t="s">
        <v>13</v>
      </c>
    </row>
    <row r="15777" spans="1:10" x14ac:dyDescent="0.35">
      <c r="A15777" s="1" t="s">
        <v>51962</v>
      </c>
      <c r="B15777" s="1" t="s">
        <v>53796</v>
      </c>
      <c r="C15777" s="1" t="s">
        <v>15</v>
      </c>
      <c r="D15777" s="1" t="s">
        <v>59049</v>
      </c>
      <c r="E15777" s="1" t="s">
        <v>41188</v>
      </c>
      <c r="F15777" s="1" t="s">
        <v>59050</v>
      </c>
      <c r="G15777" s="1" t="s">
        <v>59047</v>
      </c>
      <c r="H15777" s="1" t="s">
        <v>59048</v>
      </c>
      <c r="I15777" s="1" t="s">
        <v>53800</v>
      </c>
      <c r="J15777" s="1" t="s">
        <v>59051</v>
      </c>
    </row>
    <row r="15778" spans="1:10" x14ac:dyDescent="0.35">
      <c r="A15778" s="1" t="s">
        <v>51962</v>
      </c>
      <c r="B15778" s="1" t="s">
        <v>53796</v>
      </c>
      <c r="C15778" s="1" t="s">
        <v>20</v>
      </c>
      <c r="D15778" s="1" t="s">
        <v>59052</v>
      </c>
      <c r="E15778" s="1" t="s">
        <v>59053</v>
      </c>
      <c r="F15778" s="1" t="s">
        <v>59054</v>
      </c>
      <c r="G15778" s="1" t="s">
        <v>59047</v>
      </c>
      <c r="H15778" s="1" t="s">
        <v>59048</v>
      </c>
      <c r="I15778" s="1" t="s">
        <v>53800</v>
      </c>
      <c r="J15778" s="1" t="s">
        <v>59055</v>
      </c>
    </row>
    <row r="15779" spans="1:10" x14ac:dyDescent="0.35">
      <c r="A15779" s="1" t="s">
        <v>51962</v>
      </c>
      <c r="B15779" s="1" t="s">
        <v>53796</v>
      </c>
      <c r="C15779" s="1" t="s">
        <v>25</v>
      </c>
      <c r="D15779" s="1" t="s">
        <v>59056</v>
      </c>
      <c r="E15779" s="1" t="s">
        <v>54448</v>
      </c>
      <c r="F15779" s="1" t="s">
        <v>59057</v>
      </c>
      <c r="G15779" s="1" t="s">
        <v>59047</v>
      </c>
      <c r="H15779" s="1" t="s">
        <v>59048</v>
      </c>
      <c r="I15779" s="1" t="s">
        <v>53800</v>
      </c>
      <c r="J15779" s="1" t="s">
        <v>59058</v>
      </c>
    </row>
    <row r="15780" spans="1:10" x14ac:dyDescent="0.35">
      <c r="A15780" s="1" t="s">
        <v>51962</v>
      </c>
      <c r="B15780" s="1" t="s">
        <v>53796</v>
      </c>
      <c r="C15780" s="1" t="s">
        <v>30</v>
      </c>
      <c r="D15780" s="1" t="s">
        <v>59059</v>
      </c>
      <c r="E15780" s="1" t="s">
        <v>21830</v>
      </c>
      <c r="F15780" s="1" t="s">
        <v>59060</v>
      </c>
      <c r="G15780" s="1" t="s">
        <v>59047</v>
      </c>
      <c r="H15780" s="1" t="s">
        <v>59048</v>
      </c>
      <c r="I15780" s="1" t="s">
        <v>53800</v>
      </c>
      <c r="J15780" s="1" t="s">
        <v>59061</v>
      </c>
    </row>
    <row r="15781" spans="1:10" x14ac:dyDescent="0.35">
      <c r="A15781" s="1" t="s">
        <v>51962</v>
      </c>
      <c r="B15781" s="1" t="s">
        <v>53796</v>
      </c>
      <c r="C15781" s="1" t="s">
        <v>35</v>
      </c>
      <c r="D15781" s="1" t="s">
        <v>59062</v>
      </c>
      <c r="E15781" s="1" t="s">
        <v>41202</v>
      </c>
      <c r="F15781" s="1" t="s">
        <v>59063</v>
      </c>
      <c r="G15781" s="1" t="s">
        <v>59047</v>
      </c>
      <c r="H15781" s="1" t="s">
        <v>59048</v>
      </c>
      <c r="I15781" s="1" t="s">
        <v>53800</v>
      </c>
      <c r="J15781" s="1" t="s">
        <v>59064</v>
      </c>
    </row>
    <row r="15782" spans="1:10" x14ac:dyDescent="0.35">
      <c r="A15782" s="1" t="s">
        <v>51962</v>
      </c>
      <c r="B15782" s="1" t="s">
        <v>53796</v>
      </c>
      <c r="C15782" s="1" t="s">
        <v>40</v>
      </c>
      <c r="D15782" s="1" t="s">
        <v>59065</v>
      </c>
      <c r="E15782" s="1" t="s">
        <v>22954</v>
      </c>
      <c r="F15782" s="1" t="s">
        <v>56477</v>
      </c>
      <c r="G15782" s="1" t="s">
        <v>59047</v>
      </c>
      <c r="H15782" s="1" t="s">
        <v>59048</v>
      </c>
      <c r="I15782" s="1" t="s">
        <v>53800</v>
      </c>
      <c r="J15782" s="1" t="s">
        <v>59066</v>
      </c>
    </row>
    <row r="15783" spans="1:10" x14ac:dyDescent="0.35">
      <c r="A15783" s="1" t="s">
        <v>51962</v>
      </c>
      <c r="B15783" s="1" t="s">
        <v>53796</v>
      </c>
      <c r="C15783" s="1" t="s">
        <v>45</v>
      </c>
      <c r="D15783" s="1" t="s">
        <v>59067</v>
      </c>
      <c r="E15783" s="1" t="s">
        <v>15214</v>
      </c>
      <c r="F15783" s="1" t="s">
        <v>59068</v>
      </c>
      <c r="G15783" s="1" t="s">
        <v>59047</v>
      </c>
      <c r="H15783" s="1" t="s">
        <v>59048</v>
      </c>
      <c r="I15783" s="1" t="s">
        <v>53800</v>
      </c>
      <c r="J15783" s="1" t="s">
        <v>59069</v>
      </c>
    </row>
    <row r="15784" spans="1:10" x14ac:dyDescent="0.35">
      <c r="A15784" s="1" t="s">
        <v>51962</v>
      </c>
      <c r="B15784" s="1" t="s">
        <v>53796</v>
      </c>
      <c r="C15784" s="1" t="s">
        <v>50</v>
      </c>
      <c r="D15784" s="1" t="s">
        <v>59070</v>
      </c>
      <c r="E15784" s="1" t="s">
        <v>59071</v>
      </c>
      <c r="F15784" s="1" t="s">
        <v>59072</v>
      </c>
      <c r="G15784" s="1" t="s">
        <v>59047</v>
      </c>
      <c r="H15784" s="1" t="s">
        <v>59048</v>
      </c>
      <c r="I15784" s="1" t="s">
        <v>53800</v>
      </c>
      <c r="J15784" s="1" t="s">
        <v>59073</v>
      </c>
    </row>
    <row r="15785" spans="1:10" x14ac:dyDescent="0.35">
      <c r="A15785" s="1" t="s">
        <v>51962</v>
      </c>
      <c r="B15785" s="1" t="s">
        <v>53796</v>
      </c>
      <c r="C15785" s="1" t="s">
        <v>55</v>
      </c>
      <c r="D15785" s="1" t="s">
        <v>59074</v>
      </c>
      <c r="E15785" s="1" t="s">
        <v>56476</v>
      </c>
      <c r="F15785" s="1" t="s">
        <v>59075</v>
      </c>
      <c r="G15785" s="1" t="s">
        <v>59047</v>
      </c>
      <c r="H15785" s="1" t="s">
        <v>59048</v>
      </c>
      <c r="I15785" s="1" t="s">
        <v>53800</v>
      </c>
      <c r="J15785" s="1" t="s">
        <v>59076</v>
      </c>
    </row>
    <row r="15786" spans="1:10" x14ac:dyDescent="0.35">
      <c r="A15786" s="1" t="s">
        <v>51962</v>
      </c>
      <c r="B15786" s="1" t="s">
        <v>53796</v>
      </c>
      <c r="C15786" s="1" t="s">
        <v>60</v>
      </c>
      <c r="D15786" s="1" t="s">
        <v>59077</v>
      </c>
      <c r="E15786" s="1" t="s">
        <v>59078</v>
      </c>
      <c r="F15786" s="1" t="s">
        <v>59079</v>
      </c>
      <c r="G15786" s="1" t="s">
        <v>59047</v>
      </c>
      <c r="H15786" s="1" t="s">
        <v>59048</v>
      </c>
      <c r="I15786" s="1" t="s">
        <v>53800</v>
      </c>
      <c r="J15786" s="1" t="s">
        <v>59080</v>
      </c>
    </row>
    <row r="15787" spans="1:10" x14ac:dyDescent="0.35">
      <c r="A15787" s="1" t="s">
        <v>51962</v>
      </c>
      <c r="B15787" s="1" t="s">
        <v>53796</v>
      </c>
      <c r="C15787" s="1" t="s">
        <v>65</v>
      </c>
      <c r="D15787" s="1" t="s">
        <v>59081</v>
      </c>
      <c r="E15787" s="1" t="s">
        <v>56202</v>
      </c>
      <c r="F15787" s="1" t="s">
        <v>57157</v>
      </c>
      <c r="G15787" s="1" t="s">
        <v>59047</v>
      </c>
      <c r="H15787" s="1" t="s">
        <v>59048</v>
      </c>
      <c r="I15787" s="1" t="s">
        <v>53800</v>
      </c>
      <c r="J15787" s="1" t="s">
        <v>59082</v>
      </c>
    </row>
    <row r="15788" spans="1:10" x14ac:dyDescent="0.35">
      <c r="A15788" s="1" t="s">
        <v>51962</v>
      </c>
      <c r="B15788" s="1" t="s">
        <v>53796</v>
      </c>
      <c r="C15788" s="1" t="s">
        <v>70</v>
      </c>
      <c r="D15788" s="1" t="s">
        <v>59083</v>
      </c>
      <c r="E15788" s="1" t="s">
        <v>15349</v>
      </c>
      <c r="F15788" s="1" t="s">
        <v>59084</v>
      </c>
      <c r="G15788" s="1" t="s">
        <v>59047</v>
      </c>
      <c r="H15788" s="1" t="s">
        <v>59048</v>
      </c>
      <c r="I15788" s="1" t="s">
        <v>53800</v>
      </c>
      <c r="J15788" s="1" t="s">
        <v>59085</v>
      </c>
    </row>
    <row r="15789" spans="1:10" x14ac:dyDescent="0.35">
      <c r="A15789" s="1" t="s">
        <v>51962</v>
      </c>
      <c r="B15789" s="1" t="s">
        <v>53796</v>
      </c>
      <c r="C15789" s="1" t="s">
        <v>75</v>
      </c>
      <c r="D15789" s="1" t="s">
        <v>59086</v>
      </c>
      <c r="E15789" s="1" t="s">
        <v>54459</v>
      </c>
      <c r="F15789" s="1" t="s">
        <v>59087</v>
      </c>
      <c r="G15789" s="1" t="s">
        <v>59047</v>
      </c>
      <c r="H15789" s="1" t="s">
        <v>59048</v>
      </c>
      <c r="I15789" s="1" t="s">
        <v>53800</v>
      </c>
      <c r="J15789" s="1" t="s">
        <v>59088</v>
      </c>
    </row>
    <row r="15790" spans="1:10" x14ac:dyDescent="0.35">
      <c r="A15790" s="1" t="s">
        <v>51962</v>
      </c>
      <c r="B15790" s="1" t="s">
        <v>53796</v>
      </c>
      <c r="C15790" s="1" t="s">
        <v>80</v>
      </c>
      <c r="D15790" s="1" t="s">
        <v>59089</v>
      </c>
      <c r="E15790" s="1" t="s">
        <v>24221</v>
      </c>
      <c r="F15790" s="1" t="s">
        <v>59090</v>
      </c>
      <c r="G15790" s="1" t="s">
        <v>59047</v>
      </c>
      <c r="H15790" s="1" t="s">
        <v>59048</v>
      </c>
      <c r="I15790" s="1" t="s">
        <v>53800</v>
      </c>
      <c r="J15790" s="1" t="s">
        <v>59091</v>
      </c>
    </row>
    <row r="15791" spans="1:10" x14ac:dyDescent="0.35">
      <c r="A15791" s="1" t="s">
        <v>51962</v>
      </c>
      <c r="B15791" s="1" t="s">
        <v>53796</v>
      </c>
      <c r="C15791" s="1" t="s">
        <v>85</v>
      </c>
      <c r="D15791" s="1" t="s">
        <v>59092</v>
      </c>
      <c r="E15791" s="1" t="s">
        <v>54013</v>
      </c>
      <c r="F15791" s="1" t="s">
        <v>59093</v>
      </c>
      <c r="G15791" s="1" t="s">
        <v>59047</v>
      </c>
      <c r="H15791" s="1" t="s">
        <v>59048</v>
      </c>
      <c r="I15791" s="1" t="s">
        <v>53800</v>
      </c>
      <c r="J15791" s="1" t="s">
        <v>59094</v>
      </c>
    </row>
    <row r="15792" spans="1:10" x14ac:dyDescent="0.35">
      <c r="A15792" s="1" t="s">
        <v>51962</v>
      </c>
      <c r="B15792" s="1" t="s">
        <v>53796</v>
      </c>
      <c r="C15792" s="1" t="s">
        <v>90</v>
      </c>
      <c r="D15792" s="1" t="s">
        <v>59095</v>
      </c>
      <c r="E15792" s="1" t="s">
        <v>23505</v>
      </c>
      <c r="F15792" s="1" t="s">
        <v>59096</v>
      </c>
      <c r="G15792" s="1" t="s">
        <v>59047</v>
      </c>
      <c r="H15792" s="1" t="s">
        <v>59048</v>
      </c>
      <c r="I15792" s="1" t="s">
        <v>53800</v>
      </c>
      <c r="J15792" s="1" t="s">
        <v>59097</v>
      </c>
    </row>
    <row r="15793" spans="1:10" x14ac:dyDescent="0.35">
      <c r="A15793" s="1" t="s">
        <v>51962</v>
      </c>
      <c r="B15793" s="1" t="s">
        <v>53796</v>
      </c>
      <c r="C15793" s="1" t="s">
        <v>95</v>
      </c>
      <c r="D15793" s="1" t="s">
        <v>59098</v>
      </c>
      <c r="E15793" s="1" t="s">
        <v>59099</v>
      </c>
      <c r="F15793" s="1" t="s">
        <v>59100</v>
      </c>
      <c r="G15793" s="1" t="s">
        <v>59047</v>
      </c>
      <c r="H15793" s="1" t="s">
        <v>59048</v>
      </c>
      <c r="I15793" s="1" t="s">
        <v>53800</v>
      </c>
      <c r="J15793" s="1" t="s">
        <v>59101</v>
      </c>
    </row>
    <row r="15794" spans="1:10" x14ac:dyDescent="0.35">
      <c r="A15794" s="1" t="s">
        <v>51962</v>
      </c>
      <c r="B15794" s="1" t="s">
        <v>53796</v>
      </c>
      <c r="C15794" s="1" t="s">
        <v>100</v>
      </c>
      <c r="D15794" s="1" t="s">
        <v>59102</v>
      </c>
      <c r="E15794" s="1" t="s">
        <v>31435</v>
      </c>
      <c r="F15794" s="1" t="s">
        <v>59103</v>
      </c>
      <c r="G15794" s="1" t="s">
        <v>59047</v>
      </c>
      <c r="H15794" s="1" t="s">
        <v>59048</v>
      </c>
      <c r="I15794" s="1" t="s">
        <v>53800</v>
      </c>
      <c r="J15794" s="1" t="s">
        <v>59104</v>
      </c>
    </row>
    <row r="15795" spans="1:10" x14ac:dyDescent="0.35">
      <c r="A15795" s="1" t="s">
        <v>51962</v>
      </c>
      <c r="B15795" s="1" t="s">
        <v>53796</v>
      </c>
      <c r="C15795" s="1" t="s">
        <v>105</v>
      </c>
      <c r="D15795" s="1" t="s">
        <v>59105</v>
      </c>
      <c r="E15795" s="1" t="s">
        <v>53936</v>
      </c>
      <c r="F15795" s="1" t="s">
        <v>59106</v>
      </c>
      <c r="G15795" s="1" t="s">
        <v>59047</v>
      </c>
      <c r="H15795" s="1" t="s">
        <v>59048</v>
      </c>
      <c r="I15795" s="1" t="s">
        <v>53800</v>
      </c>
      <c r="J15795" s="1" t="s">
        <v>59107</v>
      </c>
    </row>
    <row r="15796" spans="1:10" x14ac:dyDescent="0.35">
      <c r="A15796" s="1" t="s">
        <v>51962</v>
      </c>
      <c r="B15796" s="1" t="s">
        <v>53796</v>
      </c>
      <c r="C15796" s="1" t="s">
        <v>110</v>
      </c>
      <c r="D15796" s="1" t="s">
        <v>59108</v>
      </c>
      <c r="E15796" s="1" t="s">
        <v>54024</v>
      </c>
      <c r="F15796" s="1" t="s">
        <v>55449</v>
      </c>
      <c r="G15796" s="1" t="s">
        <v>59047</v>
      </c>
      <c r="H15796" s="1" t="s">
        <v>59048</v>
      </c>
      <c r="I15796" s="1" t="s">
        <v>53800</v>
      </c>
      <c r="J15796" s="1" t="s">
        <v>59109</v>
      </c>
    </row>
    <row r="15797" spans="1:10" x14ac:dyDescent="0.35">
      <c r="A15797" s="1" t="s">
        <v>51962</v>
      </c>
      <c r="B15797" s="1" t="s">
        <v>53796</v>
      </c>
      <c r="C15797" s="1" t="s">
        <v>115</v>
      </c>
      <c r="D15797" s="1" t="s">
        <v>59110</v>
      </c>
      <c r="E15797" s="1" t="s">
        <v>26556</v>
      </c>
      <c r="F15797" s="1" t="s">
        <v>59111</v>
      </c>
      <c r="G15797" s="1" t="s">
        <v>59047</v>
      </c>
      <c r="H15797" s="1" t="s">
        <v>59048</v>
      </c>
      <c r="I15797" s="1" t="s">
        <v>53800</v>
      </c>
      <c r="J15797" s="1" t="s">
        <v>59112</v>
      </c>
    </row>
    <row r="15798" spans="1:10" x14ac:dyDescent="0.35">
      <c r="A15798" s="1" t="s">
        <v>51962</v>
      </c>
      <c r="B15798" s="1" t="s">
        <v>53796</v>
      </c>
      <c r="C15798" s="1" t="s">
        <v>120</v>
      </c>
      <c r="D15798" s="1" t="s">
        <v>59113</v>
      </c>
      <c r="E15798" s="1" t="s">
        <v>15200</v>
      </c>
      <c r="F15798" s="1" t="s">
        <v>59114</v>
      </c>
      <c r="G15798" s="1" t="s">
        <v>59047</v>
      </c>
      <c r="H15798" s="1" t="s">
        <v>59048</v>
      </c>
      <c r="I15798" s="1" t="s">
        <v>53800</v>
      </c>
      <c r="J15798" s="1" t="s">
        <v>59115</v>
      </c>
    </row>
    <row r="15799" spans="1:10" x14ac:dyDescent="0.35">
      <c r="A15799" s="1" t="s">
        <v>51962</v>
      </c>
      <c r="B15799" s="1" t="s">
        <v>53796</v>
      </c>
      <c r="C15799" s="1" t="s">
        <v>125</v>
      </c>
      <c r="D15799" s="1" t="s">
        <v>59116</v>
      </c>
      <c r="E15799" s="1" t="s">
        <v>15200</v>
      </c>
      <c r="F15799" s="1" t="s">
        <v>59117</v>
      </c>
      <c r="G15799" s="1" t="s">
        <v>59047</v>
      </c>
      <c r="H15799" s="1" t="s">
        <v>59048</v>
      </c>
      <c r="I15799" s="1" t="s">
        <v>53800</v>
      </c>
      <c r="J15799" s="1" t="s">
        <v>59118</v>
      </c>
    </row>
    <row r="15800" spans="1:10" x14ac:dyDescent="0.35">
      <c r="A15800" s="1" t="s">
        <v>51962</v>
      </c>
      <c r="B15800" s="1" t="s">
        <v>53796</v>
      </c>
      <c r="C15800" s="1" t="s">
        <v>130</v>
      </c>
      <c r="D15800" s="1" t="s">
        <v>59119</v>
      </c>
      <c r="E15800" s="1" t="s">
        <v>59120</v>
      </c>
      <c r="F15800" s="1" t="s">
        <v>59121</v>
      </c>
      <c r="G15800" s="1" t="s">
        <v>59047</v>
      </c>
      <c r="H15800" s="1" t="s">
        <v>59048</v>
      </c>
      <c r="I15800" s="1" t="s">
        <v>53800</v>
      </c>
      <c r="J15800" s="1" t="s">
        <v>59122</v>
      </c>
    </row>
    <row r="15801" spans="1:10" x14ac:dyDescent="0.35">
      <c r="A15801" s="1" t="s">
        <v>51962</v>
      </c>
      <c r="B15801" s="1" t="s">
        <v>53796</v>
      </c>
      <c r="C15801" s="1" t="s">
        <v>135</v>
      </c>
      <c r="D15801" s="1" t="s">
        <v>59123</v>
      </c>
      <c r="E15801" s="1" t="s">
        <v>31480</v>
      </c>
      <c r="F15801" s="1" t="s">
        <v>59124</v>
      </c>
      <c r="G15801" s="1" t="s">
        <v>59047</v>
      </c>
      <c r="H15801" s="1" t="s">
        <v>59048</v>
      </c>
      <c r="I15801" s="1" t="s">
        <v>53800</v>
      </c>
      <c r="J15801" s="1" t="s">
        <v>59125</v>
      </c>
    </row>
    <row r="15802" spans="1:10" x14ac:dyDescent="0.35">
      <c r="A15802" s="1" t="s">
        <v>51962</v>
      </c>
      <c r="B15802" s="1" t="s">
        <v>53796</v>
      </c>
      <c r="C15802" s="1" t="s">
        <v>140</v>
      </c>
      <c r="D15802" s="1" t="s">
        <v>59126</v>
      </c>
      <c r="E15802" s="1" t="s">
        <v>24258</v>
      </c>
      <c r="F15802" s="1" t="s">
        <v>59127</v>
      </c>
      <c r="G15802" s="1" t="s">
        <v>59047</v>
      </c>
      <c r="H15802" s="1" t="s">
        <v>59048</v>
      </c>
      <c r="I15802" s="1" t="s">
        <v>53800</v>
      </c>
      <c r="J15802" s="1" t="s">
        <v>59128</v>
      </c>
    </row>
    <row r="15803" spans="1:10" x14ac:dyDescent="0.35">
      <c r="A15803" s="1" t="s">
        <v>51962</v>
      </c>
      <c r="B15803" s="1" t="s">
        <v>53796</v>
      </c>
      <c r="C15803" s="1" t="s">
        <v>145</v>
      </c>
      <c r="D15803" s="1" t="s">
        <v>59129</v>
      </c>
      <c r="E15803" s="1" t="s">
        <v>57156</v>
      </c>
      <c r="F15803" s="1" t="s">
        <v>59130</v>
      </c>
      <c r="G15803" s="1" t="s">
        <v>59047</v>
      </c>
      <c r="H15803" s="1" t="s">
        <v>59048</v>
      </c>
      <c r="I15803" s="1" t="s">
        <v>53800</v>
      </c>
      <c r="J15803" s="1" t="s">
        <v>59131</v>
      </c>
    </row>
    <row r="15804" spans="1:10" x14ac:dyDescent="0.35">
      <c r="A15804" s="1" t="s">
        <v>51962</v>
      </c>
      <c r="B15804" s="1" t="s">
        <v>53796</v>
      </c>
      <c r="C15804" s="1" t="s">
        <v>150</v>
      </c>
      <c r="D15804" s="1" t="s">
        <v>59132</v>
      </c>
      <c r="E15804" s="1" t="s">
        <v>26218</v>
      </c>
      <c r="F15804" s="1" t="s">
        <v>59133</v>
      </c>
      <c r="G15804" s="1" t="s">
        <v>59047</v>
      </c>
      <c r="H15804" s="1" t="s">
        <v>59048</v>
      </c>
      <c r="I15804" s="1" t="s">
        <v>53800</v>
      </c>
      <c r="J15804" s="1" t="s">
        <v>59134</v>
      </c>
    </row>
    <row r="15805" spans="1:10" x14ac:dyDescent="0.35">
      <c r="A15805" s="1" t="s">
        <v>51962</v>
      </c>
      <c r="B15805" s="1" t="s">
        <v>53796</v>
      </c>
      <c r="C15805" s="1" t="s">
        <v>155</v>
      </c>
      <c r="D15805" s="1" t="s">
        <v>59135</v>
      </c>
      <c r="E15805" s="1" t="s">
        <v>59136</v>
      </c>
      <c r="F15805" s="1" t="s">
        <v>59137</v>
      </c>
      <c r="G15805" s="1" t="s">
        <v>59047</v>
      </c>
      <c r="H15805" s="1" t="s">
        <v>59048</v>
      </c>
      <c r="I15805" s="1" t="s">
        <v>53800</v>
      </c>
      <c r="J15805" s="1" t="s">
        <v>59138</v>
      </c>
    </row>
    <row r="15806" spans="1:10" x14ac:dyDescent="0.35">
      <c r="A15806" s="1" t="s">
        <v>51962</v>
      </c>
      <c r="B15806" s="1" t="s">
        <v>53796</v>
      </c>
      <c r="C15806" s="1" t="s">
        <v>160</v>
      </c>
      <c r="D15806" s="1" t="s">
        <v>59139</v>
      </c>
      <c r="E15806" s="1" t="s">
        <v>59140</v>
      </c>
      <c r="F15806" s="1" t="s">
        <v>54185</v>
      </c>
      <c r="G15806" s="1" t="s">
        <v>59047</v>
      </c>
      <c r="H15806" s="1" t="s">
        <v>59048</v>
      </c>
      <c r="I15806" s="1" t="s">
        <v>53800</v>
      </c>
      <c r="J15806" s="1" t="s">
        <v>59141</v>
      </c>
    </row>
    <row r="15807" spans="1:10" x14ac:dyDescent="0.35">
      <c r="A15807" s="1" t="s">
        <v>51962</v>
      </c>
      <c r="B15807" s="1" t="s">
        <v>53796</v>
      </c>
      <c r="C15807" s="1" t="s">
        <v>165</v>
      </c>
      <c r="D15807" s="1" t="s">
        <v>59142</v>
      </c>
      <c r="E15807" s="1" t="s">
        <v>21849</v>
      </c>
      <c r="F15807" s="1" t="s">
        <v>59143</v>
      </c>
      <c r="G15807" s="1" t="s">
        <v>59047</v>
      </c>
      <c r="H15807" s="1" t="s">
        <v>59048</v>
      </c>
      <c r="I15807" s="1" t="s">
        <v>53800</v>
      </c>
      <c r="J15807" s="1" t="s">
        <v>59144</v>
      </c>
    </row>
    <row r="15808" spans="1:10" x14ac:dyDescent="0.35">
      <c r="A15808" s="1" t="s">
        <v>51962</v>
      </c>
      <c r="B15808" s="1" t="s">
        <v>53796</v>
      </c>
      <c r="C15808" s="1" t="s">
        <v>170</v>
      </c>
      <c r="D15808" s="1" t="s">
        <v>59145</v>
      </c>
      <c r="E15808" s="1" t="s">
        <v>24209</v>
      </c>
      <c r="F15808" s="1" t="s">
        <v>59146</v>
      </c>
      <c r="G15808" s="1" t="s">
        <v>59047</v>
      </c>
      <c r="H15808" s="1" t="s">
        <v>59048</v>
      </c>
      <c r="I15808" s="1" t="s">
        <v>53800</v>
      </c>
      <c r="J15808" s="1" t="s">
        <v>59147</v>
      </c>
    </row>
    <row r="15809" spans="1:10" x14ac:dyDescent="0.35">
      <c r="A15809" s="1" t="s">
        <v>59148</v>
      </c>
      <c r="B15809" s="1" t="s">
        <v>53796</v>
      </c>
      <c r="C15809" s="1" t="s">
        <v>8</v>
      </c>
      <c r="D15809" s="1" t="s">
        <v>59149</v>
      </c>
      <c r="E15809" s="1" t="s">
        <v>21822</v>
      </c>
      <c r="F15809" s="1" t="s">
        <v>54449</v>
      </c>
      <c r="G15809" s="1" t="s">
        <v>59150</v>
      </c>
      <c r="H15809" s="1" t="s">
        <v>59151</v>
      </c>
      <c r="I15809" s="1" t="s">
        <v>53800</v>
      </c>
      <c r="J15809" s="1" t="s">
        <v>13</v>
      </c>
    </row>
    <row r="15810" spans="1:10" x14ac:dyDescent="0.35">
      <c r="A15810" s="1" t="s">
        <v>59148</v>
      </c>
      <c r="B15810" s="1" t="s">
        <v>53796</v>
      </c>
      <c r="C15810" s="1" t="s">
        <v>15</v>
      </c>
      <c r="D15810" s="1" t="s">
        <v>39213</v>
      </c>
      <c r="E15810" s="1" t="s">
        <v>57886</v>
      </c>
      <c r="F15810" s="1" t="s">
        <v>59152</v>
      </c>
      <c r="G15810" s="1" t="s">
        <v>59150</v>
      </c>
      <c r="H15810" s="1" t="s">
        <v>59151</v>
      </c>
      <c r="I15810" s="1" t="s">
        <v>53800</v>
      </c>
      <c r="J15810" s="1" t="s">
        <v>59153</v>
      </c>
    </row>
    <row r="15811" spans="1:10" x14ac:dyDescent="0.35">
      <c r="A15811" s="1" t="s">
        <v>59148</v>
      </c>
      <c r="B15811" s="1" t="s">
        <v>53796</v>
      </c>
      <c r="C15811" s="1" t="s">
        <v>20</v>
      </c>
      <c r="D15811" s="1" t="s">
        <v>59154</v>
      </c>
      <c r="E15811" s="1" t="s">
        <v>59155</v>
      </c>
      <c r="F15811" s="1" t="s">
        <v>59156</v>
      </c>
      <c r="G15811" s="1" t="s">
        <v>59150</v>
      </c>
      <c r="H15811" s="1" t="s">
        <v>59151</v>
      </c>
      <c r="I15811" s="1" t="s">
        <v>53800</v>
      </c>
      <c r="J15811" s="1" t="s">
        <v>59157</v>
      </c>
    </row>
    <row r="15812" spans="1:10" x14ac:dyDescent="0.35">
      <c r="A15812" s="1" t="s">
        <v>59148</v>
      </c>
      <c r="B15812" s="1" t="s">
        <v>53796</v>
      </c>
      <c r="C15812" s="1" t="s">
        <v>25</v>
      </c>
      <c r="D15812" s="1" t="s">
        <v>59158</v>
      </c>
      <c r="E15812" s="1" t="s">
        <v>55137</v>
      </c>
      <c r="F15812" s="1" t="s">
        <v>59159</v>
      </c>
      <c r="G15812" s="1" t="s">
        <v>59150</v>
      </c>
      <c r="H15812" s="1" t="s">
        <v>59151</v>
      </c>
      <c r="I15812" s="1" t="s">
        <v>53800</v>
      </c>
      <c r="J15812" s="1" t="s">
        <v>59160</v>
      </c>
    </row>
    <row r="15813" spans="1:10" x14ac:dyDescent="0.35">
      <c r="A15813" s="1" t="s">
        <v>59148</v>
      </c>
      <c r="B15813" s="1" t="s">
        <v>53796</v>
      </c>
      <c r="C15813" s="1" t="s">
        <v>30</v>
      </c>
      <c r="D15813" s="1" t="s">
        <v>59161</v>
      </c>
      <c r="E15813" s="1" t="s">
        <v>59162</v>
      </c>
      <c r="F15813" s="1" t="s">
        <v>59163</v>
      </c>
      <c r="G15813" s="1" t="s">
        <v>59150</v>
      </c>
      <c r="H15813" s="1" t="s">
        <v>59151</v>
      </c>
      <c r="I15813" s="1" t="s">
        <v>53800</v>
      </c>
      <c r="J15813" s="1" t="s">
        <v>59164</v>
      </c>
    </row>
    <row r="15814" spans="1:10" x14ac:dyDescent="0.35">
      <c r="A15814" s="1" t="s">
        <v>59148</v>
      </c>
      <c r="B15814" s="1" t="s">
        <v>53796</v>
      </c>
      <c r="C15814" s="1" t="s">
        <v>35</v>
      </c>
      <c r="D15814" s="1" t="s">
        <v>42324</v>
      </c>
      <c r="E15814" s="1" t="s">
        <v>55897</v>
      </c>
      <c r="F15814" s="1" t="s">
        <v>21866</v>
      </c>
      <c r="G15814" s="1" t="s">
        <v>59150</v>
      </c>
      <c r="H15814" s="1" t="s">
        <v>59151</v>
      </c>
      <c r="I15814" s="1" t="s">
        <v>53800</v>
      </c>
      <c r="J15814" s="1" t="s">
        <v>59165</v>
      </c>
    </row>
    <row r="15815" spans="1:10" x14ac:dyDescent="0.35">
      <c r="A15815" s="1" t="s">
        <v>59148</v>
      </c>
      <c r="B15815" s="1" t="s">
        <v>53796</v>
      </c>
      <c r="C15815" s="1" t="s">
        <v>40</v>
      </c>
      <c r="D15815" s="1" t="s">
        <v>59166</v>
      </c>
      <c r="E15815" s="1" t="s">
        <v>59167</v>
      </c>
      <c r="F15815" s="1" t="s">
        <v>58397</v>
      </c>
      <c r="G15815" s="1" t="s">
        <v>59150</v>
      </c>
      <c r="H15815" s="1" t="s">
        <v>59151</v>
      </c>
      <c r="I15815" s="1" t="s">
        <v>53800</v>
      </c>
      <c r="J15815" s="1" t="s">
        <v>59168</v>
      </c>
    </row>
    <row r="15816" spans="1:10" x14ac:dyDescent="0.35">
      <c r="A15816" s="1" t="s">
        <v>59148</v>
      </c>
      <c r="B15816" s="1" t="s">
        <v>53796</v>
      </c>
      <c r="C15816" s="1" t="s">
        <v>45</v>
      </c>
      <c r="D15816" s="1" t="s">
        <v>59169</v>
      </c>
      <c r="E15816" s="1" t="s">
        <v>41348</v>
      </c>
      <c r="F15816" s="1" t="s">
        <v>59170</v>
      </c>
      <c r="G15816" s="1" t="s">
        <v>59150</v>
      </c>
      <c r="H15816" s="1" t="s">
        <v>59151</v>
      </c>
      <c r="I15816" s="1" t="s">
        <v>53800</v>
      </c>
      <c r="J15816" s="1" t="s">
        <v>59171</v>
      </c>
    </row>
    <row r="15817" spans="1:10" x14ac:dyDescent="0.35">
      <c r="A15817" s="1" t="s">
        <v>59148</v>
      </c>
      <c r="B15817" s="1" t="s">
        <v>53796</v>
      </c>
      <c r="C15817" s="1" t="s">
        <v>50</v>
      </c>
      <c r="D15817" s="1" t="s">
        <v>59172</v>
      </c>
      <c r="E15817" s="1" t="s">
        <v>56664</v>
      </c>
      <c r="F15817" s="1" t="s">
        <v>59173</v>
      </c>
      <c r="G15817" s="1" t="s">
        <v>59150</v>
      </c>
      <c r="H15817" s="1" t="s">
        <v>59151</v>
      </c>
      <c r="I15817" s="1" t="s">
        <v>53800</v>
      </c>
      <c r="J15817" s="1" t="s">
        <v>59174</v>
      </c>
    </row>
    <row r="15818" spans="1:10" x14ac:dyDescent="0.35">
      <c r="A15818" s="1" t="s">
        <v>59148</v>
      </c>
      <c r="B15818" s="1" t="s">
        <v>53796</v>
      </c>
      <c r="C15818" s="1" t="s">
        <v>55</v>
      </c>
      <c r="D15818" s="1" t="s">
        <v>59175</v>
      </c>
      <c r="E15818" s="1" t="s">
        <v>31401</v>
      </c>
      <c r="F15818" s="1" t="s">
        <v>59176</v>
      </c>
      <c r="G15818" s="1" t="s">
        <v>59150</v>
      </c>
      <c r="H15818" s="1" t="s">
        <v>59151</v>
      </c>
      <c r="I15818" s="1" t="s">
        <v>53800</v>
      </c>
      <c r="J15818" s="1" t="s">
        <v>59177</v>
      </c>
    </row>
    <row r="15819" spans="1:10" x14ac:dyDescent="0.35">
      <c r="A15819" s="1" t="s">
        <v>59148</v>
      </c>
      <c r="B15819" s="1" t="s">
        <v>53796</v>
      </c>
      <c r="C15819" s="1" t="s">
        <v>60</v>
      </c>
      <c r="D15819" s="1" t="s">
        <v>59178</v>
      </c>
      <c r="E15819" s="1" t="s">
        <v>56141</v>
      </c>
      <c r="F15819" s="1" t="s">
        <v>59179</v>
      </c>
      <c r="G15819" s="1" t="s">
        <v>59150</v>
      </c>
      <c r="H15819" s="1" t="s">
        <v>59151</v>
      </c>
      <c r="I15819" s="1" t="s">
        <v>53800</v>
      </c>
      <c r="J15819" s="1" t="s">
        <v>59180</v>
      </c>
    </row>
    <row r="15820" spans="1:10" x14ac:dyDescent="0.35">
      <c r="A15820" s="1" t="s">
        <v>59148</v>
      </c>
      <c r="B15820" s="1" t="s">
        <v>53796</v>
      </c>
      <c r="C15820" s="1" t="s">
        <v>65</v>
      </c>
      <c r="D15820" s="1" t="s">
        <v>55559</v>
      </c>
      <c r="E15820" s="1" t="s">
        <v>58565</v>
      </c>
      <c r="F15820" s="1" t="s">
        <v>59181</v>
      </c>
      <c r="G15820" s="1" t="s">
        <v>59150</v>
      </c>
      <c r="H15820" s="1" t="s">
        <v>59151</v>
      </c>
      <c r="I15820" s="1" t="s">
        <v>53800</v>
      </c>
      <c r="J15820" s="1" t="s">
        <v>59182</v>
      </c>
    </row>
    <row r="15821" spans="1:10" x14ac:dyDescent="0.35">
      <c r="A15821" s="1" t="s">
        <v>59148</v>
      </c>
      <c r="B15821" s="1" t="s">
        <v>53796</v>
      </c>
      <c r="C15821" s="1" t="s">
        <v>70</v>
      </c>
      <c r="D15821" s="1" t="s">
        <v>59183</v>
      </c>
      <c r="E15821" s="1" t="s">
        <v>56177</v>
      </c>
      <c r="F15821" s="1" t="s">
        <v>59184</v>
      </c>
      <c r="G15821" s="1" t="s">
        <v>59150</v>
      </c>
      <c r="H15821" s="1" t="s">
        <v>59151</v>
      </c>
      <c r="I15821" s="1" t="s">
        <v>53800</v>
      </c>
      <c r="J15821" s="1" t="s">
        <v>59185</v>
      </c>
    </row>
    <row r="15822" spans="1:10" x14ac:dyDescent="0.35">
      <c r="A15822" s="1" t="s">
        <v>59148</v>
      </c>
      <c r="B15822" s="1" t="s">
        <v>53796</v>
      </c>
      <c r="C15822" s="1" t="s">
        <v>75</v>
      </c>
      <c r="D15822" s="1" t="s">
        <v>59186</v>
      </c>
      <c r="E15822" s="1" t="s">
        <v>15205</v>
      </c>
      <c r="F15822" s="1" t="s">
        <v>56511</v>
      </c>
      <c r="G15822" s="1" t="s">
        <v>59150</v>
      </c>
      <c r="H15822" s="1" t="s">
        <v>59151</v>
      </c>
      <c r="I15822" s="1" t="s">
        <v>53800</v>
      </c>
      <c r="J15822" s="1" t="s">
        <v>59187</v>
      </c>
    </row>
    <row r="15823" spans="1:10" x14ac:dyDescent="0.35">
      <c r="A15823" s="1" t="s">
        <v>59148</v>
      </c>
      <c r="B15823" s="1" t="s">
        <v>53796</v>
      </c>
      <c r="C15823" s="1" t="s">
        <v>80</v>
      </c>
      <c r="D15823" s="1" t="s">
        <v>59188</v>
      </c>
      <c r="E15823" s="1" t="s">
        <v>21764</v>
      </c>
      <c r="F15823" s="1" t="s">
        <v>59189</v>
      </c>
      <c r="G15823" s="1" t="s">
        <v>59150</v>
      </c>
      <c r="H15823" s="1" t="s">
        <v>59151</v>
      </c>
      <c r="I15823" s="1" t="s">
        <v>53800</v>
      </c>
      <c r="J15823" s="1" t="s">
        <v>59190</v>
      </c>
    </row>
    <row r="15824" spans="1:10" x14ac:dyDescent="0.35">
      <c r="A15824" s="1" t="s">
        <v>59148</v>
      </c>
      <c r="B15824" s="1" t="s">
        <v>53796</v>
      </c>
      <c r="C15824" s="1" t="s">
        <v>85</v>
      </c>
      <c r="D15824" s="1" t="s">
        <v>59191</v>
      </c>
      <c r="E15824" s="1" t="s">
        <v>59192</v>
      </c>
      <c r="F15824" s="1" t="s">
        <v>59193</v>
      </c>
      <c r="G15824" s="1" t="s">
        <v>59150</v>
      </c>
      <c r="H15824" s="1" t="s">
        <v>59151</v>
      </c>
      <c r="I15824" s="1" t="s">
        <v>53800</v>
      </c>
      <c r="J15824" s="1" t="s">
        <v>59194</v>
      </c>
    </row>
    <row r="15825" spans="1:10" x14ac:dyDescent="0.35">
      <c r="A15825" s="1" t="s">
        <v>59148</v>
      </c>
      <c r="B15825" s="1" t="s">
        <v>53796</v>
      </c>
      <c r="C15825" s="1" t="s">
        <v>90</v>
      </c>
      <c r="D15825" s="1" t="s">
        <v>59195</v>
      </c>
      <c r="E15825" s="1" t="s">
        <v>54783</v>
      </c>
      <c r="F15825" s="1" t="s">
        <v>59196</v>
      </c>
      <c r="G15825" s="1" t="s">
        <v>59150</v>
      </c>
      <c r="H15825" s="1" t="s">
        <v>59151</v>
      </c>
      <c r="I15825" s="1" t="s">
        <v>53800</v>
      </c>
      <c r="J15825" s="1" t="s">
        <v>59197</v>
      </c>
    </row>
    <row r="15826" spans="1:10" x14ac:dyDescent="0.35">
      <c r="A15826" s="1" t="s">
        <v>59148</v>
      </c>
      <c r="B15826" s="1" t="s">
        <v>53796</v>
      </c>
      <c r="C15826" s="1" t="s">
        <v>95</v>
      </c>
      <c r="D15826" s="1" t="s">
        <v>41570</v>
      </c>
      <c r="E15826" s="1" t="s">
        <v>21929</v>
      </c>
      <c r="F15826" s="1" t="s">
        <v>59198</v>
      </c>
      <c r="G15826" s="1" t="s">
        <v>59150</v>
      </c>
      <c r="H15826" s="1" t="s">
        <v>59151</v>
      </c>
      <c r="I15826" s="1" t="s">
        <v>53800</v>
      </c>
      <c r="J15826" s="1" t="s">
        <v>59199</v>
      </c>
    </row>
    <row r="15827" spans="1:10" x14ac:dyDescent="0.35">
      <c r="A15827" s="1" t="s">
        <v>59148</v>
      </c>
      <c r="B15827" s="1" t="s">
        <v>53796</v>
      </c>
      <c r="C15827" s="1" t="s">
        <v>100</v>
      </c>
      <c r="D15827" s="1" t="s">
        <v>59200</v>
      </c>
      <c r="E15827" s="1" t="s">
        <v>41395</v>
      </c>
      <c r="F15827" s="1" t="s">
        <v>21975</v>
      </c>
      <c r="G15827" s="1" t="s">
        <v>59150</v>
      </c>
      <c r="H15827" s="1" t="s">
        <v>59151</v>
      </c>
      <c r="I15827" s="1" t="s">
        <v>53800</v>
      </c>
      <c r="J15827" s="1" t="s">
        <v>59201</v>
      </c>
    </row>
    <row r="15828" spans="1:10" x14ac:dyDescent="0.35">
      <c r="A15828" s="1" t="s">
        <v>59148</v>
      </c>
      <c r="B15828" s="1" t="s">
        <v>53796</v>
      </c>
      <c r="C15828" s="1" t="s">
        <v>105</v>
      </c>
      <c r="D15828" s="1" t="s">
        <v>23680</v>
      </c>
      <c r="E15828" s="1" t="s">
        <v>55869</v>
      </c>
      <c r="F15828" s="1" t="s">
        <v>59202</v>
      </c>
      <c r="G15828" s="1" t="s">
        <v>59150</v>
      </c>
      <c r="H15828" s="1" t="s">
        <v>59151</v>
      </c>
      <c r="I15828" s="1" t="s">
        <v>53800</v>
      </c>
      <c r="J15828" s="1" t="s">
        <v>59203</v>
      </c>
    </row>
    <row r="15829" spans="1:10" x14ac:dyDescent="0.35">
      <c r="A15829" s="1" t="s">
        <v>59148</v>
      </c>
      <c r="B15829" s="1" t="s">
        <v>53796</v>
      </c>
      <c r="C15829" s="1" t="s">
        <v>110</v>
      </c>
      <c r="D15829" s="1" t="s">
        <v>59204</v>
      </c>
      <c r="E15829" s="1" t="s">
        <v>56946</v>
      </c>
      <c r="F15829" s="1" t="s">
        <v>59205</v>
      </c>
      <c r="G15829" s="1" t="s">
        <v>59150</v>
      </c>
      <c r="H15829" s="1" t="s">
        <v>59151</v>
      </c>
      <c r="I15829" s="1" t="s">
        <v>53800</v>
      </c>
      <c r="J15829" s="1" t="s">
        <v>59206</v>
      </c>
    </row>
    <row r="15830" spans="1:10" x14ac:dyDescent="0.35">
      <c r="A15830" s="1" t="s">
        <v>59148</v>
      </c>
      <c r="B15830" s="1" t="s">
        <v>53796</v>
      </c>
      <c r="C15830" s="1" t="s">
        <v>115</v>
      </c>
      <c r="D15830" s="1" t="s">
        <v>59207</v>
      </c>
      <c r="E15830" s="1" t="s">
        <v>58979</v>
      </c>
      <c r="F15830" s="1" t="s">
        <v>59208</v>
      </c>
      <c r="G15830" s="1" t="s">
        <v>59150</v>
      </c>
      <c r="H15830" s="1" t="s">
        <v>59151</v>
      </c>
      <c r="I15830" s="1" t="s">
        <v>53800</v>
      </c>
      <c r="J15830" s="1" t="s">
        <v>59209</v>
      </c>
    </row>
    <row r="15831" spans="1:10" x14ac:dyDescent="0.35">
      <c r="A15831" s="1" t="s">
        <v>59148</v>
      </c>
      <c r="B15831" s="1" t="s">
        <v>53796</v>
      </c>
      <c r="C15831" s="1" t="s">
        <v>120</v>
      </c>
      <c r="D15831" s="1" t="s">
        <v>27234</v>
      </c>
      <c r="E15831" s="1" t="s">
        <v>41309</v>
      </c>
      <c r="F15831" s="1" t="s">
        <v>59210</v>
      </c>
      <c r="G15831" s="1" t="s">
        <v>59150</v>
      </c>
      <c r="H15831" s="1" t="s">
        <v>59151</v>
      </c>
      <c r="I15831" s="1" t="s">
        <v>53800</v>
      </c>
      <c r="J15831" s="1" t="s">
        <v>59211</v>
      </c>
    </row>
    <row r="15832" spans="1:10" x14ac:dyDescent="0.35">
      <c r="A15832" s="1" t="s">
        <v>59148</v>
      </c>
      <c r="B15832" s="1" t="s">
        <v>53796</v>
      </c>
      <c r="C15832" s="1" t="s">
        <v>125</v>
      </c>
      <c r="D15832" s="1" t="s">
        <v>59212</v>
      </c>
      <c r="E15832" s="1" t="s">
        <v>21890</v>
      </c>
      <c r="F15832" s="1" t="s">
        <v>59213</v>
      </c>
      <c r="G15832" s="1" t="s">
        <v>59150</v>
      </c>
      <c r="H15832" s="1" t="s">
        <v>59151</v>
      </c>
      <c r="I15832" s="1" t="s">
        <v>53800</v>
      </c>
      <c r="J15832" s="1" t="s">
        <v>59214</v>
      </c>
    </row>
    <row r="15833" spans="1:10" x14ac:dyDescent="0.35">
      <c r="A15833" s="1" t="s">
        <v>59148</v>
      </c>
      <c r="B15833" s="1" t="s">
        <v>53796</v>
      </c>
      <c r="C15833" s="1" t="s">
        <v>130</v>
      </c>
      <c r="D15833" s="1" t="s">
        <v>59215</v>
      </c>
      <c r="E15833" s="1" t="s">
        <v>54070</v>
      </c>
      <c r="F15833" s="1" t="s">
        <v>59216</v>
      </c>
      <c r="G15833" s="1" t="s">
        <v>59150</v>
      </c>
      <c r="H15833" s="1" t="s">
        <v>59151</v>
      </c>
      <c r="I15833" s="1" t="s">
        <v>53800</v>
      </c>
      <c r="J15833" s="1" t="s">
        <v>59217</v>
      </c>
    </row>
    <row r="15834" spans="1:10" x14ac:dyDescent="0.35">
      <c r="A15834" s="1" t="s">
        <v>59148</v>
      </c>
      <c r="B15834" s="1" t="s">
        <v>53796</v>
      </c>
      <c r="C15834" s="1" t="s">
        <v>135</v>
      </c>
      <c r="D15834" s="1" t="s">
        <v>59218</v>
      </c>
      <c r="E15834" s="1" t="s">
        <v>56209</v>
      </c>
      <c r="F15834" s="1" t="s">
        <v>23477</v>
      </c>
      <c r="G15834" s="1" t="s">
        <v>59150</v>
      </c>
      <c r="H15834" s="1" t="s">
        <v>59151</v>
      </c>
      <c r="I15834" s="1" t="s">
        <v>53800</v>
      </c>
      <c r="J15834" s="1" t="s">
        <v>59219</v>
      </c>
    </row>
    <row r="15835" spans="1:10" x14ac:dyDescent="0.35">
      <c r="A15835" s="1" t="s">
        <v>59148</v>
      </c>
      <c r="B15835" s="1" t="s">
        <v>53796</v>
      </c>
      <c r="C15835" s="1" t="s">
        <v>140</v>
      </c>
      <c r="D15835" s="1" t="s">
        <v>21508</v>
      </c>
      <c r="E15835" s="1" t="s">
        <v>56990</v>
      </c>
      <c r="F15835" s="1" t="s">
        <v>59220</v>
      </c>
      <c r="G15835" s="1" t="s">
        <v>59150</v>
      </c>
      <c r="H15835" s="1" t="s">
        <v>59151</v>
      </c>
      <c r="I15835" s="1" t="s">
        <v>53800</v>
      </c>
      <c r="J15835" s="1" t="s">
        <v>59221</v>
      </c>
    </row>
    <row r="15836" spans="1:10" x14ac:dyDescent="0.35">
      <c r="A15836" s="1" t="s">
        <v>59148</v>
      </c>
      <c r="B15836" s="1" t="s">
        <v>53796</v>
      </c>
      <c r="C15836" s="1" t="s">
        <v>145</v>
      </c>
      <c r="D15836" s="1" t="s">
        <v>59222</v>
      </c>
      <c r="E15836" s="1" t="s">
        <v>59223</v>
      </c>
      <c r="F15836" s="1" t="s">
        <v>59224</v>
      </c>
      <c r="G15836" s="1" t="s">
        <v>59150</v>
      </c>
      <c r="H15836" s="1" t="s">
        <v>59151</v>
      </c>
      <c r="I15836" s="1" t="s">
        <v>53800</v>
      </c>
      <c r="J15836" s="1" t="s">
        <v>59225</v>
      </c>
    </row>
    <row r="15837" spans="1:10" x14ac:dyDescent="0.35">
      <c r="A15837" s="1" t="s">
        <v>59148</v>
      </c>
      <c r="B15837" s="1" t="s">
        <v>53796</v>
      </c>
      <c r="C15837" s="1" t="s">
        <v>150</v>
      </c>
      <c r="D15837" s="1" t="s">
        <v>59226</v>
      </c>
      <c r="E15837" s="1" t="s">
        <v>54783</v>
      </c>
      <c r="F15837" s="1" t="s">
        <v>59227</v>
      </c>
      <c r="G15837" s="1" t="s">
        <v>59150</v>
      </c>
      <c r="H15837" s="1" t="s">
        <v>59151</v>
      </c>
      <c r="I15837" s="1" t="s">
        <v>53800</v>
      </c>
      <c r="J15837" s="1" t="s">
        <v>59228</v>
      </c>
    </row>
    <row r="15838" spans="1:10" x14ac:dyDescent="0.35">
      <c r="A15838" s="1" t="s">
        <v>59148</v>
      </c>
      <c r="B15838" s="1" t="s">
        <v>53796</v>
      </c>
      <c r="C15838" s="1" t="s">
        <v>155</v>
      </c>
      <c r="D15838" s="1" t="s">
        <v>59229</v>
      </c>
      <c r="E15838" s="1" t="s">
        <v>12883</v>
      </c>
      <c r="F15838" s="1" t="s">
        <v>59230</v>
      </c>
      <c r="G15838" s="1" t="s">
        <v>59150</v>
      </c>
      <c r="H15838" s="1" t="s">
        <v>59151</v>
      </c>
      <c r="I15838" s="1" t="s">
        <v>53800</v>
      </c>
      <c r="J15838" s="1" t="s">
        <v>59231</v>
      </c>
    </row>
    <row r="15839" spans="1:10" x14ac:dyDescent="0.35">
      <c r="A15839" s="1" t="s">
        <v>59148</v>
      </c>
      <c r="B15839" s="1" t="s">
        <v>53796</v>
      </c>
      <c r="C15839" s="1" t="s">
        <v>160</v>
      </c>
      <c r="D15839" s="1" t="s">
        <v>59232</v>
      </c>
      <c r="E15839" s="1" t="s">
        <v>31394</v>
      </c>
      <c r="F15839" s="1" t="s">
        <v>59233</v>
      </c>
      <c r="G15839" s="1" t="s">
        <v>59150</v>
      </c>
      <c r="H15839" s="1" t="s">
        <v>59151</v>
      </c>
      <c r="I15839" s="1" t="s">
        <v>53800</v>
      </c>
      <c r="J15839" s="1" t="s">
        <v>59234</v>
      </c>
    </row>
    <row r="15840" spans="1:10" x14ac:dyDescent="0.35">
      <c r="A15840" s="1" t="s">
        <v>59148</v>
      </c>
      <c r="B15840" s="1" t="s">
        <v>53796</v>
      </c>
      <c r="C15840" s="1" t="s">
        <v>165</v>
      </c>
      <c r="D15840" s="1" t="s">
        <v>59235</v>
      </c>
      <c r="E15840" s="1" t="s">
        <v>56221</v>
      </c>
      <c r="F15840" s="1" t="s">
        <v>59236</v>
      </c>
      <c r="G15840" s="1" t="s">
        <v>59150</v>
      </c>
      <c r="H15840" s="1" t="s">
        <v>59151</v>
      </c>
      <c r="I15840" s="1" t="s">
        <v>53800</v>
      </c>
      <c r="J15840" s="1" t="s">
        <v>59237</v>
      </c>
    </row>
    <row r="15841" spans="1:10" x14ac:dyDescent="0.35">
      <c r="A15841" s="1" t="s">
        <v>59148</v>
      </c>
      <c r="B15841" s="1" t="s">
        <v>53796</v>
      </c>
      <c r="C15841" s="1" t="s">
        <v>170</v>
      </c>
      <c r="D15841" s="1" t="s">
        <v>59238</v>
      </c>
      <c r="E15841" s="1" t="s">
        <v>32317</v>
      </c>
      <c r="F15841" s="1" t="s">
        <v>59239</v>
      </c>
      <c r="G15841" s="1" t="s">
        <v>59150</v>
      </c>
      <c r="H15841" s="1" t="s">
        <v>59151</v>
      </c>
      <c r="I15841" s="1" t="s">
        <v>53800</v>
      </c>
      <c r="J15841" s="1" t="s">
        <v>59240</v>
      </c>
    </row>
    <row r="15842" spans="1:10" x14ac:dyDescent="0.35">
      <c r="A15842" s="1" t="s">
        <v>59241</v>
      </c>
      <c r="B15842" s="1" t="s">
        <v>53796</v>
      </c>
      <c r="C15842" s="1" t="s">
        <v>8</v>
      </c>
      <c r="D15842" s="1" t="s">
        <v>16830</v>
      </c>
      <c r="E15842" s="1" t="s">
        <v>58063</v>
      </c>
      <c r="F15842" s="1" t="s">
        <v>59242</v>
      </c>
      <c r="G15842" s="1" t="s">
        <v>59243</v>
      </c>
      <c r="H15842" s="1" t="s">
        <v>59244</v>
      </c>
      <c r="I15842" s="1" t="s">
        <v>53800</v>
      </c>
      <c r="J15842" s="1" t="s">
        <v>13</v>
      </c>
    </row>
    <row r="15843" spans="1:10" x14ac:dyDescent="0.35">
      <c r="A15843" s="1" t="s">
        <v>59241</v>
      </c>
      <c r="B15843" s="1" t="s">
        <v>53796</v>
      </c>
      <c r="C15843" s="1" t="s">
        <v>15</v>
      </c>
      <c r="D15843" s="1" t="s">
        <v>59245</v>
      </c>
      <c r="E15843" s="1" t="s">
        <v>21917</v>
      </c>
      <c r="F15843" s="1" t="s">
        <v>59246</v>
      </c>
      <c r="G15843" s="1" t="s">
        <v>59243</v>
      </c>
      <c r="H15843" s="1" t="s">
        <v>59244</v>
      </c>
      <c r="I15843" s="1" t="s">
        <v>53800</v>
      </c>
      <c r="J15843" s="1" t="s">
        <v>59247</v>
      </c>
    </row>
    <row r="15844" spans="1:10" x14ac:dyDescent="0.35">
      <c r="A15844" s="1" t="s">
        <v>59241</v>
      </c>
      <c r="B15844" s="1" t="s">
        <v>53796</v>
      </c>
      <c r="C15844" s="1" t="s">
        <v>20</v>
      </c>
      <c r="D15844" s="1" t="s">
        <v>59248</v>
      </c>
      <c r="E15844" s="1" t="s">
        <v>59249</v>
      </c>
      <c r="F15844" s="1" t="s">
        <v>59250</v>
      </c>
      <c r="G15844" s="1" t="s">
        <v>59243</v>
      </c>
      <c r="H15844" s="1" t="s">
        <v>59244</v>
      </c>
      <c r="I15844" s="1" t="s">
        <v>53800</v>
      </c>
      <c r="J15844" s="1" t="s">
        <v>59251</v>
      </c>
    </row>
    <row r="15845" spans="1:10" x14ac:dyDescent="0.35">
      <c r="A15845" s="1" t="s">
        <v>59241</v>
      </c>
      <c r="B15845" s="1" t="s">
        <v>53796</v>
      </c>
      <c r="C15845" s="1" t="s">
        <v>25</v>
      </c>
      <c r="D15845" s="1" t="s">
        <v>59252</v>
      </c>
      <c r="E15845" s="1" t="s">
        <v>58349</v>
      </c>
      <c r="F15845" s="1" t="s">
        <v>59253</v>
      </c>
      <c r="G15845" s="1" t="s">
        <v>59243</v>
      </c>
      <c r="H15845" s="1" t="s">
        <v>59244</v>
      </c>
      <c r="I15845" s="1" t="s">
        <v>53800</v>
      </c>
      <c r="J15845" s="1" t="s">
        <v>59254</v>
      </c>
    </row>
    <row r="15846" spans="1:10" x14ac:dyDescent="0.35">
      <c r="A15846" s="1" t="s">
        <v>59241</v>
      </c>
      <c r="B15846" s="1" t="s">
        <v>53796</v>
      </c>
      <c r="C15846" s="1" t="s">
        <v>30</v>
      </c>
      <c r="D15846" s="1" t="s">
        <v>59255</v>
      </c>
      <c r="E15846" s="1" t="s">
        <v>53969</v>
      </c>
      <c r="F15846" s="1" t="s">
        <v>59256</v>
      </c>
      <c r="G15846" s="1" t="s">
        <v>59243</v>
      </c>
      <c r="H15846" s="1" t="s">
        <v>59244</v>
      </c>
      <c r="I15846" s="1" t="s">
        <v>53800</v>
      </c>
      <c r="J15846" s="1" t="s">
        <v>59257</v>
      </c>
    </row>
    <row r="15847" spans="1:10" x14ac:dyDescent="0.35">
      <c r="A15847" s="1" t="s">
        <v>59241</v>
      </c>
      <c r="B15847" s="1" t="s">
        <v>53796</v>
      </c>
      <c r="C15847" s="1" t="s">
        <v>35</v>
      </c>
      <c r="D15847" s="1" t="s">
        <v>59258</v>
      </c>
      <c r="E15847" s="1" t="s">
        <v>57245</v>
      </c>
      <c r="F15847" s="1" t="s">
        <v>59259</v>
      </c>
      <c r="G15847" s="1" t="s">
        <v>59243</v>
      </c>
      <c r="H15847" s="1" t="s">
        <v>59244</v>
      </c>
      <c r="I15847" s="1" t="s">
        <v>53800</v>
      </c>
      <c r="J15847" s="1" t="s">
        <v>59260</v>
      </c>
    </row>
    <row r="15848" spans="1:10" x14ac:dyDescent="0.35">
      <c r="A15848" s="1" t="s">
        <v>59241</v>
      </c>
      <c r="B15848" s="1" t="s">
        <v>53796</v>
      </c>
      <c r="C15848" s="1" t="s">
        <v>40</v>
      </c>
      <c r="D15848" s="1" t="s">
        <v>59261</v>
      </c>
      <c r="E15848" s="1" t="s">
        <v>22978</v>
      </c>
      <c r="F15848" s="1" t="s">
        <v>59262</v>
      </c>
      <c r="G15848" s="1" t="s">
        <v>59243</v>
      </c>
      <c r="H15848" s="1" t="s">
        <v>59244</v>
      </c>
      <c r="I15848" s="1" t="s">
        <v>53800</v>
      </c>
      <c r="J15848" s="1" t="s">
        <v>59263</v>
      </c>
    </row>
    <row r="15849" spans="1:10" x14ac:dyDescent="0.35">
      <c r="A15849" s="1" t="s">
        <v>59241</v>
      </c>
      <c r="B15849" s="1" t="s">
        <v>53796</v>
      </c>
      <c r="C15849" s="1" t="s">
        <v>45</v>
      </c>
      <c r="D15849" s="1" t="s">
        <v>59264</v>
      </c>
      <c r="E15849" s="1" t="s">
        <v>55586</v>
      </c>
      <c r="F15849" s="1" t="s">
        <v>59265</v>
      </c>
      <c r="G15849" s="1" t="s">
        <v>59243</v>
      </c>
      <c r="H15849" s="1" t="s">
        <v>59244</v>
      </c>
      <c r="I15849" s="1" t="s">
        <v>53800</v>
      </c>
      <c r="J15849" s="1" t="s">
        <v>59266</v>
      </c>
    </row>
    <row r="15850" spans="1:10" x14ac:dyDescent="0.35">
      <c r="A15850" s="1" t="s">
        <v>59241</v>
      </c>
      <c r="B15850" s="1" t="s">
        <v>53796</v>
      </c>
      <c r="C15850" s="1" t="s">
        <v>50</v>
      </c>
      <c r="D15850" s="1" t="s">
        <v>59267</v>
      </c>
      <c r="E15850" s="1" t="s">
        <v>55234</v>
      </c>
      <c r="F15850" s="1" t="s">
        <v>59268</v>
      </c>
      <c r="G15850" s="1" t="s">
        <v>59243</v>
      </c>
      <c r="H15850" s="1" t="s">
        <v>59244</v>
      </c>
      <c r="I15850" s="1" t="s">
        <v>53800</v>
      </c>
      <c r="J15850" s="1" t="s">
        <v>59269</v>
      </c>
    </row>
    <row r="15851" spans="1:10" x14ac:dyDescent="0.35">
      <c r="A15851" s="1" t="s">
        <v>59241</v>
      </c>
      <c r="B15851" s="1" t="s">
        <v>53796</v>
      </c>
      <c r="C15851" s="1" t="s">
        <v>55</v>
      </c>
      <c r="D15851" s="1" t="s">
        <v>59270</v>
      </c>
      <c r="E15851" s="1" t="s">
        <v>15340</v>
      </c>
      <c r="F15851" s="1" t="s">
        <v>59271</v>
      </c>
      <c r="G15851" s="1" t="s">
        <v>59243</v>
      </c>
      <c r="H15851" s="1" t="s">
        <v>59244</v>
      </c>
      <c r="I15851" s="1" t="s">
        <v>53800</v>
      </c>
      <c r="J15851" s="1" t="s">
        <v>59272</v>
      </c>
    </row>
    <row r="15852" spans="1:10" x14ac:dyDescent="0.35">
      <c r="A15852" s="1" t="s">
        <v>59241</v>
      </c>
      <c r="B15852" s="1" t="s">
        <v>53796</v>
      </c>
      <c r="C15852" s="1" t="s">
        <v>60</v>
      </c>
      <c r="D15852" s="1" t="s">
        <v>52857</v>
      </c>
      <c r="E15852" s="1" t="s">
        <v>21985</v>
      </c>
      <c r="F15852" s="1" t="s">
        <v>59273</v>
      </c>
      <c r="G15852" s="1" t="s">
        <v>59243</v>
      </c>
      <c r="H15852" s="1" t="s">
        <v>59244</v>
      </c>
      <c r="I15852" s="1" t="s">
        <v>53800</v>
      </c>
      <c r="J15852" s="1" t="s">
        <v>59274</v>
      </c>
    </row>
    <row r="15853" spans="1:10" x14ac:dyDescent="0.35">
      <c r="A15853" s="1" t="s">
        <v>59241</v>
      </c>
      <c r="B15853" s="1" t="s">
        <v>53796</v>
      </c>
      <c r="C15853" s="1" t="s">
        <v>65</v>
      </c>
      <c r="D15853" s="1" t="s">
        <v>59275</v>
      </c>
      <c r="E15853" s="1" t="s">
        <v>57638</v>
      </c>
      <c r="F15853" s="1" t="s">
        <v>59276</v>
      </c>
      <c r="G15853" s="1" t="s">
        <v>59243</v>
      </c>
      <c r="H15853" s="1" t="s">
        <v>59244</v>
      </c>
      <c r="I15853" s="1" t="s">
        <v>53800</v>
      </c>
      <c r="J15853" s="1" t="s">
        <v>59277</v>
      </c>
    </row>
    <row r="15854" spans="1:10" x14ac:dyDescent="0.35">
      <c r="A15854" s="1" t="s">
        <v>59241</v>
      </c>
      <c r="B15854" s="1" t="s">
        <v>53796</v>
      </c>
      <c r="C15854" s="1" t="s">
        <v>70</v>
      </c>
      <c r="D15854" s="1" t="s">
        <v>59278</v>
      </c>
      <c r="E15854" s="1" t="s">
        <v>55315</v>
      </c>
      <c r="F15854" s="1" t="s">
        <v>59279</v>
      </c>
      <c r="G15854" s="1" t="s">
        <v>59243</v>
      </c>
      <c r="H15854" s="1" t="s">
        <v>59244</v>
      </c>
      <c r="I15854" s="1" t="s">
        <v>53800</v>
      </c>
      <c r="J15854" s="1" t="s">
        <v>59280</v>
      </c>
    </row>
    <row r="15855" spans="1:10" x14ac:dyDescent="0.35">
      <c r="A15855" s="1" t="s">
        <v>59241</v>
      </c>
      <c r="B15855" s="1" t="s">
        <v>53796</v>
      </c>
      <c r="C15855" s="1" t="s">
        <v>75</v>
      </c>
      <c r="D15855" s="1" t="s">
        <v>59281</v>
      </c>
      <c r="E15855" s="1" t="s">
        <v>54059</v>
      </c>
      <c r="F15855" s="1" t="s">
        <v>59282</v>
      </c>
      <c r="G15855" s="1" t="s">
        <v>59243</v>
      </c>
      <c r="H15855" s="1" t="s">
        <v>59244</v>
      </c>
      <c r="I15855" s="1" t="s">
        <v>53800</v>
      </c>
      <c r="J15855" s="1" t="s">
        <v>59283</v>
      </c>
    </row>
    <row r="15856" spans="1:10" x14ac:dyDescent="0.35">
      <c r="A15856" s="1" t="s">
        <v>59241</v>
      </c>
      <c r="B15856" s="1" t="s">
        <v>53796</v>
      </c>
      <c r="C15856" s="1" t="s">
        <v>80</v>
      </c>
      <c r="D15856" s="1" t="s">
        <v>59284</v>
      </c>
      <c r="E15856" s="1" t="s">
        <v>21753</v>
      </c>
      <c r="F15856" s="1" t="s">
        <v>59285</v>
      </c>
      <c r="G15856" s="1" t="s">
        <v>59243</v>
      </c>
      <c r="H15856" s="1" t="s">
        <v>59244</v>
      </c>
      <c r="I15856" s="1" t="s">
        <v>53800</v>
      </c>
      <c r="J15856" s="1" t="s">
        <v>59286</v>
      </c>
    </row>
    <row r="15857" spans="1:10" x14ac:dyDescent="0.35">
      <c r="A15857" s="1" t="s">
        <v>59241</v>
      </c>
      <c r="B15857" s="1" t="s">
        <v>53796</v>
      </c>
      <c r="C15857" s="1" t="s">
        <v>85</v>
      </c>
      <c r="D15857" s="1" t="s">
        <v>59287</v>
      </c>
      <c r="E15857" s="1" t="s">
        <v>56190</v>
      </c>
      <c r="F15857" s="1" t="s">
        <v>59288</v>
      </c>
      <c r="G15857" s="1" t="s">
        <v>59243</v>
      </c>
      <c r="H15857" s="1" t="s">
        <v>59244</v>
      </c>
      <c r="I15857" s="1" t="s">
        <v>53800</v>
      </c>
      <c r="J15857" s="1" t="s">
        <v>59289</v>
      </c>
    </row>
    <row r="15858" spans="1:10" x14ac:dyDescent="0.35">
      <c r="A15858" s="1" t="s">
        <v>59241</v>
      </c>
      <c r="B15858" s="1" t="s">
        <v>53796</v>
      </c>
      <c r="C15858" s="1" t="s">
        <v>90</v>
      </c>
      <c r="D15858" s="1" t="s">
        <v>59290</v>
      </c>
      <c r="E15858" s="1" t="s">
        <v>15289</v>
      </c>
      <c r="F15858" s="1" t="s">
        <v>59291</v>
      </c>
      <c r="G15858" s="1" t="s">
        <v>59243</v>
      </c>
      <c r="H15858" s="1" t="s">
        <v>59244</v>
      </c>
      <c r="I15858" s="1" t="s">
        <v>53800</v>
      </c>
      <c r="J15858" s="1" t="s">
        <v>59292</v>
      </c>
    </row>
    <row r="15859" spans="1:10" x14ac:dyDescent="0.35">
      <c r="A15859" s="1" t="s">
        <v>59241</v>
      </c>
      <c r="B15859" s="1" t="s">
        <v>53796</v>
      </c>
      <c r="C15859" s="1" t="s">
        <v>95</v>
      </c>
      <c r="D15859" s="1" t="s">
        <v>59293</v>
      </c>
      <c r="E15859" s="1" t="s">
        <v>23413</v>
      </c>
      <c r="F15859" s="1" t="s">
        <v>59294</v>
      </c>
      <c r="G15859" s="1" t="s">
        <v>59243</v>
      </c>
      <c r="H15859" s="1" t="s">
        <v>59244</v>
      </c>
      <c r="I15859" s="1" t="s">
        <v>53800</v>
      </c>
      <c r="J15859" s="1" t="s">
        <v>59295</v>
      </c>
    </row>
    <row r="15860" spans="1:10" x14ac:dyDescent="0.35">
      <c r="A15860" s="1" t="s">
        <v>59241</v>
      </c>
      <c r="B15860" s="1" t="s">
        <v>53796</v>
      </c>
      <c r="C15860" s="1" t="s">
        <v>100</v>
      </c>
      <c r="D15860" s="1" t="s">
        <v>59296</v>
      </c>
      <c r="E15860" s="1" t="s">
        <v>54751</v>
      </c>
      <c r="F15860" s="1" t="s">
        <v>59297</v>
      </c>
      <c r="G15860" s="1" t="s">
        <v>59243</v>
      </c>
      <c r="H15860" s="1" t="s">
        <v>59244</v>
      </c>
      <c r="I15860" s="1" t="s">
        <v>53800</v>
      </c>
      <c r="J15860" s="1" t="s">
        <v>59298</v>
      </c>
    </row>
    <row r="15861" spans="1:10" x14ac:dyDescent="0.35">
      <c r="A15861" s="1" t="s">
        <v>59241</v>
      </c>
      <c r="B15861" s="1" t="s">
        <v>53796</v>
      </c>
      <c r="C15861" s="1" t="s">
        <v>105</v>
      </c>
      <c r="D15861" s="1" t="s">
        <v>59299</v>
      </c>
      <c r="E15861" s="1" t="s">
        <v>12849</v>
      </c>
      <c r="F15861" s="1" t="s">
        <v>56295</v>
      </c>
      <c r="G15861" s="1" t="s">
        <v>59243</v>
      </c>
      <c r="H15861" s="1" t="s">
        <v>59244</v>
      </c>
      <c r="I15861" s="1" t="s">
        <v>53800</v>
      </c>
      <c r="J15861" s="1" t="s">
        <v>59300</v>
      </c>
    </row>
    <row r="15862" spans="1:10" x14ac:dyDescent="0.35">
      <c r="A15862" s="1" t="s">
        <v>59241</v>
      </c>
      <c r="B15862" s="1" t="s">
        <v>53796</v>
      </c>
      <c r="C15862" s="1" t="s">
        <v>110</v>
      </c>
      <c r="D15862" s="1" t="s">
        <v>22258</v>
      </c>
      <c r="E15862" s="1" t="s">
        <v>21117</v>
      </c>
      <c r="F15862" s="1" t="s">
        <v>59301</v>
      </c>
      <c r="G15862" s="1" t="s">
        <v>59243</v>
      </c>
      <c r="H15862" s="1" t="s">
        <v>59244</v>
      </c>
      <c r="I15862" s="1" t="s">
        <v>53800</v>
      </c>
      <c r="J15862" s="1" t="s">
        <v>59302</v>
      </c>
    </row>
    <row r="15863" spans="1:10" x14ac:dyDescent="0.35">
      <c r="A15863" s="1" t="s">
        <v>59241</v>
      </c>
      <c r="B15863" s="1" t="s">
        <v>53796</v>
      </c>
      <c r="C15863" s="1" t="s">
        <v>115</v>
      </c>
      <c r="D15863" s="1" t="s">
        <v>59303</v>
      </c>
      <c r="E15863" s="1" t="s">
        <v>56202</v>
      </c>
      <c r="F15863" s="1" t="s">
        <v>59304</v>
      </c>
      <c r="G15863" s="1" t="s">
        <v>59243</v>
      </c>
      <c r="H15863" s="1" t="s">
        <v>59244</v>
      </c>
      <c r="I15863" s="1" t="s">
        <v>53800</v>
      </c>
      <c r="J15863" s="1" t="s">
        <v>59305</v>
      </c>
    </row>
    <row r="15864" spans="1:10" x14ac:dyDescent="0.35">
      <c r="A15864" s="1" t="s">
        <v>59241</v>
      </c>
      <c r="B15864" s="1" t="s">
        <v>53796</v>
      </c>
      <c r="C15864" s="1" t="s">
        <v>120</v>
      </c>
      <c r="D15864" s="1" t="s">
        <v>59306</v>
      </c>
      <c r="E15864" s="1" t="s">
        <v>24377</v>
      </c>
      <c r="F15864" s="1" t="s">
        <v>59307</v>
      </c>
      <c r="G15864" s="1" t="s">
        <v>59243</v>
      </c>
      <c r="H15864" s="1" t="s">
        <v>59244</v>
      </c>
      <c r="I15864" s="1" t="s">
        <v>53800</v>
      </c>
      <c r="J15864" s="1" t="s">
        <v>59308</v>
      </c>
    </row>
    <row r="15865" spans="1:10" x14ac:dyDescent="0.35">
      <c r="A15865" s="1" t="s">
        <v>59241</v>
      </c>
      <c r="B15865" s="1" t="s">
        <v>53796</v>
      </c>
      <c r="C15865" s="1" t="s">
        <v>125</v>
      </c>
      <c r="D15865" s="1" t="s">
        <v>59309</v>
      </c>
      <c r="E15865" s="1" t="s">
        <v>54482</v>
      </c>
      <c r="F15865" s="1" t="s">
        <v>59310</v>
      </c>
      <c r="G15865" s="1" t="s">
        <v>59243</v>
      </c>
      <c r="H15865" s="1" t="s">
        <v>59244</v>
      </c>
      <c r="I15865" s="1" t="s">
        <v>53800</v>
      </c>
      <c r="J15865" s="1" t="s">
        <v>59311</v>
      </c>
    </row>
    <row r="15866" spans="1:10" x14ac:dyDescent="0.35">
      <c r="A15866" s="1" t="s">
        <v>59241</v>
      </c>
      <c r="B15866" s="1" t="s">
        <v>53796</v>
      </c>
      <c r="C15866" s="1" t="s">
        <v>130</v>
      </c>
      <c r="D15866" s="1" t="s">
        <v>59312</v>
      </c>
      <c r="E15866" s="1" t="s">
        <v>59099</v>
      </c>
      <c r="F15866" s="1" t="s">
        <v>59313</v>
      </c>
      <c r="G15866" s="1" t="s">
        <v>59243</v>
      </c>
      <c r="H15866" s="1" t="s">
        <v>59244</v>
      </c>
      <c r="I15866" s="1" t="s">
        <v>53800</v>
      </c>
      <c r="J15866" s="1" t="s">
        <v>59314</v>
      </c>
    </row>
    <row r="15867" spans="1:10" x14ac:dyDescent="0.35">
      <c r="A15867" s="1" t="s">
        <v>59241</v>
      </c>
      <c r="B15867" s="1" t="s">
        <v>53796</v>
      </c>
      <c r="C15867" s="1" t="s">
        <v>135</v>
      </c>
      <c r="D15867" s="1" t="s">
        <v>59315</v>
      </c>
      <c r="E15867" s="1" t="s">
        <v>31435</v>
      </c>
      <c r="F15867" s="1" t="s">
        <v>59316</v>
      </c>
      <c r="G15867" s="1" t="s">
        <v>59243</v>
      </c>
      <c r="H15867" s="1" t="s">
        <v>59244</v>
      </c>
      <c r="I15867" s="1" t="s">
        <v>53800</v>
      </c>
      <c r="J15867" s="1" t="s">
        <v>59317</v>
      </c>
    </row>
    <row r="15868" spans="1:10" x14ac:dyDescent="0.35">
      <c r="A15868" s="1" t="s">
        <v>59241</v>
      </c>
      <c r="B15868" s="1" t="s">
        <v>53796</v>
      </c>
      <c r="C15868" s="1" t="s">
        <v>140</v>
      </c>
      <c r="D15868" s="1" t="s">
        <v>59318</v>
      </c>
      <c r="E15868" s="1" t="s">
        <v>59319</v>
      </c>
      <c r="F15868" s="1" t="s">
        <v>59320</v>
      </c>
      <c r="G15868" s="1" t="s">
        <v>59243</v>
      </c>
      <c r="H15868" s="1" t="s">
        <v>59244</v>
      </c>
      <c r="I15868" s="1" t="s">
        <v>53800</v>
      </c>
      <c r="J15868" s="1" t="s">
        <v>59321</v>
      </c>
    </row>
    <row r="15869" spans="1:10" x14ac:dyDescent="0.35">
      <c r="A15869" s="1" t="s">
        <v>59241</v>
      </c>
      <c r="B15869" s="1" t="s">
        <v>53796</v>
      </c>
      <c r="C15869" s="1" t="s">
        <v>145</v>
      </c>
      <c r="D15869" s="1" t="s">
        <v>59322</v>
      </c>
      <c r="E15869" s="1" t="s">
        <v>59323</v>
      </c>
      <c r="F15869" s="1" t="s">
        <v>59324</v>
      </c>
      <c r="G15869" s="1" t="s">
        <v>59243</v>
      </c>
      <c r="H15869" s="1" t="s">
        <v>59244</v>
      </c>
      <c r="I15869" s="1" t="s">
        <v>53800</v>
      </c>
      <c r="J15869" s="1" t="s">
        <v>59325</v>
      </c>
    </row>
    <row r="15870" spans="1:10" x14ac:dyDescent="0.35">
      <c r="A15870" s="1" t="s">
        <v>59241</v>
      </c>
      <c r="B15870" s="1" t="s">
        <v>53796</v>
      </c>
      <c r="C15870" s="1" t="s">
        <v>150</v>
      </c>
      <c r="D15870" s="1" t="s">
        <v>59326</v>
      </c>
      <c r="E15870" s="1" t="s">
        <v>15263</v>
      </c>
      <c r="F15870" s="1" t="s">
        <v>59327</v>
      </c>
      <c r="G15870" s="1" t="s">
        <v>59243</v>
      </c>
      <c r="H15870" s="1" t="s">
        <v>59244</v>
      </c>
      <c r="I15870" s="1" t="s">
        <v>53800</v>
      </c>
      <c r="J15870" s="1" t="s">
        <v>59328</v>
      </c>
    </row>
    <row r="15871" spans="1:10" x14ac:dyDescent="0.35">
      <c r="A15871" s="1" t="s">
        <v>59241</v>
      </c>
      <c r="B15871" s="1" t="s">
        <v>53796</v>
      </c>
      <c r="C15871" s="1" t="s">
        <v>155</v>
      </c>
      <c r="D15871" s="1" t="s">
        <v>59329</v>
      </c>
      <c r="E15871" s="1" t="s">
        <v>26474</v>
      </c>
      <c r="F15871" s="1" t="s">
        <v>59330</v>
      </c>
      <c r="G15871" s="1" t="s">
        <v>59243</v>
      </c>
      <c r="H15871" s="1" t="s">
        <v>59244</v>
      </c>
      <c r="I15871" s="1" t="s">
        <v>53800</v>
      </c>
      <c r="J15871" s="1" t="s">
        <v>59331</v>
      </c>
    </row>
    <row r="15872" spans="1:10" x14ac:dyDescent="0.35">
      <c r="A15872" s="1" t="s">
        <v>59241</v>
      </c>
      <c r="B15872" s="1" t="s">
        <v>53796</v>
      </c>
      <c r="C15872" s="1" t="s">
        <v>160</v>
      </c>
      <c r="D15872" s="1" t="s">
        <v>59332</v>
      </c>
      <c r="E15872" s="1" t="s">
        <v>56134</v>
      </c>
      <c r="F15872" s="1" t="s">
        <v>59333</v>
      </c>
      <c r="G15872" s="1" t="s">
        <v>59243</v>
      </c>
      <c r="H15872" s="1" t="s">
        <v>59244</v>
      </c>
      <c r="I15872" s="1" t="s">
        <v>53800</v>
      </c>
      <c r="J15872" s="1" t="s">
        <v>59334</v>
      </c>
    </row>
    <row r="15873" spans="1:10" x14ac:dyDescent="0.35">
      <c r="A15873" s="1" t="s">
        <v>59241</v>
      </c>
      <c r="B15873" s="1" t="s">
        <v>53796</v>
      </c>
      <c r="C15873" s="1" t="s">
        <v>165</v>
      </c>
      <c r="D15873" s="1" t="s">
        <v>57511</v>
      </c>
      <c r="E15873" s="1" t="s">
        <v>59335</v>
      </c>
      <c r="F15873" s="1" t="s">
        <v>59336</v>
      </c>
      <c r="G15873" s="1" t="s">
        <v>59243</v>
      </c>
      <c r="H15873" s="1" t="s">
        <v>59244</v>
      </c>
      <c r="I15873" s="1" t="s">
        <v>53800</v>
      </c>
      <c r="J15873" s="1" t="s">
        <v>59337</v>
      </c>
    </row>
    <row r="15874" spans="1:10" x14ac:dyDescent="0.35">
      <c r="A15874" s="1" t="s">
        <v>59241</v>
      </c>
      <c r="B15874" s="1" t="s">
        <v>53796</v>
      </c>
      <c r="C15874" s="1" t="s">
        <v>170</v>
      </c>
      <c r="D15874" s="1" t="s">
        <v>59338</v>
      </c>
      <c r="E15874" s="1" t="s">
        <v>59099</v>
      </c>
      <c r="F15874" s="1" t="s">
        <v>59339</v>
      </c>
      <c r="G15874" s="1" t="s">
        <v>59243</v>
      </c>
      <c r="H15874" s="1" t="s">
        <v>59244</v>
      </c>
      <c r="I15874" s="1" t="s">
        <v>53800</v>
      </c>
      <c r="J15874" s="1" t="s">
        <v>59340</v>
      </c>
    </row>
    <row r="15875" spans="1:10" x14ac:dyDescent="0.35">
      <c r="A15875" s="1" t="s">
        <v>59341</v>
      </c>
      <c r="B15875" s="1" t="s">
        <v>53796</v>
      </c>
      <c r="C15875" s="1" t="s">
        <v>8</v>
      </c>
      <c r="D15875" s="1" t="s">
        <v>59342</v>
      </c>
      <c r="E15875" s="1" t="s">
        <v>59343</v>
      </c>
      <c r="F15875" s="1" t="s">
        <v>59344</v>
      </c>
      <c r="G15875" s="1" t="s">
        <v>59345</v>
      </c>
      <c r="H15875" s="1" t="s">
        <v>59346</v>
      </c>
      <c r="I15875" s="1" t="s">
        <v>53800</v>
      </c>
      <c r="J15875" s="1" t="s">
        <v>13</v>
      </c>
    </row>
    <row r="15876" spans="1:10" x14ac:dyDescent="0.35">
      <c r="A15876" s="1" t="s">
        <v>59341</v>
      </c>
      <c r="B15876" s="1" t="s">
        <v>53796</v>
      </c>
      <c r="C15876" s="1" t="s">
        <v>15</v>
      </c>
      <c r="D15876" s="1" t="s">
        <v>42294</v>
      </c>
      <c r="E15876" s="1" t="s">
        <v>59347</v>
      </c>
      <c r="F15876" s="1" t="s">
        <v>59348</v>
      </c>
      <c r="G15876" s="1" t="s">
        <v>59345</v>
      </c>
      <c r="H15876" s="1" t="s">
        <v>59346</v>
      </c>
      <c r="I15876" s="1" t="s">
        <v>53800</v>
      </c>
      <c r="J15876" s="1" t="s">
        <v>59349</v>
      </c>
    </row>
    <row r="15877" spans="1:10" x14ac:dyDescent="0.35">
      <c r="A15877" s="1" t="s">
        <v>59341</v>
      </c>
      <c r="B15877" s="1" t="s">
        <v>53796</v>
      </c>
      <c r="C15877" s="1" t="s">
        <v>20</v>
      </c>
      <c r="D15877" s="1" t="s">
        <v>59350</v>
      </c>
      <c r="E15877" s="1" t="s">
        <v>59351</v>
      </c>
      <c r="F15877" s="1" t="s">
        <v>59352</v>
      </c>
      <c r="G15877" s="1" t="s">
        <v>59345</v>
      </c>
      <c r="H15877" s="1" t="s">
        <v>59346</v>
      </c>
      <c r="I15877" s="1" t="s">
        <v>53800</v>
      </c>
      <c r="J15877" s="1" t="s">
        <v>59353</v>
      </c>
    </row>
    <row r="15878" spans="1:10" x14ac:dyDescent="0.35">
      <c r="A15878" s="1" t="s">
        <v>59341</v>
      </c>
      <c r="B15878" s="1" t="s">
        <v>53796</v>
      </c>
      <c r="C15878" s="1" t="s">
        <v>25</v>
      </c>
      <c r="D15878" s="1" t="s">
        <v>59354</v>
      </c>
      <c r="E15878" s="1" t="s">
        <v>59355</v>
      </c>
      <c r="F15878" s="1" t="s">
        <v>59356</v>
      </c>
      <c r="G15878" s="1" t="s">
        <v>59345</v>
      </c>
      <c r="H15878" s="1" t="s">
        <v>59346</v>
      </c>
      <c r="I15878" s="1" t="s">
        <v>53800</v>
      </c>
      <c r="J15878" s="1" t="s">
        <v>59357</v>
      </c>
    </row>
    <row r="15879" spans="1:10" x14ac:dyDescent="0.35">
      <c r="A15879" s="1" t="s">
        <v>59341</v>
      </c>
      <c r="B15879" s="1" t="s">
        <v>53796</v>
      </c>
      <c r="C15879" s="1" t="s">
        <v>30</v>
      </c>
      <c r="D15879" s="1" t="s">
        <v>59358</v>
      </c>
      <c r="E15879" s="1" t="s">
        <v>59359</v>
      </c>
      <c r="F15879" s="1" t="s">
        <v>59360</v>
      </c>
      <c r="G15879" s="1" t="s">
        <v>59345</v>
      </c>
      <c r="H15879" s="1" t="s">
        <v>59346</v>
      </c>
      <c r="I15879" s="1" t="s">
        <v>53800</v>
      </c>
      <c r="J15879" s="1" t="s">
        <v>59361</v>
      </c>
    </row>
    <row r="15880" spans="1:10" x14ac:dyDescent="0.35">
      <c r="A15880" s="1" t="s">
        <v>59341</v>
      </c>
      <c r="B15880" s="1" t="s">
        <v>53796</v>
      </c>
      <c r="C15880" s="1" t="s">
        <v>35</v>
      </c>
      <c r="D15880" s="1" t="s">
        <v>52845</v>
      </c>
      <c r="E15880" s="1" t="s">
        <v>59362</v>
      </c>
      <c r="F15880" s="1" t="s">
        <v>59363</v>
      </c>
      <c r="G15880" s="1" t="s">
        <v>59345</v>
      </c>
      <c r="H15880" s="1" t="s">
        <v>59346</v>
      </c>
      <c r="I15880" s="1" t="s">
        <v>53800</v>
      </c>
      <c r="J15880" s="1" t="s">
        <v>59364</v>
      </c>
    </row>
    <row r="15881" spans="1:10" x14ac:dyDescent="0.35">
      <c r="A15881" s="1" t="s">
        <v>59341</v>
      </c>
      <c r="B15881" s="1" t="s">
        <v>53796</v>
      </c>
      <c r="C15881" s="1" t="s">
        <v>40</v>
      </c>
      <c r="D15881" s="1" t="s">
        <v>59365</v>
      </c>
      <c r="E15881" s="1" t="s">
        <v>59366</v>
      </c>
      <c r="F15881" s="1" t="s">
        <v>59367</v>
      </c>
      <c r="G15881" s="1" t="s">
        <v>59345</v>
      </c>
      <c r="H15881" s="1" t="s">
        <v>59346</v>
      </c>
      <c r="I15881" s="1" t="s">
        <v>53800</v>
      </c>
      <c r="J15881" s="1" t="s">
        <v>59368</v>
      </c>
    </row>
    <row r="15882" spans="1:10" x14ac:dyDescent="0.35">
      <c r="A15882" s="1" t="s">
        <v>59341</v>
      </c>
      <c r="B15882" s="1" t="s">
        <v>53796</v>
      </c>
      <c r="C15882" s="1" t="s">
        <v>45</v>
      </c>
      <c r="D15882" s="1" t="s">
        <v>59369</v>
      </c>
      <c r="E15882" s="1" t="s">
        <v>59370</v>
      </c>
      <c r="F15882" s="1" t="s">
        <v>59371</v>
      </c>
      <c r="G15882" s="1" t="s">
        <v>59345</v>
      </c>
      <c r="H15882" s="1" t="s">
        <v>59346</v>
      </c>
      <c r="I15882" s="1" t="s">
        <v>53800</v>
      </c>
      <c r="J15882" s="1" t="s">
        <v>59372</v>
      </c>
    </row>
    <row r="15883" spans="1:10" x14ac:dyDescent="0.35">
      <c r="A15883" s="1" t="s">
        <v>59341</v>
      </c>
      <c r="B15883" s="1" t="s">
        <v>53796</v>
      </c>
      <c r="C15883" s="1" t="s">
        <v>50</v>
      </c>
      <c r="D15883" s="1" t="s">
        <v>59373</v>
      </c>
      <c r="E15883" s="1" t="s">
        <v>59374</v>
      </c>
      <c r="F15883" s="1" t="s">
        <v>59375</v>
      </c>
      <c r="G15883" s="1" t="s">
        <v>59345</v>
      </c>
      <c r="H15883" s="1" t="s">
        <v>59346</v>
      </c>
      <c r="I15883" s="1" t="s">
        <v>53800</v>
      </c>
      <c r="J15883" s="1" t="s">
        <v>10546</v>
      </c>
    </row>
    <row r="15884" spans="1:10" x14ac:dyDescent="0.35">
      <c r="A15884" s="1" t="s">
        <v>59341</v>
      </c>
      <c r="B15884" s="1" t="s">
        <v>53796</v>
      </c>
      <c r="C15884" s="1" t="s">
        <v>55</v>
      </c>
      <c r="D15884" s="1" t="s">
        <v>59376</v>
      </c>
      <c r="E15884" s="1" t="s">
        <v>59377</v>
      </c>
      <c r="F15884" s="1" t="s">
        <v>59378</v>
      </c>
      <c r="G15884" s="1" t="s">
        <v>59345</v>
      </c>
      <c r="H15884" s="1" t="s">
        <v>59346</v>
      </c>
      <c r="I15884" s="1" t="s">
        <v>53800</v>
      </c>
      <c r="J15884" s="1" t="s">
        <v>59379</v>
      </c>
    </row>
    <row r="15885" spans="1:10" x14ac:dyDescent="0.35">
      <c r="A15885" s="1" t="s">
        <v>59341</v>
      </c>
      <c r="B15885" s="1" t="s">
        <v>53796</v>
      </c>
      <c r="C15885" s="1" t="s">
        <v>60</v>
      </c>
      <c r="D15885" s="1" t="s">
        <v>59380</v>
      </c>
      <c r="E15885" s="1" t="s">
        <v>59381</v>
      </c>
      <c r="F15885" s="1" t="s">
        <v>59382</v>
      </c>
      <c r="G15885" s="1" t="s">
        <v>59345</v>
      </c>
      <c r="H15885" s="1" t="s">
        <v>59346</v>
      </c>
      <c r="I15885" s="1" t="s">
        <v>53800</v>
      </c>
      <c r="J15885" s="1" t="s">
        <v>59383</v>
      </c>
    </row>
    <row r="15886" spans="1:10" x14ac:dyDescent="0.35">
      <c r="A15886" s="1" t="s">
        <v>59341</v>
      </c>
      <c r="B15886" s="1" t="s">
        <v>53796</v>
      </c>
      <c r="C15886" s="1" t="s">
        <v>65</v>
      </c>
      <c r="D15886" s="1" t="s">
        <v>59384</v>
      </c>
      <c r="E15886" s="1" t="s">
        <v>59385</v>
      </c>
      <c r="F15886" s="1" t="s">
        <v>59386</v>
      </c>
      <c r="G15886" s="1" t="s">
        <v>59345</v>
      </c>
      <c r="H15886" s="1" t="s">
        <v>59346</v>
      </c>
      <c r="I15886" s="1" t="s">
        <v>53800</v>
      </c>
      <c r="J15886" s="1" t="s">
        <v>59387</v>
      </c>
    </row>
    <row r="15887" spans="1:10" x14ac:dyDescent="0.35">
      <c r="A15887" s="1" t="s">
        <v>59341</v>
      </c>
      <c r="B15887" s="1" t="s">
        <v>53796</v>
      </c>
      <c r="C15887" s="1" t="s">
        <v>70</v>
      </c>
      <c r="D15887" s="1" t="s">
        <v>59388</v>
      </c>
      <c r="E15887" s="1" t="s">
        <v>59389</v>
      </c>
      <c r="F15887" s="1" t="s">
        <v>59390</v>
      </c>
      <c r="G15887" s="1" t="s">
        <v>59345</v>
      </c>
      <c r="H15887" s="1" t="s">
        <v>59346</v>
      </c>
      <c r="I15887" s="1" t="s">
        <v>53800</v>
      </c>
      <c r="J15887" s="1" t="s">
        <v>59391</v>
      </c>
    </row>
    <row r="15888" spans="1:10" x14ac:dyDescent="0.35">
      <c r="A15888" s="1" t="s">
        <v>59341</v>
      </c>
      <c r="B15888" s="1" t="s">
        <v>53796</v>
      </c>
      <c r="C15888" s="1" t="s">
        <v>75</v>
      </c>
      <c r="D15888" s="1" t="s">
        <v>59392</v>
      </c>
      <c r="E15888" s="1" t="s">
        <v>59393</v>
      </c>
      <c r="F15888" s="1" t="s">
        <v>59394</v>
      </c>
      <c r="G15888" s="1" t="s">
        <v>59345</v>
      </c>
      <c r="H15888" s="1" t="s">
        <v>59346</v>
      </c>
      <c r="I15888" s="1" t="s">
        <v>53800</v>
      </c>
      <c r="J15888" s="1" t="s">
        <v>59395</v>
      </c>
    </row>
    <row r="15889" spans="1:10" x14ac:dyDescent="0.35">
      <c r="A15889" s="1" t="s">
        <v>59341</v>
      </c>
      <c r="B15889" s="1" t="s">
        <v>53796</v>
      </c>
      <c r="C15889" s="1" t="s">
        <v>80</v>
      </c>
      <c r="D15889" s="1" t="s">
        <v>59396</v>
      </c>
      <c r="E15889" s="1" t="s">
        <v>59397</v>
      </c>
      <c r="F15889" s="1" t="s">
        <v>59398</v>
      </c>
      <c r="G15889" s="1" t="s">
        <v>59345</v>
      </c>
      <c r="H15889" s="1" t="s">
        <v>59346</v>
      </c>
      <c r="I15889" s="1" t="s">
        <v>53800</v>
      </c>
      <c r="J15889" s="1" t="s">
        <v>59399</v>
      </c>
    </row>
    <row r="15890" spans="1:10" x14ac:dyDescent="0.35">
      <c r="A15890" s="1" t="s">
        <v>59341</v>
      </c>
      <c r="B15890" s="1" t="s">
        <v>53796</v>
      </c>
      <c r="C15890" s="1" t="s">
        <v>85</v>
      </c>
      <c r="D15890" s="1" t="s">
        <v>59400</v>
      </c>
      <c r="E15890" s="1" t="s">
        <v>59401</v>
      </c>
      <c r="F15890" s="1" t="s">
        <v>59402</v>
      </c>
      <c r="G15890" s="1" t="s">
        <v>59345</v>
      </c>
      <c r="H15890" s="1" t="s">
        <v>59346</v>
      </c>
      <c r="I15890" s="1" t="s">
        <v>53800</v>
      </c>
      <c r="J15890" s="1" t="s">
        <v>59403</v>
      </c>
    </row>
    <row r="15891" spans="1:10" x14ac:dyDescent="0.35">
      <c r="A15891" s="1" t="s">
        <v>59341</v>
      </c>
      <c r="B15891" s="1" t="s">
        <v>53796</v>
      </c>
      <c r="C15891" s="1" t="s">
        <v>90</v>
      </c>
      <c r="D15891" s="1" t="s">
        <v>59404</v>
      </c>
      <c r="E15891" s="1" t="s">
        <v>59405</v>
      </c>
      <c r="F15891" s="1" t="s">
        <v>59406</v>
      </c>
      <c r="G15891" s="1" t="s">
        <v>59345</v>
      </c>
      <c r="H15891" s="1" t="s">
        <v>59346</v>
      </c>
      <c r="I15891" s="1" t="s">
        <v>53800</v>
      </c>
      <c r="J15891" s="1" t="s">
        <v>59407</v>
      </c>
    </row>
    <row r="15892" spans="1:10" x14ac:dyDescent="0.35">
      <c r="A15892" s="1" t="s">
        <v>59341</v>
      </c>
      <c r="B15892" s="1" t="s">
        <v>53796</v>
      </c>
      <c r="C15892" s="1" t="s">
        <v>95</v>
      </c>
      <c r="D15892" s="1" t="s">
        <v>59408</v>
      </c>
      <c r="E15892" s="1" t="s">
        <v>59409</v>
      </c>
      <c r="F15892" s="1" t="s">
        <v>59410</v>
      </c>
      <c r="G15892" s="1" t="s">
        <v>59345</v>
      </c>
      <c r="H15892" s="1" t="s">
        <v>59346</v>
      </c>
      <c r="I15892" s="1" t="s">
        <v>53800</v>
      </c>
      <c r="J15892" s="1" t="s">
        <v>59411</v>
      </c>
    </row>
    <row r="15893" spans="1:10" x14ac:dyDescent="0.35">
      <c r="A15893" s="1" t="s">
        <v>59341</v>
      </c>
      <c r="B15893" s="1" t="s">
        <v>53796</v>
      </c>
      <c r="C15893" s="1" t="s">
        <v>100</v>
      </c>
      <c r="D15893" s="1" t="s">
        <v>59412</v>
      </c>
      <c r="E15893" s="1" t="s">
        <v>59413</v>
      </c>
      <c r="F15893" s="1" t="s">
        <v>59414</v>
      </c>
      <c r="G15893" s="1" t="s">
        <v>59345</v>
      </c>
      <c r="H15893" s="1" t="s">
        <v>59346</v>
      </c>
      <c r="I15893" s="1" t="s">
        <v>53800</v>
      </c>
      <c r="J15893" s="1" t="s">
        <v>59415</v>
      </c>
    </row>
    <row r="15894" spans="1:10" x14ac:dyDescent="0.35">
      <c r="A15894" s="1" t="s">
        <v>59341</v>
      </c>
      <c r="B15894" s="1" t="s">
        <v>53796</v>
      </c>
      <c r="C15894" s="1" t="s">
        <v>105</v>
      </c>
      <c r="D15894" s="1" t="s">
        <v>53131</v>
      </c>
      <c r="E15894" s="1" t="s">
        <v>59416</v>
      </c>
      <c r="F15894" s="1" t="s">
        <v>59417</v>
      </c>
      <c r="G15894" s="1" t="s">
        <v>59345</v>
      </c>
      <c r="H15894" s="1" t="s">
        <v>59346</v>
      </c>
      <c r="I15894" s="1" t="s">
        <v>53800</v>
      </c>
      <c r="J15894" s="1" t="s">
        <v>59418</v>
      </c>
    </row>
    <row r="15895" spans="1:10" x14ac:dyDescent="0.35">
      <c r="A15895" s="1" t="s">
        <v>59341</v>
      </c>
      <c r="B15895" s="1" t="s">
        <v>53796</v>
      </c>
      <c r="C15895" s="1" t="s">
        <v>110</v>
      </c>
      <c r="D15895" s="1" t="s">
        <v>59419</v>
      </c>
      <c r="E15895" s="1" t="s">
        <v>59420</v>
      </c>
      <c r="F15895" s="1" t="s">
        <v>59421</v>
      </c>
      <c r="G15895" s="1" t="s">
        <v>59345</v>
      </c>
      <c r="H15895" s="1" t="s">
        <v>59346</v>
      </c>
      <c r="I15895" s="1" t="s">
        <v>53800</v>
      </c>
      <c r="J15895" s="1" t="s">
        <v>59422</v>
      </c>
    </row>
    <row r="15896" spans="1:10" x14ac:dyDescent="0.35">
      <c r="A15896" s="1" t="s">
        <v>59341</v>
      </c>
      <c r="B15896" s="1" t="s">
        <v>53796</v>
      </c>
      <c r="C15896" s="1" t="s">
        <v>115</v>
      </c>
      <c r="D15896" s="1" t="s">
        <v>59423</v>
      </c>
      <c r="E15896" s="1" t="s">
        <v>59424</v>
      </c>
      <c r="F15896" s="1" t="s">
        <v>59425</v>
      </c>
      <c r="G15896" s="1" t="s">
        <v>59345</v>
      </c>
      <c r="H15896" s="1" t="s">
        <v>59346</v>
      </c>
      <c r="I15896" s="1" t="s">
        <v>53800</v>
      </c>
      <c r="J15896" s="1" t="s">
        <v>59426</v>
      </c>
    </row>
    <row r="15897" spans="1:10" x14ac:dyDescent="0.35">
      <c r="A15897" s="1" t="s">
        <v>59341</v>
      </c>
      <c r="B15897" s="1" t="s">
        <v>53796</v>
      </c>
      <c r="C15897" s="1" t="s">
        <v>120</v>
      </c>
      <c r="D15897" s="1" t="s">
        <v>59427</v>
      </c>
      <c r="E15897" s="1" t="s">
        <v>59428</v>
      </c>
      <c r="F15897" s="1" t="s">
        <v>59429</v>
      </c>
      <c r="G15897" s="1" t="s">
        <v>59345</v>
      </c>
      <c r="H15897" s="1" t="s">
        <v>59346</v>
      </c>
      <c r="I15897" s="1" t="s">
        <v>53800</v>
      </c>
      <c r="J15897" s="1" t="s">
        <v>59430</v>
      </c>
    </row>
    <row r="15898" spans="1:10" x14ac:dyDescent="0.35">
      <c r="A15898" s="1" t="s">
        <v>59341</v>
      </c>
      <c r="B15898" s="1" t="s">
        <v>53796</v>
      </c>
      <c r="C15898" s="1" t="s">
        <v>125</v>
      </c>
      <c r="D15898" s="1" t="s">
        <v>23951</v>
      </c>
      <c r="E15898" s="1" t="s">
        <v>59431</v>
      </c>
      <c r="F15898" s="1" t="s">
        <v>59432</v>
      </c>
      <c r="G15898" s="1" t="s">
        <v>59345</v>
      </c>
      <c r="H15898" s="1" t="s">
        <v>59346</v>
      </c>
      <c r="I15898" s="1" t="s">
        <v>53800</v>
      </c>
      <c r="J15898" s="1" t="s">
        <v>59433</v>
      </c>
    </row>
    <row r="15899" spans="1:10" x14ac:dyDescent="0.35">
      <c r="A15899" s="1" t="s">
        <v>59341</v>
      </c>
      <c r="B15899" s="1" t="s">
        <v>53796</v>
      </c>
      <c r="C15899" s="1" t="s">
        <v>130</v>
      </c>
      <c r="D15899" s="1" t="s">
        <v>59434</v>
      </c>
      <c r="E15899" s="1" t="s">
        <v>59435</v>
      </c>
      <c r="F15899" s="1" t="s">
        <v>59436</v>
      </c>
      <c r="G15899" s="1" t="s">
        <v>59345</v>
      </c>
      <c r="H15899" s="1" t="s">
        <v>59346</v>
      </c>
      <c r="I15899" s="1" t="s">
        <v>53800</v>
      </c>
      <c r="J15899" s="1" t="s">
        <v>59437</v>
      </c>
    </row>
    <row r="15900" spans="1:10" x14ac:dyDescent="0.35">
      <c r="A15900" s="1" t="s">
        <v>59341</v>
      </c>
      <c r="B15900" s="1" t="s">
        <v>53796</v>
      </c>
      <c r="C15900" s="1" t="s">
        <v>135</v>
      </c>
      <c r="D15900" s="1" t="s">
        <v>59438</v>
      </c>
      <c r="E15900" s="1" t="s">
        <v>59439</v>
      </c>
      <c r="F15900" s="1" t="s">
        <v>59440</v>
      </c>
      <c r="G15900" s="1" t="s">
        <v>59345</v>
      </c>
      <c r="H15900" s="1" t="s">
        <v>59346</v>
      </c>
      <c r="I15900" s="1" t="s">
        <v>53800</v>
      </c>
      <c r="J15900" s="1" t="s">
        <v>59441</v>
      </c>
    </row>
    <row r="15901" spans="1:10" x14ac:dyDescent="0.35">
      <c r="A15901" s="1" t="s">
        <v>59341</v>
      </c>
      <c r="B15901" s="1" t="s">
        <v>53796</v>
      </c>
      <c r="C15901" s="1" t="s">
        <v>140</v>
      </c>
      <c r="D15901" s="1" t="s">
        <v>59442</v>
      </c>
      <c r="E15901" s="1" t="s">
        <v>59443</v>
      </c>
      <c r="F15901" s="1" t="s">
        <v>59444</v>
      </c>
      <c r="G15901" s="1" t="s">
        <v>59345</v>
      </c>
      <c r="H15901" s="1" t="s">
        <v>59346</v>
      </c>
      <c r="I15901" s="1" t="s">
        <v>53800</v>
      </c>
      <c r="J15901" s="1" t="s">
        <v>59445</v>
      </c>
    </row>
    <row r="15902" spans="1:10" x14ac:dyDescent="0.35">
      <c r="A15902" s="1" t="s">
        <v>59341</v>
      </c>
      <c r="B15902" s="1" t="s">
        <v>53796</v>
      </c>
      <c r="C15902" s="1" t="s">
        <v>145</v>
      </c>
      <c r="D15902" s="1" t="s">
        <v>59446</v>
      </c>
      <c r="E15902" s="1" t="s">
        <v>59447</v>
      </c>
      <c r="F15902" s="1" t="s">
        <v>59448</v>
      </c>
      <c r="G15902" s="1" t="s">
        <v>59345</v>
      </c>
      <c r="H15902" s="1" t="s">
        <v>59346</v>
      </c>
      <c r="I15902" s="1" t="s">
        <v>53800</v>
      </c>
      <c r="J15902" s="1" t="s">
        <v>59449</v>
      </c>
    </row>
    <row r="15903" spans="1:10" x14ac:dyDescent="0.35">
      <c r="A15903" s="1" t="s">
        <v>59341</v>
      </c>
      <c r="B15903" s="1" t="s">
        <v>53796</v>
      </c>
      <c r="C15903" s="1" t="s">
        <v>150</v>
      </c>
      <c r="D15903" s="1" t="s">
        <v>59450</v>
      </c>
      <c r="E15903" s="1" t="s">
        <v>59451</v>
      </c>
      <c r="F15903" s="1" t="s">
        <v>59452</v>
      </c>
      <c r="G15903" s="1" t="s">
        <v>59345</v>
      </c>
      <c r="H15903" s="1" t="s">
        <v>59346</v>
      </c>
      <c r="I15903" s="1" t="s">
        <v>53800</v>
      </c>
      <c r="J15903" s="1" t="s">
        <v>59453</v>
      </c>
    </row>
    <row r="15904" spans="1:10" x14ac:dyDescent="0.35">
      <c r="A15904" s="1" t="s">
        <v>59341</v>
      </c>
      <c r="B15904" s="1" t="s">
        <v>53796</v>
      </c>
      <c r="C15904" s="1" t="s">
        <v>155</v>
      </c>
      <c r="D15904" s="1" t="s">
        <v>59454</v>
      </c>
      <c r="E15904" s="1" t="s">
        <v>59455</v>
      </c>
      <c r="F15904" s="1" t="s">
        <v>59456</v>
      </c>
      <c r="G15904" s="1" t="s">
        <v>59345</v>
      </c>
      <c r="H15904" s="1" t="s">
        <v>59346</v>
      </c>
      <c r="I15904" s="1" t="s">
        <v>53800</v>
      </c>
      <c r="J15904" s="1" t="s">
        <v>59457</v>
      </c>
    </row>
    <row r="15905" spans="1:10" x14ac:dyDescent="0.35">
      <c r="A15905" s="1" t="s">
        <v>59341</v>
      </c>
      <c r="B15905" s="1" t="s">
        <v>53796</v>
      </c>
      <c r="C15905" s="1" t="s">
        <v>160</v>
      </c>
      <c r="D15905" s="1" t="s">
        <v>59458</v>
      </c>
      <c r="E15905" s="1" t="s">
        <v>59459</v>
      </c>
      <c r="F15905" s="1" t="s">
        <v>59460</v>
      </c>
      <c r="G15905" s="1" t="s">
        <v>59345</v>
      </c>
      <c r="H15905" s="1" t="s">
        <v>59346</v>
      </c>
      <c r="I15905" s="1" t="s">
        <v>53800</v>
      </c>
      <c r="J15905" s="1" t="s">
        <v>59461</v>
      </c>
    </row>
    <row r="15906" spans="1:10" x14ac:dyDescent="0.35">
      <c r="A15906" s="1" t="s">
        <v>59341</v>
      </c>
      <c r="B15906" s="1" t="s">
        <v>53796</v>
      </c>
      <c r="C15906" s="1" t="s">
        <v>165</v>
      </c>
      <c r="D15906" s="1" t="s">
        <v>59462</v>
      </c>
      <c r="E15906" s="1" t="s">
        <v>59463</v>
      </c>
      <c r="F15906" s="1" t="s">
        <v>59464</v>
      </c>
      <c r="G15906" s="1" t="s">
        <v>59345</v>
      </c>
      <c r="H15906" s="1" t="s">
        <v>59346</v>
      </c>
      <c r="I15906" s="1" t="s">
        <v>53800</v>
      </c>
      <c r="J15906" s="1" t="s">
        <v>59465</v>
      </c>
    </row>
    <row r="15907" spans="1:10" x14ac:dyDescent="0.35">
      <c r="A15907" s="1" t="s">
        <v>59341</v>
      </c>
      <c r="B15907" s="1" t="s">
        <v>53796</v>
      </c>
      <c r="C15907" s="1" t="s">
        <v>170</v>
      </c>
      <c r="D15907" s="1" t="s">
        <v>59466</v>
      </c>
      <c r="E15907" s="1" t="s">
        <v>59467</v>
      </c>
      <c r="F15907" s="1" t="s">
        <v>59468</v>
      </c>
      <c r="G15907" s="1" t="s">
        <v>59345</v>
      </c>
      <c r="H15907" s="1" t="s">
        <v>59346</v>
      </c>
      <c r="I15907" s="1" t="s">
        <v>53800</v>
      </c>
      <c r="J15907" s="1" t="s">
        <v>59469</v>
      </c>
    </row>
    <row r="15908" spans="1:10" x14ac:dyDescent="0.35">
      <c r="A15908" s="1" t="s">
        <v>59470</v>
      </c>
      <c r="B15908" s="1" t="s">
        <v>53796</v>
      </c>
      <c r="C15908" s="1" t="s">
        <v>8</v>
      </c>
      <c r="D15908" s="1" t="s">
        <v>46612</v>
      </c>
      <c r="E15908" s="1" t="s">
        <v>32359</v>
      </c>
      <c r="F15908" s="1" t="s">
        <v>59471</v>
      </c>
      <c r="G15908" s="1" t="s">
        <v>59472</v>
      </c>
      <c r="H15908" s="1" t="s">
        <v>59473</v>
      </c>
      <c r="I15908" s="1" t="s">
        <v>53800</v>
      </c>
      <c r="J15908" s="1" t="s">
        <v>13</v>
      </c>
    </row>
    <row r="15909" spans="1:10" x14ac:dyDescent="0.35">
      <c r="A15909" s="1" t="s">
        <v>59470</v>
      </c>
      <c r="B15909" s="1" t="s">
        <v>53796</v>
      </c>
      <c r="C15909" s="1" t="s">
        <v>15</v>
      </c>
      <c r="D15909" s="1" t="s">
        <v>59474</v>
      </c>
      <c r="E15909" s="1" t="s">
        <v>41210</v>
      </c>
      <c r="F15909" s="1" t="s">
        <v>59475</v>
      </c>
      <c r="G15909" s="1" t="s">
        <v>59472</v>
      </c>
      <c r="H15909" s="1" t="s">
        <v>59473</v>
      </c>
      <c r="I15909" s="1" t="s">
        <v>53800</v>
      </c>
      <c r="J15909" s="1" t="s">
        <v>59476</v>
      </c>
    </row>
    <row r="15910" spans="1:10" x14ac:dyDescent="0.35">
      <c r="A15910" s="1" t="s">
        <v>59470</v>
      </c>
      <c r="B15910" s="1" t="s">
        <v>53796</v>
      </c>
      <c r="C15910" s="1" t="s">
        <v>20</v>
      </c>
      <c r="D15910" s="1" t="s">
        <v>43725</v>
      </c>
      <c r="E15910" s="1" t="s">
        <v>26185</v>
      </c>
      <c r="F15910" s="1" t="s">
        <v>59477</v>
      </c>
      <c r="G15910" s="1" t="s">
        <v>59472</v>
      </c>
      <c r="H15910" s="1" t="s">
        <v>59473</v>
      </c>
      <c r="I15910" s="1" t="s">
        <v>53800</v>
      </c>
      <c r="J15910" s="1" t="s">
        <v>59478</v>
      </c>
    </row>
    <row r="15911" spans="1:10" x14ac:dyDescent="0.35">
      <c r="A15911" s="1" t="s">
        <v>59470</v>
      </c>
      <c r="B15911" s="1" t="s">
        <v>53796</v>
      </c>
      <c r="C15911" s="1" t="s">
        <v>25</v>
      </c>
      <c r="D15911" s="1" t="s">
        <v>59479</v>
      </c>
      <c r="E15911" s="1" t="s">
        <v>31384</v>
      </c>
      <c r="F15911" s="1" t="s">
        <v>59480</v>
      </c>
      <c r="G15911" s="1" t="s">
        <v>59472</v>
      </c>
      <c r="H15911" s="1" t="s">
        <v>59473</v>
      </c>
      <c r="I15911" s="1" t="s">
        <v>53800</v>
      </c>
      <c r="J15911" s="1" t="s">
        <v>59481</v>
      </c>
    </row>
    <row r="15912" spans="1:10" x14ac:dyDescent="0.35">
      <c r="A15912" s="1" t="s">
        <v>59470</v>
      </c>
      <c r="B15912" s="1" t="s">
        <v>53796</v>
      </c>
      <c r="C15912" s="1" t="s">
        <v>30</v>
      </c>
      <c r="D15912" s="1" t="s">
        <v>59482</v>
      </c>
      <c r="E15912" s="1" t="s">
        <v>15345</v>
      </c>
      <c r="F15912" s="1" t="s">
        <v>59483</v>
      </c>
      <c r="G15912" s="1" t="s">
        <v>59472</v>
      </c>
      <c r="H15912" s="1" t="s">
        <v>59473</v>
      </c>
      <c r="I15912" s="1" t="s">
        <v>53800</v>
      </c>
      <c r="J15912" s="1" t="s">
        <v>59484</v>
      </c>
    </row>
    <row r="15913" spans="1:10" x14ac:dyDescent="0.35">
      <c r="A15913" s="1" t="s">
        <v>59470</v>
      </c>
      <c r="B15913" s="1" t="s">
        <v>53796</v>
      </c>
      <c r="C15913" s="1" t="s">
        <v>35</v>
      </c>
      <c r="D15913" s="1" t="s">
        <v>59485</v>
      </c>
      <c r="E15913" s="1" t="s">
        <v>53920</v>
      </c>
      <c r="F15913" s="1" t="s">
        <v>30657</v>
      </c>
      <c r="G15913" s="1" t="s">
        <v>59472</v>
      </c>
      <c r="H15913" s="1" t="s">
        <v>59473</v>
      </c>
      <c r="I15913" s="1" t="s">
        <v>53800</v>
      </c>
      <c r="J15913" s="1" t="s">
        <v>59486</v>
      </c>
    </row>
    <row r="15914" spans="1:10" x14ac:dyDescent="0.35">
      <c r="A15914" s="1" t="s">
        <v>59470</v>
      </c>
      <c r="B15914" s="1" t="s">
        <v>53796</v>
      </c>
      <c r="C15914" s="1" t="s">
        <v>40</v>
      </c>
      <c r="D15914" s="1" t="s">
        <v>59487</v>
      </c>
      <c r="E15914" s="1" t="s">
        <v>59488</v>
      </c>
      <c r="F15914" s="1" t="s">
        <v>59489</v>
      </c>
      <c r="G15914" s="1" t="s">
        <v>59472</v>
      </c>
      <c r="H15914" s="1" t="s">
        <v>59473</v>
      </c>
      <c r="I15914" s="1" t="s">
        <v>53800</v>
      </c>
      <c r="J15914" s="1" t="s">
        <v>59490</v>
      </c>
    </row>
    <row r="15915" spans="1:10" x14ac:dyDescent="0.35">
      <c r="A15915" s="1" t="s">
        <v>59470</v>
      </c>
      <c r="B15915" s="1" t="s">
        <v>53796</v>
      </c>
      <c r="C15915" s="1" t="s">
        <v>45</v>
      </c>
      <c r="D15915" s="1" t="s">
        <v>59491</v>
      </c>
      <c r="E15915" s="1" t="s">
        <v>56032</v>
      </c>
      <c r="F15915" s="1" t="s">
        <v>59492</v>
      </c>
      <c r="G15915" s="1" t="s">
        <v>59472</v>
      </c>
      <c r="H15915" s="1" t="s">
        <v>59473</v>
      </c>
      <c r="I15915" s="1" t="s">
        <v>53800</v>
      </c>
      <c r="J15915" s="1" t="s">
        <v>59493</v>
      </c>
    </row>
    <row r="15916" spans="1:10" x14ac:dyDescent="0.35">
      <c r="A15916" s="1" t="s">
        <v>59470</v>
      </c>
      <c r="B15916" s="1" t="s">
        <v>53796</v>
      </c>
      <c r="C15916" s="1" t="s">
        <v>50</v>
      </c>
      <c r="D15916" s="1" t="s">
        <v>59494</v>
      </c>
      <c r="E15916" s="1" t="s">
        <v>56082</v>
      </c>
      <c r="F15916" s="1" t="s">
        <v>59495</v>
      </c>
      <c r="G15916" s="1" t="s">
        <v>59472</v>
      </c>
      <c r="H15916" s="1" t="s">
        <v>59473</v>
      </c>
      <c r="I15916" s="1" t="s">
        <v>53800</v>
      </c>
      <c r="J15916" s="1" t="s">
        <v>59496</v>
      </c>
    </row>
    <row r="15917" spans="1:10" x14ac:dyDescent="0.35">
      <c r="A15917" s="1" t="s">
        <v>59470</v>
      </c>
      <c r="B15917" s="1" t="s">
        <v>53796</v>
      </c>
      <c r="C15917" s="1" t="s">
        <v>55</v>
      </c>
      <c r="D15917" s="1" t="s">
        <v>59497</v>
      </c>
      <c r="E15917" s="1" t="s">
        <v>12879</v>
      </c>
      <c r="F15917" s="1" t="s">
        <v>59498</v>
      </c>
      <c r="G15917" s="1" t="s">
        <v>59472</v>
      </c>
      <c r="H15917" s="1" t="s">
        <v>59473</v>
      </c>
      <c r="I15917" s="1" t="s">
        <v>53800</v>
      </c>
      <c r="J15917" s="1" t="s">
        <v>59499</v>
      </c>
    </row>
    <row r="15918" spans="1:10" x14ac:dyDescent="0.35">
      <c r="A15918" s="1" t="s">
        <v>59470</v>
      </c>
      <c r="B15918" s="1" t="s">
        <v>53796</v>
      </c>
      <c r="C15918" s="1" t="s">
        <v>60</v>
      </c>
      <c r="D15918" s="1" t="s">
        <v>59500</v>
      </c>
      <c r="E15918" s="1" t="s">
        <v>59501</v>
      </c>
      <c r="F15918" s="1" t="s">
        <v>59502</v>
      </c>
      <c r="G15918" s="1" t="s">
        <v>59472</v>
      </c>
      <c r="H15918" s="1" t="s">
        <v>59473</v>
      </c>
      <c r="I15918" s="1" t="s">
        <v>53800</v>
      </c>
      <c r="J15918" s="1" t="s">
        <v>59503</v>
      </c>
    </row>
    <row r="15919" spans="1:10" x14ac:dyDescent="0.35">
      <c r="A15919" s="1" t="s">
        <v>59470</v>
      </c>
      <c r="B15919" s="1" t="s">
        <v>53796</v>
      </c>
      <c r="C15919" s="1" t="s">
        <v>65</v>
      </c>
      <c r="D15919" s="1" t="s">
        <v>59504</v>
      </c>
      <c r="E15919" s="1" t="s">
        <v>59505</v>
      </c>
      <c r="F15919" s="1" t="s">
        <v>59506</v>
      </c>
      <c r="G15919" s="1" t="s">
        <v>59472</v>
      </c>
      <c r="H15919" s="1" t="s">
        <v>59473</v>
      </c>
      <c r="I15919" s="1" t="s">
        <v>53800</v>
      </c>
      <c r="J15919" s="1" t="s">
        <v>59507</v>
      </c>
    </row>
    <row r="15920" spans="1:10" x14ac:dyDescent="0.35">
      <c r="A15920" s="1" t="s">
        <v>59470</v>
      </c>
      <c r="B15920" s="1" t="s">
        <v>53796</v>
      </c>
      <c r="C15920" s="1" t="s">
        <v>70</v>
      </c>
      <c r="D15920" s="1" t="s">
        <v>19427</v>
      </c>
      <c r="E15920" s="1" t="s">
        <v>15200</v>
      </c>
      <c r="F15920" s="1" t="s">
        <v>59508</v>
      </c>
      <c r="G15920" s="1" t="s">
        <v>59472</v>
      </c>
      <c r="H15920" s="1" t="s">
        <v>59473</v>
      </c>
      <c r="I15920" s="1" t="s">
        <v>53800</v>
      </c>
      <c r="J15920" s="1" t="s">
        <v>59509</v>
      </c>
    </row>
    <row r="15921" spans="1:10" x14ac:dyDescent="0.35">
      <c r="A15921" s="1" t="s">
        <v>59470</v>
      </c>
      <c r="B15921" s="1" t="s">
        <v>53796</v>
      </c>
      <c r="C15921" s="1" t="s">
        <v>75</v>
      </c>
      <c r="D15921" s="1" t="s">
        <v>59510</v>
      </c>
      <c r="E15921" s="1" t="s">
        <v>12757</v>
      </c>
      <c r="F15921" s="1" t="s">
        <v>59511</v>
      </c>
      <c r="G15921" s="1" t="s">
        <v>59472</v>
      </c>
      <c r="H15921" s="1" t="s">
        <v>59473</v>
      </c>
      <c r="I15921" s="1" t="s">
        <v>53800</v>
      </c>
      <c r="J15921" s="1" t="s">
        <v>59512</v>
      </c>
    </row>
    <row r="15922" spans="1:10" x14ac:dyDescent="0.35">
      <c r="A15922" s="1" t="s">
        <v>59470</v>
      </c>
      <c r="B15922" s="1" t="s">
        <v>53796</v>
      </c>
      <c r="C15922" s="1" t="s">
        <v>80</v>
      </c>
      <c r="D15922" s="1" t="s">
        <v>59513</v>
      </c>
      <c r="E15922" s="1" t="s">
        <v>31368</v>
      </c>
      <c r="F15922" s="1" t="s">
        <v>59514</v>
      </c>
      <c r="G15922" s="1" t="s">
        <v>59472</v>
      </c>
      <c r="H15922" s="1" t="s">
        <v>59473</v>
      </c>
      <c r="I15922" s="1" t="s">
        <v>53800</v>
      </c>
      <c r="J15922" s="1" t="s">
        <v>59515</v>
      </c>
    </row>
    <row r="15923" spans="1:10" x14ac:dyDescent="0.35">
      <c r="A15923" s="1" t="s">
        <v>59470</v>
      </c>
      <c r="B15923" s="1" t="s">
        <v>53796</v>
      </c>
      <c r="C15923" s="1" t="s">
        <v>85</v>
      </c>
      <c r="D15923" s="1" t="s">
        <v>59516</v>
      </c>
      <c r="E15923" s="1" t="s">
        <v>59517</v>
      </c>
      <c r="F15923" s="1" t="s">
        <v>59518</v>
      </c>
      <c r="G15923" s="1" t="s">
        <v>59472</v>
      </c>
      <c r="H15923" s="1" t="s">
        <v>59473</v>
      </c>
      <c r="I15923" s="1" t="s">
        <v>53800</v>
      </c>
      <c r="J15923" s="1" t="s">
        <v>59519</v>
      </c>
    </row>
    <row r="15924" spans="1:10" x14ac:dyDescent="0.35">
      <c r="A15924" s="1" t="s">
        <v>59470</v>
      </c>
      <c r="B15924" s="1" t="s">
        <v>53796</v>
      </c>
      <c r="C15924" s="1" t="s">
        <v>90</v>
      </c>
      <c r="D15924" s="1" t="s">
        <v>32276</v>
      </c>
      <c r="E15924" s="1" t="s">
        <v>55373</v>
      </c>
      <c r="F15924" s="1" t="s">
        <v>59520</v>
      </c>
      <c r="G15924" s="1" t="s">
        <v>59472</v>
      </c>
      <c r="H15924" s="1" t="s">
        <v>59473</v>
      </c>
      <c r="I15924" s="1" t="s">
        <v>53800</v>
      </c>
      <c r="J15924" s="1" t="s">
        <v>59521</v>
      </c>
    </row>
    <row r="15925" spans="1:10" x14ac:dyDescent="0.35">
      <c r="A15925" s="1" t="s">
        <v>59470</v>
      </c>
      <c r="B15925" s="1" t="s">
        <v>53796</v>
      </c>
      <c r="C15925" s="1" t="s">
        <v>95</v>
      </c>
      <c r="D15925" s="1" t="s">
        <v>59522</v>
      </c>
      <c r="E15925" s="1" t="s">
        <v>56842</v>
      </c>
      <c r="F15925" s="1" t="s">
        <v>59523</v>
      </c>
      <c r="G15925" s="1" t="s">
        <v>59472</v>
      </c>
      <c r="H15925" s="1" t="s">
        <v>59473</v>
      </c>
      <c r="I15925" s="1" t="s">
        <v>53800</v>
      </c>
      <c r="J15925" s="1" t="s">
        <v>59524</v>
      </c>
    </row>
    <row r="15926" spans="1:10" x14ac:dyDescent="0.35">
      <c r="A15926" s="1" t="s">
        <v>59470</v>
      </c>
      <c r="B15926" s="1" t="s">
        <v>53796</v>
      </c>
      <c r="C15926" s="1" t="s">
        <v>100</v>
      </c>
      <c r="D15926" s="1" t="s">
        <v>55637</v>
      </c>
      <c r="E15926" s="1" t="s">
        <v>53965</v>
      </c>
      <c r="F15926" s="1" t="s">
        <v>58609</v>
      </c>
      <c r="G15926" s="1" t="s">
        <v>59472</v>
      </c>
      <c r="H15926" s="1" t="s">
        <v>59473</v>
      </c>
      <c r="I15926" s="1" t="s">
        <v>53800</v>
      </c>
      <c r="J15926" s="1" t="s">
        <v>59525</v>
      </c>
    </row>
    <row r="15927" spans="1:10" x14ac:dyDescent="0.35">
      <c r="A15927" s="1" t="s">
        <v>59470</v>
      </c>
      <c r="B15927" s="1" t="s">
        <v>53796</v>
      </c>
      <c r="C15927" s="1" t="s">
        <v>105</v>
      </c>
      <c r="D15927" s="1" t="s">
        <v>59526</v>
      </c>
      <c r="E15927" s="1" t="s">
        <v>56846</v>
      </c>
      <c r="F15927" s="1" t="s">
        <v>59527</v>
      </c>
      <c r="G15927" s="1" t="s">
        <v>59472</v>
      </c>
      <c r="H15927" s="1" t="s">
        <v>59473</v>
      </c>
      <c r="I15927" s="1" t="s">
        <v>53800</v>
      </c>
      <c r="J15927" s="1" t="s">
        <v>59528</v>
      </c>
    </row>
    <row r="15928" spans="1:10" x14ac:dyDescent="0.35">
      <c r="A15928" s="1" t="s">
        <v>59470</v>
      </c>
      <c r="B15928" s="1" t="s">
        <v>53796</v>
      </c>
      <c r="C15928" s="1" t="s">
        <v>110</v>
      </c>
      <c r="D15928" s="1" t="s">
        <v>59529</v>
      </c>
      <c r="E15928" s="1" t="s">
        <v>56927</v>
      </c>
      <c r="F15928" s="1" t="s">
        <v>59530</v>
      </c>
      <c r="G15928" s="1" t="s">
        <v>59472</v>
      </c>
      <c r="H15928" s="1" t="s">
        <v>59473</v>
      </c>
      <c r="I15928" s="1" t="s">
        <v>53800</v>
      </c>
      <c r="J15928" s="1" t="s">
        <v>59531</v>
      </c>
    </row>
    <row r="15929" spans="1:10" x14ac:dyDescent="0.35">
      <c r="A15929" s="1" t="s">
        <v>59470</v>
      </c>
      <c r="B15929" s="1" t="s">
        <v>53796</v>
      </c>
      <c r="C15929" s="1" t="s">
        <v>115</v>
      </c>
      <c r="D15929" s="1" t="s">
        <v>59532</v>
      </c>
      <c r="E15929" s="1" t="s">
        <v>23232</v>
      </c>
      <c r="F15929" s="1" t="s">
        <v>59533</v>
      </c>
      <c r="G15929" s="1" t="s">
        <v>59472</v>
      </c>
      <c r="H15929" s="1" t="s">
        <v>59473</v>
      </c>
      <c r="I15929" s="1" t="s">
        <v>53800</v>
      </c>
      <c r="J15929" s="1" t="s">
        <v>59534</v>
      </c>
    </row>
    <row r="15930" spans="1:10" x14ac:dyDescent="0.35">
      <c r="A15930" s="1" t="s">
        <v>59470</v>
      </c>
      <c r="B15930" s="1" t="s">
        <v>53796</v>
      </c>
      <c r="C15930" s="1" t="s">
        <v>120</v>
      </c>
      <c r="D15930" s="1" t="s">
        <v>59535</v>
      </c>
      <c r="E15930" s="1" t="s">
        <v>54038</v>
      </c>
      <c r="F15930" s="1" t="s">
        <v>59536</v>
      </c>
      <c r="G15930" s="1" t="s">
        <v>59472</v>
      </c>
      <c r="H15930" s="1" t="s">
        <v>59473</v>
      </c>
      <c r="I15930" s="1" t="s">
        <v>53800</v>
      </c>
      <c r="J15930" s="1" t="s">
        <v>59537</v>
      </c>
    </row>
    <row r="15931" spans="1:10" x14ac:dyDescent="0.35">
      <c r="A15931" s="1" t="s">
        <v>59470</v>
      </c>
      <c r="B15931" s="1" t="s">
        <v>53796</v>
      </c>
      <c r="C15931" s="1" t="s">
        <v>125</v>
      </c>
      <c r="D15931" s="1" t="s">
        <v>56227</v>
      </c>
      <c r="E15931" s="1" t="s">
        <v>41202</v>
      </c>
      <c r="F15931" s="1" t="s">
        <v>59538</v>
      </c>
      <c r="G15931" s="1" t="s">
        <v>59472</v>
      </c>
      <c r="H15931" s="1" t="s">
        <v>59473</v>
      </c>
      <c r="I15931" s="1" t="s">
        <v>53800</v>
      </c>
      <c r="J15931" s="1" t="s">
        <v>59539</v>
      </c>
    </row>
    <row r="15932" spans="1:10" x14ac:dyDescent="0.35">
      <c r="A15932" s="1" t="s">
        <v>59470</v>
      </c>
      <c r="B15932" s="1" t="s">
        <v>53796</v>
      </c>
      <c r="C15932" s="1" t="s">
        <v>130</v>
      </c>
      <c r="D15932" s="1" t="s">
        <v>59540</v>
      </c>
      <c r="E15932" s="1" t="s">
        <v>59140</v>
      </c>
      <c r="F15932" s="1" t="s">
        <v>59541</v>
      </c>
      <c r="G15932" s="1" t="s">
        <v>59472</v>
      </c>
      <c r="H15932" s="1" t="s">
        <v>59473</v>
      </c>
      <c r="I15932" s="1" t="s">
        <v>53800</v>
      </c>
      <c r="J15932" s="1" t="s">
        <v>59542</v>
      </c>
    </row>
    <row r="15933" spans="1:10" x14ac:dyDescent="0.35">
      <c r="A15933" s="1" t="s">
        <v>59470</v>
      </c>
      <c r="B15933" s="1" t="s">
        <v>53796</v>
      </c>
      <c r="C15933" s="1" t="s">
        <v>135</v>
      </c>
      <c r="D15933" s="1" t="s">
        <v>59543</v>
      </c>
      <c r="E15933" s="1" t="s">
        <v>15353</v>
      </c>
      <c r="F15933" s="1" t="s">
        <v>59544</v>
      </c>
      <c r="G15933" s="1" t="s">
        <v>59472</v>
      </c>
      <c r="H15933" s="1" t="s">
        <v>59473</v>
      </c>
      <c r="I15933" s="1" t="s">
        <v>53800</v>
      </c>
      <c r="J15933" s="1" t="s">
        <v>59545</v>
      </c>
    </row>
    <row r="15934" spans="1:10" x14ac:dyDescent="0.35">
      <c r="A15934" s="1" t="s">
        <v>59470</v>
      </c>
      <c r="B15934" s="1" t="s">
        <v>53796</v>
      </c>
      <c r="C15934" s="1" t="s">
        <v>140</v>
      </c>
      <c r="D15934" s="1" t="s">
        <v>59546</v>
      </c>
      <c r="E15934" s="1" t="s">
        <v>57621</v>
      </c>
      <c r="F15934" s="1" t="s">
        <v>59547</v>
      </c>
      <c r="G15934" s="1" t="s">
        <v>59472</v>
      </c>
      <c r="H15934" s="1" t="s">
        <v>59473</v>
      </c>
      <c r="I15934" s="1" t="s">
        <v>53800</v>
      </c>
      <c r="J15934" s="1" t="s">
        <v>59548</v>
      </c>
    </row>
    <row r="15935" spans="1:10" x14ac:dyDescent="0.35">
      <c r="A15935" s="1" t="s">
        <v>59470</v>
      </c>
      <c r="B15935" s="1" t="s">
        <v>53796</v>
      </c>
      <c r="C15935" s="1" t="s">
        <v>145</v>
      </c>
      <c r="D15935" s="1" t="s">
        <v>59549</v>
      </c>
      <c r="E15935" s="1" t="s">
        <v>26202</v>
      </c>
      <c r="F15935" s="1" t="s">
        <v>59550</v>
      </c>
      <c r="G15935" s="1" t="s">
        <v>59472</v>
      </c>
      <c r="H15935" s="1" t="s">
        <v>59473</v>
      </c>
      <c r="I15935" s="1" t="s">
        <v>53800</v>
      </c>
      <c r="J15935" s="1" t="s">
        <v>59551</v>
      </c>
    </row>
    <row r="15936" spans="1:10" x14ac:dyDescent="0.35">
      <c r="A15936" s="1" t="s">
        <v>59470</v>
      </c>
      <c r="B15936" s="1" t="s">
        <v>53796</v>
      </c>
      <c r="C15936" s="1" t="s">
        <v>150</v>
      </c>
      <c r="D15936" s="1" t="s">
        <v>32354</v>
      </c>
      <c r="E15936" s="1" t="s">
        <v>27097</v>
      </c>
      <c r="F15936" s="1" t="s">
        <v>59552</v>
      </c>
      <c r="G15936" s="1" t="s">
        <v>59472</v>
      </c>
      <c r="H15936" s="1" t="s">
        <v>59473</v>
      </c>
      <c r="I15936" s="1" t="s">
        <v>53800</v>
      </c>
      <c r="J15936" s="1" t="s">
        <v>59553</v>
      </c>
    </row>
    <row r="15937" spans="1:10" x14ac:dyDescent="0.35">
      <c r="A15937" s="1" t="s">
        <v>59470</v>
      </c>
      <c r="B15937" s="1" t="s">
        <v>53796</v>
      </c>
      <c r="C15937" s="1" t="s">
        <v>155</v>
      </c>
      <c r="D15937" s="1" t="s">
        <v>59554</v>
      </c>
      <c r="E15937" s="1" t="s">
        <v>26210</v>
      </c>
      <c r="F15937" s="1" t="s">
        <v>59555</v>
      </c>
      <c r="G15937" s="1" t="s">
        <v>59472</v>
      </c>
      <c r="H15937" s="1" t="s">
        <v>59473</v>
      </c>
      <c r="I15937" s="1" t="s">
        <v>53800</v>
      </c>
      <c r="J15937" s="1" t="s">
        <v>59556</v>
      </c>
    </row>
    <row r="15938" spans="1:10" x14ac:dyDescent="0.35">
      <c r="A15938" s="1" t="s">
        <v>59470</v>
      </c>
      <c r="B15938" s="1" t="s">
        <v>53796</v>
      </c>
      <c r="C15938" s="1" t="s">
        <v>160</v>
      </c>
      <c r="D15938" s="1" t="s">
        <v>24326</v>
      </c>
      <c r="E15938" s="1" t="s">
        <v>26461</v>
      </c>
      <c r="F15938" s="1" t="s">
        <v>59557</v>
      </c>
      <c r="G15938" s="1" t="s">
        <v>59472</v>
      </c>
      <c r="H15938" s="1" t="s">
        <v>59473</v>
      </c>
      <c r="I15938" s="1" t="s">
        <v>53800</v>
      </c>
      <c r="J15938" s="1" t="s">
        <v>59558</v>
      </c>
    </row>
    <row r="15939" spans="1:10" x14ac:dyDescent="0.35">
      <c r="A15939" s="1" t="s">
        <v>59470</v>
      </c>
      <c r="B15939" s="1" t="s">
        <v>53796</v>
      </c>
      <c r="C15939" s="1" t="s">
        <v>165</v>
      </c>
      <c r="D15939" s="1" t="s">
        <v>59559</v>
      </c>
      <c r="E15939" s="1" t="s">
        <v>24225</v>
      </c>
      <c r="F15939" s="1" t="s">
        <v>59560</v>
      </c>
      <c r="G15939" s="1" t="s">
        <v>59472</v>
      </c>
      <c r="H15939" s="1" t="s">
        <v>59473</v>
      </c>
      <c r="I15939" s="1" t="s">
        <v>53800</v>
      </c>
      <c r="J15939" s="1" t="s">
        <v>59561</v>
      </c>
    </row>
    <row r="15940" spans="1:10" x14ac:dyDescent="0.35">
      <c r="A15940" s="1" t="s">
        <v>59470</v>
      </c>
      <c r="B15940" s="1" t="s">
        <v>53796</v>
      </c>
      <c r="C15940" s="1" t="s">
        <v>170</v>
      </c>
      <c r="D15940" s="1" t="s">
        <v>59562</v>
      </c>
      <c r="E15940" s="1" t="s">
        <v>32107</v>
      </c>
      <c r="F15940" s="1" t="s">
        <v>59563</v>
      </c>
      <c r="G15940" s="1" t="s">
        <v>59472</v>
      </c>
      <c r="H15940" s="1" t="s">
        <v>59473</v>
      </c>
      <c r="I15940" s="1" t="s">
        <v>53800</v>
      </c>
      <c r="J15940" s="1" t="s">
        <v>59564</v>
      </c>
    </row>
    <row r="15941" spans="1:10" x14ac:dyDescent="0.35">
      <c r="A15941" s="1" t="s">
        <v>59565</v>
      </c>
      <c r="B15941" s="1" t="s">
        <v>53796</v>
      </c>
      <c r="C15941" s="1" t="s">
        <v>8</v>
      </c>
      <c r="D15941" s="1" t="s">
        <v>59566</v>
      </c>
      <c r="E15941" s="1" t="s">
        <v>59567</v>
      </c>
      <c r="F15941" s="1" t="s">
        <v>30646</v>
      </c>
      <c r="G15941" s="1" t="s">
        <v>59568</v>
      </c>
      <c r="H15941" s="1" t="s">
        <v>59569</v>
      </c>
      <c r="I15941" s="1" t="s">
        <v>53800</v>
      </c>
      <c r="J15941" s="1" t="s">
        <v>13</v>
      </c>
    </row>
    <row r="15942" spans="1:10" x14ac:dyDescent="0.35">
      <c r="A15942" s="1" t="s">
        <v>59565</v>
      </c>
      <c r="B15942" s="1" t="s">
        <v>53796</v>
      </c>
      <c r="C15942" s="1" t="s">
        <v>15</v>
      </c>
      <c r="D15942" s="1" t="s">
        <v>59570</v>
      </c>
      <c r="E15942" s="1" t="s">
        <v>58497</v>
      </c>
      <c r="F15942" s="1" t="s">
        <v>59571</v>
      </c>
      <c r="G15942" s="1" t="s">
        <v>59568</v>
      </c>
      <c r="H15942" s="1" t="s">
        <v>59569</v>
      </c>
      <c r="I15942" s="1" t="s">
        <v>53800</v>
      </c>
      <c r="J15942" s="1" t="s">
        <v>59572</v>
      </c>
    </row>
    <row r="15943" spans="1:10" x14ac:dyDescent="0.35">
      <c r="A15943" s="1" t="s">
        <v>59565</v>
      </c>
      <c r="B15943" s="1" t="s">
        <v>53796</v>
      </c>
      <c r="C15943" s="1" t="s">
        <v>20</v>
      </c>
      <c r="D15943" s="1" t="s">
        <v>59573</v>
      </c>
      <c r="E15943" s="1" t="s">
        <v>54207</v>
      </c>
      <c r="F15943" s="1" t="s">
        <v>59574</v>
      </c>
      <c r="G15943" s="1" t="s">
        <v>59568</v>
      </c>
      <c r="H15943" s="1" t="s">
        <v>59569</v>
      </c>
      <c r="I15943" s="1" t="s">
        <v>53800</v>
      </c>
      <c r="J15943" s="1" t="s">
        <v>59575</v>
      </c>
    </row>
    <row r="15944" spans="1:10" x14ac:dyDescent="0.35">
      <c r="A15944" s="1" t="s">
        <v>59565</v>
      </c>
      <c r="B15944" s="1" t="s">
        <v>53796</v>
      </c>
      <c r="C15944" s="1" t="s">
        <v>25</v>
      </c>
      <c r="D15944" s="1" t="s">
        <v>59576</v>
      </c>
      <c r="E15944" s="1" t="s">
        <v>16090</v>
      </c>
      <c r="F15944" s="1" t="s">
        <v>53844</v>
      </c>
      <c r="G15944" s="1" t="s">
        <v>59568</v>
      </c>
      <c r="H15944" s="1" t="s">
        <v>59569</v>
      </c>
      <c r="I15944" s="1" t="s">
        <v>53800</v>
      </c>
      <c r="J15944" s="1" t="s">
        <v>59577</v>
      </c>
    </row>
    <row r="15945" spans="1:10" x14ac:dyDescent="0.35">
      <c r="A15945" s="1" t="s">
        <v>59565</v>
      </c>
      <c r="B15945" s="1" t="s">
        <v>53796</v>
      </c>
      <c r="C15945" s="1" t="s">
        <v>30</v>
      </c>
      <c r="D15945" s="1" t="s">
        <v>59578</v>
      </c>
      <c r="E15945" s="1" t="s">
        <v>31725</v>
      </c>
      <c r="F15945" s="1" t="s">
        <v>32134</v>
      </c>
      <c r="G15945" s="1" t="s">
        <v>59568</v>
      </c>
      <c r="H15945" s="1" t="s">
        <v>59569</v>
      </c>
      <c r="I15945" s="1" t="s">
        <v>53800</v>
      </c>
      <c r="J15945" s="1" t="s">
        <v>59579</v>
      </c>
    </row>
    <row r="15946" spans="1:10" x14ac:dyDescent="0.35">
      <c r="A15946" s="1" t="s">
        <v>59565</v>
      </c>
      <c r="B15946" s="1" t="s">
        <v>53796</v>
      </c>
      <c r="C15946" s="1" t="s">
        <v>35</v>
      </c>
      <c r="D15946" s="1" t="s">
        <v>59580</v>
      </c>
      <c r="E15946" s="1" t="s">
        <v>15345</v>
      </c>
      <c r="F15946" s="1" t="s">
        <v>59581</v>
      </c>
      <c r="G15946" s="1" t="s">
        <v>59568</v>
      </c>
      <c r="H15946" s="1" t="s">
        <v>59569</v>
      </c>
      <c r="I15946" s="1" t="s">
        <v>53800</v>
      </c>
      <c r="J15946" s="1" t="s">
        <v>59582</v>
      </c>
    </row>
    <row r="15947" spans="1:10" x14ac:dyDescent="0.35">
      <c r="A15947" s="1" t="s">
        <v>59565</v>
      </c>
      <c r="B15947" s="1" t="s">
        <v>53796</v>
      </c>
      <c r="C15947" s="1" t="s">
        <v>40</v>
      </c>
      <c r="D15947" s="1" t="s">
        <v>59583</v>
      </c>
      <c r="E15947" s="1" t="s">
        <v>21182</v>
      </c>
      <c r="F15947" s="1" t="s">
        <v>59584</v>
      </c>
      <c r="G15947" s="1" t="s">
        <v>59568</v>
      </c>
      <c r="H15947" s="1" t="s">
        <v>59569</v>
      </c>
      <c r="I15947" s="1" t="s">
        <v>53800</v>
      </c>
      <c r="J15947" s="1" t="s">
        <v>59585</v>
      </c>
    </row>
    <row r="15948" spans="1:10" x14ac:dyDescent="0.35">
      <c r="A15948" s="1" t="s">
        <v>59565</v>
      </c>
      <c r="B15948" s="1" t="s">
        <v>53796</v>
      </c>
      <c r="C15948" s="1" t="s">
        <v>45</v>
      </c>
      <c r="D15948" s="1" t="s">
        <v>59586</v>
      </c>
      <c r="E15948" s="1" t="s">
        <v>32368</v>
      </c>
      <c r="F15948" s="1" t="s">
        <v>59587</v>
      </c>
      <c r="G15948" s="1" t="s">
        <v>59568</v>
      </c>
      <c r="H15948" s="1" t="s">
        <v>59569</v>
      </c>
      <c r="I15948" s="1" t="s">
        <v>53800</v>
      </c>
      <c r="J15948" s="1" t="s">
        <v>59588</v>
      </c>
    </row>
    <row r="15949" spans="1:10" x14ac:dyDescent="0.35">
      <c r="A15949" s="1" t="s">
        <v>59565</v>
      </c>
      <c r="B15949" s="1" t="s">
        <v>53796</v>
      </c>
      <c r="C15949" s="1" t="s">
        <v>50</v>
      </c>
      <c r="D15949" s="1" t="s">
        <v>59589</v>
      </c>
      <c r="E15949" s="1" t="s">
        <v>12809</v>
      </c>
      <c r="F15949" s="1" t="s">
        <v>59590</v>
      </c>
      <c r="G15949" s="1" t="s">
        <v>59568</v>
      </c>
      <c r="H15949" s="1" t="s">
        <v>59569</v>
      </c>
      <c r="I15949" s="1" t="s">
        <v>53800</v>
      </c>
      <c r="J15949" s="1" t="s">
        <v>59591</v>
      </c>
    </row>
    <row r="15950" spans="1:10" x14ac:dyDescent="0.35">
      <c r="A15950" s="1" t="s">
        <v>59565</v>
      </c>
      <c r="B15950" s="1" t="s">
        <v>53796</v>
      </c>
      <c r="C15950" s="1" t="s">
        <v>55</v>
      </c>
      <c r="D15950" s="1" t="s">
        <v>59592</v>
      </c>
      <c r="E15950" s="1" t="s">
        <v>23202</v>
      </c>
      <c r="F15950" s="1" t="s">
        <v>55273</v>
      </c>
      <c r="G15950" s="1" t="s">
        <v>59568</v>
      </c>
      <c r="H15950" s="1" t="s">
        <v>59569</v>
      </c>
      <c r="I15950" s="1" t="s">
        <v>53800</v>
      </c>
      <c r="J15950" s="1" t="s">
        <v>59593</v>
      </c>
    </row>
    <row r="15951" spans="1:10" x14ac:dyDescent="0.35">
      <c r="A15951" s="1" t="s">
        <v>59565</v>
      </c>
      <c r="B15951" s="1" t="s">
        <v>53796</v>
      </c>
      <c r="C15951" s="1" t="s">
        <v>60</v>
      </c>
      <c r="D15951" s="1" t="s">
        <v>59594</v>
      </c>
      <c r="E15951" s="1" t="s">
        <v>15235</v>
      </c>
      <c r="F15951" s="1" t="s">
        <v>59595</v>
      </c>
      <c r="G15951" s="1" t="s">
        <v>59568</v>
      </c>
      <c r="H15951" s="1" t="s">
        <v>59569</v>
      </c>
      <c r="I15951" s="1" t="s">
        <v>53800</v>
      </c>
      <c r="J15951" s="1" t="s">
        <v>59596</v>
      </c>
    </row>
    <row r="15952" spans="1:10" x14ac:dyDescent="0.35">
      <c r="A15952" s="1" t="s">
        <v>59565</v>
      </c>
      <c r="B15952" s="1" t="s">
        <v>53796</v>
      </c>
      <c r="C15952" s="1" t="s">
        <v>65</v>
      </c>
      <c r="D15952" s="1" t="s">
        <v>59597</v>
      </c>
      <c r="E15952" s="1" t="s">
        <v>22091</v>
      </c>
      <c r="F15952" s="1" t="s">
        <v>52458</v>
      </c>
      <c r="G15952" s="1" t="s">
        <v>59568</v>
      </c>
      <c r="H15952" s="1" t="s">
        <v>59569</v>
      </c>
      <c r="I15952" s="1" t="s">
        <v>53800</v>
      </c>
      <c r="J15952" s="1" t="s">
        <v>59598</v>
      </c>
    </row>
    <row r="15953" spans="1:10" x14ac:dyDescent="0.35">
      <c r="A15953" s="1" t="s">
        <v>59565</v>
      </c>
      <c r="B15953" s="1" t="s">
        <v>53796</v>
      </c>
      <c r="C15953" s="1" t="s">
        <v>70</v>
      </c>
      <c r="D15953" s="1" t="s">
        <v>59599</v>
      </c>
      <c r="E15953" s="1" t="s">
        <v>22267</v>
      </c>
      <c r="F15953" s="1" t="s">
        <v>59600</v>
      </c>
      <c r="G15953" s="1" t="s">
        <v>59568</v>
      </c>
      <c r="H15953" s="1" t="s">
        <v>59569</v>
      </c>
      <c r="I15953" s="1" t="s">
        <v>53800</v>
      </c>
      <c r="J15953" s="1" t="s">
        <v>59601</v>
      </c>
    </row>
    <row r="15954" spans="1:10" x14ac:dyDescent="0.35">
      <c r="A15954" s="1" t="s">
        <v>59565</v>
      </c>
      <c r="B15954" s="1" t="s">
        <v>53796</v>
      </c>
      <c r="C15954" s="1" t="s">
        <v>75</v>
      </c>
      <c r="D15954" s="1" t="s">
        <v>59602</v>
      </c>
      <c r="E15954" s="1" t="s">
        <v>21956</v>
      </c>
      <c r="F15954" s="1" t="s">
        <v>59603</v>
      </c>
      <c r="G15954" s="1" t="s">
        <v>59568</v>
      </c>
      <c r="H15954" s="1" t="s">
        <v>59569</v>
      </c>
      <c r="I15954" s="1" t="s">
        <v>53800</v>
      </c>
      <c r="J15954" s="1" t="s">
        <v>59604</v>
      </c>
    </row>
    <row r="15955" spans="1:10" x14ac:dyDescent="0.35">
      <c r="A15955" s="1" t="s">
        <v>59565</v>
      </c>
      <c r="B15955" s="1" t="s">
        <v>53796</v>
      </c>
      <c r="C15955" s="1" t="s">
        <v>80</v>
      </c>
      <c r="D15955" s="1" t="s">
        <v>59605</v>
      </c>
      <c r="E15955" s="1" t="s">
        <v>41220</v>
      </c>
      <c r="F15955" s="1" t="s">
        <v>59606</v>
      </c>
      <c r="G15955" s="1" t="s">
        <v>59568</v>
      </c>
      <c r="H15955" s="1" t="s">
        <v>59569</v>
      </c>
      <c r="I15955" s="1" t="s">
        <v>53800</v>
      </c>
      <c r="J15955" s="1" t="s">
        <v>59607</v>
      </c>
    </row>
    <row r="15956" spans="1:10" x14ac:dyDescent="0.35">
      <c r="A15956" s="1" t="s">
        <v>59565</v>
      </c>
      <c r="B15956" s="1" t="s">
        <v>53796</v>
      </c>
      <c r="C15956" s="1" t="s">
        <v>85</v>
      </c>
      <c r="D15956" s="1" t="s">
        <v>59608</v>
      </c>
      <c r="E15956" s="1" t="s">
        <v>23133</v>
      </c>
      <c r="F15956" s="1" t="s">
        <v>58952</v>
      </c>
      <c r="G15956" s="1" t="s">
        <v>59568</v>
      </c>
      <c r="H15956" s="1" t="s">
        <v>59569</v>
      </c>
      <c r="I15956" s="1" t="s">
        <v>53800</v>
      </c>
      <c r="J15956" s="1" t="s">
        <v>59609</v>
      </c>
    </row>
    <row r="15957" spans="1:10" x14ac:dyDescent="0.35">
      <c r="A15957" s="1" t="s">
        <v>59565</v>
      </c>
      <c r="B15957" s="1" t="s">
        <v>53796</v>
      </c>
      <c r="C15957" s="1" t="s">
        <v>90</v>
      </c>
      <c r="D15957" s="1" t="s">
        <v>59610</v>
      </c>
      <c r="E15957" s="1" t="s">
        <v>54099</v>
      </c>
      <c r="F15957" s="1" t="s">
        <v>59611</v>
      </c>
      <c r="G15957" s="1" t="s">
        <v>59568</v>
      </c>
      <c r="H15957" s="1" t="s">
        <v>59569</v>
      </c>
      <c r="I15957" s="1" t="s">
        <v>53800</v>
      </c>
      <c r="J15957" s="1" t="s">
        <v>59612</v>
      </c>
    </row>
    <row r="15958" spans="1:10" x14ac:dyDescent="0.35">
      <c r="A15958" s="1" t="s">
        <v>59565</v>
      </c>
      <c r="B15958" s="1" t="s">
        <v>53796</v>
      </c>
      <c r="C15958" s="1" t="s">
        <v>95</v>
      </c>
      <c r="D15958" s="1" t="s">
        <v>59613</v>
      </c>
      <c r="E15958" s="1" t="s">
        <v>56043</v>
      </c>
      <c r="F15958" s="1" t="s">
        <v>15400</v>
      </c>
      <c r="G15958" s="1" t="s">
        <v>59568</v>
      </c>
      <c r="H15958" s="1" t="s">
        <v>59569</v>
      </c>
      <c r="I15958" s="1" t="s">
        <v>53800</v>
      </c>
      <c r="J15958" s="1" t="s">
        <v>59614</v>
      </c>
    </row>
    <row r="15959" spans="1:10" x14ac:dyDescent="0.35">
      <c r="A15959" s="1" t="s">
        <v>59565</v>
      </c>
      <c r="B15959" s="1" t="s">
        <v>53796</v>
      </c>
      <c r="C15959" s="1" t="s">
        <v>100</v>
      </c>
      <c r="D15959" s="1" t="s">
        <v>59615</v>
      </c>
      <c r="E15959" s="1" t="s">
        <v>15340</v>
      </c>
      <c r="F15959" s="1" t="s">
        <v>58040</v>
      </c>
      <c r="G15959" s="1" t="s">
        <v>59568</v>
      </c>
      <c r="H15959" s="1" t="s">
        <v>59569</v>
      </c>
      <c r="I15959" s="1" t="s">
        <v>53800</v>
      </c>
      <c r="J15959" s="1" t="s">
        <v>59616</v>
      </c>
    </row>
    <row r="15960" spans="1:10" x14ac:dyDescent="0.35">
      <c r="A15960" s="1" t="s">
        <v>59565</v>
      </c>
      <c r="B15960" s="1" t="s">
        <v>53796</v>
      </c>
      <c r="C15960" s="1" t="s">
        <v>105</v>
      </c>
      <c r="D15960" s="1" t="s">
        <v>59617</v>
      </c>
      <c r="E15960" s="1" t="s">
        <v>56404</v>
      </c>
      <c r="F15960" s="1" t="s">
        <v>59618</v>
      </c>
      <c r="G15960" s="1" t="s">
        <v>59568</v>
      </c>
      <c r="H15960" s="1" t="s">
        <v>59569</v>
      </c>
      <c r="I15960" s="1" t="s">
        <v>53800</v>
      </c>
      <c r="J15960" s="1" t="s">
        <v>59619</v>
      </c>
    </row>
    <row r="15961" spans="1:10" x14ac:dyDescent="0.35">
      <c r="A15961" s="1" t="s">
        <v>59565</v>
      </c>
      <c r="B15961" s="1" t="s">
        <v>53796</v>
      </c>
      <c r="C15961" s="1" t="s">
        <v>110</v>
      </c>
      <c r="D15961" s="1" t="s">
        <v>59620</v>
      </c>
      <c r="E15961" s="1" t="s">
        <v>21746</v>
      </c>
      <c r="F15961" s="1" t="s">
        <v>59621</v>
      </c>
      <c r="G15961" s="1" t="s">
        <v>59568</v>
      </c>
      <c r="H15961" s="1" t="s">
        <v>59569</v>
      </c>
      <c r="I15961" s="1" t="s">
        <v>53800</v>
      </c>
      <c r="J15961" s="1" t="s">
        <v>59622</v>
      </c>
    </row>
    <row r="15962" spans="1:10" x14ac:dyDescent="0.35">
      <c r="A15962" s="1" t="s">
        <v>59565</v>
      </c>
      <c r="B15962" s="1" t="s">
        <v>53796</v>
      </c>
      <c r="C15962" s="1" t="s">
        <v>115</v>
      </c>
      <c r="D15962" s="1" t="s">
        <v>59623</v>
      </c>
      <c r="E15962" s="1" t="s">
        <v>31757</v>
      </c>
      <c r="F15962" s="1" t="s">
        <v>59624</v>
      </c>
      <c r="G15962" s="1" t="s">
        <v>59568</v>
      </c>
      <c r="H15962" s="1" t="s">
        <v>59569</v>
      </c>
      <c r="I15962" s="1" t="s">
        <v>53800</v>
      </c>
      <c r="J15962" s="1" t="s">
        <v>59625</v>
      </c>
    </row>
    <row r="15963" spans="1:10" x14ac:dyDescent="0.35">
      <c r="A15963" s="1" t="s">
        <v>59565</v>
      </c>
      <c r="B15963" s="1" t="s">
        <v>53796</v>
      </c>
      <c r="C15963" s="1" t="s">
        <v>120</v>
      </c>
      <c r="D15963" s="1" t="s">
        <v>59626</v>
      </c>
      <c r="E15963" s="1" t="s">
        <v>23521</v>
      </c>
      <c r="F15963" s="1" t="s">
        <v>59627</v>
      </c>
      <c r="G15963" s="1" t="s">
        <v>59568</v>
      </c>
      <c r="H15963" s="1" t="s">
        <v>59569</v>
      </c>
      <c r="I15963" s="1" t="s">
        <v>53800</v>
      </c>
      <c r="J15963" s="1" t="s">
        <v>59628</v>
      </c>
    </row>
    <row r="15964" spans="1:10" x14ac:dyDescent="0.35">
      <c r="A15964" s="1" t="s">
        <v>59565</v>
      </c>
      <c r="B15964" s="1" t="s">
        <v>53796</v>
      </c>
      <c r="C15964" s="1" t="s">
        <v>125</v>
      </c>
      <c r="D15964" s="1" t="s">
        <v>59629</v>
      </c>
      <c r="E15964" s="1" t="s">
        <v>15328</v>
      </c>
      <c r="F15964" s="1" t="s">
        <v>59630</v>
      </c>
      <c r="G15964" s="1" t="s">
        <v>59568</v>
      </c>
      <c r="H15964" s="1" t="s">
        <v>59569</v>
      </c>
      <c r="I15964" s="1" t="s">
        <v>53800</v>
      </c>
      <c r="J15964" s="1" t="s">
        <v>59631</v>
      </c>
    </row>
    <row r="15965" spans="1:10" x14ac:dyDescent="0.35">
      <c r="A15965" s="1" t="s">
        <v>59565</v>
      </c>
      <c r="B15965" s="1" t="s">
        <v>53796</v>
      </c>
      <c r="C15965" s="1" t="s">
        <v>130</v>
      </c>
      <c r="D15965" s="1" t="s">
        <v>59632</v>
      </c>
      <c r="E15965" s="1" t="s">
        <v>59633</v>
      </c>
      <c r="F15965" s="1" t="s">
        <v>59146</v>
      </c>
      <c r="G15965" s="1" t="s">
        <v>59568</v>
      </c>
      <c r="H15965" s="1" t="s">
        <v>59569</v>
      </c>
      <c r="I15965" s="1" t="s">
        <v>53800</v>
      </c>
      <c r="J15965" s="1" t="s">
        <v>59634</v>
      </c>
    </row>
    <row r="15966" spans="1:10" x14ac:dyDescent="0.35">
      <c r="A15966" s="1" t="s">
        <v>59565</v>
      </c>
      <c r="B15966" s="1" t="s">
        <v>53796</v>
      </c>
      <c r="C15966" s="1" t="s">
        <v>135</v>
      </c>
      <c r="D15966" s="1" t="s">
        <v>59635</v>
      </c>
      <c r="E15966" s="1" t="s">
        <v>59636</v>
      </c>
      <c r="F15966" s="1" t="s">
        <v>59637</v>
      </c>
      <c r="G15966" s="1" t="s">
        <v>59568</v>
      </c>
      <c r="H15966" s="1" t="s">
        <v>59569</v>
      </c>
      <c r="I15966" s="1" t="s">
        <v>53800</v>
      </c>
      <c r="J15966" s="1" t="s">
        <v>59638</v>
      </c>
    </row>
    <row r="15967" spans="1:10" x14ac:dyDescent="0.35">
      <c r="A15967" s="1" t="s">
        <v>59565</v>
      </c>
      <c r="B15967" s="1" t="s">
        <v>53796</v>
      </c>
      <c r="C15967" s="1" t="s">
        <v>140</v>
      </c>
      <c r="D15967" s="1" t="s">
        <v>59639</v>
      </c>
      <c r="E15967" s="1" t="s">
        <v>59640</v>
      </c>
      <c r="F15967" s="1" t="s">
        <v>59641</v>
      </c>
      <c r="G15967" s="1" t="s">
        <v>59568</v>
      </c>
      <c r="H15967" s="1" t="s">
        <v>59569</v>
      </c>
      <c r="I15967" s="1" t="s">
        <v>53800</v>
      </c>
      <c r="J15967" s="1" t="s">
        <v>59642</v>
      </c>
    </row>
    <row r="15968" spans="1:10" x14ac:dyDescent="0.35">
      <c r="A15968" s="1" t="s">
        <v>59565</v>
      </c>
      <c r="B15968" s="1" t="s">
        <v>53796</v>
      </c>
      <c r="C15968" s="1" t="s">
        <v>145</v>
      </c>
      <c r="D15968" s="1" t="s">
        <v>59643</v>
      </c>
      <c r="E15968" s="1" t="s">
        <v>31834</v>
      </c>
      <c r="F15968" s="1" t="s">
        <v>31557</v>
      </c>
      <c r="G15968" s="1" t="s">
        <v>59568</v>
      </c>
      <c r="H15968" s="1" t="s">
        <v>59569</v>
      </c>
      <c r="I15968" s="1" t="s">
        <v>53800</v>
      </c>
      <c r="J15968" s="1" t="s">
        <v>59644</v>
      </c>
    </row>
    <row r="15969" spans="1:10" x14ac:dyDescent="0.35">
      <c r="A15969" s="1" t="s">
        <v>59565</v>
      </c>
      <c r="B15969" s="1" t="s">
        <v>53796</v>
      </c>
      <c r="C15969" s="1" t="s">
        <v>150</v>
      </c>
      <c r="D15969" s="1" t="s">
        <v>59645</v>
      </c>
      <c r="E15969" s="1" t="s">
        <v>54118</v>
      </c>
      <c r="F15969" s="1" t="s">
        <v>59646</v>
      </c>
      <c r="G15969" s="1" t="s">
        <v>59568</v>
      </c>
      <c r="H15969" s="1" t="s">
        <v>59569</v>
      </c>
      <c r="I15969" s="1" t="s">
        <v>53800</v>
      </c>
      <c r="J15969" s="1" t="s">
        <v>59647</v>
      </c>
    </row>
    <row r="15970" spans="1:10" x14ac:dyDescent="0.35">
      <c r="A15970" s="1" t="s">
        <v>59565</v>
      </c>
      <c r="B15970" s="1" t="s">
        <v>53796</v>
      </c>
      <c r="C15970" s="1" t="s">
        <v>155</v>
      </c>
      <c r="D15970" s="1" t="s">
        <v>59648</v>
      </c>
      <c r="E15970" s="1" t="s">
        <v>22294</v>
      </c>
      <c r="F15970" s="1" t="s">
        <v>59649</v>
      </c>
      <c r="G15970" s="1" t="s">
        <v>59568</v>
      </c>
      <c r="H15970" s="1" t="s">
        <v>59569</v>
      </c>
      <c r="I15970" s="1" t="s">
        <v>53800</v>
      </c>
      <c r="J15970" s="1" t="s">
        <v>59650</v>
      </c>
    </row>
    <row r="15971" spans="1:10" x14ac:dyDescent="0.35">
      <c r="A15971" s="1" t="s">
        <v>59565</v>
      </c>
      <c r="B15971" s="1" t="s">
        <v>53796</v>
      </c>
      <c r="C15971" s="1" t="s">
        <v>160</v>
      </c>
      <c r="D15971" s="1" t="s">
        <v>59651</v>
      </c>
      <c r="E15971" s="1" t="s">
        <v>15384</v>
      </c>
      <c r="F15971" s="1" t="s">
        <v>59652</v>
      </c>
      <c r="G15971" s="1" t="s">
        <v>59568</v>
      </c>
      <c r="H15971" s="1" t="s">
        <v>59569</v>
      </c>
      <c r="I15971" s="1" t="s">
        <v>53800</v>
      </c>
      <c r="J15971" s="1" t="s">
        <v>59653</v>
      </c>
    </row>
    <row r="15972" spans="1:10" x14ac:dyDescent="0.35">
      <c r="A15972" s="1" t="s">
        <v>59565</v>
      </c>
      <c r="B15972" s="1" t="s">
        <v>53796</v>
      </c>
      <c r="C15972" s="1" t="s">
        <v>165</v>
      </c>
      <c r="D15972" s="1" t="s">
        <v>59654</v>
      </c>
      <c r="E15972" s="1" t="s">
        <v>56404</v>
      </c>
      <c r="F15972" s="1" t="s">
        <v>59655</v>
      </c>
      <c r="G15972" s="1" t="s">
        <v>59568</v>
      </c>
      <c r="H15972" s="1" t="s">
        <v>59569</v>
      </c>
      <c r="I15972" s="1" t="s">
        <v>53800</v>
      </c>
      <c r="J15972" s="1" t="s">
        <v>59656</v>
      </c>
    </row>
    <row r="15973" spans="1:10" x14ac:dyDescent="0.35">
      <c r="A15973" s="1" t="s">
        <v>59565</v>
      </c>
      <c r="B15973" s="1" t="s">
        <v>53796</v>
      </c>
      <c r="C15973" s="1" t="s">
        <v>170</v>
      </c>
      <c r="D15973" s="1" t="s">
        <v>59657</v>
      </c>
      <c r="E15973" s="1" t="s">
        <v>59658</v>
      </c>
      <c r="F15973" s="1" t="s">
        <v>59659</v>
      </c>
      <c r="G15973" s="1" t="s">
        <v>59568</v>
      </c>
      <c r="H15973" s="1" t="s">
        <v>59569</v>
      </c>
      <c r="I15973" s="1" t="s">
        <v>53800</v>
      </c>
      <c r="J15973" s="1" t="s">
        <v>59660</v>
      </c>
    </row>
    <row r="15974" spans="1:10" x14ac:dyDescent="0.35">
      <c r="A15974" s="1" t="s">
        <v>59661</v>
      </c>
      <c r="B15974" s="1" t="s">
        <v>53796</v>
      </c>
      <c r="C15974" s="1" t="s">
        <v>8</v>
      </c>
      <c r="D15974" s="1" t="s">
        <v>59662</v>
      </c>
      <c r="E15974" s="1" t="s">
        <v>24201</v>
      </c>
      <c r="F15974" s="1" t="s">
        <v>59663</v>
      </c>
      <c r="G15974" s="1" t="s">
        <v>59664</v>
      </c>
      <c r="H15974" s="1" t="s">
        <v>59665</v>
      </c>
      <c r="I15974" s="1" t="s">
        <v>53800</v>
      </c>
      <c r="J15974" s="1" t="s">
        <v>13</v>
      </c>
    </row>
    <row r="15975" spans="1:10" x14ac:dyDescent="0.35">
      <c r="A15975" s="1" t="s">
        <v>59661</v>
      </c>
      <c r="B15975" s="1" t="s">
        <v>53796</v>
      </c>
      <c r="C15975" s="1" t="s">
        <v>15</v>
      </c>
      <c r="D15975" s="1" t="s">
        <v>59666</v>
      </c>
      <c r="E15975" s="1" t="s">
        <v>21768</v>
      </c>
      <c r="F15975" s="1" t="s">
        <v>59667</v>
      </c>
      <c r="G15975" s="1" t="s">
        <v>59664</v>
      </c>
      <c r="H15975" s="1" t="s">
        <v>59665</v>
      </c>
      <c r="I15975" s="1" t="s">
        <v>53800</v>
      </c>
      <c r="J15975" s="1" t="s">
        <v>59668</v>
      </c>
    </row>
    <row r="15976" spans="1:10" x14ac:dyDescent="0.35">
      <c r="A15976" s="1" t="s">
        <v>59661</v>
      </c>
      <c r="B15976" s="1" t="s">
        <v>53796</v>
      </c>
      <c r="C15976" s="1" t="s">
        <v>20</v>
      </c>
      <c r="D15976" s="1" t="s">
        <v>59669</v>
      </c>
      <c r="E15976" s="1" t="s">
        <v>54455</v>
      </c>
      <c r="F15976" s="1" t="s">
        <v>59670</v>
      </c>
      <c r="G15976" s="1" t="s">
        <v>59664</v>
      </c>
      <c r="H15976" s="1" t="s">
        <v>59665</v>
      </c>
      <c r="I15976" s="1" t="s">
        <v>53800</v>
      </c>
      <c r="J15976" s="1" t="s">
        <v>59671</v>
      </c>
    </row>
    <row r="15977" spans="1:10" x14ac:dyDescent="0.35">
      <c r="A15977" s="1" t="s">
        <v>59661</v>
      </c>
      <c r="B15977" s="1" t="s">
        <v>53796</v>
      </c>
      <c r="C15977" s="1" t="s">
        <v>25</v>
      </c>
      <c r="D15977" s="1" t="s">
        <v>52713</v>
      </c>
      <c r="E15977" s="1" t="s">
        <v>41395</v>
      </c>
      <c r="F15977" s="1" t="s">
        <v>59672</v>
      </c>
      <c r="G15977" s="1" t="s">
        <v>59664</v>
      </c>
      <c r="H15977" s="1" t="s">
        <v>59665</v>
      </c>
      <c r="I15977" s="1" t="s">
        <v>53800</v>
      </c>
      <c r="J15977" s="1" t="s">
        <v>59673</v>
      </c>
    </row>
    <row r="15978" spans="1:10" x14ac:dyDescent="0.35">
      <c r="A15978" s="1" t="s">
        <v>59661</v>
      </c>
      <c r="B15978" s="1" t="s">
        <v>53796</v>
      </c>
      <c r="C15978" s="1" t="s">
        <v>30</v>
      </c>
      <c r="D15978" s="1" t="s">
        <v>59674</v>
      </c>
      <c r="E15978" s="1" t="s">
        <v>23435</v>
      </c>
      <c r="F15978" s="1" t="s">
        <v>56883</v>
      </c>
      <c r="G15978" s="1" t="s">
        <v>59664</v>
      </c>
      <c r="H15978" s="1" t="s">
        <v>59665</v>
      </c>
      <c r="I15978" s="1" t="s">
        <v>53800</v>
      </c>
      <c r="J15978" s="1" t="s">
        <v>59675</v>
      </c>
    </row>
    <row r="15979" spans="1:10" x14ac:dyDescent="0.35">
      <c r="A15979" s="1" t="s">
        <v>59661</v>
      </c>
      <c r="B15979" s="1" t="s">
        <v>53796</v>
      </c>
      <c r="C15979" s="1" t="s">
        <v>35</v>
      </c>
      <c r="D15979" s="1" t="s">
        <v>59676</v>
      </c>
      <c r="E15979" s="1" t="s">
        <v>41363</v>
      </c>
      <c r="F15979" s="1" t="s">
        <v>59677</v>
      </c>
      <c r="G15979" s="1" t="s">
        <v>59664</v>
      </c>
      <c r="H15979" s="1" t="s">
        <v>59665</v>
      </c>
      <c r="I15979" s="1" t="s">
        <v>53800</v>
      </c>
      <c r="J15979" s="1" t="s">
        <v>59678</v>
      </c>
    </row>
    <row r="15980" spans="1:10" x14ac:dyDescent="0.35">
      <c r="A15980" s="1" t="s">
        <v>59661</v>
      </c>
      <c r="B15980" s="1" t="s">
        <v>53796</v>
      </c>
      <c r="C15980" s="1" t="s">
        <v>40</v>
      </c>
      <c r="D15980" s="1" t="s">
        <v>59679</v>
      </c>
      <c r="E15980" s="1" t="s">
        <v>41509</v>
      </c>
      <c r="F15980" s="1" t="s">
        <v>59680</v>
      </c>
      <c r="G15980" s="1" t="s">
        <v>59664</v>
      </c>
      <c r="H15980" s="1" t="s">
        <v>59665</v>
      </c>
      <c r="I15980" s="1" t="s">
        <v>53800</v>
      </c>
      <c r="J15980" s="1" t="s">
        <v>59681</v>
      </c>
    </row>
    <row r="15981" spans="1:10" x14ac:dyDescent="0.35">
      <c r="A15981" s="1" t="s">
        <v>59661</v>
      </c>
      <c r="B15981" s="1" t="s">
        <v>53796</v>
      </c>
      <c r="C15981" s="1" t="s">
        <v>45</v>
      </c>
      <c r="D15981" s="1" t="s">
        <v>26296</v>
      </c>
      <c r="E15981" s="1" t="s">
        <v>55227</v>
      </c>
      <c r="F15981" s="1" t="s">
        <v>59682</v>
      </c>
      <c r="G15981" s="1" t="s">
        <v>59664</v>
      </c>
      <c r="H15981" s="1" t="s">
        <v>59665</v>
      </c>
      <c r="I15981" s="1" t="s">
        <v>53800</v>
      </c>
      <c r="J15981" s="1" t="s">
        <v>59683</v>
      </c>
    </row>
    <row r="15982" spans="1:10" x14ac:dyDescent="0.35">
      <c r="A15982" s="1" t="s">
        <v>59661</v>
      </c>
      <c r="B15982" s="1" t="s">
        <v>53796</v>
      </c>
      <c r="C15982" s="1" t="s">
        <v>50</v>
      </c>
      <c r="D15982" s="1" t="s">
        <v>40100</v>
      </c>
      <c r="E15982" s="1" t="s">
        <v>41202</v>
      </c>
      <c r="F15982" s="1" t="s">
        <v>59684</v>
      </c>
      <c r="G15982" s="1" t="s">
        <v>59664</v>
      </c>
      <c r="H15982" s="1" t="s">
        <v>59665</v>
      </c>
      <c r="I15982" s="1" t="s">
        <v>53800</v>
      </c>
      <c r="J15982" s="1" t="s">
        <v>59685</v>
      </c>
    </row>
    <row r="15983" spans="1:10" x14ac:dyDescent="0.35">
      <c r="A15983" s="1" t="s">
        <v>59661</v>
      </c>
      <c r="B15983" s="1" t="s">
        <v>53796</v>
      </c>
      <c r="C15983" s="1" t="s">
        <v>55</v>
      </c>
      <c r="D15983" s="1" t="s">
        <v>59686</v>
      </c>
      <c r="E15983" s="1" t="s">
        <v>41344</v>
      </c>
      <c r="F15983" s="1" t="s">
        <v>56734</v>
      </c>
      <c r="G15983" s="1" t="s">
        <v>59664</v>
      </c>
      <c r="H15983" s="1" t="s">
        <v>59665</v>
      </c>
      <c r="I15983" s="1" t="s">
        <v>53800</v>
      </c>
      <c r="J15983" s="1" t="s">
        <v>59687</v>
      </c>
    </row>
    <row r="15984" spans="1:10" x14ac:dyDescent="0.35">
      <c r="A15984" s="1" t="s">
        <v>59661</v>
      </c>
      <c r="B15984" s="1" t="s">
        <v>53796</v>
      </c>
      <c r="C15984" s="1" t="s">
        <v>60</v>
      </c>
      <c r="D15984" s="1" t="s">
        <v>12553</v>
      </c>
      <c r="E15984" s="1" t="s">
        <v>21860</v>
      </c>
      <c r="F15984" s="1" t="s">
        <v>59688</v>
      </c>
      <c r="G15984" s="1" t="s">
        <v>59664</v>
      </c>
      <c r="H15984" s="1" t="s">
        <v>59665</v>
      </c>
      <c r="I15984" s="1" t="s">
        <v>53800</v>
      </c>
      <c r="J15984" s="1" t="s">
        <v>59689</v>
      </c>
    </row>
    <row r="15985" spans="1:10" x14ac:dyDescent="0.35">
      <c r="A15985" s="1" t="s">
        <v>59661</v>
      </c>
      <c r="B15985" s="1" t="s">
        <v>53796</v>
      </c>
      <c r="C15985" s="1" t="s">
        <v>65</v>
      </c>
      <c r="D15985" s="1" t="s">
        <v>59690</v>
      </c>
      <c r="E15985" s="1" t="s">
        <v>58534</v>
      </c>
      <c r="F15985" s="1" t="s">
        <v>59691</v>
      </c>
      <c r="G15985" s="1" t="s">
        <v>59664</v>
      </c>
      <c r="H15985" s="1" t="s">
        <v>59665</v>
      </c>
      <c r="I15985" s="1" t="s">
        <v>53800</v>
      </c>
      <c r="J15985" s="1" t="s">
        <v>59692</v>
      </c>
    </row>
    <row r="15986" spans="1:10" x14ac:dyDescent="0.35">
      <c r="A15986" s="1" t="s">
        <v>59661</v>
      </c>
      <c r="B15986" s="1" t="s">
        <v>53796</v>
      </c>
      <c r="C15986" s="1" t="s">
        <v>70</v>
      </c>
      <c r="D15986" s="1" t="s">
        <v>59693</v>
      </c>
      <c r="E15986" s="1" t="s">
        <v>56104</v>
      </c>
      <c r="F15986" s="1" t="s">
        <v>59694</v>
      </c>
      <c r="G15986" s="1" t="s">
        <v>59664</v>
      </c>
      <c r="H15986" s="1" t="s">
        <v>59665</v>
      </c>
      <c r="I15986" s="1" t="s">
        <v>53800</v>
      </c>
      <c r="J15986" s="1" t="s">
        <v>59695</v>
      </c>
    </row>
    <row r="15987" spans="1:10" x14ac:dyDescent="0.35">
      <c r="A15987" s="1" t="s">
        <v>59661</v>
      </c>
      <c r="B15987" s="1" t="s">
        <v>53796</v>
      </c>
      <c r="C15987" s="1" t="s">
        <v>75</v>
      </c>
      <c r="D15987" s="1" t="s">
        <v>59696</v>
      </c>
      <c r="E15987" s="1" t="s">
        <v>53969</v>
      </c>
      <c r="F15987" s="1" t="s">
        <v>59697</v>
      </c>
      <c r="G15987" s="1" t="s">
        <v>59664</v>
      </c>
      <c r="H15987" s="1" t="s">
        <v>59665</v>
      </c>
      <c r="I15987" s="1" t="s">
        <v>53800</v>
      </c>
      <c r="J15987" s="1" t="s">
        <v>59698</v>
      </c>
    </row>
    <row r="15988" spans="1:10" x14ac:dyDescent="0.35">
      <c r="A15988" s="1" t="s">
        <v>59661</v>
      </c>
      <c r="B15988" s="1" t="s">
        <v>53796</v>
      </c>
      <c r="C15988" s="1" t="s">
        <v>80</v>
      </c>
      <c r="D15988" s="1" t="s">
        <v>59699</v>
      </c>
      <c r="E15988" s="1" t="s">
        <v>12805</v>
      </c>
      <c r="F15988" s="1" t="s">
        <v>59700</v>
      </c>
      <c r="G15988" s="1" t="s">
        <v>59664</v>
      </c>
      <c r="H15988" s="1" t="s">
        <v>59665</v>
      </c>
      <c r="I15988" s="1" t="s">
        <v>53800</v>
      </c>
      <c r="J15988" s="1" t="s">
        <v>59701</v>
      </c>
    </row>
    <row r="15989" spans="1:10" x14ac:dyDescent="0.35">
      <c r="A15989" s="1" t="s">
        <v>59661</v>
      </c>
      <c r="B15989" s="1" t="s">
        <v>53796</v>
      </c>
      <c r="C15989" s="1" t="s">
        <v>85</v>
      </c>
      <c r="D15989" s="1" t="s">
        <v>59702</v>
      </c>
      <c r="E15989" s="1" t="s">
        <v>53920</v>
      </c>
      <c r="F15989" s="1" t="s">
        <v>59703</v>
      </c>
      <c r="G15989" s="1" t="s">
        <v>59664</v>
      </c>
      <c r="H15989" s="1" t="s">
        <v>59665</v>
      </c>
      <c r="I15989" s="1" t="s">
        <v>53800</v>
      </c>
      <c r="J15989" s="1" t="s">
        <v>59704</v>
      </c>
    </row>
    <row r="15990" spans="1:10" x14ac:dyDescent="0.35">
      <c r="A15990" s="1" t="s">
        <v>59661</v>
      </c>
      <c r="B15990" s="1" t="s">
        <v>53796</v>
      </c>
      <c r="C15990" s="1" t="s">
        <v>90</v>
      </c>
      <c r="D15990" s="1" t="s">
        <v>59705</v>
      </c>
      <c r="E15990" s="1" t="s">
        <v>31949</v>
      </c>
      <c r="F15990" s="1" t="s">
        <v>59706</v>
      </c>
      <c r="G15990" s="1" t="s">
        <v>59664</v>
      </c>
      <c r="H15990" s="1" t="s">
        <v>59665</v>
      </c>
      <c r="I15990" s="1" t="s">
        <v>53800</v>
      </c>
      <c r="J15990" s="1" t="s">
        <v>59707</v>
      </c>
    </row>
    <row r="15991" spans="1:10" x14ac:dyDescent="0.35">
      <c r="A15991" s="1" t="s">
        <v>59661</v>
      </c>
      <c r="B15991" s="1" t="s">
        <v>53796</v>
      </c>
      <c r="C15991" s="1" t="s">
        <v>95</v>
      </c>
      <c r="D15991" s="1" t="s">
        <v>59708</v>
      </c>
      <c r="E15991" s="1" t="s">
        <v>59709</v>
      </c>
      <c r="F15991" s="1" t="s">
        <v>15581</v>
      </c>
      <c r="G15991" s="1" t="s">
        <v>59664</v>
      </c>
      <c r="H15991" s="1" t="s">
        <v>59665</v>
      </c>
      <c r="I15991" s="1" t="s">
        <v>53800</v>
      </c>
      <c r="J15991" s="1" t="s">
        <v>59710</v>
      </c>
    </row>
    <row r="15992" spans="1:10" x14ac:dyDescent="0.35">
      <c r="A15992" s="1" t="s">
        <v>59661</v>
      </c>
      <c r="B15992" s="1" t="s">
        <v>53796</v>
      </c>
      <c r="C15992" s="1" t="s">
        <v>100</v>
      </c>
      <c r="D15992" s="1" t="s">
        <v>59711</v>
      </c>
      <c r="E15992" s="1" t="s">
        <v>15245</v>
      </c>
      <c r="F15992" s="1" t="s">
        <v>59712</v>
      </c>
      <c r="G15992" s="1" t="s">
        <v>59664</v>
      </c>
      <c r="H15992" s="1" t="s">
        <v>59665</v>
      </c>
      <c r="I15992" s="1" t="s">
        <v>53800</v>
      </c>
      <c r="J15992" s="1" t="s">
        <v>59713</v>
      </c>
    </row>
    <row r="15993" spans="1:10" x14ac:dyDescent="0.35">
      <c r="A15993" s="1" t="s">
        <v>59661</v>
      </c>
      <c r="B15993" s="1" t="s">
        <v>53796</v>
      </c>
      <c r="C15993" s="1" t="s">
        <v>105</v>
      </c>
      <c r="D15993" s="1" t="s">
        <v>59714</v>
      </c>
      <c r="E15993" s="1" t="s">
        <v>57237</v>
      </c>
      <c r="F15993" s="1" t="s">
        <v>59715</v>
      </c>
      <c r="G15993" s="1" t="s">
        <v>59664</v>
      </c>
      <c r="H15993" s="1" t="s">
        <v>59665</v>
      </c>
      <c r="I15993" s="1" t="s">
        <v>53800</v>
      </c>
      <c r="J15993" s="1" t="s">
        <v>59716</v>
      </c>
    </row>
    <row r="15994" spans="1:10" x14ac:dyDescent="0.35">
      <c r="A15994" s="1" t="s">
        <v>59661</v>
      </c>
      <c r="B15994" s="1" t="s">
        <v>53796</v>
      </c>
      <c r="C15994" s="1" t="s">
        <v>110</v>
      </c>
      <c r="D15994" s="1" t="s">
        <v>59717</v>
      </c>
      <c r="E15994" s="1" t="s">
        <v>40717</v>
      </c>
      <c r="F15994" s="1" t="s">
        <v>56148</v>
      </c>
      <c r="G15994" s="1" t="s">
        <v>59664</v>
      </c>
      <c r="H15994" s="1" t="s">
        <v>59665</v>
      </c>
      <c r="I15994" s="1" t="s">
        <v>53800</v>
      </c>
      <c r="J15994" s="1" t="s">
        <v>59718</v>
      </c>
    </row>
    <row r="15995" spans="1:10" x14ac:dyDescent="0.35">
      <c r="A15995" s="1" t="s">
        <v>59661</v>
      </c>
      <c r="B15995" s="1" t="s">
        <v>53796</v>
      </c>
      <c r="C15995" s="1" t="s">
        <v>115</v>
      </c>
      <c r="D15995" s="1" t="s">
        <v>59719</v>
      </c>
      <c r="E15995" s="1" t="s">
        <v>21985</v>
      </c>
      <c r="F15995" s="1" t="s">
        <v>59720</v>
      </c>
      <c r="G15995" s="1" t="s">
        <v>59664</v>
      </c>
      <c r="H15995" s="1" t="s">
        <v>59665</v>
      </c>
      <c r="I15995" s="1" t="s">
        <v>53800</v>
      </c>
      <c r="J15995" s="1" t="s">
        <v>59721</v>
      </c>
    </row>
    <row r="15996" spans="1:10" x14ac:dyDescent="0.35">
      <c r="A15996" s="1" t="s">
        <v>59661</v>
      </c>
      <c r="B15996" s="1" t="s">
        <v>53796</v>
      </c>
      <c r="C15996" s="1" t="s">
        <v>120</v>
      </c>
      <c r="D15996" s="1" t="s">
        <v>59722</v>
      </c>
      <c r="E15996" s="1" t="s">
        <v>54796</v>
      </c>
      <c r="F15996" s="1" t="s">
        <v>59723</v>
      </c>
      <c r="G15996" s="1" t="s">
        <v>59664</v>
      </c>
      <c r="H15996" s="1" t="s">
        <v>59665</v>
      </c>
      <c r="I15996" s="1" t="s">
        <v>53800</v>
      </c>
      <c r="J15996" s="1" t="s">
        <v>59724</v>
      </c>
    </row>
    <row r="15997" spans="1:10" x14ac:dyDescent="0.35">
      <c r="A15997" s="1" t="s">
        <v>59661</v>
      </c>
      <c r="B15997" s="1" t="s">
        <v>53796</v>
      </c>
      <c r="C15997" s="1" t="s">
        <v>125</v>
      </c>
      <c r="D15997" s="1" t="s">
        <v>59725</v>
      </c>
      <c r="E15997" s="1" t="s">
        <v>22052</v>
      </c>
      <c r="F15997" s="1" t="s">
        <v>59726</v>
      </c>
      <c r="G15997" s="1" t="s">
        <v>59664</v>
      </c>
      <c r="H15997" s="1" t="s">
        <v>59665</v>
      </c>
      <c r="I15997" s="1" t="s">
        <v>53800</v>
      </c>
      <c r="J15997" s="1" t="s">
        <v>59727</v>
      </c>
    </row>
    <row r="15998" spans="1:10" x14ac:dyDescent="0.35">
      <c r="A15998" s="1" t="s">
        <v>59661</v>
      </c>
      <c r="B15998" s="1" t="s">
        <v>53796</v>
      </c>
      <c r="C15998" s="1" t="s">
        <v>130</v>
      </c>
      <c r="D15998" s="1" t="s">
        <v>59728</v>
      </c>
      <c r="E15998" s="1" t="s">
        <v>23262</v>
      </c>
      <c r="F15998" s="1" t="s">
        <v>59729</v>
      </c>
      <c r="G15998" s="1" t="s">
        <v>59664</v>
      </c>
      <c r="H15998" s="1" t="s">
        <v>59665</v>
      </c>
      <c r="I15998" s="1" t="s">
        <v>53800</v>
      </c>
      <c r="J15998" s="1" t="s">
        <v>59730</v>
      </c>
    </row>
    <row r="15999" spans="1:10" x14ac:dyDescent="0.35">
      <c r="A15999" s="1" t="s">
        <v>59661</v>
      </c>
      <c r="B15999" s="1" t="s">
        <v>53796</v>
      </c>
      <c r="C15999" s="1" t="s">
        <v>135</v>
      </c>
      <c r="D15999" s="1" t="s">
        <v>59731</v>
      </c>
      <c r="E15999" s="1" t="s">
        <v>56686</v>
      </c>
      <c r="F15999" s="1" t="s">
        <v>59732</v>
      </c>
      <c r="G15999" s="1" t="s">
        <v>59664</v>
      </c>
      <c r="H15999" s="1" t="s">
        <v>59665</v>
      </c>
      <c r="I15999" s="1" t="s">
        <v>53800</v>
      </c>
      <c r="J15999" s="1" t="s">
        <v>59733</v>
      </c>
    </row>
    <row r="16000" spans="1:10" x14ac:dyDescent="0.35">
      <c r="A16000" s="1" t="s">
        <v>59661</v>
      </c>
      <c r="B16000" s="1" t="s">
        <v>53796</v>
      </c>
      <c r="C16000" s="1" t="s">
        <v>140</v>
      </c>
      <c r="D16000" s="1" t="s">
        <v>59734</v>
      </c>
      <c r="E16000" s="1" t="s">
        <v>56202</v>
      </c>
      <c r="F16000" s="1" t="s">
        <v>59735</v>
      </c>
      <c r="G16000" s="1" t="s">
        <v>59664</v>
      </c>
      <c r="H16000" s="1" t="s">
        <v>59665</v>
      </c>
      <c r="I16000" s="1" t="s">
        <v>53800</v>
      </c>
      <c r="J16000" s="1" t="s">
        <v>59736</v>
      </c>
    </row>
    <row r="16001" spans="1:10" x14ac:dyDescent="0.35">
      <c r="A16001" s="1" t="s">
        <v>59661</v>
      </c>
      <c r="B16001" s="1" t="s">
        <v>53796</v>
      </c>
      <c r="C16001" s="1" t="s">
        <v>145</v>
      </c>
      <c r="D16001" s="1" t="s">
        <v>59737</v>
      </c>
      <c r="E16001" s="1" t="s">
        <v>59738</v>
      </c>
      <c r="F16001" s="1" t="s">
        <v>59739</v>
      </c>
      <c r="G16001" s="1" t="s">
        <v>59664</v>
      </c>
      <c r="H16001" s="1" t="s">
        <v>59665</v>
      </c>
      <c r="I16001" s="1" t="s">
        <v>53800</v>
      </c>
      <c r="J16001" s="1" t="s">
        <v>59740</v>
      </c>
    </row>
    <row r="16002" spans="1:10" x14ac:dyDescent="0.35">
      <c r="A16002" s="1" t="s">
        <v>59661</v>
      </c>
      <c r="B16002" s="1" t="s">
        <v>53796</v>
      </c>
      <c r="C16002" s="1" t="s">
        <v>150</v>
      </c>
      <c r="D16002" s="1" t="s">
        <v>59741</v>
      </c>
      <c r="E16002" s="1" t="s">
        <v>59742</v>
      </c>
      <c r="F16002" s="1" t="s">
        <v>59743</v>
      </c>
      <c r="G16002" s="1" t="s">
        <v>59664</v>
      </c>
      <c r="H16002" s="1" t="s">
        <v>59665</v>
      </c>
      <c r="I16002" s="1" t="s">
        <v>53800</v>
      </c>
      <c r="J16002" s="1" t="s">
        <v>59744</v>
      </c>
    </row>
    <row r="16003" spans="1:10" x14ac:dyDescent="0.35">
      <c r="A16003" s="1" t="s">
        <v>59661</v>
      </c>
      <c r="B16003" s="1" t="s">
        <v>53796</v>
      </c>
      <c r="C16003" s="1" t="s">
        <v>155</v>
      </c>
      <c r="D16003" s="1" t="s">
        <v>59745</v>
      </c>
      <c r="E16003" s="1" t="s">
        <v>56570</v>
      </c>
      <c r="F16003" s="1" t="s">
        <v>59746</v>
      </c>
      <c r="G16003" s="1" t="s">
        <v>59664</v>
      </c>
      <c r="H16003" s="1" t="s">
        <v>59665</v>
      </c>
      <c r="I16003" s="1" t="s">
        <v>53800</v>
      </c>
      <c r="J16003" s="1" t="s">
        <v>59747</v>
      </c>
    </row>
    <row r="16004" spans="1:10" x14ac:dyDescent="0.35">
      <c r="A16004" s="1" t="s">
        <v>59661</v>
      </c>
      <c r="B16004" s="1" t="s">
        <v>53796</v>
      </c>
      <c r="C16004" s="1" t="s">
        <v>160</v>
      </c>
      <c r="D16004" s="1" t="s">
        <v>59748</v>
      </c>
      <c r="E16004" s="1" t="s">
        <v>15417</v>
      </c>
      <c r="F16004" s="1" t="s">
        <v>59749</v>
      </c>
      <c r="G16004" s="1" t="s">
        <v>59664</v>
      </c>
      <c r="H16004" s="1" t="s">
        <v>59665</v>
      </c>
      <c r="I16004" s="1" t="s">
        <v>53800</v>
      </c>
      <c r="J16004" s="1" t="s">
        <v>59750</v>
      </c>
    </row>
    <row r="16005" spans="1:10" x14ac:dyDescent="0.35">
      <c r="A16005" s="1" t="s">
        <v>59661</v>
      </c>
      <c r="B16005" s="1" t="s">
        <v>53796</v>
      </c>
      <c r="C16005" s="1" t="s">
        <v>165</v>
      </c>
      <c r="D16005" s="1" t="s">
        <v>59751</v>
      </c>
      <c r="E16005" s="1" t="s">
        <v>12879</v>
      </c>
      <c r="F16005" s="1" t="s">
        <v>59752</v>
      </c>
      <c r="G16005" s="1" t="s">
        <v>59664</v>
      </c>
      <c r="H16005" s="1" t="s">
        <v>59665</v>
      </c>
      <c r="I16005" s="1" t="s">
        <v>53800</v>
      </c>
      <c r="J16005" s="1" t="s">
        <v>59753</v>
      </c>
    </row>
    <row r="16006" spans="1:10" x14ac:dyDescent="0.35">
      <c r="A16006" s="1" t="s">
        <v>59661</v>
      </c>
      <c r="B16006" s="1" t="s">
        <v>53796</v>
      </c>
      <c r="C16006" s="1" t="s">
        <v>170</v>
      </c>
      <c r="D16006" s="1" t="s">
        <v>59754</v>
      </c>
      <c r="E16006" s="1" t="s">
        <v>31449</v>
      </c>
      <c r="F16006" s="1" t="s">
        <v>59755</v>
      </c>
      <c r="G16006" s="1" t="s">
        <v>59664</v>
      </c>
      <c r="H16006" s="1" t="s">
        <v>59665</v>
      </c>
      <c r="I16006" s="1" t="s">
        <v>53800</v>
      </c>
      <c r="J16006" s="1" t="s">
        <v>59756</v>
      </c>
    </row>
    <row r="16007" spans="1:10" x14ac:dyDescent="0.35">
      <c r="A16007" s="1" t="s">
        <v>59757</v>
      </c>
      <c r="B16007" s="1" t="s">
        <v>53796</v>
      </c>
      <c r="C16007" s="1" t="s">
        <v>8</v>
      </c>
      <c r="D16007" s="1" t="s">
        <v>59758</v>
      </c>
      <c r="E16007" s="1" t="s">
        <v>12864</v>
      </c>
      <c r="F16007" s="1" t="s">
        <v>59759</v>
      </c>
      <c r="G16007" s="1" t="s">
        <v>59760</v>
      </c>
      <c r="H16007" s="1" t="s">
        <v>59761</v>
      </c>
      <c r="I16007" s="1" t="s">
        <v>53800</v>
      </c>
      <c r="J16007" s="1" t="s">
        <v>13</v>
      </c>
    </row>
    <row r="16008" spans="1:10" x14ac:dyDescent="0.35">
      <c r="A16008" s="1" t="s">
        <v>59757</v>
      </c>
      <c r="B16008" s="1" t="s">
        <v>53796</v>
      </c>
      <c r="C16008" s="1" t="s">
        <v>15</v>
      </c>
      <c r="D16008" s="1" t="s">
        <v>59762</v>
      </c>
      <c r="E16008" s="1" t="s">
        <v>56585</v>
      </c>
      <c r="F16008" s="1" t="s">
        <v>59763</v>
      </c>
      <c r="G16008" s="1" t="s">
        <v>59760</v>
      </c>
      <c r="H16008" s="1" t="s">
        <v>59761</v>
      </c>
      <c r="I16008" s="1" t="s">
        <v>53800</v>
      </c>
      <c r="J16008" s="1" t="s">
        <v>59764</v>
      </c>
    </row>
    <row r="16009" spans="1:10" x14ac:dyDescent="0.35">
      <c r="A16009" s="1" t="s">
        <v>59757</v>
      </c>
      <c r="B16009" s="1" t="s">
        <v>53796</v>
      </c>
      <c r="C16009" s="1" t="s">
        <v>20</v>
      </c>
      <c r="D16009" s="1" t="s">
        <v>59765</v>
      </c>
      <c r="E16009" s="1" t="s">
        <v>56448</v>
      </c>
      <c r="F16009" s="1" t="s">
        <v>59766</v>
      </c>
      <c r="G16009" s="1" t="s">
        <v>59760</v>
      </c>
      <c r="H16009" s="1" t="s">
        <v>59761</v>
      </c>
      <c r="I16009" s="1" t="s">
        <v>53800</v>
      </c>
      <c r="J16009" s="1" t="s">
        <v>59767</v>
      </c>
    </row>
    <row r="16010" spans="1:10" x14ac:dyDescent="0.35">
      <c r="A16010" s="1" t="s">
        <v>59757</v>
      </c>
      <c r="B16010" s="1" t="s">
        <v>53796</v>
      </c>
      <c r="C16010" s="1" t="s">
        <v>25</v>
      </c>
      <c r="D16010" s="1" t="s">
        <v>59768</v>
      </c>
      <c r="E16010" s="1" t="s">
        <v>58349</v>
      </c>
      <c r="F16010" s="1" t="s">
        <v>57988</v>
      </c>
      <c r="G16010" s="1" t="s">
        <v>59760</v>
      </c>
      <c r="H16010" s="1" t="s">
        <v>59761</v>
      </c>
      <c r="I16010" s="1" t="s">
        <v>53800</v>
      </c>
      <c r="J16010" s="1" t="s">
        <v>59769</v>
      </c>
    </row>
    <row r="16011" spans="1:10" x14ac:dyDescent="0.35">
      <c r="A16011" s="1" t="s">
        <v>59757</v>
      </c>
      <c r="B16011" s="1" t="s">
        <v>53796</v>
      </c>
      <c r="C16011" s="1" t="s">
        <v>30</v>
      </c>
      <c r="D16011" s="1" t="s">
        <v>59770</v>
      </c>
      <c r="E16011" s="1" t="s">
        <v>54038</v>
      </c>
      <c r="F16011" s="1" t="s">
        <v>59771</v>
      </c>
      <c r="G16011" s="1" t="s">
        <v>59760</v>
      </c>
      <c r="H16011" s="1" t="s">
        <v>59761</v>
      </c>
      <c r="I16011" s="1" t="s">
        <v>53800</v>
      </c>
      <c r="J16011" s="1" t="s">
        <v>59772</v>
      </c>
    </row>
    <row r="16012" spans="1:10" x14ac:dyDescent="0.35">
      <c r="A16012" s="1" t="s">
        <v>59757</v>
      </c>
      <c r="B16012" s="1" t="s">
        <v>53796</v>
      </c>
      <c r="C16012" s="1" t="s">
        <v>35</v>
      </c>
      <c r="D16012" s="1" t="s">
        <v>59773</v>
      </c>
      <c r="E16012" s="1" t="s">
        <v>21768</v>
      </c>
      <c r="F16012" s="1" t="s">
        <v>57632</v>
      </c>
      <c r="G16012" s="1" t="s">
        <v>59760</v>
      </c>
      <c r="H16012" s="1" t="s">
        <v>59761</v>
      </c>
      <c r="I16012" s="1" t="s">
        <v>53800</v>
      </c>
      <c r="J16012" s="1" t="s">
        <v>59774</v>
      </c>
    </row>
    <row r="16013" spans="1:10" x14ac:dyDescent="0.35">
      <c r="A16013" s="1" t="s">
        <v>59757</v>
      </c>
      <c r="B16013" s="1" t="s">
        <v>53796</v>
      </c>
      <c r="C16013" s="1" t="s">
        <v>40</v>
      </c>
      <c r="D16013" s="1" t="s">
        <v>59775</v>
      </c>
      <c r="E16013" s="1" t="s">
        <v>23041</v>
      </c>
      <c r="F16013" s="1" t="s">
        <v>59776</v>
      </c>
      <c r="G16013" s="1" t="s">
        <v>59760</v>
      </c>
      <c r="H16013" s="1" t="s">
        <v>59761</v>
      </c>
      <c r="I16013" s="1" t="s">
        <v>53800</v>
      </c>
      <c r="J16013" s="1" t="s">
        <v>59777</v>
      </c>
    </row>
    <row r="16014" spans="1:10" x14ac:dyDescent="0.35">
      <c r="A16014" s="1" t="s">
        <v>59757</v>
      </c>
      <c r="B16014" s="1" t="s">
        <v>53796</v>
      </c>
      <c r="C16014" s="1" t="s">
        <v>45</v>
      </c>
      <c r="D16014" s="1" t="s">
        <v>59778</v>
      </c>
      <c r="E16014" s="1" t="s">
        <v>56141</v>
      </c>
      <c r="F16014" s="1" t="s">
        <v>59779</v>
      </c>
      <c r="G16014" s="1" t="s">
        <v>59760</v>
      </c>
      <c r="H16014" s="1" t="s">
        <v>59761</v>
      </c>
      <c r="I16014" s="1" t="s">
        <v>53800</v>
      </c>
      <c r="J16014" s="1" t="s">
        <v>59780</v>
      </c>
    </row>
    <row r="16015" spans="1:10" x14ac:dyDescent="0.35">
      <c r="A16015" s="1" t="s">
        <v>59757</v>
      </c>
      <c r="B16015" s="1" t="s">
        <v>53796</v>
      </c>
      <c r="C16015" s="1" t="s">
        <v>50</v>
      </c>
      <c r="D16015" s="1" t="s">
        <v>59781</v>
      </c>
      <c r="E16015" s="1" t="s">
        <v>55234</v>
      </c>
      <c r="F16015" s="1" t="s">
        <v>59782</v>
      </c>
      <c r="G16015" s="1" t="s">
        <v>59760</v>
      </c>
      <c r="H16015" s="1" t="s">
        <v>59761</v>
      </c>
      <c r="I16015" s="1" t="s">
        <v>53800</v>
      </c>
      <c r="J16015" s="1" t="s">
        <v>59783</v>
      </c>
    </row>
    <row r="16016" spans="1:10" x14ac:dyDescent="0.35">
      <c r="A16016" s="1" t="s">
        <v>59757</v>
      </c>
      <c r="B16016" s="1" t="s">
        <v>53796</v>
      </c>
      <c r="C16016" s="1" t="s">
        <v>55</v>
      </c>
      <c r="D16016" s="1" t="s">
        <v>59784</v>
      </c>
      <c r="E16016" s="1" t="s">
        <v>15340</v>
      </c>
      <c r="F16016" s="1" t="s">
        <v>59785</v>
      </c>
      <c r="G16016" s="1" t="s">
        <v>59760</v>
      </c>
      <c r="H16016" s="1" t="s">
        <v>59761</v>
      </c>
      <c r="I16016" s="1" t="s">
        <v>53800</v>
      </c>
      <c r="J16016" s="1" t="s">
        <v>59786</v>
      </c>
    </row>
    <row r="16017" spans="1:10" x14ac:dyDescent="0.35">
      <c r="A16017" s="1" t="s">
        <v>59757</v>
      </c>
      <c r="B16017" s="1" t="s">
        <v>53796</v>
      </c>
      <c r="C16017" s="1" t="s">
        <v>60</v>
      </c>
      <c r="D16017" s="1" t="s">
        <v>59787</v>
      </c>
      <c r="E16017" s="1" t="s">
        <v>56254</v>
      </c>
      <c r="F16017" s="1" t="s">
        <v>59788</v>
      </c>
      <c r="G16017" s="1" t="s">
        <v>59760</v>
      </c>
      <c r="H16017" s="1" t="s">
        <v>59761</v>
      </c>
      <c r="I16017" s="1" t="s">
        <v>53800</v>
      </c>
      <c r="J16017" s="1" t="s">
        <v>59789</v>
      </c>
    </row>
    <row r="16018" spans="1:10" x14ac:dyDescent="0.35">
      <c r="A16018" s="1" t="s">
        <v>59757</v>
      </c>
      <c r="B16018" s="1" t="s">
        <v>53796</v>
      </c>
      <c r="C16018" s="1" t="s">
        <v>65</v>
      </c>
      <c r="D16018" s="1" t="s">
        <v>59790</v>
      </c>
      <c r="E16018" s="1" t="s">
        <v>24377</v>
      </c>
      <c r="F16018" s="1" t="s">
        <v>59791</v>
      </c>
      <c r="G16018" s="1" t="s">
        <v>59760</v>
      </c>
      <c r="H16018" s="1" t="s">
        <v>59761</v>
      </c>
      <c r="I16018" s="1" t="s">
        <v>53800</v>
      </c>
      <c r="J16018" s="1" t="s">
        <v>59792</v>
      </c>
    </row>
    <row r="16019" spans="1:10" x14ac:dyDescent="0.35">
      <c r="A16019" s="1" t="s">
        <v>59757</v>
      </c>
      <c r="B16019" s="1" t="s">
        <v>53796</v>
      </c>
      <c r="C16019" s="1" t="s">
        <v>70</v>
      </c>
      <c r="D16019" s="1" t="s">
        <v>59793</v>
      </c>
      <c r="E16019" s="1" t="s">
        <v>32061</v>
      </c>
      <c r="F16019" s="1" t="s">
        <v>59794</v>
      </c>
      <c r="G16019" s="1" t="s">
        <v>59760</v>
      </c>
      <c r="H16019" s="1" t="s">
        <v>59761</v>
      </c>
      <c r="I16019" s="1" t="s">
        <v>53800</v>
      </c>
      <c r="J16019" s="1" t="s">
        <v>59795</v>
      </c>
    </row>
    <row r="16020" spans="1:10" x14ac:dyDescent="0.35">
      <c r="A16020" s="1" t="s">
        <v>59757</v>
      </c>
      <c r="B16020" s="1" t="s">
        <v>53796</v>
      </c>
      <c r="C16020" s="1" t="s">
        <v>75</v>
      </c>
      <c r="D16020" s="1" t="s">
        <v>53783</v>
      </c>
      <c r="E16020" s="1" t="s">
        <v>40741</v>
      </c>
      <c r="F16020" s="1" t="s">
        <v>59796</v>
      </c>
      <c r="G16020" s="1" t="s">
        <v>59760</v>
      </c>
      <c r="H16020" s="1" t="s">
        <v>59761</v>
      </c>
      <c r="I16020" s="1" t="s">
        <v>53800</v>
      </c>
      <c r="J16020" s="1" t="s">
        <v>59797</v>
      </c>
    </row>
    <row r="16021" spans="1:10" x14ac:dyDescent="0.35">
      <c r="A16021" s="1" t="s">
        <v>59757</v>
      </c>
      <c r="B16021" s="1" t="s">
        <v>53796</v>
      </c>
      <c r="C16021" s="1" t="s">
        <v>80</v>
      </c>
      <c r="D16021" s="1" t="s">
        <v>59745</v>
      </c>
      <c r="E16021" s="1" t="s">
        <v>53969</v>
      </c>
      <c r="F16021" s="1" t="s">
        <v>59798</v>
      </c>
      <c r="G16021" s="1" t="s">
        <v>59760</v>
      </c>
      <c r="H16021" s="1" t="s">
        <v>59761</v>
      </c>
      <c r="I16021" s="1" t="s">
        <v>53800</v>
      </c>
      <c r="J16021" s="1" t="s">
        <v>59799</v>
      </c>
    </row>
    <row r="16022" spans="1:10" x14ac:dyDescent="0.35">
      <c r="A16022" s="1" t="s">
        <v>59757</v>
      </c>
      <c r="B16022" s="1" t="s">
        <v>53796</v>
      </c>
      <c r="C16022" s="1" t="s">
        <v>85</v>
      </c>
      <c r="D16022" s="1" t="s">
        <v>24691</v>
      </c>
      <c r="E16022" s="1" t="s">
        <v>53920</v>
      </c>
      <c r="F16022" s="1" t="s">
        <v>31829</v>
      </c>
      <c r="G16022" s="1" t="s">
        <v>59760</v>
      </c>
      <c r="H16022" s="1" t="s">
        <v>59761</v>
      </c>
      <c r="I16022" s="1" t="s">
        <v>53800</v>
      </c>
      <c r="J16022" s="1" t="s">
        <v>59800</v>
      </c>
    </row>
    <row r="16023" spans="1:10" x14ac:dyDescent="0.35">
      <c r="A16023" s="1" t="s">
        <v>59757</v>
      </c>
      <c r="B16023" s="1" t="s">
        <v>53796</v>
      </c>
      <c r="C16023" s="1" t="s">
        <v>90</v>
      </c>
      <c r="D16023" s="1" t="s">
        <v>59801</v>
      </c>
      <c r="E16023" s="1" t="s">
        <v>15289</v>
      </c>
      <c r="F16023" s="1" t="s">
        <v>59802</v>
      </c>
      <c r="G16023" s="1" t="s">
        <v>59760</v>
      </c>
      <c r="H16023" s="1" t="s">
        <v>59761</v>
      </c>
      <c r="I16023" s="1" t="s">
        <v>53800</v>
      </c>
      <c r="J16023" s="1" t="s">
        <v>59803</v>
      </c>
    </row>
    <row r="16024" spans="1:10" x14ac:dyDescent="0.35">
      <c r="A16024" s="1" t="s">
        <v>59757</v>
      </c>
      <c r="B16024" s="1" t="s">
        <v>53796</v>
      </c>
      <c r="C16024" s="1" t="s">
        <v>95</v>
      </c>
      <c r="D16024" s="1" t="s">
        <v>59804</v>
      </c>
      <c r="E16024" s="1" t="s">
        <v>57621</v>
      </c>
      <c r="F16024" s="1" t="s">
        <v>59805</v>
      </c>
      <c r="G16024" s="1" t="s">
        <v>59760</v>
      </c>
      <c r="H16024" s="1" t="s">
        <v>59761</v>
      </c>
      <c r="I16024" s="1" t="s">
        <v>53800</v>
      </c>
      <c r="J16024" s="1" t="s">
        <v>59806</v>
      </c>
    </row>
    <row r="16025" spans="1:10" x14ac:dyDescent="0.35">
      <c r="A16025" s="1" t="s">
        <v>59757</v>
      </c>
      <c r="B16025" s="1" t="s">
        <v>53796</v>
      </c>
      <c r="C16025" s="1" t="s">
        <v>100</v>
      </c>
      <c r="D16025" s="1" t="s">
        <v>59807</v>
      </c>
      <c r="E16025" s="1" t="s">
        <v>55586</v>
      </c>
      <c r="F16025" s="1" t="s">
        <v>59808</v>
      </c>
      <c r="G16025" s="1" t="s">
        <v>59760</v>
      </c>
      <c r="H16025" s="1" t="s">
        <v>59761</v>
      </c>
      <c r="I16025" s="1" t="s">
        <v>53800</v>
      </c>
      <c r="J16025" s="1" t="s">
        <v>59809</v>
      </c>
    </row>
    <row r="16026" spans="1:10" x14ac:dyDescent="0.35">
      <c r="A16026" s="1" t="s">
        <v>59757</v>
      </c>
      <c r="B16026" s="1" t="s">
        <v>53796</v>
      </c>
      <c r="C16026" s="1" t="s">
        <v>105</v>
      </c>
      <c r="D16026" s="1" t="s">
        <v>54382</v>
      </c>
      <c r="E16026" s="1" t="s">
        <v>54448</v>
      </c>
      <c r="F16026" s="1" t="s">
        <v>59810</v>
      </c>
      <c r="G16026" s="1" t="s">
        <v>59760</v>
      </c>
      <c r="H16026" s="1" t="s">
        <v>59761</v>
      </c>
      <c r="I16026" s="1" t="s">
        <v>53800</v>
      </c>
      <c r="J16026" s="1" t="s">
        <v>59811</v>
      </c>
    </row>
    <row r="16027" spans="1:10" x14ac:dyDescent="0.35">
      <c r="A16027" s="1" t="s">
        <v>59757</v>
      </c>
      <c r="B16027" s="1" t="s">
        <v>53796</v>
      </c>
      <c r="C16027" s="1" t="s">
        <v>110</v>
      </c>
      <c r="D16027" s="1" t="s">
        <v>59812</v>
      </c>
      <c r="E16027" s="1" t="s">
        <v>59813</v>
      </c>
      <c r="F16027" s="1" t="s">
        <v>59814</v>
      </c>
      <c r="G16027" s="1" t="s">
        <v>59760</v>
      </c>
      <c r="H16027" s="1" t="s">
        <v>59761</v>
      </c>
      <c r="I16027" s="1" t="s">
        <v>53800</v>
      </c>
      <c r="J16027" s="1" t="s">
        <v>59815</v>
      </c>
    </row>
    <row r="16028" spans="1:10" x14ac:dyDescent="0.35">
      <c r="A16028" s="1" t="s">
        <v>59757</v>
      </c>
      <c r="B16028" s="1" t="s">
        <v>53796</v>
      </c>
      <c r="C16028" s="1" t="s">
        <v>115</v>
      </c>
      <c r="D16028" s="1" t="s">
        <v>59816</v>
      </c>
      <c r="E16028" s="1" t="s">
        <v>21970</v>
      </c>
      <c r="F16028" s="1" t="s">
        <v>19901</v>
      </c>
      <c r="G16028" s="1" t="s">
        <v>59760</v>
      </c>
      <c r="H16028" s="1" t="s">
        <v>59761</v>
      </c>
      <c r="I16028" s="1" t="s">
        <v>53800</v>
      </c>
      <c r="J16028" s="1" t="s">
        <v>59817</v>
      </c>
    </row>
    <row r="16029" spans="1:10" x14ac:dyDescent="0.35">
      <c r="A16029" s="1" t="s">
        <v>59757</v>
      </c>
      <c r="B16029" s="1" t="s">
        <v>53796</v>
      </c>
      <c r="C16029" s="1" t="s">
        <v>120</v>
      </c>
      <c r="D16029" s="1" t="s">
        <v>59818</v>
      </c>
      <c r="E16029" s="1" t="s">
        <v>24178</v>
      </c>
      <c r="F16029" s="1" t="s">
        <v>59819</v>
      </c>
      <c r="G16029" s="1" t="s">
        <v>59760</v>
      </c>
      <c r="H16029" s="1" t="s">
        <v>59761</v>
      </c>
      <c r="I16029" s="1" t="s">
        <v>53800</v>
      </c>
      <c r="J16029" s="1" t="s">
        <v>59820</v>
      </c>
    </row>
    <row r="16030" spans="1:10" x14ac:dyDescent="0.35">
      <c r="A16030" s="1" t="s">
        <v>59757</v>
      </c>
      <c r="B16030" s="1" t="s">
        <v>53796</v>
      </c>
      <c r="C16030" s="1" t="s">
        <v>125</v>
      </c>
      <c r="D16030" s="1" t="s">
        <v>59821</v>
      </c>
      <c r="E16030" s="1" t="s">
        <v>15225</v>
      </c>
      <c r="F16030" s="1" t="s">
        <v>59822</v>
      </c>
      <c r="G16030" s="1" t="s">
        <v>59760</v>
      </c>
      <c r="H16030" s="1" t="s">
        <v>59761</v>
      </c>
      <c r="I16030" s="1" t="s">
        <v>53800</v>
      </c>
      <c r="J16030" s="1" t="s">
        <v>59823</v>
      </c>
    </row>
    <row r="16031" spans="1:10" x14ac:dyDescent="0.35">
      <c r="A16031" s="1" t="s">
        <v>59757</v>
      </c>
      <c r="B16031" s="1" t="s">
        <v>53796</v>
      </c>
      <c r="C16031" s="1" t="s">
        <v>130</v>
      </c>
      <c r="D16031" s="1" t="s">
        <v>59824</v>
      </c>
      <c r="E16031" s="1" t="s">
        <v>26576</v>
      </c>
      <c r="F16031" s="1" t="s">
        <v>59825</v>
      </c>
      <c r="G16031" s="1" t="s">
        <v>59760</v>
      </c>
      <c r="H16031" s="1" t="s">
        <v>59761</v>
      </c>
      <c r="I16031" s="1" t="s">
        <v>53800</v>
      </c>
      <c r="J16031" s="1" t="s">
        <v>59826</v>
      </c>
    </row>
    <row r="16032" spans="1:10" x14ac:dyDescent="0.35">
      <c r="A16032" s="1" t="s">
        <v>59757</v>
      </c>
      <c r="B16032" s="1" t="s">
        <v>53796</v>
      </c>
      <c r="C16032" s="1" t="s">
        <v>135</v>
      </c>
      <c r="D16032" s="1" t="s">
        <v>59827</v>
      </c>
      <c r="E16032" s="1" t="s">
        <v>26185</v>
      </c>
      <c r="F16032" s="1" t="s">
        <v>59828</v>
      </c>
      <c r="G16032" s="1" t="s">
        <v>59760</v>
      </c>
      <c r="H16032" s="1" t="s">
        <v>59761</v>
      </c>
      <c r="I16032" s="1" t="s">
        <v>53800</v>
      </c>
      <c r="J16032" s="1" t="s">
        <v>59829</v>
      </c>
    </row>
    <row r="16033" spans="1:10" x14ac:dyDescent="0.35">
      <c r="A16033" s="1" t="s">
        <v>59757</v>
      </c>
      <c r="B16033" s="1" t="s">
        <v>53796</v>
      </c>
      <c r="C16033" s="1" t="s">
        <v>140</v>
      </c>
      <c r="D16033" s="1" t="s">
        <v>59830</v>
      </c>
      <c r="E16033" s="1" t="s">
        <v>15853</v>
      </c>
      <c r="F16033" s="1" t="s">
        <v>59831</v>
      </c>
      <c r="G16033" s="1" t="s">
        <v>59760</v>
      </c>
      <c r="H16033" s="1" t="s">
        <v>59761</v>
      </c>
      <c r="I16033" s="1" t="s">
        <v>53800</v>
      </c>
      <c r="J16033" s="1" t="s">
        <v>59832</v>
      </c>
    </row>
    <row r="16034" spans="1:10" x14ac:dyDescent="0.35">
      <c r="A16034" s="1" t="s">
        <v>59757</v>
      </c>
      <c r="B16034" s="1" t="s">
        <v>53796</v>
      </c>
      <c r="C16034" s="1" t="s">
        <v>145</v>
      </c>
      <c r="D16034" s="1" t="s">
        <v>59833</v>
      </c>
      <c r="E16034" s="1" t="s">
        <v>15267</v>
      </c>
      <c r="F16034" s="1" t="s">
        <v>59834</v>
      </c>
      <c r="G16034" s="1" t="s">
        <v>59760</v>
      </c>
      <c r="H16034" s="1" t="s">
        <v>59761</v>
      </c>
      <c r="I16034" s="1" t="s">
        <v>53800</v>
      </c>
      <c r="J16034" s="1" t="s">
        <v>59835</v>
      </c>
    </row>
    <row r="16035" spans="1:10" x14ac:dyDescent="0.35">
      <c r="A16035" s="1" t="s">
        <v>59757</v>
      </c>
      <c r="B16035" s="1" t="s">
        <v>53796</v>
      </c>
      <c r="C16035" s="1" t="s">
        <v>150</v>
      </c>
      <c r="D16035" s="1" t="s">
        <v>55665</v>
      </c>
      <c r="E16035" s="1" t="s">
        <v>31510</v>
      </c>
      <c r="F16035" s="1" t="s">
        <v>59836</v>
      </c>
      <c r="G16035" s="1" t="s">
        <v>59760</v>
      </c>
      <c r="H16035" s="1" t="s">
        <v>59761</v>
      </c>
      <c r="I16035" s="1" t="s">
        <v>53800</v>
      </c>
      <c r="J16035" s="1" t="s">
        <v>59837</v>
      </c>
    </row>
    <row r="16036" spans="1:10" x14ac:dyDescent="0.35">
      <c r="A16036" s="1" t="s">
        <v>59757</v>
      </c>
      <c r="B16036" s="1" t="s">
        <v>53796</v>
      </c>
      <c r="C16036" s="1" t="s">
        <v>155</v>
      </c>
      <c r="D16036" s="1" t="s">
        <v>59838</v>
      </c>
      <c r="E16036" s="1" t="s">
        <v>22282</v>
      </c>
      <c r="F16036" s="1" t="s">
        <v>59839</v>
      </c>
      <c r="G16036" s="1" t="s">
        <v>59760</v>
      </c>
      <c r="H16036" s="1" t="s">
        <v>59761</v>
      </c>
      <c r="I16036" s="1" t="s">
        <v>53800</v>
      </c>
      <c r="J16036" s="1" t="s">
        <v>59840</v>
      </c>
    </row>
    <row r="16037" spans="1:10" x14ac:dyDescent="0.35">
      <c r="A16037" s="1" t="s">
        <v>59757</v>
      </c>
      <c r="B16037" s="1" t="s">
        <v>53796</v>
      </c>
      <c r="C16037" s="1" t="s">
        <v>160</v>
      </c>
      <c r="D16037" s="1" t="s">
        <v>59841</v>
      </c>
      <c r="E16037" s="1" t="s">
        <v>58832</v>
      </c>
      <c r="F16037" s="1" t="s">
        <v>59842</v>
      </c>
      <c r="G16037" s="1" t="s">
        <v>59760</v>
      </c>
      <c r="H16037" s="1" t="s">
        <v>59761</v>
      </c>
      <c r="I16037" s="1" t="s">
        <v>53800</v>
      </c>
      <c r="J16037" s="1" t="s">
        <v>59843</v>
      </c>
    </row>
    <row r="16038" spans="1:10" x14ac:dyDescent="0.35">
      <c r="A16038" s="1" t="s">
        <v>59757</v>
      </c>
      <c r="B16038" s="1" t="s">
        <v>53796</v>
      </c>
      <c r="C16038" s="1" t="s">
        <v>165</v>
      </c>
      <c r="D16038" s="1" t="s">
        <v>59844</v>
      </c>
      <c r="E16038" s="1" t="s">
        <v>41313</v>
      </c>
      <c r="F16038" s="1" t="s">
        <v>59845</v>
      </c>
      <c r="G16038" s="1" t="s">
        <v>59760</v>
      </c>
      <c r="H16038" s="1" t="s">
        <v>59761</v>
      </c>
      <c r="I16038" s="1" t="s">
        <v>53800</v>
      </c>
      <c r="J16038" s="1" t="s">
        <v>59846</v>
      </c>
    </row>
    <row r="16039" spans="1:10" x14ac:dyDescent="0.35">
      <c r="A16039" s="1" t="s">
        <v>59757</v>
      </c>
      <c r="B16039" s="1" t="s">
        <v>53796</v>
      </c>
      <c r="C16039" s="1" t="s">
        <v>170</v>
      </c>
      <c r="D16039" s="1" t="s">
        <v>59847</v>
      </c>
      <c r="E16039" s="1" t="s">
        <v>55373</v>
      </c>
      <c r="F16039" s="1" t="s">
        <v>59848</v>
      </c>
      <c r="G16039" s="1" t="s">
        <v>59760</v>
      </c>
      <c r="H16039" s="1" t="s">
        <v>59761</v>
      </c>
      <c r="I16039" s="1" t="s">
        <v>53800</v>
      </c>
      <c r="J16039" s="1" t="s">
        <v>59849</v>
      </c>
    </row>
    <row r="16040" spans="1:10" x14ac:dyDescent="0.35">
      <c r="A16040" s="1" t="s">
        <v>59850</v>
      </c>
      <c r="B16040" s="1" t="s">
        <v>53796</v>
      </c>
      <c r="C16040" s="1" t="s">
        <v>8</v>
      </c>
      <c r="D16040" s="1" t="s">
        <v>59851</v>
      </c>
      <c r="E16040" s="1" t="s">
        <v>54463</v>
      </c>
      <c r="F16040" s="1" t="s">
        <v>57698</v>
      </c>
      <c r="G16040" s="1" t="s">
        <v>59852</v>
      </c>
      <c r="H16040" s="1" t="s">
        <v>59853</v>
      </c>
      <c r="I16040" s="1" t="s">
        <v>53800</v>
      </c>
      <c r="J16040" s="1" t="s">
        <v>13</v>
      </c>
    </row>
    <row r="16041" spans="1:10" x14ac:dyDescent="0.35">
      <c r="A16041" s="1" t="s">
        <v>59850</v>
      </c>
      <c r="B16041" s="1" t="s">
        <v>53796</v>
      </c>
      <c r="C16041" s="1" t="s">
        <v>15</v>
      </c>
      <c r="D16041" s="1" t="s">
        <v>59854</v>
      </c>
      <c r="E16041" s="1" t="s">
        <v>59855</v>
      </c>
      <c r="F16041" s="1" t="s">
        <v>59856</v>
      </c>
      <c r="G16041" s="1" t="s">
        <v>59852</v>
      </c>
      <c r="H16041" s="1" t="s">
        <v>59853</v>
      </c>
      <c r="I16041" s="1" t="s">
        <v>53800</v>
      </c>
      <c r="J16041" s="1" t="s">
        <v>59857</v>
      </c>
    </row>
    <row r="16042" spans="1:10" x14ac:dyDescent="0.35">
      <c r="A16042" s="1" t="s">
        <v>59850</v>
      </c>
      <c r="B16042" s="1" t="s">
        <v>53796</v>
      </c>
      <c r="C16042" s="1" t="s">
        <v>20</v>
      </c>
      <c r="D16042" s="1" t="s">
        <v>59858</v>
      </c>
      <c r="E16042" s="1" t="s">
        <v>56990</v>
      </c>
      <c r="F16042" s="1" t="s">
        <v>53865</v>
      </c>
      <c r="G16042" s="1" t="s">
        <v>59852</v>
      </c>
      <c r="H16042" s="1" t="s">
        <v>59853</v>
      </c>
      <c r="I16042" s="1" t="s">
        <v>53800</v>
      </c>
      <c r="J16042" s="1" t="s">
        <v>59859</v>
      </c>
    </row>
    <row r="16043" spans="1:10" x14ac:dyDescent="0.35">
      <c r="A16043" s="1" t="s">
        <v>59850</v>
      </c>
      <c r="B16043" s="1" t="s">
        <v>53796</v>
      </c>
      <c r="C16043" s="1" t="s">
        <v>25</v>
      </c>
      <c r="D16043" s="1" t="s">
        <v>59860</v>
      </c>
      <c r="E16043" s="1" t="s">
        <v>59861</v>
      </c>
      <c r="F16043" s="1" t="s">
        <v>59862</v>
      </c>
      <c r="G16043" s="1" t="s">
        <v>59852</v>
      </c>
      <c r="H16043" s="1" t="s">
        <v>59853</v>
      </c>
      <c r="I16043" s="1" t="s">
        <v>53800</v>
      </c>
      <c r="J16043" s="1" t="s">
        <v>59863</v>
      </c>
    </row>
    <row r="16044" spans="1:10" x14ac:dyDescent="0.35">
      <c r="A16044" s="1" t="s">
        <v>59850</v>
      </c>
      <c r="B16044" s="1" t="s">
        <v>53796</v>
      </c>
      <c r="C16044" s="1" t="s">
        <v>30</v>
      </c>
      <c r="D16044" s="1" t="s">
        <v>13486</v>
      </c>
      <c r="E16044" s="1" t="s">
        <v>55248</v>
      </c>
      <c r="F16044" s="1" t="s">
        <v>59864</v>
      </c>
      <c r="G16044" s="1" t="s">
        <v>59852</v>
      </c>
      <c r="H16044" s="1" t="s">
        <v>59853</v>
      </c>
      <c r="I16044" s="1" t="s">
        <v>53800</v>
      </c>
      <c r="J16044" s="1" t="s">
        <v>59865</v>
      </c>
    </row>
    <row r="16045" spans="1:10" x14ac:dyDescent="0.35">
      <c r="A16045" s="1" t="s">
        <v>59850</v>
      </c>
      <c r="B16045" s="1" t="s">
        <v>53796</v>
      </c>
      <c r="C16045" s="1" t="s">
        <v>35</v>
      </c>
      <c r="D16045" s="1" t="s">
        <v>59866</v>
      </c>
      <c r="E16045" s="1" t="s">
        <v>40644</v>
      </c>
      <c r="F16045" s="1" t="s">
        <v>59867</v>
      </c>
      <c r="G16045" s="1" t="s">
        <v>59852</v>
      </c>
      <c r="H16045" s="1" t="s">
        <v>59853</v>
      </c>
      <c r="I16045" s="1" t="s">
        <v>53800</v>
      </c>
      <c r="J16045" s="1" t="s">
        <v>59868</v>
      </c>
    </row>
    <row r="16046" spans="1:10" x14ac:dyDescent="0.35">
      <c r="A16046" s="1" t="s">
        <v>59850</v>
      </c>
      <c r="B16046" s="1" t="s">
        <v>53796</v>
      </c>
      <c r="C16046" s="1" t="s">
        <v>40</v>
      </c>
      <c r="D16046" s="1" t="s">
        <v>59869</v>
      </c>
      <c r="E16046" s="1" t="s">
        <v>21082</v>
      </c>
      <c r="F16046" s="1" t="s">
        <v>59870</v>
      </c>
      <c r="G16046" s="1" t="s">
        <v>59852</v>
      </c>
      <c r="H16046" s="1" t="s">
        <v>59853</v>
      </c>
      <c r="I16046" s="1" t="s">
        <v>53800</v>
      </c>
      <c r="J16046" s="1" t="s">
        <v>59871</v>
      </c>
    </row>
    <row r="16047" spans="1:10" x14ac:dyDescent="0.35">
      <c r="A16047" s="1" t="s">
        <v>59850</v>
      </c>
      <c r="B16047" s="1" t="s">
        <v>53796</v>
      </c>
      <c r="C16047" s="1" t="s">
        <v>45</v>
      </c>
      <c r="D16047" s="1" t="s">
        <v>59872</v>
      </c>
      <c r="E16047" s="1" t="s">
        <v>57335</v>
      </c>
      <c r="F16047" s="1" t="s">
        <v>59873</v>
      </c>
      <c r="G16047" s="1" t="s">
        <v>59852</v>
      </c>
      <c r="H16047" s="1" t="s">
        <v>59853</v>
      </c>
      <c r="I16047" s="1" t="s">
        <v>53800</v>
      </c>
      <c r="J16047" s="1" t="s">
        <v>59874</v>
      </c>
    </row>
    <row r="16048" spans="1:10" x14ac:dyDescent="0.35">
      <c r="A16048" s="1" t="s">
        <v>59850</v>
      </c>
      <c r="B16048" s="1" t="s">
        <v>53796</v>
      </c>
      <c r="C16048" s="1" t="s">
        <v>50</v>
      </c>
      <c r="D16048" s="1" t="s">
        <v>59875</v>
      </c>
      <c r="E16048" s="1" t="s">
        <v>21779</v>
      </c>
      <c r="F16048" s="1" t="s">
        <v>59876</v>
      </c>
      <c r="G16048" s="1" t="s">
        <v>59852</v>
      </c>
      <c r="H16048" s="1" t="s">
        <v>59853</v>
      </c>
      <c r="I16048" s="1" t="s">
        <v>53800</v>
      </c>
      <c r="J16048" s="1" t="s">
        <v>59877</v>
      </c>
    </row>
    <row r="16049" spans="1:10" x14ac:dyDescent="0.35">
      <c r="A16049" s="1" t="s">
        <v>59850</v>
      </c>
      <c r="B16049" s="1" t="s">
        <v>53796</v>
      </c>
      <c r="C16049" s="1" t="s">
        <v>55</v>
      </c>
      <c r="D16049" s="1" t="s">
        <v>59878</v>
      </c>
      <c r="E16049" s="1" t="s">
        <v>41363</v>
      </c>
      <c r="F16049" s="1" t="s">
        <v>59879</v>
      </c>
      <c r="G16049" s="1" t="s">
        <v>59852</v>
      </c>
      <c r="H16049" s="1" t="s">
        <v>59853</v>
      </c>
      <c r="I16049" s="1" t="s">
        <v>53800</v>
      </c>
      <c r="J16049" s="1" t="s">
        <v>59880</v>
      </c>
    </row>
    <row r="16050" spans="1:10" x14ac:dyDescent="0.35">
      <c r="A16050" s="1" t="s">
        <v>59850</v>
      </c>
      <c r="B16050" s="1" t="s">
        <v>53796</v>
      </c>
      <c r="C16050" s="1" t="s">
        <v>60</v>
      </c>
      <c r="D16050" s="1" t="s">
        <v>59881</v>
      </c>
      <c r="E16050" s="1" t="s">
        <v>41220</v>
      </c>
      <c r="F16050" s="1" t="s">
        <v>59882</v>
      </c>
      <c r="G16050" s="1" t="s">
        <v>59852</v>
      </c>
      <c r="H16050" s="1" t="s">
        <v>59853</v>
      </c>
      <c r="I16050" s="1" t="s">
        <v>53800</v>
      </c>
      <c r="J16050" s="1" t="s">
        <v>59883</v>
      </c>
    </row>
    <row r="16051" spans="1:10" x14ac:dyDescent="0.35">
      <c r="A16051" s="1" t="s">
        <v>59850</v>
      </c>
      <c r="B16051" s="1" t="s">
        <v>53796</v>
      </c>
      <c r="C16051" s="1" t="s">
        <v>65</v>
      </c>
      <c r="D16051" s="1" t="s">
        <v>59884</v>
      </c>
      <c r="E16051" s="1" t="s">
        <v>59885</v>
      </c>
      <c r="F16051" s="1" t="s">
        <v>56282</v>
      </c>
      <c r="G16051" s="1" t="s">
        <v>59852</v>
      </c>
      <c r="H16051" s="1" t="s">
        <v>59853</v>
      </c>
      <c r="I16051" s="1" t="s">
        <v>53800</v>
      </c>
      <c r="J16051" s="1" t="s">
        <v>59886</v>
      </c>
    </row>
    <row r="16052" spans="1:10" x14ac:dyDescent="0.35">
      <c r="A16052" s="1" t="s">
        <v>59850</v>
      </c>
      <c r="B16052" s="1" t="s">
        <v>53796</v>
      </c>
      <c r="C16052" s="1" t="s">
        <v>70</v>
      </c>
      <c r="D16052" s="1" t="s">
        <v>59887</v>
      </c>
      <c r="E16052" s="1" t="s">
        <v>22072</v>
      </c>
      <c r="F16052" s="1" t="s">
        <v>59888</v>
      </c>
      <c r="G16052" s="1" t="s">
        <v>59852</v>
      </c>
      <c r="H16052" s="1" t="s">
        <v>59853</v>
      </c>
      <c r="I16052" s="1" t="s">
        <v>53800</v>
      </c>
      <c r="J16052" s="1" t="s">
        <v>59889</v>
      </c>
    </row>
    <row r="16053" spans="1:10" x14ac:dyDescent="0.35">
      <c r="A16053" s="1" t="s">
        <v>59850</v>
      </c>
      <c r="B16053" s="1" t="s">
        <v>53796</v>
      </c>
      <c r="C16053" s="1" t="s">
        <v>75</v>
      </c>
      <c r="D16053" s="1" t="s">
        <v>59890</v>
      </c>
      <c r="E16053" s="1" t="s">
        <v>41192</v>
      </c>
      <c r="F16053" s="1" t="s">
        <v>59891</v>
      </c>
      <c r="G16053" s="1" t="s">
        <v>59852</v>
      </c>
      <c r="H16053" s="1" t="s">
        <v>59853</v>
      </c>
      <c r="I16053" s="1" t="s">
        <v>53800</v>
      </c>
      <c r="J16053" s="1" t="s">
        <v>59892</v>
      </c>
    </row>
    <row r="16054" spans="1:10" x14ac:dyDescent="0.35">
      <c r="A16054" s="1" t="s">
        <v>59850</v>
      </c>
      <c r="B16054" s="1" t="s">
        <v>53796</v>
      </c>
      <c r="C16054" s="1" t="s">
        <v>80</v>
      </c>
      <c r="D16054" s="1" t="s">
        <v>59893</v>
      </c>
      <c r="E16054" s="1" t="s">
        <v>23461</v>
      </c>
      <c r="F16054" s="1" t="s">
        <v>59894</v>
      </c>
      <c r="G16054" s="1" t="s">
        <v>59852</v>
      </c>
      <c r="H16054" s="1" t="s">
        <v>59853</v>
      </c>
      <c r="I16054" s="1" t="s">
        <v>53800</v>
      </c>
      <c r="J16054" s="1" t="s">
        <v>59895</v>
      </c>
    </row>
    <row r="16055" spans="1:10" x14ac:dyDescent="0.35">
      <c r="A16055" s="1" t="s">
        <v>59850</v>
      </c>
      <c r="B16055" s="1" t="s">
        <v>53796</v>
      </c>
      <c r="C16055" s="1" t="s">
        <v>85</v>
      </c>
      <c r="D16055" s="1" t="s">
        <v>59896</v>
      </c>
      <c r="E16055" s="1" t="s">
        <v>59897</v>
      </c>
      <c r="F16055" s="1" t="s">
        <v>59898</v>
      </c>
      <c r="G16055" s="1" t="s">
        <v>59852</v>
      </c>
      <c r="H16055" s="1" t="s">
        <v>59853</v>
      </c>
      <c r="I16055" s="1" t="s">
        <v>53800</v>
      </c>
      <c r="J16055" s="1" t="s">
        <v>59899</v>
      </c>
    </row>
    <row r="16056" spans="1:10" x14ac:dyDescent="0.35">
      <c r="A16056" s="1" t="s">
        <v>59850</v>
      </c>
      <c r="B16056" s="1" t="s">
        <v>53796</v>
      </c>
      <c r="C16056" s="1" t="s">
        <v>90</v>
      </c>
      <c r="D16056" s="1" t="s">
        <v>59900</v>
      </c>
      <c r="E16056" s="1" t="s">
        <v>21960</v>
      </c>
      <c r="F16056" s="1" t="s">
        <v>59901</v>
      </c>
      <c r="G16056" s="1" t="s">
        <v>59852</v>
      </c>
      <c r="H16056" s="1" t="s">
        <v>59853</v>
      </c>
      <c r="I16056" s="1" t="s">
        <v>53800</v>
      </c>
      <c r="J16056" s="1" t="s">
        <v>59902</v>
      </c>
    </row>
    <row r="16057" spans="1:10" x14ac:dyDescent="0.35">
      <c r="A16057" s="1" t="s">
        <v>59850</v>
      </c>
      <c r="B16057" s="1" t="s">
        <v>53796</v>
      </c>
      <c r="C16057" s="1" t="s">
        <v>95</v>
      </c>
      <c r="D16057" s="1" t="s">
        <v>53127</v>
      </c>
      <c r="E16057" s="1" t="s">
        <v>41202</v>
      </c>
      <c r="F16057" s="1" t="s">
        <v>55150</v>
      </c>
      <c r="G16057" s="1" t="s">
        <v>59852</v>
      </c>
      <c r="H16057" s="1" t="s">
        <v>59853</v>
      </c>
      <c r="I16057" s="1" t="s">
        <v>53800</v>
      </c>
      <c r="J16057" s="1" t="s">
        <v>59903</v>
      </c>
    </row>
    <row r="16058" spans="1:10" x14ac:dyDescent="0.35">
      <c r="A16058" s="1" t="s">
        <v>59850</v>
      </c>
      <c r="B16058" s="1" t="s">
        <v>53796</v>
      </c>
      <c r="C16058" s="1" t="s">
        <v>100</v>
      </c>
      <c r="D16058" s="1" t="s">
        <v>59904</v>
      </c>
      <c r="E16058" s="1" t="s">
        <v>59905</v>
      </c>
      <c r="F16058" s="1" t="s">
        <v>23161</v>
      </c>
      <c r="G16058" s="1" t="s">
        <v>59852</v>
      </c>
      <c r="H16058" s="1" t="s">
        <v>59853</v>
      </c>
      <c r="I16058" s="1" t="s">
        <v>53800</v>
      </c>
      <c r="J16058" s="1" t="s">
        <v>59906</v>
      </c>
    </row>
    <row r="16059" spans="1:10" x14ac:dyDescent="0.35">
      <c r="A16059" s="1" t="s">
        <v>59850</v>
      </c>
      <c r="B16059" s="1" t="s">
        <v>53796</v>
      </c>
      <c r="C16059" s="1" t="s">
        <v>105</v>
      </c>
      <c r="D16059" s="1" t="s">
        <v>58167</v>
      </c>
      <c r="E16059" s="1" t="s">
        <v>41395</v>
      </c>
      <c r="F16059" s="1" t="s">
        <v>57190</v>
      </c>
      <c r="G16059" s="1" t="s">
        <v>59852</v>
      </c>
      <c r="H16059" s="1" t="s">
        <v>59853</v>
      </c>
      <c r="I16059" s="1" t="s">
        <v>53800</v>
      </c>
      <c r="J16059" s="1" t="s">
        <v>59907</v>
      </c>
    </row>
    <row r="16060" spans="1:10" x14ac:dyDescent="0.35">
      <c r="A16060" s="1" t="s">
        <v>59850</v>
      </c>
      <c r="B16060" s="1" t="s">
        <v>53796</v>
      </c>
      <c r="C16060" s="1" t="s">
        <v>110</v>
      </c>
      <c r="D16060" s="1" t="s">
        <v>11571</v>
      </c>
      <c r="E16060" s="1" t="s">
        <v>59908</v>
      </c>
      <c r="F16060" s="1" t="s">
        <v>58833</v>
      </c>
      <c r="G16060" s="1" t="s">
        <v>59852</v>
      </c>
      <c r="H16060" s="1" t="s">
        <v>59853</v>
      </c>
      <c r="I16060" s="1" t="s">
        <v>53800</v>
      </c>
      <c r="J16060" s="1" t="s">
        <v>59909</v>
      </c>
    </row>
    <row r="16061" spans="1:10" x14ac:dyDescent="0.35">
      <c r="A16061" s="1" t="s">
        <v>59850</v>
      </c>
      <c r="B16061" s="1" t="s">
        <v>53796</v>
      </c>
      <c r="C16061" s="1" t="s">
        <v>115</v>
      </c>
      <c r="D16061" s="1" t="s">
        <v>59910</v>
      </c>
      <c r="E16061" s="1" t="s">
        <v>15209</v>
      </c>
      <c r="F16061" s="1" t="s">
        <v>59911</v>
      </c>
      <c r="G16061" s="1" t="s">
        <v>59852</v>
      </c>
      <c r="H16061" s="1" t="s">
        <v>59853</v>
      </c>
      <c r="I16061" s="1" t="s">
        <v>53800</v>
      </c>
      <c r="J16061" s="1" t="s">
        <v>59912</v>
      </c>
    </row>
    <row r="16062" spans="1:10" x14ac:dyDescent="0.35">
      <c r="A16062" s="1" t="s">
        <v>59850</v>
      </c>
      <c r="B16062" s="1" t="s">
        <v>53796</v>
      </c>
      <c r="C16062" s="1" t="s">
        <v>120</v>
      </c>
      <c r="D16062" s="1" t="s">
        <v>53018</v>
      </c>
      <c r="E16062" s="1" t="s">
        <v>56304</v>
      </c>
      <c r="F16062" s="1" t="s">
        <v>59913</v>
      </c>
      <c r="G16062" s="1" t="s">
        <v>59852</v>
      </c>
      <c r="H16062" s="1" t="s">
        <v>59853</v>
      </c>
      <c r="I16062" s="1" t="s">
        <v>53800</v>
      </c>
      <c r="J16062" s="1" t="s">
        <v>59914</v>
      </c>
    </row>
    <row r="16063" spans="1:10" x14ac:dyDescent="0.35">
      <c r="A16063" s="1" t="s">
        <v>59850</v>
      </c>
      <c r="B16063" s="1" t="s">
        <v>53796</v>
      </c>
      <c r="C16063" s="1" t="s">
        <v>125</v>
      </c>
      <c r="D16063" s="1" t="s">
        <v>59915</v>
      </c>
      <c r="E16063" s="1" t="s">
        <v>58507</v>
      </c>
      <c r="F16063" s="1" t="s">
        <v>59916</v>
      </c>
      <c r="G16063" s="1" t="s">
        <v>59852</v>
      </c>
      <c r="H16063" s="1" t="s">
        <v>59853</v>
      </c>
      <c r="I16063" s="1" t="s">
        <v>53800</v>
      </c>
      <c r="J16063" s="1" t="s">
        <v>59917</v>
      </c>
    </row>
    <row r="16064" spans="1:10" x14ac:dyDescent="0.35">
      <c r="A16064" s="1" t="s">
        <v>59850</v>
      </c>
      <c r="B16064" s="1" t="s">
        <v>53796</v>
      </c>
      <c r="C16064" s="1" t="s">
        <v>130</v>
      </c>
      <c r="D16064" s="1" t="s">
        <v>59918</v>
      </c>
      <c r="E16064" s="1" t="s">
        <v>12821</v>
      </c>
      <c r="F16064" s="1" t="s">
        <v>59919</v>
      </c>
      <c r="G16064" s="1" t="s">
        <v>59852</v>
      </c>
      <c r="H16064" s="1" t="s">
        <v>59853</v>
      </c>
      <c r="I16064" s="1" t="s">
        <v>53800</v>
      </c>
      <c r="J16064" s="1" t="s">
        <v>59920</v>
      </c>
    </row>
    <row r="16065" spans="1:10" x14ac:dyDescent="0.35">
      <c r="A16065" s="1" t="s">
        <v>59850</v>
      </c>
      <c r="B16065" s="1" t="s">
        <v>53796</v>
      </c>
      <c r="C16065" s="1" t="s">
        <v>135</v>
      </c>
      <c r="D16065" s="1" t="s">
        <v>59921</v>
      </c>
      <c r="E16065" s="1" t="s">
        <v>23435</v>
      </c>
      <c r="F16065" s="1" t="s">
        <v>59922</v>
      </c>
      <c r="G16065" s="1" t="s">
        <v>59852</v>
      </c>
      <c r="H16065" s="1" t="s">
        <v>59853</v>
      </c>
      <c r="I16065" s="1" t="s">
        <v>53800</v>
      </c>
      <c r="J16065" s="1" t="s">
        <v>59923</v>
      </c>
    </row>
    <row r="16066" spans="1:10" x14ac:dyDescent="0.35">
      <c r="A16066" s="1" t="s">
        <v>59850</v>
      </c>
      <c r="B16066" s="1" t="s">
        <v>53796</v>
      </c>
      <c r="C16066" s="1" t="s">
        <v>140</v>
      </c>
      <c r="D16066" s="1" t="s">
        <v>59924</v>
      </c>
      <c r="E16066" s="1" t="s">
        <v>31401</v>
      </c>
      <c r="F16066" s="1" t="s">
        <v>30667</v>
      </c>
      <c r="G16066" s="1" t="s">
        <v>59852</v>
      </c>
      <c r="H16066" s="1" t="s">
        <v>59853</v>
      </c>
      <c r="I16066" s="1" t="s">
        <v>53800</v>
      </c>
      <c r="J16066" s="1" t="s">
        <v>59925</v>
      </c>
    </row>
    <row r="16067" spans="1:10" x14ac:dyDescent="0.35">
      <c r="A16067" s="1" t="s">
        <v>59850</v>
      </c>
      <c r="B16067" s="1" t="s">
        <v>53796</v>
      </c>
      <c r="C16067" s="1" t="s">
        <v>145</v>
      </c>
      <c r="D16067" s="1" t="s">
        <v>59926</v>
      </c>
      <c r="E16067" s="1" t="s">
        <v>59927</v>
      </c>
      <c r="F16067" s="1" t="s">
        <v>23214</v>
      </c>
      <c r="G16067" s="1" t="s">
        <v>59852</v>
      </c>
      <c r="H16067" s="1" t="s">
        <v>59853</v>
      </c>
      <c r="I16067" s="1" t="s">
        <v>53800</v>
      </c>
      <c r="J16067" s="1" t="s">
        <v>59928</v>
      </c>
    </row>
    <row r="16068" spans="1:10" x14ac:dyDescent="0.35">
      <c r="A16068" s="1" t="s">
        <v>59850</v>
      </c>
      <c r="B16068" s="1" t="s">
        <v>53796</v>
      </c>
      <c r="C16068" s="1" t="s">
        <v>150</v>
      </c>
      <c r="D16068" s="1" t="s">
        <v>59929</v>
      </c>
      <c r="E16068" s="1" t="s">
        <v>21845</v>
      </c>
      <c r="F16068" s="1" t="s">
        <v>56759</v>
      </c>
      <c r="G16068" s="1" t="s">
        <v>59852</v>
      </c>
      <c r="H16068" s="1" t="s">
        <v>59853</v>
      </c>
      <c r="I16068" s="1" t="s">
        <v>53800</v>
      </c>
      <c r="J16068" s="1" t="s">
        <v>59930</v>
      </c>
    </row>
    <row r="16069" spans="1:10" x14ac:dyDescent="0.35">
      <c r="A16069" s="1" t="s">
        <v>59850</v>
      </c>
      <c r="B16069" s="1" t="s">
        <v>53796</v>
      </c>
      <c r="C16069" s="1" t="s">
        <v>155</v>
      </c>
      <c r="D16069" s="1" t="s">
        <v>59931</v>
      </c>
      <c r="E16069" s="1" t="s">
        <v>16168</v>
      </c>
      <c r="F16069" s="1" t="s">
        <v>59932</v>
      </c>
      <c r="G16069" s="1" t="s">
        <v>59852</v>
      </c>
      <c r="H16069" s="1" t="s">
        <v>59853</v>
      </c>
      <c r="I16069" s="1" t="s">
        <v>53800</v>
      </c>
      <c r="J16069" s="1" t="s">
        <v>59933</v>
      </c>
    </row>
    <row r="16070" spans="1:10" x14ac:dyDescent="0.35">
      <c r="A16070" s="1" t="s">
        <v>59850</v>
      </c>
      <c r="B16070" s="1" t="s">
        <v>53796</v>
      </c>
      <c r="C16070" s="1" t="s">
        <v>160</v>
      </c>
      <c r="D16070" s="1" t="s">
        <v>59934</v>
      </c>
      <c r="E16070" s="1" t="s">
        <v>58415</v>
      </c>
      <c r="F16070" s="1" t="s">
        <v>56191</v>
      </c>
      <c r="G16070" s="1" t="s">
        <v>59852</v>
      </c>
      <c r="H16070" s="1" t="s">
        <v>59853</v>
      </c>
      <c r="I16070" s="1" t="s">
        <v>53800</v>
      </c>
      <c r="J16070" s="1" t="s">
        <v>59935</v>
      </c>
    </row>
    <row r="16071" spans="1:10" x14ac:dyDescent="0.35">
      <c r="A16071" s="1" t="s">
        <v>59850</v>
      </c>
      <c r="B16071" s="1" t="s">
        <v>53796</v>
      </c>
      <c r="C16071" s="1" t="s">
        <v>165</v>
      </c>
      <c r="D16071" s="1" t="s">
        <v>55868</v>
      </c>
      <c r="E16071" s="1" t="s">
        <v>56221</v>
      </c>
      <c r="F16071" s="1" t="s">
        <v>59936</v>
      </c>
      <c r="G16071" s="1" t="s">
        <v>59852</v>
      </c>
      <c r="H16071" s="1" t="s">
        <v>59853</v>
      </c>
      <c r="I16071" s="1" t="s">
        <v>53800</v>
      </c>
      <c r="J16071" s="1" t="s">
        <v>59937</v>
      </c>
    </row>
    <row r="16072" spans="1:10" x14ac:dyDescent="0.35">
      <c r="A16072" s="1" t="s">
        <v>59850</v>
      </c>
      <c r="B16072" s="1" t="s">
        <v>53796</v>
      </c>
      <c r="C16072" s="1" t="s">
        <v>170</v>
      </c>
      <c r="D16072" s="1" t="s">
        <v>59938</v>
      </c>
      <c r="E16072" s="1" t="s">
        <v>15349</v>
      </c>
      <c r="F16072" s="1" t="s">
        <v>59939</v>
      </c>
      <c r="G16072" s="1" t="s">
        <v>59852</v>
      </c>
      <c r="H16072" s="1" t="s">
        <v>59853</v>
      </c>
      <c r="I16072" s="1" t="s">
        <v>53800</v>
      </c>
      <c r="J16072" s="1" t="s">
        <v>59940</v>
      </c>
    </row>
    <row r="16073" spans="1:10" x14ac:dyDescent="0.35">
      <c r="A16073" s="1" t="s">
        <v>59941</v>
      </c>
      <c r="B16073" s="1" t="s">
        <v>53796</v>
      </c>
      <c r="C16073" s="1" t="s">
        <v>8</v>
      </c>
      <c r="D16073" s="1" t="s">
        <v>59942</v>
      </c>
      <c r="E16073" s="1" t="s">
        <v>59943</v>
      </c>
      <c r="F16073" s="1" t="s">
        <v>59944</v>
      </c>
      <c r="G16073" s="1" t="s">
        <v>59945</v>
      </c>
      <c r="H16073" s="1" t="s">
        <v>59946</v>
      </c>
      <c r="I16073" s="1" t="s">
        <v>53800</v>
      </c>
      <c r="J16073" s="1" t="s">
        <v>13</v>
      </c>
    </row>
    <row r="16074" spans="1:10" x14ac:dyDescent="0.35">
      <c r="A16074" s="1" t="s">
        <v>59941</v>
      </c>
      <c r="B16074" s="1" t="s">
        <v>53796</v>
      </c>
      <c r="C16074" s="1" t="s">
        <v>15</v>
      </c>
      <c r="D16074" s="1" t="s">
        <v>59947</v>
      </c>
      <c r="E16074" s="1" t="s">
        <v>59948</v>
      </c>
      <c r="F16074" s="1" t="s">
        <v>59949</v>
      </c>
      <c r="G16074" s="1" t="s">
        <v>59945</v>
      </c>
      <c r="H16074" s="1" t="s">
        <v>59946</v>
      </c>
      <c r="I16074" s="1" t="s">
        <v>53800</v>
      </c>
      <c r="J16074" s="1" t="s">
        <v>59950</v>
      </c>
    </row>
    <row r="16075" spans="1:10" x14ac:dyDescent="0.35">
      <c r="A16075" s="1" t="s">
        <v>59941</v>
      </c>
      <c r="B16075" s="1" t="s">
        <v>53796</v>
      </c>
      <c r="C16075" s="1" t="s">
        <v>20</v>
      </c>
      <c r="D16075" s="1" t="s">
        <v>59951</v>
      </c>
      <c r="E16075" s="1" t="s">
        <v>59952</v>
      </c>
      <c r="F16075" s="1" t="s">
        <v>59953</v>
      </c>
      <c r="G16075" s="1" t="s">
        <v>59945</v>
      </c>
      <c r="H16075" s="1" t="s">
        <v>59946</v>
      </c>
      <c r="I16075" s="1" t="s">
        <v>53800</v>
      </c>
      <c r="J16075" s="1" t="s">
        <v>59954</v>
      </c>
    </row>
    <row r="16076" spans="1:10" x14ac:dyDescent="0.35">
      <c r="A16076" s="1" t="s">
        <v>59941</v>
      </c>
      <c r="B16076" s="1" t="s">
        <v>53796</v>
      </c>
      <c r="C16076" s="1" t="s">
        <v>25</v>
      </c>
      <c r="D16076" s="1" t="s">
        <v>59955</v>
      </c>
      <c r="E16076" s="1" t="s">
        <v>59956</v>
      </c>
      <c r="F16076" s="1" t="s">
        <v>59957</v>
      </c>
      <c r="G16076" s="1" t="s">
        <v>59945</v>
      </c>
      <c r="H16076" s="1" t="s">
        <v>59946</v>
      </c>
      <c r="I16076" s="1" t="s">
        <v>53800</v>
      </c>
      <c r="J16076" s="1" t="s">
        <v>59958</v>
      </c>
    </row>
    <row r="16077" spans="1:10" x14ac:dyDescent="0.35">
      <c r="A16077" s="1" t="s">
        <v>59941</v>
      </c>
      <c r="B16077" s="1" t="s">
        <v>53796</v>
      </c>
      <c r="C16077" s="1" t="s">
        <v>30</v>
      </c>
      <c r="D16077" s="1" t="s">
        <v>59959</v>
      </c>
      <c r="E16077" s="1" t="s">
        <v>59960</v>
      </c>
      <c r="F16077" s="1" t="s">
        <v>59961</v>
      </c>
      <c r="G16077" s="1" t="s">
        <v>59945</v>
      </c>
      <c r="H16077" s="1" t="s">
        <v>59946</v>
      </c>
      <c r="I16077" s="1" t="s">
        <v>53800</v>
      </c>
      <c r="J16077" s="1" t="s">
        <v>59962</v>
      </c>
    </row>
    <row r="16078" spans="1:10" x14ac:dyDescent="0.35">
      <c r="A16078" s="1" t="s">
        <v>59941</v>
      </c>
      <c r="B16078" s="1" t="s">
        <v>53796</v>
      </c>
      <c r="C16078" s="1" t="s">
        <v>35</v>
      </c>
      <c r="D16078" s="1" t="s">
        <v>59963</v>
      </c>
      <c r="E16078" s="1" t="s">
        <v>59964</v>
      </c>
      <c r="F16078" s="1" t="s">
        <v>59965</v>
      </c>
      <c r="G16078" s="1" t="s">
        <v>59945</v>
      </c>
      <c r="H16078" s="1" t="s">
        <v>59946</v>
      </c>
      <c r="I16078" s="1" t="s">
        <v>53800</v>
      </c>
      <c r="J16078" s="1" t="s">
        <v>59966</v>
      </c>
    </row>
    <row r="16079" spans="1:10" x14ac:dyDescent="0.35">
      <c r="A16079" s="1" t="s">
        <v>59941</v>
      </c>
      <c r="B16079" s="1" t="s">
        <v>53796</v>
      </c>
      <c r="C16079" s="1" t="s">
        <v>40</v>
      </c>
      <c r="D16079" s="1" t="s">
        <v>59967</v>
      </c>
      <c r="E16079" s="1" t="s">
        <v>59968</v>
      </c>
      <c r="F16079" s="1" t="s">
        <v>59969</v>
      </c>
      <c r="G16079" s="1" t="s">
        <v>59945</v>
      </c>
      <c r="H16079" s="1" t="s">
        <v>59946</v>
      </c>
      <c r="I16079" s="1" t="s">
        <v>53800</v>
      </c>
      <c r="J16079" s="1" t="s">
        <v>59970</v>
      </c>
    </row>
    <row r="16080" spans="1:10" x14ac:dyDescent="0.35">
      <c r="A16080" s="1" t="s">
        <v>59941</v>
      </c>
      <c r="B16080" s="1" t="s">
        <v>53796</v>
      </c>
      <c r="C16080" s="1" t="s">
        <v>45</v>
      </c>
      <c r="D16080" s="1" t="s">
        <v>59971</v>
      </c>
      <c r="E16080" s="1" t="s">
        <v>59972</v>
      </c>
      <c r="F16080" s="1" t="s">
        <v>59973</v>
      </c>
      <c r="G16080" s="1" t="s">
        <v>59945</v>
      </c>
      <c r="H16080" s="1" t="s">
        <v>59946</v>
      </c>
      <c r="I16080" s="1" t="s">
        <v>53800</v>
      </c>
      <c r="J16080" s="1" t="s">
        <v>59974</v>
      </c>
    </row>
    <row r="16081" spans="1:10" x14ac:dyDescent="0.35">
      <c r="A16081" s="1" t="s">
        <v>59941</v>
      </c>
      <c r="B16081" s="1" t="s">
        <v>53796</v>
      </c>
      <c r="C16081" s="1" t="s">
        <v>50</v>
      </c>
      <c r="D16081" s="1" t="s">
        <v>59975</v>
      </c>
      <c r="E16081" s="1" t="s">
        <v>59976</v>
      </c>
      <c r="F16081" s="1" t="s">
        <v>59977</v>
      </c>
      <c r="G16081" s="1" t="s">
        <v>59945</v>
      </c>
      <c r="H16081" s="1" t="s">
        <v>59946</v>
      </c>
      <c r="I16081" s="1" t="s">
        <v>53800</v>
      </c>
      <c r="J16081" s="1" t="s">
        <v>59978</v>
      </c>
    </row>
    <row r="16082" spans="1:10" x14ac:dyDescent="0.35">
      <c r="A16082" s="1" t="s">
        <v>59941</v>
      </c>
      <c r="B16082" s="1" t="s">
        <v>53796</v>
      </c>
      <c r="C16082" s="1" t="s">
        <v>55</v>
      </c>
      <c r="D16082" s="1" t="s">
        <v>59979</v>
      </c>
      <c r="E16082" s="1" t="s">
        <v>59980</v>
      </c>
      <c r="F16082" s="1" t="s">
        <v>59981</v>
      </c>
      <c r="G16082" s="1" t="s">
        <v>59945</v>
      </c>
      <c r="H16082" s="1" t="s">
        <v>59946</v>
      </c>
      <c r="I16082" s="1" t="s">
        <v>53800</v>
      </c>
      <c r="J16082" s="1" t="s">
        <v>59982</v>
      </c>
    </row>
    <row r="16083" spans="1:10" x14ac:dyDescent="0.35">
      <c r="A16083" s="1" t="s">
        <v>59941</v>
      </c>
      <c r="B16083" s="1" t="s">
        <v>53796</v>
      </c>
      <c r="C16083" s="1" t="s">
        <v>60</v>
      </c>
      <c r="D16083" s="1" t="s">
        <v>59983</v>
      </c>
      <c r="E16083" s="1" t="s">
        <v>59984</v>
      </c>
      <c r="F16083" s="1" t="s">
        <v>59985</v>
      </c>
      <c r="G16083" s="1" t="s">
        <v>59945</v>
      </c>
      <c r="H16083" s="1" t="s">
        <v>59946</v>
      </c>
      <c r="I16083" s="1" t="s">
        <v>53800</v>
      </c>
      <c r="J16083" s="1" t="s">
        <v>59986</v>
      </c>
    </row>
    <row r="16084" spans="1:10" x14ac:dyDescent="0.35">
      <c r="A16084" s="1" t="s">
        <v>59941</v>
      </c>
      <c r="B16084" s="1" t="s">
        <v>53796</v>
      </c>
      <c r="C16084" s="1" t="s">
        <v>65</v>
      </c>
      <c r="D16084" s="1" t="s">
        <v>57689</v>
      </c>
      <c r="E16084" s="1" t="s">
        <v>59987</v>
      </c>
      <c r="F16084" s="1" t="s">
        <v>59988</v>
      </c>
      <c r="G16084" s="1" t="s">
        <v>59945</v>
      </c>
      <c r="H16084" s="1" t="s">
        <v>59946</v>
      </c>
      <c r="I16084" s="1" t="s">
        <v>53800</v>
      </c>
      <c r="J16084" s="1" t="s">
        <v>59989</v>
      </c>
    </row>
    <row r="16085" spans="1:10" x14ac:dyDescent="0.35">
      <c r="A16085" s="1" t="s">
        <v>59941</v>
      </c>
      <c r="B16085" s="1" t="s">
        <v>53796</v>
      </c>
      <c r="C16085" s="1" t="s">
        <v>70</v>
      </c>
      <c r="D16085" s="1" t="s">
        <v>59990</v>
      </c>
      <c r="E16085" s="1" t="s">
        <v>59991</v>
      </c>
      <c r="F16085" s="1" t="s">
        <v>59992</v>
      </c>
      <c r="G16085" s="1" t="s">
        <v>59945</v>
      </c>
      <c r="H16085" s="1" t="s">
        <v>59946</v>
      </c>
      <c r="I16085" s="1" t="s">
        <v>53800</v>
      </c>
      <c r="J16085" s="1" t="s">
        <v>59993</v>
      </c>
    </row>
    <row r="16086" spans="1:10" x14ac:dyDescent="0.35">
      <c r="A16086" s="1" t="s">
        <v>59941</v>
      </c>
      <c r="B16086" s="1" t="s">
        <v>53796</v>
      </c>
      <c r="C16086" s="1" t="s">
        <v>75</v>
      </c>
      <c r="D16086" s="1" t="s">
        <v>59994</v>
      </c>
      <c r="E16086" s="1" t="s">
        <v>59995</v>
      </c>
      <c r="F16086" s="1" t="s">
        <v>59996</v>
      </c>
      <c r="G16086" s="1" t="s">
        <v>59945</v>
      </c>
      <c r="H16086" s="1" t="s">
        <v>59946</v>
      </c>
      <c r="I16086" s="1" t="s">
        <v>53800</v>
      </c>
      <c r="J16086" s="1" t="s">
        <v>59997</v>
      </c>
    </row>
    <row r="16087" spans="1:10" x14ac:dyDescent="0.35">
      <c r="A16087" s="1" t="s">
        <v>59941</v>
      </c>
      <c r="B16087" s="1" t="s">
        <v>53796</v>
      </c>
      <c r="C16087" s="1" t="s">
        <v>80</v>
      </c>
      <c r="D16087" s="1" t="s">
        <v>59998</v>
      </c>
      <c r="E16087" s="1" t="s">
        <v>59999</v>
      </c>
      <c r="F16087" s="1" t="s">
        <v>60000</v>
      </c>
      <c r="G16087" s="1" t="s">
        <v>59945</v>
      </c>
      <c r="H16087" s="1" t="s">
        <v>59946</v>
      </c>
      <c r="I16087" s="1" t="s">
        <v>53800</v>
      </c>
      <c r="J16087" s="1" t="s">
        <v>60001</v>
      </c>
    </row>
    <row r="16088" spans="1:10" x14ac:dyDescent="0.35">
      <c r="A16088" s="1" t="s">
        <v>59941</v>
      </c>
      <c r="B16088" s="1" t="s">
        <v>53796</v>
      </c>
      <c r="C16088" s="1" t="s">
        <v>85</v>
      </c>
      <c r="D16088" s="1" t="s">
        <v>60002</v>
      </c>
      <c r="E16088" s="1" t="s">
        <v>60003</v>
      </c>
      <c r="F16088" s="1" t="s">
        <v>60004</v>
      </c>
      <c r="G16088" s="1" t="s">
        <v>59945</v>
      </c>
      <c r="H16088" s="1" t="s">
        <v>59946</v>
      </c>
      <c r="I16088" s="1" t="s">
        <v>53800</v>
      </c>
      <c r="J16088" s="1" t="s">
        <v>60005</v>
      </c>
    </row>
    <row r="16089" spans="1:10" x14ac:dyDescent="0.35">
      <c r="A16089" s="1" t="s">
        <v>59941</v>
      </c>
      <c r="B16089" s="1" t="s">
        <v>53796</v>
      </c>
      <c r="C16089" s="1" t="s">
        <v>90</v>
      </c>
      <c r="D16089" s="1" t="s">
        <v>60006</v>
      </c>
      <c r="E16089" s="1" t="s">
        <v>60007</v>
      </c>
      <c r="F16089" s="1" t="s">
        <v>60008</v>
      </c>
      <c r="G16089" s="1" t="s">
        <v>59945</v>
      </c>
      <c r="H16089" s="1" t="s">
        <v>59946</v>
      </c>
      <c r="I16089" s="1" t="s">
        <v>53800</v>
      </c>
      <c r="J16089" s="1" t="s">
        <v>60009</v>
      </c>
    </row>
    <row r="16090" spans="1:10" x14ac:dyDescent="0.35">
      <c r="A16090" s="1" t="s">
        <v>59941</v>
      </c>
      <c r="B16090" s="1" t="s">
        <v>53796</v>
      </c>
      <c r="C16090" s="1" t="s">
        <v>95</v>
      </c>
      <c r="D16090" s="1" t="s">
        <v>60010</v>
      </c>
      <c r="E16090" s="1" t="s">
        <v>60011</v>
      </c>
      <c r="F16090" s="1" t="s">
        <v>60012</v>
      </c>
      <c r="G16090" s="1" t="s">
        <v>59945</v>
      </c>
      <c r="H16090" s="1" t="s">
        <v>59946</v>
      </c>
      <c r="I16090" s="1" t="s">
        <v>53800</v>
      </c>
      <c r="J16090" s="1" t="s">
        <v>60013</v>
      </c>
    </row>
    <row r="16091" spans="1:10" x14ac:dyDescent="0.35">
      <c r="A16091" s="1" t="s">
        <v>59941</v>
      </c>
      <c r="B16091" s="1" t="s">
        <v>53796</v>
      </c>
      <c r="C16091" s="1" t="s">
        <v>100</v>
      </c>
      <c r="D16091" s="1" t="s">
        <v>60014</v>
      </c>
      <c r="E16091" s="1" t="s">
        <v>60015</v>
      </c>
      <c r="F16091" s="1" t="s">
        <v>60016</v>
      </c>
      <c r="G16091" s="1" t="s">
        <v>59945</v>
      </c>
      <c r="H16091" s="1" t="s">
        <v>59946</v>
      </c>
      <c r="I16091" s="1" t="s">
        <v>53800</v>
      </c>
      <c r="J16091" s="1" t="s">
        <v>60017</v>
      </c>
    </row>
    <row r="16092" spans="1:10" x14ac:dyDescent="0.35">
      <c r="A16092" s="1" t="s">
        <v>59941</v>
      </c>
      <c r="B16092" s="1" t="s">
        <v>53796</v>
      </c>
      <c r="C16092" s="1" t="s">
        <v>105</v>
      </c>
      <c r="D16092" s="1" t="s">
        <v>60018</v>
      </c>
      <c r="E16092" s="1" t="s">
        <v>60019</v>
      </c>
      <c r="F16092" s="1" t="s">
        <v>60020</v>
      </c>
      <c r="G16092" s="1" t="s">
        <v>59945</v>
      </c>
      <c r="H16092" s="1" t="s">
        <v>59946</v>
      </c>
      <c r="I16092" s="1" t="s">
        <v>53800</v>
      </c>
      <c r="J16092" s="1" t="s">
        <v>60021</v>
      </c>
    </row>
    <row r="16093" spans="1:10" x14ac:dyDescent="0.35">
      <c r="A16093" s="1" t="s">
        <v>59941</v>
      </c>
      <c r="B16093" s="1" t="s">
        <v>53796</v>
      </c>
      <c r="C16093" s="1" t="s">
        <v>110</v>
      </c>
      <c r="D16093" s="1" t="s">
        <v>60022</v>
      </c>
      <c r="E16093" s="1" t="s">
        <v>60023</v>
      </c>
      <c r="F16093" s="1" t="s">
        <v>60024</v>
      </c>
      <c r="G16093" s="1" t="s">
        <v>59945</v>
      </c>
      <c r="H16093" s="1" t="s">
        <v>59946</v>
      </c>
      <c r="I16093" s="1" t="s">
        <v>53800</v>
      </c>
      <c r="J16093" s="1" t="s">
        <v>60025</v>
      </c>
    </row>
    <row r="16094" spans="1:10" x14ac:dyDescent="0.35">
      <c r="A16094" s="1" t="s">
        <v>59941</v>
      </c>
      <c r="B16094" s="1" t="s">
        <v>53796</v>
      </c>
      <c r="C16094" s="1" t="s">
        <v>115</v>
      </c>
      <c r="D16094" s="1" t="s">
        <v>60026</v>
      </c>
      <c r="E16094" s="1" t="s">
        <v>60027</v>
      </c>
      <c r="F16094" s="1" t="s">
        <v>60028</v>
      </c>
      <c r="G16094" s="1" t="s">
        <v>59945</v>
      </c>
      <c r="H16094" s="1" t="s">
        <v>59946</v>
      </c>
      <c r="I16094" s="1" t="s">
        <v>53800</v>
      </c>
      <c r="J16094" s="1" t="s">
        <v>60029</v>
      </c>
    </row>
    <row r="16095" spans="1:10" x14ac:dyDescent="0.35">
      <c r="A16095" s="1" t="s">
        <v>59941</v>
      </c>
      <c r="B16095" s="1" t="s">
        <v>53796</v>
      </c>
      <c r="C16095" s="1" t="s">
        <v>120</v>
      </c>
      <c r="D16095" s="1" t="s">
        <v>60030</v>
      </c>
      <c r="E16095" s="1" t="s">
        <v>60031</v>
      </c>
      <c r="F16095" s="1" t="s">
        <v>60032</v>
      </c>
      <c r="G16095" s="1" t="s">
        <v>59945</v>
      </c>
      <c r="H16095" s="1" t="s">
        <v>59946</v>
      </c>
      <c r="I16095" s="1" t="s">
        <v>53800</v>
      </c>
      <c r="J16095" s="1" t="s">
        <v>60033</v>
      </c>
    </row>
    <row r="16096" spans="1:10" x14ac:dyDescent="0.35">
      <c r="A16096" s="1" t="s">
        <v>59941</v>
      </c>
      <c r="B16096" s="1" t="s">
        <v>53796</v>
      </c>
      <c r="C16096" s="1" t="s">
        <v>125</v>
      </c>
      <c r="D16096" s="1" t="s">
        <v>60034</v>
      </c>
      <c r="E16096" s="1" t="s">
        <v>60035</v>
      </c>
      <c r="F16096" s="1" t="s">
        <v>60036</v>
      </c>
      <c r="G16096" s="1" t="s">
        <v>59945</v>
      </c>
      <c r="H16096" s="1" t="s">
        <v>59946</v>
      </c>
      <c r="I16096" s="1" t="s">
        <v>53800</v>
      </c>
      <c r="J16096" s="1" t="s">
        <v>60037</v>
      </c>
    </row>
    <row r="16097" spans="1:10" x14ac:dyDescent="0.35">
      <c r="A16097" s="1" t="s">
        <v>59941</v>
      </c>
      <c r="B16097" s="1" t="s">
        <v>53796</v>
      </c>
      <c r="C16097" s="1" t="s">
        <v>130</v>
      </c>
      <c r="D16097" s="1" t="s">
        <v>60038</v>
      </c>
      <c r="E16097" s="1" t="s">
        <v>60039</v>
      </c>
      <c r="F16097" s="1" t="s">
        <v>60040</v>
      </c>
      <c r="G16097" s="1" t="s">
        <v>59945</v>
      </c>
      <c r="H16097" s="1" t="s">
        <v>59946</v>
      </c>
      <c r="I16097" s="1" t="s">
        <v>53800</v>
      </c>
      <c r="J16097" s="1" t="s">
        <v>60041</v>
      </c>
    </row>
    <row r="16098" spans="1:10" x14ac:dyDescent="0.35">
      <c r="A16098" s="1" t="s">
        <v>59941</v>
      </c>
      <c r="B16098" s="1" t="s">
        <v>53796</v>
      </c>
      <c r="C16098" s="1" t="s">
        <v>135</v>
      </c>
      <c r="D16098" s="1" t="s">
        <v>60042</v>
      </c>
      <c r="E16098" s="1" t="s">
        <v>60043</v>
      </c>
      <c r="F16098" s="1" t="s">
        <v>60044</v>
      </c>
      <c r="G16098" s="1" t="s">
        <v>59945</v>
      </c>
      <c r="H16098" s="1" t="s">
        <v>59946</v>
      </c>
      <c r="I16098" s="1" t="s">
        <v>53800</v>
      </c>
      <c r="J16098" s="1" t="s">
        <v>60045</v>
      </c>
    </row>
    <row r="16099" spans="1:10" x14ac:dyDescent="0.35">
      <c r="A16099" s="1" t="s">
        <v>59941</v>
      </c>
      <c r="B16099" s="1" t="s">
        <v>53796</v>
      </c>
      <c r="C16099" s="1" t="s">
        <v>140</v>
      </c>
      <c r="D16099" s="1" t="s">
        <v>60046</v>
      </c>
      <c r="E16099" s="1" t="s">
        <v>60047</v>
      </c>
      <c r="F16099" s="1" t="s">
        <v>60048</v>
      </c>
      <c r="G16099" s="1" t="s">
        <v>59945</v>
      </c>
      <c r="H16099" s="1" t="s">
        <v>59946</v>
      </c>
      <c r="I16099" s="1" t="s">
        <v>53800</v>
      </c>
      <c r="J16099" s="1" t="s">
        <v>60049</v>
      </c>
    </row>
    <row r="16100" spans="1:10" x14ac:dyDescent="0.35">
      <c r="A16100" s="1" t="s">
        <v>59941</v>
      </c>
      <c r="B16100" s="1" t="s">
        <v>53796</v>
      </c>
      <c r="C16100" s="1" t="s">
        <v>145</v>
      </c>
      <c r="D16100" s="1" t="s">
        <v>60050</v>
      </c>
      <c r="E16100" s="1" t="s">
        <v>60051</v>
      </c>
      <c r="F16100" s="1" t="s">
        <v>60052</v>
      </c>
      <c r="G16100" s="1" t="s">
        <v>59945</v>
      </c>
      <c r="H16100" s="1" t="s">
        <v>59946</v>
      </c>
      <c r="I16100" s="1" t="s">
        <v>53800</v>
      </c>
      <c r="J16100" s="1" t="s">
        <v>60053</v>
      </c>
    </row>
    <row r="16101" spans="1:10" x14ac:dyDescent="0.35">
      <c r="A16101" s="1" t="s">
        <v>59941</v>
      </c>
      <c r="B16101" s="1" t="s">
        <v>53796</v>
      </c>
      <c r="C16101" s="1" t="s">
        <v>150</v>
      </c>
      <c r="D16101" s="1" t="s">
        <v>60054</v>
      </c>
      <c r="E16101" s="1" t="s">
        <v>60055</v>
      </c>
      <c r="F16101" s="1" t="s">
        <v>60056</v>
      </c>
      <c r="G16101" s="1" t="s">
        <v>59945</v>
      </c>
      <c r="H16101" s="1" t="s">
        <v>59946</v>
      </c>
      <c r="I16101" s="1" t="s">
        <v>53800</v>
      </c>
      <c r="J16101" s="1" t="s">
        <v>60057</v>
      </c>
    </row>
    <row r="16102" spans="1:10" x14ac:dyDescent="0.35">
      <c r="A16102" s="1" t="s">
        <v>59941</v>
      </c>
      <c r="B16102" s="1" t="s">
        <v>53796</v>
      </c>
      <c r="C16102" s="1" t="s">
        <v>155</v>
      </c>
      <c r="D16102" s="1" t="s">
        <v>60058</v>
      </c>
      <c r="E16102" s="1" t="s">
        <v>60059</v>
      </c>
      <c r="F16102" s="1" t="s">
        <v>60060</v>
      </c>
      <c r="G16102" s="1" t="s">
        <v>59945</v>
      </c>
      <c r="H16102" s="1" t="s">
        <v>59946</v>
      </c>
      <c r="I16102" s="1" t="s">
        <v>53800</v>
      </c>
      <c r="J16102" s="1" t="s">
        <v>60061</v>
      </c>
    </row>
    <row r="16103" spans="1:10" x14ac:dyDescent="0.35">
      <c r="A16103" s="1" t="s">
        <v>59941</v>
      </c>
      <c r="B16103" s="1" t="s">
        <v>53796</v>
      </c>
      <c r="C16103" s="1" t="s">
        <v>160</v>
      </c>
      <c r="D16103" s="1" t="s">
        <v>60062</v>
      </c>
      <c r="E16103" s="1" t="s">
        <v>60063</v>
      </c>
      <c r="F16103" s="1" t="s">
        <v>60064</v>
      </c>
      <c r="G16103" s="1" t="s">
        <v>59945</v>
      </c>
      <c r="H16103" s="1" t="s">
        <v>59946</v>
      </c>
      <c r="I16103" s="1" t="s">
        <v>53800</v>
      </c>
      <c r="J16103" s="1" t="s">
        <v>60065</v>
      </c>
    </row>
    <row r="16104" spans="1:10" x14ac:dyDescent="0.35">
      <c r="A16104" s="1" t="s">
        <v>59941</v>
      </c>
      <c r="B16104" s="1" t="s">
        <v>53796</v>
      </c>
      <c r="C16104" s="1" t="s">
        <v>165</v>
      </c>
      <c r="D16104" s="1" t="s">
        <v>60066</v>
      </c>
      <c r="E16104" s="1" t="s">
        <v>60067</v>
      </c>
      <c r="F16104" s="1" t="s">
        <v>60068</v>
      </c>
      <c r="G16104" s="1" t="s">
        <v>59945</v>
      </c>
      <c r="H16104" s="1" t="s">
        <v>59946</v>
      </c>
      <c r="I16104" s="1" t="s">
        <v>53800</v>
      </c>
      <c r="J16104" s="1" t="s">
        <v>60069</v>
      </c>
    </row>
    <row r="16105" spans="1:10" x14ac:dyDescent="0.35">
      <c r="A16105" s="1" t="s">
        <v>59941</v>
      </c>
      <c r="B16105" s="1" t="s">
        <v>53796</v>
      </c>
      <c r="C16105" s="1" t="s">
        <v>170</v>
      </c>
      <c r="D16105" s="1" t="s">
        <v>60070</v>
      </c>
      <c r="E16105" s="1" t="s">
        <v>60071</v>
      </c>
      <c r="F16105" s="1" t="s">
        <v>60072</v>
      </c>
      <c r="G16105" s="1" t="s">
        <v>59945</v>
      </c>
      <c r="H16105" s="1" t="s">
        <v>59946</v>
      </c>
      <c r="I16105" s="1" t="s">
        <v>53800</v>
      </c>
      <c r="J16105" s="1" t="s">
        <v>60073</v>
      </c>
    </row>
    <row r="16106" spans="1:10" x14ac:dyDescent="0.35">
      <c r="A16106" s="1" t="s">
        <v>60074</v>
      </c>
      <c r="B16106" s="1" t="s">
        <v>53796</v>
      </c>
      <c r="C16106" s="1" t="s">
        <v>8</v>
      </c>
      <c r="D16106" s="1" t="s">
        <v>60075</v>
      </c>
      <c r="E16106" s="1" t="s">
        <v>57359</v>
      </c>
      <c r="F16106" s="1" t="s">
        <v>59114</v>
      </c>
      <c r="G16106" s="1" t="s">
        <v>60076</v>
      </c>
      <c r="H16106" s="1" t="s">
        <v>60077</v>
      </c>
      <c r="I16106" s="1" t="s">
        <v>53800</v>
      </c>
      <c r="J16106" s="1" t="s">
        <v>13</v>
      </c>
    </row>
    <row r="16107" spans="1:10" x14ac:dyDescent="0.35">
      <c r="A16107" s="1" t="s">
        <v>60074</v>
      </c>
      <c r="B16107" s="1" t="s">
        <v>53796</v>
      </c>
      <c r="C16107" s="1" t="s">
        <v>15</v>
      </c>
      <c r="D16107" s="1" t="s">
        <v>59299</v>
      </c>
      <c r="E16107" s="1" t="s">
        <v>14710</v>
      </c>
      <c r="F16107" s="1" t="s">
        <v>60078</v>
      </c>
      <c r="G16107" s="1" t="s">
        <v>60076</v>
      </c>
      <c r="H16107" s="1" t="s">
        <v>60077</v>
      </c>
      <c r="I16107" s="1" t="s">
        <v>53800</v>
      </c>
      <c r="J16107" s="1" t="s">
        <v>60079</v>
      </c>
    </row>
    <row r="16108" spans="1:10" x14ac:dyDescent="0.35">
      <c r="A16108" s="1" t="s">
        <v>60074</v>
      </c>
      <c r="B16108" s="1" t="s">
        <v>53796</v>
      </c>
      <c r="C16108" s="1" t="s">
        <v>20</v>
      </c>
      <c r="D16108" s="1" t="s">
        <v>60080</v>
      </c>
      <c r="E16108" s="1" t="s">
        <v>60081</v>
      </c>
      <c r="F16108" s="1" t="s">
        <v>15400</v>
      </c>
      <c r="G16108" s="1" t="s">
        <v>60076</v>
      </c>
      <c r="H16108" s="1" t="s">
        <v>60077</v>
      </c>
      <c r="I16108" s="1" t="s">
        <v>53800</v>
      </c>
      <c r="J16108" s="1" t="s">
        <v>60082</v>
      </c>
    </row>
    <row r="16109" spans="1:10" x14ac:dyDescent="0.35">
      <c r="A16109" s="1" t="s">
        <v>60074</v>
      </c>
      <c r="B16109" s="1" t="s">
        <v>53796</v>
      </c>
      <c r="C16109" s="1" t="s">
        <v>25</v>
      </c>
      <c r="D16109" s="1" t="s">
        <v>60083</v>
      </c>
      <c r="E16109" s="1" t="s">
        <v>58286</v>
      </c>
      <c r="F16109" s="1" t="s">
        <v>60084</v>
      </c>
      <c r="G16109" s="1" t="s">
        <v>60076</v>
      </c>
      <c r="H16109" s="1" t="s">
        <v>60077</v>
      </c>
      <c r="I16109" s="1" t="s">
        <v>53800</v>
      </c>
      <c r="J16109" s="1" t="s">
        <v>60085</v>
      </c>
    </row>
    <row r="16110" spans="1:10" x14ac:dyDescent="0.35">
      <c r="A16110" s="1" t="s">
        <v>60074</v>
      </c>
      <c r="B16110" s="1" t="s">
        <v>53796</v>
      </c>
      <c r="C16110" s="1" t="s">
        <v>30</v>
      </c>
      <c r="D16110" s="1" t="s">
        <v>60086</v>
      </c>
      <c r="E16110" s="1" t="s">
        <v>60087</v>
      </c>
      <c r="F16110" s="1" t="s">
        <v>60088</v>
      </c>
      <c r="G16110" s="1" t="s">
        <v>60076</v>
      </c>
      <c r="H16110" s="1" t="s">
        <v>60077</v>
      </c>
      <c r="I16110" s="1" t="s">
        <v>53800</v>
      </c>
      <c r="J16110" s="1" t="s">
        <v>60089</v>
      </c>
    </row>
    <row r="16111" spans="1:10" x14ac:dyDescent="0.35">
      <c r="A16111" s="1" t="s">
        <v>60074</v>
      </c>
      <c r="B16111" s="1" t="s">
        <v>53796</v>
      </c>
      <c r="C16111" s="1" t="s">
        <v>35</v>
      </c>
      <c r="D16111" s="1" t="s">
        <v>60090</v>
      </c>
      <c r="E16111" s="1" t="s">
        <v>22910</v>
      </c>
      <c r="F16111" s="1" t="s">
        <v>60091</v>
      </c>
      <c r="G16111" s="1" t="s">
        <v>60076</v>
      </c>
      <c r="H16111" s="1" t="s">
        <v>60077</v>
      </c>
      <c r="I16111" s="1" t="s">
        <v>53800</v>
      </c>
      <c r="J16111" s="1" t="s">
        <v>60092</v>
      </c>
    </row>
    <row r="16112" spans="1:10" x14ac:dyDescent="0.35">
      <c r="A16112" s="1" t="s">
        <v>60074</v>
      </c>
      <c r="B16112" s="1" t="s">
        <v>53796</v>
      </c>
      <c r="C16112" s="1" t="s">
        <v>40</v>
      </c>
      <c r="D16112" s="1" t="s">
        <v>60093</v>
      </c>
      <c r="E16112" s="1" t="s">
        <v>60094</v>
      </c>
      <c r="F16112" s="1" t="s">
        <v>60095</v>
      </c>
      <c r="G16112" s="1" t="s">
        <v>60076</v>
      </c>
      <c r="H16112" s="1" t="s">
        <v>60077</v>
      </c>
      <c r="I16112" s="1" t="s">
        <v>53800</v>
      </c>
      <c r="J16112" s="1" t="s">
        <v>60096</v>
      </c>
    </row>
    <row r="16113" spans="1:10" x14ac:dyDescent="0.35">
      <c r="A16113" s="1" t="s">
        <v>60074</v>
      </c>
      <c r="B16113" s="1" t="s">
        <v>53796</v>
      </c>
      <c r="C16113" s="1" t="s">
        <v>45</v>
      </c>
      <c r="D16113" s="1" t="s">
        <v>60097</v>
      </c>
      <c r="E16113" s="1" t="s">
        <v>60098</v>
      </c>
      <c r="F16113" s="1" t="s">
        <v>60099</v>
      </c>
      <c r="G16113" s="1" t="s">
        <v>60076</v>
      </c>
      <c r="H16113" s="1" t="s">
        <v>60077</v>
      </c>
      <c r="I16113" s="1" t="s">
        <v>53800</v>
      </c>
      <c r="J16113" s="1" t="s">
        <v>60100</v>
      </c>
    </row>
    <row r="16114" spans="1:10" x14ac:dyDescent="0.35">
      <c r="A16114" s="1" t="s">
        <v>60074</v>
      </c>
      <c r="B16114" s="1" t="s">
        <v>53796</v>
      </c>
      <c r="C16114" s="1" t="s">
        <v>50</v>
      </c>
      <c r="D16114" s="1" t="s">
        <v>60101</v>
      </c>
      <c r="E16114" s="1" t="s">
        <v>23796</v>
      </c>
      <c r="F16114" s="1" t="s">
        <v>60102</v>
      </c>
      <c r="G16114" s="1" t="s">
        <v>60076</v>
      </c>
      <c r="H16114" s="1" t="s">
        <v>60077</v>
      </c>
      <c r="I16114" s="1" t="s">
        <v>53800</v>
      </c>
      <c r="J16114" s="1" t="s">
        <v>60103</v>
      </c>
    </row>
    <row r="16115" spans="1:10" x14ac:dyDescent="0.35">
      <c r="A16115" s="1" t="s">
        <v>60074</v>
      </c>
      <c r="B16115" s="1" t="s">
        <v>53796</v>
      </c>
      <c r="C16115" s="1" t="s">
        <v>55</v>
      </c>
      <c r="D16115" s="1" t="s">
        <v>60104</v>
      </c>
      <c r="E16115" s="1" t="s">
        <v>60105</v>
      </c>
      <c r="F16115" s="1" t="s">
        <v>58165</v>
      </c>
      <c r="G16115" s="1" t="s">
        <v>60076</v>
      </c>
      <c r="H16115" s="1" t="s">
        <v>60077</v>
      </c>
      <c r="I16115" s="1" t="s">
        <v>53800</v>
      </c>
      <c r="J16115" s="1" t="s">
        <v>60106</v>
      </c>
    </row>
    <row r="16116" spans="1:10" x14ac:dyDescent="0.35">
      <c r="A16116" s="1" t="s">
        <v>60074</v>
      </c>
      <c r="B16116" s="1" t="s">
        <v>53796</v>
      </c>
      <c r="C16116" s="1" t="s">
        <v>60</v>
      </c>
      <c r="D16116" s="1" t="s">
        <v>60107</v>
      </c>
      <c r="E16116" s="1" t="s">
        <v>59008</v>
      </c>
      <c r="F16116" s="1" t="s">
        <v>60108</v>
      </c>
      <c r="G16116" s="1" t="s">
        <v>60076</v>
      </c>
      <c r="H16116" s="1" t="s">
        <v>60077</v>
      </c>
      <c r="I16116" s="1" t="s">
        <v>53800</v>
      </c>
      <c r="J16116" s="1" t="s">
        <v>60109</v>
      </c>
    </row>
    <row r="16117" spans="1:10" x14ac:dyDescent="0.35">
      <c r="A16117" s="1" t="s">
        <v>60074</v>
      </c>
      <c r="B16117" s="1" t="s">
        <v>53796</v>
      </c>
      <c r="C16117" s="1" t="s">
        <v>65</v>
      </c>
      <c r="D16117" s="1" t="s">
        <v>60110</v>
      </c>
      <c r="E16117" s="1" t="s">
        <v>60111</v>
      </c>
      <c r="F16117" s="1" t="s">
        <v>60112</v>
      </c>
      <c r="G16117" s="1" t="s">
        <v>60076</v>
      </c>
      <c r="H16117" s="1" t="s">
        <v>60077</v>
      </c>
      <c r="I16117" s="1" t="s">
        <v>53800</v>
      </c>
      <c r="J16117" s="1" t="s">
        <v>60113</v>
      </c>
    </row>
    <row r="16118" spans="1:10" x14ac:dyDescent="0.35">
      <c r="A16118" s="1" t="s">
        <v>60074</v>
      </c>
      <c r="B16118" s="1" t="s">
        <v>53796</v>
      </c>
      <c r="C16118" s="1" t="s">
        <v>70</v>
      </c>
      <c r="D16118" s="1" t="s">
        <v>60114</v>
      </c>
      <c r="E16118" s="1" t="s">
        <v>60115</v>
      </c>
      <c r="F16118" s="1" t="s">
        <v>60116</v>
      </c>
      <c r="G16118" s="1" t="s">
        <v>60076</v>
      </c>
      <c r="H16118" s="1" t="s">
        <v>60077</v>
      </c>
      <c r="I16118" s="1" t="s">
        <v>53800</v>
      </c>
      <c r="J16118" s="1" t="s">
        <v>60117</v>
      </c>
    </row>
    <row r="16119" spans="1:10" x14ac:dyDescent="0.35">
      <c r="A16119" s="1" t="s">
        <v>60074</v>
      </c>
      <c r="B16119" s="1" t="s">
        <v>53796</v>
      </c>
      <c r="C16119" s="1" t="s">
        <v>75</v>
      </c>
      <c r="D16119" s="1" t="s">
        <v>20303</v>
      </c>
      <c r="E16119" s="1" t="s">
        <v>21163</v>
      </c>
      <c r="F16119" s="1" t="s">
        <v>60118</v>
      </c>
      <c r="G16119" s="1" t="s">
        <v>60076</v>
      </c>
      <c r="H16119" s="1" t="s">
        <v>60077</v>
      </c>
      <c r="I16119" s="1" t="s">
        <v>53800</v>
      </c>
      <c r="J16119" s="1" t="s">
        <v>60119</v>
      </c>
    </row>
    <row r="16120" spans="1:10" x14ac:dyDescent="0.35">
      <c r="A16120" s="1" t="s">
        <v>60074</v>
      </c>
      <c r="B16120" s="1" t="s">
        <v>53796</v>
      </c>
      <c r="C16120" s="1" t="s">
        <v>80</v>
      </c>
      <c r="D16120" s="1" t="s">
        <v>60120</v>
      </c>
      <c r="E16120" s="1" t="s">
        <v>23832</v>
      </c>
      <c r="F16120" s="1" t="s">
        <v>60121</v>
      </c>
      <c r="G16120" s="1" t="s">
        <v>60076</v>
      </c>
      <c r="H16120" s="1" t="s">
        <v>60077</v>
      </c>
      <c r="I16120" s="1" t="s">
        <v>53800</v>
      </c>
      <c r="J16120" s="1" t="s">
        <v>60122</v>
      </c>
    </row>
    <row r="16121" spans="1:10" x14ac:dyDescent="0.35">
      <c r="A16121" s="1" t="s">
        <v>60074</v>
      </c>
      <c r="B16121" s="1" t="s">
        <v>53796</v>
      </c>
      <c r="C16121" s="1" t="s">
        <v>85</v>
      </c>
      <c r="D16121" s="1" t="s">
        <v>60123</v>
      </c>
      <c r="E16121" s="1" t="s">
        <v>23365</v>
      </c>
      <c r="F16121" s="1" t="s">
        <v>60124</v>
      </c>
      <c r="G16121" s="1" t="s">
        <v>60076</v>
      </c>
      <c r="H16121" s="1" t="s">
        <v>60077</v>
      </c>
      <c r="I16121" s="1" t="s">
        <v>53800</v>
      </c>
      <c r="J16121" s="1" t="s">
        <v>60125</v>
      </c>
    </row>
    <row r="16122" spans="1:10" x14ac:dyDescent="0.35">
      <c r="A16122" s="1" t="s">
        <v>60074</v>
      </c>
      <c r="B16122" s="1" t="s">
        <v>53796</v>
      </c>
      <c r="C16122" s="1" t="s">
        <v>90</v>
      </c>
      <c r="D16122" s="1" t="s">
        <v>40168</v>
      </c>
      <c r="E16122" s="1" t="s">
        <v>59813</v>
      </c>
      <c r="F16122" s="1" t="s">
        <v>60126</v>
      </c>
      <c r="G16122" s="1" t="s">
        <v>60076</v>
      </c>
      <c r="H16122" s="1" t="s">
        <v>60077</v>
      </c>
      <c r="I16122" s="1" t="s">
        <v>53800</v>
      </c>
      <c r="J16122" s="1" t="s">
        <v>60127</v>
      </c>
    </row>
    <row r="16123" spans="1:10" x14ac:dyDescent="0.35">
      <c r="A16123" s="1" t="s">
        <v>60074</v>
      </c>
      <c r="B16123" s="1" t="s">
        <v>53796</v>
      </c>
      <c r="C16123" s="1" t="s">
        <v>95</v>
      </c>
      <c r="D16123" s="1" t="s">
        <v>60128</v>
      </c>
      <c r="E16123" s="1" t="s">
        <v>41327</v>
      </c>
      <c r="F16123" s="1" t="s">
        <v>60129</v>
      </c>
      <c r="G16123" s="1" t="s">
        <v>60076</v>
      </c>
      <c r="H16123" s="1" t="s">
        <v>60077</v>
      </c>
      <c r="I16123" s="1" t="s">
        <v>53800</v>
      </c>
      <c r="J16123" s="1" t="s">
        <v>60130</v>
      </c>
    </row>
    <row r="16124" spans="1:10" x14ac:dyDescent="0.35">
      <c r="A16124" s="1" t="s">
        <v>60074</v>
      </c>
      <c r="B16124" s="1" t="s">
        <v>53796</v>
      </c>
      <c r="C16124" s="1" t="s">
        <v>100</v>
      </c>
      <c r="D16124" s="1" t="s">
        <v>60131</v>
      </c>
      <c r="E16124" s="1" t="s">
        <v>60132</v>
      </c>
      <c r="F16124" s="1" t="s">
        <v>60133</v>
      </c>
      <c r="G16124" s="1" t="s">
        <v>60076</v>
      </c>
      <c r="H16124" s="1" t="s">
        <v>60077</v>
      </c>
      <c r="I16124" s="1" t="s">
        <v>53800</v>
      </c>
      <c r="J16124" s="1" t="s">
        <v>60134</v>
      </c>
    </row>
    <row r="16125" spans="1:10" x14ac:dyDescent="0.35">
      <c r="A16125" s="1" t="s">
        <v>60074</v>
      </c>
      <c r="B16125" s="1" t="s">
        <v>53796</v>
      </c>
      <c r="C16125" s="1" t="s">
        <v>105</v>
      </c>
      <c r="D16125" s="1" t="s">
        <v>26617</v>
      </c>
      <c r="E16125" s="1" t="s">
        <v>60135</v>
      </c>
      <c r="F16125" s="1" t="s">
        <v>60136</v>
      </c>
      <c r="G16125" s="1" t="s">
        <v>60076</v>
      </c>
      <c r="H16125" s="1" t="s">
        <v>60077</v>
      </c>
      <c r="I16125" s="1" t="s">
        <v>53800</v>
      </c>
      <c r="J16125" s="1" t="s">
        <v>60137</v>
      </c>
    </row>
    <row r="16126" spans="1:10" x14ac:dyDescent="0.35">
      <c r="A16126" s="1" t="s">
        <v>60074</v>
      </c>
      <c r="B16126" s="1" t="s">
        <v>53796</v>
      </c>
      <c r="C16126" s="1" t="s">
        <v>110</v>
      </c>
      <c r="D16126" s="1" t="s">
        <v>60138</v>
      </c>
      <c r="E16126" s="1" t="s">
        <v>60139</v>
      </c>
      <c r="F16126" s="1" t="s">
        <v>60140</v>
      </c>
      <c r="G16126" s="1" t="s">
        <v>60076</v>
      </c>
      <c r="H16126" s="1" t="s">
        <v>60077</v>
      </c>
      <c r="I16126" s="1" t="s">
        <v>53800</v>
      </c>
      <c r="J16126" s="1" t="s">
        <v>60141</v>
      </c>
    </row>
    <row r="16127" spans="1:10" x14ac:dyDescent="0.35">
      <c r="A16127" s="1" t="s">
        <v>60074</v>
      </c>
      <c r="B16127" s="1" t="s">
        <v>53796</v>
      </c>
      <c r="C16127" s="1" t="s">
        <v>115</v>
      </c>
      <c r="D16127" s="1" t="s">
        <v>60142</v>
      </c>
      <c r="E16127" s="1" t="s">
        <v>58164</v>
      </c>
      <c r="F16127" s="1" t="s">
        <v>55934</v>
      </c>
      <c r="G16127" s="1" t="s">
        <v>60076</v>
      </c>
      <c r="H16127" s="1" t="s">
        <v>60077</v>
      </c>
      <c r="I16127" s="1" t="s">
        <v>53800</v>
      </c>
      <c r="J16127" s="1" t="s">
        <v>60143</v>
      </c>
    </row>
    <row r="16128" spans="1:10" x14ac:dyDescent="0.35">
      <c r="A16128" s="1" t="s">
        <v>60074</v>
      </c>
      <c r="B16128" s="1" t="s">
        <v>53796</v>
      </c>
      <c r="C16128" s="1" t="s">
        <v>120</v>
      </c>
      <c r="D16128" s="1" t="s">
        <v>21667</v>
      </c>
      <c r="E16128" s="1" t="s">
        <v>60144</v>
      </c>
      <c r="F16128" s="1" t="s">
        <v>60145</v>
      </c>
      <c r="G16128" s="1" t="s">
        <v>60076</v>
      </c>
      <c r="H16128" s="1" t="s">
        <v>60077</v>
      </c>
      <c r="I16128" s="1" t="s">
        <v>53800</v>
      </c>
      <c r="J16128" s="1" t="s">
        <v>60146</v>
      </c>
    </row>
    <row r="16129" spans="1:10" x14ac:dyDescent="0.35">
      <c r="A16129" s="1" t="s">
        <v>60074</v>
      </c>
      <c r="B16129" s="1" t="s">
        <v>53796</v>
      </c>
      <c r="C16129" s="1" t="s">
        <v>125</v>
      </c>
      <c r="D16129" s="1" t="s">
        <v>60147</v>
      </c>
      <c r="E16129" s="1" t="s">
        <v>60111</v>
      </c>
      <c r="F16129" s="1" t="s">
        <v>60148</v>
      </c>
      <c r="G16129" s="1" t="s">
        <v>60076</v>
      </c>
      <c r="H16129" s="1" t="s">
        <v>60077</v>
      </c>
      <c r="I16129" s="1" t="s">
        <v>53800</v>
      </c>
      <c r="J16129" s="1" t="s">
        <v>60149</v>
      </c>
    </row>
    <row r="16130" spans="1:10" x14ac:dyDescent="0.35">
      <c r="A16130" s="1" t="s">
        <v>60074</v>
      </c>
      <c r="B16130" s="1" t="s">
        <v>53796</v>
      </c>
      <c r="C16130" s="1" t="s">
        <v>130</v>
      </c>
      <c r="D16130" s="1" t="s">
        <v>60150</v>
      </c>
      <c r="E16130" s="1" t="s">
        <v>55907</v>
      </c>
      <c r="F16130" s="1" t="s">
        <v>60151</v>
      </c>
      <c r="G16130" s="1" t="s">
        <v>60076</v>
      </c>
      <c r="H16130" s="1" t="s">
        <v>60077</v>
      </c>
      <c r="I16130" s="1" t="s">
        <v>53800</v>
      </c>
      <c r="J16130" s="1" t="s">
        <v>60152</v>
      </c>
    </row>
    <row r="16131" spans="1:10" x14ac:dyDescent="0.35">
      <c r="A16131" s="1" t="s">
        <v>60074</v>
      </c>
      <c r="B16131" s="1" t="s">
        <v>53796</v>
      </c>
      <c r="C16131" s="1" t="s">
        <v>135</v>
      </c>
      <c r="D16131" s="1" t="s">
        <v>60153</v>
      </c>
      <c r="E16131" s="1" t="s">
        <v>41309</v>
      </c>
      <c r="F16131" s="1" t="s">
        <v>59752</v>
      </c>
      <c r="G16131" s="1" t="s">
        <v>60076</v>
      </c>
      <c r="H16131" s="1" t="s">
        <v>60077</v>
      </c>
      <c r="I16131" s="1" t="s">
        <v>53800</v>
      </c>
      <c r="J16131" s="1" t="s">
        <v>60154</v>
      </c>
    </row>
    <row r="16132" spans="1:10" x14ac:dyDescent="0.35">
      <c r="A16132" s="1" t="s">
        <v>60074</v>
      </c>
      <c r="B16132" s="1" t="s">
        <v>53796</v>
      </c>
      <c r="C16132" s="1" t="s">
        <v>140</v>
      </c>
      <c r="D16132" s="1" t="s">
        <v>60155</v>
      </c>
      <c r="E16132" s="1" t="s">
        <v>60156</v>
      </c>
      <c r="F16132" s="1" t="s">
        <v>22279</v>
      </c>
      <c r="G16132" s="1" t="s">
        <v>60076</v>
      </c>
      <c r="H16132" s="1" t="s">
        <v>60077</v>
      </c>
      <c r="I16132" s="1" t="s">
        <v>53800</v>
      </c>
      <c r="J16132" s="1" t="s">
        <v>60157</v>
      </c>
    </row>
    <row r="16133" spans="1:10" x14ac:dyDescent="0.35">
      <c r="A16133" s="1" t="s">
        <v>60074</v>
      </c>
      <c r="B16133" s="1" t="s">
        <v>53796</v>
      </c>
      <c r="C16133" s="1" t="s">
        <v>145</v>
      </c>
      <c r="D16133" s="1" t="s">
        <v>60158</v>
      </c>
      <c r="E16133" s="1" t="s">
        <v>60159</v>
      </c>
      <c r="F16133" s="1" t="s">
        <v>60160</v>
      </c>
      <c r="G16133" s="1" t="s">
        <v>60076</v>
      </c>
      <c r="H16133" s="1" t="s">
        <v>60077</v>
      </c>
      <c r="I16133" s="1" t="s">
        <v>53800</v>
      </c>
      <c r="J16133" s="1" t="s">
        <v>60161</v>
      </c>
    </row>
    <row r="16134" spans="1:10" x14ac:dyDescent="0.35">
      <c r="A16134" s="1" t="s">
        <v>60074</v>
      </c>
      <c r="B16134" s="1" t="s">
        <v>53796</v>
      </c>
      <c r="C16134" s="1" t="s">
        <v>150</v>
      </c>
      <c r="D16134" s="1" t="s">
        <v>60162</v>
      </c>
      <c r="E16134" s="1" t="s">
        <v>57392</v>
      </c>
      <c r="F16134" s="1" t="s">
        <v>60163</v>
      </c>
      <c r="G16134" s="1" t="s">
        <v>60076</v>
      </c>
      <c r="H16134" s="1" t="s">
        <v>60077</v>
      </c>
      <c r="I16134" s="1" t="s">
        <v>53800</v>
      </c>
      <c r="J16134" s="1" t="s">
        <v>60164</v>
      </c>
    </row>
    <row r="16135" spans="1:10" x14ac:dyDescent="0.35">
      <c r="A16135" s="1" t="s">
        <v>60074</v>
      </c>
      <c r="B16135" s="1" t="s">
        <v>53796</v>
      </c>
      <c r="C16135" s="1" t="s">
        <v>155</v>
      </c>
      <c r="D16135" s="1" t="s">
        <v>60165</v>
      </c>
      <c r="E16135" s="1" t="s">
        <v>16129</v>
      </c>
      <c r="F16135" s="1" t="s">
        <v>60166</v>
      </c>
      <c r="G16135" s="1" t="s">
        <v>60076</v>
      </c>
      <c r="H16135" s="1" t="s">
        <v>60077</v>
      </c>
      <c r="I16135" s="1" t="s">
        <v>53800</v>
      </c>
      <c r="J16135" s="1" t="s">
        <v>60167</v>
      </c>
    </row>
    <row r="16136" spans="1:10" x14ac:dyDescent="0.35">
      <c r="A16136" s="1" t="s">
        <v>60074</v>
      </c>
      <c r="B16136" s="1" t="s">
        <v>53796</v>
      </c>
      <c r="C16136" s="1" t="s">
        <v>160</v>
      </c>
      <c r="D16136" s="1" t="s">
        <v>60168</v>
      </c>
      <c r="E16136" s="1" t="s">
        <v>41192</v>
      </c>
      <c r="F16136" s="1" t="s">
        <v>60169</v>
      </c>
      <c r="G16136" s="1" t="s">
        <v>60076</v>
      </c>
      <c r="H16136" s="1" t="s">
        <v>60077</v>
      </c>
      <c r="I16136" s="1" t="s">
        <v>53800</v>
      </c>
      <c r="J16136" s="1" t="s">
        <v>60170</v>
      </c>
    </row>
    <row r="16137" spans="1:10" x14ac:dyDescent="0.35">
      <c r="A16137" s="1" t="s">
        <v>60074</v>
      </c>
      <c r="B16137" s="1" t="s">
        <v>53796</v>
      </c>
      <c r="C16137" s="1" t="s">
        <v>165</v>
      </c>
      <c r="D16137" s="1" t="s">
        <v>60171</v>
      </c>
      <c r="E16137" s="1" t="s">
        <v>41490</v>
      </c>
      <c r="F16137" s="1" t="s">
        <v>60172</v>
      </c>
      <c r="G16137" s="1" t="s">
        <v>60076</v>
      </c>
      <c r="H16137" s="1" t="s">
        <v>60077</v>
      </c>
      <c r="I16137" s="1" t="s">
        <v>53800</v>
      </c>
      <c r="J16137" s="1" t="s">
        <v>60173</v>
      </c>
    </row>
    <row r="16138" spans="1:10" x14ac:dyDescent="0.35">
      <c r="A16138" s="1" t="s">
        <v>60074</v>
      </c>
      <c r="B16138" s="1" t="s">
        <v>53796</v>
      </c>
      <c r="C16138" s="1" t="s">
        <v>170</v>
      </c>
      <c r="D16138" s="1" t="s">
        <v>60174</v>
      </c>
      <c r="E16138" s="1" t="s">
        <v>24373</v>
      </c>
      <c r="F16138" s="1" t="s">
        <v>60175</v>
      </c>
      <c r="G16138" s="1" t="s">
        <v>60076</v>
      </c>
      <c r="H16138" s="1" t="s">
        <v>60077</v>
      </c>
      <c r="I16138" s="1" t="s">
        <v>53800</v>
      </c>
      <c r="J16138" s="1" t="s">
        <v>60176</v>
      </c>
    </row>
    <row r="16139" spans="1:10" x14ac:dyDescent="0.35">
      <c r="A16139" s="1" t="s">
        <v>25336</v>
      </c>
      <c r="B16139" s="1" t="s">
        <v>53796</v>
      </c>
      <c r="C16139" s="1" t="s">
        <v>8</v>
      </c>
      <c r="D16139" s="1" t="s">
        <v>60177</v>
      </c>
      <c r="E16139" s="1" t="s">
        <v>41165</v>
      </c>
      <c r="F16139" s="1" t="s">
        <v>56197</v>
      </c>
      <c r="G16139" s="1" t="s">
        <v>60178</v>
      </c>
      <c r="H16139" s="1" t="s">
        <v>60179</v>
      </c>
      <c r="I16139" s="1" t="s">
        <v>53800</v>
      </c>
      <c r="J16139" s="1" t="s">
        <v>13</v>
      </c>
    </row>
    <row r="16140" spans="1:10" x14ac:dyDescent="0.35">
      <c r="A16140" s="1" t="s">
        <v>25336</v>
      </c>
      <c r="B16140" s="1" t="s">
        <v>53796</v>
      </c>
      <c r="C16140" s="1" t="s">
        <v>15</v>
      </c>
      <c r="D16140" s="1" t="s">
        <v>60180</v>
      </c>
      <c r="E16140" s="1" t="s">
        <v>23118</v>
      </c>
      <c r="F16140" s="1" t="s">
        <v>59788</v>
      </c>
      <c r="G16140" s="1" t="s">
        <v>60178</v>
      </c>
      <c r="H16140" s="1" t="s">
        <v>60179</v>
      </c>
      <c r="I16140" s="1" t="s">
        <v>53800</v>
      </c>
      <c r="J16140" s="1" t="s">
        <v>60181</v>
      </c>
    </row>
    <row r="16141" spans="1:10" x14ac:dyDescent="0.35">
      <c r="A16141" s="1" t="s">
        <v>25336</v>
      </c>
      <c r="B16141" s="1" t="s">
        <v>53796</v>
      </c>
      <c r="C16141" s="1" t="s">
        <v>20</v>
      </c>
      <c r="D16141" s="1" t="s">
        <v>60182</v>
      </c>
      <c r="E16141" s="1" t="s">
        <v>60183</v>
      </c>
      <c r="F16141" s="1" t="s">
        <v>60184</v>
      </c>
      <c r="G16141" s="1" t="s">
        <v>60178</v>
      </c>
      <c r="H16141" s="1" t="s">
        <v>60179</v>
      </c>
      <c r="I16141" s="1" t="s">
        <v>53800</v>
      </c>
      <c r="J16141" s="1" t="s">
        <v>60185</v>
      </c>
    </row>
    <row r="16142" spans="1:10" x14ac:dyDescent="0.35">
      <c r="A16142" s="1" t="s">
        <v>25336</v>
      </c>
      <c r="B16142" s="1" t="s">
        <v>53796</v>
      </c>
      <c r="C16142" s="1" t="s">
        <v>25</v>
      </c>
      <c r="D16142" s="1" t="s">
        <v>60186</v>
      </c>
      <c r="E16142" s="1" t="s">
        <v>41414</v>
      </c>
      <c r="F16142" s="1" t="s">
        <v>60187</v>
      </c>
      <c r="G16142" s="1" t="s">
        <v>60178</v>
      </c>
      <c r="H16142" s="1" t="s">
        <v>60179</v>
      </c>
      <c r="I16142" s="1" t="s">
        <v>53800</v>
      </c>
      <c r="J16142" s="1" t="s">
        <v>60188</v>
      </c>
    </row>
    <row r="16143" spans="1:10" x14ac:dyDescent="0.35">
      <c r="A16143" s="1" t="s">
        <v>25336</v>
      </c>
      <c r="B16143" s="1" t="s">
        <v>53796</v>
      </c>
      <c r="C16143" s="1" t="s">
        <v>30</v>
      </c>
      <c r="D16143" s="1" t="s">
        <v>60189</v>
      </c>
      <c r="E16143" s="1" t="s">
        <v>23425</v>
      </c>
      <c r="F16143" s="1" t="s">
        <v>60190</v>
      </c>
      <c r="G16143" s="1" t="s">
        <v>60178</v>
      </c>
      <c r="H16143" s="1" t="s">
        <v>60179</v>
      </c>
      <c r="I16143" s="1" t="s">
        <v>53800</v>
      </c>
      <c r="J16143" s="1" t="s">
        <v>60191</v>
      </c>
    </row>
    <row r="16144" spans="1:10" x14ac:dyDescent="0.35">
      <c r="A16144" s="1" t="s">
        <v>25336</v>
      </c>
      <c r="B16144" s="1" t="s">
        <v>53796</v>
      </c>
      <c r="C16144" s="1" t="s">
        <v>35</v>
      </c>
      <c r="D16144" s="1" t="s">
        <v>60192</v>
      </c>
      <c r="E16144" s="1" t="s">
        <v>41338</v>
      </c>
      <c r="F16144" s="1" t="s">
        <v>60193</v>
      </c>
      <c r="G16144" s="1" t="s">
        <v>60178</v>
      </c>
      <c r="H16144" s="1" t="s">
        <v>60179</v>
      </c>
      <c r="I16144" s="1" t="s">
        <v>53800</v>
      </c>
      <c r="J16144" s="1" t="s">
        <v>60194</v>
      </c>
    </row>
    <row r="16145" spans="1:10" x14ac:dyDescent="0.35">
      <c r="A16145" s="1" t="s">
        <v>25336</v>
      </c>
      <c r="B16145" s="1" t="s">
        <v>53796</v>
      </c>
      <c r="C16145" s="1" t="s">
        <v>40</v>
      </c>
      <c r="D16145" s="1" t="s">
        <v>60195</v>
      </c>
      <c r="E16145" s="1" t="s">
        <v>23787</v>
      </c>
      <c r="F16145" s="1" t="s">
        <v>60196</v>
      </c>
      <c r="G16145" s="1" t="s">
        <v>60178</v>
      </c>
      <c r="H16145" s="1" t="s">
        <v>60179</v>
      </c>
      <c r="I16145" s="1" t="s">
        <v>53800</v>
      </c>
      <c r="J16145" s="1" t="s">
        <v>60197</v>
      </c>
    </row>
    <row r="16146" spans="1:10" x14ac:dyDescent="0.35">
      <c r="A16146" s="1" t="s">
        <v>25336</v>
      </c>
      <c r="B16146" s="1" t="s">
        <v>53796</v>
      </c>
      <c r="C16146" s="1" t="s">
        <v>45</v>
      </c>
      <c r="D16146" s="1" t="s">
        <v>60198</v>
      </c>
      <c r="E16146" s="1" t="s">
        <v>60199</v>
      </c>
      <c r="F16146" s="1" t="s">
        <v>60200</v>
      </c>
      <c r="G16146" s="1" t="s">
        <v>60178</v>
      </c>
      <c r="H16146" s="1" t="s">
        <v>60179</v>
      </c>
      <c r="I16146" s="1" t="s">
        <v>53800</v>
      </c>
      <c r="J16146" s="1" t="s">
        <v>60201</v>
      </c>
    </row>
    <row r="16147" spans="1:10" x14ac:dyDescent="0.35">
      <c r="A16147" s="1" t="s">
        <v>25336</v>
      </c>
      <c r="B16147" s="1" t="s">
        <v>53796</v>
      </c>
      <c r="C16147" s="1" t="s">
        <v>50</v>
      </c>
      <c r="D16147" s="1" t="s">
        <v>60202</v>
      </c>
      <c r="E16147" s="1" t="s">
        <v>15217</v>
      </c>
      <c r="F16147" s="1" t="s">
        <v>60203</v>
      </c>
      <c r="G16147" s="1" t="s">
        <v>60178</v>
      </c>
      <c r="H16147" s="1" t="s">
        <v>60179</v>
      </c>
      <c r="I16147" s="1" t="s">
        <v>53800</v>
      </c>
      <c r="J16147" s="1" t="s">
        <v>60204</v>
      </c>
    </row>
    <row r="16148" spans="1:10" x14ac:dyDescent="0.35">
      <c r="A16148" s="1" t="s">
        <v>25336</v>
      </c>
      <c r="B16148" s="1" t="s">
        <v>53796</v>
      </c>
      <c r="C16148" s="1" t="s">
        <v>55</v>
      </c>
      <c r="D16148" s="1" t="s">
        <v>60205</v>
      </c>
      <c r="E16148" s="1" t="s">
        <v>15345</v>
      </c>
      <c r="F16148" s="1" t="s">
        <v>60206</v>
      </c>
      <c r="G16148" s="1" t="s">
        <v>60178</v>
      </c>
      <c r="H16148" s="1" t="s">
        <v>60179</v>
      </c>
      <c r="I16148" s="1" t="s">
        <v>53800</v>
      </c>
      <c r="J16148" s="1" t="s">
        <v>60207</v>
      </c>
    </row>
    <row r="16149" spans="1:10" x14ac:dyDescent="0.35">
      <c r="A16149" s="1" t="s">
        <v>25336</v>
      </c>
      <c r="B16149" s="1" t="s">
        <v>53796</v>
      </c>
      <c r="C16149" s="1" t="s">
        <v>60</v>
      </c>
      <c r="D16149" s="1" t="s">
        <v>60208</v>
      </c>
      <c r="E16149" s="1" t="s">
        <v>54467</v>
      </c>
      <c r="F16149" s="1" t="s">
        <v>58303</v>
      </c>
      <c r="G16149" s="1" t="s">
        <v>60178</v>
      </c>
      <c r="H16149" s="1" t="s">
        <v>60179</v>
      </c>
      <c r="I16149" s="1" t="s">
        <v>53800</v>
      </c>
      <c r="J16149" s="1" t="s">
        <v>60209</v>
      </c>
    </row>
    <row r="16150" spans="1:10" x14ac:dyDescent="0.35">
      <c r="A16150" s="1" t="s">
        <v>25336</v>
      </c>
      <c r="B16150" s="1" t="s">
        <v>53796</v>
      </c>
      <c r="C16150" s="1" t="s">
        <v>65</v>
      </c>
      <c r="D16150" s="1" t="s">
        <v>60210</v>
      </c>
      <c r="E16150" s="1" t="s">
        <v>12762</v>
      </c>
      <c r="F16150" s="1" t="s">
        <v>60211</v>
      </c>
      <c r="G16150" s="1" t="s">
        <v>60178</v>
      </c>
      <c r="H16150" s="1" t="s">
        <v>60179</v>
      </c>
      <c r="I16150" s="1" t="s">
        <v>53800</v>
      </c>
      <c r="J16150" s="1" t="s">
        <v>60212</v>
      </c>
    </row>
    <row r="16151" spans="1:10" x14ac:dyDescent="0.35">
      <c r="A16151" s="1" t="s">
        <v>25336</v>
      </c>
      <c r="B16151" s="1" t="s">
        <v>53796</v>
      </c>
      <c r="C16151" s="1" t="s">
        <v>70</v>
      </c>
      <c r="D16151" s="1" t="s">
        <v>60213</v>
      </c>
      <c r="E16151" s="1" t="s">
        <v>54433</v>
      </c>
      <c r="F16151" s="1" t="s">
        <v>60214</v>
      </c>
      <c r="G16151" s="1" t="s">
        <v>60178</v>
      </c>
      <c r="H16151" s="1" t="s">
        <v>60179</v>
      </c>
      <c r="I16151" s="1" t="s">
        <v>53800</v>
      </c>
      <c r="J16151" s="1" t="s">
        <v>60215</v>
      </c>
    </row>
    <row r="16152" spans="1:10" x14ac:dyDescent="0.35">
      <c r="A16152" s="1" t="s">
        <v>25336</v>
      </c>
      <c r="B16152" s="1" t="s">
        <v>53796</v>
      </c>
      <c r="C16152" s="1" t="s">
        <v>75</v>
      </c>
      <c r="D16152" s="1" t="s">
        <v>56800</v>
      </c>
      <c r="E16152" s="1" t="s">
        <v>22052</v>
      </c>
      <c r="F16152" s="1" t="s">
        <v>60216</v>
      </c>
      <c r="G16152" s="1" t="s">
        <v>60178</v>
      </c>
      <c r="H16152" s="1" t="s">
        <v>60179</v>
      </c>
      <c r="I16152" s="1" t="s">
        <v>53800</v>
      </c>
      <c r="J16152" s="1" t="s">
        <v>60217</v>
      </c>
    </row>
    <row r="16153" spans="1:10" x14ac:dyDescent="0.35">
      <c r="A16153" s="1" t="s">
        <v>25336</v>
      </c>
      <c r="B16153" s="1" t="s">
        <v>53796</v>
      </c>
      <c r="C16153" s="1" t="s">
        <v>80</v>
      </c>
      <c r="D16153" s="1" t="s">
        <v>60218</v>
      </c>
      <c r="E16153" s="1" t="s">
        <v>54433</v>
      </c>
      <c r="F16153" s="1" t="s">
        <v>60219</v>
      </c>
      <c r="G16153" s="1" t="s">
        <v>60178</v>
      </c>
      <c r="H16153" s="1" t="s">
        <v>60179</v>
      </c>
      <c r="I16153" s="1" t="s">
        <v>53800</v>
      </c>
      <c r="J16153" s="1" t="s">
        <v>60220</v>
      </c>
    </row>
    <row r="16154" spans="1:10" x14ac:dyDescent="0.35">
      <c r="A16154" s="1" t="s">
        <v>25336</v>
      </c>
      <c r="B16154" s="1" t="s">
        <v>53796</v>
      </c>
      <c r="C16154" s="1" t="s">
        <v>85</v>
      </c>
      <c r="D16154" s="1" t="s">
        <v>60221</v>
      </c>
      <c r="E16154" s="1" t="s">
        <v>40717</v>
      </c>
      <c r="F16154" s="1" t="s">
        <v>60222</v>
      </c>
      <c r="G16154" s="1" t="s">
        <v>60178</v>
      </c>
      <c r="H16154" s="1" t="s">
        <v>60179</v>
      </c>
      <c r="I16154" s="1" t="s">
        <v>53800</v>
      </c>
      <c r="J16154" s="1" t="s">
        <v>60223</v>
      </c>
    </row>
    <row r="16155" spans="1:10" x14ac:dyDescent="0.35">
      <c r="A16155" s="1" t="s">
        <v>25336</v>
      </c>
      <c r="B16155" s="1" t="s">
        <v>53796</v>
      </c>
      <c r="C16155" s="1" t="s">
        <v>90</v>
      </c>
      <c r="D16155" s="1" t="s">
        <v>60224</v>
      </c>
      <c r="E16155" s="1" t="s">
        <v>59053</v>
      </c>
      <c r="F16155" s="1" t="s">
        <v>60225</v>
      </c>
      <c r="G16155" s="1" t="s">
        <v>60178</v>
      </c>
      <c r="H16155" s="1" t="s">
        <v>60179</v>
      </c>
      <c r="I16155" s="1" t="s">
        <v>53800</v>
      </c>
      <c r="J16155" s="1" t="s">
        <v>60226</v>
      </c>
    </row>
    <row r="16156" spans="1:10" x14ac:dyDescent="0.35">
      <c r="A16156" s="1" t="s">
        <v>25336</v>
      </c>
      <c r="B16156" s="1" t="s">
        <v>53796</v>
      </c>
      <c r="C16156" s="1" t="s">
        <v>95</v>
      </c>
      <c r="D16156" s="1" t="s">
        <v>60227</v>
      </c>
      <c r="E16156" s="1" t="s">
        <v>27070</v>
      </c>
      <c r="F16156" s="1" t="s">
        <v>60228</v>
      </c>
      <c r="G16156" s="1" t="s">
        <v>60178</v>
      </c>
      <c r="H16156" s="1" t="s">
        <v>60179</v>
      </c>
      <c r="I16156" s="1" t="s">
        <v>53800</v>
      </c>
      <c r="J16156" s="1" t="s">
        <v>60229</v>
      </c>
    </row>
    <row r="16157" spans="1:10" x14ac:dyDescent="0.35">
      <c r="A16157" s="1" t="s">
        <v>25336</v>
      </c>
      <c r="B16157" s="1" t="s">
        <v>53796</v>
      </c>
      <c r="C16157" s="1" t="s">
        <v>100</v>
      </c>
      <c r="D16157" s="1" t="s">
        <v>60230</v>
      </c>
      <c r="E16157" s="1" t="s">
        <v>23425</v>
      </c>
      <c r="F16157" s="1" t="s">
        <v>60231</v>
      </c>
      <c r="G16157" s="1" t="s">
        <v>60178</v>
      </c>
      <c r="H16157" s="1" t="s">
        <v>60179</v>
      </c>
      <c r="I16157" s="1" t="s">
        <v>53800</v>
      </c>
      <c r="J16157" s="1" t="s">
        <v>60232</v>
      </c>
    </row>
    <row r="16158" spans="1:10" x14ac:dyDescent="0.35">
      <c r="A16158" s="1" t="s">
        <v>25336</v>
      </c>
      <c r="B16158" s="1" t="s">
        <v>53796</v>
      </c>
      <c r="C16158" s="1" t="s">
        <v>105</v>
      </c>
      <c r="D16158" s="1" t="s">
        <v>60233</v>
      </c>
      <c r="E16158" s="1" t="s">
        <v>21822</v>
      </c>
      <c r="F16158" s="1" t="s">
        <v>60234</v>
      </c>
      <c r="G16158" s="1" t="s">
        <v>60178</v>
      </c>
      <c r="H16158" s="1" t="s">
        <v>60179</v>
      </c>
      <c r="I16158" s="1" t="s">
        <v>53800</v>
      </c>
      <c r="J16158" s="1" t="s">
        <v>60235</v>
      </c>
    </row>
    <row r="16159" spans="1:10" x14ac:dyDescent="0.35">
      <c r="A16159" s="1" t="s">
        <v>25336</v>
      </c>
      <c r="B16159" s="1" t="s">
        <v>53796</v>
      </c>
      <c r="C16159" s="1" t="s">
        <v>110</v>
      </c>
      <c r="D16159" s="1" t="s">
        <v>60236</v>
      </c>
      <c r="E16159" s="1" t="s">
        <v>21174</v>
      </c>
      <c r="F16159" s="1" t="s">
        <v>60237</v>
      </c>
      <c r="G16159" s="1" t="s">
        <v>60178</v>
      </c>
      <c r="H16159" s="1" t="s">
        <v>60179</v>
      </c>
      <c r="I16159" s="1" t="s">
        <v>53800</v>
      </c>
      <c r="J16159" s="1" t="s">
        <v>60238</v>
      </c>
    </row>
    <row r="16160" spans="1:10" x14ac:dyDescent="0.35">
      <c r="A16160" s="1" t="s">
        <v>25336</v>
      </c>
      <c r="B16160" s="1" t="s">
        <v>53796</v>
      </c>
      <c r="C16160" s="1" t="s">
        <v>115</v>
      </c>
      <c r="D16160" s="1" t="s">
        <v>60239</v>
      </c>
      <c r="E16160" s="1" t="s">
        <v>60240</v>
      </c>
      <c r="F16160" s="1" t="s">
        <v>60241</v>
      </c>
      <c r="G16160" s="1" t="s">
        <v>60178</v>
      </c>
      <c r="H16160" s="1" t="s">
        <v>60179</v>
      </c>
      <c r="I16160" s="1" t="s">
        <v>53800</v>
      </c>
      <c r="J16160" s="1" t="s">
        <v>60242</v>
      </c>
    </row>
    <row r="16161" spans="1:10" x14ac:dyDescent="0.35">
      <c r="A16161" s="1" t="s">
        <v>25336</v>
      </c>
      <c r="B16161" s="1" t="s">
        <v>53796</v>
      </c>
      <c r="C16161" s="1" t="s">
        <v>120</v>
      </c>
      <c r="D16161" s="1" t="s">
        <v>60243</v>
      </c>
      <c r="E16161" s="1" t="s">
        <v>15252</v>
      </c>
      <c r="F16161" s="1" t="s">
        <v>59093</v>
      </c>
      <c r="G16161" s="1" t="s">
        <v>60178</v>
      </c>
      <c r="H16161" s="1" t="s">
        <v>60179</v>
      </c>
      <c r="I16161" s="1" t="s">
        <v>53800</v>
      </c>
      <c r="J16161" s="1" t="s">
        <v>60244</v>
      </c>
    </row>
    <row r="16162" spans="1:10" x14ac:dyDescent="0.35">
      <c r="A16162" s="1" t="s">
        <v>25336</v>
      </c>
      <c r="B16162" s="1" t="s">
        <v>53796</v>
      </c>
      <c r="C16162" s="1" t="s">
        <v>125</v>
      </c>
      <c r="D16162" s="1" t="s">
        <v>60245</v>
      </c>
      <c r="E16162" s="1" t="s">
        <v>21811</v>
      </c>
      <c r="F16162" s="1" t="s">
        <v>58869</v>
      </c>
      <c r="G16162" s="1" t="s">
        <v>60178</v>
      </c>
      <c r="H16162" s="1" t="s">
        <v>60179</v>
      </c>
      <c r="I16162" s="1" t="s">
        <v>53800</v>
      </c>
      <c r="J16162" s="1" t="s">
        <v>60246</v>
      </c>
    </row>
    <row r="16163" spans="1:10" x14ac:dyDescent="0.35">
      <c r="A16163" s="1" t="s">
        <v>25336</v>
      </c>
      <c r="B16163" s="1" t="s">
        <v>53796</v>
      </c>
      <c r="C16163" s="1" t="s">
        <v>130</v>
      </c>
      <c r="D16163" s="1" t="s">
        <v>26921</v>
      </c>
      <c r="E16163" s="1" t="s">
        <v>15903</v>
      </c>
      <c r="F16163" s="1" t="s">
        <v>60247</v>
      </c>
      <c r="G16163" s="1" t="s">
        <v>60178</v>
      </c>
      <c r="H16163" s="1" t="s">
        <v>60179</v>
      </c>
      <c r="I16163" s="1" t="s">
        <v>53800</v>
      </c>
      <c r="J16163" s="1" t="s">
        <v>60248</v>
      </c>
    </row>
    <row r="16164" spans="1:10" x14ac:dyDescent="0.35">
      <c r="A16164" s="1" t="s">
        <v>25336</v>
      </c>
      <c r="B16164" s="1" t="s">
        <v>53796</v>
      </c>
      <c r="C16164" s="1" t="s">
        <v>135</v>
      </c>
      <c r="D16164" s="1" t="s">
        <v>58137</v>
      </c>
      <c r="E16164" s="1" t="s">
        <v>16125</v>
      </c>
      <c r="F16164" s="1" t="s">
        <v>60249</v>
      </c>
      <c r="G16164" s="1" t="s">
        <v>60178</v>
      </c>
      <c r="H16164" s="1" t="s">
        <v>60179</v>
      </c>
      <c r="I16164" s="1" t="s">
        <v>53800</v>
      </c>
      <c r="J16164" s="1" t="s">
        <v>60250</v>
      </c>
    </row>
    <row r="16165" spans="1:10" x14ac:dyDescent="0.35">
      <c r="A16165" s="1" t="s">
        <v>25336</v>
      </c>
      <c r="B16165" s="1" t="s">
        <v>53796</v>
      </c>
      <c r="C16165" s="1" t="s">
        <v>140</v>
      </c>
      <c r="D16165" s="1" t="s">
        <v>60251</v>
      </c>
      <c r="E16165" s="1" t="s">
        <v>56032</v>
      </c>
      <c r="F16165" s="1" t="s">
        <v>32048</v>
      </c>
      <c r="G16165" s="1" t="s">
        <v>60178</v>
      </c>
      <c r="H16165" s="1" t="s">
        <v>60179</v>
      </c>
      <c r="I16165" s="1" t="s">
        <v>53800</v>
      </c>
      <c r="J16165" s="1" t="s">
        <v>60252</v>
      </c>
    </row>
    <row r="16166" spans="1:10" x14ac:dyDescent="0.35">
      <c r="A16166" s="1" t="s">
        <v>25336</v>
      </c>
      <c r="B16166" s="1" t="s">
        <v>53796</v>
      </c>
      <c r="C16166" s="1" t="s">
        <v>145</v>
      </c>
      <c r="D16166" s="1" t="s">
        <v>60253</v>
      </c>
      <c r="E16166" s="1" t="s">
        <v>12786</v>
      </c>
      <c r="F16166" s="1" t="s">
        <v>60254</v>
      </c>
      <c r="G16166" s="1" t="s">
        <v>60178</v>
      </c>
      <c r="H16166" s="1" t="s">
        <v>60179</v>
      </c>
      <c r="I16166" s="1" t="s">
        <v>53800</v>
      </c>
      <c r="J16166" s="1" t="s">
        <v>60255</v>
      </c>
    </row>
    <row r="16167" spans="1:10" x14ac:dyDescent="0.35">
      <c r="A16167" s="1" t="s">
        <v>25336</v>
      </c>
      <c r="B16167" s="1" t="s">
        <v>53796</v>
      </c>
      <c r="C16167" s="1" t="s">
        <v>150</v>
      </c>
      <c r="D16167" s="1" t="s">
        <v>60256</v>
      </c>
      <c r="E16167" s="1" t="s">
        <v>60257</v>
      </c>
      <c r="F16167" s="1" t="s">
        <v>60258</v>
      </c>
      <c r="G16167" s="1" t="s">
        <v>60178</v>
      </c>
      <c r="H16167" s="1" t="s">
        <v>60179</v>
      </c>
      <c r="I16167" s="1" t="s">
        <v>53800</v>
      </c>
      <c r="J16167" s="1" t="s">
        <v>60259</v>
      </c>
    </row>
    <row r="16168" spans="1:10" x14ac:dyDescent="0.35">
      <c r="A16168" s="1" t="s">
        <v>25336</v>
      </c>
      <c r="B16168" s="1" t="s">
        <v>53796</v>
      </c>
      <c r="C16168" s="1" t="s">
        <v>155</v>
      </c>
      <c r="D16168" s="1" t="s">
        <v>60260</v>
      </c>
      <c r="E16168" s="1" t="s">
        <v>27097</v>
      </c>
      <c r="F16168" s="1" t="s">
        <v>60261</v>
      </c>
      <c r="G16168" s="1" t="s">
        <v>60178</v>
      </c>
      <c r="H16168" s="1" t="s">
        <v>60179</v>
      </c>
      <c r="I16168" s="1" t="s">
        <v>53800</v>
      </c>
      <c r="J16168" s="1" t="s">
        <v>60262</v>
      </c>
    </row>
    <row r="16169" spans="1:10" x14ac:dyDescent="0.35">
      <c r="A16169" s="1" t="s">
        <v>25336</v>
      </c>
      <c r="B16169" s="1" t="s">
        <v>53796</v>
      </c>
      <c r="C16169" s="1" t="s">
        <v>160</v>
      </c>
      <c r="D16169" s="1" t="s">
        <v>60263</v>
      </c>
      <c r="E16169" s="1" t="s">
        <v>60257</v>
      </c>
      <c r="F16169" s="1" t="s">
        <v>60264</v>
      </c>
      <c r="G16169" s="1" t="s">
        <v>60178</v>
      </c>
      <c r="H16169" s="1" t="s">
        <v>60179</v>
      </c>
      <c r="I16169" s="1" t="s">
        <v>53800</v>
      </c>
      <c r="J16169" s="1" t="s">
        <v>60265</v>
      </c>
    </row>
    <row r="16170" spans="1:10" x14ac:dyDescent="0.35">
      <c r="A16170" s="1" t="s">
        <v>25336</v>
      </c>
      <c r="B16170" s="1" t="s">
        <v>53796</v>
      </c>
      <c r="C16170" s="1" t="s">
        <v>165</v>
      </c>
      <c r="D16170" s="1" t="s">
        <v>60266</v>
      </c>
      <c r="E16170" s="1" t="s">
        <v>23202</v>
      </c>
      <c r="F16170" s="1" t="s">
        <v>60267</v>
      </c>
      <c r="G16170" s="1" t="s">
        <v>60178</v>
      </c>
      <c r="H16170" s="1" t="s">
        <v>60179</v>
      </c>
      <c r="I16170" s="1" t="s">
        <v>53800</v>
      </c>
      <c r="J16170" s="1" t="s">
        <v>60268</v>
      </c>
    </row>
    <row r="16171" spans="1:10" x14ac:dyDescent="0.35">
      <c r="A16171" s="1" t="s">
        <v>25336</v>
      </c>
      <c r="B16171" s="1" t="s">
        <v>53796</v>
      </c>
      <c r="C16171" s="1" t="s">
        <v>170</v>
      </c>
      <c r="D16171" s="1" t="s">
        <v>26495</v>
      </c>
      <c r="E16171" s="1" t="s">
        <v>26214</v>
      </c>
      <c r="F16171" s="1" t="s">
        <v>60269</v>
      </c>
      <c r="G16171" s="1" t="s">
        <v>60178</v>
      </c>
      <c r="H16171" s="1" t="s">
        <v>60179</v>
      </c>
      <c r="I16171" s="1" t="s">
        <v>53800</v>
      </c>
      <c r="J16171" s="1" t="s">
        <v>60270</v>
      </c>
    </row>
    <row r="16172" spans="1:10" x14ac:dyDescent="0.35">
      <c r="A16172" s="1" t="s">
        <v>60271</v>
      </c>
      <c r="B16172" s="1" t="s">
        <v>53796</v>
      </c>
      <c r="C16172" s="1" t="s">
        <v>8</v>
      </c>
      <c r="D16172" s="1" t="s">
        <v>60272</v>
      </c>
      <c r="E16172" s="1" t="s">
        <v>60273</v>
      </c>
      <c r="F16172" s="1" t="s">
        <v>58249</v>
      </c>
      <c r="G16172" s="1" t="s">
        <v>60274</v>
      </c>
      <c r="H16172" s="1" t="s">
        <v>60275</v>
      </c>
      <c r="I16172" s="1" t="s">
        <v>53800</v>
      </c>
      <c r="J16172" s="1" t="s">
        <v>13</v>
      </c>
    </row>
    <row r="16173" spans="1:10" x14ac:dyDescent="0.35">
      <c r="A16173" s="1" t="s">
        <v>60271</v>
      </c>
      <c r="B16173" s="1" t="s">
        <v>53796</v>
      </c>
      <c r="C16173" s="1" t="s">
        <v>15</v>
      </c>
      <c r="D16173" s="1" t="s">
        <v>60276</v>
      </c>
      <c r="E16173" s="1" t="s">
        <v>21097</v>
      </c>
      <c r="F16173" s="1" t="s">
        <v>60277</v>
      </c>
      <c r="G16173" s="1" t="s">
        <v>60274</v>
      </c>
      <c r="H16173" s="1" t="s">
        <v>60275</v>
      </c>
      <c r="I16173" s="1" t="s">
        <v>53800</v>
      </c>
      <c r="J16173" s="1" t="s">
        <v>60278</v>
      </c>
    </row>
    <row r="16174" spans="1:10" x14ac:dyDescent="0.35">
      <c r="A16174" s="1" t="s">
        <v>60271</v>
      </c>
      <c r="B16174" s="1" t="s">
        <v>53796</v>
      </c>
      <c r="C16174" s="1" t="s">
        <v>20</v>
      </c>
      <c r="D16174" s="1" t="s">
        <v>60279</v>
      </c>
      <c r="E16174" s="1" t="s">
        <v>23878</v>
      </c>
      <c r="F16174" s="1" t="s">
        <v>60280</v>
      </c>
      <c r="G16174" s="1" t="s">
        <v>60274</v>
      </c>
      <c r="H16174" s="1" t="s">
        <v>60275</v>
      </c>
      <c r="I16174" s="1" t="s">
        <v>53800</v>
      </c>
      <c r="J16174" s="1" t="s">
        <v>60281</v>
      </c>
    </row>
    <row r="16175" spans="1:10" x14ac:dyDescent="0.35">
      <c r="A16175" s="1" t="s">
        <v>60271</v>
      </c>
      <c r="B16175" s="1" t="s">
        <v>53796</v>
      </c>
      <c r="C16175" s="1" t="s">
        <v>25</v>
      </c>
      <c r="D16175" s="1" t="s">
        <v>60282</v>
      </c>
      <c r="E16175" s="1" t="s">
        <v>60283</v>
      </c>
      <c r="F16175" s="1" t="s">
        <v>57027</v>
      </c>
      <c r="G16175" s="1" t="s">
        <v>60274</v>
      </c>
      <c r="H16175" s="1" t="s">
        <v>60275</v>
      </c>
      <c r="I16175" s="1" t="s">
        <v>53800</v>
      </c>
      <c r="J16175" s="1" t="s">
        <v>60284</v>
      </c>
    </row>
    <row r="16176" spans="1:10" x14ac:dyDescent="0.35">
      <c r="A16176" s="1" t="s">
        <v>60271</v>
      </c>
      <c r="B16176" s="1" t="s">
        <v>53796</v>
      </c>
      <c r="C16176" s="1" t="s">
        <v>30</v>
      </c>
      <c r="D16176" s="1" t="s">
        <v>60285</v>
      </c>
      <c r="E16176" s="1" t="s">
        <v>23890</v>
      </c>
      <c r="F16176" s="1" t="s">
        <v>60286</v>
      </c>
      <c r="G16176" s="1" t="s">
        <v>60274</v>
      </c>
      <c r="H16176" s="1" t="s">
        <v>60275</v>
      </c>
      <c r="I16176" s="1" t="s">
        <v>53800</v>
      </c>
      <c r="J16176" s="1" t="s">
        <v>60287</v>
      </c>
    </row>
    <row r="16177" spans="1:10" x14ac:dyDescent="0.35">
      <c r="A16177" s="1" t="s">
        <v>60271</v>
      </c>
      <c r="B16177" s="1" t="s">
        <v>53796</v>
      </c>
      <c r="C16177" s="1" t="s">
        <v>35</v>
      </c>
      <c r="D16177" s="1" t="s">
        <v>60288</v>
      </c>
      <c r="E16177" s="1" t="s">
        <v>60289</v>
      </c>
      <c r="F16177" s="1" t="s">
        <v>60290</v>
      </c>
      <c r="G16177" s="1" t="s">
        <v>60274</v>
      </c>
      <c r="H16177" s="1" t="s">
        <v>60275</v>
      </c>
      <c r="I16177" s="1" t="s">
        <v>53800</v>
      </c>
      <c r="J16177" s="1" t="s">
        <v>60291</v>
      </c>
    </row>
    <row r="16178" spans="1:10" x14ac:dyDescent="0.35">
      <c r="A16178" s="1" t="s">
        <v>60271</v>
      </c>
      <c r="B16178" s="1" t="s">
        <v>53796</v>
      </c>
      <c r="C16178" s="1" t="s">
        <v>40</v>
      </c>
      <c r="D16178" s="1" t="s">
        <v>60292</v>
      </c>
      <c r="E16178" s="1" t="s">
        <v>60293</v>
      </c>
      <c r="F16178" s="1" t="s">
        <v>55400</v>
      </c>
      <c r="G16178" s="1" t="s">
        <v>60274</v>
      </c>
      <c r="H16178" s="1" t="s">
        <v>60275</v>
      </c>
      <c r="I16178" s="1" t="s">
        <v>53800</v>
      </c>
      <c r="J16178" s="1" t="s">
        <v>60294</v>
      </c>
    </row>
    <row r="16179" spans="1:10" x14ac:dyDescent="0.35">
      <c r="A16179" s="1" t="s">
        <v>60271</v>
      </c>
      <c r="B16179" s="1" t="s">
        <v>53796</v>
      </c>
      <c r="C16179" s="1" t="s">
        <v>45</v>
      </c>
      <c r="D16179" s="1" t="s">
        <v>60295</v>
      </c>
      <c r="E16179" s="1" t="s">
        <v>60105</v>
      </c>
      <c r="F16179" s="1" t="s">
        <v>22283</v>
      </c>
      <c r="G16179" s="1" t="s">
        <v>60274</v>
      </c>
      <c r="H16179" s="1" t="s">
        <v>60275</v>
      </c>
      <c r="I16179" s="1" t="s">
        <v>53800</v>
      </c>
      <c r="J16179" s="1" t="s">
        <v>60296</v>
      </c>
    </row>
    <row r="16180" spans="1:10" x14ac:dyDescent="0.35">
      <c r="A16180" s="1" t="s">
        <v>60271</v>
      </c>
      <c r="B16180" s="1" t="s">
        <v>53796</v>
      </c>
      <c r="C16180" s="1" t="s">
        <v>50</v>
      </c>
      <c r="D16180" s="1" t="s">
        <v>60297</v>
      </c>
      <c r="E16180" s="1" t="s">
        <v>60105</v>
      </c>
      <c r="F16180" s="1" t="s">
        <v>60298</v>
      </c>
      <c r="G16180" s="1" t="s">
        <v>60274</v>
      </c>
      <c r="H16180" s="1" t="s">
        <v>60275</v>
      </c>
      <c r="I16180" s="1" t="s">
        <v>53800</v>
      </c>
      <c r="J16180" s="1" t="s">
        <v>60299</v>
      </c>
    </row>
    <row r="16181" spans="1:10" x14ac:dyDescent="0.35">
      <c r="A16181" s="1" t="s">
        <v>60271</v>
      </c>
      <c r="B16181" s="1" t="s">
        <v>53796</v>
      </c>
      <c r="C16181" s="1" t="s">
        <v>55</v>
      </c>
      <c r="D16181" s="1" t="s">
        <v>60300</v>
      </c>
      <c r="E16181" s="1" t="s">
        <v>21093</v>
      </c>
      <c r="F16181" s="1" t="s">
        <v>60301</v>
      </c>
      <c r="G16181" s="1" t="s">
        <v>60274</v>
      </c>
      <c r="H16181" s="1" t="s">
        <v>60275</v>
      </c>
      <c r="I16181" s="1" t="s">
        <v>53800</v>
      </c>
      <c r="J16181" s="1" t="s">
        <v>60302</v>
      </c>
    </row>
    <row r="16182" spans="1:10" x14ac:dyDescent="0.35">
      <c r="A16182" s="1" t="s">
        <v>60271</v>
      </c>
      <c r="B16182" s="1" t="s">
        <v>53796</v>
      </c>
      <c r="C16182" s="1" t="s">
        <v>60</v>
      </c>
      <c r="D16182" s="1" t="s">
        <v>60303</v>
      </c>
      <c r="E16182" s="1" t="s">
        <v>21186</v>
      </c>
      <c r="F16182" s="1" t="s">
        <v>60304</v>
      </c>
      <c r="G16182" s="1" t="s">
        <v>60274</v>
      </c>
      <c r="H16182" s="1" t="s">
        <v>60275</v>
      </c>
      <c r="I16182" s="1" t="s">
        <v>53800</v>
      </c>
      <c r="J16182" s="1" t="s">
        <v>60305</v>
      </c>
    </row>
    <row r="16183" spans="1:10" x14ac:dyDescent="0.35">
      <c r="A16183" s="1" t="s">
        <v>60271</v>
      </c>
      <c r="B16183" s="1" t="s">
        <v>53796</v>
      </c>
      <c r="C16183" s="1" t="s">
        <v>65</v>
      </c>
      <c r="D16183" s="1" t="s">
        <v>60306</v>
      </c>
      <c r="E16183" s="1" t="s">
        <v>60307</v>
      </c>
      <c r="F16183" s="1" t="s">
        <v>60308</v>
      </c>
      <c r="G16183" s="1" t="s">
        <v>60274</v>
      </c>
      <c r="H16183" s="1" t="s">
        <v>60275</v>
      </c>
      <c r="I16183" s="1" t="s">
        <v>53800</v>
      </c>
      <c r="J16183" s="1" t="s">
        <v>60309</v>
      </c>
    </row>
    <row r="16184" spans="1:10" x14ac:dyDescent="0.35">
      <c r="A16184" s="1" t="s">
        <v>60271</v>
      </c>
      <c r="B16184" s="1" t="s">
        <v>53796</v>
      </c>
      <c r="C16184" s="1" t="s">
        <v>70</v>
      </c>
      <c r="D16184" s="1" t="s">
        <v>60310</v>
      </c>
      <c r="E16184" s="1" t="s">
        <v>60311</v>
      </c>
      <c r="F16184" s="1" t="s">
        <v>60312</v>
      </c>
      <c r="G16184" s="1" t="s">
        <v>60274</v>
      </c>
      <c r="H16184" s="1" t="s">
        <v>60275</v>
      </c>
      <c r="I16184" s="1" t="s">
        <v>53800</v>
      </c>
      <c r="J16184" s="1" t="s">
        <v>60313</v>
      </c>
    </row>
    <row r="16185" spans="1:10" x14ac:dyDescent="0.35">
      <c r="A16185" s="1" t="s">
        <v>60271</v>
      </c>
      <c r="B16185" s="1" t="s">
        <v>53796</v>
      </c>
      <c r="C16185" s="1" t="s">
        <v>75</v>
      </c>
      <c r="D16185" s="1" t="s">
        <v>60314</v>
      </c>
      <c r="E16185" s="1" t="s">
        <v>60315</v>
      </c>
      <c r="F16185" s="1" t="s">
        <v>60316</v>
      </c>
      <c r="G16185" s="1" t="s">
        <v>60274</v>
      </c>
      <c r="H16185" s="1" t="s">
        <v>60275</v>
      </c>
      <c r="I16185" s="1" t="s">
        <v>53800</v>
      </c>
      <c r="J16185" s="1" t="s">
        <v>60317</v>
      </c>
    </row>
    <row r="16186" spans="1:10" x14ac:dyDescent="0.35">
      <c r="A16186" s="1" t="s">
        <v>60271</v>
      </c>
      <c r="B16186" s="1" t="s">
        <v>53796</v>
      </c>
      <c r="C16186" s="1" t="s">
        <v>80</v>
      </c>
      <c r="D16186" s="1" t="s">
        <v>60318</v>
      </c>
      <c r="E16186" s="1" t="s">
        <v>60319</v>
      </c>
      <c r="F16186" s="1" t="s">
        <v>60320</v>
      </c>
      <c r="G16186" s="1" t="s">
        <v>60274</v>
      </c>
      <c r="H16186" s="1" t="s">
        <v>60275</v>
      </c>
      <c r="I16186" s="1" t="s">
        <v>53800</v>
      </c>
      <c r="J16186" s="1" t="s">
        <v>60321</v>
      </c>
    </row>
    <row r="16187" spans="1:10" x14ac:dyDescent="0.35">
      <c r="A16187" s="1" t="s">
        <v>60271</v>
      </c>
      <c r="B16187" s="1" t="s">
        <v>53796</v>
      </c>
      <c r="C16187" s="1" t="s">
        <v>85</v>
      </c>
      <c r="D16187" s="1" t="s">
        <v>60322</v>
      </c>
      <c r="E16187" s="1" t="s">
        <v>60323</v>
      </c>
      <c r="F16187" s="1" t="s">
        <v>59530</v>
      </c>
      <c r="G16187" s="1" t="s">
        <v>60274</v>
      </c>
      <c r="H16187" s="1" t="s">
        <v>60275</v>
      </c>
      <c r="I16187" s="1" t="s">
        <v>53800</v>
      </c>
      <c r="J16187" s="1" t="s">
        <v>60324</v>
      </c>
    </row>
    <row r="16188" spans="1:10" x14ac:dyDescent="0.35">
      <c r="A16188" s="1" t="s">
        <v>60271</v>
      </c>
      <c r="B16188" s="1" t="s">
        <v>53796</v>
      </c>
      <c r="C16188" s="1" t="s">
        <v>90</v>
      </c>
      <c r="D16188" s="1" t="s">
        <v>60325</v>
      </c>
      <c r="E16188" s="1" t="s">
        <v>60326</v>
      </c>
      <c r="F16188" s="1" t="s">
        <v>60327</v>
      </c>
      <c r="G16188" s="1" t="s">
        <v>60274</v>
      </c>
      <c r="H16188" s="1" t="s">
        <v>60275</v>
      </c>
      <c r="I16188" s="1" t="s">
        <v>53800</v>
      </c>
      <c r="J16188" s="1" t="s">
        <v>60328</v>
      </c>
    </row>
    <row r="16189" spans="1:10" x14ac:dyDescent="0.35">
      <c r="A16189" s="1" t="s">
        <v>60271</v>
      </c>
      <c r="B16189" s="1" t="s">
        <v>53796</v>
      </c>
      <c r="C16189" s="1" t="s">
        <v>95</v>
      </c>
      <c r="D16189" s="1" t="s">
        <v>60329</v>
      </c>
      <c r="E16189" s="1" t="s">
        <v>41586</v>
      </c>
      <c r="F16189" s="1" t="s">
        <v>60330</v>
      </c>
      <c r="G16189" s="1" t="s">
        <v>60274</v>
      </c>
      <c r="H16189" s="1" t="s">
        <v>60275</v>
      </c>
      <c r="I16189" s="1" t="s">
        <v>53800</v>
      </c>
      <c r="J16189" s="1" t="s">
        <v>60331</v>
      </c>
    </row>
    <row r="16190" spans="1:10" x14ac:dyDescent="0.35">
      <c r="A16190" s="1" t="s">
        <v>60271</v>
      </c>
      <c r="B16190" s="1" t="s">
        <v>53796</v>
      </c>
      <c r="C16190" s="1" t="s">
        <v>100</v>
      </c>
      <c r="D16190" s="1" t="s">
        <v>60332</v>
      </c>
      <c r="E16190" s="1" t="s">
        <v>60333</v>
      </c>
      <c r="F16190" s="1" t="s">
        <v>60334</v>
      </c>
      <c r="G16190" s="1" t="s">
        <v>60274</v>
      </c>
      <c r="H16190" s="1" t="s">
        <v>60275</v>
      </c>
      <c r="I16190" s="1" t="s">
        <v>53800</v>
      </c>
      <c r="J16190" s="1" t="s">
        <v>60335</v>
      </c>
    </row>
    <row r="16191" spans="1:10" x14ac:dyDescent="0.35">
      <c r="A16191" s="1" t="s">
        <v>60271</v>
      </c>
      <c r="B16191" s="1" t="s">
        <v>53796</v>
      </c>
      <c r="C16191" s="1" t="s">
        <v>105</v>
      </c>
      <c r="D16191" s="1" t="s">
        <v>22547</v>
      </c>
      <c r="E16191" s="1" t="s">
        <v>41490</v>
      </c>
      <c r="F16191" s="1" t="s">
        <v>60336</v>
      </c>
      <c r="G16191" s="1" t="s">
        <v>60274</v>
      </c>
      <c r="H16191" s="1" t="s">
        <v>60275</v>
      </c>
      <c r="I16191" s="1" t="s">
        <v>53800</v>
      </c>
      <c r="J16191" s="1" t="s">
        <v>60337</v>
      </c>
    </row>
    <row r="16192" spans="1:10" x14ac:dyDescent="0.35">
      <c r="A16192" s="1" t="s">
        <v>60271</v>
      </c>
      <c r="B16192" s="1" t="s">
        <v>53796</v>
      </c>
      <c r="C16192" s="1" t="s">
        <v>110</v>
      </c>
      <c r="D16192" s="1" t="s">
        <v>60338</v>
      </c>
      <c r="E16192" s="1" t="s">
        <v>60323</v>
      </c>
      <c r="F16192" s="1" t="s">
        <v>60339</v>
      </c>
      <c r="G16192" s="1" t="s">
        <v>60274</v>
      </c>
      <c r="H16192" s="1" t="s">
        <v>60275</v>
      </c>
      <c r="I16192" s="1" t="s">
        <v>53800</v>
      </c>
      <c r="J16192" s="1" t="s">
        <v>60340</v>
      </c>
    </row>
    <row r="16193" spans="1:10" x14ac:dyDescent="0.35">
      <c r="A16193" s="1" t="s">
        <v>60271</v>
      </c>
      <c r="B16193" s="1" t="s">
        <v>53796</v>
      </c>
      <c r="C16193" s="1" t="s">
        <v>115</v>
      </c>
      <c r="D16193" s="1" t="s">
        <v>60341</v>
      </c>
      <c r="E16193" s="1" t="s">
        <v>24343</v>
      </c>
      <c r="F16193" s="1" t="s">
        <v>60342</v>
      </c>
      <c r="G16193" s="1" t="s">
        <v>60274</v>
      </c>
      <c r="H16193" s="1" t="s">
        <v>60275</v>
      </c>
      <c r="I16193" s="1" t="s">
        <v>53800</v>
      </c>
      <c r="J16193" s="1" t="s">
        <v>60343</v>
      </c>
    </row>
    <row r="16194" spans="1:10" x14ac:dyDescent="0.35">
      <c r="A16194" s="1" t="s">
        <v>60271</v>
      </c>
      <c r="B16194" s="1" t="s">
        <v>53796</v>
      </c>
      <c r="C16194" s="1" t="s">
        <v>120</v>
      </c>
      <c r="D16194" s="1" t="s">
        <v>60344</v>
      </c>
      <c r="E16194" s="1" t="s">
        <v>60345</v>
      </c>
      <c r="F16194" s="1" t="s">
        <v>60346</v>
      </c>
      <c r="G16194" s="1" t="s">
        <v>60274</v>
      </c>
      <c r="H16194" s="1" t="s">
        <v>60275</v>
      </c>
      <c r="I16194" s="1" t="s">
        <v>53800</v>
      </c>
      <c r="J16194" s="1" t="s">
        <v>60347</v>
      </c>
    </row>
    <row r="16195" spans="1:10" x14ac:dyDescent="0.35">
      <c r="A16195" s="1" t="s">
        <v>60271</v>
      </c>
      <c r="B16195" s="1" t="s">
        <v>53796</v>
      </c>
      <c r="C16195" s="1" t="s">
        <v>125</v>
      </c>
      <c r="D16195" s="1" t="s">
        <v>60348</v>
      </c>
      <c r="E16195" s="1" t="s">
        <v>55023</v>
      </c>
      <c r="F16195" s="1" t="s">
        <v>60349</v>
      </c>
      <c r="G16195" s="1" t="s">
        <v>60274</v>
      </c>
      <c r="H16195" s="1" t="s">
        <v>60275</v>
      </c>
      <c r="I16195" s="1" t="s">
        <v>53800</v>
      </c>
      <c r="J16195" s="1" t="s">
        <v>60350</v>
      </c>
    </row>
    <row r="16196" spans="1:10" x14ac:dyDescent="0.35">
      <c r="A16196" s="1" t="s">
        <v>60271</v>
      </c>
      <c r="B16196" s="1" t="s">
        <v>53796</v>
      </c>
      <c r="C16196" s="1" t="s">
        <v>130</v>
      </c>
      <c r="D16196" s="1" t="s">
        <v>60351</v>
      </c>
      <c r="E16196" s="1" t="s">
        <v>60352</v>
      </c>
      <c r="F16196" s="1" t="s">
        <v>52538</v>
      </c>
      <c r="G16196" s="1" t="s">
        <v>60274</v>
      </c>
      <c r="H16196" s="1" t="s">
        <v>60275</v>
      </c>
      <c r="I16196" s="1" t="s">
        <v>53800</v>
      </c>
      <c r="J16196" s="1" t="s">
        <v>60353</v>
      </c>
    </row>
    <row r="16197" spans="1:10" x14ac:dyDescent="0.35">
      <c r="A16197" s="1" t="s">
        <v>60271</v>
      </c>
      <c r="B16197" s="1" t="s">
        <v>53796</v>
      </c>
      <c r="C16197" s="1" t="s">
        <v>135</v>
      </c>
      <c r="D16197" s="1" t="s">
        <v>60354</v>
      </c>
      <c r="E16197" s="1" t="s">
        <v>21990</v>
      </c>
      <c r="F16197" s="1" t="s">
        <v>60355</v>
      </c>
      <c r="G16197" s="1" t="s">
        <v>60274</v>
      </c>
      <c r="H16197" s="1" t="s">
        <v>60275</v>
      </c>
      <c r="I16197" s="1" t="s">
        <v>53800</v>
      </c>
      <c r="J16197" s="1" t="s">
        <v>60356</v>
      </c>
    </row>
    <row r="16198" spans="1:10" x14ac:dyDescent="0.35">
      <c r="A16198" s="1" t="s">
        <v>60271</v>
      </c>
      <c r="B16198" s="1" t="s">
        <v>53796</v>
      </c>
      <c r="C16198" s="1" t="s">
        <v>140</v>
      </c>
      <c r="D16198" s="1" t="s">
        <v>60357</v>
      </c>
      <c r="E16198" s="1" t="s">
        <v>58164</v>
      </c>
      <c r="F16198" s="1" t="s">
        <v>60358</v>
      </c>
      <c r="G16198" s="1" t="s">
        <v>60274</v>
      </c>
      <c r="H16198" s="1" t="s">
        <v>60275</v>
      </c>
      <c r="I16198" s="1" t="s">
        <v>53800</v>
      </c>
      <c r="J16198" s="1" t="s">
        <v>60359</v>
      </c>
    </row>
    <row r="16199" spans="1:10" x14ac:dyDescent="0.35">
      <c r="A16199" s="1" t="s">
        <v>60271</v>
      </c>
      <c r="B16199" s="1" t="s">
        <v>53796</v>
      </c>
      <c r="C16199" s="1" t="s">
        <v>145</v>
      </c>
      <c r="D16199" s="1" t="s">
        <v>39900</v>
      </c>
      <c r="E16199" s="1" t="s">
        <v>60360</v>
      </c>
      <c r="F16199" s="1" t="s">
        <v>60361</v>
      </c>
      <c r="G16199" s="1" t="s">
        <v>60274</v>
      </c>
      <c r="H16199" s="1" t="s">
        <v>60275</v>
      </c>
      <c r="I16199" s="1" t="s">
        <v>53800</v>
      </c>
      <c r="J16199" s="1" t="s">
        <v>60362</v>
      </c>
    </row>
    <row r="16200" spans="1:10" x14ac:dyDescent="0.35">
      <c r="A16200" s="1" t="s">
        <v>60271</v>
      </c>
      <c r="B16200" s="1" t="s">
        <v>53796</v>
      </c>
      <c r="C16200" s="1" t="s">
        <v>150</v>
      </c>
      <c r="D16200" s="1" t="s">
        <v>60363</v>
      </c>
      <c r="E16200" s="1" t="s">
        <v>24359</v>
      </c>
      <c r="F16200" s="1" t="s">
        <v>60364</v>
      </c>
      <c r="G16200" s="1" t="s">
        <v>60274</v>
      </c>
      <c r="H16200" s="1" t="s">
        <v>60275</v>
      </c>
      <c r="I16200" s="1" t="s">
        <v>53800</v>
      </c>
      <c r="J16200" s="1" t="s">
        <v>60365</v>
      </c>
    </row>
    <row r="16201" spans="1:10" x14ac:dyDescent="0.35">
      <c r="A16201" s="1" t="s">
        <v>60271</v>
      </c>
      <c r="B16201" s="1" t="s">
        <v>53796</v>
      </c>
      <c r="C16201" s="1" t="s">
        <v>155</v>
      </c>
      <c r="D16201" s="1" t="s">
        <v>60366</v>
      </c>
      <c r="E16201" s="1" t="s">
        <v>55182</v>
      </c>
      <c r="F16201" s="1" t="s">
        <v>58072</v>
      </c>
      <c r="G16201" s="1" t="s">
        <v>60274</v>
      </c>
      <c r="H16201" s="1" t="s">
        <v>60275</v>
      </c>
      <c r="I16201" s="1" t="s">
        <v>53800</v>
      </c>
      <c r="J16201" s="1" t="s">
        <v>60367</v>
      </c>
    </row>
    <row r="16202" spans="1:10" x14ac:dyDescent="0.35">
      <c r="A16202" s="1" t="s">
        <v>60271</v>
      </c>
      <c r="B16202" s="1" t="s">
        <v>53796</v>
      </c>
      <c r="C16202" s="1" t="s">
        <v>160</v>
      </c>
      <c r="D16202" s="1" t="s">
        <v>60368</v>
      </c>
      <c r="E16202" s="1" t="s">
        <v>21910</v>
      </c>
      <c r="F16202" s="1" t="s">
        <v>60369</v>
      </c>
      <c r="G16202" s="1" t="s">
        <v>60274</v>
      </c>
      <c r="H16202" s="1" t="s">
        <v>60275</v>
      </c>
      <c r="I16202" s="1" t="s">
        <v>53800</v>
      </c>
      <c r="J16202" s="1" t="s">
        <v>60370</v>
      </c>
    </row>
    <row r="16203" spans="1:10" x14ac:dyDescent="0.35">
      <c r="A16203" s="1" t="s">
        <v>60271</v>
      </c>
      <c r="B16203" s="1" t="s">
        <v>53796</v>
      </c>
      <c r="C16203" s="1" t="s">
        <v>165</v>
      </c>
      <c r="D16203" s="1" t="s">
        <v>60371</v>
      </c>
      <c r="E16203" s="1" t="s">
        <v>56994</v>
      </c>
      <c r="F16203" s="1" t="s">
        <v>60372</v>
      </c>
      <c r="G16203" s="1" t="s">
        <v>60274</v>
      </c>
      <c r="H16203" s="1" t="s">
        <v>60275</v>
      </c>
      <c r="I16203" s="1" t="s">
        <v>53800</v>
      </c>
      <c r="J16203" s="1" t="s">
        <v>60373</v>
      </c>
    </row>
    <row r="16204" spans="1:10" x14ac:dyDescent="0.35">
      <c r="A16204" s="1" t="s">
        <v>60271</v>
      </c>
      <c r="B16204" s="1" t="s">
        <v>53796</v>
      </c>
      <c r="C16204" s="1" t="s">
        <v>170</v>
      </c>
      <c r="D16204" s="1" t="s">
        <v>60374</v>
      </c>
      <c r="E16204" s="1" t="s">
        <v>22052</v>
      </c>
      <c r="F16204" s="1" t="s">
        <v>59649</v>
      </c>
      <c r="G16204" s="1" t="s">
        <v>60274</v>
      </c>
      <c r="H16204" s="1" t="s">
        <v>60275</v>
      </c>
      <c r="I16204" s="1" t="s">
        <v>53800</v>
      </c>
      <c r="J16204" s="1" t="s">
        <v>60375</v>
      </c>
    </row>
    <row r="16205" spans="1:10" x14ac:dyDescent="0.35">
      <c r="A16205" s="1" t="s">
        <v>60376</v>
      </c>
      <c r="B16205" s="1" t="s">
        <v>53796</v>
      </c>
      <c r="C16205" s="1" t="s">
        <v>8</v>
      </c>
      <c r="D16205" s="1" t="s">
        <v>36904</v>
      </c>
      <c r="E16205" s="1" t="s">
        <v>60377</v>
      </c>
      <c r="F16205" s="1" t="s">
        <v>60378</v>
      </c>
      <c r="G16205" s="1" t="s">
        <v>60379</v>
      </c>
      <c r="H16205" s="1" t="s">
        <v>60380</v>
      </c>
      <c r="I16205" s="1" t="s">
        <v>53800</v>
      </c>
      <c r="J16205" s="1" t="s">
        <v>13</v>
      </c>
    </row>
    <row r="16206" spans="1:10" x14ac:dyDescent="0.35">
      <c r="A16206" s="1" t="s">
        <v>60376</v>
      </c>
      <c r="B16206" s="1" t="s">
        <v>53796</v>
      </c>
      <c r="C16206" s="1" t="s">
        <v>15</v>
      </c>
      <c r="D16206" s="1" t="s">
        <v>60381</v>
      </c>
      <c r="E16206" s="1" t="s">
        <v>53808</v>
      </c>
      <c r="F16206" s="1" t="s">
        <v>60382</v>
      </c>
      <c r="G16206" s="1" t="s">
        <v>60379</v>
      </c>
      <c r="H16206" s="1" t="s">
        <v>60380</v>
      </c>
      <c r="I16206" s="1" t="s">
        <v>53800</v>
      </c>
      <c r="J16206" s="1" t="s">
        <v>60383</v>
      </c>
    </row>
    <row r="16207" spans="1:10" x14ac:dyDescent="0.35">
      <c r="A16207" s="1" t="s">
        <v>60376</v>
      </c>
      <c r="B16207" s="1" t="s">
        <v>53796</v>
      </c>
      <c r="C16207" s="1" t="s">
        <v>20</v>
      </c>
      <c r="D16207" s="1" t="s">
        <v>18760</v>
      </c>
      <c r="E16207" s="1" t="s">
        <v>21845</v>
      </c>
      <c r="F16207" s="1" t="s">
        <v>60384</v>
      </c>
      <c r="G16207" s="1" t="s">
        <v>60379</v>
      </c>
      <c r="H16207" s="1" t="s">
        <v>60380</v>
      </c>
      <c r="I16207" s="1" t="s">
        <v>53800</v>
      </c>
      <c r="J16207" s="1" t="s">
        <v>60385</v>
      </c>
    </row>
    <row r="16208" spans="1:10" x14ac:dyDescent="0.35">
      <c r="A16208" s="1" t="s">
        <v>60376</v>
      </c>
      <c r="B16208" s="1" t="s">
        <v>53796</v>
      </c>
      <c r="C16208" s="1" t="s">
        <v>25</v>
      </c>
      <c r="D16208" s="1" t="s">
        <v>60386</v>
      </c>
      <c r="E16208" s="1" t="s">
        <v>22036</v>
      </c>
      <c r="F16208" s="1" t="s">
        <v>60387</v>
      </c>
      <c r="G16208" s="1" t="s">
        <v>60379</v>
      </c>
      <c r="H16208" s="1" t="s">
        <v>60380</v>
      </c>
      <c r="I16208" s="1" t="s">
        <v>53800</v>
      </c>
      <c r="J16208" s="1" t="s">
        <v>60388</v>
      </c>
    </row>
    <row r="16209" spans="1:10" x14ac:dyDescent="0.35">
      <c r="A16209" s="1" t="s">
        <v>60376</v>
      </c>
      <c r="B16209" s="1" t="s">
        <v>53796</v>
      </c>
      <c r="C16209" s="1" t="s">
        <v>30</v>
      </c>
      <c r="D16209" s="1" t="s">
        <v>60389</v>
      </c>
      <c r="E16209" s="1" t="s">
        <v>26247</v>
      </c>
      <c r="F16209" s="1" t="s">
        <v>60390</v>
      </c>
      <c r="G16209" s="1" t="s">
        <v>60379</v>
      </c>
      <c r="H16209" s="1" t="s">
        <v>60380</v>
      </c>
      <c r="I16209" s="1" t="s">
        <v>53800</v>
      </c>
      <c r="J16209" s="1" t="s">
        <v>60391</v>
      </c>
    </row>
    <row r="16210" spans="1:10" x14ac:dyDescent="0.35">
      <c r="A16210" s="1" t="s">
        <v>60376</v>
      </c>
      <c r="B16210" s="1" t="s">
        <v>53796</v>
      </c>
      <c r="C16210" s="1" t="s">
        <v>35</v>
      </c>
      <c r="D16210" s="1" t="s">
        <v>60392</v>
      </c>
      <c r="E16210" s="1" t="s">
        <v>31401</v>
      </c>
      <c r="F16210" s="1" t="s">
        <v>56750</v>
      </c>
      <c r="G16210" s="1" t="s">
        <v>60379</v>
      </c>
      <c r="H16210" s="1" t="s">
        <v>60380</v>
      </c>
      <c r="I16210" s="1" t="s">
        <v>53800</v>
      </c>
      <c r="J16210" s="1" t="s">
        <v>60393</v>
      </c>
    </row>
    <row r="16211" spans="1:10" x14ac:dyDescent="0.35">
      <c r="A16211" s="1" t="s">
        <v>60376</v>
      </c>
      <c r="B16211" s="1" t="s">
        <v>53796</v>
      </c>
      <c r="C16211" s="1" t="s">
        <v>40</v>
      </c>
      <c r="D16211" s="1" t="s">
        <v>60394</v>
      </c>
      <c r="E16211" s="1" t="s">
        <v>60395</v>
      </c>
      <c r="F16211" s="1" t="s">
        <v>60396</v>
      </c>
      <c r="G16211" s="1" t="s">
        <v>60379</v>
      </c>
      <c r="H16211" s="1" t="s">
        <v>60380</v>
      </c>
      <c r="I16211" s="1" t="s">
        <v>53800</v>
      </c>
      <c r="J16211" s="1" t="s">
        <v>60397</v>
      </c>
    </row>
    <row r="16212" spans="1:10" x14ac:dyDescent="0.35">
      <c r="A16212" s="1" t="s">
        <v>60376</v>
      </c>
      <c r="B16212" s="1" t="s">
        <v>53796</v>
      </c>
      <c r="C16212" s="1" t="s">
        <v>45</v>
      </c>
      <c r="D16212" s="1" t="s">
        <v>60398</v>
      </c>
      <c r="E16212" s="1" t="s">
        <v>22091</v>
      </c>
      <c r="F16212" s="1" t="s">
        <v>60399</v>
      </c>
      <c r="G16212" s="1" t="s">
        <v>60379</v>
      </c>
      <c r="H16212" s="1" t="s">
        <v>60380</v>
      </c>
      <c r="I16212" s="1" t="s">
        <v>53800</v>
      </c>
      <c r="J16212" s="1" t="s">
        <v>60400</v>
      </c>
    </row>
    <row r="16213" spans="1:10" x14ac:dyDescent="0.35">
      <c r="A16213" s="1" t="s">
        <v>60376</v>
      </c>
      <c r="B16213" s="1" t="s">
        <v>53796</v>
      </c>
      <c r="C16213" s="1" t="s">
        <v>50</v>
      </c>
      <c r="D16213" s="1" t="s">
        <v>60401</v>
      </c>
      <c r="E16213" s="1" t="s">
        <v>60402</v>
      </c>
      <c r="F16213" s="1" t="s">
        <v>22352</v>
      </c>
      <c r="G16213" s="1" t="s">
        <v>60379</v>
      </c>
      <c r="H16213" s="1" t="s">
        <v>60380</v>
      </c>
      <c r="I16213" s="1" t="s">
        <v>53800</v>
      </c>
      <c r="J16213" s="1" t="s">
        <v>60403</v>
      </c>
    </row>
    <row r="16214" spans="1:10" x14ac:dyDescent="0.35">
      <c r="A16214" s="1" t="s">
        <v>60376</v>
      </c>
      <c r="B16214" s="1" t="s">
        <v>53796</v>
      </c>
      <c r="C16214" s="1" t="s">
        <v>55</v>
      </c>
      <c r="D16214" s="1" t="s">
        <v>60404</v>
      </c>
      <c r="E16214" s="1" t="s">
        <v>24225</v>
      </c>
      <c r="F16214" s="1" t="s">
        <v>30631</v>
      </c>
      <c r="G16214" s="1" t="s">
        <v>60379</v>
      </c>
      <c r="H16214" s="1" t="s">
        <v>60380</v>
      </c>
      <c r="I16214" s="1" t="s">
        <v>53800</v>
      </c>
      <c r="J16214" s="1" t="s">
        <v>60405</v>
      </c>
    </row>
    <row r="16215" spans="1:10" x14ac:dyDescent="0.35">
      <c r="A16215" s="1" t="s">
        <v>60376</v>
      </c>
      <c r="B16215" s="1" t="s">
        <v>53796</v>
      </c>
      <c r="C16215" s="1" t="s">
        <v>60</v>
      </c>
      <c r="D16215" s="1" t="s">
        <v>60406</v>
      </c>
      <c r="E16215" s="1" t="s">
        <v>54103</v>
      </c>
      <c r="F16215" s="1" t="s">
        <v>60407</v>
      </c>
      <c r="G16215" s="1" t="s">
        <v>60379</v>
      </c>
      <c r="H16215" s="1" t="s">
        <v>60380</v>
      </c>
      <c r="I16215" s="1" t="s">
        <v>53800</v>
      </c>
      <c r="J16215" s="1" t="s">
        <v>60408</v>
      </c>
    </row>
    <row r="16216" spans="1:10" x14ac:dyDescent="0.35">
      <c r="A16216" s="1" t="s">
        <v>60376</v>
      </c>
      <c r="B16216" s="1" t="s">
        <v>53796</v>
      </c>
      <c r="C16216" s="1" t="s">
        <v>65</v>
      </c>
      <c r="D16216" s="1" t="s">
        <v>60409</v>
      </c>
      <c r="E16216" s="1" t="s">
        <v>56233</v>
      </c>
      <c r="F16216" s="1" t="s">
        <v>60410</v>
      </c>
      <c r="G16216" s="1" t="s">
        <v>60379</v>
      </c>
      <c r="H16216" s="1" t="s">
        <v>60380</v>
      </c>
      <c r="I16216" s="1" t="s">
        <v>53800</v>
      </c>
      <c r="J16216" s="1" t="s">
        <v>60411</v>
      </c>
    </row>
    <row r="16217" spans="1:10" x14ac:dyDescent="0.35">
      <c r="A16217" s="1" t="s">
        <v>60376</v>
      </c>
      <c r="B16217" s="1" t="s">
        <v>53796</v>
      </c>
      <c r="C16217" s="1" t="s">
        <v>70</v>
      </c>
      <c r="D16217" s="1" t="s">
        <v>60412</v>
      </c>
      <c r="E16217" s="1" t="s">
        <v>15340</v>
      </c>
      <c r="F16217" s="1" t="s">
        <v>54620</v>
      </c>
      <c r="G16217" s="1" t="s">
        <v>60379</v>
      </c>
      <c r="H16217" s="1" t="s">
        <v>60380</v>
      </c>
      <c r="I16217" s="1" t="s">
        <v>53800</v>
      </c>
      <c r="J16217" s="1" t="s">
        <v>60413</v>
      </c>
    </row>
    <row r="16218" spans="1:10" x14ac:dyDescent="0.35">
      <c r="A16218" s="1" t="s">
        <v>60376</v>
      </c>
      <c r="B16218" s="1" t="s">
        <v>53796</v>
      </c>
      <c r="C16218" s="1" t="s">
        <v>75</v>
      </c>
      <c r="D16218" s="1" t="s">
        <v>60414</v>
      </c>
      <c r="E16218" s="1" t="s">
        <v>12794</v>
      </c>
      <c r="F16218" s="1" t="s">
        <v>60415</v>
      </c>
      <c r="G16218" s="1" t="s">
        <v>60379</v>
      </c>
      <c r="H16218" s="1" t="s">
        <v>60380</v>
      </c>
      <c r="I16218" s="1" t="s">
        <v>53800</v>
      </c>
      <c r="J16218" s="1" t="s">
        <v>60416</v>
      </c>
    </row>
    <row r="16219" spans="1:10" x14ac:dyDescent="0.35">
      <c r="A16219" s="1" t="s">
        <v>60376</v>
      </c>
      <c r="B16219" s="1" t="s">
        <v>53796</v>
      </c>
      <c r="C16219" s="1" t="s">
        <v>80</v>
      </c>
      <c r="D16219" s="1" t="s">
        <v>60417</v>
      </c>
      <c r="E16219" s="1" t="s">
        <v>60418</v>
      </c>
      <c r="F16219" s="1" t="s">
        <v>60419</v>
      </c>
      <c r="G16219" s="1" t="s">
        <v>60379</v>
      </c>
      <c r="H16219" s="1" t="s">
        <v>60380</v>
      </c>
      <c r="I16219" s="1" t="s">
        <v>53800</v>
      </c>
      <c r="J16219" s="1" t="s">
        <v>60420</v>
      </c>
    </row>
    <row r="16220" spans="1:10" x14ac:dyDescent="0.35">
      <c r="A16220" s="1" t="s">
        <v>60376</v>
      </c>
      <c r="B16220" s="1" t="s">
        <v>53796</v>
      </c>
      <c r="C16220" s="1" t="s">
        <v>85</v>
      </c>
      <c r="D16220" s="1" t="s">
        <v>60421</v>
      </c>
      <c r="E16220" s="1" t="s">
        <v>57060</v>
      </c>
      <c r="F16220" s="1" t="s">
        <v>60422</v>
      </c>
      <c r="G16220" s="1" t="s">
        <v>60379</v>
      </c>
      <c r="H16220" s="1" t="s">
        <v>60380</v>
      </c>
      <c r="I16220" s="1" t="s">
        <v>53800</v>
      </c>
      <c r="J16220" s="1" t="s">
        <v>60423</v>
      </c>
    </row>
    <row r="16221" spans="1:10" x14ac:dyDescent="0.35">
      <c r="A16221" s="1" t="s">
        <v>60376</v>
      </c>
      <c r="B16221" s="1" t="s">
        <v>53796</v>
      </c>
      <c r="C16221" s="1" t="s">
        <v>90</v>
      </c>
      <c r="D16221" s="1" t="s">
        <v>60424</v>
      </c>
      <c r="E16221" s="1" t="s">
        <v>22274</v>
      </c>
      <c r="F16221" s="1" t="s">
        <v>60425</v>
      </c>
      <c r="G16221" s="1" t="s">
        <v>60379</v>
      </c>
      <c r="H16221" s="1" t="s">
        <v>60380</v>
      </c>
      <c r="I16221" s="1" t="s">
        <v>53800</v>
      </c>
      <c r="J16221" s="1" t="s">
        <v>60426</v>
      </c>
    </row>
    <row r="16222" spans="1:10" x14ac:dyDescent="0.35">
      <c r="A16222" s="1" t="s">
        <v>60376</v>
      </c>
      <c r="B16222" s="1" t="s">
        <v>53796</v>
      </c>
      <c r="C16222" s="1" t="s">
        <v>95</v>
      </c>
      <c r="D16222" s="1" t="s">
        <v>60427</v>
      </c>
      <c r="E16222" s="1" t="s">
        <v>57960</v>
      </c>
      <c r="F16222" s="1" t="s">
        <v>60428</v>
      </c>
      <c r="G16222" s="1" t="s">
        <v>60379</v>
      </c>
      <c r="H16222" s="1" t="s">
        <v>60380</v>
      </c>
      <c r="I16222" s="1" t="s">
        <v>53800</v>
      </c>
      <c r="J16222" s="1" t="s">
        <v>60429</v>
      </c>
    </row>
    <row r="16223" spans="1:10" x14ac:dyDescent="0.35">
      <c r="A16223" s="1" t="s">
        <v>60376</v>
      </c>
      <c r="B16223" s="1" t="s">
        <v>53796</v>
      </c>
      <c r="C16223" s="1" t="s">
        <v>100</v>
      </c>
      <c r="D16223" s="1" t="s">
        <v>60430</v>
      </c>
      <c r="E16223" s="1" t="s">
        <v>54081</v>
      </c>
      <c r="F16223" s="1" t="s">
        <v>60431</v>
      </c>
      <c r="G16223" s="1" t="s">
        <v>60379</v>
      </c>
      <c r="H16223" s="1" t="s">
        <v>60380</v>
      </c>
      <c r="I16223" s="1" t="s">
        <v>53800</v>
      </c>
      <c r="J16223" s="1" t="s">
        <v>60432</v>
      </c>
    </row>
    <row r="16224" spans="1:10" x14ac:dyDescent="0.35">
      <c r="A16224" s="1" t="s">
        <v>60376</v>
      </c>
      <c r="B16224" s="1" t="s">
        <v>53796</v>
      </c>
      <c r="C16224" s="1" t="s">
        <v>105</v>
      </c>
      <c r="D16224" s="1" t="s">
        <v>60433</v>
      </c>
      <c r="E16224" s="1" t="s">
        <v>22103</v>
      </c>
      <c r="F16224" s="1" t="s">
        <v>60434</v>
      </c>
      <c r="G16224" s="1" t="s">
        <v>60379</v>
      </c>
      <c r="H16224" s="1" t="s">
        <v>60380</v>
      </c>
      <c r="I16224" s="1" t="s">
        <v>53800</v>
      </c>
      <c r="J16224" s="1" t="s">
        <v>60435</v>
      </c>
    </row>
    <row r="16225" spans="1:10" x14ac:dyDescent="0.35">
      <c r="A16225" s="1" t="s">
        <v>60376</v>
      </c>
      <c r="B16225" s="1" t="s">
        <v>53796</v>
      </c>
      <c r="C16225" s="1" t="s">
        <v>110</v>
      </c>
      <c r="D16225" s="1" t="s">
        <v>60436</v>
      </c>
      <c r="E16225" s="1" t="s">
        <v>56927</v>
      </c>
      <c r="F16225" s="1" t="s">
        <v>60437</v>
      </c>
      <c r="G16225" s="1" t="s">
        <v>60379</v>
      </c>
      <c r="H16225" s="1" t="s">
        <v>60380</v>
      </c>
      <c r="I16225" s="1" t="s">
        <v>53800</v>
      </c>
      <c r="J16225" s="1" t="s">
        <v>60438</v>
      </c>
    </row>
    <row r="16226" spans="1:10" x14ac:dyDescent="0.35">
      <c r="A16226" s="1" t="s">
        <v>60376</v>
      </c>
      <c r="B16226" s="1" t="s">
        <v>53796</v>
      </c>
      <c r="C16226" s="1" t="s">
        <v>115</v>
      </c>
      <c r="D16226" s="1" t="s">
        <v>60439</v>
      </c>
      <c r="E16226" s="1" t="s">
        <v>23164</v>
      </c>
      <c r="F16226" s="1" t="s">
        <v>56734</v>
      </c>
      <c r="G16226" s="1" t="s">
        <v>60379</v>
      </c>
      <c r="H16226" s="1" t="s">
        <v>60380</v>
      </c>
      <c r="I16226" s="1" t="s">
        <v>53800</v>
      </c>
      <c r="J16226" s="1" t="s">
        <v>60440</v>
      </c>
    </row>
    <row r="16227" spans="1:10" x14ac:dyDescent="0.35">
      <c r="A16227" s="1" t="s">
        <v>60376</v>
      </c>
      <c r="B16227" s="1" t="s">
        <v>53796</v>
      </c>
      <c r="C16227" s="1" t="s">
        <v>120</v>
      </c>
      <c r="D16227" s="1" t="s">
        <v>60441</v>
      </c>
      <c r="E16227" s="1" t="s">
        <v>60442</v>
      </c>
      <c r="F16227" s="1" t="s">
        <v>60443</v>
      </c>
      <c r="G16227" s="1" t="s">
        <v>60379</v>
      </c>
      <c r="H16227" s="1" t="s">
        <v>60380</v>
      </c>
      <c r="I16227" s="1" t="s">
        <v>53800</v>
      </c>
      <c r="J16227" s="1" t="s">
        <v>60444</v>
      </c>
    </row>
    <row r="16228" spans="1:10" x14ac:dyDescent="0.35">
      <c r="A16228" s="1" t="s">
        <v>60376</v>
      </c>
      <c r="B16228" s="1" t="s">
        <v>53796</v>
      </c>
      <c r="C16228" s="1" t="s">
        <v>125</v>
      </c>
      <c r="D16228" s="1" t="s">
        <v>60445</v>
      </c>
      <c r="E16228" s="1" t="s">
        <v>40741</v>
      </c>
      <c r="F16228" s="1" t="s">
        <v>32649</v>
      </c>
      <c r="G16228" s="1" t="s">
        <v>60379</v>
      </c>
      <c r="H16228" s="1" t="s">
        <v>60380</v>
      </c>
      <c r="I16228" s="1" t="s">
        <v>53800</v>
      </c>
      <c r="J16228" s="1" t="s">
        <v>60446</v>
      </c>
    </row>
    <row r="16229" spans="1:10" x14ac:dyDescent="0.35">
      <c r="A16229" s="1" t="s">
        <v>60376</v>
      </c>
      <c r="B16229" s="1" t="s">
        <v>53796</v>
      </c>
      <c r="C16229" s="1" t="s">
        <v>130</v>
      </c>
      <c r="D16229" s="1" t="s">
        <v>60447</v>
      </c>
      <c r="E16229" s="1" t="s">
        <v>56164</v>
      </c>
      <c r="F16229" s="1" t="s">
        <v>60448</v>
      </c>
      <c r="G16229" s="1" t="s">
        <v>60379</v>
      </c>
      <c r="H16229" s="1" t="s">
        <v>60380</v>
      </c>
      <c r="I16229" s="1" t="s">
        <v>53800</v>
      </c>
      <c r="J16229" s="1" t="s">
        <v>60449</v>
      </c>
    </row>
    <row r="16230" spans="1:10" x14ac:dyDescent="0.35">
      <c r="A16230" s="1" t="s">
        <v>60376</v>
      </c>
      <c r="B16230" s="1" t="s">
        <v>53796</v>
      </c>
      <c r="C16230" s="1" t="s">
        <v>135</v>
      </c>
      <c r="D16230" s="1" t="s">
        <v>60450</v>
      </c>
      <c r="E16230" s="1" t="s">
        <v>21860</v>
      </c>
      <c r="F16230" s="1" t="s">
        <v>60451</v>
      </c>
      <c r="G16230" s="1" t="s">
        <v>60379</v>
      </c>
      <c r="H16230" s="1" t="s">
        <v>60380</v>
      </c>
      <c r="I16230" s="1" t="s">
        <v>53800</v>
      </c>
      <c r="J16230" s="1" t="s">
        <v>60452</v>
      </c>
    </row>
    <row r="16231" spans="1:10" x14ac:dyDescent="0.35">
      <c r="A16231" s="1" t="s">
        <v>60376</v>
      </c>
      <c r="B16231" s="1" t="s">
        <v>53796</v>
      </c>
      <c r="C16231" s="1" t="s">
        <v>140</v>
      </c>
      <c r="D16231" s="1" t="s">
        <v>60453</v>
      </c>
      <c r="E16231" s="1" t="s">
        <v>53936</v>
      </c>
      <c r="F16231" s="1" t="s">
        <v>60454</v>
      </c>
      <c r="G16231" s="1" t="s">
        <v>60379</v>
      </c>
      <c r="H16231" s="1" t="s">
        <v>60380</v>
      </c>
      <c r="I16231" s="1" t="s">
        <v>53800</v>
      </c>
      <c r="J16231" s="1" t="s">
        <v>60455</v>
      </c>
    </row>
    <row r="16232" spans="1:10" x14ac:dyDescent="0.35">
      <c r="A16232" s="1" t="s">
        <v>60376</v>
      </c>
      <c r="B16232" s="1" t="s">
        <v>53796</v>
      </c>
      <c r="C16232" s="1" t="s">
        <v>145</v>
      </c>
      <c r="D16232" s="1" t="s">
        <v>60456</v>
      </c>
      <c r="E16232" s="1" t="s">
        <v>57707</v>
      </c>
      <c r="F16232" s="1" t="s">
        <v>60457</v>
      </c>
      <c r="G16232" s="1" t="s">
        <v>60379</v>
      </c>
      <c r="H16232" s="1" t="s">
        <v>60380</v>
      </c>
      <c r="I16232" s="1" t="s">
        <v>53800</v>
      </c>
      <c r="J16232" s="1" t="s">
        <v>60458</v>
      </c>
    </row>
    <row r="16233" spans="1:10" x14ac:dyDescent="0.35">
      <c r="A16233" s="1" t="s">
        <v>60376</v>
      </c>
      <c r="B16233" s="1" t="s">
        <v>53796</v>
      </c>
      <c r="C16233" s="1" t="s">
        <v>150</v>
      </c>
      <c r="D16233" s="1" t="s">
        <v>60459</v>
      </c>
      <c r="E16233" s="1" t="s">
        <v>15384</v>
      </c>
      <c r="F16233" s="1" t="s">
        <v>60460</v>
      </c>
      <c r="G16233" s="1" t="s">
        <v>60379</v>
      </c>
      <c r="H16233" s="1" t="s">
        <v>60380</v>
      </c>
      <c r="I16233" s="1" t="s">
        <v>53800</v>
      </c>
      <c r="J16233" s="1" t="s">
        <v>60461</v>
      </c>
    </row>
    <row r="16234" spans="1:10" x14ac:dyDescent="0.35">
      <c r="A16234" s="1" t="s">
        <v>60376</v>
      </c>
      <c r="B16234" s="1" t="s">
        <v>53796</v>
      </c>
      <c r="C16234" s="1" t="s">
        <v>155</v>
      </c>
      <c r="D16234" s="1" t="s">
        <v>24362</v>
      </c>
      <c r="E16234" s="1" t="s">
        <v>56849</v>
      </c>
      <c r="F16234" s="1" t="s">
        <v>60462</v>
      </c>
      <c r="G16234" s="1" t="s">
        <v>60379</v>
      </c>
      <c r="H16234" s="1" t="s">
        <v>60380</v>
      </c>
      <c r="I16234" s="1" t="s">
        <v>53800</v>
      </c>
      <c r="J16234" s="1" t="s">
        <v>60463</v>
      </c>
    </row>
    <row r="16235" spans="1:10" x14ac:dyDescent="0.35">
      <c r="A16235" s="1" t="s">
        <v>60376</v>
      </c>
      <c r="B16235" s="1" t="s">
        <v>53796</v>
      </c>
      <c r="C16235" s="1" t="s">
        <v>160</v>
      </c>
      <c r="D16235" s="1" t="s">
        <v>60464</v>
      </c>
      <c r="E16235" s="1" t="s">
        <v>16157</v>
      </c>
      <c r="F16235" s="1" t="s">
        <v>60465</v>
      </c>
      <c r="G16235" s="1" t="s">
        <v>60379</v>
      </c>
      <c r="H16235" s="1" t="s">
        <v>60380</v>
      </c>
      <c r="I16235" s="1" t="s">
        <v>53800</v>
      </c>
      <c r="J16235" s="1" t="s">
        <v>60466</v>
      </c>
    </row>
    <row r="16236" spans="1:10" x14ac:dyDescent="0.35">
      <c r="A16236" s="1" t="s">
        <v>60376</v>
      </c>
      <c r="B16236" s="1" t="s">
        <v>53796</v>
      </c>
      <c r="C16236" s="1" t="s">
        <v>165</v>
      </c>
      <c r="D16236" s="1" t="s">
        <v>60467</v>
      </c>
      <c r="E16236" s="1" t="s">
        <v>59640</v>
      </c>
      <c r="F16236" s="1" t="s">
        <v>24277</v>
      </c>
      <c r="G16236" s="1" t="s">
        <v>60379</v>
      </c>
      <c r="H16236" s="1" t="s">
        <v>60380</v>
      </c>
      <c r="I16236" s="1" t="s">
        <v>53800</v>
      </c>
      <c r="J16236" s="1" t="s">
        <v>60468</v>
      </c>
    </row>
    <row r="16237" spans="1:10" x14ac:dyDescent="0.35">
      <c r="A16237" s="1" t="s">
        <v>60376</v>
      </c>
      <c r="B16237" s="1" t="s">
        <v>53796</v>
      </c>
      <c r="C16237" s="1" t="s">
        <v>170</v>
      </c>
      <c r="D16237" s="1" t="s">
        <v>24376</v>
      </c>
      <c r="E16237" s="1" t="s">
        <v>57103</v>
      </c>
      <c r="F16237" s="1" t="s">
        <v>60469</v>
      </c>
      <c r="G16237" s="1" t="s">
        <v>60379</v>
      </c>
      <c r="H16237" s="1" t="s">
        <v>60380</v>
      </c>
      <c r="I16237" s="1" t="s">
        <v>53800</v>
      </c>
      <c r="J16237" s="1" t="s">
        <v>60470</v>
      </c>
    </row>
    <row r="16238" spans="1:10" x14ac:dyDescent="0.35">
      <c r="A16238" s="1" t="s">
        <v>3496</v>
      </c>
      <c r="B16238" s="1" t="s">
        <v>53796</v>
      </c>
      <c r="C16238" s="1" t="s">
        <v>8</v>
      </c>
      <c r="D16238" s="1" t="s">
        <v>60471</v>
      </c>
      <c r="E16238" s="1" t="s">
        <v>26461</v>
      </c>
      <c r="F16238" s="1" t="s">
        <v>60472</v>
      </c>
      <c r="G16238" s="1" t="s">
        <v>60473</v>
      </c>
      <c r="H16238" s="1" t="s">
        <v>60474</v>
      </c>
      <c r="I16238" s="1" t="s">
        <v>53800</v>
      </c>
      <c r="J16238" s="1" t="s">
        <v>13</v>
      </c>
    </row>
    <row r="16239" spans="1:10" x14ac:dyDescent="0.35">
      <c r="A16239" s="1" t="s">
        <v>3496</v>
      </c>
      <c r="B16239" s="1" t="s">
        <v>53796</v>
      </c>
      <c r="C16239" s="1" t="s">
        <v>15</v>
      </c>
      <c r="D16239" s="1" t="s">
        <v>59967</v>
      </c>
      <c r="E16239" s="1" t="s">
        <v>15340</v>
      </c>
      <c r="F16239" s="1" t="s">
        <v>60475</v>
      </c>
      <c r="G16239" s="1" t="s">
        <v>60473</v>
      </c>
      <c r="H16239" s="1" t="s">
        <v>60474</v>
      </c>
      <c r="I16239" s="1" t="s">
        <v>53800</v>
      </c>
      <c r="J16239" s="1" t="s">
        <v>60476</v>
      </c>
    </row>
    <row r="16240" spans="1:10" x14ac:dyDescent="0.35">
      <c r="A16240" s="1" t="s">
        <v>3496</v>
      </c>
      <c r="B16240" s="1" t="s">
        <v>53796</v>
      </c>
      <c r="C16240" s="1" t="s">
        <v>20</v>
      </c>
      <c r="D16240" s="1" t="s">
        <v>60477</v>
      </c>
      <c r="E16240" s="1" t="s">
        <v>22298</v>
      </c>
      <c r="F16240" s="1" t="s">
        <v>60478</v>
      </c>
      <c r="G16240" s="1" t="s">
        <v>60473</v>
      </c>
      <c r="H16240" s="1" t="s">
        <v>60474</v>
      </c>
      <c r="I16240" s="1" t="s">
        <v>53800</v>
      </c>
      <c r="J16240" s="1" t="s">
        <v>60479</v>
      </c>
    </row>
    <row r="16241" spans="1:10" x14ac:dyDescent="0.35">
      <c r="A16241" s="1" t="s">
        <v>3496</v>
      </c>
      <c r="B16241" s="1" t="s">
        <v>53796</v>
      </c>
      <c r="C16241" s="1" t="s">
        <v>25</v>
      </c>
      <c r="D16241" s="1" t="s">
        <v>60480</v>
      </c>
      <c r="E16241" s="1" t="s">
        <v>41356</v>
      </c>
      <c r="F16241" s="1" t="s">
        <v>60481</v>
      </c>
      <c r="G16241" s="1" t="s">
        <v>60473</v>
      </c>
      <c r="H16241" s="1" t="s">
        <v>60474</v>
      </c>
      <c r="I16241" s="1" t="s">
        <v>53800</v>
      </c>
      <c r="J16241" s="1" t="s">
        <v>60482</v>
      </c>
    </row>
    <row r="16242" spans="1:10" x14ac:dyDescent="0.35">
      <c r="A16242" s="1" t="s">
        <v>3496</v>
      </c>
      <c r="B16242" s="1" t="s">
        <v>53796</v>
      </c>
      <c r="C16242" s="1" t="s">
        <v>30</v>
      </c>
      <c r="D16242" s="1" t="s">
        <v>60483</v>
      </c>
      <c r="E16242" s="1" t="s">
        <v>60484</v>
      </c>
      <c r="F16242" s="1" t="s">
        <v>60485</v>
      </c>
      <c r="G16242" s="1" t="s">
        <v>60473</v>
      </c>
      <c r="H16242" s="1" t="s">
        <v>60474</v>
      </c>
      <c r="I16242" s="1" t="s">
        <v>53800</v>
      </c>
      <c r="J16242" s="1" t="s">
        <v>60486</v>
      </c>
    </row>
    <row r="16243" spans="1:10" x14ac:dyDescent="0.35">
      <c r="A16243" s="1" t="s">
        <v>3496</v>
      </c>
      <c r="B16243" s="1" t="s">
        <v>53796</v>
      </c>
      <c r="C16243" s="1" t="s">
        <v>35</v>
      </c>
      <c r="D16243" s="1" t="s">
        <v>60487</v>
      </c>
      <c r="E16243" s="1" t="s">
        <v>31510</v>
      </c>
      <c r="F16243" s="1" t="s">
        <v>60488</v>
      </c>
      <c r="G16243" s="1" t="s">
        <v>60473</v>
      </c>
      <c r="H16243" s="1" t="s">
        <v>60474</v>
      </c>
      <c r="I16243" s="1" t="s">
        <v>53800</v>
      </c>
      <c r="J16243" s="1" t="s">
        <v>60489</v>
      </c>
    </row>
    <row r="16244" spans="1:10" x14ac:dyDescent="0.35">
      <c r="A16244" s="1" t="s">
        <v>3496</v>
      </c>
      <c r="B16244" s="1" t="s">
        <v>53796</v>
      </c>
      <c r="C16244" s="1" t="s">
        <v>40</v>
      </c>
      <c r="D16244" s="1" t="s">
        <v>60490</v>
      </c>
      <c r="E16244" s="1" t="s">
        <v>31365</v>
      </c>
      <c r="F16244" s="1" t="s">
        <v>60491</v>
      </c>
      <c r="G16244" s="1" t="s">
        <v>60473</v>
      </c>
      <c r="H16244" s="1" t="s">
        <v>60474</v>
      </c>
      <c r="I16244" s="1" t="s">
        <v>53800</v>
      </c>
      <c r="J16244" s="1" t="s">
        <v>60492</v>
      </c>
    </row>
    <row r="16245" spans="1:10" x14ac:dyDescent="0.35">
      <c r="A16245" s="1" t="s">
        <v>3496</v>
      </c>
      <c r="B16245" s="1" t="s">
        <v>53796</v>
      </c>
      <c r="C16245" s="1" t="s">
        <v>45</v>
      </c>
      <c r="D16245" s="1" t="s">
        <v>60493</v>
      </c>
      <c r="E16245" s="1" t="s">
        <v>15388</v>
      </c>
      <c r="F16245" s="1" t="s">
        <v>60494</v>
      </c>
      <c r="G16245" s="1" t="s">
        <v>60473</v>
      </c>
      <c r="H16245" s="1" t="s">
        <v>60474</v>
      </c>
      <c r="I16245" s="1" t="s">
        <v>53800</v>
      </c>
      <c r="J16245" s="1" t="s">
        <v>60495</v>
      </c>
    </row>
    <row r="16246" spans="1:10" x14ac:dyDescent="0.35">
      <c r="A16246" s="1" t="s">
        <v>3496</v>
      </c>
      <c r="B16246" s="1" t="s">
        <v>53796</v>
      </c>
      <c r="C16246" s="1" t="s">
        <v>50</v>
      </c>
      <c r="D16246" s="1" t="s">
        <v>60496</v>
      </c>
      <c r="E16246" s="1" t="s">
        <v>16132</v>
      </c>
      <c r="F16246" s="1" t="s">
        <v>58851</v>
      </c>
      <c r="G16246" s="1" t="s">
        <v>60473</v>
      </c>
      <c r="H16246" s="1" t="s">
        <v>60474</v>
      </c>
      <c r="I16246" s="1" t="s">
        <v>53800</v>
      </c>
      <c r="J16246" s="1" t="s">
        <v>60497</v>
      </c>
    </row>
    <row r="16247" spans="1:10" x14ac:dyDescent="0.35">
      <c r="A16247" s="1" t="s">
        <v>3496</v>
      </c>
      <c r="B16247" s="1" t="s">
        <v>53796</v>
      </c>
      <c r="C16247" s="1" t="s">
        <v>55</v>
      </c>
      <c r="D16247" s="1" t="s">
        <v>39097</v>
      </c>
      <c r="E16247" s="1" t="s">
        <v>26586</v>
      </c>
      <c r="F16247" s="1" t="s">
        <v>60498</v>
      </c>
      <c r="G16247" s="1" t="s">
        <v>60473</v>
      </c>
      <c r="H16247" s="1" t="s">
        <v>60474</v>
      </c>
      <c r="I16247" s="1" t="s">
        <v>53800</v>
      </c>
      <c r="J16247" s="1" t="s">
        <v>60499</v>
      </c>
    </row>
    <row r="16248" spans="1:10" x14ac:dyDescent="0.35">
      <c r="A16248" s="1" t="s">
        <v>3496</v>
      </c>
      <c r="B16248" s="1" t="s">
        <v>53796</v>
      </c>
      <c r="C16248" s="1" t="s">
        <v>60</v>
      </c>
      <c r="D16248" s="1" t="s">
        <v>60500</v>
      </c>
      <c r="E16248" s="1" t="s">
        <v>32588</v>
      </c>
      <c r="F16248" s="1" t="s">
        <v>56514</v>
      </c>
      <c r="G16248" s="1" t="s">
        <v>60473</v>
      </c>
      <c r="H16248" s="1" t="s">
        <v>60474</v>
      </c>
      <c r="I16248" s="1" t="s">
        <v>53800</v>
      </c>
      <c r="J16248" s="1" t="s">
        <v>60501</v>
      </c>
    </row>
    <row r="16249" spans="1:10" x14ac:dyDescent="0.35">
      <c r="A16249" s="1" t="s">
        <v>3496</v>
      </c>
      <c r="B16249" s="1" t="s">
        <v>53796</v>
      </c>
      <c r="C16249" s="1" t="s">
        <v>65</v>
      </c>
      <c r="D16249" s="1" t="s">
        <v>60502</v>
      </c>
      <c r="E16249" s="1" t="s">
        <v>26214</v>
      </c>
      <c r="F16249" s="1" t="s">
        <v>60503</v>
      </c>
      <c r="G16249" s="1" t="s">
        <v>60473</v>
      </c>
      <c r="H16249" s="1" t="s">
        <v>60474</v>
      </c>
      <c r="I16249" s="1" t="s">
        <v>53800</v>
      </c>
      <c r="J16249" s="1" t="s">
        <v>60504</v>
      </c>
    </row>
    <row r="16250" spans="1:10" x14ac:dyDescent="0.35">
      <c r="A16250" s="1" t="s">
        <v>3496</v>
      </c>
      <c r="B16250" s="1" t="s">
        <v>53796</v>
      </c>
      <c r="C16250" s="1" t="s">
        <v>70</v>
      </c>
      <c r="D16250" s="1" t="s">
        <v>60505</v>
      </c>
      <c r="E16250" s="1" t="s">
        <v>32090</v>
      </c>
      <c r="F16250" s="1" t="s">
        <v>60506</v>
      </c>
      <c r="G16250" s="1" t="s">
        <v>60473</v>
      </c>
      <c r="H16250" s="1" t="s">
        <v>60474</v>
      </c>
      <c r="I16250" s="1" t="s">
        <v>53800</v>
      </c>
      <c r="J16250" s="1" t="s">
        <v>60507</v>
      </c>
    </row>
    <row r="16251" spans="1:10" x14ac:dyDescent="0.35">
      <c r="A16251" s="1" t="s">
        <v>3496</v>
      </c>
      <c r="B16251" s="1" t="s">
        <v>53796</v>
      </c>
      <c r="C16251" s="1" t="s">
        <v>75</v>
      </c>
      <c r="D16251" s="1" t="s">
        <v>60508</v>
      </c>
      <c r="E16251" s="1" t="s">
        <v>57615</v>
      </c>
      <c r="F16251" s="1" t="s">
        <v>60509</v>
      </c>
      <c r="G16251" s="1" t="s">
        <v>60473</v>
      </c>
      <c r="H16251" s="1" t="s">
        <v>60474</v>
      </c>
      <c r="I16251" s="1" t="s">
        <v>53800</v>
      </c>
      <c r="J16251" s="1" t="s">
        <v>60510</v>
      </c>
    </row>
    <row r="16252" spans="1:10" x14ac:dyDescent="0.35">
      <c r="A16252" s="1" t="s">
        <v>3496</v>
      </c>
      <c r="B16252" s="1" t="s">
        <v>53796</v>
      </c>
      <c r="C16252" s="1" t="s">
        <v>80</v>
      </c>
      <c r="D16252" s="1" t="s">
        <v>60511</v>
      </c>
      <c r="E16252" s="1" t="s">
        <v>26225</v>
      </c>
      <c r="F16252" s="1" t="s">
        <v>60512</v>
      </c>
      <c r="G16252" s="1" t="s">
        <v>60473</v>
      </c>
      <c r="H16252" s="1" t="s">
        <v>60474</v>
      </c>
      <c r="I16252" s="1" t="s">
        <v>53800</v>
      </c>
      <c r="J16252" s="1" t="s">
        <v>60513</v>
      </c>
    </row>
    <row r="16253" spans="1:10" x14ac:dyDescent="0.35">
      <c r="A16253" s="1" t="s">
        <v>3496</v>
      </c>
      <c r="B16253" s="1" t="s">
        <v>53796</v>
      </c>
      <c r="C16253" s="1" t="s">
        <v>85</v>
      </c>
      <c r="D16253" s="1" t="s">
        <v>60514</v>
      </c>
      <c r="E16253" s="1" t="s">
        <v>15289</v>
      </c>
      <c r="F16253" s="1" t="s">
        <v>60515</v>
      </c>
      <c r="G16253" s="1" t="s">
        <v>60473</v>
      </c>
      <c r="H16253" s="1" t="s">
        <v>60474</v>
      </c>
      <c r="I16253" s="1" t="s">
        <v>53800</v>
      </c>
      <c r="J16253" s="1" t="s">
        <v>60516</v>
      </c>
    </row>
    <row r="16254" spans="1:10" x14ac:dyDescent="0.35">
      <c r="A16254" s="1" t="s">
        <v>3496</v>
      </c>
      <c r="B16254" s="1" t="s">
        <v>53796</v>
      </c>
      <c r="C16254" s="1" t="s">
        <v>90</v>
      </c>
      <c r="D16254" s="1" t="s">
        <v>60517</v>
      </c>
      <c r="E16254" s="1" t="s">
        <v>60518</v>
      </c>
      <c r="F16254" s="1" t="s">
        <v>60519</v>
      </c>
      <c r="G16254" s="1" t="s">
        <v>60473</v>
      </c>
      <c r="H16254" s="1" t="s">
        <v>60474</v>
      </c>
      <c r="I16254" s="1" t="s">
        <v>53800</v>
      </c>
      <c r="J16254" s="1" t="s">
        <v>60520</v>
      </c>
    </row>
    <row r="16255" spans="1:10" x14ac:dyDescent="0.35">
      <c r="A16255" s="1" t="s">
        <v>3496</v>
      </c>
      <c r="B16255" s="1" t="s">
        <v>53796</v>
      </c>
      <c r="C16255" s="1" t="s">
        <v>95</v>
      </c>
      <c r="D16255" s="1" t="s">
        <v>60521</v>
      </c>
      <c r="E16255" s="1" t="s">
        <v>31497</v>
      </c>
      <c r="F16255" s="1" t="s">
        <v>60522</v>
      </c>
      <c r="G16255" s="1" t="s">
        <v>60473</v>
      </c>
      <c r="H16255" s="1" t="s">
        <v>60474</v>
      </c>
      <c r="I16255" s="1" t="s">
        <v>53800</v>
      </c>
      <c r="J16255" s="1" t="s">
        <v>60523</v>
      </c>
    </row>
    <row r="16256" spans="1:10" x14ac:dyDescent="0.35">
      <c r="A16256" s="1" t="s">
        <v>3496</v>
      </c>
      <c r="B16256" s="1" t="s">
        <v>53796</v>
      </c>
      <c r="C16256" s="1" t="s">
        <v>100</v>
      </c>
      <c r="D16256" s="1" t="s">
        <v>60524</v>
      </c>
      <c r="E16256" s="1" t="s">
        <v>60525</v>
      </c>
      <c r="F16256" s="1" t="s">
        <v>60526</v>
      </c>
      <c r="G16256" s="1" t="s">
        <v>60473</v>
      </c>
      <c r="H16256" s="1" t="s">
        <v>60474</v>
      </c>
      <c r="I16256" s="1" t="s">
        <v>53800</v>
      </c>
      <c r="J16256" s="1" t="s">
        <v>60527</v>
      </c>
    </row>
    <row r="16257" spans="1:10" x14ac:dyDescent="0.35">
      <c r="A16257" s="1" t="s">
        <v>3496</v>
      </c>
      <c r="B16257" s="1" t="s">
        <v>53796</v>
      </c>
      <c r="C16257" s="1" t="s">
        <v>105</v>
      </c>
      <c r="D16257" s="1" t="s">
        <v>60528</v>
      </c>
      <c r="E16257" s="1" t="s">
        <v>31757</v>
      </c>
      <c r="F16257" s="1" t="s">
        <v>60529</v>
      </c>
      <c r="G16257" s="1" t="s">
        <v>60473</v>
      </c>
      <c r="H16257" s="1" t="s">
        <v>60474</v>
      </c>
      <c r="I16257" s="1" t="s">
        <v>53800</v>
      </c>
      <c r="J16257" s="1" t="s">
        <v>60530</v>
      </c>
    </row>
    <row r="16258" spans="1:10" x14ac:dyDescent="0.35">
      <c r="A16258" s="1" t="s">
        <v>3496</v>
      </c>
      <c r="B16258" s="1" t="s">
        <v>53796</v>
      </c>
      <c r="C16258" s="1" t="s">
        <v>110</v>
      </c>
      <c r="D16258" s="1" t="s">
        <v>60531</v>
      </c>
      <c r="E16258" s="1" t="s">
        <v>21834</v>
      </c>
      <c r="F16258" s="1" t="s">
        <v>60532</v>
      </c>
      <c r="G16258" s="1" t="s">
        <v>60473</v>
      </c>
      <c r="H16258" s="1" t="s">
        <v>60474</v>
      </c>
      <c r="I16258" s="1" t="s">
        <v>53800</v>
      </c>
      <c r="J16258" s="1" t="s">
        <v>60533</v>
      </c>
    </row>
    <row r="16259" spans="1:10" x14ac:dyDescent="0.35">
      <c r="A16259" s="1" t="s">
        <v>3496</v>
      </c>
      <c r="B16259" s="1" t="s">
        <v>53796</v>
      </c>
      <c r="C16259" s="1" t="s">
        <v>115</v>
      </c>
      <c r="D16259" s="1" t="s">
        <v>60534</v>
      </c>
      <c r="E16259" s="1" t="s">
        <v>32126</v>
      </c>
      <c r="F16259" s="1" t="s">
        <v>60535</v>
      </c>
      <c r="G16259" s="1" t="s">
        <v>60473</v>
      </c>
      <c r="H16259" s="1" t="s">
        <v>60474</v>
      </c>
      <c r="I16259" s="1" t="s">
        <v>53800</v>
      </c>
      <c r="J16259" s="1" t="s">
        <v>60536</v>
      </c>
    </row>
    <row r="16260" spans="1:10" x14ac:dyDescent="0.35">
      <c r="A16260" s="1" t="s">
        <v>3496</v>
      </c>
      <c r="B16260" s="1" t="s">
        <v>53796</v>
      </c>
      <c r="C16260" s="1" t="s">
        <v>120</v>
      </c>
      <c r="D16260" s="1" t="s">
        <v>60537</v>
      </c>
      <c r="E16260" s="1" t="s">
        <v>15884</v>
      </c>
      <c r="F16260" s="1" t="s">
        <v>54169</v>
      </c>
      <c r="G16260" s="1" t="s">
        <v>60473</v>
      </c>
      <c r="H16260" s="1" t="s">
        <v>60474</v>
      </c>
      <c r="I16260" s="1" t="s">
        <v>53800</v>
      </c>
      <c r="J16260" s="1" t="s">
        <v>60538</v>
      </c>
    </row>
    <row r="16261" spans="1:10" x14ac:dyDescent="0.35">
      <c r="A16261" s="1" t="s">
        <v>3496</v>
      </c>
      <c r="B16261" s="1" t="s">
        <v>53796</v>
      </c>
      <c r="C16261" s="1" t="s">
        <v>125</v>
      </c>
      <c r="D16261" s="1" t="s">
        <v>60539</v>
      </c>
      <c r="E16261" s="1" t="s">
        <v>26478</v>
      </c>
      <c r="F16261" s="1" t="s">
        <v>60540</v>
      </c>
      <c r="G16261" s="1" t="s">
        <v>60473</v>
      </c>
      <c r="H16261" s="1" t="s">
        <v>60474</v>
      </c>
      <c r="I16261" s="1" t="s">
        <v>53800</v>
      </c>
      <c r="J16261" s="1" t="s">
        <v>60541</v>
      </c>
    </row>
    <row r="16262" spans="1:10" x14ac:dyDescent="0.35">
      <c r="A16262" s="1" t="s">
        <v>3496</v>
      </c>
      <c r="B16262" s="1" t="s">
        <v>53796</v>
      </c>
      <c r="C16262" s="1" t="s">
        <v>130</v>
      </c>
      <c r="D16262" s="1" t="s">
        <v>60542</v>
      </c>
      <c r="E16262" s="1" t="s">
        <v>60543</v>
      </c>
      <c r="F16262" s="1" t="s">
        <v>60544</v>
      </c>
      <c r="G16262" s="1" t="s">
        <v>60473</v>
      </c>
      <c r="H16262" s="1" t="s">
        <v>60474</v>
      </c>
      <c r="I16262" s="1" t="s">
        <v>53800</v>
      </c>
      <c r="J16262" s="1" t="s">
        <v>60545</v>
      </c>
    </row>
    <row r="16263" spans="1:10" x14ac:dyDescent="0.35">
      <c r="A16263" s="1" t="s">
        <v>3496</v>
      </c>
      <c r="B16263" s="1" t="s">
        <v>53796</v>
      </c>
      <c r="C16263" s="1" t="s">
        <v>135</v>
      </c>
      <c r="D16263" s="1" t="s">
        <v>60546</v>
      </c>
      <c r="E16263" s="1" t="s">
        <v>54200</v>
      </c>
      <c r="F16263" s="1" t="s">
        <v>60547</v>
      </c>
      <c r="G16263" s="1" t="s">
        <v>60473</v>
      </c>
      <c r="H16263" s="1" t="s">
        <v>60474</v>
      </c>
      <c r="I16263" s="1" t="s">
        <v>53800</v>
      </c>
      <c r="J16263" s="1" t="s">
        <v>60548</v>
      </c>
    </row>
    <row r="16264" spans="1:10" x14ac:dyDescent="0.35">
      <c r="A16264" s="1" t="s">
        <v>3496</v>
      </c>
      <c r="B16264" s="1" t="s">
        <v>53796</v>
      </c>
      <c r="C16264" s="1" t="s">
        <v>140</v>
      </c>
      <c r="D16264" s="1" t="s">
        <v>60549</v>
      </c>
      <c r="E16264" s="1" t="s">
        <v>31480</v>
      </c>
      <c r="F16264" s="1" t="s">
        <v>60550</v>
      </c>
      <c r="G16264" s="1" t="s">
        <v>60473</v>
      </c>
      <c r="H16264" s="1" t="s">
        <v>60474</v>
      </c>
      <c r="I16264" s="1" t="s">
        <v>53800</v>
      </c>
      <c r="J16264" s="1" t="s">
        <v>60551</v>
      </c>
    </row>
    <row r="16265" spans="1:10" x14ac:dyDescent="0.35">
      <c r="A16265" s="1" t="s">
        <v>3496</v>
      </c>
      <c r="B16265" s="1" t="s">
        <v>53796</v>
      </c>
      <c r="C16265" s="1" t="s">
        <v>145</v>
      </c>
      <c r="D16265" s="1" t="s">
        <v>60552</v>
      </c>
      <c r="E16265" s="1" t="s">
        <v>57183</v>
      </c>
      <c r="F16265" s="1" t="s">
        <v>60553</v>
      </c>
      <c r="G16265" s="1" t="s">
        <v>60473</v>
      </c>
      <c r="H16265" s="1" t="s">
        <v>60474</v>
      </c>
      <c r="I16265" s="1" t="s">
        <v>53800</v>
      </c>
      <c r="J16265" s="1" t="s">
        <v>60554</v>
      </c>
    </row>
    <row r="16266" spans="1:10" x14ac:dyDescent="0.35">
      <c r="A16266" s="1" t="s">
        <v>3496</v>
      </c>
      <c r="B16266" s="1" t="s">
        <v>53796</v>
      </c>
      <c r="C16266" s="1" t="s">
        <v>150</v>
      </c>
      <c r="D16266" s="1" t="s">
        <v>60555</v>
      </c>
      <c r="E16266" s="1" t="s">
        <v>31721</v>
      </c>
      <c r="F16266" s="1" t="s">
        <v>60556</v>
      </c>
      <c r="G16266" s="1" t="s">
        <v>60473</v>
      </c>
      <c r="H16266" s="1" t="s">
        <v>60474</v>
      </c>
      <c r="I16266" s="1" t="s">
        <v>53800</v>
      </c>
      <c r="J16266" s="1" t="s">
        <v>60557</v>
      </c>
    </row>
    <row r="16267" spans="1:10" x14ac:dyDescent="0.35">
      <c r="A16267" s="1" t="s">
        <v>3496</v>
      </c>
      <c r="B16267" s="1" t="s">
        <v>53796</v>
      </c>
      <c r="C16267" s="1" t="s">
        <v>155</v>
      </c>
      <c r="D16267" s="1" t="s">
        <v>60558</v>
      </c>
      <c r="E16267" s="1" t="s">
        <v>15606</v>
      </c>
      <c r="F16267" s="1" t="s">
        <v>60559</v>
      </c>
      <c r="G16267" s="1" t="s">
        <v>60473</v>
      </c>
      <c r="H16267" s="1" t="s">
        <v>60474</v>
      </c>
      <c r="I16267" s="1" t="s">
        <v>53800</v>
      </c>
      <c r="J16267" s="1" t="s">
        <v>60560</v>
      </c>
    </row>
    <row r="16268" spans="1:10" x14ac:dyDescent="0.35">
      <c r="A16268" s="1" t="s">
        <v>3496</v>
      </c>
      <c r="B16268" s="1" t="s">
        <v>53796</v>
      </c>
      <c r="C16268" s="1" t="s">
        <v>160</v>
      </c>
      <c r="D16268" s="1" t="s">
        <v>60561</v>
      </c>
      <c r="E16268" s="1" t="s">
        <v>31772</v>
      </c>
      <c r="F16268" s="1" t="s">
        <v>60562</v>
      </c>
      <c r="G16268" s="1" t="s">
        <v>60473</v>
      </c>
      <c r="H16268" s="1" t="s">
        <v>60474</v>
      </c>
      <c r="I16268" s="1" t="s">
        <v>53800</v>
      </c>
      <c r="J16268" s="1" t="s">
        <v>60563</v>
      </c>
    </row>
    <row r="16269" spans="1:10" x14ac:dyDescent="0.35">
      <c r="A16269" s="1" t="s">
        <v>3496</v>
      </c>
      <c r="B16269" s="1" t="s">
        <v>53796</v>
      </c>
      <c r="C16269" s="1" t="s">
        <v>165</v>
      </c>
      <c r="D16269" s="1" t="s">
        <v>60564</v>
      </c>
      <c r="E16269" s="1" t="s">
        <v>15417</v>
      </c>
      <c r="F16269" s="1" t="s">
        <v>60565</v>
      </c>
      <c r="G16269" s="1" t="s">
        <v>60473</v>
      </c>
      <c r="H16269" s="1" t="s">
        <v>60474</v>
      </c>
      <c r="I16269" s="1" t="s">
        <v>53800</v>
      </c>
      <c r="J16269" s="1" t="s">
        <v>60566</v>
      </c>
    </row>
    <row r="16270" spans="1:10" x14ac:dyDescent="0.35">
      <c r="A16270" s="1" t="s">
        <v>3496</v>
      </c>
      <c r="B16270" s="1" t="s">
        <v>53796</v>
      </c>
      <c r="C16270" s="1" t="s">
        <v>170</v>
      </c>
      <c r="D16270" s="1" t="s">
        <v>60567</v>
      </c>
      <c r="E16270" s="1" t="s">
        <v>60568</v>
      </c>
      <c r="F16270" s="1" t="s">
        <v>60569</v>
      </c>
      <c r="G16270" s="1" t="s">
        <v>60473</v>
      </c>
      <c r="H16270" s="1" t="s">
        <v>60474</v>
      </c>
      <c r="I16270" s="1" t="s">
        <v>53800</v>
      </c>
      <c r="J16270" s="1" t="s">
        <v>60570</v>
      </c>
    </row>
    <row r="16271" spans="1:10" x14ac:dyDescent="0.35">
      <c r="A16271" s="1" t="s">
        <v>50593</v>
      </c>
      <c r="B16271" s="1" t="s">
        <v>53796</v>
      </c>
      <c r="C16271" s="1" t="s">
        <v>8</v>
      </c>
      <c r="D16271" s="1" t="s">
        <v>60571</v>
      </c>
      <c r="E16271" s="1" t="s">
        <v>55227</v>
      </c>
      <c r="F16271" s="1" t="s">
        <v>60572</v>
      </c>
      <c r="G16271" s="1" t="s">
        <v>60573</v>
      </c>
      <c r="H16271" s="1" t="s">
        <v>60574</v>
      </c>
      <c r="I16271" s="1" t="s">
        <v>53800</v>
      </c>
      <c r="J16271" s="1" t="s">
        <v>13</v>
      </c>
    </row>
    <row r="16272" spans="1:10" x14ac:dyDescent="0.35">
      <c r="A16272" s="1" t="s">
        <v>50593</v>
      </c>
      <c r="B16272" s="1" t="s">
        <v>53796</v>
      </c>
      <c r="C16272" s="1" t="s">
        <v>15</v>
      </c>
      <c r="D16272" s="1" t="s">
        <v>60575</v>
      </c>
      <c r="E16272" s="1" t="s">
        <v>23129</v>
      </c>
      <c r="F16272" s="1" t="s">
        <v>60576</v>
      </c>
      <c r="G16272" s="1" t="s">
        <v>60573</v>
      </c>
      <c r="H16272" s="1" t="s">
        <v>60574</v>
      </c>
      <c r="I16272" s="1" t="s">
        <v>53800</v>
      </c>
      <c r="J16272" s="1" t="s">
        <v>60577</v>
      </c>
    </row>
    <row r="16273" spans="1:10" x14ac:dyDescent="0.35">
      <c r="A16273" s="1" t="s">
        <v>50593</v>
      </c>
      <c r="B16273" s="1" t="s">
        <v>53796</v>
      </c>
      <c r="C16273" s="1" t="s">
        <v>20</v>
      </c>
      <c r="D16273" s="1" t="s">
        <v>60578</v>
      </c>
      <c r="E16273" s="1" t="s">
        <v>12875</v>
      </c>
      <c r="F16273" s="1" t="s">
        <v>60579</v>
      </c>
      <c r="G16273" s="1" t="s">
        <v>60573</v>
      </c>
      <c r="H16273" s="1" t="s">
        <v>60574</v>
      </c>
      <c r="I16273" s="1" t="s">
        <v>53800</v>
      </c>
      <c r="J16273" s="1" t="s">
        <v>60580</v>
      </c>
    </row>
    <row r="16274" spans="1:10" x14ac:dyDescent="0.35">
      <c r="A16274" s="1" t="s">
        <v>50593</v>
      </c>
      <c r="B16274" s="1" t="s">
        <v>53796</v>
      </c>
      <c r="C16274" s="1" t="s">
        <v>25</v>
      </c>
      <c r="D16274" s="1" t="s">
        <v>60581</v>
      </c>
      <c r="E16274" s="1" t="s">
        <v>59008</v>
      </c>
      <c r="F16274" s="1" t="s">
        <v>60582</v>
      </c>
      <c r="G16274" s="1" t="s">
        <v>60573</v>
      </c>
      <c r="H16274" s="1" t="s">
        <v>60574</v>
      </c>
      <c r="I16274" s="1" t="s">
        <v>53800</v>
      </c>
      <c r="J16274" s="1" t="s">
        <v>60583</v>
      </c>
    </row>
    <row r="16275" spans="1:10" x14ac:dyDescent="0.35">
      <c r="A16275" s="1" t="s">
        <v>50593</v>
      </c>
      <c r="B16275" s="1" t="s">
        <v>53796</v>
      </c>
      <c r="C16275" s="1" t="s">
        <v>30</v>
      </c>
      <c r="D16275" s="1" t="s">
        <v>60584</v>
      </c>
      <c r="E16275" s="1" t="s">
        <v>12774</v>
      </c>
      <c r="F16275" s="1" t="s">
        <v>60585</v>
      </c>
      <c r="G16275" s="1" t="s">
        <v>60573</v>
      </c>
      <c r="H16275" s="1" t="s">
        <v>60574</v>
      </c>
      <c r="I16275" s="1" t="s">
        <v>53800</v>
      </c>
      <c r="J16275" s="1" t="s">
        <v>60586</v>
      </c>
    </row>
    <row r="16276" spans="1:10" x14ac:dyDescent="0.35">
      <c r="A16276" s="1" t="s">
        <v>50593</v>
      </c>
      <c r="B16276" s="1" t="s">
        <v>53796</v>
      </c>
      <c r="C16276" s="1" t="s">
        <v>35</v>
      </c>
      <c r="D16276" s="1" t="s">
        <v>60587</v>
      </c>
      <c r="E16276" s="1" t="s">
        <v>59813</v>
      </c>
      <c r="F16276" s="1" t="s">
        <v>60588</v>
      </c>
      <c r="G16276" s="1" t="s">
        <v>60573</v>
      </c>
      <c r="H16276" s="1" t="s">
        <v>60574</v>
      </c>
      <c r="I16276" s="1" t="s">
        <v>53800</v>
      </c>
      <c r="J16276" s="1" t="s">
        <v>60589</v>
      </c>
    </row>
    <row r="16277" spans="1:10" x14ac:dyDescent="0.35">
      <c r="A16277" s="1" t="s">
        <v>50593</v>
      </c>
      <c r="B16277" s="1" t="s">
        <v>53796</v>
      </c>
      <c r="C16277" s="1" t="s">
        <v>40</v>
      </c>
      <c r="D16277" s="1" t="s">
        <v>60590</v>
      </c>
      <c r="E16277" s="1" t="s">
        <v>60591</v>
      </c>
      <c r="F16277" s="1" t="s">
        <v>60592</v>
      </c>
      <c r="G16277" s="1" t="s">
        <v>60573</v>
      </c>
      <c r="H16277" s="1" t="s">
        <v>60574</v>
      </c>
      <c r="I16277" s="1" t="s">
        <v>53800</v>
      </c>
      <c r="J16277" s="1" t="s">
        <v>60593</v>
      </c>
    </row>
    <row r="16278" spans="1:10" x14ac:dyDescent="0.35">
      <c r="A16278" s="1" t="s">
        <v>50593</v>
      </c>
      <c r="B16278" s="1" t="s">
        <v>53796</v>
      </c>
      <c r="C16278" s="1" t="s">
        <v>45</v>
      </c>
      <c r="D16278" s="1" t="s">
        <v>60594</v>
      </c>
      <c r="E16278" s="1" t="s">
        <v>32347</v>
      </c>
      <c r="F16278" s="1" t="s">
        <v>60595</v>
      </c>
      <c r="G16278" s="1" t="s">
        <v>60573</v>
      </c>
      <c r="H16278" s="1" t="s">
        <v>60574</v>
      </c>
      <c r="I16278" s="1" t="s">
        <v>53800</v>
      </c>
      <c r="J16278" s="1" t="s">
        <v>60596</v>
      </c>
    </row>
    <row r="16279" spans="1:10" x14ac:dyDescent="0.35">
      <c r="A16279" s="1" t="s">
        <v>50593</v>
      </c>
      <c r="B16279" s="1" t="s">
        <v>53796</v>
      </c>
      <c r="C16279" s="1" t="s">
        <v>50</v>
      </c>
      <c r="D16279" s="1" t="s">
        <v>60597</v>
      </c>
      <c r="E16279" s="1" t="s">
        <v>12762</v>
      </c>
      <c r="F16279" s="1" t="s">
        <v>60598</v>
      </c>
      <c r="G16279" s="1" t="s">
        <v>60573</v>
      </c>
      <c r="H16279" s="1" t="s">
        <v>60574</v>
      </c>
      <c r="I16279" s="1" t="s">
        <v>53800</v>
      </c>
      <c r="J16279" s="1" t="s">
        <v>60599</v>
      </c>
    </row>
    <row r="16280" spans="1:10" x14ac:dyDescent="0.35">
      <c r="A16280" s="1" t="s">
        <v>50593</v>
      </c>
      <c r="B16280" s="1" t="s">
        <v>53796</v>
      </c>
      <c r="C16280" s="1" t="s">
        <v>55</v>
      </c>
      <c r="D16280" s="1" t="s">
        <v>60600</v>
      </c>
      <c r="E16280" s="1" t="s">
        <v>12868</v>
      </c>
      <c r="F16280" s="1" t="s">
        <v>60601</v>
      </c>
      <c r="G16280" s="1" t="s">
        <v>60573</v>
      </c>
      <c r="H16280" s="1" t="s">
        <v>60574</v>
      </c>
      <c r="I16280" s="1" t="s">
        <v>53800</v>
      </c>
      <c r="J16280" s="1" t="s">
        <v>60602</v>
      </c>
    </row>
    <row r="16281" spans="1:10" x14ac:dyDescent="0.35">
      <c r="A16281" s="1" t="s">
        <v>50593</v>
      </c>
      <c r="B16281" s="1" t="s">
        <v>53796</v>
      </c>
      <c r="C16281" s="1" t="s">
        <v>60</v>
      </c>
      <c r="D16281" s="1" t="s">
        <v>60603</v>
      </c>
      <c r="E16281" s="1" t="s">
        <v>58783</v>
      </c>
      <c r="F16281" s="1" t="s">
        <v>55466</v>
      </c>
      <c r="G16281" s="1" t="s">
        <v>60573</v>
      </c>
      <c r="H16281" s="1" t="s">
        <v>60574</v>
      </c>
      <c r="I16281" s="1" t="s">
        <v>53800</v>
      </c>
      <c r="J16281" s="1" t="s">
        <v>60604</v>
      </c>
    </row>
    <row r="16282" spans="1:10" x14ac:dyDescent="0.35">
      <c r="A16282" s="1" t="s">
        <v>50593</v>
      </c>
      <c r="B16282" s="1" t="s">
        <v>53796</v>
      </c>
      <c r="C16282" s="1" t="s">
        <v>65</v>
      </c>
      <c r="D16282" s="1" t="s">
        <v>60605</v>
      </c>
      <c r="E16282" s="1" t="s">
        <v>54624</v>
      </c>
      <c r="F16282" s="1" t="s">
        <v>60606</v>
      </c>
      <c r="G16282" s="1" t="s">
        <v>60573</v>
      </c>
      <c r="H16282" s="1" t="s">
        <v>60574</v>
      </c>
      <c r="I16282" s="1" t="s">
        <v>53800</v>
      </c>
      <c r="J16282" s="1" t="s">
        <v>60607</v>
      </c>
    </row>
    <row r="16283" spans="1:10" x14ac:dyDescent="0.35">
      <c r="A16283" s="1" t="s">
        <v>50593</v>
      </c>
      <c r="B16283" s="1" t="s">
        <v>53796</v>
      </c>
      <c r="C16283" s="1" t="s">
        <v>70</v>
      </c>
      <c r="D16283" s="1" t="s">
        <v>60608</v>
      </c>
      <c r="E16283" s="1" t="s">
        <v>21945</v>
      </c>
      <c r="F16283" s="1" t="s">
        <v>60609</v>
      </c>
      <c r="G16283" s="1" t="s">
        <v>60573</v>
      </c>
      <c r="H16283" s="1" t="s">
        <v>60574</v>
      </c>
      <c r="I16283" s="1" t="s">
        <v>53800</v>
      </c>
      <c r="J16283" s="1" t="s">
        <v>60610</v>
      </c>
    </row>
    <row r="16284" spans="1:10" x14ac:dyDescent="0.35">
      <c r="A16284" s="1" t="s">
        <v>50593</v>
      </c>
      <c r="B16284" s="1" t="s">
        <v>53796</v>
      </c>
      <c r="C16284" s="1" t="s">
        <v>75</v>
      </c>
      <c r="D16284" s="1" t="s">
        <v>4939</v>
      </c>
      <c r="E16284" s="1" t="s">
        <v>41316</v>
      </c>
      <c r="F16284" s="1" t="s">
        <v>60611</v>
      </c>
      <c r="G16284" s="1" t="s">
        <v>60573</v>
      </c>
      <c r="H16284" s="1" t="s">
        <v>60574</v>
      </c>
      <c r="I16284" s="1" t="s">
        <v>53800</v>
      </c>
      <c r="J16284" s="1" t="s">
        <v>60612</v>
      </c>
    </row>
    <row r="16285" spans="1:10" x14ac:dyDescent="0.35">
      <c r="A16285" s="1" t="s">
        <v>50593</v>
      </c>
      <c r="B16285" s="1" t="s">
        <v>53796</v>
      </c>
      <c r="C16285" s="1" t="s">
        <v>80</v>
      </c>
      <c r="D16285" s="1" t="s">
        <v>60613</v>
      </c>
      <c r="E16285" s="1" t="s">
        <v>12829</v>
      </c>
      <c r="F16285" s="1" t="s">
        <v>60614</v>
      </c>
      <c r="G16285" s="1" t="s">
        <v>60573</v>
      </c>
      <c r="H16285" s="1" t="s">
        <v>60574</v>
      </c>
      <c r="I16285" s="1" t="s">
        <v>53800</v>
      </c>
      <c r="J16285" s="1" t="s">
        <v>60615</v>
      </c>
    </row>
    <row r="16286" spans="1:10" x14ac:dyDescent="0.35">
      <c r="A16286" s="1" t="s">
        <v>50593</v>
      </c>
      <c r="B16286" s="1" t="s">
        <v>53796</v>
      </c>
      <c r="C16286" s="1" t="s">
        <v>85</v>
      </c>
      <c r="D16286" s="1" t="s">
        <v>60616</v>
      </c>
      <c r="E16286" s="1" t="s">
        <v>57912</v>
      </c>
      <c r="F16286" s="1" t="s">
        <v>60617</v>
      </c>
      <c r="G16286" s="1" t="s">
        <v>60573</v>
      </c>
      <c r="H16286" s="1" t="s">
        <v>60574</v>
      </c>
      <c r="I16286" s="1" t="s">
        <v>53800</v>
      </c>
      <c r="J16286" s="1" t="s">
        <v>60618</v>
      </c>
    </row>
    <row r="16287" spans="1:10" x14ac:dyDescent="0.35">
      <c r="A16287" s="1" t="s">
        <v>50593</v>
      </c>
      <c r="B16287" s="1" t="s">
        <v>53796</v>
      </c>
      <c r="C16287" s="1" t="s">
        <v>90</v>
      </c>
      <c r="D16287" s="1" t="s">
        <v>60619</v>
      </c>
      <c r="E16287" s="1" t="s">
        <v>58768</v>
      </c>
      <c r="F16287" s="1" t="s">
        <v>60620</v>
      </c>
      <c r="G16287" s="1" t="s">
        <v>60573</v>
      </c>
      <c r="H16287" s="1" t="s">
        <v>60574</v>
      </c>
      <c r="I16287" s="1" t="s">
        <v>53800</v>
      </c>
      <c r="J16287" s="1" t="s">
        <v>60621</v>
      </c>
    </row>
    <row r="16288" spans="1:10" x14ac:dyDescent="0.35">
      <c r="A16288" s="1" t="s">
        <v>50593</v>
      </c>
      <c r="B16288" s="1" t="s">
        <v>53796</v>
      </c>
      <c r="C16288" s="1" t="s">
        <v>95</v>
      </c>
      <c r="D16288" s="1" t="s">
        <v>60622</v>
      </c>
      <c r="E16288" s="1" t="s">
        <v>12809</v>
      </c>
      <c r="F16288" s="1" t="s">
        <v>60623</v>
      </c>
      <c r="G16288" s="1" t="s">
        <v>60573</v>
      </c>
      <c r="H16288" s="1" t="s">
        <v>60574</v>
      </c>
      <c r="I16288" s="1" t="s">
        <v>53800</v>
      </c>
      <c r="J16288" s="1" t="s">
        <v>60624</v>
      </c>
    </row>
    <row r="16289" spans="1:10" x14ac:dyDescent="0.35">
      <c r="A16289" s="1" t="s">
        <v>50593</v>
      </c>
      <c r="B16289" s="1" t="s">
        <v>53796</v>
      </c>
      <c r="C16289" s="1" t="s">
        <v>100</v>
      </c>
      <c r="D16289" s="1" t="s">
        <v>60625</v>
      </c>
      <c r="E16289" s="1" t="s">
        <v>56397</v>
      </c>
      <c r="F16289" s="1" t="s">
        <v>60626</v>
      </c>
      <c r="G16289" s="1" t="s">
        <v>60573</v>
      </c>
      <c r="H16289" s="1" t="s">
        <v>60574</v>
      </c>
      <c r="I16289" s="1" t="s">
        <v>53800</v>
      </c>
      <c r="J16289" s="1" t="s">
        <v>60627</v>
      </c>
    </row>
    <row r="16290" spans="1:10" x14ac:dyDescent="0.35">
      <c r="A16290" s="1" t="s">
        <v>50593</v>
      </c>
      <c r="B16290" s="1" t="s">
        <v>53796</v>
      </c>
      <c r="C16290" s="1" t="s">
        <v>105</v>
      </c>
      <c r="D16290" s="1" t="s">
        <v>60628</v>
      </c>
      <c r="E16290" s="1" t="s">
        <v>56221</v>
      </c>
      <c r="F16290" s="1" t="s">
        <v>60629</v>
      </c>
      <c r="G16290" s="1" t="s">
        <v>60573</v>
      </c>
      <c r="H16290" s="1" t="s">
        <v>60574</v>
      </c>
      <c r="I16290" s="1" t="s">
        <v>53800</v>
      </c>
      <c r="J16290" s="1" t="s">
        <v>60630</v>
      </c>
    </row>
    <row r="16291" spans="1:10" x14ac:dyDescent="0.35">
      <c r="A16291" s="1" t="s">
        <v>50593</v>
      </c>
      <c r="B16291" s="1" t="s">
        <v>53796</v>
      </c>
      <c r="C16291" s="1" t="s">
        <v>110</v>
      </c>
      <c r="D16291" s="1" t="s">
        <v>60631</v>
      </c>
      <c r="E16291" s="1" t="s">
        <v>60632</v>
      </c>
      <c r="F16291" s="1" t="s">
        <v>56943</v>
      </c>
      <c r="G16291" s="1" t="s">
        <v>60573</v>
      </c>
      <c r="H16291" s="1" t="s">
        <v>60574</v>
      </c>
      <c r="I16291" s="1" t="s">
        <v>53800</v>
      </c>
      <c r="J16291" s="1" t="s">
        <v>60633</v>
      </c>
    </row>
    <row r="16292" spans="1:10" x14ac:dyDescent="0.35">
      <c r="A16292" s="1" t="s">
        <v>50593</v>
      </c>
      <c r="B16292" s="1" t="s">
        <v>53796</v>
      </c>
      <c r="C16292" s="1" t="s">
        <v>115</v>
      </c>
      <c r="D16292" s="1" t="s">
        <v>60634</v>
      </c>
      <c r="E16292" s="1" t="s">
        <v>12790</v>
      </c>
      <c r="F16292" s="1" t="s">
        <v>55934</v>
      </c>
      <c r="G16292" s="1" t="s">
        <v>60573</v>
      </c>
      <c r="H16292" s="1" t="s">
        <v>60574</v>
      </c>
      <c r="I16292" s="1" t="s">
        <v>53800</v>
      </c>
      <c r="J16292" s="1" t="s">
        <v>60635</v>
      </c>
    </row>
    <row r="16293" spans="1:10" x14ac:dyDescent="0.35">
      <c r="A16293" s="1" t="s">
        <v>50593</v>
      </c>
      <c r="B16293" s="1" t="s">
        <v>53796</v>
      </c>
      <c r="C16293" s="1" t="s">
        <v>120</v>
      </c>
      <c r="D16293" s="1" t="s">
        <v>60636</v>
      </c>
      <c r="E16293" s="1" t="s">
        <v>56942</v>
      </c>
      <c r="F16293" s="1" t="s">
        <v>60637</v>
      </c>
      <c r="G16293" s="1" t="s">
        <v>60573</v>
      </c>
      <c r="H16293" s="1" t="s">
        <v>60574</v>
      </c>
      <c r="I16293" s="1" t="s">
        <v>53800</v>
      </c>
      <c r="J16293" s="1" t="s">
        <v>60638</v>
      </c>
    </row>
    <row r="16294" spans="1:10" x14ac:dyDescent="0.35">
      <c r="A16294" s="1" t="s">
        <v>50593</v>
      </c>
      <c r="B16294" s="1" t="s">
        <v>53796</v>
      </c>
      <c r="C16294" s="1" t="s">
        <v>125</v>
      </c>
      <c r="D16294" s="1" t="s">
        <v>60639</v>
      </c>
      <c r="E16294" s="1" t="s">
        <v>55113</v>
      </c>
      <c r="F16294" s="1" t="s">
        <v>60640</v>
      </c>
      <c r="G16294" s="1" t="s">
        <v>60573</v>
      </c>
      <c r="H16294" s="1" t="s">
        <v>60574</v>
      </c>
      <c r="I16294" s="1" t="s">
        <v>53800</v>
      </c>
      <c r="J16294" s="1" t="s">
        <v>60641</v>
      </c>
    </row>
    <row r="16295" spans="1:10" x14ac:dyDescent="0.35">
      <c r="A16295" s="1" t="s">
        <v>50593</v>
      </c>
      <c r="B16295" s="1" t="s">
        <v>53796</v>
      </c>
      <c r="C16295" s="1" t="s">
        <v>130</v>
      </c>
      <c r="D16295" s="1" t="s">
        <v>60642</v>
      </c>
      <c r="E16295" s="1" t="s">
        <v>15884</v>
      </c>
      <c r="F16295" s="1" t="s">
        <v>60643</v>
      </c>
      <c r="G16295" s="1" t="s">
        <v>60573</v>
      </c>
      <c r="H16295" s="1" t="s">
        <v>60574</v>
      </c>
      <c r="I16295" s="1" t="s">
        <v>53800</v>
      </c>
      <c r="J16295" s="1" t="s">
        <v>60644</v>
      </c>
    </row>
    <row r="16296" spans="1:10" x14ac:dyDescent="0.35">
      <c r="A16296" s="1" t="s">
        <v>50593</v>
      </c>
      <c r="B16296" s="1" t="s">
        <v>53796</v>
      </c>
      <c r="C16296" s="1" t="s">
        <v>135</v>
      </c>
      <c r="D16296" s="1" t="s">
        <v>17312</v>
      </c>
      <c r="E16296" s="1" t="s">
        <v>60645</v>
      </c>
      <c r="F16296" s="1" t="s">
        <v>60646</v>
      </c>
      <c r="G16296" s="1" t="s">
        <v>60573</v>
      </c>
      <c r="H16296" s="1" t="s">
        <v>60574</v>
      </c>
      <c r="I16296" s="1" t="s">
        <v>53800</v>
      </c>
      <c r="J16296" s="1" t="s">
        <v>60647</v>
      </c>
    </row>
    <row r="16297" spans="1:10" x14ac:dyDescent="0.35">
      <c r="A16297" s="1" t="s">
        <v>50593</v>
      </c>
      <c r="B16297" s="1" t="s">
        <v>53796</v>
      </c>
      <c r="C16297" s="1" t="s">
        <v>140</v>
      </c>
      <c r="D16297" s="1" t="s">
        <v>60648</v>
      </c>
      <c r="E16297" s="1" t="s">
        <v>56082</v>
      </c>
      <c r="F16297" s="1" t="s">
        <v>60649</v>
      </c>
      <c r="G16297" s="1" t="s">
        <v>60573</v>
      </c>
      <c r="H16297" s="1" t="s">
        <v>60574</v>
      </c>
      <c r="I16297" s="1" t="s">
        <v>53800</v>
      </c>
      <c r="J16297" s="1" t="s">
        <v>60650</v>
      </c>
    </row>
    <row r="16298" spans="1:10" x14ac:dyDescent="0.35">
      <c r="A16298" s="1" t="s">
        <v>50593</v>
      </c>
      <c r="B16298" s="1" t="s">
        <v>53796</v>
      </c>
      <c r="C16298" s="1" t="s">
        <v>145</v>
      </c>
      <c r="D16298" s="1" t="s">
        <v>60651</v>
      </c>
      <c r="E16298" s="1" t="s">
        <v>21970</v>
      </c>
      <c r="F16298" s="1" t="s">
        <v>60652</v>
      </c>
      <c r="G16298" s="1" t="s">
        <v>60573</v>
      </c>
      <c r="H16298" s="1" t="s">
        <v>60574</v>
      </c>
      <c r="I16298" s="1" t="s">
        <v>53800</v>
      </c>
      <c r="J16298" s="1" t="s">
        <v>60653</v>
      </c>
    </row>
    <row r="16299" spans="1:10" x14ac:dyDescent="0.35">
      <c r="A16299" s="1" t="s">
        <v>50593</v>
      </c>
      <c r="B16299" s="1" t="s">
        <v>53796</v>
      </c>
      <c r="C16299" s="1" t="s">
        <v>150</v>
      </c>
      <c r="D16299" s="1" t="s">
        <v>60654</v>
      </c>
      <c r="E16299" s="1" t="s">
        <v>12883</v>
      </c>
      <c r="F16299" s="1" t="s">
        <v>60655</v>
      </c>
      <c r="G16299" s="1" t="s">
        <v>60573</v>
      </c>
      <c r="H16299" s="1" t="s">
        <v>60574</v>
      </c>
      <c r="I16299" s="1" t="s">
        <v>53800</v>
      </c>
      <c r="J16299" s="1" t="s">
        <v>60656</v>
      </c>
    </row>
    <row r="16300" spans="1:10" x14ac:dyDescent="0.35">
      <c r="A16300" s="1" t="s">
        <v>50593</v>
      </c>
      <c r="B16300" s="1" t="s">
        <v>53796</v>
      </c>
      <c r="C16300" s="1" t="s">
        <v>155</v>
      </c>
      <c r="D16300" s="1" t="s">
        <v>60657</v>
      </c>
      <c r="E16300" s="1" t="s">
        <v>15903</v>
      </c>
      <c r="F16300" s="1" t="s">
        <v>60658</v>
      </c>
      <c r="G16300" s="1" t="s">
        <v>60573</v>
      </c>
      <c r="H16300" s="1" t="s">
        <v>60574</v>
      </c>
      <c r="I16300" s="1" t="s">
        <v>53800</v>
      </c>
      <c r="J16300" s="1" t="s">
        <v>60659</v>
      </c>
    </row>
    <row r="16301" spans="1:10" x14ac:dyDescent="0.35">
      <c r="A16301" s="1" t="s">
        <v>50593</v>
      </c>
      <c r="B16301" s="1" t="s">
        <v>53796</v>
      </c>
      <c r="C16301" s="1" t="s">
        <v>160</v>
      </c>
      <c r="D16301" s="1" t="s">
        <v>60660</v>
      </c>
      <c r="E16301" s="1" t="s">
        <v>15369</v>
      </c>
      <c r="F16301" s="1" t="s">
        <v>60661</v>
      </c>
      <c r="G16301" s="1" t="s">
        <v>60573</v>
      </c>
      <c r="H16301" s="1" t="s">
        <v>60574</v>
      </c>
      <c r="I16301" s="1" t="s">
        <v>53800</v>
      </c>
      <c r="J16301" s="1" t="s">
        <v>60662</v>
      </c>
    </row>
    <row r="16302" spans="1:10" x14ac:dyDescent="0.35">
      <c r="A16302" s="1" t="s">
        <v>50593</v>
      </c>
      <c r="B16302" s="1" t="s">
        <v>53796</v>
      </c>
      <c r="C16302" s="1" t="s">
        <v>165</v>
      </c>
      <c r="D16302" s="1" t="s">
        <v>60663</v>
      </c>
      <c r="E16302" s="1" t="s">
        <v>23160</v>
      </c>
      <c r="F16302" s="1" t="s">
        <v>60664</v>
      </c>
      <c r="G16302" s="1" t="s">
        <v>60573</v>
      </c>
      <c r="H16302" s="1" t="s">
        <v>60574</v>
      </c>
      <c r="I16302" s="1" t="s">
        <v>53800</v>
      </c>
      <c r="J16302" s="1" t="s">
        <v>60665</v>
      </c>
    </row>
    <row r="16303" spans="1:10" x14ac:dyDescent="0.35">
      <c r="A16303" s="1" t="s">
        <v>50593</v>
      </c>
      <c r="B16303" s="1" t="s">
        <v>53796</v>
      </c>
      <c r="C16303" s="1" t="s">
        <v>170</v>
      </c>
      <c r="D16303" s="1" t="s">
        <v>60666</v>
      </c>
      <c r="E16303" s="1" t="s">
        <v>23468</v>
      </c>
      <c r="F16303" s="1" t="s">
        <v>60667</v>
      </c>
      <c r="G16303" s="1" t="s">
        <v>60573</v>
      </c>
      <c r="H16303" s="1" t="s">
        <v>60574</v>
      </c>
      <c r="I16303" s="1" t="s">
        <v>53800</v>
      </c>
      <c r="J16303" s="1" t="s">
        <v>60668</v>
      </c>
    </row>
    <row r="16304" spans="1:10" x14ac:dyDescent="0.35">
      <c r="A16304" s="1" t="s">
        <v>60669</v>
      </c>
      <c r="B16304" s="1" t="s">
        <v>53796</v>
      </c>
      <c r="C16304" s="1" t="s">
        <v>8</v>
      </c>
      <c r="D16304" s="1" t="s">
        <v>60670</v>
      </c>
      <c r="E16304" s="1" t="s">
        <v>60671</v>
      </c>
      <c r="F16304" s="1" t="s">
        <v>60672</v>
      </c>
      <c r="G16304" s="1" t="s">
        <v>60673</v>
      </c>
      <c r="H16304" s="1" t="s">
        <v>60674</v>
      </c>
      <c r="I16304" s="1" t="s">
        <v>53800</v>
      </c>
      <c r="J16304" s="1" t="s">
        <v>13</v>
      </c>
    </row>
    <row r="16305" spans="1:10" x14ac:dyDescent="0.35">
      <c r="A16305" s="1" t="s">
        <v>60669</v>
      </c>
      <c r="B16305" s="1" t="s">
        <v>53796</v>
      </c>
      <c r="C16305" s="1" t="s">
        <v>15</v>
      </c>
      <c r="D16305" s="1" t="s">
        <v>60675</v>
      </c>
      <c r="E16305" s="1" t="s">
        <v>54066</v>
      </c>
      <c r="F16305" s="1" t="s">
        <v>56734</v>
      </c>
      <c r="G16305" s="1" t="s">
        <v>60673</v>
      </c>
      <c r="H16305" s="1" t="s">
        <v>60674</v>
      </c>
      <c r="I16305" s="1" t="s">
        <v>53800</v>
      </c>
      <c r="J16305" s="1" t="s">
        <v>60676</v>
      </c>
    </row>
    <row r="16306" spans="1:10" x14ac:dyDescent="0.35">
      <c r="A16306" s="1" t="s">
        <v>60669</v>
      </c>
      <c r="B16306" s="1" t="s">
        <v>53796</v>
      </c>
      <c r="C16306" s="1" t="s">
        <v>20</v>
      </c>
      <c r="D16306" s="1" t="s">
        <v>60677</v>
      </c>
      <c r="E16306" s="1" t="s">
        <v>41220</v>
      </c>
      <c r="F16306" s="1" t="s">
        <v>56029</v>
      </c>
      <c r="G16306" s="1" t="s">
        <v>60673</v>
      </c>
      <c r="H16306" s="1" t="s">
        <v>60674</v>
      </c>
      <c r="I16306" s="1" t="s">
        <v>53800</v>
      </c>
      <c r="J16306" s="1" t="s">
        <v>60678</v>
      </c>
    </row>
    <row r="16307" spans="1:10" x14ac:dyDescent="0.35">
      <c r="A16307" s="1" t="s">
        <v>60669</v>
      </c>
      <c r="B16307" s="1" t="s">
        <v>53796</v>
      </c>
      <c r="C16307" s="1" t="s">
        <v>25</v>
      </c>
      <c r="D16307" s="1" t="s">
        <v>60210</v>
      </c>
      <c r="E16307" s="1" t="s">
        <v>55869</v>
      </c>
      <c r="F16307" s="1" t="s">
        <v>60679</v>
      </c>
      <c r="G16307" s="1" t="s">
        <v>60673</v>
      </c>
      <c r="H16307" s="1" t="s">
        <v>60674</v>
      </c>
      <c r="I16307" s="1" t="s">
        <v>53800</v>
      </c>
      <c r="J16307" s="1" t="s">
        <v>60680</v>
      </c>
    </row>
    <row r="16308" spans="1:10" x14ac:dyDescent="0.35">
      <c r="A16308" s="1" t="s">
        <v>60669</v>
      </c>
      <c r="B16308" s="1" t="s">
        <v>53796</v>
      </c>
      <c r="C16308" s="1" t="s">
        <v>30</v>
      </c>
      <c r="D16308" s="1" t="s">
        <v>60681</v>
      </c>
      <c r="E16308" s="1" t="s">
        <v>54059</v>
      </c>
      <c r="F16308" s="1" t="s">
        <v>60682</v>
      </c>
      <c r="G16308" s="1" t="s">
        <v>60673</v>
      </c>
      <c r="H16308" s="1" t="s">
        <v>60674</v>
      </c>
      <c r="I16308" s="1" t="s">
        <v>53800</v>
      </c>
      <c r="J16308" s="1" t="s">
        <v>60683</v>
      </c>
    </row>
    <row r="16309" spans="1:10" x14ac:dyDescent="0.35">
      <c r="A16309" s="1" t="s">
        <v>60669</v>
      </c>
      <c r="B16309" s="1" t="s">
        <v>53796</v>
      </c>
      <c r="C16309" s="1" t="s">
        <v>35</v>
      </c>
      <c r="D16309" s="1" t="s">
        <v>60684</v>
      </c>
      <c r="E16309" s="1" t="s">
        <v>21952</v>
      </c>
      <c r="F16309" s="1" t="s">
        <v>58380</v>
      </c>
      <c r="G16309" s="1" t="s">
        <v>60673</v>
      </c>
      <c r="H16309" s="1" t="s">
        <v>60674</v>
      </c>
      <c r="I16309" s="1" t="s">
        <v>53800</v>
      </c>
      <c r="J16309" s="1" t="s">
        <v>60685</v>
      </c>
    </row>
    <row r="16310" spans="1:10" x14ac:dyDescent="0.35">
      <c r="A16310" s="1" t="s">
        <v>60669</v>
      </c>
      <c r="B16310" s="1" t="s">
        <v>53796</v>
      </c>
      <c r="C16310" s="1" t="s">
        <v>40</v>
      </c>
      <c r="D16310" s="1" t="s">
        <v>60686</v>
      </c>
      <c r="E16310" s="1" t="s">
        <v>60687</v>
      </c>
      <c r="F16310" s="1" t="s">
        <v>60688</v>
      </c>
      <c r="G16310" s="1" t="s">
        <v>60673</v>
      </c>
      <c r="H16310" s="1" t="s">
        <v>60674</v>
      </c>
      <c r="I16310" s="1" t="s">
        <v>53800</v>
      </c>
      <c r="J16310" s="1" t="s">
        <v>60689</v>
      </c>
    </row>
    <row r="16311" spans="1:10" x14ac:dyDescent="0.35">
      <c r="A16311" s="1" t="s">
        <v>60669</v>
      </c>
      <c r="B16311" s="1" t="s">
        <v>53796</v>
      </c>
      <c r="C16311" s="1" t="s">
        <v>45</v>
      </c>
      <c r="D16311" s="1" t="s">
        <v>60690</v>
      </c>
      <c r="E16311" s="1" t="s">
        <v>23425</v>
      </c>
      <c r="F16311" s="1" t="s">
        <v>54208</v>
      </c>
      <c r="G16311" s="1" t="s">
        <v>60673</v>
      </c>
      <c r="H16311" s="1" t="s">
        <v>60674</v>
      </c>
      <c r="I16311" s="1" t="s">
        <v>53800</v>
      </c>
      <c r="J16311" s="1" t="s">
        <v>60691</v>
      </c>
    </row>
    <row r="16312" spans="1:10" x14ac:dyDescent="0.35">
      <c r="A16312" s="1" t="s">
        <v>60669</v>
      </c>
      <c r="B16312" s="1" t="s">
        <v>53796</v>
      </c>
      <c r="C16312" s="1" t="s">
        <v>50</v>
      </c>
      <c r="D16312" s="1" t="s">
        <v>60692</v>
      </c>
      <c r="E16312" s="1" t="s">
        <v>15217</v>
      </c>
      <c r="F16312" s="1" t="s">
        <v>60693</v>
      </c>
      <c r="G16312" s="1" t="s">
        <v>60673</v>
      </c>
      <c r="H16312" s="1" t="s">
        <v>60674</v>
      </c>
      <c r="I16312" s="1" t="s">
        <v>53800</v>
      </c>
      <c r="J16312" s="1" t="s">
        <v>60694</v>
      </c>
    </row>
    <row r="16313" spans="1:10" x14ac:dyDescent="0.35">
      <c r="A16313" s="1" t="s">
        <v>60669</v>
      </c>
      <c r="B16313" s="1" t="s">
        <v>53796</v>
      </c>
      <c r="C16313" s="1" t="s">
        <v>55</v>
      </c>
      <c r="D16313" s="1" t="s">
        <v>60695</v>
      </c>
      <c r="E16313" s="1" t="s">
        <v>56846</v>
      </c>
      <c r="F16313" s="1" t="s">
        <v>60369</v>
      </c>
      <c r="G16313" s="1" t="s">
        <v>60673</v>
      </c>
      <c r="H16313" s="1" t="s">
        <v>60674</v>
      </c>
      <c r="I16313" s="1" t="s">
        <v>53800</v>
      </c>
      <c r="J16313" s="1" t="s">
        <v>60696</v>
      </c>
    </row>
    <row r="16314" spans="1:10" x14ac:dyDescent="0.35">
      <c r="A16314" s="1" t="s">
        <v>60669</v>
      </c>
      <c r="B16314" s="1" t="s">
        <v>53796</v>
      </c>
      <c r="C16314" s="1" t="s">
        <v>60</v>
      </c>
      <c r="D16314" s="1" t="s">
        <v>60697</v>
      </c>
      <c r="E16314" s="1" t="s">
        <v>56202</v>
      </c>
      <c r="F16314" s="1" t="s">
        <v>60698</v>
      </c>
      <c r="G16314" s="1" t="s">
        <v>60673</v>
      </c>
      <c r="H16314" s="1" t="s">
        <v>60674</v>
      </c>
      <c r="I16314" s="1" t="s">
        <v>53800</v>
      </c>
      <c r="J16314" s="1" t="s">
        <v>60699</v>
      </c>
    </row>
    <row r="16315" spans="1:10" x14ac:dyDescent="0.35">
      <c r="A16315" s="1" t="s">
        <v>60669</v>
      </c>
      <c r="B16315" s="1" t="s">
        <v>53796</v>
      </c>
      <c r="C16315" s="1" t="s">
        <v>65</v>
      </c>
      <c r="D16315" s="1" t="s">
        <v>60700</v>
      </c>
      <c r="E16315" s="1" t="s">
        <v>21865</v>
      </c>
      <c r="F16315" s="1" t="s">
        <v>52469</v>
      </c>
      <c r="G16315" s="1" t="s">
        <v>60673</v>
      </c>
      <c r="H16315" s="1" t="s">
        <v>60674</v>
      </c>
      <c r="I16315" s="1" t="s">
        <v>53800</v>
      </c>
      <c r="J16315" s="1" t="s">
        <v>60701</v>
      </c>
    </row>
    <row r="16316" spans="1:10" x14ac:dyDescent="0.35">
      <c r="A16316" s="1" t="s">
        <v>60669</v>
      </c>
      <c r="B16316" s="1" t="s">
        <v>53796</v>
      </c>
      <c r="C16316" s="1" t="s">
        <v>70</v>
      </c>
      <c r="D16316" s="1" t="s">
        <v>60702</v>
      </c>
      <c r="E16316" s="1" t="s">
        <v>41298</v>
      </c>
      <c r="F16316" s="1" t="s">
        <v>58518</v>
      </c>
      <c r="G16316" s="1" t="s">
        <v>60673</v>
      </c>
      <c r="H16316" s="1" t="s">
        <v>60674</v>
      </c>
      <c r="I16316" s="1" t="s">
        <v>53800</v>
      </c>
      <c r="J16316" s="1" t="s">
        <v>60703</v>
      </c>
    </row>
    <row r="16317" spans="1:10" x14ac:dyDescent="0.35">
      <c r="A16317" s="1" t="s">
        <v>60669</v>
      </c>
      <c r="B16317" s="1" t="s">
        <v>53796</v>
      </c>
      <c r="C16317" s="1" t="s">
        <v>75</v>
      </c>
      <c r="D16317" s="1" t="s">
        <v>60704</v>
      </c>
      <c r="E16317" s="1" t="s">
        <v>60705</v>
      </c>
      <c r="F16317" s="1" t="s">
        <v>60706</v>
      </c>
      <c r="G16317" s="1" t="s">
        <v>60673</v>
      </c>
      <c r="H16317" s="1" t="s">
        <v>60674</v>
      </c>
      <c r="I16317" s="1" t="s">
        <v>53800</v>
      </c>
      <c r="J16317" s="1" t="s">
        <v>60707</v>
      </c>
    </row>
    <row r="16318" spans="1:10" x14ac:dyDescent="0.35">
      <c r="A16318" s="1" t="s">
        <v>60669</v>
      </c>
      <c r="B16318" s="1" t="s">
        <v>53796</v>
      </c>
      <c r="C16318" s="1" t="s">
        <v>80</v>
      </c>
      <c r="D16318" s="1" t="s">
        <v>60708</v>
      </c>
      <c r="E16318" s="1" t="s">
        <v>41442</v>
      </c>
      <c r="F16318" s="1" t="s">
        <v>60709</v>
      </c>
      <c r="G16318" s="1" t="s">
        <v>60673</v>
      </c>
      <c r="H16318" s="1" t="s">
        <v>60674</v>
      </c>
      <c r="I16318" s="1" t="s">
        <v>53800</v>
      </c>
      <c r="J16318" s="1" t="s">
        <v>60710</v>
      </c>
    </row>
    <row r="16319" spans="1:10" x14ac:dyDescent="0.35">
      <c r="A16319" s="1" t="s">
        <v>60669</v>
      </c>
      <c r="B16319" s="1" t="s">
        <v>53796</v>
      </c>
      <c r="C16319" s="1" t="s">
        <v>85</v>
      </c>
      <c r="D16319" s="1" t="s">
        <v>60711</v>
      </c>
      <c r="E16319" s="1" t="s">
        <v>41338</v>
      </c>
      <c r="F16319" s="1" t="s">
        <v>60712</v>
      </c>
      <c r="G16319" s="1" t="s">
        <v>60673</v>
      </c>
      <c r="H16319" s="1" t="s">
        <v>60674</v>
      </c>
      <c r="I16319" s="1" t="s">
        <v>53800</v>
      </c>
      <c r="J16319" s="1" t="s">
        <v>60713</v>
      </c>
    </row>
    <row r="16320" spans="1:10" x14ac:dyDescent="0.35">
      <c r="A16320" s="1" t="s">
        <v>60669</v>
      </c>
      <c r="B16320" s="1" t="s">
        <v>53796</v>
      </c>
      <c r="C16320" s="1" t="s">
        <v>90</v>
      </c>
      <c r="D16320" s="1" t="s">
        <v>60714</v>
      </c>
      <c r="E16320" s="1" t="s">
        <v>23232</v>
      </c>
      <c r="F16320" s="1" t="s">
        <v>60715</v>
      </c>
      <c r="G16320" s="1" t="s">
        <v>60673</v>
      </c>
      <c r="H16320" s="1" t="s">
        <v>60674</v>
      </c>
      <c r="I16320" s="1" t="s">
        <v>53800</v>
      </c>
      <c r="J16320" s="1" t="s">
        <v>60716</v>
      </c>
    </row>
    <row r="16321" spans="1:10" x14ac:dyDescent="0.35">
      <c r="A16321" s="1" t="s">
        <v>60669</v>
      </c>
      <c r="B16321" s="1" t="s">
        <v>53796</v>
      </c>
      <c r="C16321" s="1" t="s">
        <v>95</v>
      </c>
      <c r="D16321" s="1" t="s">
        <v>19911</v>
      </c>
      <c r="E16321" s="1" t="s">
        <v>31394</v>
      </c>
      <c r="F16321" s="1" t="s">
        <v>60717</v>
      </c>
      <c r="G16321" s="1" t="s">
        <v>60673</v>
      </c>
      <c r="H16321" s="1" t="s">
        <v>60674</v>
      </c>
      <c r="I16321" s="1" t="s">
        <v>53800</v>
      </c>
      <c r="J16321" s="1" t="s">
        <v>60718</v>
      </c>
    </row>
    <row r="16322" spans="1:10" x14ac:dyDescent="0.35">
      <c r="A16322" s="1" t="s">
        <v>60669</v>
      </c>
      <c r="B16322" s="1" t="s">
        <v>53796</v>
      </c>
      <c r="C16322" s="1" t="s">
        <v>100</v>
      </c>
      <c r="D16322" s="1" t="s">
        <v>40414</v>
      </c>
      <c r="E16322" s="1" t="s">
        <v>54046</v>
      </c>
      <c r="F16322" s="1" t="s">
        <v>60719</v>
      </c>
      <c r="G16322" s="1" t="s">
        <v>60673</v>
      </c>
      <c r="H16322" s="1" t="s">
        <v>60674</v>
      </c>
      <c r="I16322" s="1" t="s">
        <v>53800</v>
      </c>
      <c r="J16322" s="1" t="s">
        <v>60720</v>
      </c>
    </row>
    <row r="16323" spans="1:10" x14ac:dyDescent="0.35">
      <c r="A16323" s="1" t="s">
        <v>60669</v>
      </c>
      <c r="B16323" s="1" t="s">
        <v>53796</v>
      </c>
      <c r="C16323" s="1" t="s">
        <v>105</v>
      </c>
      <c r="D16323" s="1" t="s">
        <v>60721</v>
      </c>
      <c r="E16323" s="1" t="s">
        <v>24377</v>
      </c>
      <c r="F16323" s="1" t="s">
        <v>60637</v>
      </c>
      <c r="G16323" s="1" t="s">
        <v>60673</v>
      </c>
      <c r="H16323" s="1" t="s">
        <v>60674</v>
      </c>
      <c r="I16323" s="1" t="s">
        <v>53800</v>
      </c>
      <c r="J16323" s="1" t="s">
        <v>60722</v>
      </c>
    </row>
    <row r="16324" spans="1:10" x14ac:dyDescent="0.35">
      <c r="A16324" s="1" t="s">
        <v>60669</v>
      </c>
      <c r="B16324" s="1" t="s">
        <v>53796</v>
      </c>
      <c r="C16324" s="1" t="s">
        <v>110</v>
      </c>
      <c r="D16324" s="1" t="s">
        <v>60723</v>
      </c>
      <c r="E16324" s="1" t="s">
        <v>60724</v>
      </c>
      <c r="F16324" s="1" t="s">
        <v>32073</v>
      </c>
      <c r="G16324" s="1" t="s">
        <v>60673</v>
      </c>
      <c r="H16324" s="1" t="s">
        <v>60674</v>
      </c>
      <c r="I16324" s="1" t="s">
        <v>53800</v>
      </c>
      <c r="J16324" s="1" t="s">
        <v>60725</v>
      </c>
    </row>
    <row r="16325" spans="1:10" x14ac:dyDescent="0.35">
      <c r="A16325" s="1" t="s">
        <v>60669</v>
      </c>
      <c r="B16325" s="1" t="s">
        <v>53796</v>
      </c>
      <c r="C16325" s="1" t="s">
        <v>115</v>
      </c>
      <c r="D16325" s="1" t="s">
        <v>60726</v>
      </c>
      <c r="E16325" s="1" t="s">
        <v>54197</v>
      </c>
      <c r="F16325" s="1" t="s">
        <v>60727</v>
      </c>
      <c r="G16325" s="1" t="s">
        <v>60673</v>
      </c>
      <c r="H16325" s="1" t="s">
        <v>60674</v>
      </c>
      <c r="I16325" s="1" t="s">
        <v>53800</v>
      </c>
      <c r="J16325" s="1" t="s">
        <v>60728</v>
      </c>
    </row>
    <row r="16326" spans="1:10" x14ac:dyDescent="0.35">
      <c r="A16326" s="1" t="s">
        <v>60669</v>
      </c>
      <c r="B16326" s="1" t="s">
        <v>53796</v>
      </c>
      <c r="C16326" s="1" t="s">
        <v>120</v>
      </c>
      <c r="D16326" s="1" t="s">
        <v>60729</v>
      </c>
      <c r="E16326" s="1" t="s">
        <v>24359</v>
      </c>
      <c r="F16326" s="1" t="s">
        <v>60730</v>
      </c>
      <c r="G16326" s="1" t="s">
        <v>60673</v>
      </c>
      <c r="H16326" s="1" t="s">
        <v>60674</v>
      </c>
      <c r="I16326" s="1" t="s">
        <v>53800</v>
      </c>
      <c r="J16326" s="1" t="s">
        <v>60731</v>
      </c>
    </row>
    <row r="16327" spans="1:10" x14ac:dyDescent="0.35">
      <c r="A16327" s="1" t="s">
        <v>60669</v>
      </c>
      <c r="B16327" s="1" t="s">
        <v>53796</v>
      </c>
      <c r="C16327" s="1" t="s">
        <v>125</v>
      </c>
      <c r="D16327" s="1" t="s">
        <v>60732</v>
      </c>
      <c r="E16327" s="1" t="s">
        <v>60733</v>
      </c>
      <c r="F16327" s="1" t="s">
        <v>60734</v>
      </c>
      <c r="G16327" s="1" t="s">
        <v>60673</v>
      </c>
      <c r="H16327" s="1" t="s">
        <v>60674</v>
      </c>
      <c r="I16327" s="1" t="s">
        <v>53800</v>
      </c>
      <c r="J16327" s="1" t="s">
        <v>60735</v>
      </c>
    </row>
    <row r="16328" spans="1:10" x14ac:dyDescent="0.35">
      <c r="A16328" s="1" t="s">
        <v>60669</v>
      </c>
      <c r="B16328" s="1" t="s">
        <v>53796</v>
      </c>
      <c r="C16328" s="1" t="s">
        <v>130</v>
      </c>
      <c r="D16328" s="1" t="s">
        <v>60736</v>
      </c>
      <c r="E16328" s="1" t="s">
        <v>31510</v>
      </c>
      <c r="F16328" s="1" t="s">
        <v>60737</v>
      </c>
      <c r="G16328" s="1" t="s">
        <v>60673</v>
      </c>
      <c r="H16328" s="1" t="s">
        <v>60674</v>
      </c>
      <c r="I16328" s="1" t="s">
        <v>53800</v>
      </c>
      <c r="J16328" s="1" t="s">
        <v>60738</v>
      </c>
    </row>
    <row r="16329" spans="1:10" x14ac:dyDescent="0.35">
      <c r="A16329" s="1" t="s">
        <v>60669</v>
      </c>
      <c r="B16329" s="1" t="s">
        <v>53796</v>
      </c>
      <c r="C16329" s="1" t="s">
        <v>135</v>
      </c>
      <c r="D16329" s="1" t="s">
        <v>60739</v>
      </c>
      <c r="E16329" s="1" t="s">
        <v>60740</v>
      </c>
      <c r="F16329" s="1" t="s">
        <v>60741</v>
      </c>
      <c r="G16329" s="1" t="s">
        <v>60673</v>
      </c>
      <c r="H16329" s="1" t="s">
        <v>60674</v>
      </c>
      <c r="I16329" s="1" t="s">
        <v>53800</v>
      </c>
      <c r="J16329" s="1" t="s">
        <v>60742</v>
      </c>
    </row>
    <row r="16330" spans="1:10" x14ac:dyDescent="0.35">
      <c r="A16330" s="1" t="s">
        <v>60669</v>
      </c>
      <c r="B16330" s="1" t="s">
        <v>53796</v>
      </c>
      <c r="C16330" s="1" t="s">
        <v>140</v>
      </c>
      <c r="D16330" s="1" t="s">
        <v>60743</v>
      </c>
      <c r="E16330" s="1" t="s">
        <v>57237</v>
      </c>
      <c r="F16330" s="1" t="s">
        <v>60744</v>
      </c>
      <c r="G16330" s="1" t="s">
        <v>60673</v>
      </c>
      <c r="H16330" s="1" t="s">
        <v>60674</v>
      </c>
      <c r="I16330" s="1" t="s">
        <v>53800</v>
      </c>
      <c r="J16330" s="1" t="s">
        <v>60745</v>
      </c>
    </row>
    <row r="16331" spans="1:10" x14ac:dyDescent="0.35">
      <c r="A16331" s="1" t="s">
        <v>60669</v>
      </c>
      <c r="B16331" s="1" t="s">
        <v>53796</v>
      </c>
      <c r="C16331" s="1" t="s">
        <v>145</v>
      </c>
      <c r="D16331" s="1" t="s">
        <v>60746</v>
      </c>
      <c r="E16331" s="1" t="s">
        <v>15214</v>
      </c>
      <c r="F16331" s="1" t="s">
        <v>60747</v>
      </c>
      <c r="G16331" s="1" t="s">
        <v>60673</v>
      </c>
      <c r="H16331" s="1" t="s">
        <v>60674</v>
      </c>
      <c r="I16331" s="1" t="s">
        <v>53800</v>
      </c>
      <c r="J16331" s="1" t="s">
        <v>60748</v>
      </c>
    </row>
    <row r="16332" spans="1:10" x14ac:dyDescent="0.35">
      <c r="A16332" s="1" t="s">
        <v>60669</v>
      </c>
      <c r="B16332" s="1" t="s">
        <v>53796</v>
      </c>
      <c r="C16332" s="1" t="s">
        <v>150</v>
      </c>
      <c r="D16332" s="1" t="s">
        <v>60749</v>
      </c>
      <c r="E16332" s="1" t="s">
        <v>27137</v>
      </c>
      <c r="F16332" s="1" t="s">
        <v>24233</v>
      </c>
      <c r="G16332" s="1" t="s">
        <v>60673</v>
      </c>
      <c r="H16332" s="1" t="s">
        <v>60674</v>
      </c>
      <c r="I16332" s="1" t="s">
        <v>53800</v>
      </c>
      <c r="J16332" s="1" t="s">
        <v>60750</v>
      </c>
    </row>
    <row r="16333" spans="1:10" x14ac:dyDescent="0.35">
      <c r="A16333" s="1" t="s">
        <v>60669</v>
      </c>
      <c r="B16333" s="1" t="s">
        <v>53796</v>
      </c>
      <c r="C16333" s="1" t="s">
        <v>155</v>
      </c>
      <c r="D16333" s="1" t="s">
        <v>60751</v>
      </c>
      <c r="E16333" s="1" t="s">
        <v>60752</v>
      </c>
      <c r="F16333" s="1" t="s">
        <v>60753</v>
      </c>
      <c r="G16333" s="1" t="s">
        <v>60673</v>
      </c>
      <c r="H16333" s="1" t="s">
        <v>60674</v>
      </c>
      <c r="I16333" s="1" t="s">
        <v>53800</v>
      </c>
      <c r="J16333" s="1" t="s">
        <v>60754</v>
      </c>
    </row>
    <row r="16334" spans="1:10" x14ac:dyDescent="0.35">
      <c r="A16334" s="1" t="s">
        <v>60669</v>
      </c>
      <c r="B16334" s="1" t="s">
        <v>53796</v>
      </c>
      <c r="C16334" s="1" t="s">
        <v>160</v>
      </c>
      <c r="D16334" s="1" t="s">
        <v>60755</v>
      </c>
      <c r="E16334" s="1" t="s">
        <v>23468</v>
      </c>
      <c r="F16334" s="1" t="s">
        <v>56322</v>
      </c>
      <c r="G16334" s="1" t="s">
        <v>60673</v>
      </c>
      <c r="H16334" s="1" t="s">
        <v>60674</v>
      </c>
      <c r="I16334" s="1" t="s">
        <v>53800</v>
      </c>
      <c r="J16334" s="1" t="s">
        <v>60756</v>
      </c>
    </row>
    <row r="16335" spans="1:10" x14ac:dyDescent="0.35">
      <c r="A16335" s="1" t="s">
        <v>60669</v>
      </c>
      <c r="B16335" s="1" t="s">
        <v>53796</v>
      </c>
      <c r="C16335" s="1" t="s">
        <v>165</v>
      </c>
      <c r="D16335" s="1" t="s">
        <v>60757</v>
      </c>
      <c r="E16335" s="1" t="s">
        <v>54751</v>
      </c>
      <c r="F16335" s="1" t="s">
        <v>60758</v>
      </c>
      <c r="G16335" s="1" t="s">
        <v>60673</v>
      </c>
      <c r="H16335" s="1" t="s">
        <v>60674</v>
      </c>
      <c r="I16335" s="1" t="s">
        <v>53800</v>
      </c>
      <c r="J16335" s="1" t="s">
        <v>60759</v>
      </c>
    </row>
    <row r="16336" spans="1:10" x14ac:dyDescent="0.35">
      <c r="A16336" s="1" t="s">
        <v>60669</v>
      </c>
      <c r="B16336" s="1" t="s">
        <v>53796</v>
      </c>
      <c r="C16336" s="1" t="s">
        <v>170</v>
      </c>
      <c r="D16336" s="1" t="s">
        <v>60760</v>
      </c>
      <c r="E16336" s="1" t="s">
        <v>54118</v>
      </c>
      <c r="F16336" s="1" t="s">
        <v>60761</v>
      </c>
      <c r="G16336" s="1" t="s">
        <v>60673</v>
      </c>
      <c r="H16336" s="1" t="s">
        <v>60674</v>
      </c>
      <c r="I16336" s="1" t="s">
        <v>53800</v>
      </c>
      <c r="J16336" s="1" t="s">
        <v>60762</v>
      </c>
    </row>
    <row r="16337" spans="1:10" x14ac:dyDescent="0.35">
      <c r="A16337" s="1" t="s">
        <v>60763</v>
      </c>
      <c r="B16337" s="1" t="s">
        <v>53796</v>
      </c>
      <c r="C16337" s="1" t="s">
        <v>8</v>
      </c>
      <c r="D16337" s="1" t="s">
        <v>60764</v>
      </c>
      <c r="E16337" s="1" t="s">
        <v>15392</v>
      </c>
      <c r="F16337" s="1" t="s">
        <v>57859</v>
      </c>
      <c r="G16337" s="1" t="s">
        <v>60765</v>
      </c>
      <c r="H16337" s="1" t="s">
        <v>60766</v>
      </c>
      <c r="I16337" s="1" t="s">
        <v>53800</v>
      </c>
      <c r="J16337" s="1" t="s">
        <v>13</v>
      </c>
    </row>
    <row r="16338" spans="1:10" x14ac:dyDescent="0.35">
      <c r="A16338" s="1" t="s">
        <v>60763</v>
      </c>
      <c r="B16338" s="1" t="s">
        <v>53796</v>
      </c>
      <c r="C16338" s="1" t="s">
        <v>15</v>
      </c>
      <c r="D16338" s="1" t="s">
        <v>22387</v>
      </c>
      <c r="E16338" s="1" t="s">
        <v>60767</v>
      </c>
      <c r="F16338" s="1" t="s">
        <v>60768</v>
      </c>
      <c r="G16338" s="1" t="s">
        <v>60765</v>
      </c>
      <c r="H16338" s="1" t="s">
        <v>60766</v>
      </c>
      <c r="I16338" s="1" t="s">
        <v>53800</v>
      </c>
      <c r="J16338" s="1" t="s">
        <v>60769</v>
      </c>
    </row>
    <row r="16339" spans="1:10" x14ac:dyDescent="0.35">
      <c r="A16339" s="1" t="s">
        <v>60763</v>
      </c>
      <c r="B16339" s="1" t="s">
        <v>53796</v>
      </c>
      <c r="C16339" s="1" t="s">
        <v>20</v>
      </c>
      <c r="D16339" s="1" t="s">
        <v>60770</v>
      </c>
      <c r="E16339" s="1" t="s">
        <v>15392</v>
      </c>
      <c r="F16339" s="1" t="s">
        <v>60771</v>
      </c>
      <c r="G16339" s="1" t="s">
        <v>60765</v>
      </c>
      <c r="H16339" s="1" t="s">
        <v>60766</v>
      </c>
      <c r="I16339" s="1" t="s">
        <v>53800</v>
      </c>
      <c r="J16339" s="1" t="s">
        <v>60772</v>
      </c>
    </row>
    <row r="16340" spans="1:10" x14ac:dyDescent="0.35">
      <c r="A16340" s="1" t="s">
        <v>60763</v>
      </c>
      <c r="B16340" s="1" t="s">
        <v>53796</v>
      </c>
      <c r="C16340" s="1" t="s">
        <v>25</v>
      </c>
      <c r="D16340" s="1" t="s">
        <v>32296</v>
      </c>
      <c r="E16340" s="1" t="s">
        <v>15228</v>
      </c>
      <c r="F16340" s="1" t="s">
        <v>60773</v>
      </c>
      <c r="G16340" s="1" t="s">
        <v>60765</v>
      </c>
      <c r="H16340" s="1" t="s">
        <v>60766</v>
      </c>
      <c r="I16340" s="1" t="s">
        <v>53800</v>
      </c>
      <c r="J16340" s="1" t="s">
        <v>60774</v>
      </c>
    </row>
    <row r="16341" spans="1:10" x14ac:dyDescent="0.35">
      <c r="A16341" s="1" t="s">
        <v>60763</v>
      </c>
      <c r="B16341" s="1" t="s">
        <v>53796</v>
      </c>
      <c r="C16341" s="1" t="s">
        <v>30</v>
      </c>
      <c r="D16341" s="1" t="s">
        <v>60775</v>
      </c>
      <c r="E16341" s="1" t="s">
        <v>15884</v>
      </c>
      <c r="F16341" s="1" t="s">
        <v>60776</v>
      </c>
      <c r="G16341" s="1" t="s">
        <v>60765</v>
      </c>
      <c r="H16341" s="1" t="s">
        <v>60766</v>
      </c>
      <c r="I16341" s="1" t="s">
        <v>53800</v>
      </c>
      <c r="J16341" s="1" t="s">
        <v>60777</v>
      </c>
    </row>
    <row r="16342" spans="1:10" x14ac:dyDescent="0.35">
      <c r="A16342" s="1" t="s">
        <v>60763</v>
      </c>
      <c r="B16342" s="1" t="s">
        <v>53796</v>
      </c>
      <c r="C16342" s="1" t="s">
        <v>35</v>
      </c>
      <c r="D16342" s="1" t="s">
        <v>60778</v>
      </c>
      <c r="E16342" s="1" t="s">
        <v>21841</v>
      </c>
      <c r="F16342" s="1" t="s">
        <v>60387</v>
      </c>
      <c r="G16342" s="1" t="s">
        <v>60765</v>
      </c>
      <c r="H16342" s="1" t="s">
        <v>60766</v>
      </c>
      <c r="I16342" s="1" t="s">
        <v>53800</v>
      </c>
      <c r="J16342" s="1" t="s">
        <v>60779</v>
      </c>
    </row>
    <row r="16343" spans="1:10" x14ac:dyDescent="0.35">
      <c r="A16343" s="1" t="s">
        <v>60763</v>
      </c>
      <c r="B16343" s="1" t="s">
        <v>53796</v>
      </c>
      <c r="C16343" s="1" t="s">
        <v>40</v>
      </c>
      <c r="D16343" s="1" t="s">
        <v>60780</v>
      </c>
      <c r="E16343" s="1" t="s">
        <v>22018</v>
      </c>
      <c r="F16343" s="1" t="s">
        <v>60781</v>
      </c>
      <c r="G16343" s="1" t="s">
        <v>60765</v>
      </c>
      <c r="H16343" s="1" t="s">
        <v>60766</v>
      </c>
      <c r="I16343" s="1" t="s">
        <v>53800</v>
      </c>
      <c r="J16343" s="1" t="s">
        <v>60782</v>
      </c>
    </row>
    <row r="16344" spans="1:10" x14ac:dyDescent="0.35">
      <c r="A16344" s="1" t="s">
        <v>60763</v>
      </c>
      <c r="B16344" s="1" t="s">
        <v>53796</v>
      </c>
      <c r="C16344" s="1" t="s">
        <v>45</v>
      </c>
      <c r="D16344" s="1" t="s">
        <v>60783</v>
      </c>
      <c r="E16344" s="1" t="s">
        <v>59078</v>
      </c>
      <c r="F16344" s="1" t="s">
        <v>60784</v>
      </c>
      <c r="G16344" s="1" t="s">
        <v>60765</v>
      </c>
      <c r="H16344" s="1" t="s">
        <v>60766</v>
      </c>
      <c r="I16344" s="1" t="s">
        <v>53800</v>
      </c>
      <c r="J16344" s="1" t="s">
        <v>60785</v>
      </c>
    </row>
    <row r="16345" spans="1:10" x14ac:dyDescent="0.35">
      <c r="A16345" s="1" t="s">
        <v>60763</v>
      </c>
      <c r="B16345" s="1" t="s">
        <v>53796</v>
      </c>
      <c r="C16345" s="1" t="s">
        <v>50</v>
      </c>
      <c r="D16345" s="1" t="s">
        <v>39737</v>
      </c>
      <c r="E16345" s="1" t="s">
        <v>15361</v>
      </c>
      <c r="F16345" s="1" t="s">
        <v>60786</v>
      </c>
      <c r="G16345" s="1" t="s">
        <v>60765</v>
      </c>
      <c r="H16345" s="1" t="s">
        <v>60766</v>
      </c>
      <c r="I16345" s="1" t="s">
        <v>53800</v>
      </c>
      <c r="J16345" s="1" t="s">
        <v>60787</v>
      </c>
    </row>
    <row r="16346" spans="1:10" x14ac:dyDescent="0.35">
      <c r="A16346" s="1" t="s">
        <v>60763</v>
      </c>
      <c r="B16346" s="1" t="s">
        <v>53796</v>
      </c>
      <c r="C16346" s="1" t="s">
        <v>55</v>
      </c>
      <c r="D16346" s="1" t="s">
        <v>60788</v>
      </c>
      <c r="E16346" s="1" t="s">
        <v>22335</v>
      </c>
      <c r="F16346" s="1" t="s">
        <v>60789</v>
      </c>
      <c r="G16346" s="1" t="s">
        <v>60765</v>
      </c>
      <c r="H16346" s="1" t="s">
        <v>60766</v>
      </c>
      <c r="I16346" s="1" t="s">
        <v>53800</v>
      </c>
      <c r="J16346" s="1" t="s">
        <v>60790</v>
      </c>
    </row>
    <row r="16347" spans="1:10" x14ac:dyDescent="0.35">
      <c r="A16347" s="1" t="s">
        <v>60763</v>
      </c>
      <c r="B16347" s="1" t="s">
        <v>53796</v>
      </c>
      <c r="C16347" s="1" t="s">
        <v>60</v>
      </c>
      <c r="D16347" s="1" t="s">
        <v>60791</v>
      </c>
      <c r="E16347" s="1" t="s">
        <v>26198</v>
      </c>
      <c r="F16347" s="1" t="s">
        <v>60792</v>
      </c>
      <c r="G16347" s="1" t="s">
        <v>60765</v>
      </c>
      <c r="H16347" s="1" t="s">
        <v>60766</v>
      </c>
      <c r="I16347" s="1" t="s">
        <v>53800</v>
      </c>
      <c r="J16347" s="1" t="s">
        <v>60793</v>
      </c>
    </row>
    <row r="16348" spans="1:10" x14ac:dyDescent="0.35">
      <c r="A16348" s="1" t="s">
        <v>60763</v>
      </c>
      <c r="B16348" s="1" t="s">
        <v>53796</v>
      </c>
      <c r="C16348" s="1" t="s">
        <v>65</v>
      </c>
      <c r="D16348" s="1" t="s">
        <v>60794</v>
      </c>
      <c r="E16348" s="1" t="s">
        <v>26600</v>
      </c>
      <c r="F16348" s="1" t="s">
        <v>60795</v>
      </c>
      <c r="G16348" s="1" t="s">
        <v>60765</v>
      </c>
      <c r="H16348" s="1" t="s">
        <v>60766</v>
      </c>
      <c r="I16348" s="1" t="s">
        <v>53800</v>
      </c>
      <c r="J16348" s="1" t="s">
        <v>60796</v>
      </c>
    </row>
    <row r="16349" spans="1:10" x14ac:dyDescent="0.35">
      <c r="A16349" s="1" t="s">
        <v>60763</v>
      </c>
      <c r="B16349" s="1" t="s">
        <v>53796</v>
      </c>
      <c r="C16349" s="1" t="s">
        <v>70</v>
      </c>
      <c r="D16349" s="1" t="s">
        <v>60797</v>
      </c>
      <c r="E16349" s="1" t="s">
        <v>60798</v>
      </c>
      <c r="F16349" s="1" t="s">
        <v>60799</v>
      </c>
      <c r="G16349" s="1" t="s">
        <v>60765</v>
      </c>
      <c r="H16349" s="1" t="s">
        <v>60766</v>
      </c>
      <c r="I16349" s="1" t="s">
        <v>53800</v>
      </c>
      <c r="J16349" s="1" t="s">
        <v>60800</v>
      </c>
    </row>
    <row r="16350" spans="1:10" x14ac:dyDescent="0.35">
      <c r="A16350" s="1" t="s">
        <v>60763</v>
      </c>
      <c r="B16350" s="1" t="s">
        <v>53796</v>
      </c>
      <c r="C16350" s="1" t="s">
        <v>75</v>
      </c>
      <c r="D16350" s="1" t="s">
        <v>60801</v>
      </c>
      <c r="E16350" s="1" t="s">
        <v>54099</v>
      </c>
      <c r="F16350" s="1" t="s">
        <v>60802</v>
      </c>
      <c r="G16350" s="1" t="s">
        <v>60765</v>
      </c>
      <c r="H16350" s="1" t="s">
        <v>60766</v>
      </c>
      <c r="I16350" s="1" t="s">
        <v>53800</v>
      </c>
      <c r="J16350" s="1" t="s">
        <v>60803</v>
      </c>
    </row>
    <row r="16351" spans="1:10" x14ac:dyDescent="0.35">
      <c r="A16351" s="1" t="s">
        <v>60763</v>
      </c>
      <c r="B16351" s="1" t="s">
        <v>53796</v>
      </c>
      <c r="C16351" s="1" t="s">
        <v>80</v>
      </c>
      <c r="D16351" s="1" t="s">
        <v>60804</v>
      </c>
      <c r="E16351" s="1" t="s">
        <v>57707</v>
      </c>
      <c r="F16351" s="1" t="s">
        <v>32033</v>
      </c>
      <c r="G16351" s="1" t="s">
        <v>60765</v>
      </c>
      <c r="H16351" s="1" t="s">
        <v>60766</v>
      </c>
      <c r="I16351" s="1" t="s">
        <v>53800</v>
      </c>
      <c r="J16351" s="1" t="s">
        <v>60805</v>
      </c>
    </row>
    <row r="16352" spans="1:10" x14ac:dyDescent="0.35">
      <c r="A16352" s="1" t="s">
        <v>60763</v>
      </c>
      <c r="B16352" s="1" t="s">
        <v>53796</v>
      </c>
      <c r="C16352" s="1" t="s">
        <v>85</v>
      </c>
      <c r="D16352" s="1" t="s">
        <v>39480</v>
      </c>
      <c r="E16352" s="1" t="s">
        <v>56254</v>
      </c>
      <c r="F16352" s="1" t="s">
        <v>60806</v>
      </c>
      <c r="G16352" s="1" t="s">
        <v>60765</v>
      </c>
      <c r="H16352" s="1" t="s">
        <v>60766</v>
      </c>
      <c r="I16352" s="1" t="s">
        <v>53800</v>
      </c>
      <c r="J16352" s="1" t="s">
        <v>60807</v>
      </c>
    </row>
    <row r="16353" spans="1:10" x14ac:dyDescent="0.35">
      <c r="A16353" s="1" t="s">
        <v>60763</v>
      </c>
      <c r="B16353" s="1" t="s">
        <v>53796</v>
      </c>
      <c r="C16353" s="1" t="s">
        <v>90</v>
      </c>
      <c r="D16353" s="1" t="s">
        <v>60808</v>
      </c>
      <c r="E16353" s="1" t="s">
        <v>32946</v>
      </c>
      <c r="F16353" s="1" t="s">
        <v>60809</v>
      </c>
      <c r="G16353" s="1" t="s">
        <v>60765</v>
      </c>
      <c r="H16353" s="1" t="s">
        <v>60766</v>
      </c>
      <c r="I16353" s="1" t="s">
        <v>53800</v>
      </c>
      <c r="J16353" s="1" t="s">
        <v>60810</v>
      </c>
    </row>
    <row r="16354" spans="1:10" x14ac:dyDescent="0.35">
      <c r="A16354" s="1" t="s">
        <v>60763</v>
      </c>
      <c r="B16354" s="1" t="s">
        <v>53796</v>
      </c>
      <c r="C16354" s="1" t="s">
        <v>95</v>
      </c>
      <c r="D16354" s="1" t="s">
        <v>60811</v>
      </c>
      <c r="E16354" s="1" t="s">
        <v>32143</v>
      </c>
      <c r="F16354" s="1" t="s">
        <v>60812</v>
      </c>
      <c r="G16354" s="1" t="s">
        <v>60765</v>
      </c>
      <c r="H16354" s="1" t="s">
        <v>60766</v>
      </c>
      <c r="I16354" s="1" t="s">
        <v>53800</v>
      </c>
      <c r="J16354" s="1" t="s">
        <v>60813</v>
      </c>
    </row>
    <row r="16355" spans="1:10" x14ac:dyDescent="0.35">
      <c r="A16355" s="1" t="s">
        <v>60763</v>
      </c>
      <c r="B16355" s="1" t="s">
        <v>53796</v>
      </c>
      <c r="C16355" s="1" t="s">
        <v>100</v>
      </c>
      <c r="D16355" s="1" t="s">
        <v>60814</v>
      </c>
      <c r="E16355" s="1" t="s">
        <v>24269</v>
      </c>
      <c r="F16355" s="1" t="s">
        <v>60815</v>
      </c>
      <c r="G16355" s="1" t="s">
        <v>60765</v>
      </c>
      <c r="H16355" s="1" t="s">
        <v>60766</v>
      </c>
      <c r="I16355" s="1" t="s">
        <v>53800</v>
      </c>
      <c r="J16355" s="1" t="s">
        <v>60816</v>
      </c>
    </row>
    <row r="16356" spans="1:10" x14ac:dyDescent="0.35">
      <c r="A16356" s="1" t="s">
        <v>60763</v>
      </c>
      <c r="B16356" s="1" t="s">
        <v>53796</v>
      </c>
      <c r="C16356" s="1" t="s">
        <v>105</v>
      </c>
      <c r="D16356" s="1" t="s">
        <v>60817</v>
      </c>
      <c r="E16356" s="1" t="s">
        <v>56842</v>
      </c>
      <c r="F16356" s="1" t="s">
        <v>60818</v>
      </c>
      <c r="G16356" s="1" t="s">
        <v>60765</v>
      </c>
      <c r="H16356" s="1" t="s">
        <v>60766</v>
      </c>
      <c r="I16356" s="1" t="s">
        <v>53800</v>
      </c>
      <c r="J16356" s="1" t="s">
        <v>60819</v>
      </c>
    </row>
    <row r="16357" spans="1:10" x14ac:dyDescent="0.35">
      <c r="A16357" s="1" t="s">
        <v>60763</v>
      </c>
      <c r="B16357" s="1" t="s">
        <v>53796</v>
      </c>
      <c r="C16357" s="1" t="s">
        <v>110</v>
      </c>
      <c r="D16357" s="1" t="s">
        <v>60820</v>
      </c>
      <c r="E16357" s="1" t="s">
        <v>21803</v>
      </c>
      <c r="F16357" s="1" t="s">
        <v>26281</v>
      </c>
      <c r="G16357" s="1" t="s">
        <v>60765</v>
      </c>
      <c r="H16357" s="1" t="s">
        <v>60766</v>
      </c>
      <c r="I16357" s="1" t="s">
        <v>53800</v>
      </c>
      <c r="J16357" s="1" t="s">
        <v>60821</v>
      </c>
    </row>
    <row r="16358" spans="1:10" x14ac:dyDescent="0.35">
      <c r="A16358" s="1" t="s">
        <v>60763</v>
      </c>
      <c r="B16358" s="1" t="s">
        <v>53796</v>
      </c>
      <c r="C16358" s="1" t="s">
        <v>115</v>
      </c>
      <c r="D16358" s="1" t="s">
        <v>14689</v>
      </c>
      <c r="E16358" s="1" t="s">
        <v>23495</v>
      </c>
      <c r="F16358" s="1" t="s">
        <v>57095</v>
      </c>
      <c r="G16358" s="1" t="s">
        <v>60765</v>
      </c>
      <c r="H16358" s="1" t="s">
        <v>60766</v>
      </c>
      <c r="I16358" s="1" t="s">
        <v>53800</v>
      </c>
      <c r="J16358" s="1" t="s">
        <v>60822</v>
      </c>
    </row>
    <row r="16359" spans="1:10" x14ac:dyDescent="0.35">
      <c r="A16359" s="1" t="s">
        <v>60763</v>
      </c>
      <c r="B16359" s="1" t="s">
        <v>53796</v>
      </c>
      <c r="C16359" s="1" t="s">
        <v>120</v>
      </c>
      <c r="D16359" s="1" t="s">
        <v>60823</v>
      </c>
      <c r="E16359" s="1" t="s">
        <v>60824</v>
      </c>
      <c r="F16359" s="1" t="s">
        <v>60825</v>
      </c>
      <c r="G16359" s="1" t="s">
        <v>60765</v>
      </c>
      <c r="H16359" s="1" t="s">
        <v>60766</v>
      </c>
      <c r="I16359" s="1" t="s">
        <v>53800</v>
      </c>
      <c r="J16359" s="1" t="s">
        <v>60826</v>
      </c>
    </row>
    <row r="16360" spans="1:10" x14ac:dyDescent="0.35">
      <c r="A16360" s="1" t="s">
        <v>60763</v>
      </c>
      <c r="B16360" s="1" t="s">
        <v>53796</v>
      </c>
      <c r="C16360" s="1" t="s">
        <v>125</v>
      </c>
      <c r="D16360" s="1" t="s">
        <v>60827</v>
      </c>
      <c r="E16360" s="1" t="s">
        <v>23413</v>
      </c>
      <c r="F16360" s="1" t="s">
        <v>60828</v>
      </c>
      <c r="G16360" s="1" t="s">
        <v>60765</v>
      </c>
      <c r="H16360" s="1" t="s">
        <v>60766</v>
      </c>
      <c r="I16360" s="1" t="s">
        <v>53800</v>
      </c>
      <c r="J16360" s="1" t="s">
        <v>60829</v>
      </c>
    </row>
    <row r="16361" spans="1:10" x14ac:dyDescent="0.35">
      <c r="A16361" s="1" t="s">
        <v>60763</v>
      </c>
      <c r="B16361" s="1" t="s">
        <v>53796</v>
      </c>
      <c r="C16361" s="1" t="s">
        <v>130</v>
      </c>
      <c r="D16361" s="1" t="s">
        <v>60830</v>
      </c>
      <c r="E16361" s="1" t="s">
        <v>60831</v>
      </c>
      <c r="F16361" s="1" t="s">
        <v>60832</v>
      </c>
      <c r="G16361" s="1" t="s">
        <v>60765</v>
      </c>
      <c r="H16361" s="1" t="s">
        <v>60766</v>
      </c>
      <c r="I16361" s="1" t="s">
        <v>53800</v>
      </c>
      <c r="J16361" s="1" t="s">
        <v>60833</v>
      </c>
    </row>
    <row r="16362" spans="1:10" x14ac:dyDescent="0.35">
      <c r="A16362" s="1" t="s">
        <v>60763</v>
      </c>
      <c r="B16362" s="1" t="s">
        <v>53796</v>
      </c>
      <c r="C16362" s="1" t="s">
        <v>135</v>
      </c>
      <c r="D16362" s="1" t="s">
        <v>60834</v>
      </c>
      <c r="E16362" s="1" t="s">
        <v>15595</v>
      </c>
      <c r="F16362" s="1" t="s">
        <v>60835</v>
      </c>
      <c r="G16362" s="1" t="s">
        <v>60765</v>
      </c>
      <c r="H16362" s="1" t="s">
        <v>60766</v>
      </c>
      <c r="I16362" s="1" t="s">
        <v>53800</v>
      </c>
      <c r="J16362" s="1" t="s">
        <v>60836</v>
      </c>
    </row>
    <row r="16363" spans="1:10" x14ac:dyDescent="0.35">
      <c r="A16363" s="1" t="s">
        <v>60763</v>
      </c>
      <c r="B16363" s="1" t="s">
        <v>53796</v>
      </c>
      <c r="C16363" s="1" t="s">
        <v>140</v>
      </c>
      <c r="D16363" s="1" t="s">
        <v>60837</v>
      </c>
      <c r="E16363" s="1" t="s">
        <v>15336</v>
      </c>
      <c r="F16363" s="1" t="s">
        <v>60838</v>
      </c>
      <c r="G16363" s="1" t="s">
        <v>60765</v>
      </c>
      <c r="H16363" s="1" t="s">
        <v>60766</v>
      </c>
      <c r="I16363" s="1" t="s">
        <v>53800</v>
      </c>
      <c r="J16363" s="1" t="s">
        <v>60839</v>
      </c>
    </row>
    <row r="16364" spans="1:10" x14ac:dyDescent="0.35">
      <c r="A16364" s="1" t="s">
        <v>60763</v>
      </c>
      <c r="B16364" s="1" t="s">
        <v>53796</v>
      </c>
      <c r="C16364" s="1" t="s">
        <v>145</v>
      </c>
      <c r="D16364" s="1" t="s">
        <v>60840</v>
      </c>
      <c r="E16364" s="1" t="s">
        <v>15403</v>
      </c>
      <c r="F16364" s="1" t="s">
        <v>60841</v>
      </c>
      <c r="G16364" s="1" t="s">
        <v>60765</v>
      </c>
      <c r="H16364" s="1" t="s">
        <v>60766</v>
      </c>
      <c r="I16364" s="1" t="s">
        <v>53800</v>
      </c>
      <c r="J16364" s="1" t="s">
        <v>60842</v>
      </c>
    </row>
    <row r="16365" spans="1:10" x14ac:dyDescent="0.35">
      <c r="A16365" s="1" t="s">
        <v>60763</v>
      </c>
      <c r="B16365" s="1" t="s">
        <v>53796</v>
      </c>
      <c r="C16365" s="1" t="s">
        <v>150</v>
      </c>
      <c r="D16365" s="1" t="s">
        <v>60843</v>
      </c>
      <c r="E16365" s="1" t="s">
        <v>15876</v>
      </c>
      <c r="F16365" s="1" t="s">
        <v>60844</v>
      </c>
      <c r="G16365" s="1" t="s">
        <v>60765</v>
      </c>
      <c r="H16365" s="1" t="s">
        <v>60766</v>
      </c>
      <c r="I16365" s="1" t="s">
        <v>53800</v>
      </c>
      <c r="J16365" s="1" t="s">
        <v>60845</v>
      </c>
    </row>
    <row r="16366" spans="1:10" x14ac:dyDescent="0.35">
      <c r="A16366" s="1" t="s">
        <v>60763</v>
      </c>
      <c r="B16366" s="1" t="s">
        <v>53796</v>
      </c>
      <c r="C16366" s="1" t="s">
        <v>155</v>
      </c>
      <c r="D16366" s="1" t="s">
        <v>26981</v>
      </c>
      <c r="E16366" s="1" t="s">
        <v>60846</v>
      </c>
      <c r="F16366" s="1" t="s">
        <v>60847</v>
      </c>
      <c r="G16366" s="1" t="s">
        <v>60765</v>
      </c>
      <c r="H16366" s="1" t="s">
        <v>60766</v>
      </c>
      <c r="I16366" s="1" t="s">
        <v>53800</v>
      </c>
      <c r="J16366" s="1" t="s">
        <v>60848</v>
      </c>
    </row>
    <row r="16367" spans="1:10" x14ac:dyDescent="0.35">
      <c r="A16367" s="1" t="s">
        <v>60763</v>
      </c>
      <c r="B16367" s="1" t="s">
        <v>53796</v>
      </c>
      <c r="C16367" s="1" t="s">
        <v>160</v>
      </c>
      <c r="D16367" s="1" t="s">
        <v>60849</v>
      </c>
      <c r="E16367" s="1" t="s">
        <v>31941</v>
      </c>
      <c r="F16367" s="1" t="s">
        <v>60850</v>
      </c>
      <c r="G16367" s="1" t="s">
        <v>60765</v>
      </c>
      <c r="H16367" s="1" t="s">
        <v>60766</v>
      </c>
      <c r="I16367" s="1" t="s">
        <v>53800</v>
      </c>
      <c r="J16367" s="1" t="s">
        <v>60851</v>
      </c>
    </row>
    <row r="16368" spans="1:10" x14ac:dyDescent="0.35">
      <c r="A16368" s="1" t="s">
        <v>60763</v>
      </c>
      <c r="B16368" s="1" t="s">
        <v>53796</v>
      </c>
      <c r="C16368" s="1" t="s">
        <v>165</v>
      </c>
      <c r="D16368" s="1" t="s">
        <v>60852</v>
      </c>
      <c r="E16368" s="1" t="s">
        <v>27097</v>
      </c>
      <c r="F16368" s="1" t="s">
        <v>60853</v>
      </c>
      <c r="G16368" s="1" t="s">
        <v>60765</v>
      </c>
      <c r="H16368" s="1" t="s">
        <v>60766</v>
      </c>
      <c r="I16368" s="1" t="s">
        <v>53800</v>
      </c>
      <c r="J16368" s="1" t="s">
        <v>60854</v>
      </c>
    </row>
    <row r="16369" spans="1:10" x14ac:dyDescent="0.35">
      <c r="A16369" s="1" t="s">
        <v>60763</v>
      </c>
      <c r="B16369" s="1" t="s">
        <v>53796</v>
      </c>
      <c r="C16369" s="1" t="s">
        <v>170</v>
      </c>
      <c r="D16369" s="1" t="s">
        <v>60855</v>
      </c>
      <c r="E16369" s="1" t="s">
        <v>60856</v>
      </c>
      <c r="F16369" s="1" t="s">
        <v>58910</v>
      </c>
      <c r="G16369" s="1" t="s">
        <v>60765</v>
      </c>
      <c r="H16369" s="1" t="s">
        <v>60766</v>
      </c>
      <c r="I16369" s="1" t="s">
        <v>53800</v>
      </c>
      <c r="J16369" s="1" t="s">
        <v>60857</v>
      </c>
    </row>
    <row r="16370" spans="1:10" x14ac:dyDescent="0.35">
      <c r="A16370" s="1" t="s">
        <v>60858</v>
      </c>
      <c r="B16370" s="1" t="s">
        <v>53796</v>
      </c>
      <c r="C16370" s="1" t="s">
        <v>8</v>
      </c>
      <c r="D16370" s="1" t="s">
        <v>60859</v>
      </c>
      <c r="E16370" s="1" t="s">
        <v>56082</v>
      </c>
      <c r="F16370" s="1" t="s">
        <v>60860</v>
      </c>
      <c r="G16370" s="1" t="s">
        <v>60861</v>
      </c>
      <c r="H16370" s="1" t="s">
        <v>60862</v>
      </c>
      <c r="I16370" s="1" t="s">
        <v>53800</v>
      </c>
      <c r="J16370" s="1" t="s">
        <v>13</v>
      </c>
    </row>
    <row r="16371" spans="1:10" x14ac:dyDescent="0.35">
      <c r="A16371" s="1" t="s">
        <v>60858</v>
      </c>
      <c r="B16371" s="1" t="s">
        <v>53796</v>
      </c>
      <c r="C16371" s="1" t="s">
        <v>15</v>
      </c>
      <c r="D16371" s="1" t="s">
        <v>60863</v>
      </c>
      <c r="E16371" s="1" t="s">
        <v>54383</v>
      </c>
      <c r="F16371" s="1" t="s">
        <v>60864</v>
      </c>
      <c r="G16371" s="1" t="s">
        <v>60861</v>
      </c>
      <c r="H16371" s="1" t="s">
        <v>60862</v>
      </c>
      <c r="I16371" s="1" t="s">
        <v>53800</v>
      </c>
      <c r="J16371" s="1" t="s">
        <v>60865</v>
      </c>
    </row>
    <row r="16372" spans="1:10" x14ac:dyDescent="0.35">
      <c r="A16372" s="1" t="s">
        <v>60858</v>
      </c>
      <c r="B16372" s="1" t="s">
        <v>53796</v>
      </c>
      <c r="C16372" s="1" t="s">
        <v>20</v>
      </c>
      <c r="D16372" s="1" t="s">
        <v>60866</v>
      </c>
      <c r="E16372" s="1" t="s">
        <v>21853</v>
      </c>
      <c r="F16372" s="1" t="s">
        <v>60867</v>
      </c>
      <c r="G16372" s="1" t="s">
        <v>60861</v>
      </c>
      <c r="H16372" s="1" t="s">
        <v>60862</v>
      </c>
      <c r="I16372" s="1" t="s">
        <v>53800</v>
      </c>
      <c r="J16372" s="1" t="s">
        <v>60868</v>
      </c>
    </row>
    <row r="16373" spans="1:10" x14ac:dyDescent="0.35">
      <c r="A16373" s="1" t="s">
        <v>60858</v>
      </c>
      <c r="B16373" s="1" t="s">
        <v>53796</v>
      </c>
      <c r="C16373" s="1" t="s">
        <v>25</v>
      </c>
      <c r="D16373" s="1" t="s">
        <v>26874</v>
      </c>
      <c r="E16373" s="1" t="s">
        <v>21910</v>
      </c>
      <c r="F16373" s="1" t="s">
        <v>24693</v>
      </c>
      <c r="G16373" s="1" t="s">
        <v>60861</v>
      </c>
      <c r="H16373" s="1" t="s">
        <v>60862</v>
      </c>
      <c r="I16373" s="1" t="s">
        <v>53800</v>
      </c>
      <c r="J16373" s="1" t="s">
        <v>60869</v>
      </c>
    </row>
    <row r="16374" spans="1:10" x14ac:dyDescent="0.35">
      <c r="A16374" s="1" t="s">
        <v>60858</v>
      </c>
      <c r="B16374" s="1" t="s">
        <v>53796</v>
      </c>
      <c r="C16374" s="1" t="s">
        <v>30</v>
      </c>
      <c r="D16374" s="1" t="s">
        <v>60870</v>
      </c>
      <c r="E16374" s="1" t="s">
        <v>24213</v>
      </c>
      <c r="F16374" s="1" t="s">
        <v>60871</v>
      </c>
      <c r="G16374" s="1" t="s">
        <v>60861</v>
      </c>
      <c r="H16374" s="1" t="s">
        <v>60862</v>
      </c>
      <c r="I16374" s="1" t="s">
        <v>53800</v>
      </c>
      <c r="J16374" s="1" t="s">
        <v>60872</v>
      </c>
    </row>
    <row r="16375" spans="1:10" x14ac:dyDescent="0.35">
      <c r="A16375" s="1" t="s">
        <v>60858</v>
      </c>
      <c r="B16375" s="1" t="s">
        <v>53796</v>
      </c>
      <c r="C16375" s="1" t="s">
        <v>35</v>
      </c>
      <c r="D16375" s="1" t="s">
        <v>60873</v>
      </c>
      <c r="E16375" s="1" t="s">
        <v>60874</v>
      </c>
      <c r="F16375" s="1" t="s">
        <v>60875</v>
      </c>
      <c r="G16375" s="1" t="s">
        <v>60861</v>
      </c>
      <c r="H16375" s="1" t="s">
        <v>60862</v>
      </c>
      <c r="I16375" s="1" t="s">
        <v>53800</v>
      </c>
      <c r="J16375" s="1" t="s">
        <v>60876</v>
      </c>
    </row>
    <row r="16376" spans="1:10" x14ac:dyDescent="0.35">
      <c r="A16376" s="1" t="s">
        <v>60858</v>
      </c>
      <c r="B16376" s="1" t="s">
        <v>53796</v>
      </c>
      <c r="C16376" s="1" t="s">
        <v>40</v>
      </c>
      <c r="D16376" s="1" t="s">
        <v>60877</v>
      </c>
      <c r="E16376" s="1" t="s">
        <v>56325</v>
      </c>
      <c r="F16376" s="1" t="s">
        <v>60878</v>
      </c>
      <c r="G16376" s="1" t="s">
        <v>60861</v>
      </c>
      <c r="H16376" s="1" t="s">
        <v>60862</v>
      </c>
      <c r="I16376" s="1" t="s">
        <v>53800</v>
      </c>
      <c r="J16376" s="1" t="s">
        <v>60879</v>
      </c>
    </row>
    <row r="16377" spans="1:10" x14ac:dyDescent="0.35">
      <c r="A16377" s="1" t="s">
        <v>60858</v>
      </c>
      <c r="B16377" s="1" t="s">
        <v>53796</v>
      </c>
      <c r="C16377" s="1" t="s">
        <v>45</v>
      </c>
      <c r="D16377" s="1" t="s">
        <v>60880</v>
      </c>
      <c r="E16377" s="1" t="s">
        <v>26552</v>
      </c>
      <c r="F16377" s="1" t="s">
        <v>55138</v>
      </c>
      <c r="G16377" s="1" t="s">
        <v>60861</v>
      </c>
      <c r="H16377" s="1" t="s">
        <v>60862</v>
      </c>
      <c r="I16377" s="1" t="s">
        <v>53800</v>
      </c>
      <c r="J16377" s="1" t="s">
        <v>60881</v>
      </c>
    </row>
    <row r="16378" spans="1:10" x14ac:dyDescent="0.35">
      <c r="A16378" s="1" t="s">
        <v>60858</v>
      </c>
      <c r="B16378" s="1" t="s">
        <v>53796</v>
      </c>
      <c r="C16378" s="1" t="s">
        <v>50</v>
      </c>
      <c r="D16378" s="1" t="s">
        <v>60882</v>
      </c>
      <c r="E16378" s="1" t="s">
        <v>55947</v>
      </c>
      <c r="F16378" s="1" t="s">
        <v>60883</v>
      </c>
      <c r="G16378" s="1" t="s">
        <v>60861</v>
      </c>
      <c r="H16378" s="1" t="s">
        <v>60862</v>
      </c>
      <c r="I16378" s="1" t="s">
        <v>53800</v>
      </c>
      <c r="J16378" s="1" t="s">
        <v>60884</v>
      </c>
    </row>
    <row r="16379" spans="1:10" x14ac:dyDescent="0.35">
      <c r="A16379" s="1" t="s">
        <v>60858</v>
      </c>
      <c r="B16379" s="1" t="s">
        <v>53796</v>
      </c>
      <c r="C16379" s="1" t="s">
        <v>55</v>
      </c>
      <c r="D16379" s="1" t="s">
        <v>58900</v>
      </c>
      <c r="E16379" s="1" t="s">
        <v>60874</v>
      </c>
      <c r="F16379" s="1" t="s">
        <v>60885</v>
      </c>
      <c r="G16379" s="1" t="s">
        <v>60861</v>
      </c>
      <c r="H16379" s="1" t="s">
        <v>60862</v>
      </c>
      <c r="I16379" s="1" t="s">
        <v>53800</v>
      </c>
      <c r="J16379" s="1" t="s">
        <v>60886</v>
      </c>
    </row>
    <row r="16380" spans="1:10" x14ac:dyDescent="0.35">
      <c r="A16380" s="1" t="s">
        <v>60858</v>
      </c>
      <c r="B16380" s="1" t="s">
        <v>53796</v>
      </c>
      <c r="C16380" s="1" t="s">
        <v>60</v>
      </c>
      <c r="D16380" s="1" t="s">
        <v>60887</v>
      </c>
      <c r="E16380" s="1" t="s">
        <v>23221</v>
      </c>
      <c r="F16380" s="1" t="s">
        <v>60888</v>
      </c>
      <c r="G16380" s="1" t="s">
        <v>60861</v>
      </c>
      <c r="H16380" s="1" t="s">
        <v>60862</v>
      </c>
      <c r="I16380" s="1" t="s">
        <v>53800</v>
      </c>
      <c r="J16380" s="1" t="s">
        <v>60889</v>
      </c>
    </row>
    <row r="16381" spans="1:10" x14ac:dyDescent="0.35">
      <c r="A16381" s="1" t="s">
        <v>60858</v>
      </c>
      <c r="B16381" s="1" t="s">
        <v>53796</v>
      </c>
      <c r="C16381" s="1" t="s">
        <v>65</v>
      </c>
      <c r="D16381" s="1" t="s">
        <v>60890</v>
      </c>
      <c r="E16381" s="1" t="s">
        <v>32333</v>
      </c>
      <c r="F16381" s="1" t="s">
        <v>15912</v>
      </c>
      <c r="G16381" s="1" t="s">
        <v>60861</v>
      </c>
      <c r="H16381" s="1" t="s">
        <v>60862</v>
      </c>
      <c r="I16381" s="1" t="s">
        <v>53800</v>
      </c>
      <c r="J16381" s="1" t="s">
        <v>60891</v>
      </c>
    </row>
    <row r="16382" spans="1:10" x14ac:dyDescent="0.35">
      <c r="A16382" s="1" t="s">
        <v>60858</v>
      </c>
      <c r="B16382" s="1" t="s">
        <v>53796</v>
      </c>
      <c r="C16382" s="1" t="s">
        <v>70</v>
      </c>
      <c r="D16382" s="1" t="s">
        <v>60892</v>
      </c>
      <c r="E16382" s="1" t="s">
        <v>22080</v>
      </c>
      <c r="F16382" s="1" t="s">
        <v>60893</v>
      </c>
      <c r="G16382" s="1" t="s">
        <v>60861</v>
      </c>
      <c r="H16382" s="1" t="s">
        <v>60862</v>
      </c>
      <c r="I16382" s="1" t="s">
        <v>53800</v>
      </c>
      <c r="J16382" s="1" t="s">
        <v>60894</v>
      </c>
    </row>
    <row r="16383" spans="1:10" x14ac:dyDescent="0.35">
      <c r="A16383" s="1" t="s">
        <v>60858</v>
      </c>
      <c r="B16383" s="1" t="s">
        <v>53796</v>
      </c>
      <c r="C16383" s="1" t="s">
        <v>75</v>
      </c>
      <c r="D16383" s="1" t="s">
        <v>39425</v>
      </c>
      <c r="E16383" s="1" t="s">
        <v>54081</v>
      </c>
      <c r="F16383" s="1" t="s">
        <v>60895</v>
      </c>
      <c r="G16383" s="1" t="s">
        <v>60861</v>
      </c>
      <c r="H16383" s="1" t="s">
        <v>60862</v>
      </c>
      <c r="I16383" s="1" t="s">
        <v>53800</v>
      </c>
      <c r="J16383" s="1" t="s">
        <v>60896</v>
      </c>
    </row>
    <row r="16384" spans="1:10" x14ac:dyDescent="0.35">
      <c r="A16384" s="1" t="s">
        <v>60858</v>
      </c>
      <c r="B16384" s="1" t="s">
        <v>53796</v>
      </c>
      <c r="C16384" s="1" t="s">
        <v>80</v>
      </c>
      <c r="D16384" s="1" t="s">
        <v>60897</v>
      </c>
      <c r="E16384" s="1" t="s">
        <v>58160</v>
      </c>
      <c r="F16384" s="1" t="s">
        <v>60898</v>
      </c>
      <c r="G16384" s="1" t="s">
        <v>60861</v>
      </c>
      <c r="H16384" s="1" t="s">
        <v>60862</v>
      </c>
      <c r="I16384" s="1" t="s">
        <v>53800</v>
      </c>
      <c r="J16384" s="1" t="s">
        <v>60899</v>
      </c>
    </row>
    <row r="16385" spans="1:10" x14ac:dyDescent="0.35">
      <c r="A16385" s="1" t="s">
        <v>60858</v>
      </c>
      <c r="B16385" s="1" t="s">
        <v>53796</v>
      </c>
      <c r="C16385" s="1" t="s">
        <v>85</v>
      </c>
      <c r="D16385" s="1" t="s">
        <v>60900</v>
      </c>
      <c r="E16385" s="1" t="s">
        <v>41385</v>
      </c>
      <c r="F16385" s="1" t="s">
        <v>60901</v>
      </c>
      <c r="G16385" s="1" t="s">
        <v>60861</v>
      </c>
      <c r="H16385" s="1" t="s">
        <v>60862</v>
      </c>
      <c r="I16385" s="1" t="s">
        <v>53800</v>
      </c>
      <c r="J16385" s="1" t="s">
        <v>60902</v>
      </c>
    </row>
    <row r="16386" spans="1:10" x14ac:dyDescent="0.35">
      <c r="A16386" s="1" t="s">
        <v>60858</v>
      </c>
      <c r="B16386" s="1" t="s">
        <v>53796</v>
      </c>
      <c r="C16386" s="1" t="s">
        <v>90</v>
      </c>
      <c r="D16386" s="1" t="s">
        <v>60903</v>
      </c>
      <c r="E16386" s="1" t="s">
        <v>12786</v>
      </c>
      <c r="F16386" s="1" t="s">
        <v>60904</v>
      </c>
      <c r="G16386" s="1" t="s">
        <v>60861</v>
      </c>
      <c r="H16386" s="1" t="s">
        <v>60862</v>
      </c>
      <c r="I16386" s="1" t="s">
        <v>53800</v>
      </c>
      <c r="J16386" s="1" t="s">
        <v>60905</v>
      </c>
    </row>
    <row r="16387" spans="1:10" x14ac:dyDescent="0.35">
      <c r="A16387" s="1" t="s">
        <v>60858</v>
      </c>
      <c r="B16387" s="1" t="s">
        <v>53796</v>
      </c>
      <c r="C16387" s="1" t="s">
        <v>95</v>
      </c>
      <c r="D16387" s="1" t="s">
        <v>60906</v>
      </c>
      <c r="E16387" s="1" t="s">
        <v>54136</v>
      </c>
      <c r="F16387" s="1" t="s">
        <v>60907</v>
      </c>
      <c r="G16387" s="1" t="s">
        <v>60861</v>
      </c>
      <c r="H16387" s="1" t="s">
        <v>60862</v>
      </c>
      <c r="I16387" s="1" t="s">
        <v>53800</v>
      </c>
      <c r="J16387" s="1" t="s">
        <v>60908</v>
      </c>
    </row>
    <row r="16388" spans="1:10" x14ac:dyDescent="0.35">
      <c r="A16388" s="1" t="s">
        <v>60858</v>
      </c>
      <c r="B16388" s="1" t="s">
        <v>53796</v>
      </c>
      <c r="C16388" s="1" t="s">
        <v>100</v>
      </c>
      <c r="D16388" s="1" t="s">
        <v>60909</v>
      </c>
      <c r="E16388" s="1" t="s">
        <v>15217</v>
      </c>
      <c r="F16388" s="1" t="s">
        <v>60910</v>
      </c>
      <c r="G16388" s="1" t="s">
        <v>60861</v>
      </c>
      <c r="H16388" s="1" t="s">
        <v>60862</v>
      </c>
      <c r="I16388" s="1" t="s">
        <v>53800</v>
      </c>
      <c r="J16388" s="1" t="s">
        <v>60911</v>
      </c>
    </row>
    <row r="16389" spans="1:10" x14ac:dyDescent="0.35">
      <c r="A16389" s="1" t="s">
        <v>60858</v>
      </c>
      <c r="B16389" s="1" t="s">
        <v>53796</v>
      </c>
      <c r="C16389" s="1" t="s">
        <v>105</v>
      </c>
      <c r="D16389" s="1" t="s">
        <v>60912</v>
      </c>
      <c r="E16389" s="1" t="s">
        <v>60913</v>
      </c>
      <c r="F16389" s="1" t="s">
        <v>60914</v>
      </c>
      <c r="G16389" s="1" t="s">
        <v>60861</v>
      </c>
      <c r="H16389" s="1" t="s">
        <v>60862</v>
      </c>
      <c r="I16389" s="1" t="s">
        <v>53800</v>
      </c>
      <c r="J16389" s="1" t="s">
        <v>60915</v>
      </c>
    </row>
    <row r="16390" spans="1:10" x14ac:dyDescent="0.35">
      <c r="A16390" s="1" t="s">
        <v>60858</v>
      </c>
      <c r="B16390" s="1" t="s">
        <v>53796</v>
      </c>
      <c r="C16390" s="1" t="s">
        <v>110</v>
      </c>
      <c r="D16390" s="1" t="s">
        <v>60916</v>
      </c>
      <c r="E16390" s="1" t="s">
        <v>40717</v>
      </c>
      <c r="F16390" s="1" t="s">
        <v>60917</v>
      </c>
      <c r="G16390" s="1" t="s">
        <v>60861</v>
      </c>
      <c r="H16390" s="1" t="s">
        <v>60862</v>
      </c>
      <c r="I16390" s="1" t="s">
        <v>53800</v>
      </c>
      <c r="J16390" s="1" t="s">
        <v>60918</v>
      </c>
    </row>
    <row r="16391" spans="1:10" x14ac:dyDescent="0.35">
      <c r="A16391" s="1" t="s">
        <v>60858</v>
      </c>
      <c r="B16391" s="1" t="s">
        <v>53796</v>
      </c>
      <c r="C16391" s="1" t="s">
        <v>115</v>
      </c>
      <c r="D16391" s="1" t="s">
        <v>60919</v>
      </c>
      <c r="E16391" s="1" t="s">
        <v>26239</v>
      </c>
      <c r="F16391" s="1" t="s">
        <v>60920</v>
      </c>
      <c r="G16391" s="1" t="s">
        <v>60861</v>
      </c>
      <c r="H16391" s="1" t="s">
        <v>60862</v>
      </c>
      <c r="I16391" s="1" t="s">
        <v>53800</v>
      </c>
      <c r="J16391" s="1" t="s">
        <v>60921</v>
      </c>
    </row>
    <row r="16392" spans="1:10" x14ac:dyDescent="0.35">
      <c r="A16392" s="1" t="s">
        <v>60858</v>
      </c>
      <c r="B16392" s="1" t="s">
        <v>53796</v>
      </c>
      <c r="C16392" s="1" t="s">
        <v>120</v>
      </c>
      <c r="D16392" s="1" t="s">
        <v>60922</v>
      </c>
      <c r="E16392" s="1" t="s">
        <v>21960</v>
      </c>
      <c r="F16392" s="1" t="s">
        <v>60923</v>
      </c>
      <c r="G16392" s="1" t="s">
        <v>60861</v>
      </c>
      <c r="H16392" s="1" t="s">
        <v>60862</v>
      </c>
      <c r="I16392" s="1" t="s">
        <v>53800</v>
      </c>
      <c r="J16392" s="1" t="s">
        <v>60924</v>
      </c>
    </row>
    <row r="16393" spans="1:10" x14ac:dyDescent="0.35">
      <c r="A16393" s="1" t="s">
        <v>60858</v>
      </c>
      <c r="B16393" s="1" t="s">
        <v>53796</v>
      </c>
      <c r="C16393" s="1" t="s">
        <v>125</v>
      </c>
      <c r="D16393" s="1" t="s">
        <v>60925</v>
      </c>
      <c r="E16393" s="1" t="s">
        <v>54077</v>
      </c>
      <c r="F16393" s="1" t="s">
        <v>60926</v>
      </c>
      <c r="G16393" s="1" t="s">
        <v>60861</v>
      </c>
      <c r="H16393" s="1" t="s">
        <v>60862</v>
      </c>
      <c r="I16393" s="1" t="s">
        <v>53800</v>
      </c>
      <c r="J16393" s="1" t="s">
        <v>60927</v>
      </c>
    </row>
    <row r="16394" spans="1:10" x14ac:dyDescent="0.35">
      <c r="A16394" s="1" t="s">
        <v>60858</v>
      </c>
      <c r="B16394" s="1" t="s">
        <v>53796</v>
      </c>
      <c r="C16394" s="1" t="s">
        <v>130</v>
      </c>
      <c r="D16394" s="1" t="s">
        <v>60928</v>
      </c>
      <c r="E16394" s="1" t="s">
        <v>22267</v>
      </c>
      <c r="F16394" s="1" t="s">
        <v>54372</v>
      </c>
      <c r="G16394" s="1" t="s">
        <v>60861</v>
      </c>
      <c r="H16394" s="1" t="s">
        <v>60862</v>
      </c>
      <c r="I16394" s="1" t="s">
        <v>53800</v>
      </c>
      <c r="J16394" s="1" t="s">
        <v>60929</v>
      </c>
    </row>
    <row r="16395" spans="1:10" x14ac:dyDescent="0.35">
      <c r="A16395" s="1" t="s">
        <v>60858</v>
      </c>
      <c r="B16395" s="1" t="s">
        <v>53796</v>
      </c>
      <c r="C16395" s="1" t="s">
        <v>135</v>
      </c>
      <c r="D16395" s="1" t="s">
        <v>41519</v>
      </c>
      <c r="E16395" s="1" t="s">
        <v>55452</v>
      </c>
      <c r="F16395" s="1" t="s">
        <v>60930</v>
      </c>
      <c r="G16395" s="1" t="s">
        <v>60861</v>
      </c>
      <c r="H16395" s="1" t="s">
        <v>60862</v>
      </c>
      <c r="I16395" s="1" t="s">
        <v>53800</v>
      </c>
      <c r="J16395" s="1" t="s">
        <v>60931</v>
      </c>
    </row>
    <row r="16396" spans="1:10" x14ac:dyDescent="0.35">
      <c r="A16396" s="1" t="s">
        <v>60858</v>
      </c>
      <c r="B16396" s="1" t="s">
        <v>53796</v>
      </c>
      <c r="C16396" s="1" t="s">
        <v>140</v>
      </c>
      <c r="D16396" s="1" t="s">
        <v>60932</v>
      </c>
      <c r="E16396" s="1" t="s">
        <v>60442</v>
      </c>
      <c r="F16396" s="1" t="s">
        <v>60933</v>
      </c>
      <c r="G16396" s="1" t="s">
        <v>60861</v>
      </c>
      <c r="H16396" s="1" t="s">
        <v>60862</v>
      </c>
      <c r="I16396" s="1" t="s">
        <v>53800</v>
      </c>
      <c r="J16396" s="1" t="s">
        <v>60934</v>
      </c>
    </row>
    <row r="16397" spans="1:10" x14ac:dyDescent="0.35">
      <c r="A16397" s="1" t="s">
        <v>60858</v>
      </c>
      <c r="B16397" s="1" t="s">
        <v>53796</v>
      </c>
      <c r="C16397" s="1" t="s">
        <v>145</v>
      </c>
      <c r="D16397" s="1" t="s">
        <v>60935</v>
      </c>
      <c r="E16397" s="1" t="s">
        <v>60257</v>
      </c>
      <c r="F16397" s="1" t="s">
        <v>60936</v>
      </c>
      <c r="G16397" s="1" t="s">
        <v>60861</v>
      </c>
      <c r="H16397" s="1" t="s">
        <v>60862</v>
      </c>
      <c r="I16397" s="1" t="s">
        <v>53800</v>
      </c>
      <c r="J16397" s="1" t="s">
        <v>60937</v>
      </c>
    </row>
    <row r="16398" spans="1:10" x14ac:dyDescent="0.35">
      <c r="A16398" s="1" t="s">
        <v>60858</v>
      </c>
      <c r="B16398" s="1" t="s">
        <v>53796</v>
      </c>
      <c r="C16398" s="1" t="s">
        <v>150</v>
      </c>
      <c r="D16398" s="1" t="s">
        <v>60938</v>
      </c>
      <c r="E16398" s="1" t="s">
        <v>23221</v>
      </c>
      <c r="F16398" s="1" t="s">
        <v>60939</v>
      </c>
      <c r="G16398" s="1" t="s">
        <v>60861</v>
      </c>
      <c r="H16398" s="1" t="s">
        <v>60862</v>
      </c>
      <c r="I16398" s="1" t="s">
        <v>53800</v>
      </c>
      <c r="J16398" s="1" t="s">
        <v>60940</v>
      </c>
    </row>
    <row r="16399" spans="1:10" x14ac:dyDescent="0.35">
      <c r="A16399" s="1" t="s">
        <v>60858</v>
      </c>
      <c r="B16399" s="1" t="s">
        <v>53796</v>
      </c>
      <c r="C16399" s="1" t="s">
        <v>155</v>
      </c>
      <c r="D16399" s="1" t="s">
        <v>60941</v>
      </c>
      <c r="E16399" s="1" t="s">
        <v>57609</v>
      </c>
      <c r="F16399" s="1" t="s">
        <v>60942</v>
      </c>
      <c r="G16399" s="1" t="s">
        <v>60861</v>
      </c>
      <c r="H16399" s="1" t="s">
        <v>60862</v>
      </c>
      <c r="I16399" s="1" t="s">
        <v>53800</v>
      </c>
      <c r="J16399" s="1" t="s">
        <v>60943</v>
      </c>
    </row>
    <row r="16400" spans="1:10" x14ac:dyDescent="0.35">
      <c r="A16400" s="1" t="s">
        <v>60858</v>
      </c>
      <c r="B16400" s="1" t="s">
        <v>53796</v>
      </c>
      <c r="C16400" s="1" t="s">
        <v>160</v>
      </c>
      <c r="D16400" s="1" t="s">
        <v>60944</v>
      </c>
      <c r="E16400" s="1" t="s">
        <v>58108</v>
      </c>
      <c r="F16400" s="1" t="s">
        <v>60945</v>
      </c>
      <c r="G16400" s="1" t="s">
        <v>60861</v>
      </c>
      <c r="H16400" s="1" t="s">
        <v>60862</v>
      </c>
      <c r="I16400" s="1" t="s">
        <v>53800</v>
      </c>
      <c r="J16400" s="1" t="s">
        <v>60946</v>
      </c>
    </row>
    <row r="16401" spans="1:10" x14ac:dyDescent="0.35">
      <c r="A16401" s="1" t="s">
        <v>60858</v>
      </c>
      <c r="B16401" s="1" t="s">
        <v>53796</v>
      </c>
      <c r="C16401" s="1" t="s">
        <v>165</v>
      </c>
      <c r="D16401" s="1" t="s">
        <v>60947</v>
      </c>
      <c r="E16401" s="1" t="s">
        <v>54751</v>
      </c>
      <c r="F16401" s="1" t="s">
        <v>60948</v>
      </c>
      <c r="G16401" s="1" t="s">
        <v>60861</v>
      </c>
      <c r="H16401" s="1" t="s">
        <v>60862</v>
      </c>
      <c r="I16401" s="1" t="s">
        <v>53800</v>
      </c>
      <c r="J16401" s="1" t="s">
        <v>60949</v>
      </c>
    </row>
    <row r="16402" spans="1:10" x14ac:dyDescent="0.35">
      <c r="A16402" s="1" t="s">
        <v>60858</v>
      </c>
      <c r="B16402" s="1" t="s">
        <v>53796</v>
      </c>
      <c r="C16402" s="1" t="s">
        <v>170</v>
      </c>
      <c r="D16402" s="1" t="s">
        <v>41461</v>
      </c>
      <c r="E16402" s="1" t="s">
        <v>31497</v>
      </c>
      <c r="F16402" s="1" t="s">
        <v>60950</v>
      </c>
      <c r="G16402" s="1" t="s">
        <v>60861</v>
      </c>
      <c r="H16402" s="1" t="s">
        <v>60862</v>
      </c>
      <c r="I16402" s="1" t="s">
        <v>53800</v>
      </c>
      <c r="J16402" s="1" t="s">
        <v>60951</v>
      </c>
    </row>
    <row r="16403" spans="1:10" x14ac:dyDescent="0.35">
      <c r="A16403" s="1" t="s">
        <v>60952</v>
      </c>
      <c r="B16403" s="1" t="s">
        <v>53796</v>
      </c>
      <c r="C16403" s="1" t="s">
        <v>8</v>
      </c>
      <c r="D16403" s="1" t="s">
        <v>60953</v>
      </c>
      <c r="E16403" s="1" t="s">
        <v>60954</v>
      </c>
      <c r="F16403" s="1" t="s">
        <v>60955</v>
      </c>
      <c r="G16403" s="1" t="s">
        <v>60956</v>
      </c>
      <c r="H16403" s="1" t="s">
        <v>60957</v>
      </c>
      <c r="I16403" s="1" t="s">
        <v>53800</v>
      </c>
      <c r="J16403" s="1" t="s">
        <v>13</v>
      </c>
    </row>
    <row r="16404" spans="1:10" x14ac:dyDescent="0.35">
      <c r="A16404" s="1" t="s">
        <v>60952</v>
      </c>
      <c r="B16404" s="1" t="s">
        <v>53796</v>
      </c>
      <c r="C16404" s="1" t="s">
        <v>15</v>
      </c>
      <c r="D16404" s="1" t="s">
        <v>60958</v>
      </c>
      <c r="E16404" s="1" t="s">
        <v>60959</v>
      </c>
      <c r="F16404" s="1" t="s">
        <v>23485</v>
      </c>
      <c r="G16404" s="1" t="s">
        <v>60956</v>
      </c>
      <c r="H16404" s="1" t="s">
        <v>60957</v>
      </c>
      <c r="I16404" s="1" t="s">
        <v>53800</v>
      </c>
      <c r="J16404" s="1" t="s">
        <v>60960</v>
      </c>
    </row>
    <row r="16405" spans="1:10" x14ac:dyDescent="0.35">
      <c r="A16405" s="1" t="s">
        <v>60952</v>
      </c>
      <c r="B16405" s="1" t="s">
        <v>53796</v>
      </c>
      <c r="C16405" s="1" t="s">
        <v>20</v>
      </c>
      <c r="D16405" s="1" t="s">
        <v>60961</v>
      </c>
      <c r="E16405" s="1" t="s">
        <v>59885</v>
      </c>
      <c r="F16405" s="1" t="s">
        <v>27170</v>
      </c>
      <c r="G16405" s="1" t="s">
        <v>60956</v>
      </c>
      <c r="H16405" s="1" t="s">
        <v>60957</v>
      </c>
      <c r="I16405" s="1" t="s">
        <v>53800</v>
      </c>
      <c r="J16405" s="1" t="s">
        <v>60962</v>
      </c>
    </row>
    <row r="16406" spans="1:10" x14ac:dyDescent="0.35">
      <c r="A16406" s="1" t="s">
        <v>60952</v>
      </c>
      <c r="B16406" s="1" t="s">
        <v>53796</v>
      </c>
      <c r="C16406" s="1" t="s">
        <v>25</v>
      </c>
      <c r="D16406" s="1" t="s">
        <v>4948</v>
      </c>
      <c r="E16406" s="1" t="s">
        <v>60963</v>
      </c>
      <c r="F16406" s="1" t="s">
        <v>60964</v>
      </c>
      <c r="G16406" s="1" t="s">
        <v>60956</v>
      </c>
      <c r="H16406" s="1" t="s">
        <v>60957</v>
      </c>
      <c r="I16406" s="1" t="s">
        <v>53800</v>
      </c>
      <c r="J16406" s="1" t="s">
        <v>60965</v>
      </c>
    </row>
    <row r="16407" spans="1:10" x14ac:dyDescent="0.35">
      <c r="A16407" s="1" t="s">
        <v>60952</v>
      </c>
      <c r="B16407" s="1" t="s">
        <v>53796</v>
      </c>
      <c r="C16407" s="1" t="s">
        <v>30</v>
      </c>
      <c r="D16407" s="1" t="s">
        <v>60966</v>
      </c>
      <c r="E16407" s="1" t="s">
        <v>60967</v>
      </c>
      <c r="F16407" s="1" t="s">
        <v>60968</v>
      </c>
      <c r="G16407" s="1" t="s">
        <v>60956</v>
      </c>
      <c r="H16407" s="1" t="s">
        <v>60957</v>
      </c>
      <c r="I16407" s="1" t="s">
        <v>53800</v>
      </c>
      <c r="J16407" s="1" t="s">
        <v>60969</v>
      </c>
    </row>
    <row r="16408" spans="1:10" x14ac:dyDescent="0.35">
      <c r="A16408" s="1" t="s">
        <v>60952</v>
      </c>
      <c r="B16408" s="1" t="s">
        <v>53796</v>
      </c>
      <c r="C16408" s="1" t="s">
        <v>35</v>
      </c>
      <c r="D16408" s="1" t="s">
        <v>55771</v>
      </c>
      <c r="E16408" s="1" t="s">
        <v>60970</v>
      </c>
      <c r="F16408" s="1" t="s">
        <v>60971</v>
      </c>
      <c r="G16408" s="1" t="s">
        <v>60956</v>
      </c>
      <c r="H16408" s="1" t="s">
        <v>60957</v>
      </c>
      <c r="I16408" s="1" t="s">
        <v>53800</v>
      </c>
      <c r="J16408" s="1" t="s">
        <v>60972</v>
      </c>
    </row>
    <row r="16409" spans="1:10" x14ac:dyDescent="0.35">
      <c r="A16409" s="1" t="s">
        <v>60952</v>
      </c>
      <c r="B16409" s="1" t="s">
        <v>53796</v>
      </c>
      <c r="C16409" s="1" t="s">
        <v>40</v>
      </c>
      <c r="D16409" s="1" t="s">
        <v>60973</v>
      </c>
      <c r="E16409" s="1" t="s">
        <v>60974</v>
      </c>
      <c r="F16409" s="1" t="s">
        <v>60975</v>
      </c>
      <c r="G16409" s="1" t="s">
        <v>60956</v>
      </c>
      <c r="H16409" s="1" t="s">
        <v>60957</v>
      </c>
      <c r="I16409" s="1" t="s">
        <v>53800</v>
      </c>
      <c r="J16409" s="1" t="s">
        <v>60976</v>
      </c>
    </row>
    <row r="16410" spans="1:10" x14ac:dyDescent="0.35">
      <c r="A16410" s="1" t="s">
        <v>60952</v>
      </c>
      <c r="B16410" s="1" t="s">
        <v>53796</v>
      </c>
      <c r="C16410" s="1" t="s">
        <v>45</v>
      </c>
      <c r="D16410" s="1" t="s">
        <v>55759</v>
      </c>
      <c r="E16410" s="1" t="s">
        <v>54426</v>
      </c>
      <c r="F16410" s="1" t="s">
        <v>60977</v>
      </c>
      <c r="G16410" s="1" t="s">
        <v>60956</v>
      </c>
      <c r="H16410" s="1" t="s">
        <v>60957</v>
      </c>
      <c r="I16410" s="1" t="s">
        <v>53800</v>
      </c>
      <c r="J16410" s="1" t="s">
        <v>60978</v>
      </c>
    </row>
    <row r="16411" spans="1:10" x14ac:dyDescent="0.35">
      <c r="A16411" s="1" t="s">
        <v>60952</v>
      </c>
      <c r="B16411" s="1" t="s">
        <v>53796</v>
      </c>
      <c r="C16411" s="1" t="s">
        <v>50</v>
      </c>
      <c r="D16411" s="1" t="s">
        <v>60979</v>
      </c>
      <c r="E16411" s="1" t="s">
        <v>55897</v>
      </c>
      <c r="F16411" s="1" t="s">
        <v>32581</v>
      </c>
      <c r="G16411" s="1" t="s">
        <v>60956</v>
      </c>
      <c r="H16411" s="1" t="s">
        <v>60957</v>
      </c>
      <c r="I16411" s="1" t="s">
        <v>53800</v>
      </c>
      <c r="J16411" s="1" t="s">
        <v>60980</v>
      </c>
    </row>
    <row r="16412" spans="1:10" x14ac:dyDescent="0.35">
      <c r="A16412" s="1" t="s">
        <v>60952</v>
      </c>
      <c r="B16412" s="1" t="s">
        <v>53796</v>
      </c>
      <c r="C16412" s="1" t="s">
        <v>55</v>
      </c>
      <c r="D16412" s="1" t="s">
        <v>60981</v>
      </c>
      <c r="E16412" s="1" t="s">
        <v>41327</v>
      </c>
      <c r="F16412" s="1" t="s">
        <v>60982</v>
      </c>
      <c r="G16412" s="1" t="s">
        <v>60956</v>
      </c>
      <c r="H16412" s="1" t="s">
        <v>60957</v>
      </c>
      <c r="I16412" s="1" t="s">
        <v>53800</v>
      </c>
      <c r="J16412" s="1" t="s">
        <v>60983</v>
      </c>
    </row>
    <row r="16413" spans="1:10" x14ac:dyDescent="0.35">
      <c r="A16413" s="1" t="s">
        <v>60952</v>
      </c>
      <c r="B16413" s="1" t="s">
        <v>53796</v>
      </c>
      <c r="C16413" s="1" t="s">
        <v>60</v>
      </c>
      <c r="D16413" s="1" t="s">
        <v>60984</v>
      </c>
      <c r="E16413" s="1" t="s">
        <v>54046</v>
      </c>
      <c r="F16413" s="1" t="s">
        <v>60985</v>
      </c>
      <c r="G16413" s="1" t="s">
        <v>60956</v>
      </c>
      <c r="H16413" s="1" t="s">
        <v>60957</v>
      </c>
      <c r="I16413" s="1" t="s">
        <v>53800</v>
      </c>
      <c r="J16413" s="1" t="s">
        <v>60986</v>
      </c>
    </row>
    <row r="16414" spans="1:10" x14ac:dyDescent="0.35">
      <c r="A16414" s="1" t="s">
        <v>60952</v>
      </c>
      <c r="B16414" s="1" t="s">
        <v>53796</v>
      </c>
      <c r="C16414" s="1" t="s">
        <v>65</v>
      </c>
      <c r="D16414" s="1" t="s">
        <v>60987</v>
      </c>
      <c r="E16414" s="1" t="s">
        <v>55137</v>
      </c>
      <c r="F16414" s="1" t="s">
        <v>60988</v>
      </c>
      <c r="G16414" s="1" t="s">
        <v>60956</v>
      </c>
      <c r="H16414" s="1" t="s">
        <v>60957</v>
      </c>
      <c r="I16414" s="1" t="s">
        <v>53800</v>
      </c>
      <c r="J16414" s="1" t="s">
        <v>60989</v>
      </c>
    </row>
    <row r="16415" spans="1:10" x14ac:dyDescent="0.35">
      <c r="A16415" s="1" t="s">
        <v>60952</v>
      </c>
      <c r="B16415" s="1" t="s">
        <v>53796</v>
      </c>
      <c r="C16415" s="1" t="s">
        <v>70</v>
      </c>
      <c r="D16415" s="1" t="s">
        <v>24895</v>
      </c>
      <c r="E16415" s="1" t="s">
        <v>60724</v>
      </c>
      <c r="F16415" s="1" t="s">
        <v>60990</v>
      </c>
      <c r="G16415" s="1" t="s">
        <v>60956</v>
      </c>
      <c r="H16415" s="1" t="s">
        <v>60957</v>
      </c>
      <c r="I16415" s="1" t="s">
        <v>53800</v>
      </c>
      <c r="J16415" s="1" t="s">
        <v>60991</v>
      </c>
    </row>
    <row r="16416" spans="1:10" x14ac:dyDescent="0.35">
      <c r="A16416" s="1" t="s">
        <v>60952</v>
      </c>
      <c r="B16416" s="1" t="s">
        <v>53796</v>
      </c>
      <c r="C16416" s="1" t="s">
        <v>75</v>
      </c>
      <c r="D16416" s="1" t="s">
        <v>60992</v>
      </c>
      <c r="E16416" s="1" t="s">
        <v>58164</v>
      </c>
      <c r="F16416" s="1" t="s">
        <v>60993</v>
      </c>
      <c r="G16416" s="1" t="s">
        <v>60956</v>
      </c>
      <c r="H16416" s="1" t="s">
        <v>60957</v>
      </c>
      <c r="I16416" s="1" t="s">
        <v>53800</v>
      </c>
      <c r="J16416" s="1" t="s">
        <v>60994</v>
      </c>
    </row>
    <row r="16417" spans="1:10" x14ac:dyDescent="0.35">
      <c r="A16417" s="1" t="s">
        <v>60952</v>
      </c>
      <c r="B16417" s="1" t="s">
        <v>53796</v>
      </c>
      <c r="C16417" s="1" t="s">
        <v>80</v>
      </c>
      <c r="D16417" s="1" t="s">
        <v>60995</v>
      </c>
      <c r="E16417" s="1" t="s">
        <v>58164</v>
      </c>
      <c r="F16417" s="1" t="s">
        <v>60996</v>
      </c>
      <c r="G16417" s="1" t="s">
        <v>60956</v>
      </c>
      <c r="H16417" s="1" t="s">
        <v>60957</v>
      </c>
      <c r="I16417" s="1" t="s">
        <v>53800</v>
      </c>
      <c r="J16417" s="1" t="s">
        <v>60997</v>
      </c>
    </row>
    <row r="16418" spans="1:10" x14ac:dyDescent="0.35">
      <c r="A16418" s="1" t="s">
        <v>60952</v>
      </c>
      <c r="B16418" s="1" t="s">
        <v>53796</v>
      </c>
      <c r="C16418" s="1" t="s">
        <v>85</v>
      </c>
      <c r="D16418" s="1" t="s">
        <v>60998</v>
      </c>
      <c r="E16418" s="1" t="s">
        <v>22889</v>
      </c>
      <c r="F16418" s="1" t="s">
        <v>60999</v>
      </c>
      <c r="G16418" s="1" t="s">
        <v>60956</v>
      </c>
      <c r="H16418" s="1" t="s">
        <v>60957</v>
      </c>
      <c r="I16418" s="1" t="s">
        <v>53800</v>
      </c>
      <c r="J16418" s="1" t="s">
        <v>61000</v>
      </c>
    </row>
    <row r="16419" spans="1:10" x14ac:dyDescent="0.35">
      <c r="A16419" s="1" t="s">
        <v>60952</v>
      </c>
      <c r="B16419" s="1" t="s">
        <v>53796</v>
      </c>
      <c r="C16419" s="1" t="s">
        <v>90</v>
      </c>
      <c r="D16419" s="1" t="s">
        <v>60150</v>
      </c>
      <c r="E16419" s="1" t="s">
        <v>15225</v>
      </c>
      <c r="F16419" s="1" t="s">
        <v>61001</v>
      </c>
      <c r="G16419" s="1" t="s">
        <v>60956</v>
      </c>
      <c r="H16419" s="1" t="s">
        <v>60957</v>
      </c>
      <c r="I16419" s="1" t="s">
        <v>53800</v>
      </c>
      <c r="J16419" s="1" t="s">
        <v>61002</v>
      </c>
    </row>
    <row r="16420" spans="1:10" x14ac:dyDescent="0.35">
      <c r="A16420" s="1" t="s">
        <v>60952</v>
      </c>
      <c r="B16420" s="1" t="s">
        <v>53796</v>
      </c>
      <c r="C16420" s="1" t="s">
        <v>95</v>
      </c>
      <c r="D16420" s="1" t="s">
        <v>61003</v>
      </c>
      <c r="E16420" s="1" t="s">
        <v>61004</v>
      </c>
      <c r="F16420" s="1" t="s">
        <v>61005</v>
      </c>
      <c r="G16420" s="1" t="s">
        <v>60956</v>
      </c>
      <c r="H16420" s="1" t="s">
        <v>60957</v>
      </c>
      <c r="I16420" s="1" t="s">
        <v>53800</v>
      </c>
      <c r="J16420" s="1" t="s">
        <v>61006</v>
      </c>
    </row>
    <row r="16421" spans="1:10" x14ac:dyDescent="0.35">
      <c r="A16421" s="1" t="s">
        <v>60952</v>
      </c>
      <c r="B16421" s="1" t="s">
        <v>53796</v>
      </c>
      <c r="C16421" s="1" t="s">
        <v>100</v>
      </c>
      <c r="D16421" s="1" t="s">
        <v>61007</v>
      </c>
      <c r="E16421" s="1" t="s">
        <v>58898</v>
      </c>
      <c r="F16421" s="1" t="s">
        <v>59624</v>
      </c>
      <c r="G16421" s="1" t="s">
        <v>60956</v>
      </c>
      <c r="H16421" s="1" t="s">
        <v>60957</v>
      </c>
      <c r="I16421" s="1" t="s">
        <v>53800</v>
      </c>
      <c r="J16421" s="1" t="s">
        <v>61008</v>
      </c>
    </row>
    <row r="16422" spans="1:10" x14ac:dyDescent="0.35">
      <c r="A16422" s="1" t="s">
        <v>60952</v>
      </c>
      <c r="B16422" s="1" t="s">
        <v>53796</v>
      </c>
      <c r="C16422" s="1" t="s">
        <v>105</v>
      </c>
      <c r="D16422" s="1" t="s">
        <v>61009</v>
      </c>
      <c r="E16422" s="1" t="s">
        <v>61010</v>
      </c>
      <c r="F16422" s="1" t="s">
        <v>61011</v>
      </c>
      <c r="G16422" s="1" t="s">
        <v>60956</v>
      </c>
      <c r="H16422" s="1" t="s">
        <v>60957</v>
      </c>
      <c r="I16422" s="1" t="s">
        <v>53800</v>
      </c>
      <c r="J16422" s="1" t="s">
        <v>61012</v>
      </c>
    </row>
    <row r="16423" spans="1:10" x14ac:dyDescent="0.35">
      <c r="A16423" s="1" t="s">
        <v>60952</v>
      </c>
      <c r="B16423" s="1" t="s">
        <v>53796</v>
      </c>
      <c r="C16423" s="1" t="s">
        <v>110</v>
      </c>
      <c r="D16423" s="1" t="s">
        <v>61013</v>
      </c>
      <c r="E16423" s="1" t="s">
        <v>61014</v>
      </c>
      <c r="F16423" s="1" t="s">
        <v>61015</v>
      </c>
      <c r="G16423" s="1" t="s">
        <v>60956</v>
      </c>
      <c r="H16423" s="1" t="s">
        <v>60957</v>
      </c>
      <c r="I16423" s="1" t="s">
        <v>53800</v>
      </c>
      <c r="J16423" s="1" t="s">
        <v>61016</v>
      </c>
    </row>
    <row r="16424" spans="1:10" x14ac:dyDescent="0.35">
      <c r="A16424" s="1" t="s">
        <v>60952</v>
      </c>
      <c r="B16424" s="1" t="s">
        <v>53796</v>
      </c>
      <c r="C16424" s="1" t="s">
        <v>115</v>
      </c>
      <c r="D16424" s="1" t="s">
        <v>61017</v>
      </c>
      <c r="E16424" s="1" t="s">
        <v>55069</v>
      </c>
      <c r="F16424" s="1" t="s">
        <v>61018</v>
      </c>
      <c r="G16424" s="1" t="s">
        <v>60956</v>
      </c>
      <c r="H16424" s="1" t="s">
        <v>60957</v>
      </c>
      <c r="I16424" s="1" t="s">
        <v>53800</v>
      </c>
      <c r="J16424" s="1" t="s">
        <v>61019</v>
      </c>
    </row>
    <row r="16425" spans="1:10" x14ac:dyDescent="0.35">
      <c r="A16425" s="1" t="s">
        <v>60952</v>
      </c>
      <c r="B16425" s="1" t="s">
        <v>53796</v>
      </c>
      <c r="C16425" s="1" t="s">
        <v>120</v>
      </c>
      <c r="D16425" s="1" t="s">
        <v>61020</v>
      </c>
      <c r="E16425" s="1" t="s">
        <v>61021</v>
      </c>
      <c r="F16425" s="1" t="s">
        <v>61022</v>
      </c>
      <c r="G16425" s="1" t="s">
        <v>60956</v>
      </c>
      <c r="H16425" s="1" t="s">
        <v>60957</v>
      </c>
      <c r="I16425" s="1" t="s">
        <v>53800</v>
      </c>
      <c r="J16425" s="1" t="s">
        <v>61023</v>
      </c>
    </row>
    <row r="16426" spans="1:10" x14ac:dyDescent="0.35">
      <c r="A16426" s="1" t="s">
        <v>60952</v>
      </c>
      <c r="B16426" s="1" t="s">
        <v>53796</v>
      </c>
      <c r="C16426" s="1" t="s">
        <v>125</v>
      </c>
      <c r="D16426" s="1" t="s">
        <v>61024</v>
      </c>
      <c r="E16426" s="1" t="s">
        <v>23087</v>
      </c>
      <c r="F16426" s="1" t="s">
        <v>61025</v>
      </c>
      <c r="G16426" s="1" t="s">
        <v>60956</v>
      </c>
      <c r="H16426" s="1" t="s">
        <v>60957</v>
      </c>
      <c r="I16426" s="1" t="s">
        <v>53800</v>
      </c>
      <c r="J16426" s="1" t="s">
        <v>61026</v>
      </c>
    </row>
    <row r="16427" spans="1:10" x14ac:dyDescent="0.35">
      <c r="A16427" s="1" t="s">
        <v>60952</v>
      </c>
      <c r="B16427" s="1" t="s">
        <v>53796</v>
      </c>
      <c r="C16427" s="1" t="s">
        <v>130</v>
      </c>
      <c r="D16427" s="1" t="s">
        <v>21210</v>
      </c>
      <c r="E16427" s="1" t="s">
        <v>12801</v>
      </c>
      <c r="F16427" s="1" t="s">
        <v>31977</v>
      </c>
      <c r="G16427" s="1" t="s">
        <v>60956</v>
      </c>
      <c r="H16427" s="1" t="s">
        <v>60957</v>
      </c>
      <c r="I16427" s="1" t="s">
        <v>53800</v>
      </c>
      <c r="J16427" s="1" t="s">
        <v>61027</v>
      </c>
    </row>
    <row r="16428" spans="1:10" x14ac:dyDescent="0.35">
      <c r="A16428" s="1" t="s">
        <v>60952</v>
      </c>
      <c r="B16428" s="1" t="s">
        <v>53796</v>
      </c>
      <c r="C16428" s="1" t="s">
        <v>135</v>
      </c>
      <c r="D16428" s="1" t="s">
        <v>61028</v>
      </c>
      <c r="E16428" s="1" t="s">
        <v>12845</v>
      </c>
      <c r="F16428" s="1" t="s">
        <v>61029</v>
      </c>
      <c r="G16428" s="1" t="s">
        <v>60956</v>
      </c>
      <c r="H16428" s="1" t="s">
        <v>60957</v>
      </c>
      <c r="I16428" s="1" t="s">
        <v>53800</v>
      </c>
      <c r="J16428" s="1" t="s">
        <v>61030</v>
      </c>
    </row>
    <row r="16429" spans="1:10" x14ac:dyDescent="0.35">
      <c r="A16429" s="1" t="s">
        <v>60952</v>
      </c>
      <c r="B16429" s="1" t="s">
        <v>53796</v>
      </c>
      <c r="C16429" s="1" t="s">
        <v>140</v>
      </c>
      <c r="D16429" s="1" t="s">
        <v>61031</v>
      </c>
      <c r="E16429" s="1" t="s">
        <v>41414</v>
      </c>
      <c r="F16429" s="1" t="s">
        <v>57079</v>
      </c>
      <c r="G16429" s="1" t="s">
        <v>60956</v>
      </c>
      <c r="H16429" s="1" t="s">
        <v>60957</v>
      </c>
      <c r="I16429" s="1" t="s">
        <v>53800</v>
      </c>
      <c r="J16429" s="1" t="s">
        <v>61032</v>
      </c>
    </row>
    <row r="16430" spans="1:10" x14ac:dyDescent="0.35">
      <c r="A16430" s="1" t="s">
        <v>60952</v>
      </c>
      <c r="B16430" s="1" t="s">
        <v>53796</v>
      </c>
      <c r="C16430" s="1" t="s">
        <v>145</v>
      </c>
      <c r="D16430" s="1" t="s">
        <v>61033</v>
      </c>
      <c r="E16430" s="1" t="s">
        <v>61034</v>
      </c>
      <c r="F16430" s="1" t="s">
        <v>61035</v>
      </c>
      <c r="G16430" s="1" t="s">
        <v>60956</v>
      </c>
      <c r="H16430" s="1" t="s">
        <v>60957</v>
      </c>
      <c r="I16430" s="1" t="s">
        <v>53800</v>
      </c>
      <c r="J16430" s="1" t="s">
        <v>61036</v>
      </c>
    </row>
    <row r="16431" spans="1:10" x14ac:dyDescent="0.35">
      <c r="A16431" s="1" t="s">
        <v>60952</v>
      </c>
      <c r="B16431" s="1" t="s">
        <v>53796</v>
      </c>
      <c r="C16431" s="1" t="s">
        <v>150</v>
      </c>
      <c r="D16431" s="1" t="s">
        <v>41570</v>
      </c>
      <c r="E16431" s="1" t="s">
        <v>54059</v>
      </c>
      <c r="F16431" s="1" t="s">
        <v>58231</v>
      </c>
      <c r="G16431" s="1" t="s">
        <v>60956</v>
      </c>
      <c r="H16431" s="1" t="s">
        <v>60957</v>
      </c>
      <c r="I16431" s="1" t="s">
        <v>53800</v>
      </c>
      <c r="J16431" s="1" t="s">
        <v>61037</v>
      </c>
    </row>
    <row r="16432" spans="1:10" x14ac:dyDescent="0.35">
      <c r="A16432" s="1" t="s">
        <v>60952</v>
      </c>
      <c r="B16432" s="1" t="s">
        <v>53796</v>
      </c>
      <c r="C16432" s="1" t="s">
        <v>155</v>
      </c>
      <c r="D16432" s="1" t="s">
        <v>61038</v>
      </c>
      <c r="E16432" s="1" t="s">
        <v>15228</v>
      </c>
      <c r="F16432" s="1" t="s">
        <v>61039</v>
      </c>
      <c r="G16432" s="1" t="s">
        <v>60956</v>
      </c>
      <c r="H16432" s="1" t="s">
        <v>60957</v>
      </c>
      <c r="I16432" s="1" t="s">
        <v>53800</v>
      </c>
      <c r="J16432" s="1" t="s">
        <v>61040</v>
      </c>
    </row>
    <row r="16433" spans="1:10" x14ac:dyDescent="0.35">
      <c r="A16433" s="1" t="s">
        <v>60952</v>
      </c>
      <c r="B16433" s="1" t="s">
        <v>53796</v>
      </c>
      <c r="C16433" s="1" t="s">
        <v>160</v>
      </c>
      <c r="D16433" s="1" t="s">
        <v>61041</v>
      </c>
      <c r="E16433" s="1" t="s">
        <v>61042</v>
      </c>
      <c r="F16433" s="1" t="s">
        <v>61043</v>
      </c>
      <c r="G16433" s="1" t="s">
        <v>60956</v>
      </c>
      <c r="H16433" s="1" t="s">
        <v>60957</v>
      </c>
      <c r="I16433" s="1" t="s">
        <v>53800</v>
      </c>
      <c r="J16433" s="1" t="s">
        <v>61044</v>
      </c>
    </row>
    <row r="16434" spans="1:10" x14ac:dyDescent="0.35">
      <c r="A16434" s="1" t="s">
        <v>60952</v>
      </c>
      <c r="B16434" s="1" t="s">
        <v>53796</v>
      </c>
      <c r="C16434" s="1" t="s">
        <v>165</v>
      </c>
      <c r="D16434" s="1" t="s">
        <v>61045</v>
      </c>
      <c r="E16434" s="1" t="s">
        <v>59813</v>
      </c>
      <c r="F16434" s="1" t="s">
        <v>59079</v>
      </c>
      <c r="G16434" s="1" t="s">
        <v>60956</v>
      </c>
      <c r="H16434" s="1" t="s">
        <v>60957</v>
      </c>
      <c r="I16434" s="1" t="s">
        <v>53800</v>
      </c>
      <c r="J16434" s="1" t="s">
        <v>61046</v>
      </c>
    </row>
    <row r="16435" spans="1:10" x14ac:dyDescent="0.35">
      <c r="A16435" s="1" t="s">
        <v>60952</v>
      </c>
      <c r="B16435" s="1" t="s">
        <v>53796</v>
      </c>
      <c r="C16435" s="1" t="s">
        <v>170</v>
      </c>
      <c r="D16435" s="1" t="s">
        <v>61047</v>
      </c>
      <c r="E16435" s="1" t="s">
        <v>32084</v>
      </c>
      <c r="F16435" s="1" t="s">
        <v>61048</v>
      </c>
      <c r="G16435" s="1" t="s">
        <v>60956</v>
      </c>
      <c r="H16435" s="1" t="s">
        <v>60957</v>
      </c>
      <c r="I16435" s="1" t="s">
        <v>53800</v>
      </c>
      <c r="J16435" s="1" t="s">
        <v>61049</v>
      </c>
    </row>
    <row r="16436" spans="1:10" x14ac:dyDescent="0.35">
      <c r="A16436" s="1" t="s">
        <v>61050</v>
      </c>
      <c r="B16436" s="1" t="s">
        <v>53796</v>
      </c>
      <c r="C16436" s="1" t="s">
        <v>8</v>
      </c>
      <c r="D16436" s="1" t="s">
        <v>61051</v>
      </c>
      <c r="E16436" s="1" t="s">
        <v>12757</v>
      </c>
      <c r="F16436" s="1" t="s">
        <v>61052</v>
      </c>
      <c r="G16436" s="1" t="s">
        <v>61053</v>
      </c>
      <c r="H16436" s="1" t="s">
        <v>61054</v>
      </c>
      <c r="I16436" s="1" t="s">
        <v>53800</v>
      </c>
      <c r="J16436" s="1" t="s">
        <v>13</v>
      </c>
    </row>
    <row r="16437" spans="1:10" x14ac:dyDescent="0.35">
      <c r="A16437" s="1" t="s">
        <v>61050</v>
      </c>
      <c r="B16437" s="1" t="s">
        <v>53796</v>
      </c>
      <c r="C16437" s="1" t="s">
        <v>15</v>
      </c>
      <c r="D16437" s="1" t="s">
        <v>61055</v>
      </c>
      <c r="E16437" s="1" t="s">
        <v>57856</v>
      </c>
      <c r="F16437" s="1" t="s">
        <v>61056</v>
      </c>
      <c r="G16437" s="1" t="s">
        <v>61053</v>
      </c>
      <c r="H16437" s="1" t="s">
        <v>61054</v>
      </c>
      <c r="I16437" s="1" t="s">
        <v>53800</v>
      </c>
      <c r="J16437" s="1" t="s">
        <v>61057</v>
      </c>
    </row>
    <row r="16438" spans="1:10" x14ac:dyDescent="0.35">
      <c r="A16438" s="1" t="s">
        <v>61050</v>
      </c>
      <c r="B16438" s="1" t="s">
        <v>53796</v>
      </c>
      <c r="C16438" s="1" t="s">
        <v>20</v>
      </c>
      <c r="D16438" s="1" t="s">
        <v>61058</v>
      </c>
      <c r="E16438" s="1" t="s">
        <v>54092</v>
      </c>
      <c r="F16438" s="1" t="s">
        <v>23245</v>
      </c>
      <c r="G16438" s="1" t="s">
        <v>61053</v>
      </c>
      <c r="H16438" s="1" t="s">
        <v>61054</v>
      </c>
      <c r="I16438" s="1" t="s">
        <v>53800</v>
      </c>
      <c r="J16438" s="1" t="s">
        <v>61059</v>
      </c>
    </row>
    <row r="16439" spans="1:10" x14ac:dyDescent="0.35">
      <c r="A16439" s="1" t="s">
        <v>61050</v>
      </c>
      <c r="B16439" s="1" t="s">
        <v>53796</v>
      </c>
      <c r="C16439" s="1" t="s">
        <v>25</v>
      </c>
      <c r="D16439" s="1" t="s">
        <v>61060</v>
      </c>
      <c r="E16439" s="1" t="s">
        <v>61061</v>
      </c>
      <c r="F16439" s="1" t="s">
        <v>61062</v>
      </c>
      <c r="G16439" s="1" t="s">
        <v>61053</v>
      </c>
      <c r="H16439" s="1" t="s">
        <v>61054</v>
      </c>
      <c r="I16439" s="1" t="s">
        <v>53800</v>
      </c>
      <c r="J16439" s="1" t="s">
        <v>61063</v>
      </c>
    </row>
    <row r="16440" spans="1:10" x14ac:dyDescent="0.35">
      <c r="A16440" s="1" t="s">
        <v>61050</v>
      </c>
      <c r="B16440" s="1" t="s">
        <v>53796</v>
      </c>
      <c r="C16440" s="1" t="s">
        <v>30</v>
      </c>
      <c r="D16440" s="1" t="s">
        <v>61064</v>
      </c>
      <c r="E16440" s="1" t="s">
        <v>31361</v>
      </c>
      <c r="F16440" s="1" t="s">
        <v>61065</v>
      </c>
      <c r="G16440" s="1" t="s">
        <v>61053</v>
      </c>
      <c r="H16440" s="1" t="s">
        <v>61054</v>
      </c>
      <c r="I16440" s="1" t="s">
        <v>53800</v>
      </c>
      <c r="J16440" s="1" t="s">
        <v>61066</v>
      </c>
    </row>
    <row r="16441" spans="1:10" x14ac:dyDescent="0.35">
      <c r="A16441" s="1" t="s">
        <v>61050</v>
      </c>
      <c r="B16441" s="1" t="s">
        <v>53796</v>
      </c>
      <c r="C16441" s="1" t="s">
        <v>35</v>
      </c>
      <c r="D16441" s="1" t="s">
        <v>19121</v>
      </c>
      <c r="E16441" s="1" t="s">
        <v>58349</v>
      </c>
      <c r="F16441" s="1" t="s">
        <v>61067</v>
      </c>
      <c r="G16441" s="1" t="s">
        <v>61053</v>
      </c>
      <c r="H16441" s="1" t="s">
        <v>61054</v>
      </c>
      <c r="I16441" s="1" t="s">
        <v>53800</v>
      </c>
      <c r="J16441" s="1" t="s">
        <v>61068</v>
      </c>
    </row>
    <row r="16442" spans="1:10" x14ac:dyDescent="0.35">
      <c r="A16442" s="1" t="s">
        <v>61050</v>
      </c>
      <c r="B16442" s="1" t="s">
        <v>53796</v>
      </c>
      <c r="C16442" s="1" t="s">
        <v>40</v>
      </c>
      <c r="D16442" s="1" t="s">
        <v>5911</v>
      </c>
      <c r="E16442" s="1" t="s">
        <v>61069</v>
      </c>
      <c r="F16442" s="1" t="s">
        <v>61070</v>
      </c>
      <c r="G16442" s="1" t="s">
        <v>61053</v>
      </c>
      <c r="H16442" s="1" t="s">
        <v>61054</v>
      </c>
      <c r="I16442" s="1" t="s">
        <v>53800</v>
      </c>
      <c r="J16442" s="1" t="s">
        <v>61071</v>
      </c>
    </row>
    <row r="16443" spans="1:10" x14ac:dyDescent="0.35">
      <c r="A16443" s="1" t="s">
        <v>61050</v>
      </c>
      <c r="B16443" s="1" t="s">
        <v>53796</v>
      </c>
      <c r="C16443" s="1" t="s">
        <v>45</v>
      </c>
      <c r="D16443" s="1" t="s">
        <v>61072</v>
      </c>
      <c r="E16443" s="1" t="s">
        <v>24178</v>
      </c>
      <c r="F16443" s="1" t="s">
        <v>61073</v>
      </c>
      <c r="G16443" s="1" t="s">
        <v>61053</v>
      </c>
      <c r="H16443" s="1" t="s">
        <v>61054</v>
      </c>
      <c r="I16443" s="1" t="s">
        <v>53800</v>
      </c>
      <c r="J16443" s="1" t="s">
        <v>61074</v>
      </c>
    </row>
    <row r="16444" spans="1:10" x14ac:dyDescent="0.35">
      <c r="A16444" s="1" t="s">
        <v>61050</v>
      </c>
      <c r="B16444" s="1" t="s">
        <v>53796</v>
      </c>
      <c r="C16444" s="1" t="s">
        <v>50</v>
      </c>
      <c r="D16444" s="1" t="s">
        <v>61075</v>
      </c>
      <c r="E16444" s="1" t="s">
        <v>61076</v>
      </c>
      <c r="F16444" s="1" t="s">
        <v>61077</v>
      </c>
      <c r="G16444" s="1" t="s">
        <v>61053</v>
      </c>
      <c r="H16444" s="1" t="s">
        <v>61054</v>
      </c>
      <c r="I16444" s="1" t="s">
        <v>53800</v>
      </c>
      <c r="J16444" s="1" t="s">
        <v>61078</v>
      </c>
    </row>
    <row r="16445" spans="1:10" x14ac:dyDescent="0.35">
      <c r="A16445" s="1" t="s">
        <v>61050</v>
      </c>
      <c r="B16445" s="1" t="s">
        <v>53796</v>
      </c>
      <c r="C16445" s="1" t="s">
        <v>55</v>
      </c>
      <c r="D16445" s="1" t="s">
        <v>61079</v>
      </c>
      <c r="E16445" s="1" t="s">
        <v>53843</v>
      </c>
      <c r="F16445" s="1" t="s">
        <v>61080</v>
      </c>
      <c r="G16445" s="1" t="s">
        <v>61053</v>
      </c>
      <c r="H16445" s="1" t="s">
        <v>61054</v>
      </c>
      <c r="I16445" s="1" t="s">
        <v>53800</v>
      </c>
      <c r="J16445" s="1" t="s">
        <v>61081</v>
      </c>
    </row>
    <row r="16446" spans="1:10" x14ac:dyDescent="0.35">
      <c r="A16446" s="1" t="s">
        <v>61050</v>
      </c>
      <c r="B16446" s="1" t="s">
        <v>53796</v>
      </c>
      <c r="C16446" s="1" t="s">
        <v>60</v>
      </c>
      <c r="D16446" s="1" t="s">
        <v>61082</v>
      </c>
      <c r="E16446" s="1" t="s">
        <v>32359</v>
      </c>
      <c r="F16446" s="1" t="s">
        <v>61083</v>
      </c>
      <c r="G16446" s="1" t="s">
        <v>61053</v>
      </c>
      <c r="H16446" s="1" t="s">
        <v>61054</v>
      </c>
      <c r="I16446" s="1" t="s">
        <v>53800</v>
      </c>
      <c r="J16446" s="1" t="s">
        <v>61084</v>
      </c>
    </row>
    <row r="16447" spans="1:10" x14ac:dyDescent="0.35">
      <c r="A16447" s="1" t="s">
        <v>61050</v>
      </c>
      <c r="B16447" s="1" t="s">
        <v>53796</v>
      </c>
      <c r="C16447" s="1" t="s">
        <v>65</v>
      </c>
      <c r="D16447" s="1" t="s">
        <v>61085</v>
      </c>
      <c r="E16447" s="1" t="s">
        <v>41210</v>
      </c>
      <c r="F16447" s="1" t="s">
        <v>61086</v>
      </c>
      <c r="G16447" s="1" t="s">
        <v>61053</v>
      </c>
      <c r="H16447" s="1" t="s">
        <v>61054</v>
      </c>
      <c r="I16447" s="1" t="s">
        <v>53800</v>
      </c>
      <c r="J16447" s="1" t="s">
        <v>61087</v>
      </c>
    </row>
    <row r="16448" spans="1:10" x14ac:dyDescent="0.35">
      <c r="A16448" s="1" t="s">
        <v>61050</v>
      </c>
      <c r="B16448" s="1" t="s">
        <v>53796</v>
      </c>
      <c r="C16448" s="1" t="s">
        <v>70</v>
      </c>
      <c r="D16448" s="1" t="s">
        <v>61088</v>
      </c>
      <c r="E16448" s="1" t="s">
        <v>54042</v>
      </c>
      <c r="F16448" s="1" t="s">
        <v>61089</v>
      </c>
      <c r="G16448" s="1" t="s">
        <v>61053</v>
      </c>
      <c r="H16448" s="1" t="s">
        <v>61054</v>
      </c>
      <c r="I16448" s="1" t="s">
        <v>53800</v>
      </c>
      <c r="J16448" s="1" t="s">
        <v>61090</v>
      </c>
    </row>
    <row r="16449" spans="1:10" x14ac:dyDescent="0.35">
      <c r="A16449" s="1" t="s">
        <v>61050</v>
      </c>
      <c r="B16449" s="1" t="s">
        <v>53796</v>
      </c>
      <c r="C16449" s="1" t="s">
        <v>75</v>
      </c>
      <c r="D16449" s="1" t="s">
        <v>61091</v>
      </c>
      <c r="E16449" s="1" t="s">
        <v>57412</v>
      </c>
      <c r="F16449" s="1" t="s">
        <v>61092</v>
      </c>
      <c r="G16449" s="1" t="s">
        <v>61053</v>
      </c>
      <c r="H16449" s="1" t="s">
        <v>61054</v>
      </c>
      <c r="I16449" s="1" t="s">
        <v>53800</v>
      </c>
      <c r="J16449" s="1" t="s">
        <v>61093</v>
      </c>
    </row>
    <row r="16450" spans="1:10" x14ac:dyDescent="0.35">
      <c r="A16450" s="1" t="s">
        <v>61050</v>
      </c>
      <c r="B16450" s="1" t="s">
        <v>53796</v>
      </c>
      <c r="C16450" s="1" t="s">
        <v>80</v>
      </c>
      <c r="D16450" s="1" t="s">
        <v>61094</v>
      </c>
      <c r="E16450" s="1" t="s">
        <v>54371</v>
      </c>
      <c r="F16450" s="1" t="s">
        <v>61095</v>
      </c>
      <c r="G16450" s="1" t="s">
        <v>61053</v>
      </c>
      <c r="H16450" s="1" t="s">
        <v>61054</v>
      </c>
      <c r="I16450" s="1" t="s">
        <v>53800</v>
      </c>
      <c r="J16450" s="1" t="s">
        <v>61096</v>
      </c>
    </row>
    <row r="16451" spans="1:10" x14ac:dyDescent="0.35">
      <c r="A16451" s="1" t="s">
        <v>61050</v>
      </c>
      <c r="B16451" s="1" t="s">
        <v>53796</v>
      </c>
      <c r="C16451" s="1" t="s">
        <v>85</v>
      </c>
      <c r="D16451" s="1" t="s">
        <v>61097</v>
      </c>
      <c r="E16451" s="1" t="s">
        <v>21890</v>
      </c>
      <c r="F16451" s="1" t="s">
        <v>61098</v>
      </c>
      <c r="G16451" s="1" t="s">
        <v>61053</v>
      </c>
      <c r="H16451" s="1" t="s">
        <v>61054</v>
      </c>
      <c r="I16451" s="1" t="s">
        <v>53800</v>
      </c>
      <c r="J16451" s="1" t="s">
        <v>61099</v>
      </c>
    </row>
    <row r="16452" spans="1:10" x14ac:dyDescent="0.35">
      <c r="A16452" s="1" t="s">
        <v>61050</v>
      </c>
      <c r="B16452" s="1" t="s">
        <v>53796</v>
      </c>
      <c r="C16452" s="1" t="s">
        <v>90</v>
      </c>
      <c r="D16452" s="1" t="s">
        <v>61100</v>
      </c>
      <c r="E16452" s="1" t="s">
        <v>23217</v>
      </c>
      <c r="F16452" s="1" t="s">
        <v>61101</v>
      </c>
      <c r="G16452" s="1" t="s">
        <v>61053</v>
      </c>
      <c r="H16452" s="1" t="s">
        <v>61054</v>
      </c>
      <c r="I16452" s="1" t="s">
        <v>53800</v>
      </c>
      <c r="J16452" s="1" t="s">
        <v>61102</v>
      </c>
    </row>
    <row r="16453" spans="1:10" x14ac:dyDescent="0.35">
      <c r="A16453" s="1" t="s">
        <v>61050</v>
      </c>
      <c r="B16453" s="1" t="s">
        <v>53796</v>
      </c>
      <c r="C16453" s="1" t="s">
        <v>95</v>
      </c>
      <c r="D16453" s="1" t="s">
        <v>61103</v>
      </c>
      <c r="E16453" s="1" t="s">
        <v>54478</v>
      </c>
      <c r="F16453" s="1" t="s">
        <v>61104</v>
      </c>
      <c r="G16453" s="1" t="s">
        <v>61053</v>
      </c>
      <c r="H16453" s="1" t="s">
        <v>61054</v>
      </c>
      <c r="I16453" s="1" t="s">
        <v>53800</v>
      </c>
      <c r="J16453" s="1" t="s">
        <v>61105</v>
      </c>
    </row>
    <row r="16454" spans="1:10" x14ac:dyDescent="0.35">
      <c r="A16454" s="1" t="s">
        <v>61050</v>
      </c>
      <c r="B16454" s="1" t="s">
        <v>53796</v>
      </c>
      <c r="C16454" s="1" t="s">
        <v>100</v>
      </c>
      <c r="D16454" s="1" t="s">
        <v>61106</v>
      </c>
      <c r="E16454" s="1" t="s">
        <v>56246</v>
      </c>
      <c r="F16454" s="1" t="s">
        <v>61107</v>
      </c>
      <c r="G16454" s="1" t="s">
        <v>61053</v>
      </c>
      <c r="H16454" s="1" t="s">
        <v>61054</v>
      </c>
      <c r="I16454" s="1" t="s">
        <v>53800</v>
      </c>
      <c r="J16454" s="1" t="s">
        <v>61108</v>
      </c>
    </row>
    <row r="16455" spans="1:10" x14ac:dyDescent="0.35">
      <c r="A16455" s="1" t="s">
        <v>61050</v>
      </c>
      <c r="B16455" s="1" t="s">
        <v>53796</v>
      </c>
      <c r="C16455" s="1" t="s">
        <v>105</v>
      </c>
      <c r="D16455" s="1" t="s">
        <v>57435</v>
      </c>
      <c r="E16455" s="1" t="s">
        <v>22056</v>
      </c>
      <c r="F16455" s="1" t="s">
        <v>61109</v>
      </c>
      <c r="G16455" s="1" t="s">
        <v>61053</v>
      </c>
      <c r="H16455" s="1" t="s">
        <v>61054</v>
      </c>
      <c r="I16455" s="1" t="s">
        <v>53800</v>
      </c>
      <c r="J16455" s="1" t="s">
        <v>61110</v>
      </c>
    </row>
    <row r="16456" spans="1:10" x14ac:dyDescent="0.35">
      <c r="A16456" s="1" t="s">
        <v>61050</v>
      </c>
      <c r="B16456" s="1" t="s">
        <v>53796</v>
      </c>
      <c r="C16456" s="1" t="s">
        <v>110</v>
      </c>
      <c r="D16456" s="1" t="s">
        <v>61111</v>
      </c>
      <c r="E16456" s="1" t="s">
        <v>55862</v>
      </c>
      <c r="F16456" s="1" t="s">
        <v>61112</v>
      </c>
      <c r="G16456" s="1" t="s">
        <v>61053</v>
      </c>
      <c r="H16456" s="1" t="s">
        <v>61054</v>
      </c>
      <c r="I16456" s="1" t="s">
        <v>53800</v>
      </c>
      <c r="J16456" s="1" t="s">
        <v>61113</v>
      </c>
    </row>
    <row r="16457" spans="1:10" x14ac:dyDescent="0.35">
      <c r="A16457" s="1" t="s">
        <v>61050</v>
      </c>
      <c r="B16457" s="1" t="s">
        <v>53796</v>
      </c>
      <c r="C16457" s="1" t="s">
        <v>115</v>
      </c>
      <c r="D16457" s="1" t="s">
        <v>61114</v>
      </c>
      <c r="E16457" s="1" t="s">
        <v>53965</v>
      </c>
      <c r="F16457" s="1" t="s">
        <v>61115</v>
      </c>
      <c r="G16457" s="1" t="s">
        <v>61053</v>
      </c>
      <c r="H16457" s="1" t="s">
        <v>61054</v>
      </c>
      <c r="I16457" s="1" t="s">
        <v>53800</v>
      </c>
      <c r="J16457" s="1" t="s">
        <v>61116</v>
      </c>
    </row>
    <row r="16458" spans="1:10" x14ac:dyDescent="0.35">
      <c r="A16458" s="1" t="s">
        <v>61050</v>
      </c>
      <c r="B16458" s="1" t="s">
        <v>53796</v>
      </c>
      <c r="C16458" s="1" t="s">
        <v>120</v>
      </c>
      <c r="D16458" s="1" t="s">
        <v>61117</v>
      </c>
      <c r="E16458" s="1" t="s">
        <v>24377</v>
      </c>
      <c r="F16458" s="1" t="s">
        <v>61118</v>
      </c>
      <c r="G16458" s="1" t="s">
        <v>61053</v>
      </c>
      <c r="H16458" s="1" t="s">
        <v>61054</v>
      </c>
      <c r="I16458" s="1" t="s">
        <v>53800</v>
      </c>
      <c r="J16458" s="1" t="s">
        <v>61119</v>
      </c>
    </row>
    <row r="16459" spans="1:10" x14ac:dyDescent="0.35">
      <c r="A16459" s="1" t="s">
        <v>61050</v>
      </c>
      <c r="B16459" s="1" t="s">
        <v>53796</v>
      </c>
      <c r="C16459" s="1" t="s">
        <v>125</v>
      </c>
      <c r="D16459" s="1" t="s">
        <v>52731</v>
      </c>
      <c r="E16459" s="1" t="s">
        <v>21910</v>
      </c>
      <c r="F16459" s="1" t="s">
        <v>61120</v>
      </c>
      <c r="G16459" s="1" t="s">
        <v>61053</v>
      </c>
      <c r="H16459" s="1" t="s">
        <v>61054</v>
      </c>
      <c r="I16459" s="1" t="s">
        <v>53800</v>
      </c>
      <c r="J16459" s="1" t="s">
        <v>61121</v>
      </c>
    </row>
    <row r="16460" spans="1:10" x14ac:dyDescent="0.35">
      <c r="A16460" s="1" t="s">
        <v>61050</v>
      </c>
      <c r="B16460" s="1" t="s">
        <v>53796</v>
      </c>
      <c r="C16460" s="1" t="s">
        <v>130</v>
      </c>
      <c r="D16460" s="1" t="s">
        <v>61122</v>
      </c>
      <c r="E16460" s="1" t="s">
        <v>27111</v>
      </c>
      <c r="F16460" s="1" t="s">
        <v>61123</v>
      </c>
      <c r="G16460" s="1" t="s">
        <v>61053</v>
      </c>
      <c r="H16460" s="1" t="s">
        <v>61054</v>
      </c>
      <c r="I16460" s="1" t="s">
        <v>53800</v>
      </c>
      <c r="J16460" s="1" t="s">
        <v>61124</v>
      </c>
    </row>
    <row r="16461" spans="1:10" x14ac:dyDescent="0.35">
      <c r="A16461" s="1" t="s">
        <v>61050</v>
      </c>
      <c r="B16461" s="1" t="s">
        <v>53796</v>
      </c>
      <c r="C16461" s="1" t="s">
        <v>135</v>
      </c>
      <c r="D16461" s="1" t="s">
        <v>61125</v>
      </c>
      <c r="E16461" s="1" t="s">
        <v>32344</v>
      </c>
      <c r="F16461" s="1" t="s">
        <v>61126</v>
      </c>
      <c r="G16461" s="1" t="s">
        <v>61053</v>
      </c>
      <c r="H16461" s="1" t="s">
        <v>61054</v>
      </c>
      <c r="I16461" s="1" t="s">
        <v>53800</v>
      </c>
      <c r="J16461" s="1" t="s">
        <v>61127</v>
      </c>
    </row>
    <row r="16462" spans="1:10" x14ac:dyDescent="0.35">
      <c r="A16462" s="1" t="s">
        <v>61050</v>
      </c>
      <c r="B16462" s="1" t="s">
        <v>53796</v>
      </c>
      <c r="C16462" s="1" t="s">
        <v>140</v>
      </c>
      <c r="D16462" s="1" t="s">
        <v>61128</v>
      </c>
      <c r="E16462" s="1" t="s">
        <v>59223</v>
      </c>
      <c r="F16462" s="1" t="s">
        <v>61129</v>
      </c>
      <c r="G16462" s="1" t="s">
        <v>61053</v>
      </c>
      <c r="H16462" s="1" t="s">
        <v>61054</v>
      </c>
      <c r="I16462" s="1" t="s">
        <v>53800</v>
      </c>
      <c r="J16462" s="1" t="s">
        <v>61130</v>
      </c>
    </row>
    <row r="16463" spans="1:10" x14ac:dyDescent="0.35">
      <c r="A16463" s="1" t="s">
        <v>61050</v>
      </c>
      <c r="B16463" s="1" t="s">
        <v>53796</v>
      </c>
      <c r="C16463" s="1" t="s">
        <v>145</v>
      </c>
      <c r="D16463" s="1" t="s">
        <v>61131</v>
      </c>
      <c r="E16463" s="1" t="s">
        <v>15311</v>
      </c>
      <c r="F16463" s="1" t="s">
        <v>61132</v>
      </c>
      <c r="G16463" s="1" t="s">
        <v>61053</v>
      </c>
      <c r="H16463" s="1" t="s">
        <v>61054</v>
      </c>
      <c r="I16463" s="1" t="s">
        <v>53800</v>
      </c>
      <c r="J16463" s="1" t="s">
        <v>61133</v>
      </c>
    </row>
    <row r="16464" spans="1:10" x14ac:dyDescent="0.35">
      <c r="A16464" s="1" t="s">
        <v>61050</v>
      </c>
      <c r="B16464" s="1" t="s">
        <v>53796</v>
      </c>
      <c r="C16464" s="1" t="s">
        <v>150</v>
      </c>
      <c r="D16464" s="1" t="s">
        <v>53044</v>
      </c>
      <c r="E16464" s="1" t="s">
        <v>15857</v>
      </c>
      <c r="F16464" s="1" t="s">
        <v>61134</v>
      </c>
      <c r="G16464" s="1" t="s">
        <v>61053</v>
      </c>
      <c r="H16464" s="1" t="s">
        <v>61054</v>
      </c>
      <c r="I16464" s="1" t="s">
        <v>53800</v>
      </c>
      <c r="J16464" s="1" t="s">
        <v>61135</v>
      </c>
    </row>
    <row r="16465" spans="1:10" x14ac:dyDescent="0.35">
      <c r="A16465" s="1" t="s">
        <v>61050</v>
      </c>
      <c r="B16465" s="1" t="s">
        <v>53796</v>
      </c>
      <c r="C16465" s="1" t="s">
        <v>155</v>
      </c>
      <c r="D16465" s="1" t="s">
        <v>61136</v>
      </c>
      <c r="E16465" s="1" t="s">
        <v>56046</v>
      </c>
      <c r="F16465" s="1" t="s">
        <v>61137</v>
      </c>
      <c r="G16465" s="1" t="s">
        <v>61053</v>
      </c>
      <c r="H16465" s="1" t="s">
        <v>61054</v>
      </c>
      <c r="I16465" s="1" t="s">
        <v>53800</v>
      </c>
      <c r="J16465" s="1" t="s">
        <v>61138</v>
      </c>
    </row>
    <row r="16466" spans="1:10" x14ac:dyDescent="0.35">
      <c r="A16466" s="1" t="s">
        <v>61050</v>
      </c>
      <c r="B16466" s="1" t="s">
        <v>53796</v>
      </c>
      <c r="C16466" s="1" t="s">
        <v>160</v>
      </c>
      <c r="D16466" s="1" t="s">
        <v>61139</v>
      </c>
      <c r="E16466" s="1" t="s">
        <v>15319</v>
      </c>
      <c r="F16466" s="1" t="s">
        <v>61140</v>
      </c>
      <c r="G16466" s="1" t="s">
        <v>61053</v>
      </c>
      <c r="H16466" s="1" t="s">
        <v>61054</v>
      </c>
      <c r="I16466" s="1" t="s">
        <v>53800</v>
      </c>
      <c r="J16466" s="1" t="s">
        <v>61141</v>
      </c>
    </row>
    <row r="16467" spans="1:10" x14ac:dyDescent="0.35">
      <c r="A16467" s="1" t="s">
        <v>61050</v>
      </c>
      <c r="B16467" s="1" t="s">
        <v>53796</v>
      </c>
      <c r="C16467" s="1" t="s">
        <v>165</v>
      </c>
      <c r="D16467" s="1" t="s">
        <v>61142</v>
      </c>
      <c r="E16467" s="1" t="s">
        <v>54751</v>
      </c>
      <c r="F16467" s="1" t="s">
        <v>61143</v>
      </c>
      <c r="G16467" s="1" t="s">
        <v>61053</v>
      </c>
      <c r="H16467" s="1" t="s">
        <v>61054</v>
      </c>
      <c r="I16467" s="1" t="s">
        <v>53800</v>
      </c>
      <c r="J16467" s="1" t="s">
        <v>61144</v>
      </c>
    </row>
    <row r="16468" spans="1:10" x14ac:dyDescent="0.35">
      <c r="A16468" s="1" t="s">
        <v>61050</v>
      </c>
      <c r="B16468" s="1" t="s">
        <v>53796</v>
      </c>
      <c r="C16468" s="1" t="s">
        <v>170</v>
      </c>
      <c r="D16468" s="1" t="s">
        <v>61145</v>
      </c>
      <c r="E16468" s="1" t="s">
        <v>56046</v>
      </c>
      <c r="F16468" s="1" t="s">
        <v>61146</v>
      </c>
      <c r="G16468" s="1" t="s">
        <v>61053</v>
      </c>
      <c r="H16468" s="1" t="s">
        <v>61054</v>
      </c>
      <c r="I16468" s="1" t="s">
        <v>53800</v>
      </c>
      <c r="J16468" s="1" t="s">
        <v>61147</v>
      </c>
    </row>
    <row r="16469" spans="1:10" x14ac:dyDescent="0.35">
      <c r="A16469" s="1" t="s">
        <v>61148</v>
      </c>
      <c r="B16469" s="1" t="s">
        <v>53796</v>
      </c>
      <c r="C16469" s="1" t="s">
        <v>8</v>
      </c>
      <c r="D16469" s="1" t="s">
        <v>61149</v>
      </c>
      <c r="E16469" s="1" t="s">
        <v>12845</v>
      </c>
      <c r="F16469" s="1" t="s">
        <v>53856</v>
      </c>
      <c r="G16469" s="1" t="s">
        <v>61150</v>
      </c>
      <c r="H16469" s="1" t="s">
        <v>61151</v>
      </c>
      <c r="I16469" s="1" t="s">
        <v>53800</v>
      </c>
      <c r="J16469" s="1" t="s">
        <v>13</v>
      </c>
    </row>
    <row r="16470" spans="1:10" x14ac:dyDescent="0.35">
      <c r="A16470" s="1" t="s">
        <v>61148</v>
      </c>
      <c r="B16470" s="1" t="s">
        <v>53796</v>
      </c>
      <c r="C16470" s="1" t="s">
        <v>15</v>
      </c>
      <c r="D16470" s="1" t="s">
        <v>61152</v>
      </c>
      <c r="E16470" s="1" t="s">
        <v>40691</v>
      </c>
      <c r="F16470" s="1" t="s">
        <v>61153</v>
      </c>
      <c r="G16470" s="1" t="s">
        <v>61150</v>
      </c>
      <c r="H16470" s="1" t="s">
        <v>61151</v>
      </c>
      <c r="I16470" s="1" t="s">
        <v>53800</v>
      </c>
      <c r="J16470" s="1" t="s">
        <v>61154</v>
      </c>
    </row>
    <row r="16471" spans="1:10" x14ac:dyDescent="0.35">
      <c r="A16471" s="1" t="s">
        <v>61148</v>
      </c>
      <c r="B16471" s="1" t="s">
        <v>53796</v>
      </c>
      <c r="C16471" s="1" t="s">
        <v>20</v>
      </c>
      <c r="D16471" s="1" t="s">
        <v>36389</v>
      </c>
      <c r="E16471" s="1" t="s">
        <v>12845</v>
      </c>
      <c r="F16471" s="1" t="s">
        <v>61155</v>
      </c>
      <c r="G16471" s="1" t="s">
        <v>61150</v>
      </c>
      <c r="H16471" s="1" t="s">
        <v>61151</v>
      </c>
      <c r="I16471" s="1" t="s">
        <v>53800</v>
      </c>
      <c r="J16471" s="1" t="s">
        <v>61156</v>
      </c>
    </row>
    <row r="16472" spans="1:10" x14ac:dyDescent="0.35">
      <c r="A16472" s="1" t="s">
        <v>61148</v>
      </c>
      <c r="B16472" s="1" t="s">
        <v>53796</v>
      </c>
      <c r="C16472" s="1" t="s">
        <v>25</v>
      </c>
      <c r="D16472" s="1" t="s">
        <v>61157</v>
      </c>
      <c r="E16472" s="1" t="s">
        <v>56889</v>
      </c>
      <c r="F16472" s="1" t="s">
        <v>56301</v>
      </c>
      <c r="G16472" s="1" t="s">
        <v>61150</v>
      </c>
      <c r="H16472" s="1" t="s">
        <v>61151</v>
      </c>
      <c r="I16472" s="1" t="s">
        <v>53800</v>
      </c>
      <c r="J16472" s="1" t="s">
        <v>61158</v>
      </c>
    </row>
    <row r="16473" spans="1:10" x14ac:dyDescent="0.35">
      <c r="A16473" s="1" t="s">
        <v>61148</v>
      </c>
      <c r="B16473" s="1" t="s">
        <v>53796</v>
      </c>
      <c r="C16473" s="1" t="s">
        <v>30</v>
      </c>
      <c r="D16473" s="1" t="s">
        <v>61159</v>
      </c>
      <c r="E16473" s="1" t="s">
        <v>54042</v>
      </c>
      <c r="F16473" s="1" t="s">
        <v>61160</v>
      </c>
      <c r="G16473" s="1" t="s">
        <v>61150</v>
      </c>
      <c r="H16473" s="1" t="s">
        <v>61151</v>
      </c>
      <c r="I16473" s="1" t="s">
        <v>53800</v>
      </c>
      <c r="J16473" s="1" t="s">
        <v>61161</v>
      </c>
    </row>
    <row r="16474" spans="1:10" x14ac:dyDescent="0.35">
      <c r="A16474" s="1" t="s">
        <v>61148</v>
      </c>
      <c r="B16474" s="1" t="s">
        <v>53796</v>
      </c>
      <c r="C16474" s="1" t="s">
        <v>35</v>
      </c>
      <c r="D16474" s="1" t="s">
        <v>61162</v>
      </c>
      <c r="E16474" s="1" t="s">
        <v>21917</v>
      </c>
      <c r="F16474" s="1" t="s">
        <v>60529</v>
      </c>
      <c r="G16474" s="1" t="s">
        <v>61150</v>
      </c>
      <c r="H16474" s="1" t="s">
        <v>61151</v>
      </c>
      <c r="I16474" s="1" t="s">
        <v>53800</v>
      </c>
      <c r="J16474" s="1" t="s">
        <v>61163</v>
      </c>
    </row>
    <row r="16475" spans="1:10" x14ac:dyDescent="0.35">
      <c r="A16475" s="1" t="s">
        <v>61148</v>
      </c>
      <c r="B16475" s="1" t="s">
        <v>53796</v>
      </c>
      <c r="C16475" s="1" t="s">
        <v>40</v>
      </c>
      <c r="D16475" s="1" t="s">
        <v>61164</v>
      </c>
      <c r="E16475" s="1" t="s">
        <v>22982</v>
      </c>
      <c r="F16475" s="1" t="s">
        <v>61165</v>
      </c>
      <c r="G16475" s="1" t="s">
        <v>61150</v>
      </c>
      <c r="H16475" s="1" t="s">
        <v>61151</v>
      </c>
      <c r="I16475" s="1" t="s">
        <v>53800</v>
      </c>
      <c r="J16475" s="1" t="s">
        <v>61166</v>
      </c>
    </row>
    <row r="16476" spans="1:10" x14ac:dyDescent="0.35">
      <c r="A16476" s="1" t="s">
        <v>61148</v>
      </c>
      <c r="B16476" s="1" t="s">
        <v>53796</v>
      </c>
      <c r="C16476" s="1" t="s">
        <v>45</v>
      </c>
      <c r="D16476" s="1" t="s">
        <v>61167</v>
      </c>
      <c r="E16476" s="1" t="s">
        <v>15217</v>
      </c>
      <c r="F16476" s="1" t="s">
        <v>57089</v>
      </c>
      <c r="G16476" s="1" t="s">
        <v>61150</v>
      </c>
      <c r="H16476" s="1" t="s">
        <v>61151</v>
      </c>
      <c r="I16476" s="1" t="s">
        <v>53800</v>
      </c>
      <c r="J16476" s="1" t="s">
        <v>61168</v>
      </c>
    </row>
    <row r="16477" spans="1:10" x14ac:dyDescent="0.35">
      <c r="A16477" s="1" t="s">
        <v>61148</v>
      </c>
      <c r="B16477" s="1" t="s">
        <v>53796</v>
      </c>
      <c r="C16477" s="1" t="s">
        <v>50</v>
      </c>
      <c r="D16477" s="1" t="s">
        <v>61169</v>
      </c>
      <c r="E16477" s="1" t="s">
        <v>54729</v>
      </c>
      <c r="F16477" s="1" t="s">
        <v>61170</v>
      </c>
      <c r="G16477" s="1" t="s">
        <v>61150</v>
      </c>
      <c r="H16477" s="1" t="s">
        <v>61151</v>
      </c>
      <c r="I16477" s="1" t="s">
        <v>53800</v>
      </c>
      <c r="J16477" s="1" t="s">
        <v>61171</v>
      </c>
    </row>
    <row r="16478" spans="1:10" x14ac:dyDescent="0.35">
      <c r="A16478" s="1" t="s">
        <v>61148</v>
      </c>
      <c r="B16478" s="1" t="s">
        <v>53796</v>
      </c>
      <c r="C16478" s="1" t="s">
        <v>55</v>
      </c>
      <c r="D16478" s="1" t="s">
        <v>61172</v>
      </c>
      <c r="E16478" s="1" t="s">
        <v>24377</v>
      </c>
      <c r="F16478" s="1" t="s">
        <v>61173</v>
      </c>
      <c r="G16478" s="1" t="s">
        <v>61150</v>
      </c>
      <c r="H16478" s="1" t="s">
        <v>61151</v>
      </c>
      <c r="I16478" s="1" t="s">
        <v>53800</v>
      </c>
      <c r="J16478" s="1" t="s">
        <v>61174</v>
      </c>
    </row>
    <row r="16479" spans="1:10" x14ac:dyDescent="0.35">
      <c r="A16479" s="1" t="s">
        <v>61148</v>
      </c>
      <c r="B16479" s="1" t="s">
        <v>53796</v>
      </c>
      <c r="C16479" s="1" t="s">
        <v>60</v>
      </c>
      <c r="D16479" s="1" t="s">
        <v>61175</v>
      </c>
      <c r="E16479" s="1" t="s">
        <v>53969</v>
      </c>
      <c r="F16479" s="1" t="s">
        <v>61176</v>
      </c>
      <c r="G16479" s="1" t="s">
        <v>61150</v>
      </c>
      <c r="H16479" s="1" t="s">
        <v>61151</v>
      </c>
      <c r="I16479" s="1" t="s">
        <v>53800</v>
      </c>
      <c r="J16479" s="1" t="s">
        <v>61177</v>
      </c>
    </row>
    <row r="16480" spans="1:10" x14ac:dyDescent="0.35">
      <c r="A16480" s="1" t="s">
        <v>61148</v>
      </c>
      <c r="B16480" s="1" t="s">
        <v>53796</v>
      </c>
      <c r="C16480" s="1" t="s">
        <v>65</v>
      </c>
      <c r="D16480" s="1" t="s">
        <v>61178</v>
      </c>
      <c r="E16480" s="1" t="s">
        <v>41395</v>
      </c>
      <c r="F16480" s="1" t="s">
        <v>52447</v>
      </c>
      <c r="G16480" s="1" t="s">
        <v>61150</v>
      </c>
      <c r="H16480" s="1" t="s">
        <v>61151</v>
      </c>
      <c r="I16480" s="1" t="s">
        <v>53800</v>
      </c>
      <c r="J16480" s="1" t="s">
        <v>61179</v>
      </c>
    </row>
    <row r="16481" spans="1:10" x14ac:dyDescent="0.35">
      <c r="A16481" s="1" t="s">
        <v>61148</v>
      </c>
      <c r="B16481" s="1" t="s">
        <v>53796</v>
      </c>
      <c r="C16481" s="1" t="s">
        <v>70</v>
      </c>
      <c r="D16481" s="1" t="s">
        <v>61180</v>
      </c>
      <c r="E16481" s="1" t="s">
        <v>55968</v>
      </c>
      <c r="F16481" s="1" t="s">
        <v>61181</v>
      </c>
      <c r="G16481" s="1" t="s">
        <v>61150</v>
      </c>
      <c r="H16481" s="1" t="s">
        <v>61151</v>
      </c>
      <c r="I16481" s="1" t="s">
        <v>53800</v>
      </c>
      <c r="J16481" s="1" t="s">
        <v>61182</v>
      </c>
    </row>
    <row r="16482" spans="1:10" x14ac:dyDescent="0.35">
      <c r="A16482" s="1" t="s">
        <v>61148</v>
      </c>
      <c r="B16482" s="1" t="s">
        <v>53796</v>
      </c>
      <c r="C16482" s="1" t="s">
        <v>75</v>
      </c>
      <c r="D16482" s="1" t="s">
        <v>61183</v>
      </c>
      <c r="E16482" s="1" t="s">
        <v>21822</v>
      </c>
      <c r="F16482" s="1" t="s">
        <v>61184</v>
      </c>
      <c r="G16482" s="1" t="s">
        <v>61150</v>
      </c>
      <c r="H16482" s="1" t="s">
        <v>61151</v>
      </c>
      <c r="I16482" s="1" t="s">
        <v>53800</v>
      </c>
      <c r="J16482" s="1" t="s">
        <v>61185</v>
      </c>
    </row>
    <row r="16483" spans="1:10" x14ac:dyDescent="0.35">
      <c r="A16483" s="1" t="s">
        <v>61148</v>
      </c>
      <c r="B16483" s="1" t="s">
        <v>53796</v>
      </c>
      <c r="C16483" s="1" t="s">
        <v>80</v>
      </c>
      <c r="D16483" s="1" t="s">
        <v>61186</v>
      </c>
      <c r="E16483" s="1" t="s">
        <v>56177</v>
      </c>
      <c r="F16483" s="1" t="s">
        <v>61187</v>
      </c>
      <c r="G16483" s="1" t="s">
        <v>61150</v>
      </c>
      <c r="H16483" s="1" t="s">
        <v>61151</v>
      </c>
      <c r="I16483" s="1" t="s">
        <v>53800</v>
      </c>
      <c r="J16483" s="1" t="s">
        <v>61188</v>
      </c>
    </row>
    <row r="16484" spans="1:10" x14ac:dyDescent="0.35">
      <c r="A16484" s="1" t="s">
        <v>61148</v>
      </c>
      <c r="B16484" s="1" t="s">
        <v>53796</v>
      </c>
      <c r="C16484" s="1" t="s">
        <v>85</v>
      </c>
      <c r="D16484" s="1" t="s">
        <v>61189</v>
      </c>
      <c r="E16484" s="1" t="s">
        <v>26572</v>
      </c>
      <c r="F16484" s="1" t="s">
        <v>61190</v>
      </c>
      <c r="G16484" s="1" t="s">
        <v>61150</v>
      </c>
      <c r="H16484" s="1" t="s">
        <v>61151</v>
      </c>
      <c r="I16484" s="1" t="s">
        <v>53800</v>
      </c>
      <c r="J16484" s="1" t="s">
        <v>61191</v>
      </c>
    </row>
    <row r="16485" spans="1:10" x14ac:dyDescent="0.35">
      <c r="A16485" s="1" t="s">
        <v>61148</v>
      </c>
      <c r="B16485" s="1" t="s">
        <v>53796</v>
      </c>
      <c r="C16485" s="1" t="s">
        <v>90</v>
      </c>
      <c r="D16485" s="1" t="s">
        <v>61192</v>
      </c>
      <c r="E16485" s="1" t="s">
        <v>15245</v>
      </c>
      <c r="F16485" s="1" t="s">
        <v>61193</v>
      </c>
      <c r="G16485" s="1" t="s">
        <v>61150</v>
      </c>
      <c r="H16485" s="1" t="s">
        <v>61151</v>
      </c>
      <c r="I16485" s="1" t="s">
        <v>53800</v>
      </c>
      <c r="J16485" s="1" t="s">
        <v>61194</v>
      </c>
    </row>
    <row r="16486" spans="1:10" x14ac:dyDescent="0.35">
      <c r="A16486" s="1" t="s">
        <v>61148</v>
      </c>
      <c r="B16486" s="1" t="s">
        <v>53796</v>
      </c>
      <c r="C16486" s="1" t="s">
        <v>95</v>
      </c>
      <c r="D16486" s="1" t="s">
        <v>61195</v>
      </c>
      <c r="E16486" s="1" t="s">
        <v>54059</v>
      </c>
      <c r="F16486" s="1" t="s">
        <v>61196</v>
      </c>
      <c r="G16486" s="1" t="s">
        <v>61150</v>
      </c>
      <c r="H16486" s="1" t="s">
        <v>61151</v>
      </c>
      <c r="I16486" s="1" t="s">
        <v>53800</v>
      </c>
      <c r="J16486" s="1" t="s">
        <v>61197</v>
      </c>
    </row>
    <row r="16487" spans="1:10" x14ac:dyDescent="0.35">
      <c r="A16487" s="1" t="s">
        <v>61148</v>
      </c>
      <c r="B16487" s="1" t="s">
        <v>53796</v>
      </c>
      <c r="C16487" s="1" t="s">
        <v>100</v>
      </c>
      <c r="D16487" s="1" t="s">
        <v>24757</v>
      </c>
      <c r="E16487" s="1" t="s">
        <v>23114</v>
      </c>
      <c r="F16487" s="1" t="s">
        <v>58002</v>
      </c>
      <c r="G16487" s="1" t="s">
        <v>61150</v>
      </c>
      <c r="H16487" s="1" t="s">
        <v>61151</v>
      </c>
      <c r="I16487" s="1" t="s">
        <v>53800</v>
      </c>
      <c r="J16487" s="1" t="s">
        <v>61198</v>
      </c>
    </row>
    <row r="16488" spans="1:10" x14ac:dyDescent="0.35">
      <c r="A16488" s="1" t="s">
        <v>61148</v>
      </c>
      <c r="B16488" s="1" t="s">
        <v>53796</v>
      </c>
      <c r="C16488" s="1" t="s">
        <v>105</v>
      </c>
      <c r="D16488" s="1" t="s">
        <v>61199</v>
      </c>
      <c r="E16488" s="1" t="s">
        <v>60733</v>
      </c>
      <c r="F16488" s="1" t="s">
        <v>61200</v>
      </c>
      <c r="G16488" s="1" t="s">
        <v>61150</v>
      </c>
      <c r="H16488" s="1" t="s">
        <v>61151</v>
      </c>
      <c r="I16488" s="1" t="s">
        <v>53800</v>
      </c>
      <c r="J16488" s="1" t="s">
        <v>61201</v>
      </c>
    </row>
    <row r="16489" spans="1:10" x14ac:dyDescent="0.35">
      <c r="A16489" s="1" t="s">
        <v>61148</v>
      </c>
      <c r="B16489" s="1" t="s">
        <v>53796</v>
      </c>
      <c r="C16489" s="1" t="s">
        <v>110</v>
      </c>
      <c r="D16489" s="1" t="s">
        <v>61202</v>
      </c>
      <c r="E16489" s="1" t="s">
        <v>61203</v>
      </c>
      <c r="F16489" s="1" t="s">
        <v>61204</v>
      </c>
      <c r="G16489" s="1" t="s">
        <v>61150</v>
      </c>
      <c r="H16489" s="1" t="s">
        <v>61151</v>
      </c>
      <c r="I16489" s="1" t="s">
        <v>53800</v>
      </c>
      <c r="J16489" s="1" t="s">
        <v>61205</v>
      </c>
    </row>
    <row r="16490" spans="1:10" x14ac:dyDescent="0.35">
      <c r="A16490" s="1" t="s">
        <v>61148</v>
      </c>
      <c r="B16490" s="1" t="s">
        <v>53796</v>
      </c>
      <c r="C16490" s="1" t="s">
        <v>115</v>
      </c>
      <c r="D16490" s="1" t="s">
        <v>61206</v>
      </c>
      <c r="E16490" s="1" t="s">
        <v>15345</v>
      </c>
      <c r="F16490" s="1" t="s">
        <v>61207</v>
      </c>
      <c r="G16490" s="1" t="s">
        <v>61150</v>
      </c>
      <c r="H16490" s="1" t="s">
        <v>61151</v>
      </c>
      <c r="I16490" s="1" t="s">
        <v>53800</v>
      </c>
      <c r="J16490" s="1" t="s">
        <v>61208</v>
      </c>
    </row>
    <row r="16491" spans="1:10" x14ac:dyDescent="0.35">
      <c r="A16491" s="1" t="s">
        <v>61148</v>
      </c>
      <c r="B16491" s="1" t="s">
        <v>53796</v>
      </c>
      <c r="C16491" s="1" t="s">
        <v>120</v>
      </c>
      <c r="D16491" s="1" t="s">
        <v>61209</v>
      </c>
      <c r="E16491" s="1" t="s">
        <v>23461</v>
      </c>
      <c r="F16491" s="1" t="s">
        <v>59336</v>
      </c>
      <c r="G16491" s="1" t="s">
        <v>61150</v>
      </c>
      <c r="H16491" s="1" t="s">
        <v>61151</v>
      </c>
      <c r="I16491" s="1" t="s">
        <v>53800</v>
      </c>
      <c r="J16491" s="1" t="s">
        <v>61210</v>
      </c>
    </row>
    <row r="16492" spans="1:10" x14ac:dyDescent="0.35">
      <c r="A16492" s="1" t="s">
        <v>61148</v>
      </c>
      <c r="B16492" s="1" t="s">
        <v>53796</v>
      </c>
      <c r="C16492" s="1" t="s">
        <v>125</v>
      </c>
      <c r="D16492" s="1" t="s">
        <v>61211</v>
      </c>
      <c r="E16492" s="1" t="s">
        <v>58359</v>
      </c>
      <c r="F16492" s="1" t="s">
        <v>61212</v>
      </c>
      <c r="G16492" s="1" t="s">
        <v>61150</v>
      </c>
      <c r="H16492" s="1" t="s">
        <v>61151</v>
      </c>
      <c r="I16492" s="1" t="s">
        <v>53800</v>
      </c>
      <c r="J16492" s="1" t="s">
        <v>61213</v>
      </c>
    </row>
    <row r="16493" spans="1:10" x14ac:dyDescent="0.35">
      <c r="A16493" s="1" t="s">
        <v>61148</v>
      </c>
      <c r="B16493" s="1" t="s">
        <v>53796</v>
      </c>
      <c r="C16493" s="1" t="s">
        <v>130</v>
      </c>
      <c r="D16493" s="1" t="s">
        <v>61214</v>
      </c>
      <c r="E16493" s="1" t="s">
        <v>21845</v>
      </c>
      <c r="F16493" s="1" t="s">
        <v>61215</v>
      </c>
      <c r="G16493" s="1" t="s">
        <v>61150</v>
      </c>
      <c r="H16493" s="1" t="s">
        <v>61151</v>
      </c>
      <c r="I16493" s="1" t="s">
        <v>53800</v>
      </c>
      <c r="J16493" s="1" t="s">
        <v>61216</v>
      </c>
    </row>
    <row r="16494" spans="1:10" x14ac:dyDescent="0.35">
      <c r="A16494" s="1" t="s">
        <v>61148</v>
      </c>
      <c r="B16494" s="1" t="s">
        <v>53796</v>
      </c>
      <c r="C16494" s="1" t="s">
        <v>135</v>
      </c>
      <c r="D16494" s="1" t="s">
        <v>41601</v>
      </c>
      <c r="E16494" s="1" t="s">
        <v>56104</v>
      </c>
      <c r="F16494" s="1" t="s">
        <v>61217</v>
      </c>
      <c r="G16494" s="1" t="s">
        <v>61150</v>
      </c>
      <c r="H16494" s="1" t="s">
        <v>61151</v>
      </c>
      <c r="I16494" s="1" t="s">
        <v>53800</v>
      </c>
      <c r="J16494" s="1" t="s">
        <v>61218</v>
      </c>
    </row>
    <row r="16495" spans="1:10" x14ac:dyDescent="0.35">
      <c r="A16495" s="1" t="s">
        <v>61148</v>
      </c>
      <c r="B16495" s="1" t="s">
        <v>53796</v>
      </c>
      <c r="C16495" s="1" t="s">
        <v>140</v>
      </c>
      <c r="D16495" s="1" t="s">
        <v>61219</v>
      </c>
      <c r="E16495" s="1" t="s">
        <v>21787</v>
      </c>
      <c r="F16495" s="1" t="s">
        <v>61220</v>
      </c>
      <c r="G16495" s="1" t="s">
        <v>61150</v>
      </c>
      <c r="H16495" s="1" t="s">
        <v>61151</v>
      </c>
      <c r="I16495" s="1" t="s">
        <v>53800</v>
      </c>
      <c r="J16495" s="1" t="s">
        <v>61221</v>
      </c>
    </row>
    <row r="16496" spans="1:10" x14ac:dyDescent="0.35">
      <c r="A16496" s="1" t="s">
        <v>61148</v>
      </c>
      <c r="B16496" s="1" t="s">
        <v>53796</v>
      </c>
      <c r="C16496" s="1" t="s">
        <v>145</v>
      </c>
      <c r="D16496" s="1" t="s">
        <v>61222</v>
      </c>
      <c r="E16496" s="1" t="s">
        <v>15274</v>
      </c>
      <c r="F16496" s="1" t="s">
        <v>61223</v>
      </c>
      <c r="G16496" s="1" t="s">
        <v>61150</v>
      </c>
      <c r="H16496" s="1" t="s">
        <v>61151</v>
      </c>
      <c r="I16496" s="1" t="s">
        <v>53800</v>
      </c>
      <c r="J16496" s="1" t="s">
        <v>61224</v>
      </c>
    </row>
    <row r="16497" spans="1:10" x14ac:dyDescent="0.35">
      <c r="A16497" s="1" t="s">
        <v>61148</v>
      </c>
      <c r="B16497" s="1" t="s">
        <v>53796</v>
      </c>
      <c r="C16497" s="1" t="s">
        <v>150</v>
      </c>
      <c r="D16497" s="1" t="s">
        <v>61225</v>
      </c>
      <c r="E16497" s="1" t="s">
        <v>12879</v>
      </c>
      <c r="F16497" s="1" t="s">
        <v>61226</v>
      </c>
      <c r="G16497" s="1" t="s">
        <v>61150</v>
      </c>
      <c r="H16497" s="1" t="s">
        <v>61151</v>
      </c>
      <c r="I16497" s="1" t="s">
        <v>53800</v>
      </c>
      <c r="J16497" s="1" t="s">
        <v>61227</v>
      </c>
    </row>
    <row r="16498" spans="1:10" x14ac:dyDescent="0.35">
      <c r="A16498" s="1" t="s">
        <v>61148</v>
      </c>
      <c r="B16498" s="1" t="s">
        <v>53796</v>
      </c>
      <c r="C16498" s="1" t="s">
        <v>155</v>
      </c>
      <c r="D16498" s="1" t="s">
        <v>61228</v>
      </c>
      <c r="E16498" s="1" t="s">
        <v>22099</v>
      </c>
      <c r="F16498" s="1" t="s">
        <v>61229</v>
      </c>
      <c r="G16498" s="1" t="s">
        <v>61150</v>
      </c>
      <c r="H16498" s="1" t="s">
        <v>61151</v>
      </c>
      <c r="I16498" s="1" t="s">
        <v>53800</v>
      </c>
      <c r="J16498" s="1" t="s">
        <v>61230</v>
      </c>
    </row>
    <row r="16499" spans="1:10" x14ac:dyDescent="0.35">
      <c r="A16499" s="1" t="s">
        <v>61148</v>
      </c>
      <c r="B16499" s="1" t="s">
        <v>53796</v>
      </c>
      <c r="C16499" s="1" t="s">
        <v>160</v>
      </c>
      <c r="D16499" s="1" t="s">
        <v>61231</v>
      </c>
      <c r="E16499" s="1" t="s">
        <v>56393</v>
      </c>
      <c r="F16499" s="1" t="s">
        <v>61232</v>
      </c>
      <c r="G16499" s="1" t="s">
        <v>61150</v>
      </c>
      <c r="H16499" s="1" t="s">
        <v>61151</v>
      </c>
      <c r="I16499" s="1" t="s">
        <v>53800</v>
      </c>
      <c r="J16499" s="1" t="s">
        <v>61233</v>
      </c>
    </row>
    <row r="16500" spans="1:10" x14ac:dyDescent="0.35">
      <c r="A16500" s="1" t="s">
        <v>61148</v>
      </c>
      <c r="B16500" s="1" t="s">
        <v>53796</v>
      </c>
      <c r="C16500" s="1" t="s">
        <v>165</v>
      </c>
      <c r="D16500" s="1" t="s">
        <v>61234</v>
      </c>
      <c r="E16500" s="1" t="s">
        <v>22036</v>
      </c>
      <c r="F16500" s="1" t="s">
        <v>19983</v>
      </c>
      <c r="G16500" s="1" t="s">
        <v>61150</v>
      </c>
      <c r="H16500" s="1" t="s">
        <v>61151</v>
      </c>
      <c r="I16500" s="1" t="s">
        <v>53800</v>
      </c>
      <c r="J16500" s="1" t="s">
        <v>61235</v>
      </c>
    </row>
    <row r="16501" spans="1:10" x14ac:dyDescent="0.35">
      <c r="A16501" s="1" t="s">
        <v>61148</v>
      </c>
      <c r="B16501" s="1" t="s">
        <v>53796</v>
      </c>
      <c r="C16501" s="1" t="s">
        <v>170</v>
      </c>
      <c r="D16501" s="1" t="s">
        <v>40768</v>
      </c>
      <c r="E16501" s="1" t="s">
        <v>21860</v>
      </c>
      <c r="F16501" s="1" t="s">
        <v>61236</v>
      </c>
      <c r="G16501" s="1" t="s">
        <v>61150</v>
      </c>
      <c r="H16501" s="1" t="s">
        <v>61151</v>
      </c>
      <c r="I16501" s="1" t="s">
        <v>53800</v>
      </c>
      <c r="J16501" s="1" t="s">
        <v>61237</v>
      </c>
    </row>
    <row r="16502" spans="1:10" x14ac:dyDescent="0.35">
      <c r="A16502" s="1" t="s">
        <v>61238</v>
      </c>
      <c r="B16502" s="1" t="s">
        <v>53796</v>
      </c>
      <c r="C16502" s="1" t="s">
        <v>8</v>
      </c>
      <c r="D16502" s="1" t="s">
        <v>61239</v>
      </c>
      <c r="E16502" s="1" t="s">
        <v>61240</v>
      </c>
      <c r="F16502" s="1" t="s">
        <v>61241</v>
      </c>
      <c r="G16502" s="1" t="s">
        <v>61242</v>
      </c>
      <c r="H16502" s="1" t="s">
        <v>61243</v>
      </c>
      <c r="I16502" s="1" t="s">
        <v>53800</v>
      </c>
      <c r="J16502" s="1" t="s">
        <v>13</v>
      </c>
    </row>
    <row r="16503" spans="1:10" x14ac:dyDescent="0.35">
      <c r="A16503" s="1" t="s">
        <v>61238</v>
      </c>
      <c r="B16503" s="1" t="s">
        <v>53796</v>
      </c>
      <c r="C16503" s="1" t="s">
        <v>15</v>
      </c>
      <c r="D16503" s="1" t="s">
        <v>61244</v>
      </c>
      <c r="E16503" s="1" t="s">
        <v>61245</v>
      </c>
      <c r="F16503" s="1" t="s">
        <v>61246</v>
      </c>
      <c r="G16503" s="1" t="s">
        <v>61242</v>
      </c>
      <c r="H16503" s="1" t="s">
        <v>61243</v>
      </c>
      <c r="I16503" s="1" t="s">
        <v>53800</v>
      </c>
      <c r="J16503" s="1" t="s">
        <v>61247</v>
      </c>
    </row>
    <row r="16504" spans="1:10" x14ac:dyDescent="0.35">
      <c r="A16504" s="1" t="s">
        <v>61238</v>
      </c>
      <c r="B16504" s="1" t="s">
        <v>53796</v>
      </c>
      <c r="C16504" s="1" t="s">
        <v>20</v>
      </c>
      <c r="D16504" s="1" t="s">
        <v>61248</v>
      </c>
      <c r="E16504" s="1" t="s">
        <v>61249</v>
      </c>
      <c r="F16504" s="1" t="s">
        <v>61250</v>
      </c>
      <c r="G16504" s="1" t="s">
        <v>61242</v>
      </c>
      <c r="H16504" s="1" t="s">
        <v>61243</v>
      </c>
      <c r="I16504" s="1" t="s">
        <v>53800</v>
      </c>
      <c r="J16504" s="1" t="s">
        <v>61251</v>
      </c>
    </row>
    <row r="16505" spans="1:10" x14ac:dyDescent="0.35">
      <c r="A16505" s="1" t="s">
        <v>61238</v>
      </c>
      <c r="B16505" s="1" t="s">
        <v>53796</v>
      </c>
      <c r="C16505" s="1" t="s">
        <v>25</v>
      </c>
      <c r="D16505" s="1" t="s">
        <v>16846</v>
      </c>
      <c r="E16505" s="1" t="s">
        <v>61252</v>
      </c>
      <c r="F16505" s="1" t="s">
        <v>61253</v>
      </c>
      <c r="G16505" s="1" t="s">
        <v>61242</v>
      </c>
      <c r="H16505" s="1" t="s">
        <v>61243</v>
      </c>
      <c r="I16505" s="1" t="s">
        <v>53800</v>
      </c>
      <c r="J16505" s="1" t="s">
        <v>61254</v>
      </c>
    </row>
    <row r="16506" spans="1:10" x14ac:dyDescent="0.35">
      <c r="A16506" s="1" t="s">
        <v>61238</v>
      </c>
      <c r="B16506" s="1" t="s">
        <v>53796</v>
      </c>
      <c r="C16506" s="1" t="s">
        <v>30</v>
      </c>
      <c r="D16506" s="1" t="s">
        <v>61255</v>
      </c>
      <c r="E16506" s="1" t="s">
        <v>61256</v>
      </c>
      <c r="F16506" s="1" t="s">
        <v>61257</v>
      </c>
      <c r="G16506" s="1" t="s">
        <v>61242</v>
      </c>
      <c r="H16506" s="1" t="s">
        <v>61243</v>
      </c>
      <c r="I16506" s="1" t="s">
        <v>53800</v>
      </c>
      <c r="J16506" s="1" t="s">
        <v>61258</v>
      </c>
    </row>
    <row r="16507" spans="1:10" x14ac:dyDescent="0.35">
      <c r="A16507" s="1" t="s">
        <v>61238</v>
      </c>
      <c r="B16507" s="1" t="s">
        <v>53796</v>
      </c>
      <c r="C16507" s="1" t="s">
        <v>35</v>
      </c>
      <c r="D16507" s="1" t="s">
        <v>61259</v>
      </c>
      <c r="E16507" s="1" t="s">
        <v>61260</v>
      </c>
      <c r="F16507" s="1" t="s">
        <v>61261</v>
      </c>
      <c r="G16507" s="1" t="s">
        <v>61242</v>
      </c>
      <c r="H16507" s="1" t="s">
        <v>61243</v>
      </c>
      <c r="I16507" s="1" t="s">
        <v>53800</v>
      </c>
      <c r="J16507" s="1" t="s">
        <v>61262</v>
      </c>
    </row>
    <row r="16508" spans="1:10" x14ac:dyDescent="0.35">
      <c r="A16508" s="1" t="s">
        <v>61238</v>
      </c>
      <c r="B16508" s="1" t="s">
        <v>53796</v>
      </c>
      <c r="C16508" s="1" t="s">
        <v>40</v>
      </c>
      <c r="D16508" s="1" t="s">
        <v>61263</v>
      </c>
      <c r="E16508" s="1" t="s">
        <v>61264</v>
      </c>
      <c r="F16508" s="1" t="s">
        <v>61265</v>
      </c>
      <c r="G16508" s="1" t="s">
        <v>61242</v>
      </c>
      <c r="H16508" s="1" t="s">
        <v>61243</v>
      </c>
      <c r="I16508" s="1" t="s">
        <v>53800</v>
      </c>
      <c r="J16508" s="1" t="s">
        <v>61266</v>
      </c>
    </row>
    <row r="16509" spans="1:10" x14ac:dyDescent="0.35">
      <c r="A16509" s="1" t="s">
        <v>61238</v>
      </c>
      <c r="B16509" s="1" t="s">
        <v>53796</v>
      </c>
      <c r="C16509" s="1" t="s">
        <v>45</v>
      </c>
      <c r="D16509" s="1" t="s">
        <v>24228</v>
      </c>
      <c r="E16509" s="1" t="s">
        <v>61267</v>
      </c>
      <c r="F16509" s="1" t="s">
        <v>61268</v>
      </c>
      <c r="G16509" s="1" t="s">
        <v>61242</v>
      </c>
      <c r="H16509" s="1" t="s">
        <v>61243</v>
      </c>
      <c r="I16509" s="1" t="s">
        <v>53800</v>
      </c>
      <c r="J16509" s="1" t="s">
        <v>61269</v>
      </c>
    </row>
    <row r="16510" spans="1:10" x14ac:dyDescent="0.35">
      <c r="A16510" s="1" t="s">
        <v>61238</v>
      </c>
      <c r="B16510" s="1" t="s">
        <v>53796</v>
      </c>
      <c r="C16510" s="1" t="s">
        <v>50</v>
      </c>
      <c r="D16510" s="1" t="s">
        <v>61270</v>
      </c>
      <c r="E16510" s="1" t="s">
        <v>61271</v>
      </c>
      <c r="F16510" s="1" t="s">
        <v>61272</v>
      </c>
      <c r="G16510" s="1" t="s">
        <v>61242</v>
      </c>
      <c r="H16510" s="1" t="s">
        <v>61243</v>
      </c>
      <c r="I16510" s="1" t="s">
        <v>53800</v>
      </c>
      <c r="J16510" s="1" t="s">
        <v>61273</v>
      </c>
    </row>
    <row r="16511" spans="1:10" x14ac:dyDescent="0.35">
      <c r="A16511" s="1" t="s">
        <v>61238</v>
      </c>
      <c r="B16511" s="1" t="s">
        <v>53796</v>
      </c>
      <c r="C16511" s="1" t="s">
        <v>55</v>
      </c>
      <c r="D16511" s="1" t="s">
        <v>61274</v>
      </c>
      <c r="E16511" s="1" t="s">
        <v>61275</v>
      </c>
      <c r="F16511" s="1" t="s">
        <v>61276</v>
      </c>
      <c r="G16511" s="1" t="s">
        <v>61242</v>
      </c>
      <c r="H16511" s="1" t="s">
        <v>61243</v>
      </c>
      <c r="I16511" s="1" t="s">
        <v>53800</v>
      </c>
      <c r="J16511" s="1" t="s">
        <v>61277</v>
      </c>
    </row>
    <row r="16512" spans="1:10" x14ac:dyDescent="0.35">
      <c r="A16512" s="1" t="s">
        <v>61238</v>
      </c>
      <c r="B16512" s="1" t="s">
        <v>53796</v>
      </c>
      <c r="C16512" s="1" t="s">
        <v>60</v>
      </c>
      <c r="D16512" s="1" t="s">
        <v>61278</v>
      </c>
      <c r="E16512" s="1" t="s">
        <v>61279</v>
      </c>
      <c r="F16512" s="1" t="s">
        <v>61280</v>
      </c>
      <c r="G16512" s="1" t="s">
        <v>61242</v>
      </c>
      <c r="H16512" s="1" t="s">
        <v>61243</v>
      </c>
      <c r="I16512" s="1" t="s">
        <v>53800</v>
      </c>
      <c r="J16512" s="1" t="s">
        <v>61281</v>
      </c>
    </row>
    <row r="16513" spans="1:10" x14ac:dyDescent="0.35">
      <c r="A16513" s="1" t="s">
        <v>61238</v>
      </c>
      <c r="B16513" s="1" t="s">
        <v>53796</v>
      </c>
      <c r="C16513" s="1" t="s">
        <v>65</v>
      </c>
      <c r="D16513" s="1" t="s">
        <v>61282</v>
      </c>
      <c r="E16513" s="1" t="s">
        <v>61283</v>
      </c>
      <c r="F16513" s="1" t="s">
        <v>61284</v>
      </c>
      <c r="G16513" s="1" t="s">
        <v>61242</v>
      </c>
      <c r="H16513" s="1" t="s">
        <v>61243</v>
      </c>
      <c r="I16513" s="1" t="s">
        <v>53800</v>
      </c>
      <c r="J16513" s="1" t="s">
        <v>61285</v>
      </c>
    </row>
    <row r="16514" spans="1:10" x14ac:dyDescent="0.35">
      <c r="A16514" s="1" t="s">
        <v>61238</v>
      </c>
      <c r="B16514" s="1" t="s">
        <v>53796</v>
      </c>
      <c r="C16514" s="1" t="s">
        <v>70</v>
      </c>
      <c r="D16514" s="1" t="s">
        <v>61286</v>
      </c>
      <c r="E16514" s="1" t="s">
        <v>61287</v>
      </c>
      <c r="F16514" s="1" t="s">
        <v>61288</v>
      </c>
      <c r="G16514" s="1" t="s">
        <v>61242</v>
      </c>
      <c r="H16514" s="1" t="s">
        <v>61243</v>
      </c>
      <c r="I16514" s="1" t="s">
        <v>53800</v>
      </c>
      <c r="J16514" s="1" t="s">
        <v>61289</v>
      </c>
    </row>
    <row r="16515" spans="1:10" x14ac:dyDescent="0.35">
      <c r="A16515" s="1" t="s">
        <v>61238</v>
      </c>
      <c r="B16515" s="1" t="s">
        <v>53796</v>
      </c>
      <c r="C16515" s="1" t="s">
        <v>75</v>
      </c>
      <c r="D16515" s="1" t="s">
        <v>42312</v>
      </c>
      <c r="E16515" s="1" t="s">
        <v>61290</v>
      </c>
      <c r="F16515" s="1" t="s">
        <v>61291</v>
      </c>
      <c r="G16515" s="1" t="s">
        <v>61242</v>
      </c>
      <c r="H16515" s="1" t="s">
        <v>61243</v>
      </c>
      <c r="I16515" s="1" t="s">
        <v>53800</v>
      </c>
      <c r="J16515" s="1" t="s">
        <v>61292</v>
      </c>
    </row>
    <row r="16516" spans="1:10" x14ac:dyDescent="0.35">
      <c r="A16516" s="1" t="s">
        <v>61238</v>
      </c>
      <c r="B16516" s="1" t="s">
        <v>53796</v>
      </c>
      <c r="C16516" s="1" t="s">
        <v>80</v>
      </c>
      <c r="D16516" s="1" t="s">
        <v>58271</v>
      </c>
      <c r="E16516" s="1" t="s">
        <v>61293</v>
      </c>
      <c r="F16516" s="1" t="s">
        <v>61294</v>
      </c>
      <c r="G16516" s="1" t="s">
        <v>61242</v>
      </c>
      <c r="H16516" s="1" t="s">
        <v>61243</v>
      </c>
      <c r="I16516" s="1" t="s">
        <v>53800</v>
      </c>
      <c r="J16516" s="1" t="s">
        <v>61295</v>
      </c>
    </row>
    <row r="16517" spans="1:10" x14ac:dyDescent="0.35">
      <c r="A16517" s="1" t="s">
        <v>61238</v>
      </c>
      <c r="B16517" s="1" t="s">
        <v>53796</v>
      </c>
      <c r="C16517" s="1" t="s">
        <v>85</v>
      </c>
      <c r="D16517" s="1" t="s">
        <v>61296</v>
      </c>
      <c r="E16517" s="1" t="s">
        <v>61297</v>
      </c>
      <c r="F16517" s="1" t="s">
        <v>61298</v>
      </c>
      <c r="G16517" s="1" t="s">
        <v>61242</v>
      </c>
      <c r="H16517" s="1" t="s">
        <v>61243</v>
      </c>
      <c r="I16517" s="1" t="s">
        <v>53800</v>
      </c>
      <c r="J16517" s="1" t="s">
        <v>61299</v>
      </c>
    </row>
    <row r="16518" spans="1:10" x14ac:dyDescent="0.35">
      <c r="A16518" s="1" t="s">
        <v>61238</v>
      </c>
      <c r="B16518" s="1" t="s">
        <v>53796</v>
      </c>
      <c r="C16518" s="1" t="s">
        <v>90</v>
      </c>
      <c r="D16518" s="1" t="s">
        <v>61300</v>
      </c>
      <c r="E16518" s="1" t="s">
        <v>61301</v>
      </c>
      <c r="F16518" s="1" t="s">
        <v>61302</v>
      </c>
      <c r="G16518" s="1" t="s">
        <v>61242</v>
      </c>
      <c r="H16518" s="1" t="s">
        <v>61243</v>
      </c>
      <c r="I16518" s="1" t="s">
        <v>53800</v>
      </c>
      <c r="J16518" s="1" t="s">
        <v>61303</v>
      </c>
    </row>
    <row r="16519" spans="1:10" x14ac:dyDescent="0.35">
      <c r="A16519" s="1" t="s">
        <v>61238</v>
      </c>
      <c r="B16519" s="1" t="s">
        <v>53796</v>
      </c>
      <c r="C16519" s="1" t="s">
        <v>95</v>
      </c>
      <c r="D16519" s="1" t="s">
        <v>61304</v>
      </c>
      <c r="E16519" s="1" t="s">
        <v>61305</v>
      </c>
      <c r="F16519" s="1" t="s">
        <v>61306</v>
      </c>
      <c r="G16519" s="1" t="s">
        <v>61242</v>
      </c>
      <c r="H16519" s="1" t="s">
        <v>61243</v>
      </c>
      <c r="I16519" s="1" t="s">
        <v>53800</v>
      </c>
      <c r="J16519" s="1" t="s">
        <v>61307</v>
      </c>
    </row>
    <row r="16520" spans="1:10" x14ac:dyDescent="0.35">
      <c r="A16520" s="1" t="s">
        <v>61238</v>
      </c>
      <c r="B16520" s="1" t="s">
        <v>53796</v>
      </c>
      <c r="C16520" s="1" t="s">
        <v>100</v>
      </c>
      <c r="D16520" s="1" t="s">
        <v>61308</v>
      </c>
      <c r="E16520" s="1" t="s">
        <v>61309</v>
      </c>
      <c r="F16520" s="1" t="s">
        <v>61310</v>
      </c>
      <c r="G16520" s="1" t="s">
        <v>61242</v>
      </c>
      <c r="H16520" s="1" t="s">
        <v>61243</v>
      </c>
      <c r="I16520" s="1" t="s">
        <v>53800</v>
      </c>
      <c r="J16520" s="1" t="s">
        <v>61311</v>
      </c>
    </row>
    <row r="16521" spans="1:10" x14ac:dyDescent="0.35">
      <c r="A16521" s="1" t="s">
        <v>61238</v>
      </c>
      <c r="B16521" s="1" t="s">
        <v>53796</v>
      </c>
      <c r="C16521" s="1" t="s">
        <v>105</v>
      </c>
      <c r="D16521" s="1" t="s">
        <v>61312</v>
      </c>
      <c r="E16521" s="1" t="s">
        <v>61313</v>
      </c>
      <c r="F16521" s="1" t="s">
        <v>61314</v>
      </c>
      <c r="G16521" s="1" t="s">
        <v>61242</v>
      </c>
      <c r="H16521" s="1" t="s">
        <v>61243</v>
      </c>
      <c r="I16521" s="1" t="s">
        <v>53800</v>
      </c>
      <c r="J16521" s="1" t="s">
        <v>61315</v>
      </c>
    </row>
    <row r="16522" spans="1:10" x14ac:dyDescent="0.35">
      <c r="A16522" s="1" t="s">
        <v>61238</v>
      </c>
      <c r="B16522" s="1" t="s">
        <v>53796</v>
      </c>
      <c r="C16522" s="1" t="s">
        <v>110</v>
      </c>
      <c r="D16522" s="1" t="s">
        <v>61316</v>
      </c>
      <c r="E16522" s="1" t="s">
        <v>61317</v>
      </c>
      <c r="F16522" s="1" t="s">
        <v>61318</v>
      </c>
      <c r="G16522" s="1" t="s">
        <v>61242</v>
      </c>
      <c r="H16522" s="1" t="s">
        <v>61243</v>
      </c>
      <c r="I16522" s="1" t="s">
        <v>53800</v>
      </c>
      <c r="J16522" s="1" t="s">
        <v>61319</v>
      </c>
    </row>
    <row r="16523" spans="1:10" x14ac:dyDescent="0.35">
      <c r="A16523" s="1" t="s">
        <v>61238</v>
      </c>
      <c r="B16523" s="1" t="s">
        <v>53796</v>
      </c>
      <c r="C16523" s="1" t="s">
        <v>115</v>
      </c>
      <c r="D16523" s="1" t="s">
        <v>56812</v>
      </c>
      <c r="E16523" s="1" t="s">
        <v>61320</v>
      </c>
      <c r="F16523" s="1" t="s">
        <v>61321</v>
      </c>
      <c r="G16523" s="1" t="s">
        <v>61242</v>
      </c>
      <c r="H16523" s="1" t="s">
        <v>61243</v>
      </c>
      <c r="I16523" s="1" t="s">
        <v>53800</v>
      </c>
      <c r="J16523" s="1" t="s">
        <v>61322</v>
      </c>
    </row>
    <row r="16524" spans="1:10" x14ac:dyDescent="0.35">
      <c r="A16524" s="1" t="s">
        <v>61238</v>
      </c>
      <c r="B16524" s="1" t="s">
        <v>53796</v>
      </c>
      <c r="C16524" s="1" t="s">
        <v>120</v>
      </c>
      <c r="D16524" s="1" t="s">
        <v>61323</v>
      </c>
      <c r="E16524" s="1" t="s">
        <v>61324</v>
      </c>
      <c r="F16524" s="1" t="s">
        <v>61325</v>
      </c>
      <c r="G16524" s="1" t="s">
        <v>61242</v>
      </c>
      <c r="H16524" s="1" t="s">
        <v>61243</v>
      </c>
      <c r="I16524" s="1" t="s">
        <v>53800</v>
      </c>
      <c r="J16524" s="1" t="s">
        <v>61326</v>
      </c>
    </row>
    <row r="16525" spans="1:10" x14ac:dyDescent="0.35">
      <c r="A16525" s="1" t="s">
        <v>61238</v>
      </c>
      <c r="B16525" s="1" t="s">
        <v>53796</v>
      </c>
      <c r="C16525" s="1" t="s">
        <v>125</v>
      </c>
      <c r="D16525" s="1" t="s">
        <v>61327</v>
      </c>
      <c r="E16525" s="1" t="s">
        <v>61328</v>
      </c>
      <c r="F16525" s="1" t="s">
        <v>61329</v>
      </c>
      <c r="G16525" s="1" t="s">
        <v>61242</v>
      </c>
      <c r="H16525" s="1" t="s">
        <v>61243</v>
      </c>
      <c r="I16525" s="1" t="s">
        <v>53800</v>
      </c>
      <c r="J16525" s="1" t="s">
        <v>61330</v>
      </c>
    </row>
    <row r="16526" spans="1:10" x14ac:dyDescent="0.35">
      <c r="A16526" s="1" t="s">
        <v>61238</v>
      </c>
      <c r="B16526" s="1" t="s">
        <v>53796</v>
      </c>
      <c r="C16526" s="1" t="s">
        <v>130</v>
      </c>
      <c r="D16526" s="1" t="s">
        <v>61331</v>
      </c>
      <c r="E16526" s="1" t="s">
        <v>61332</v>
      </c>
      <c r="F16526" s="1" t="s">
        <v>61333</v>
      </c>
      <c r="G16526" s="1" t="s">
        <v>61242</v>
      </c>
      <c r="H16526" s="1" t="s">
        <v>61243</v>
      </c>
      <c r="I16526" s="1" t="s">
        <v>53800</v>
      </c>
      <c r="J16526" s="1" t="s">
        <v>61334</v>
      </c>
    </row>
    <row r="16527" spans="1:10" x14ac:dyDescent="0.35">
      <c r="A16527" s="1" t="s">
        <v>61238</v>
      </c>
      <c r="B16527" s="1" t="s">
        <v>53796</v>
      </c>
      <c r="C16527" s="1" t="s">
        <v>135</v>
      </c>
      <c r="D16527" s="1" t="s">
        <v>7669</v>
      </c>
      <c r="E16527" s="1" t="s">
        <v>61335</v>
      </c>
      <c r="F16527" s="1" t="s">
        <v>61336</v>
      </c>
      <c r="G16527" s="1" t="s">
        <v>61242</v>
      </c>
      <c r="H16527" s="1" t="s">
        <v>61243</v>
      </c>
      <c r="I16527" s="1" t="s">
        <v>53800</v>
      </c>
      <c r="J16527" s="1" t="s">
        <v>61337</v>
      </c>
    </row>
    <row r="16528" spans="1:10" x14ac:dyDescent="0.35">
      <c r="A16528" s="1" t="s">
        <v>61238</v>
      </c>
      <c r="B16528" s="1" t="s">
        <v>53796</v>
      </c>
      <c r="C16528" s="1" t="s">
        <v>140</v>
      </c>
      <c r="D16528" s="1" t="s">
        <v>61338</v>
      </c>
      <c r="E16528" s="1" t="s">
        <v>61339</v>
      </c>
      <c r="F16528" s="1" t="s">
        <v>61340</v>
      </c>
      <c r="G16528" s="1" t="s">
        <v>61242</v>
      </c>
      <c r="H16528" s="1" t="s">
        <v>61243</v>
      </c>
      <c r="I16528" s="1" t="s">
        <v>53800</v>
      </c>
      <c r="J16528" s="1" t="s">
        <v>61341</v>
      </c>
    </row>
    <row r="16529" spans="1:10" x14ac:dyDescent="0.35">
      <c r="A16529" s="1" t="s">
        <v>61238</v>
      </c>
      <c r="B16529" s="1" t="s">
        <v>53796</v>
      </c>
      <c r="C16529" s="1" t="s">
        <v>145</v>
      </c>
      <c r="D16529" s="1" t="s">
        <v>61342</v>
      </c>
      <c r="E16529" s="1" t="s">
        <v>61343</v>
      </c>
      <c r="F16529" s="1" t="s">
        <v>61344</v>
      </c>
      <c r="G16529" s="1" t="s">
        <v>61242</v>
      </c>
      <c r="H16529" s="1" t="s">
        <v>61243</v>
      </c>
      <c r="I16529" s="1" t="s">
        <v>53800</v>
      </c>
      <c r="J16529" s="1" t="s">
        <v>61345</v>
      </c>
    </row>
    <row r="16530" spans="1:10" x14ac:dyDescent="0.35">
      <c r="A16530" s="1" t="s">
        <v>61238</v>
      </c>
      <c r="B16530" s="1" t="s">
        <v>53796</v>
      </c>
      <c r="C16530" s="1" t="s">
        <v>150</v>
      </c>
      <c r="D16530" s="1" t="s">
        <v>61346</v>
      </c>
      <c r="E16530" s="1" t="s">
        <v>61347</v>
      </c>
      <c r="F16530" s="1" t="s">
        <v>61348</v>
      </c>
      <c r="G16530" s="1" t="s">
        <v>61242</v>
      </c>
      <c r="H16530" s="1" t="s">
        <v>61243</v>
      </c>
      <c r="I16530" s="1" t="s">
        <v>53800</v>
      </c>
      <c r="J16530" s="1" t="s">
        <v>61349</v>
      </c>
    </row>
    <row r="16531" spans="1:10" x14ac:dyDescent="0.35">
      <c r="A16531" s="1" t="s">
        <v>61238</v>
      </c>
      <c r="B16531" s="1" t="s">
        <v>53796</v>
      </c>
      <c r="C16531" s="1" t="s">
        <v>155</v>
      </c>
      <c r="D16531" s="1" t="s">
        <v>61350</v>
      </c>
      <c r="E16531" s="1" t="s">
        <v>61351</v>
      </c>
      <c r="F16531" s="1" t="s">
        <v>61352</v>
      </c>
      <c r="G16531" s="1" t="s">
        <v>61242</v>
      </c>
      <c r="H16531" s="1" t="s">
        <v>61243</v>
      </c>
      <c r="I16531" s="1" t="s">
        <v>53800</v>
      </c>
      <c r="J16531" s="1" t="s">
        <v>61353</v>
      </c>
    </row>
    <row r="16532" spans="1:10" x14ac:dyDescent="0.35">
      <c r="A16532" s="1" t="s">
        <v>61238</v>
      </c>
      <c r="B16532" s="1" t="s">
        <v>53796</v>
      </c>
      <c r="C16532" s="1" t="s">
        <v>160</v>
      </c>
      <c r="D16532" s="1" t="s">
        <v>61354</v>
      </c>
      <c r="E16532" s="1" t="s">
        <v>61355</v>
      </c>
      <c r="F16532" s="1" t="s">
        <v>61356</v>
      </c>
      <c r="G16532" s="1" t="s">
        <v>61242</v>
      </c>
      <c r="H16532" s="1" t="s">
        <v>61243</v>
      </c>
      <c r="I16532" s="1" t="s">
        <v>53800</v>
      </c>
      <c r="J16532" s="1" t="s">
        <v>61357</v>
      </c>
    </row>
    <row r="16533" spans="1:10" x14ac:dyDescent="0.35">
      <c r="A16533" s="1" t="s">
        <v>61238</v>
      </c>
      <c r="B16533" s="1" t="s">
        <v>53796</v>
      </c>
      <c r="C16533" s="1" t="s">
        <v>165</v>
      </c>
      <c r="D16533" s="1" t="s">
        <v>61358</v>
      </c>
      <c r="E16533" s="1" t="s">
        <v>61359</v>
      </c>
      <c r="F16533" s="1" t="s">
        <v>61360</v>
      </c>
      <c r="G16533" s="1" t="s">
        <v>61242</v>
      </c>
      <c r="H16533" s="1" t="s">
        <v>61243</v>
      </c>
      <c r="I16533" s="1" t="s">
        <v>53800</v>
      </c>
      <c r="J16533" s="1" t="s">
        <v>61361</v>
      </c>
    </row>
    <row r="16534" spans="1:10" x14ac:dyDescent="0.35">
      <c r="A16534" s="1" t="s">
        <v>61238</v>
      </c>
      <c r="B16534" s="1" t="s">
        <v>53796</v>
      </c>
      <c r="C16534" s="1" t="s">
        <v>170</v>
      </c>
      <c r="D16534" s="1" t="s">
        <v>61362</v>
      </c>
      <c r="E16534" s="1" t="s">
        <v>61363</v>
      </c>
      <c r="F16534" s="1" t="s">
        <v>61364</v>
      </c>
      <c r="G16534" s="1" t="s">
        <v>61242</v>
      </c>
      <c r="H16534" s="1" t="s">
        <v>61243</v>
      </c>
      <c r="I16534" s="1" t="s">
        <v>53800</v>
      </c>
      <c r="J16534" s="1" t="s">
        <v>61365</v>
      </c>
    </row>
    <row r="16535" spans="1:10" x14ac:dyDescent="0.35">
      <c r="A16535" s="1" t="s">
        <v>61366</v>
      </c>
      <c r="B16535" s="1" t="s">
        <v>53796</v>
      </c>
      <c r="C16535" s="1" t="s">
        <v>8</v>
      </c>
      <c r="D16535" s="1" t="s">
        <v>56112</v>
      </c>
      <c r="E16535" s="1" t="s">
        <v>56233</v>
      </c>
      <c r="F16535" s="1" t="s">
        <v>61367</v>
      </c>
      <c r="G16535" s="1" t="s">
        <v>61368</v>
      </c>
      <c r="H16535" s="1" t="s">
        <v>61369</v>
      </c>
      <c r="I16535" s="1" t="s">
        <v>53800</v>
      </c>
      <c r="J16535" s="1" t="s">
        <v>13</v>
      </c>
    </row>
    <row r="16536" spans="1:10" x14ac:dyDescent="0.35">
      <c r="A16536" s="1" t="s">
        <v>61366</v>
      </c>
      <c r="B16536" s="1" t="s">
        <v>53796</v>
      </c>
      <c r="C16536" s="1" t="s">
        <v>15</v>
      </c>
      <c r="D16536" s="1" t="s">
        <v>61370</v>
      </c>
      <c r="E16536" s="1" t="s">
        <v>59885</v>
      </c>
      <c r="F16536" s="1" t="s">
        <v>61371</v>
      </c>
      <c r="G16536" s="1" t="s">
        <v>61368</v>
      </c>
      <c r="H16536" s="1" t="s">
        <v>61369</v>
      </c>
      <c r="I16536" s="1" t="s">
        <v>53800</v>
      </c>
      <c r="J16536" s="1" t="s">
        <v>61372</v>
      </c>
    </row>
    <row r="16537" spans="1:10" x14ac:dyDescent="0.35">
      <c r="A16537" s="1" t="s">
        <v>61366</v>
      </c>
      <c r="B16537" s="1" t="s">
        <v>53796</v>
      </c>
      <c r="C16537" s="1" t="s">
        <v>20</v>
      </c>
      <c r="D16537" s="1" t="s">
        <v>61373</v>
      </c>
      <c r="E16537" s="1" t="s">
        <v>61374</v>
      </c>
      <c r="F16537" s="1" t="s">
        <v>55273</v>
      </c>
      <c r="G16537" s="1" t="s">
        <v>61368</v>
      </c>
      <c r="H16537" s="1" t="s">
        <v>61369</v>
      </c>
      <c r="I16537" s="1" t="s">
        <v>53800</v>
      </c>
      <c r="J16537" s="1" t="s">
        <v>61375</v>
      </c>
    </row>
    <row r="16538" spans="1:10" x14ac:dyDescent="0.35">
      <c r="A16538" s="1" t="s">
        <v>61366</v>
      </c>
      <c r="B16538" s="1" t="s">
        <v>53796</v>
      </c>
      <c r="C16538" s="1" t="s">
        <v>25</v>
      </c>
      <c r="D16538" s="1" t="s">
        <v>61376</v>
      </c>
      <c r="E16538" s="1" t="s">
        <v>54729</v>
      </c>
      <c r="F16538" s="1" t="s">
        <v>61377</v>
      </c>
      <c r="G16538" s="1" t="s">
        <v>61368</v>
      </c>
      <c r="H16538" s="1" t="s">
        <v>61369</v>
      </c>
      <c r="I16538" s="1" t="s">
        <v>53800</v>
      </c>
      <c r="J16538" s="1" t="s">
        <v>61378</v>
      </c>
    </row>
    <row r="16539" spans="1:10" x14ac:dyDescent="0.35">
      <c r="A16539" s="1" t="s">
        <v>61366</v>
      </c>
      <c r="B16539" s="1" t="s">
        <v>53796</v>
      </c>
      <c r="C16539" s="1" t="s">
        <v>30</v>
      </c>
      <c r="D16539" s="1" t="s">
        <v>61379</v>
      </c>
      <c r="E16539" s="1" t="s">
        <v>56698</v>
      </c>
      <c r="F16539" s="1" t="s">
        <v>61380</v>
      </c>
      <c r="G16539" s="1" t="s">
        <v>61368</v>
      </c>
      <c r="H16539" s="1" t="s">
        <v>61369</v>
      </c>
      <c r="I16539" s="1" t="s">
        <v>53800</v>
      </c>
      <c r="J16539" s="1" t="s">
        <v>61381</v>
      </c>
    </row>
    <row r="16540" spans="1:10" x14ac:dyDescent="0.35">
      <c r="A16540" s="1" t="s">
        <v>61366</v>
      </c>
      <c r="B16540" s="1" t="s">
        <v>53796</v>
      </c>
      <c r="C16540" s="1" t="s">
        <v>35</v>
      </c>
      <c r="D16540" s="1" t="s">
        <v>21909</v>
      </c>
      <c r="E16540" s="1" t="s">
        <v>21190</v>
      </c>
      <c r="F16540" s="1" t="s">
        <v>61382</v>
      </c>
      <c r="G16540" s="1" t="s">
        <v>61368</v>
      </c>
      <c r="H16540" s="1" t="s">
        <v>61369</v>
      </c>
      <c r="I16540" s="1" t="s">
        <v>53800</v>
      </c>
      <c r="J16540" s="1" t="s">
        <v>61383</v>
      </c>
    </row>
    <row r="16541" spans="1:10" x14ac:dyDescent="0.35">
      <c r="A16541" s="1" t="s">
        <v>61366</v>
      </c>
      <c r="B16541" s="1" t="s">
        <v>53796</v>
      </c>
      <c r="C16541" s="1" t="s">
        <v>40</v>
      </c>
      <c r="D16541" s="1" t="s">
        <v>61384</v>
      </c>
      <c r="E16541" s="1" t="s">
        <v>41258</v>
      </c>
      <c r="F16541" s="1" t="s">
        <v>61385</v>
      </c>
      <c r="G16541" s="1" t="s">
        <v>61368</v>
      </c>
      <c r="H16541" s="1" t="s">
        <v>61369</v>
      </c>
      <c r="I16541" s="1" t="s">
        <v>53800</v>
      </c>
      <c r="J16541" s="1" t="s">
        <v>61386</v>
      </c>
    </row>
    <row r="16542" spans="1:10" x14ac:dyDescent="0.35">
      <c r="A16542" s="1" t="s">
        <v>61366</v>
      </c>
      <c r="B16542" s="1" t="s">
        <v>53796</v>
      </c>
      <c r="C16542" s="1" t="s">
        <v>45</v>
      </c>
      <c r="D16542" s="1" t="s">
        <v>61387</v>
      </c>
      <c r="E16542" s="1" t="s">
        <v>58204</v>
      </c>
      <c r="F16542" s="1" t="s">
        <v>61388</v>
      </c>
      <c r="G16542" s="1" t="s">
        <v>61368</v>
      </c>
      <c r="H16542" s="1" t="s">
        <v>61369</v>
      </c>
      <c r="I16542" s="1" t="s">
        <v>53800</v>
      </c>
      <c r="J16542" s="1" t="s">
        <v>61389</v>
      </c>
    </row>
    <row r="16543" spans="1:10" x14ac:dyDescent="0.35">
      <c r="A16543" s="1" t="s">
        <v>61366</v>
      </c>
      <c r="B16543" s="1" t="s">
        <v>53796</v>
      </c>
      <c r="C16543" s="1" t="s">
        <v>50</v>
      </c>
      <c r="D16543" s="1" t="s">
        <v>61390</v>
      </c>
      <c r="E16543" s="1" t="s">
        <v>21737</v>
      </c>
      <c r="F16543" s="1" t="s">
        <v>56040</v>
      </c>
      <c r="G16543" s="1" t="s">
        <v>61368</v>
      </c>
      <c r="H16543" s="1" t="s">
        <v>61369</v>
      </c>
      <c r="I16543" s="1" t="s">
        <v>53800</v>
      </c>
      <c r="J16543" s="1" t="s">
        <v>61391</v>
      </c>
    </row>
    <row r="16544" spans="1:10" x14ac:dyDescent="0.35">
      <c r="A16544" s="1" t="s">
        <v>61366</v>
      </c>
      <c r="B16544" s="1" t="s">
        <v>53796</v>
      </c>
      <c r="C16544" s="1" t="s">
        <v>55</v>
      </c>
      <c r="D16544" s="1" t="s">
        <v>40285</v>
      </c>
      <c r="E16544" s="1" t="s">
        <v>56913</v>
      </c>
      <c r="F16544" s="1" t="s">
        <v>56352</v>
      </c>
      <c r="G16544" s="1" t="s">
        <v>61368</v>
      </c>
      <c r="H16544" s="1" t="s">
        <v>61369</v>
      </c>
      <c r="I16544" s="1" t="s">
        <v>53800</v>
      </c>
      <c r="J16544" s="1" t="s">
        <v>61392</v>
      </c>
    </row>
    <row r="16545" spans="1:10" x14ac:dyDescent="0.35">
      <c r="A16545" s="1" t="s">
        <v>61366</v>
      </c>
      <c r="B16545" s="1" t="s">
        <v>53796</v>
      </c>
      <c r="C16545" s="1" t="s">
        <v>60</v>
      </c>
      <c r="D16545" s="1" t="s">
        <v>20335</v>
      </c>
      <c r="E16545" s="1" t="s">
        <v>59640</v>
      </c>
      <c r="F16545" s="1" t="s">
        <v>61393</v>
      </c>
      <c r="G16545" s="1" t="s">
        <v>61368</v>
      </c>
      <c r="H16545" s="1" t="s">
        <v>61369</v>
      </c>
      <c r="I16545" s="1" t="s">
        <v>53800</v>
      </c>
      <c r="J16545" s="1" t="s">
        <v>61394</v>
      </c>
    </row>
    <row r="16546" spans="1:10" x14ac:dyDescent="0.35">
      <c r="A16546" s="1" t="s">
        <v>61366</v>
      </c>
      <c r="B16546" s="1" t="s">
        <v>53796</v>
      </c>
      <c r="C16546" s="1" t="s">
        <v>65</v>
      </c>
      <c r="D16546" s="1" t="s">
        <v>61395</v>
      </c>
      <c r="E16546" s="1" t="s">
        <v>61396</v>
      </c>
      <c r="F16546" s="1" t="s">
        <v>61397</v>
      </c>
      <c r="G16546" s="1" t="s">
        <v>61368</v>
      </c>
      <c r="H16546" s="1" t="s">
        <v>61369</v>
      </c>
      <c r="I16546" s="1" t="s">
        <v>53800</v>
      </c>
      <c r="J16546" s="1" t="s">
        <v>61398</v>
      </c>
    </row>
    <row r="16547" spans="1:10" x14ac:dyDescent="0.35">
      <c r="A16547" s="1" t="s">
        <v>61366</v>
      </c>
      <c r="B16547" s="1" t="s">
        <v>53796</v>
      </c>
      <c r="C16547" s="1" t="s">
        <v>70</v>
      </c>
      <c r="D16547" s="1" t="s">
        <v>61399</v>
      </c>
      <c r="E16547" s="1" t="s">
        <v>56104</v>
      </c>
      <c r="F16547" s="1" t="s">
        <v>61400</v>
      </c>
      <c r="G16547" s="1" t="s">
        <v>61368</v>
      </c>
      <c r="H16547" s="1" t="s">
        <v>61369</v>
      </c>
      <c r="I16547" s="1" t="s">
        <v>53800</v>
      </c>
      <c r="J16547" s="1" t="s">
        <v>61401</v>
      </c>
    </row>
    <row r="16548" spans="1:10" x14ac:dyDescent="0.35">
      <c r="A16548" s="1" t="s">
        <v>61366</v>
      </c>
      <c r="B16548" s="1" t="s">
        <v>53796</v>
      </c>
      <c r="C16548" s="1" t="s">
        <v>75</v>
      </c>
      <c r="D16548" s="1" t="s">
        <v>61402</v>
      </c>
      <c r="E16548" s="1" t="s">
        <v>61403</v>
      </c>
      <c r="F16548" s="1" t="s">
        <v>61404</v>
      </c>
      <c r="G16548" s="1" t="s">
        <v>61368</v>
      </c>
      <c r="H16548" s="1" t="s">
        <v>61369</v>
      </c>
      <c r="I16548" s="1" t="s">
        <v>53800</v>
      </c>
      <c r="J16548" s="1" t="s">
        <v>61405</v>
      </c>
    </row>
    <row r="16549" spans="1:10" x14ac:dyDescent="0.35">
      <c r="A16549" s="1" t="s">
        <v>61366</v>
      </c>
      <c r="B16549" s="1" t="s">
        <v>53796</v>
      </c>
      <c r="C16549" s="1" t="s">
        <v>80</v>
      </c>
      <c r="D16549" s="1" t="s">
        <v>4939</v>
      </c>
      <c r="E16549" s="1" t="s">
        <v>56311</v>
      </c>
      <c r="F16549" s="1" t="s">
        <v>61406</v>
      </c>
      <c r="G16549" s="1" t="s">
        <v>61368</v>
      </c>
      <c r="H16549" s="1" t="s">
        <v>61369</v>
      </c>
      <c r="I16549" s="1" t="s">
        <v>53800</v>
      </c>
      <c r="J16549" s="1" t="s">
        <v>61407</v>
      </c>
    </row>
    <row r="16550" spans="1:10" x14ac:dyDescent="0.35">
      <c r="A16550" s="1" t="s">
        <v>61366</v>
      </c>
      <c r="B16550" s="1" t="s">
        <v>53796</v>
      </c>
      <c r="C16550" s="1" t="s">
        <v>85</v>
      </c>
      <c r="D16550" s="1" t="s">
        <v>61408</v>
      </c>
      <c r="E16550" s="1" t="s">
        <v>61409</v>
      </c>
      <c r="F16550" s="1" t="s">
        <v>57015</v>
      </c>
      <c r="G16550" s="1" t="s">
        <v>61368</v>
      </c>
      <c r="H16550" s="1" t="s">
        <v>61369</v>
      </c>
      <c r="I16550" s="1" t="s">
        <v>53800</v>
      </c>
      <c r="J16550" s="1" t="s">
        <v>61410</v>
      </c>
    </row>
    <row r="16551" spans="1:10" x14ac:dyDescent="0.35">
      <c r="A16551" s="1" t="s">
        <v>61366</v>
      </c>
      <c r="B16551" s="1" t="s">
        <v>53796</v>
      </c>
      <c r="C16551" s="1" t="s">
        <v>90</v>
      </c>
      <c r="D16551" s="1" t="s">
        <v>41747</v>
      </c>
      <c r="E16551" s="1" t="s">
        <v>53965</v>
      </c>
      <c r="F16551" s="1" t="s">
        <v>61411</v>
      </c>
      <c r="G16551" s="1" t="s">
        <v>61368</v>
      </c>
      <c r="H16551" s="1" t="s">
        <v>61369</v>
      </c>
      <c r="I16551" s="1" t="s">
        <v>53800</v>
      </c>
      <c r="J16551" s="1" t="s">
        <v>61412</v>
      </c>
    </row>
    <row r="16552" spans="1:10" x14ac:dyDescent="0.35">
      <c r="A16552" s="1" t="s">
        <v>61366</v>
      </c>
      <c r="B16552" s="1" t="s">
        <v>53796</v>
      </c>
      <c r="C16552" s="1" t="s">
        <v>95</v>
      </c>
      <c r="D16552" s="1" t="s">
        <v>61413</v>
      </c>
      <c r="E16552" s="1" t="s">
        <v>56938</v>
      </c>
      <c r="F16552" s="1" t="s">
        <v>61414</v>
      </c>
      <c r="G16552" s="1" t="s">
        <v>61368</v>
      </c>
      <c r="H16552" s="1" t="s">
        <v>61369</v>
      </c>
      <c r="I16552" s="1" t="s">
        <v>53800</v>
      </c>
      <c r="J16552" s="1" t="s">
        <v>61415</v>
      </c>
    </row>
    <row r="16553" spans="1:10" x14ac:dyDescent="0.35">
      <c r="A16553" s="1" t="s">
        <v>61366</v>
      </c>
      <c r="B16553" s="1" t="s">
        <v>53796</v>
      </c>
      <c r="C16553" s="1" t="s">
        <v>100</v>
      </c>
      <c r="D16553" s="1" t="s">
        <v>61416</v>
      </c>
      <c r="E16553" s="1" t="s">
        <v>56990</v>
      </c>
      <c r="F16553" s="1" t="s">
        <v>61388</v>
      </c>
      <c r="G16553" s="1" t="s">
        <v>61368</v>
      </c>
      <c r="H16553" s="1" t="s">
        <v>61369</v>
      </c>
      <c r="I16553" s="1" t="s">
        <v>53800</v>
      </c>
      <c r="J16553" s="1" t="s">
        <v>61417</v>
      </c>
    </row>
    <row r="16554" spans="1:10" x14ac:dyDescent="0.35">
      <c r="A16554" s="1" t="s">
        <v>61366</v>
      </c>
      <c r="B16554" s="1" t="s">
        <v>53796</v>
      </c>
      <c r="C16554" s="1" t="s">
        <v>105</v>
      </c>
      <c r="D16554" s="1" t="s">
        <v>61418</v>
      </c>
      <c r="E16554" s="1" t="s">
        <v>41159</v>
      </c>
      <c r="F16554" s="1" t="s">
        <v>61419</v>
      </c>
      <c r="G16554" s="1" t="s">
        <v>61368</v>
      </c>
      <c r="H16554" s="1" t="s">
        <v>61369</v>
      </c>
      <c r="I16554" s="1" t="s">
        <v>53800</v>
      </c>
      <c r="J16554" s="1" t="s">
        <v>61420</v>
      </c>
    </row>
    <row r="16555" spans="1:10" x14ac:dyDescent="0.35">
      <c r="A16555" s="1" t="s">
        <v>61366</v>
      </c>
      <c r="B16555" s="1" t="s">
        <v>53796</v>
      </c>
      <c r="C16555" s="1" t="s">
        <v>110</v>
      </c>
      <c r="D16555" s="1" t="s">
        <v>61421</v>
      </c>
      <c r="E16555" s="1" t="s">
        <v>61422</v>
      </c>
      <c r="F16555" s="1" t="s">
        <v>61423</v>
      </c>
      <c r="G16555" s="1" t="s">
        <v>61368</v>
      </c>
      <c r="H16555" s="1" t="s">
        <v>61369</v>
      </c>
      <c r="I16555" s="1" t="s">
        <v>53800</v>
      </c>
      <c r="J16555" s="1" t="s">
        <v>61424</v>
      </c>
    </row>
    <row r="16556" spans="1:10" x14ac:dyDescent="0.35">
      <c r="A16556" s="1" t="s">
        <v>61366</v>
      </c>
      <c r="B16556" s="1" t="s">
        <v>53796</v>
      </c>
      <c r="C16556" s="1" t="s">
        <v>115</v>
      </c>
      <c r="D16556" s="1" t="s">
        <v>61425</v>
      </c>
      <c r="E16556" s="1" t="s">
        <v>23195</v>
      </c>
      <c r="F16556" s="1" t="s">
        <v>61426</v>
      </c>
      <c r="G16556" s="1" t="s">
        <v>61368</v>
      </c>
      <c r="H16556" s="1" t="s">
        <v>61369</v>
      </c>
      <c r="I16556" s="1" t="s">
        <v>53800</v>
      </c>
      <c r="J16556" s="1" t="s">
        <v>61427</v>
      </c>
    </row>
    <row r="16557" spans="1:10" x14ac:dyDescent="0.35">
      <c r="A16557" s="1" t="s">
        <v>61366</v>
      </c>
      <c r="B16557" s="1" t="s">
        <v>53796</v>
      </c>
      <c r="C16557" s="1" t="s">
        <v>120</v>
      </c>
      <c r="D16557" s="1" t="s">
        <v>61428</v>
      </c>
      <c r="E16557" s="1" t="s">
        <v>55315</v>
      </c>
      <c r="F16557" s="1" t="s">
        <v>57057</v>
      </c>
      <c r="G16557" s="1" t="s">
        <v>61368</v>
      </c>
      <c r="H16557" s="1" t="s">
        <v>61369</v>
      </c>
      <c r="I16557" s="1" t="s">
        <v>53800</v>
      </c>
      <c r="J16557" s="1" t="s">
        <v>61429</v>
      </c>
    </row>
    <row r="16558" spans="1:10" x14ac:dyDescent="0.35">
      <c r="A16558" s="1" t="s">
        <v>61366</v>
      </c>
      <c r="B16558" s="1" t="s">
        <v>53796</v>
      </c>
      <c r="C16558" s="1" t="s">
        <v>125</v>
      </c>
      <c r="D16558" s="1" t="s">
        <v>61430</v>
      </c>
      <c r="E16558" s="1" t="s">
        <v>41425</v>
      </c>
      <c r="F16558" s="1" t="s">
        <v>56343</v>
      </c>
      <c r="G16558" s="1" t="s">
        <v>61368</v>
      </c>
      <c r="H16558" s="1" t="s">
        <v>61369</v>
      </c>
      <c r="I16558" s="1" t="s">
        <v>53800</v>
      </c>
      <c r="J16558" s="1" t="s">
        <v>61431</v>
      </c>
    </row>
    <row r="16559" spans="1:10" x14ac:dyDescent="0.35">
      <c r="A16559" s="1" t="s">
        <v>61366</v>
      </c>
      <c r="B16559" s="1" t="s">
        <v>53796</v>
      </c>
      <c r="C16559" s="1" t="s">
        <v>130</v>
      </c>
      <c r="D16559" s="1" t="s">
        <v>498</v>
      </c>
      <c r="E16559" s="1" t="s">
        <v>61432</v>
      </c>
      <c r="F16559" s="1" t="s">
        <v>61433</v>
      </c>
      <c r="G16559" s="1" t="s">
        <v>61368</v>
      </c>
      <c r="H16559" s="1" t="s">
        <v>61369</v>
      </c>
      <c r="I16559" s="1" t="s">
        <v>53800</v>
      </c>
      <c r="J16559" s="1" t="s">
        <v>61434</v>
      </c>
    </row>
    <row r="16560" spans="1:10" x14ac:dyDescent="0.35">
      <c r="A16560" s="1" t="s">
        <v>61366</v>
      </c>
      <c r="B16560" s="1" t="s">
        <v>53796</v>
      </c>
      <c r="C16560" s="1" t="s">
        <v>135</v>
      </c>
      <c r="D16560" s="1" t="s">
        <v>61435</v>
      </c>
      <c r="E16560" s="1" t="s">
        <v>15369</v>
      </c>
      <c r="F16560" s="1" t="s">
        <v>61436</v>
      </c>
      <c r="G16560" s="1" t="s">
        <v>61368</v>
      </c>
      <c r="H16560" s="1" t="s">
        <v>61369</v>
      </c>
      <c r="I16560" s="1" t="s">
        <v>53800</v>
      </c>
      <c r="J16560" s="1" t="s">
        <v>61437</v>
      </c>
    </row>
    <row r="16561" spans="1:10" x14ac:dyDescent="0.35">
      <c r="A16561" s="1" t="s">
        <v>61366</v>
      </c>
      <c r="B16561" s="1" t="s">
        <v>53796</v>
      </c>
      <c r="C16561" s="1" t="s">
        <v>140</v>
      </c>
      <c r="D16561" s="1" t="s">
        <v>61438</v>
      </c>
      <c r="E16561" s="1" t="s">
        <v>54448</v>
      </c>
      <c r="F16561" s="1" t="s">
        <v>61439</v>
      </c>
      <c r="G16561" s="1" t="s">
        <v>61368</v>
      </c>
      <c r="H16561" s="1" t="s">
        <v>61369</v>
      </c>
      <c r="I16561" s="1" t="s">
        <v>53800</v>
      </c>
      <c r="J16561" s="1" t="s">
        <v>61440</v>
      </c>
    </row>
    <row r="16562" spans="1:10" x14ac:dyDescent="0.35">
      <c r="A16562" s="1" t="s">
        <v>61366</v>
      </c>
      <c r="B16562" s="1" t="s">
        <v>53796</v>
      </c>
      <c r="C16562" s="1" t="s">
        <v>145</v>
      </c>
      <c r="D16562" s="1" t="s">
        <v>61441</v>
      </c>
      <c r="E16562" s="1" t="s">
        <v>24221</v>
      </c>
      <c r="F16562" s="1" t="s">
        <v>61442</v>
      </c>
      <c r="G16562" s="1" t="s">
        <v>61368</v>
      </c>
      <c r="H16562" s="1" t="s">
        <v>61369</v>
      </c>
      <c r="I16562" s="1" t="s">
        <v>53800</v>
      </c>
      <c r="J16562" s="1" t="s">
        <v>61443</v>
      </c>
    </row>
    <row r="16563" spans="1:10" x14ac:dyDescent="0.35">
      <c r="A16563" s="1" t="s">
        <v>61366</v>
      </c>
      <c r="B16563" s="1" t="s">
        <v>53796</v>
      </c>
      <c r="C16563" s="1" t="s">
        <v>150</v>
      </c>
      <c r="D16563" s="1" t="s">
        <v>61444</v>
      </c>
      <c r="E16563" s="1" t="s">
        <v>12821</v>
      </c>
      <c r="F16563" s="1" t="s">
        <v>61445</v>
      </c>
      <c r="G16563" s="1" t="s">
        <v>61368</v>
      </c>
      <c r="H16563" s="1" t="s">
        <v>61369</v>
      </c>
      <c r="I16563" s="1" t="s">
        <v>53800</v>
      </c>
      <c r="J16563" s="1" t="s">
        <v>61446</v>
      </c>
    </row>
    <row r="16564" spans="1:10" x14ac:dyDescent="0.35">
      <c r="A16564" s="1" t="s">
        <v>61366</v>
      </c>
      <c r="B16564" s="1" t="s">
        <v>53796</v>
      </c>
      <c r="C16564" s="1" t="s">
        <v>155</v>
      </c>
      <c r="D16564" s="1" t="s">
        <v>56654</v>
      </c>
      <c r="E16564" s="1" t="s">
        <v>31445</v>
      </c>
      <c r="F16564" s="1" t="s">
        <v>61447</v>
      </c>
      <c r="G16564" s="1" t="s">
        <v>61368</v>
      </c>
      <c r="H16564" s="1" t="s">
        <v>61369</v>
      </c>
      <c r="I16564" s="1" t="s">
        <v>53800</v>
      </c>
      <c r="J16564" s="1" t="s">
        <v>61448</v>
      </c>
    </row>
    <row r="16565" spans="1:10" x14ac:dyDescent="0.35">
      <c r="A16565" s="1" t="s">
        <v>61366</v>
      </c>
      <c r="B16565" s="1" t="s">
        <v>53796</v>
      </c>
      <c r="C16565" s="1" t="s">
        <v>160</v>
      </c>
      <c r="D16565" s="1" t="s">
        <v>61449</v>
      </c>
      <c r="E16565" s="1" t="s">
        <v>56393</v>
      </c>
      <c r="F16565" s="1" t="s">
        <v>61450</v>
      </c>
      <c r="G16565" s="1" t="s">
        <v>61368</v>
      </c>
      <c r="H16565" s="1" t="s">
        <v>61369</v>
      </c>
      <c r="I16565" s="1" t="s">
        <v>53800</v>
      </c>
      <c r="J16565" s="1" t="s">
        <v>61451</v>
      </c>
    </row>
    <row r="16566" spans="1:10" x14ac:dyDescent="0.35">
      <c r="A16566" s="1" t="s">
        <v>61366</v>
      </c>
      <c r="B16566" s="1" t="s">
        <v>53796</v>
      </c>
      <c r="C16566" s="1" t="s">
        <v>165</v>
      </c>
      <c r="D16566" s="1" t="s">
        <v>61452</v>
      </c>
      <c r="E16566" s="1" t="s">
        <v>56917</v>
      </c>
      <c r="F16566" s="1" t="s">
        <v>61453</v>
      </c>
      <c r="G16566" s="1" t="s">
        <v>61368</v>
      </c>
      <c r="H16566" s="1" t="s">
        <v>61369</v>
      </c>
      <c r="I16566" s="1" t="s">
        <v>53800</v>
      </c>
      <c r="J16566" s="1" t="s">
        <v>61454</v>
      </c>
    </row>
    <row r="16567" spans="1:10" x14ac:dyDescent="0.35">
      <c r="A16567" s="1" t="s">
        <v>61366</v>
      </c>
      <c r="B16567" s="1" t="s">
        <v>53796</v>
      </c>
      <c r="C16567" s="1" t="s">
        <v>170</v>
      </c>
      <c r="D16567" s="1" t="s">
        <v>61455</v>
      </c>
      <c r="E16567" s="1" t="s">
        <v>15336</v>
      </c>
      <c r="F16567" s="1" t="s">
        <v>61456</v>
      </c>
      <c r="G16567" s="1" t="s">
        <v>61368</v>
      </c>
      <c r="H16567" s="1" t="s">
        <v>61369</v>
      </c>
      <c r="I16567" s="1" t="s">
        <v>53800</v>
      </c>
      <c r="J16567" s="1" t="s">
        <v>61457</v>
      </c>
    </row>
    <row r="16568" spans="1:10" x14ac:dyDescent="0.35">
      <c r="A16568" s="1" t="s">
        <v>61458</v>
      </c>
      <c r="B16568" s="1" t="s">
        <v>53796</v>
      </c>
      <c r="C16568" s="1" t="s">
        <v>8</v>
      </c>
      <c r="D16568" s="1" t="s">
        <v>53467</v>
      </c>
      <c r="E16568" s="1" t="s">
        <v>61459</v>
      </c>
      <c r="F16568" s="1" t="s">
        <v>61460</v>
      </c>
      <c r="G16568" s="1" t="s">
        <v>61461</v>
      </c>
      <c r="H16568" s="1" t="s">
        <v>61462</v>
      </c>
      <c r="I16568" s="1" t="s">
        <v>53800</v>
      </c>
      <c r="J16568" s="1" t="s">
        <v>13</v>
      </c>
    </row>
    <row r="16569" spans="1:10" x14ac:dyDescent="0.35">
      <c r="A16569" s="1" t="s">
        <v>61458</v>
      </c>
      <c r="B16569" s="1" t="s">
        <v>53796</v>
      </c>
      <c r="C16569" s="1" t="s">
        <v>15</v>
      </c>
      <c r="D16569" s="1" t="s">
        <v>14327</v>
      </c>
      <c r="E16569" s="1" t="s">
        <v>61463</v>
      </c>
      <c r="F16569" s="1" t="s">
        <v>61464</v>
      </c>
      <c r="G16569" s="1" t="s">
        <v>61461</v>
      </c>
      <c r="H16569" s="1" t="s">
        <v>61462</v>
      </c>
      <c r="I16569" s="1" t="s">
        <v>53800</v>
      </c>
      <c r="J16569" s="1" t="s">
        <v>61465</v>
      </c>
    </row>
    <row r="16570" spans="1:10" x14ac:dyDescent="0.35">
      <c r="A16570" s="1" t="s">
        <v>61458</v>
      </c>
      <c r="B16570" s="1" t="s">
        <v>53796</v>
      </c>
      <c r="C16570" s="1" t="s">
        <v>20</v>
      </c>
      <c r="D16570" s="1" t="s">
        <v>61466</v>
      </c>
      <c r="E16570" s="1" t="s">
        <v>61467</v>
      </c>
      <c r="F16570" s="1" t="s">
        <v>61468</v>
      </c>
      <c r="G16570" s="1" t="s">
        <v>61461</v>
      </c>
      <c r="H16570" s="1" t="s">
        <v>61462</v>
      </c>
      <c r="I16570" s="1" t="s">
        <v>53800</v>
      </c>
      <c r="J16570" s="1" t="s">
        <v>61469</v>
      </c>
    </row>
    <row r="16571" spans="1:10" x14ac:dyDescent="0.35">
      <c r="A16571" s="1" t="s">
        <v>61458</v>
      </c>
      <c r="B16571" s="1" t="s">
        <v>53796</v>
      </c>
      <c r="C16571" s="1" t="s">
        <v>25</v>
      </c>
      <c r="D16571" s="1" t="s">
        <v>61470</v>
      </c>
      <c r="E16571" s="1" t="s">
        <v>61471</v>
      </c>
      <c r="F16571" s="1" t="s">
        <v>61472</v>
      </c>
      <c r="G16571" s="1" t="s">
        <v>61461</v>
      </c>
      <c r="H16571" s="1" t="s">
        <v>61462</v>
      </c>
      <c r="I16571" s="1" t="s">
        <v>53800</v>
      </c>
      <c r="J16571" s="1" t="s">
        <v>61473</v>
      </c>
    </row>
    <row r="16572" spans="1:10" x14ac:dyDescent="0.35">
      <c r="A16572" s="1" t="s">
        <v>61458</v>
      </c>
      <c r="B16572" s="1" t="s">
        <v>53796</v>
      </c>
      <c r="C16572" s="1" t="s">
        <v>30</v>
      </c>
      <c r="D16572" s="1" t="s">
        <v>39725</v>
      </c>
      <c r="E16572" s="1" t="s">
        <v>61474</v>
      </c>
      <c r="F16572" s="1" t="s">
        <v>61475</v>
      </c>
      <c r="G16572" s="1" t="s">
        <v>61461</v>
      </c>
      <c r="H16572" s="1" t="s">
        <v>61462</v>
      </c>
      <c r="I16572" s="1" t="s">
        <v>53800</v>
      </c>
      <c r="J16572" s="1" t="s">
        <v>61476</v>
      </c>
    </row>
    <row r="16573" spans="1:10" x14ac:dyDescent="0.35">
      <c r="A16573" s="1" t="s">
        <v>61458</v>
      </c>
      <c r="B16573" s="1" t="s">
        <v>53796</v>
      </c>
      <c r="C16573" s="1" t="s">
        <v>35</v>
      </c>
      <c r="D16573" s="1" t="s">
        <v>61477</v>
      </c>
      <c r="E16573" s="1" t="s">
        <v>61478</v>
      </c>
      <c r="F16573" s="1" t="s">
        <v>61479</v>
      </c>
      <c r="G16573" s="1" t="s">
        <v>61461</v>
      </c>
      <c r="H16573" s="1" t="s">
        <v>61462</v>
      </c>
      <c r="I16573" s="1" t="s">
        <v>53800</v>
      </c>
      <c r="J16573" s="1" t="s">
        <v>61480</v>
      </c>
    </row>
    <row r="16574" spans="1:10" x14ac:dyDescent="0.35">
      <c r="A16574" s="1" t="s">
        <v>61458</v>
      </c>
      <c r="B16574" s="1" t="s">
        <v>53796</v>
      </c>
      <c r="C16574" s="1" t="s">
        <v>40</v>
      </c>
      <c r="D16574" s="1" t="s">
        <v>56239</v>
      </c>
      <c r="E16574" s="1" t="s">
        <v>61481</v>
      </c>
      <c r="F16574" s="1" t="s">
        <v>61482</v>
      </c>
      <c r="G16574" s="1" t="s">
        <v>61461</v>
      </c>
      <c r="H16574" s="1" t="s">
        <v>61462</v>
      </c>
      <c r="I16574" s="1" t="s">
        <v>53800</v>
      </c>
      <c r="J16574" s="1" t="s">
        <v>61483</v>
      </c>
    </row>
    <row r="16575" spans="1:10" x14ac:dyDescent="0.35">
      <c r="A16575" s="1" t="s">
        <v>61458</v>
      </c>
      <c r="B16575" s="1" t="s">
        <v>53796</v>
      </c>
      <c r="C16575" s="1" t="s">
        <v>45</v>
      </c>
      <c r="D16575" s="1" t="s">
        <v>61484</v>
      </c>
      <c r="E16575" s="1" t="s">
        <v>61485</v>
      </c>
      <c r="F16575" s="1" t="s">
        <v>61486</v>
      </c>
      <c r="G16575" s="1" t="s">
        <v>61461</v>
      </c>
      <c r="H16575" s="1" t="s">
        <v>61462</v>
      </c>
      <c r="I16575" s="1" t="s">
        <v>53800</v>
      </c>
      <c r="J16575" s="1" t="s">
        <v>61487</v>
      </c>
    </row>
    <row r="16576" spans="1:10" x14ac:dyDescent="0.35">
      <c r="A16576" s="1" t="s">
        <v>61458</v>
      </c>
      <c r="B16576" s="1" t="s">
        <v>53796</v>
      </c>
      <c r="C16576" s="1" t="s">
        <v>50</v>
      </c>
      <c r="D16576" s="1" t="s">
        <v>56499</v>
      </c>
      <c r="E16576" s="1" t="s">
        <v>61488</v>
      </c>
      <c r="F16576" s="1" t="s">
        <v>61489</v>
      </c>
      <c r="G16576" s="1" t="s">
        <v>61461</v>
      </c>
      <c r="H16576" s="1" t="s">
        <v>61462</v>
      </c>
      <c r="I16576" s="1" t="s">
        <v>53800</v>
      </c>
      <c r="J16576" s="1" t="s">
        <v>61490</v>
      </c>
    </row>
    <row r="16577" spans="1:10" x14ac:dyDescent="0.35">
      <c r="A16577" s="1" t="s">
        <v>61458</v>
      </c>
      <c r="B16577" s="1" t="s">
        <v>53796</v>
      </c>
      <c r="C16577" s="1" t="s">
        <v>55</v>
      </c>
      <c r="D16577" s="1" t="s">
        <v>61491</v>
      </c>
      <c r="E16577" s="1" t="s">
        <v>61492</v>
      </c>
      <c r="F16577" s="1" t="s">
        <v>61493</v>
      </c>
      <c r="G16577" s="1" t="s">
        <v>61461</v>
      </c>
      <c r="H16577" s="1" t="s">
        <v>61462</v>
      </c>
      <c r="I16577" s="1" t="s">
        <v>53800</v>
      </c>
      <c r="J16577" s="1" t="s">
        <v>61494</v>
      </c>
    </row>
    <row r="16578" spans="1:10" x14ac:dyDescent="0.35">
      <c r="A16578" s="1" t="s">
        <v>61458</v>
      </c>
      <c r="B16578" s="1" t="s">
        <v>53796</v>
      </c>
      <c r="C16578" s="1" t="s">
        <v>60</v>
      </c>
      <c r="D16578" s="1" t="s">
        <v>61495</v>
      </c>
      <c r="E16578" s="1" t="s">
        <v>61496</v>
      </c>
      <c r="F16578" s="1" t="s">
        <v>61497</v>
      </c>
      <c r="G16578" s="1" t="s">
        <v>61461</v>
      </c>
      <c r="H16578" s="1" t="s">
        <v>61462</v>
      </c>
      <c r="I16578" s="1" t="s">
        <v>53800</v>
      </c>
      <c r="J16578" s="1" t="s">
        <v>61498</v>
      </c>
    </row>
    <row r="16579" spans="1:10" x14ac:dyDescent="0.35">
      <c r="A16579" s="1" t="s">
        <v>61458</v>
      </c>
      <c r="B16579" s="1" t="s">
        <v>53796</v>
      </c>
      <c r="C16579" s="1" t="s">
        <v>65</v>
      </c>
      <c r="D16579" s="1" t="s">
        <v>61499</v>
      </c>
      <c r="E16579" s="1" t="s">
        <v>61500</v>
      </c>
      <c r="F16579" s="1" t="s">
        <v>61501</v>
      </c>
      <c r="G16579" s="1" t="s">
        <v>61461</v>
      </c>
      <c r="H16579" s="1" t="s">
        <v>61462</v>
      </c>
      <c r="I16579" s="1" t="s">
        <v>53800</v>
      </c>
      <c r="J16579" s="1" t="s">
        <v>61502</v>
      </c>
    </row>
    <row r="16580" spans="1:10" x14ac:dyDescent="0.35">
      <c r="A16580" s="1" t="s">
        <v>61458</v>
      </c>
      <c r="B16580" s="1" t="s">
        <v>53796</v>
      </c>
      <c r="C16580" s="1" t="s">
        <v>70</v>
      </c>
      <c r="D16580" s="1" t="s">
        <v>61503</v>
      </c>
      <c r="E16580" s="1" t="s">
        <v>61504</v>
      </c>
      <c r="F16580" s="1" t="s">
        <v>61505</v>
      </c>
      <c r="G16580" s="1" t="s">
        <v>61461</v>
      </c>
      <c r="H16580" s="1" t="s">
        <v>61462</v>
      </c>
      <c r="I16580" s="1" t="s">
        <v>53800</v>
      </c>
      <c r="J16580" s="1" t="s">
        <v>61506</v>
      </c>
    </row>
    <row r="16581" spans="1:10" x14ac:dyDescent="0.35">
      <c r="A16581" s="1" t="s">
        <v>61458</v>
      </c>
      <c r="B16581" s="1" t="s">
        <v>53796</v>
      </c>
      <c r="C16581" s="1" t="s">
        <v>75</v>
      </c>
      <c r="D16581" s="1" t="s">
        <v>22660</v>
      </c>
      <c r="E16581" s="1" t="s">
        <v>61507</v>
      </c>
      <c r="F16581" s="1" t="s">
        <v>61508</v>
      </c>
      <c r="G16581" s="1" t="s">
        <v>61461</v>
      </c>
      <c r="H16581" s="1" t="s">
        <v>61462</v>
      </c>
      <c r="I16581" s="1" t="s">
        <v>53800</v>
      </c>
      <c r="J16581" s="1" t="s">
        <v>61509</v>
      </c>
    </row>
    <row r="16582" spans="1:10" x14ac:dyDescent="0.35">
      <c r="A16582" s="1" t="s">
        <v>61458</v>
      </c>
      <c r="B16582" s="1" t="s">
        <v>53796</v>
      </c>
      <c r="C16582" s="1" t="s">
        <v>80</v>
      </c>
      <c r="D16582" s="1" t="s">
        <v>61510</v>
      </c>
      <c r="E16582" s="1" t="s">
        <v>61511</v>
      </c>
      <c r="F16582" s="1" t="s">
        <v>61512</v>
      </c>
      <c r="G16582" s="1" t="s">
        <v>61461</v>
      </c>
      <c r="H16582" s="1" t="s">
        <v>61462</v>
      </c>
      <c r="I16582" s="1" t="s">
        <v>53800</v>
      </c>
      <c r="J16582" s="1" t="s">
        <v>61513</v>
      </c>
    </row>
    <row r="16583" spans="1:10" x14ac:dyDescent="0.35">
      <c r="A16583" s="1" t="s">
        <v>61458</v>
      </c>
      <c r="B16583" s="1" t="s">
        <v>53796</v>
      </c>
      <c r="C16583" s="1" t="s">
        <v>85</v>
      </c>
      <c r="D16583" s="1" t="s">
        <v>61514</v>
      </c>
      <c r="E16583" s="1" t="s">
        <v>61515</v>
      </c>
      <c r="F16583" s="1" t="s">
        <v>61516</v>
      </c>
      <c r="G16583" s="1" t="s">
        <v>61461</v>
      </c>
      <c r="H16583" s="1" t="s">
        <v>61462</v>
      </c>
      <c r="I16583" s="1" t="s">
        <v>53800</v>
      </c>
      <c r="J16583" s="1" t="s">
        <v>61517</v>
      </c>
    </row>
    <row r="16584" spans="1:10" x14ac:dyDescent="0.35">
      <c r="A16584" s="1" t="s">
        <v>61458</v>
      </c>
      <c r="B16584" s="1" t="s">
        <v>53796</v>
      </c>
      <c r="C16584" s="1" t="s">
        <v>90</v>
      </c>
      <c r="D16584" s="1" t="s">
        <v>17371</v>
      </c>
      <c r="E16584" s="1" t="s">
        <v>61518</v>
      </c>
      <c r="F16584" s="1" t="s">
        <v>61519</v>
      </c>
      <c r="G16584" s="1" t="s">
        <v>61461</v>
      </c>
      <c r="H16584" s="1" t="s">
        <v>61462</v>
      </c>
      <c r="I16584" s="1" t="s">
        <v>53800</v>
      </c>
      <c r="J16584" s="1" t="s">
        <v>61520</v>
      </c>
    </row>
    <row r="16585" spans="1:10" x14ac:dyDescent="0.35">
      <c r="A16585" s="1" t="s">
        <v>61458</v>
      </c>
      <c r="B16585" s="1" t="s">
        <v>53796</v>
      </c>
      <c r="C16585" s="1" t="s">
        <v>95</v>
      </c>
      <c r="D16585" s="1" t="s">
        <v>61521</v>
      </c>
      <c r="E16585" s="1" t="s">
        <v>61522</v>
      </c>
      <c r="F16585" s="1" t="s">
        <v>61523</v>
      </c>
      <c r="G16585" s="1" t="s">
        <v>61461</v>
      </c>
      <c r="H16585" s="1" t="s">
        <v>61462</v>
      </c>
      <c r="I16585" s="1" t="s">
        <v>53800</v>
      </c>
      <c r="J16585" s="1" t="s">
        <v>61524</v>
      </c>
    </row>
    <row r="16586" spans="1:10" x14ac:dyDescent="0.35">
      <c r="A16586" s="1" t="s">
        <v>61458</v>
      </c>
      <c r="B16586" s="1" t="s">
        <v>53796</v>
      </c>
      <c r="C16586" s="1" t="s">
        <v>100</v>
      </c>
      <c r="D16586" s="1" t="s">
        <v>23786</v>
      </c>
      <c r="E16586" s="1" t="s">
        <v>61525</v>
      </c>
      <c r="F16586" s="1" t="s">
        <v>61526</v>
      </c>
      <c r="G16586" s="1" t="s">
        <v>61461</v>
      </c>
      <c r="H16586" s="1" t="s">
        <v>61462</v>
      </c>
      <c r="I16586" s="1" t="s">
        <v>53800</v>
      </c>
      <c r="J16586" s="1" t="s">
        <v>61527</v>
      </c>
    </row>
    <row r="16587" spans="1:10" x14ac:dyDescent="0.35">
      <c r="A16587" s="1" t="s">
        <v>61458</v>
      </c>
      <c r="B16587" s="1" t="s">
        <v>53796</v>
      </c>
      <c r="C16587" s="1" t="s">
        <v>105</v>
      </c>
      <c r="D16587" s="1" t="s">
        <v>61528</v>
      </c>
      <c r="E16587" s="1" t="s">
        <v>61529</v>
      </c>
      <c r="F16587" s="1" t="s">
        <v>61530</v>
      </c>
      <c r="G16587" s="1" t="s">
        <v>61461</v>
      </c>
      <c r="H16587" s="1" t="s">
        <v>61462</v>
      </c>
      <c r="I16587" s="1" t="s">
        <v>53800</v>
      </c>
      <c r="J16587" s="1" t="s">
        <v>61531</v>
      </c>
    </row>
    <row r="16588" spans="1:10" x14ac:dyDescent="0.35">
      <c r="A16588" s="1" t="s">
        <v>61458</v>
      </c>
      <c r="B16588" s="1" t="s">
        <v>53796</v>
      </c>
      <c r="C16588" s="1" t="s">
        <v>110</v>
      </c>
      <c r="D16588" s="1" t="s">
        <v>7480</v>
      </c>
      <c r="E16588" s="1" t="s">
        <v>61532</v>
      </c>
      <c r="F16588" s="1" t="s">
        <v>61533</v>
      </c>
      <c r="G16588" s="1" t="s">
        <v>61461</v>
      </c>
      <c r="H16588" s="1" t="s">
        <v>61462</v>
      </c>
      <c r="I16588" s="1" t="s">
        <v>53800</v>
      </c>
      <c r="J16588" s="1" t="s">
        <v>61534</v>
      </c>
    </row>
    <row r="16589" spans="1:10" x14ac:dyDescent="0.35">
      <c r="A16589" s="1" t="s">
        <v>61458</v>
      </c>
      <c r="B16589" s="1" t="s">
        <v>53796</v>
      </c>
      <c r="C16589" s="1" t="s">
        <v>115</v>
      </c>
      <c r="D16589" s="1" t="s">
        <v>61535</v>
      </c>
      <c r="E16589" s="1" t="s">
        <v>61536</v>
      </c>
      <c r="F16589" s="1" t="s">
        <v>61537</v>
      </c>
      <c r="G16589" s="1" t="s">
        <v>61461</v>
      </c>
      <c r="H16589" s="1" t="s">
        <v>61462</v>
      </c>
      <c r="I16589" s="1" t="s">
        <v>53800</v>
      </c>
      <c r="J16589" s="1" t="s">
        <v>61538</v>
      </c>
    </row>
    <row r="16590" spans="1:10" x14ac:dyDescent="0.35">
      <c r="A16590" s="1" t="s">
        <v>61458</v>
      </c>
      <c r="B16590" s="1" t="s">
        <v>53796</v>
      </c>
      <c r="C16590" s="1" t="s">
        <v>120</v>
      </c>
      <c r="D16590" s="1" t="s">
        <v>36311</v>
      </c>
      <c r="E16590" s="1" t="s">
        <v>61539</v>
      </c>
      <c r="F16590" s="1" t="s">
        <v>61540</v>
      </c>
      <c r="G16590" s="1" t="s">
        <v>61461</v>
      </c>
      <c r="H16590" s="1" t="s">
        <v>61462</v>
      </c>
      <c r="I16590" s="1" t="s">
        <v>53800</v>
      </c>
      <c r="J16590" s="1" t="s">
        <v>61541</v>
      </c>
    </row>
    <row r="16591" spans="1:10" x14ac:dyDescent="0.35">
      <c r="A16591" s="1" t="s">
        <v>61458</v>
      </c>
      <c r="B16591" s="1" t="s">
        <v>53796</v>
      </c>
      <c r="C16591" s="1" t="s">
        <v>125</v>
      </c>
      <c r="D16591" s="1" t="s">
        <v>61542</v>
      </c>
      <c r="E16591" s="1" t="s">
        <v>61543</v>
      </c>
      <c r="F16591" s="1" t="s">
        <v>61544</v>
      </c>
      <c r="G16591" s="1" t="s">
        <v>61461</v>
      </c>
      <c r="H16591" s="1" t="s">
        <v>61462</v>
      </c>
      <c r="I16591" s="1" t="s">
        <v>53800</v>
      </c>
      <c r="J16591" s="1" t="s">
        <v>61545</v>
      </c>
    </row>
    <row r="16592" spans="1:10" x14ac:dyDescent="0.35">
      <c r="A16592" s="1" t="s">
        <v>61458</v>
      </c>
      <c r="B16592" s="1" t="s">
        <v>53796</v>
      </c>
      <c r="C16592" s="1" t="s">
        <v>130</v>
      </c>
      <c r="D16592" s="1" t="s">
        <v>61546</v>
      </c>
      <c r="E16592" s="1" t="s">
        <v>61547</v>
      </c>
      <c r="F16592" s="1" t="s">
        <v>61548</v>
      </c>
      <c r="G16592" s="1" t="s">
        <v>61461</v>
      </c>
      <c r="H16592" s="1" t="s">
        <v>61462</v>
      </c>
      <c r="I16592" s="1" t="s">
        <v>53800</v>
      </c>
      <c r="J16592" s="1" t="s">
        <v>61549</v>
      </c>
    </row>
    <row r="16593" spans="1:10" x14ac:dyDescent="0.35">
      <c r="A16593" s="1" t="s">
        <v>61458</v>
      </c>
      <c r="B16593" s="1" t="s">
        <v>53796</v>
      </c>
      <c r="C16593" s="1" t="s">
        <v>135</v>
      </c>
      <c r="D16593" s="1" t="s">
        <v>61550</v>
      </c>
      <c r="E16593" s="1" t="s">
        <v>61551</v>
      </c>
      <c r="F16593" s="1" t="s">
        <v>61552</v>
      </c>
      <c r="G16593" s="1" t="s">
        <v>61461</v>
      </c>
      <c r="H16593" s="1" t="s">
        <v>61462</v>
      </c>
      <c r="I16593" s="1" t="s">
        <v>53800</v>
      </c>
      <c r="J16593" s="1" t="s">
        <v>61553</v>
      </c>
    </row>
    <row r="16594" spans="1:10" x14ac:dyDescent="0.35">
      <c r="A16594" s="1" t="s">
        <v>61458</v>
      </c>
      <c r="B16594" s="1" t="s">
        <v>53796</v>
      </c>
      <c r="C16594" s="1" t="s">
        <v>140</v>
      </c>
      <c r="D16594" s="1" t="s">
        <v>61554</v>
      </c>
      <c r="E16594" s="1" t="s">
        <v>61555</v>
      </c>
      <c r="F16594" s="1" t="s">
        <v>61556</v>
      </c>
      <c r="G16594" s="1" t="s">
        <v>61461</v>
      </c>
      <c r="H16594" s="1" t="s">
        <v>61462</v>
      </c>
      <c r="I16594" s="1" t="s">
        <v>53800</v>
      </c>
      <c r="J16594" s="1" t="s">
        <v>61557</v>
      </c>
    </row>
    <row r="16595" spans="1:10" x14ac:dyDescent="0.35">
      <c r="A16595" s="1" t="s">
        <v>61458</v>
      </c>
      <c r="B16595" s="1" t="s">
        <v>53796</v>
      </c>
      <c r="C16595" s="1" t="s">
        <v>145</v>
      </c>
      <c r="D16595" s="1" t="s">
        <v>61558</v>
      </c>
      <c r="E16595" s="1" t="s">
        <v>61559</v>
      </c>
      <c r="F16595" s="1" t="s">
        <v>61560</v>
      </c>
      <c r="G16595" s="1" t="s">
        <v>61461</v>
      </c>
      <c r="H16595" s="1" t="s">
        <v>61462</v>
      </c>
      <c r="I16595" s="1" t="s">
        <v>53800</v>
      </c>
      <c r="J16595" s="1" t="s">
        <v>61561</v>
      </c>
    </row>
    <row r="16596" spans="1:10" x14ac:dyDescent="0.35">
      <c r="A16596" s="1" t="s">
        <v>61458</v>
      </c>
      <c r="B16596" s="1" t="s">
        <v>53796</v>
      </c>
      <c r="C16596" s="1" t="s">
        <v>150</v>
      </c>
      <c r="D16596" s="1" t="s">
        <v>61562</v>
      </c>
      <c r="E16596" s="1" t="s">
        <v>61563</v>
      </c>
      <c r="F16596" s="1" t="s">
        <v>61564</v>
      </c>
      <c r="G16596" s="1" t="s">
        <v>61461</v>
      </c>
      <c r="H16596" s="1" t="s">
        <v>61462</v>
      </c>
      <c r="I16596" s="1" t="s">
        <v>53800</v>
      </c>
      <c r="J16596" s="1" t="s">
        <v>61565</v>
      </c>
    </row>
    <row r="16597" spans="1:10" x14ac:dyDescent="0.35">
      <c r="A16597" s="1" t="s">
        <v>61458</v>
      </c>
      <c r="B16597" s="1" t="s">
        <v>53796</v>
      </c>
      <c r="C16597" s="1" t="s">
        <v>155</v>
      </c>
      <c r="D16597" s="1" t="s">
        <v>61566</v>
      </c>
      <c r="E16597" s="1" t="s">
        <v>61567</v>
      </c>
      <c r="F16597" s="1" t="s">
        <v>61568</v>
      </c>
      <c r="G16597" s="1" t="s">
        <v>61461</v>
      </c>
      <c r="H16597" s="1" t="s">
        <v>61462</v>
      </c>
      <c r="I16597" s="1" t="s">
        <v>53800</v>
      </c>
      <c r="J16597" s="1" t="s">
        <v>61569</v>
      </c>
    </row>
    <row r="16598" spans="1:10" x14ac:dyDescent="0.35">
      <c r="A16598" s="1" t="s">
        <v>61458</v>
      </c>
      <c r="B16598" s="1" t="s">
        <v>53796</v>
      </c>
      <c r="C16598" s="1" t="s">
        <v>160</v>
      </c>
      <c r="D16598" s="1" t="s">
        <v>61570</v>
      </c>
      <c r="E16598" s="1" t="s">
        <v>61571</v>
      </c>
      <c r="F16598" s="1" t="s">
        <v>61572</v>
      </c>
      <c r="G16598" s="1" t="s">
        <v>61461</v>
      </c>
      <c r="H16598" s="1" t="s">
        <v>61462</v>
      </c>
      <c r="I16598" s="1" t="s">
        <v>53800</v>
      </c>
      <c r="J16598" s="1" t="s">
        <v>61573</v>
      </c>
    </row>
    <row r="16599" spans="1:10" x14ac:dyDescent="0.35">
      <c r="A16599" s="1" t="s">
        <v>61458</v>
      </c>
      <c r="B16599" s="1" t="s">
        <v>53796</v>
      </c>
      <c r="C16599" s="1" t="s">
        <v>165</v>
      </c>
      <c r="D16599" s="1" t="s">
        <v>61574</v>
      </c>
      <c r="E16599" s="1" t="s">
        <v>61575</v>
      </c>
      <c r="F16599" s="1" t="s">
        <v>61576</v>
      </c>
      <c r="G16599" s="1" t="s">
        <v>61461</v>
      </c>
      <c r="H16599" s="1" t="s">
        <v>61462</v>
      </c>
      <c r="I16599" s="1" t="s">
        <v>53800</v>
      </c>
      <c r="J16599" s="1" t="s">
        <v>61577</v>
      </c>
    </row>
    <row r="16600" spans="1:10" x14ac:dyDescent="0.35">
      <c r="A16600" s="1" t="s">
        <v>61458</v>
      </c>
      <c r="B16600" s="1" t="s">
        <v>53796</v>
      </c>
      <c r="C16600" s="1" t="s">
        <v>170</v>
      </c>
      <c r="D16600" s="1" t="s">
        <v>61578</v>
      </c>
      <c r="E16600" s="1" t="s">
        <v>61579</v>
      </c>
      <c r="F16600" s="1" t="s">
        <v>61580</v>
      </c>
      <c r="G16600" s="1" t="s">
        <v>61461</v>
      </c>
      <c r="H16600" s="1" t="s">
        <v>61462</v>
      </c>
      <c r="I16600" s="1" t="s">
        <v>53800</v>
      </c>
      <c r="J16600" s="1" t="s">
        <v>61581</v>
      </c>
    </row>
    <row r="16601" spans="1:10" x14ac:dyDescent="0.35">
      <c r="A16601" s="1" t="s">
        <v>61582</v>
      </c>
      <c r="B16601" s="1" t="s">
        <v>53796</v>
      </c>
      <c r="C16601" s="1" t="s">
        <v>8</v>
      </c>
      <c r="D16601" s="1" t="s">
        <v>61583</v>
      </c>
      <c r="E16601" s="1" t="s">
        <v>61584</v>
      </c>
      <c r="F16601" s="1" t="s">
        <v>61585</v>
      </c>
      <c r="G16601" s="1" t="s">
        <v>61586</v>
      </c>
      <c r="H16601" s="1" t="s">
        <v>61587</v>
      </c>
      <c r="I16601" s="1" t="s">
        <v>53800</v>
      </c>
      <c r="J16601" s="1" t="s">
        <v>13</v>
      </c>
    </row>
    <row r="16602" spans="1:10" x14ac:dyDescent="0.35">
      <c r="A16602" s="1" t="s">
        <v>61582</v>
      </c>
      <c r="B16602" s="1" t="s">
        <v>53796</v>
      </c>
      <c r="C16602" s="1" t="s">
        <v>15</v>
      </c>
      <c r="D16602" s="1" t="s">
        <v>61588</v>
      </c>
      <c r="E16602" s="1" t="s">
        <v>61589</v>
      </c>
      <c r="F16602" s="1" t="s">
        <v>61590</v>
      </c>
      <c r="G16602" s="1" t="s">
        <v>61586</v>
      </c>
      <c r="H16602" s="1" t="s">
        <v>61587</v>
      </c>
      <c r="I16602" s="1" t="s">
        <v>53800</v>
      </c>
      <c r="J16602" s="1" t="s">
        <v>61591</v>
      </c>
    </row>
    <row r="16603" spans="1:10" x14ac:dyDescent="0.35">
      <c r="A16603" s="1" t="s">
        <v>61582</v>
      </c>
      <c r="B16603" s="1" t="s">
        <v>53796</v>
      </c>
      <c r="C16603" s="1" t="s">
        <v>20</v>
      </c>
      <c r="D16603" s="1" t="s">
        <v>61592</v>
      </c>
      <c r="E16603" s="1" t="s">
        <v>61593</v>
      </c>
      <c r="F16603" s="1" t="s">
        <v>61594</v>
      </c>
      <c r="G16603" s="1" t="s">
        <v>61586</v>
      </c>
      <c r="H16603" s="1" t="s">
        <v>61587</v>
      </c>
      <c r="I16603" s="1" t="s">
        <v>53800</v>
      </c>
      <c r="J16603" s="1" t="s">
        <v>61595</v>
      </c>
    </row>
    <row r="16604" spans="1:10" x14ac:dyDescent="0.35">
      <c r="A16604" s="1" t="s">
        <v>61582</v>
      </c>
      <c r="B16604" s="1" t="s">
        <v>53796</v>
      </c>
      <c r="C16604" s="1" t="s">
        <v>25</v>
      </c>
      <c r="D16604" s="1" t="s">
        <v>61596</v>
      </c>
      <c r="E16604" s="1" t="s">
        <v>61597</v>
      </c>
      <c r="F16604" s="1" t="s">
        <v>61598</v>
      </c>
      <c r="G16604" s="1" t="s">
        <v>61586</v>
      </c>
      <c r="H16604" s="1" t="s">
        <v>61587</v>
      </c>
      <c r="I16604" s="1" t="s">
        <v>53800</v>
      </c>
      <c r="J16604" s="1" t="s">
        <v>61599</v>
      </c>
    </row>
    <row r="16605" spans="1:10" x14ac:dyDescent="0.35">
      <c r="A16605" s="1" t="s">
        <v>61582</v>
      </c>
      <c r="B16605" s="1" t="s">
        <v>53796</v>
      </c>
      <c r="C16605" s="1" t="s">
        <v>30</v>
      </c>
      <c r="D16605" s="1" t="s">
        <v>61600</v>
      </c>
      <c r="E16605" s="1" t="s">
        <v>61601</v>
      </c>
      <c r="F16605" s="1" t="s">
        <v>61602</v>
      </c>
      <c r="G16605" s="1" t="s">
        <v>61586</v>
      </c>
      <c r="H16605" s="1" t="s">
        <v>61587</v>
      </c>
      <c r="I16605" s="1" t="s">
        <v>53800</v>
      </c>
      <c r="J16605" s="1" t="s">
        <v>61603</v>
      </c>
    </row>
    <row r="16606" spans="1:10" x14ac:dyDescent="0.35">
      <c r="A16606" s="1" t="s">
        <v>61582</v>
      </c>
      <c r="B16606" s="1" t="s">
        <v>53796</v>
      </c>
      <c r="C16606" s="1" t="s">
        <v>35</v>
      </c>
      <c r="D16606" s="1" t="s">
        <v>61604</v>
      </c>
      <c r="E16606" s="1" t="s">
        <v>61605</v>
      </c>
      <c r="F16606" s="1" t="s">
        <v>61606</v>
      </c>
      <c r="G16606" s="1" t="s">
        <v>61586</v>
      </c>
      <c r="H16606" s="1" t="s">
        <v>61587</v>
      </c>
      <c r="I16606" s="1" t="s">
        <v>53800</v>
      </c>
      <c r="J16606" s="1" t="s">
        <v>61607</v>
      </c>
    </row>
    <row r="16607" spans="1:10" x14ac:dyDescent="0.35">
      <c r="A16607" s="1" t="s">
        <v>61582</v>
      </c>
      <c r="B16607" s="1" t="s">
        <v>53796</v>
      </c>
      <c r="C16607" s="1" t="s">
        <v>40</v>
      </c>
      <c r="D16607" s="1" t="s">
        <v>38107</v>
      </c>
      <c r="E16607" s="1" t="s">
        <v>61608</v>
      </c>
      <c r="F16607" s="1" t="s">
        <v>61609</v>
      </c>
      <c r="G16607" s="1" t="s">
        <v>61586</v>
      </c>
      <c r="H16607" s="1" t="s">
        <v>61587</v>
      </c>
      <c r="I16607" s="1" t="s">
        <v>53800</v>
      </c>
      <c r="J16607" s="1" t="s">
        <v>61610</v>
      </c>
    </row>
    <row r="16608" spans="1:10" x14ac:dyDescent="0.35">
      <c r="A16608" s="1" t="s">
        <v>61582</v>
      </c>
      <c r="B16608" s="1" t="s">
        <v>53796</v>
      </c>
      <c r="C16608" s="1" t="s">
        <v>45</v>
      </c>
      <c r="D16608" s="1" t="s">
        <v>61611</v>
      </c>
      <c r="E16608" s="1" t="s">
        <v>61612</v>
      </c>
      <c r="F16608" s="1" t="s">
        <v>61613</v>
      </c>
      <c r="G16608" s="1" t="s">
        <v>61586</v>
      </c>
      <c r="H16608" s="1" t="s">
        <v>61587</v>
      </c>
      <c r="I16608" s="1" t="s">
        <v>53800</v>
      </c>
      <c r="J16608" s="1" t="s">
        <v>61614</v>
      </c>
    </row>
    <row r="16609" spans="1:10" x14ac:dyDescent="0.35">
      <c r="A16609" s="1" t="s">
        <v>61582</v>
      </c>
      <c r="B16609" s="1" t="s">
        <v>53796</v>
      </c>
      <c r="C16609" s="1" t="s">
        <v>50</v>
      </c>
      <c r="D16609" s="1" t="s">
        <v>61615</v>
      </c>
      <c r="E16609" s="1" t="s">
        <v>61616</v>
      </c>
      <c r="F16609" s="1" t="s">
        <v>61617</v>
      </c>
      <c r="G16609" s="1" t="s">
        <v>61586</v>
      </c>
      <c r="H16609" s="1" t="s">
        <v>61587</v>
      </c>
      <c r="I16609" s="1" t="s">
        <v>53800</v>
      </c>
      <c r="J16609" s="1" t="s">
        <v>61618</v>
      </c>
    </row>
    <row r="16610" spans="1:10" x14ac:dyDescent="0.35">
      <c r="A16610" s="1" t="s">
        <v>61582</v>
      </c>
      <c r="B16610" s="1" t="s">
        <v>53796</v>
      </c>
      <c r="C16610" s="1" t="s">
        <v>55</v>
      </c>
      <c r="D16610" s="1" t="s">
        <v>61619</v>
      </c>
      <c r="E16610" s="1" t="s">
        <v>61620</v>
      </c>
      <c r="F16610" s="1" t="s">
        <v>61621</v>
      </c>
      <c r="G16610" s="1" t="s">
        <v>61586</v>
      </c>
      <c r="H16610" s="1" t="s">
        <v>61587</v>
      </c>
      <c r="I16610" s="1" t="s">
        <v>53800</v>
      </c>
      <c r="J16610" s="1" t="s">
        <v>61622</v>
      </c>
    </row>
    <row r="16611" spans="1:10" x14ac:dyDescent="0.35">
      <c r="A16611" s="1" t="s">
        <v>61582</v>
      </c>
      <c r="B16611" s="1" t="s">
        <v>53796</v>
      </c>
      <c r="C16611" s="1" t="s">
        <v>60</v>
      </c>
      <c r="D16611" s="1" t="s">
        <v>61623</v>
      </c>
      <c r="E16611" s="1" t="s">
        <v>61624</v>
      </c>
      <c r="F16611" s="1" t="s">
        <v>61625</v>
      </c>
      <c r="G16611" s="1" t="s">
        <v>61586</v>
      </c>
      <c r="H16611" s="1" t="s">
        <v>61587</v>
      </c>
      <c r="I16611" s="1" t="s">
        <v>53800</v>
      </c>
      <c r="J16611" s="1" t="s">
        <v>61626</v>
      </c>
    </row>
    <row r="16612" spans="1:10" x14ac:dyDescent="0.35">
      <c r="A16612" s="1" t="s">
        <v>61582</v>
      </c>
      <c r="B16612" s="1" t="s">
        <v>53796</v>
      </c>
      <c r="C16612" s="1" t="s">
        <v>65</v>
      </c>
      <c r="D16612" s="1" t="s">
        <v>61627</v>
      </c>
      <c r="E16612" s="1" t="s">
        <v>61628</v>
      </c>
      <c r="F16612" s="1" t="s">
        <v>61629</v>
      </c>
      <c r="G16612" s="1" t="s">
        <v>61586</v>
      </c>
      <c r="H16612" s="1" t="s">
        <v>61587</v>
      </c>
      <c r="I16612" s="1" t="s">
        <v>53800</v>
      </c>
      <c r="J16612" s="1" t="s">
        <v>61630</v>
      </c>
    </row>
    <row r="16613" spans="1:10" x14ac:dyDescent="0.35">
      <c r="A16613" s="1" t="s">
        <v>61582</v>
      </c>
      <c r="B16613" s="1" t="s">
        <v>53796</v>
      </c>
      <c r="C16613" s="1" t="s">
        <v>70</v>
      </c>
      <c r="D16613" s="1" t="s">
        <v>56199</v>
      </c>
      <c r="E16613" s="1" t="s">
        <v>61631</v>
      </c>
      <c r="F16613" s="1" t="s">
        <v>61632</v>
      </c>
      <c r="G16613" s="1" t="s">
        <v>61586</v>
      </c>
      <c r="H16613" s="1" t="s">
        <v>61587</v>
      </c>
      <c r="I16613" s="1" t="s">
        <v>53800</v>
      </c>
      <c r="J16613" s="1" t="s">
        <v>61633</v>
      </c>
    </row>
    <row r="16614" spans="1:10" x14ac:dyDescent="0.35">
      <c r="A16614" s="1" t="s">
        <v>61582</v>
      </c>
      <c r="B16614" s="1" t="s">
        <v>53796</v>
      </c>
      <c r="C16614" s="1" t="s">
        <v>75</v>
      </c>
      <c r="D16614" s="1" t="s">
        <v>40100</v>
      </c>
      <c r="E16614" s="1" t="s">
        <v>61634</v>
      </c>
      <c r="F16614" s="1" t="s">
        <v>61635</v>
      </c>
      <c r="G16614" s="1" t="s">
        <v>61586</v>
      </c>
      <c r="H16614" s="1" t="s">
        <v>61587</v>
      </c>
      <c r="I16614" s="1" t="s">
        <v>53800</v>
      </c>
      <c r="J16614" s="1" t="s">
        <v>61636</v>
      </c>
    </row>
    <row r="16615" spans="1:10" x14ac:dyDescent="0.35">
      <c r="A16615" s="1" t="s">
        <v>61582</v>
      </c>
      <c r="B16615" s="1" t="s">
        <v>53796</v>
      </c>
      <c r="C16615" s="1" t="s">
        <v>80</v>
      </c>
      <c r="D16615" s="1" t="s">
        <v>22025</v>
      </c>
      <c r="E16615" s="1" t="s">
        <v>61637</v>
      </c>
      <c r="F16615" s="1" t="s">
        <v>61638</v>
      </c>
      <c r="G16615" s="1" t="s">
        <v>61586</v>
      </c>
      <c r="H16615" s="1" t="s">
        <v>61587</v>
      </c>
      <c r="I16615" s="1" t="s">
        <v>53800</v>
      </c>
      <c r="J16615" s="1" t="s">
        <v>61639</v>
      </c>
    </row>
    <row r="16616" spans="1:10" x14ac:dyDescent="0.35">
      <c r="A16616" s="1" t="s">
        <v>61582</v>
      </c>
      <c r="B16616" s="1" t="s">
        <v>53796</v>
      </c>
      <c r="C16616" s="1" t="s">
        <v>85</v>
      </c>
      <c r="D16616" s="1" t="s">
        <v>61640</v>
      </c>
      <c r="E16616" s="1" t="s">
        <v>61641</v>
      </c>
      <c r="F16616" s="1" t="s">
        <v>61642</v>
      </c>
      <c r="G16616" s="1" t="s">
        <v>61586</v>
      </c>
      <c r="H16616" s="1" t="s">
        <v>61587</v>
      </c>
      <c r="I16616" s="1" t="s">
        <v>53800</v>
      </c>
      <c r="J16616" s="1" t="s">
        <v>61643</v>
      </c>
    </row>
    <row r="16617" spans="1:10" x14ac:dyDescent="0.35">
      <c r="A16617" s="1" t="s">
        <v>61582</v>
      </c>
      <c r="B16617" s="1" t="s">
        <v>53796</v>
      </c>
      <c r="C16617" s="1" t="s">
        <v>90</v>
      </c>
      <c r="D16617" s="1" t="s">
        <v>61644</v>
      </c>
      <c r="E16617" s="1" t="s">
        <v>61645</v>
      </c>
      <c r="F16617" s="1" t="s">
        <v>61646</v>
      </c>
      <c r="G16617" s="1" t="s">
        <v>61586</v>
      </c>
      <c r="H16617" s="1" t="s">
        <v>61587</v>
      </c>
      <c r="I16617" s="1" t="s">
        <v>53800</v>
      </c>
      <c r="J16617" s="1" t="s">
        <v>61647</v>
      </c>
    </row>
    <row r="16618" spans="1:10" x14ac:dyDescent="0.35">
      <c r="A16618" s="1" t="s">
        <v>61582</v>
      </c>
      <c r="B16618" s="1" t="s">
        <v>53796</v>
      </c>
      <c r="C16618" s="1" t="s">
        <v>95</v>
      </c>
      <c r="D16618" s="1" t="s">
        <v>11453</v>
      </c>
      <c r="E16618" s="1" t="s">
        <v>61648</v>
      </c>
      <c r="F16618" s="1" t="s">
        <v>61649</v>
      </c>
      <c r="G16618" s="1" t="s">
        <v>61586</v>
      </c>
      <c r="H16618" s="1" t="s">
        <v>61587</v>
      </c>
      <c r="I16618" s="1" t="s">
        <v>53800</v>
      </c>
      <c r="J16618" s="1" t="s">
        <v>61650</v>
      </c>
    </row>
    <row r="16619" spans="1:10" x14ac:dyDescent="0.35">
      <c r="A16619" s="1" t="s">
        <v>61582</v>
      </c>
      <c r="B16619" s="1" t="s">
        <v>53796</v>
      </c>
      <c r="C16619" s="1" t="s">
        <v>100</v>
      </c>
      <c r="D16619" s="1" t="s">
        <v>61651</v>
      </c>
      <c r="E16619" s="1" t="s">
        <v>61652</v>
      </c>
      <c r="F16619" s="1" t="s">
        <v>61653</v>
      </c>
      <c r="G16619" s="1" t="s">
        <v>61586</v>
      </c>
      <c r="H16619" s="1" t="s">
        <v>61587</v>
      </c>
      <c r="I16619" s="1" t="s">
        <v>53800</v>
      </c>
      <c r="J16619" s="1" t="s">
        <v>61654</v>
      </c>
    </row>
    <row r="16620" spans="1:10" x14ac:dyDescent="0.35">
      <c r="A16620" s="1" t="s">
        <v>61582</v>
      </c>
      <c r="B16620" s="1" t="s">
        <v>53796</v>
      </c>
      <c r="C16620" s="1" t="s">
        <v>105</v>
      </c>
      <c r="D16620" s="1" t="s">
        <v>13431</v>
      </c>
      <c r="E16620" s="1" t="s">
        <v>61655</v>
      </c>
      <c r="F16620" s="1" t="s">
        <v>61656</v>
      </c>
      <c r="G16620" s="1" t="s">
        <v>61586</v>
      </c>
      <c r="H16620" s="1" t="s">
        <v>61587</v>
      </c>
      <c r="I16620" s="1" t="s">
        <v>53800</v>
      </c>
      <c r="J16620" s="1" t="s">
        <v>61657</v>
      </c>
    </row>
    <row r="16621" spans="1:10" x14ac:dyDescent="0.35">
      <c r="A16621" s="1" t="s">
        <v>61582</v>
      </c>
      <c r="B16621" s="1" t="s">
        <v>53796</v>
      </c>
      <c r="C16621" s="1" t="s">
        <v>110</v>
      </c>
      <c r="D16621" s="1" t="s">
        <v>61658</v>
      </c>
      <c r="E16621" s="1" t="s">
        <v>61659</v>
      </c>
      <c r="F16621" s="1" t="s">
        <v>61660</v>
      </c>
      <c r="G16621" s="1" t="s">
        <v>61586</v>
      </c>
      <c r="H16621" s="1" t="s">
        <v>61587</v>
      </c>
      <c r="I16621" s="1" t="s">
        <v>53800</v>
      </c>
      <c r="J16621" s="1" t="s">
        <v>61661</v>
      </c>
    </row>
    <row r="16622" spans="1:10" x14ac:dyDescent="0.35">
      <c r="A16622" s="1" t="s">
        <v>61582</v>
      </c>
      <c r="B16622" s="1" t="s">
        <v>53796</v>
      </c>
      <c r="C16622" s="1" t="s">
        <v>115</v>
      </c>
      <c r="D16622" s="1" t="s">
        <v>61662</v>
      </c>
      <c r="E16622" s="1" t="s">
        <v>61663</v>
      </c>
      <c r="F16622" s="1" t="s">
        <v>61664</v>
      </c>
      <c r="G16622" s="1" t="s">
        <v>61586</v>
      </c>
      <c r="H16622" s="1" t="s">
        <v>61587</v>
      </c>
      <c r="I16622" s="1" t="s">
        <v>53800</v>
      </c>
      <c r="J16622" s="1" t="s">
        <v>61665</v>
      </c>
    </row>
    <row r="16623" spans="1:10" x14ac:dyDescent="0.35">
      <c r="A16623" s="1" t="s">
        <v>61582</v>
      </c>
      <c r="B16623" s="1" t="s">
        <v>53796</v>
      </c>
      <c r="C16623" s="1" t="s">
        <v>120</v>
      </c>
      <c r="D16623" s="1" t="s">
        <v>12812</v>
      </c>
      <c r="E16623" s="1" t="s">
        <v>61666</v>
      </c>
      <c r="F16623" s="1" t="s">
        <v>61667</v>
      </c>
      <c r="G16623" s="1" t="s">
        <v>61586</v>
      </c>
      <c r="H16623" s="1" t="s">
        <v>61587</v>
      </c>
      <c r="I16623" s="1" t="s">
        <v>53800</v>
      </c>
      <c r="J16623" s="1" t="s">
        <v>61668</v>
      </c>
    </row>
    <row r="16624" spans="1:10" x14ac:dyDescent="0.35">
      <c r="A16624" s="1" t="s">
        <v>61582</v>
      </c>
      <c r="B16624" s="1" t="s">
        <v>53796</v>
      </c>
      <c r="C16624" s="1" t="s">
        <v>125</v>
      </c>
      <c r="D16624" s="1" t="s">
        <v>61669</v>
      </c>
      <c r="E16624" s="1" t="s">
        <v>61670</v>
      </c>
      <c r="F16624" s="1" t="s">
        <v>61671</v>
      </c>
      <c r="G16624" s="1" t="s">
        <v>61586</v>
      </c>
      <c r="H16624" s="1" t="s">
        <v>61587</v>
      </c>
      <c r="I16624" s="1" t="s">
        <v>53800</v>
      </c>
      <c r="J16624" s="1" t="s">
        <v>61672</v>
      </c>
    </row>
    <row r="16625" spans="1:10" x14ac:dyDescent="0.35">
      <c r="A16625" s="1" t="s">
        <v>61582</v>
      </c>
      <c r="B16625" s="1" t="s">
        <v>53796</v>
      </c>
      <c r="C16625" s="1" t="s">
        <v>130</v>
      </c>
      <c r="D16625" s="1" t="s">
        <v>61673</v>
      </c>
      <c r="E16625" s="1" t="s">
        <v>61674</v>
      </c>
      <c r="F16625" s="1" t="s">
        <v>61675</v>
      </c>
      <c r="G16625" s="1" t="s">
        <v>61586</v>
      </c>
      <c r="H16625" s="1" t="s">
        <v>61587</v>
      </c>
      <c r="I16625" s="1" t="s">
        <v>53800</v>
      </c>
      <c r="J16625" s="1" t="s">
        <v>61676</v>
      </c>
    </row>
    <row r="16626" spans="1:10" x14ac:dyDescent="0.35">
      <c r="A16626" s="1" t="s">
        <v>61582</v>
      </c>
      <c r="B16626" s="1" t="s">
        <v>53796</v>
      </c>
      <c r="C16626" s="1" t="s">
        <v>135</v>
      </c>
      <c r="D16626" s="1" t="s">
        <v>61677</v>
      </c>
      <c r="E16626" s="1" t="s">
        <v>61678</v>
      </c>
      <c r="F16626" s="1" t="s">
        <v>61679</v>
      </c>
      <c r="G16626" s="1" t="s">
        <v>61586</v>
      </c>
      <c r="H16626" s="1" t="s">
        <v>61587</v>
      </c>
      <c r="I16626" s="1" t="s">
        <v>53800</v>
      </c>
      <c r="J16626" s="1" t="s">
        <v>61680</v>
      </c>
    </row>
    <row r="16627" spans="1:10" x14ac:dyDescent="0.35">
      <c r="A16627" s="1" t="s">
        <v>61582</v>
      </c>
      <c r="B16627" s="1" t="s">
        <v>53796</v>
      </c>
      <c r="C16627" s="1" t="s">
        <v>140</v>
      </c>
      <c r="D16627" s="1" t="s">
        <v>42332</v>
      </c>
      <c r="E16627" s="1" t="s">
        <v>61681</v>
      </c>
      <c r="F16627" s="1" t="s">
        <v>61682</v>
      </c>
      <c r="G16627" s="1" t="s">
        <v>61586</v>
      </c>
      <c r="H16627" s="1" t="s">
        <v>61587</v>
      </c>
      <c r="I16627" s="1" t="s">
        <v>53800</v>
      </c>
      <c r="J16627" s="1" t="s">
        <v>61683</v>
      </c>
    </row>
    <row r="16628" spans="1:10" x14ac:dyDescent="0.35">
      <c r="A16628" s="1" t="s">
        <v>61582</v>
      </c>
      <c r="B16628" s="1" t="s">
        <v>53796</v>
      </c>
      <c r="C16628" s="1" t="s">
        <v>145</v>
      </c>
      <c r="D16628" s="1" t="s">
        <v>61684</v>
      </c>
      <c r="E16628" s="1" t="s">
        <v>61685</v>
      </c>
      <c r="F16628" s="1" t="s">
        <v>61686</v>
      </c>
      <c r="G16628" s="1" t="s">
        <v>61586</v>
      </c>
      <c r="H16628" s="1" t="s">
        <v>61587</v>
      </c>
      <c r="I16628" s="1" t="s">
        <v>53800</v>
      </c>
      <c r="J16628" s="1" t="s">
        <v>61687</v>
      </c>
    </row>
    <row r="16629" spans="1:10" x14ac:dyDescent="0.35">
      <c r="A16629" s="1" t="s">
        <v>61582</v>
      </c>
      <c r="B16629" s="1" t="s">
        <v>53796</v>
      </c>
      <c r="C16629" s="1" t="s">
        <v>150</v>
      </c>
      <c r="D16629" s="1" t="s">
        <v>61688</v>
      </c>
      <c r="E16629" s="1" t="s">
        <v>61689</v>
      </c>
      <c r="F16629" s="1" t="s">
        <v>61690</v>
      </c>
      <c r="G16629" s="1" t="s">
        <v>61586</v>
      </c>
      <c r="H16629" s="1" t="s">
        <v>61587</v>
      </c>
      <c r="I16629" s="1" t="s">
        <v>53800</v>
      </c>
      <c r="J16629" s="1" t="s">
        <v>61691</v>
      </c>
    </row>
    <row r="16630" spans="1:10" x14ac:dyDescent="0.35">
      <c r="A16630" s="1" t="s">
        <v>61582</v>
      </c>
      <c r="B16630" s="1" t="s">
        <v>53796</v>
      </c>
      <c r="C16630" s="1" t="s">
        <v>155</v>
      </c>
      <c r="D16630" s="1" t="s">
        <v>61692</v>
      </c>
      <c r="E16630" s="1" t="s">
        <v>61693</v>
      </c>
      <c r="F16630" s="1" t="s">
        <v>61694</v>
      </c>
      <c r="G16630" s="1" t="s">
        <v>61586</v>
      </c>
      <c r="H16630" s="1" t="s">
        <v>61587</v>
      </c>
      <c r="I16630" s="1" t="s">
        <v>53800</v>
      </c>
      <c r="J16630" s="1" t="s">
        <v>61695</v>
      </c>
    </row>
    <row r="16631" spans="1:10" x14ac:dyDescent="0.35">
      <c r="A16631" s="1" t="s">
        <v>61582</v>
      </c>
      <c r="B16631" s="1" t="s">
        <v>53796</v>
      </c>
      <c r="C16631" s="1" t="s">
        <v>160</v>
      </c>
      <c r="D16631" s="1" t="s">
        <v>61696</v>
      </c>
      <c r="E16631" s="1" t="s">
        <v>61697</v>
      </c>
      <c r="F16631" s="1" t="s">
        <v>61698</v>
      </c>
      <c r="G16631" s="1" t="s">
        <v>61586</v>
      </c>
      <c r="H16631" s="1" t="s">
        <v>61587</v>
      </c>
      <c r="I16631" s="1" t="s">
        <v>53800</v>
      </c>
      <c r="J16631" s="1" t="s">
        <v>61699</v>
      </c>
    </row>
    <row r="16632" spans="1:10" x14ac:dyDescent="0.35">
      <c r="A16632" s="1" t="s">
        <v>61582</v>
      </c>
      <c r="B16632" s="1" t="s">
        <v>53796</v>
      </c>
      <c r="C16632" s="1" t="s">
        <v>165</v>
      </c>
      <c r="D16632" s="1" t="s">
        <v>23282</v>
      </c>
      <c r="E16632" s="1" t="s">
        <v>61700</v>
      </c>
      <c r="F16632" s="1" t="s">
        <v>61701</v>
      </c>
      <c r="G16632" s="1" t="s">
        <v>61586</v>
      </c>
      <c r="H16632" s="1" t="s">
        <v>61587</v>
      </c>
      <c r="I16632" s="1" t="s">
        <v>53800</v>
      </c>
      <c r="J16632" s="1" t="s">
        <v>61702</v>
      </c>
    </row>
    <row r="16633" spans="1:10" x14ac:dyDescent="0.35">
      <c r="A16633" s="1" t="s">
        <v>61582</v>
      </c>
      <c r="B16633" s="1" t="s">
        <v>53796</v>
      </c>
      <c r="C16633" s="1" t="s">
        <v>170</v>
      </c>
      <c r="D16633" s="1" t="s">
        <v>61703</v>
      </c>
      <c r="E16633" s="1" t="s">
        <v>61704</v>
      </c>
      <c r="F16633" s="1" t="s">
        <v>61705</v>
      </c>
      <c r="G16633" s="1" t="s">
        <v>61586</v>
      </c>
      <c r="H16633" s="1" t="s">
        <v>61587</v>
      </c>
      <c r="I16633" s="1" t="s">
        <v>53800</v>
      </c>
      <c r="J16633" s="1" t="s">
        <v>61706</v>
      </c>
    </row>
    <row r="16634" spans="1:10" x14ac:dyDescent="0.35">
      <c r="A16634" s="1" t="s">
        <v>3488</v>
      </c>
      <c r="B16634" s="1" t="s">
        <v>53796</v>
      </c>
      <c r="C16634" s="1" t="s">
        <v>8</v>
      </c>
      <c r="D16634" s="1" t="s">
        <v>61707</v>
      </c>
      <c r="E16634" s="1" t="s">
        <v>54783</v>
      </c>
      <c r="F16634" s="1" t="s">
        <v>61708</v>
      </c>
      <c r="G16634" s="1" t="s">
        <v>61709</v>
      </c>
      <c r="H16634" s="1" t="s">
        <v>61710</v>
      </c>
      <c r="I16634" s="1" t="s">
        <v>53800</v>
      </c>
      <c r="J16634" s="1" t="s">
        <v>13</v>
      </c>
    </row>
    <row r="16635" spans="1:10" x14ac:dyDescent="0.35">
      <c r="A16635" s="1" t="s">
        <v>3488</v>
      </c>
      <c r="B16635" s="1" t="s">
        <v>53796</v>
      </c>
      <c r="C16635" s="1" t="s">
        <v>15</v>
      </c>
      <c r="D16635" s="1" t="s">
        <v>58743</v>
      </c>
      <c r="E16635" s="1" t="s">
        <v>40717</v>
      </c>
      <c r="F16635" s="1" t="s">
        <v>61711</v>
      </c>
      <c r="G16635" s="1" t="s">
        <v>61709</v>
      </c>
      <c r="H16635" s="1" t="s">
        <v>61710</v>
      </c>
      <c r="I16635" s="1" t="s">
        <v>53800</v>
      </c>
      <c r="J16635" s="1" t="s">
        <v>61712</v>
      </c>
    </row>
    <row r="16636" spans="1:10" x14ac:dyDescent="0.35">
      <c r="A16636" s="1" t="s">
        <v>3488</v>
      </c>
      <c r="B16636" s="1" t="s">
        <v>53796</v>
      </c>
      <c r="C16636" s="1" t="s">
        <v>20</v>
      </c>
      <c r="D16636" s="1" t="s">
        <v>61713</v>
      </c>
      <c r="E16636" s="1" t="s">
        <v>54197</v>
      </c>
      <c r="F16636" s="1" t="s">
        <v>61714</v>
      </c>
      <c r="G16636" s="1" t="s">
        <v>61709</v>
      </c>
      <c r="H16636" s="1" t="s">
        <v>61710</v>
      </c>
      <c r="I16636" s="1" t="s">
        <v>53800</v>
      </c>
      <c r="J16636" s="1" t="s">
        <v>61715</v>
      </c>
    </row>
    <row r="16637" spans="1:10" x14ac:dyDescent="0.35">
      <c r="A16637" s="1" t="s">
        <v>3488</v>
      </c>
      <c r="B16637" s="1" t="s">
        <v>53796</v>
      </c>
      <c r="C16637" s="1" t="s">
        <v>25</v>
      </c>
      <c r="D16637" s="1" t="s">
        <v>61716</v>
      </c>
      <c r="E16637" s="1" t="s">
        <v>61717</v>
      </c>
      <c r="F16637" s="1" t="s">
        <v>31797</v>
      </c>
      <c r="G16637" s="1" t="s">
        <v>61709</v>
      </c>
      <c r="H16637" s="1" t="s">
        <v>61710</v>
      </c>
      <c r="I16637" s="1" t="s">
        <v>53800</v>
      </c>
      <c r="J16637" s="1" t="s">
        <v>61718</v>
      </c>
    </row>
    <row r="16638" spans="1:10" x14ac:dyDescent="0.35">
      <c r="A16638" s="1" t="s">
        <v>3488</v>
      </c>
      <c r="B16638" s="1" t="s">
        <v>53796</v>
      </c>
      <c r="C16638" s="1" t="s">
        <v>30</v>
      </c>
      <c r="D16638" s="1" t="s">
        <v>61719</v>
      </c>
      <c r="E16638" s="1" t="s">
        <v>56254</v>
      </c>
      <c r="F16638" s="1" t="s">
        <v>19937</v>
      </c>
      <c r="G16638" s="1" t="s">
        <v>61709</v>
      </c>
      <c r="H16638" s="1" t="s">
        <v>61710</v>
      </c>
      <c r="I16638" s="1" t="s">
        <v>53800</v>
      </c>
      <c r="J16638" s="1" t="s">
        <v>61720</v>
      </c>
    </row>
    <row r="16639" spans="1:10" x14ac:dyDescent="0.35">
      <c r="A16639" s="1" t="s">
        <v>3488</v>
      </c>
      <c r="B16639" s="1" t="s">
        <v>53796</v>
      </c>
      <c r="C16639" s="1" t="s">
        <v>35</v>
      </c>
      <c r="D16639" s="1" t="s">
        <v>61721</v>
      </c>
      <c r="E16639" s="1" t="s">
        <v>54059</v>
      </c>
      <c r="F16639" s="1" t="s">
        <v>61722</v>
      </c>
      <c r="G16639" s="1" t="s">
        <v>61709</v>
      </c>
      <c r="H16639" s="1" t="s">
        <v>61710</v>
      </c>
      <c r="I16639" s="1" t="s">
        <v>53800</v>
      </c>
      <c r="J16639" s="1" t="s">
        <v>61723</v>
      </c>
    </row>
    <row r="16640" spans="1:10" x14ac:dyDescent="0.35">
      <c r="A16640" s="1" t="s">
        <v>3488</v>
      </c>
      <c r="B16640" s="1" t="s">
        <v>53796</v>
      </c>
      <c r="C16640" s="1" t="s">
        <v>40</v>
      </c>
      <c r="D16640" s="1" t="s">
        <v>61724</v>
      </c>
      <c r="E16640" s="1" t="s">
        <v>61725</v>
      </c>
      <c r="F16640" s="1" t="s">
        <v>61726</v>
      </c>
      <c r="G16640" s="1" t="s">
        <v>61709</v>
      </c>
      <c r="H16640" s="1" t="s">
        <v>61710</v>
      </c>
      <c r="I16640" s="1" t="s">
        <v>53800</v>
      </c>
      <c r="J16640" s="1" t="s">
        <v>61727</v>
      </c>
    </row>
    <row r="16641" spans="1:10" x14ac:dyDescent="0.35">
      <c r="A16641" s="1" t="s">
        <v>3488</v>
      </c>
      <c r="B16641" s="1" t="s">
        <v>53796</v>
      </c>
      <c r="C16641" s="1" t="s">
        <v>45</v>
      </c>
      <c r="D16641" s="1" t="s">
        <v>59818</v>
      </c>
      <c r="E16641" s="1" t="s">
        <v>56202</v>
      </c>
      <c r="F16641" s="1" t="s">
        <v>61728</v>
      </c>
      <c r="G16641" s="1" t="s">
        <v>61709</v>
      </c>
      <c r="H16641" s="1" t="s">
        <v>61710</v>
      </c>
      <c r="I16641" s="1" t="s">
        <v>53800</v>
      </c>
      <c r="J16641" s="1" t="s">
        <v>61729</v>
      </c>
    </row>
    <row r="16642" spans="1:10" x14ac:dyDescent="0.35">
      <c r="A16642" s="1" t="s">
        <v>3488</v>
      </c>
      <c r="B16642" s="1" t="s">
        <v>53796</v>
      </c>
      <c r="C16642" s="1" t="s">
        <v>50</v>
      </c>
      <c r="D16642" s="1" t="s">
        <v>61730</v>
      </c>
      <c r="E16642" s="1" t="s">
        <v>32376</v>
      </c>
      <c r="F16642" s="1" t="s">
        <v>54703</v>
      </c>
      <c r="G16642" s="1" t="s">
        <v>61709</v>
      </c>
      <c r="H16642" s="1" t="s">
        <v>61710</v>
      </c>
      <c r="I16642" s="1" t="s">
        <v>53800</v>
      </c>
      <c r="J16642" s="1" t="s">
        <v>61731</v>
      </c>
    </row>
    <row r="16643" spans="1:10" x14ac:dyDescent="0.35">
      <c r="A16643" s="1" t="s">
        <v>3488</v>
      </c>
      <c r="B16643" s="1" t="s">
        <v>53796</v>
      </c>
      <c r="C16643" s="1" t="s">
        <v>55</v>
      </c>
      <c r="D16643" s="1" t="s">
        <v>61732</v>
      </c>
      <c r="E16643" s="1" t="s">
        <v>41344</v>
      </c>
      <c r="F16643" s="1" t="s">
        <v>61733</v>
      </c>
      <c r="G16643" s="1" t="s">
        <v>61709</v>
      </c>
      <c r="H16643" s="1" t="s">
        <v>61710</v>
      </c>
      <c r="I16643" s="1" t="s">
        <v>53800</v>
      </c>
      <c r="J16643" s="1" t="s">
        <v>61734</v>
      </c>
    </row>
    <row r="16644" spans="1:10" x14ac:dyDescent="0.35">
      <c r="A16644" s="1" t="s">
        <v>3488</v>
      </c>
      <c r="B16644" s="1" t="s">
        <v>53796</v>
      </c>
      <c r="C16644" s="1" t="s">
        <v>60</v>
      </c>
      <c r="D16644" s="1" t="s">
        <v>61735</v>
      </c>
      <c r="E16644" s="1" t="s">
        <v>15349</v>
      </c>
      <c r="F16644" s="1" t="s">
        <v>56511</v>
      </c>
      <c r="G16644" s="1" t="s">
        <v>61709</v>
      </c>
      <c r="H16644" s="1" t="s">
        <v>61710</v>
      </c>
      <c r="I16644" s="1" t="s">
        <v>53800</v>
      </c>
      <c r="J16644" s="1" t="s">
        <v>61736</v>
      </c>
    </row>
    <row r="16645" spans="1:10" x14ac:dyDescent="0.35">
      <c r="A16645" s="1" t="s">
        <v>3488</v>
      </c>
      <c r="B16645" s="1" t="s">
        <v>53796</v>
      </c>
      <c r="C16645" s="1" t="s">
        <v>65</v>
      </c>
      <c r="D16645" s="1" t="s">
        <v>59466</v>
      </c>
      <c r="E16645" s="1" t="s">
        <v>12868</v>
      </c>
      <c r="F16645" s="1" t="s">
        <v>61737</v>
      </c>
      <c r="G16645" s="1" t="s">
        <v>61709</v>
      </c>
      <c r="H16645" s="1" t="s">
        <v>61710</v>
      </c>
      <c r="I16645" s="1" t="s">
        <v>53800</v>
      </c>
      <c r="J16645" s="1" t="s">
        <v>61738</v>
      </c>
    </row>
    <row r="16646" spans="1:10" x14ac:dyDescent="0.35">
      <c r="A16646" s="1" t="s">
        <v>3488</v>
      </c>
      <c r="B16646" s="1" t="s">
        <v>53796</v>
      </c>
      <c r="C16646" s="1" t="s">
        <v>70</v>
      </c>
      <c r="D16646" s="1" t="s">
        <v>61739</v>
      </c>
      <c r="E16646" s="1" t="s">
        <v>57388</v>
      </c>
      <c r="F16646" s="1" t="s">
        <v>61740</v>
      </c>
      <c r="G16646" s="1" t="s">
        <v>61709</v>
      </c>
      <c r="H16646" s="1" t="s">
        <v>61710</v>
      </c>
      <c r="I16646" s="1" t="s">
        <v>53800</v>
      </c>
      <c r="J16646" s="1" t="s">
        <v>61741</v>
      </c>
    </row>
    <row r="16647" spans="1:10" x14ac:dyDescent="0.35">
      <c r="A16647" s="1" t="s">
        <v>3488</v>
      </c>
      <c r="B16647" s="1" t="s">
        <v>53796</v>
      </c>
      <c r="C16647" s="1" t="s">
        <v>75</v>
      </c>
      <c r="D16647" s="1" t="s">
        <v>61742</v>
      </c>
      <c r="E16647" s="1" t="s">
        <v>32317</v>
      </c>
      <c r="F16647" s="1" t="s">
        <v>61743</v>
      </c>
      <c r="G16647" s="1" t="s">
        <v>61709</v>
      </c>
      <c r="H16647" s="1" t="s">
        <v>61710</v>
      </c>
      <c r="I16647" s="1" t="s">
        <v>53800</v>
      </c>
      <c r="J16647" s="1" t="s">
        <v>61744</v>
      </c>
    </row>
    <row r="16648" spans="1:10" x14ac:dyDescent="0.35">
      <c r="A16648" s="1" t="s">
        <v>3488</v>
      </c>
      <c r="B16648" s="1" t="s">
        <v>53796</v>
      </c>
      <c r="C16648" s="1" t="s">
        <v>80</v>
      </c>
      <c r="D16648" s="1" t="s">
        <v>60622</v>
      </c>
      <c r="E16648" s="1" t="s">
        <v>56846</v>
      </c>
      <c r="F16648" s="1" t="s">
        <v>61745</v>
      </c>
      <c r="G16648" s="1" t="s">
        <v>61709</v>
      </c>
      <c r="H16648" s="1" t="s">
        <v>61710</v>
      </c>
      <c r="I16648" s="1" t="s">
        <v>53800</v>
      </c>
      <c r="J16648" s="1" t="s">
        <v>61746</v>
      </c>
    </row>
    <row r="16649" spans="1:10" x14ac:dyDescent="0.35">
      <c r="A16649" s="1" t="s">
        <v>3488</v>
      </c>
      <c r="B16649" s="1" t="s">
        <v>53796</v>
      </c>
      <c r="C16649" s="1" t="s">
        <v>85</v>
      </c>
      <c r="D16649" s="1" t="s">
        <v>61747</v>
      </c>
      <c r="E16649" s="1" t="s">
        <v>54796</v>
      </c>
      <c r="F16649" s="1" t="s">
        <v>61748</v>
      </c>
      <c r="G16649" s="1" t="s">
        <v>61709</v>
      </c>
      <c r="H16649" s="1" t="s">
        <v>61710</v>
      </c>
      <c r="I16649" s="1" t="s">
        <v>53800</v>
      </c>
      <c r="J16649" s="1" t="s">
        <v>61749</v>
      </c>
    </row>
    <row r="16650" spans="1:10" x14ac:dyDescent="0.35">
      <c r="A16650" s="1" t="s">
        <v>3488</v>
      </c>
      <c r="B16650" s="1" t="s">
        <v>53796</v>
      </c>
      <c r="C16650" s="1" t="s">
        <v>90</v>
      </c>
      <c r="D16650" s="1" t="s">
        <v>61750</v>
      </c>
      <c r="E16650" s="1" t="s">
        <v>15841</v>
      </c>
      <c r="F16650" s="1" t="s">
        <v>61751</v>
      </c>
      <c r="G16650" s="1" t="s">
        <v>61709</v>
      </c>
      <c r="H16650" s="1" t="s">
        <v>61710</v>
      </c>
      <c r="I16650" s="1" t="s">
        <v>53800</v>
      </c>
      <c r="J16650" s="1" t="s">
        <v>61752</v>
      </c>
    </row>
    <row r="16651" spans="1:10" x14ac:dyDescent="0.35">
      <c r="A16651" s="1" t="s">
        <v>3488</v>
      </c>
      <c r="B16651" s="1" t="s">
        <v>53796</v>
      </c>
      <c r="C16651" s="1" t="s">
        <v>95</v>
      </c>
      <c r="D16651" s="1" t="s">
        <v>61753</v>
      </c>
      <c r="E16651" s="1" t="s">
        <v>57982</v>
      </c>
      <c r="F16651" s="1" t="s">
        <v>61754</v>
      </c>
      <c r="G16651" s="1" t="s">
        <v>61709</v>
      </c>
      <c r="H16651" s="1" t="s">
        <v>61710</v>
      </c>
      <c r="I16651" s="1" t="s">
        <v>53800</v>
      </c>
      <c r="J16651" s="1" t="s">
        <v>61755</v>
      </c>
    </row>
    <row r="16652" spans="1:10" x14ac:dyDescent="0.35">
      <c r="A16652" s="1" t="s">
        <v>3488</v>
      </c>
      <c r="B16652" s="1" t="s">
        <v>53796</v>
      </c>
      <c r="C16652" s="1" t="s">
        <v>100</v>
      </c>
      <c r="D16652" s="1" t="s">
        <v>61756</v>
      </c>
      <c r="E16652" s="1" t="s">
        <v>57060</v>
      </c>
      <c r="F16652" s="1" t="s">
        <v>32324</v>
      </c>
      <c r="G16652" s="1" t="s">
        <v>61709</v>
      </c>
      <c r="H16652" s="1" t="s">
        <v>61710</v>
      </c>
      <c r="I16652" s="1" t="s">
        <v>53800</v>
      </c>
      <c r="J16652" s="1" t="s">
        <v>61757</v>
      </c>
    </row>
    <row r="16653" spans="1:10" x14ac:dyDescent="0.35">
      <c r="A16653" s="1" t="s">
        <v>3488</v>
      </c>
      <c r="B16653" s="1" t="s">
        <v>53796</v>
      </c>
      <c r="C16653" s="1" t="s">
        <v>105</v>
      </c>
      <c r="D16653" s="1" t="s">
        <v>61758</v>
      </c>
      <c r="E16653" s="1" t="s">
        <v>59335</v>
      </c>
      <c r="F16653" s="1" t="s">
        <v>58201</v>
      </c>
      <c r="G16653" s="1" t="s">
        <v>61709</v>
      </c>
      <c r="H16653" s="1" t="s">
        <v>61710</v>
      </c>
      <c r="I16653" s="1" t="s">
        <v>53800</v>
      </c>
      <c r="J16653" s="1" t="s">
        <v>61759</v>
      </c>
    </row>
    <row r="16654" spans="1:10" x14ac:dyDescent="0.35">
      <c r="A16654" s="1" t="s">
        <v>3488</v>
      </c>
      <c r="B16654" s="1" t="s">
        <v>53796</v>
      </c>
      <c r="C16654" s="1" t="s">
        <v>110</v>
      </c>
      <c r="D16654" s="1" t="s">
        <v>61760</v>
      </c>
      <c r="E16654" s="1" t="s">
        <v>41363</v>
      </c>
      <c r="F16654" s="1" t="s">
        <v>61761</v>
      </c>
      <c r="G16654" s="1" t="s">
        <v>61709</v>
      </c>
      <c r="H16654" s="1" t="s">
        <v>61710</v>
      </c>
      <c r="I16654" s="1" t="s">
        <v>53800</v>
      </c>
      <c r="J16654" s="1" t="s">
        <v>61762</v>
      </c>
    </row>
    <row r="16655" spans="1:10" x14ac:dyDescent="0.35">
      <c r="A16655" s="1" t="s">
        <v>3488</v>
      </c>
      <c r="B16655" s="1" t="s">
        <v>53796</v>
      </c>
      <c r="C16655" s="1" t="s">
        <v>115</v>
      </c>
      <c r="D16655" s="1" t="s">
        <v>61763</v>
      </c>
      <c r="E16655" s="1" t="s">
        <v>31441</v>
      </c>
      <c r="F16655" s="1" t="s">
        <v>59541</v>
      </c>
      <c r="G16655" s="1" t="s">
        <v>61709</v>
      </c>
      <c r="H16655" s="1" t="s">
        <v>61710</v>
      </c>
      <c r="I16655" s="1" t="s">
        <v>53800</v>
      </c>
      <c r="J16655" s="1" t="s">
        <v>61764</v>
      </c>
    </row>
    <row r="16656" spans="1:10" x14ac:dyDescent="0.35">
      <c r="A16656" s="1" t="s">
        <v>3488</v>
      </c>
      <c r="B16656" s="1" t="s">
        <v>53796</v>
      </c>
      <c r="C16656" s="1" t="s">
        <v>120</v>
      </c>
      <c r="D16656" s="1" t="s">
        <v>43998</v>
      </c>
      <c r="E16656" s="1" t="s">
        <v>61765</v>
      </c>
      <c r="F16656" s="1" t="s">
        <v>61766</v>
      </c>
      <c r="G16656" s="1" t="s">
        <v>61709</v>
      </c>
      <c r="H16656" s="1" t="s">
        <v>61710</v>
      </c>
      <c r="I16656" s="1" t="s">
        <v>53800</v>
      </c>
      <c r="J16656" s="1" t="s">
        <v>61767</v>
      </c>
    </row>
    <row r="16657" spans="1:10" x14ac:dyDescent="0.35">
      <c r="A16657" s="1" t="s">
        <v>3488</v>
      </c>
      <c r="B16657" s="1" t="s">
        <v>53796</v>
      </c>
      <c r="C16657" s="1" t="s">
        <v>125</v>
      </c>
      <c r="D16657" s="1" t="s">
        <v>61768</v>
      </c>
      <c r="E16657" s="1" t="s">
        <v>21925</v>
      </c>
      <c r="F16657" s="1" t="s">
        <v>61769</v>
      </c>
      <c r="G16657" s="1" t="s">
        <v>61709</v>
      </c>
      <c r="H16657" s="1" t="s">
        <v>61710</v>
      </c>
      <c r="I16657" s="1" t="s">
        <v>53800</v>
      </c>
      <c r="J16657" s="1" t="s">
        <v>61770</v>
      </c>
    </row>
    <row r="16658" spans="1:10" x14ac:dyDescent="0.35">
      <c r="A16658" s="1" t="s">
        <v>3488</v>
      </c>
      <c r="B16658" s="1" t="s">
        <v>53796</v>
      </c>
      <c r="C16658" s="1" t="s">
        <v>130</v>
      </c>
      <c r="D16658" s="1" t="s">
        <v>61771</v>
      </c>
      <c r="E16658" s="1" t="s">
        <v>55373</v>
      </c>
      <c r="F16658" s="1" t="s">
        <v>61772</v>
      </c>
      <c r="G16658" s="1" t="s">
        <v>61709</v>
      </c>
      <c r="H16658" s="1" t="s">
        <v>61710</v>
      </c>
      <c r="I16658" s="1" t="s">
        <v>53800</v>
      </c>
      <c r="J16658" s="1" t="s">
        <v>61773</v>
      </c>
    </row>
    <row r="16659" spans="1:10" x14ac:dyDescent="0.35">
      <c r="A16659" s="1" t="s">
        <v>3488</v>
      </c>
      <c r="B16659" s="1" t="s">
        <v>53796</v>
      </c>
      <c r="C16659" s="1" t="s">
        <v>135</v>
      </c>
      <c r="D16659" s="1" t="s">
        <v>20150</v>
      </c>
      <c r="E16659" s="1" t="s">
        <v>22259</v>
      </c>
      <c r="F16659" s="1" t="s">
        <v>61774</v>
      </c>
      <c r="G16659" s="1" t="s">
        <v>61709</v>
      </c>
      <c r="H16659" s="1" t="s">
        <v>61710</v>
      </c>
      <c r="I16659" s="1" t="s">
        <v>53800</v>
      </c>
      <c r="J16659" s="1" t="s">
        <v>61775</v>
      </c>
    </row>
    <row r="16660" spans="1:10" x14ac:dyDescent="0.35">
      <c r="A16660" s="1" t="s">
        <v>3488</v>
      </c>
      <c r="B16660" s="1" t="s">
        <v>53796</v>
      </c>
      <c r="C16660" s="1" t="s">
        <v>140</v>
      </c>
      <c r="D16660" s="1" t="s">
        <v>61776</v>
      </c>
      <c r="E16660" s="1" t="s">
        <v>56082</v>
      </c>
      <c r="F16660" s="1" t="s">
        <v>56974</v>
      </c>
      <c r="G16660" s="1" t="s">
        <v>61709</v>
      </c>
      <c r="H16660" s="1" t="s">
        <v>61710</v>
      </c>
      <c r="I16660" s="1" t="s">
        <v>53800</v>
      </c>
      <c r="J16660" s="1" t="s">
        <v>61777</v>
      </c>
    </row>
    <row r="16661" spans="1:10" x14ac:dyDescent="0.35">
      <c r="A16661" s="1" t="s">
        <v>3488</v>
      </c>
      <c r="B16661" s="1" t="s">
        <v>53796</v>
      </c>
      <c r="C16661" s="1" t="s">
        <v>145</v>
      </c>
      <c r="D16661" s="1" t="s">
        <v>12593</v>
      </c>
      <c r="E16661" s="1" t="s">
        <v>26592</v>
      </c>
      <c r="F16661" s="1" t="s">
        <v>61778</v>
      </c>
      <c r="G16661" s="1" t="s">
        <v>61709</v>
      </c>
      <c r="H16661" s="1" t="s">
        <v>61710</v>
      </c>
      <c r="I16661" s="1" t="s">
        <v>53800</v>
      </c>
      <c r="J16661" s="1" t="s">
        <v>61779</v>
      </c>
    </row>
    <row r="16662" spans="1:10" x14ac:dyDescent="0.35">
      <c r="A16662" s="1" t="s">
        <v>3488</v>
      </c>
      <c r="B16662" s="1" t="s">
        <v>53796</v>
      </c>
      <c r="C16662" s="1" t="s">
        <v>150</v>
      </c>
      <c r="D16662" s="1" t="s">
        <v>61780</v>
      </c>
      <c r="E16662" s="1" t="s">
        <v>26202</v>
      </c>
      <c r="F16662" s="1" t="s">
        <v>61781</v>
      </c>
      <c r="G16662" s="1" t="s">
        <v>61709</v>
      </c>
      <c r="H16662" s="1" t="s">
        <v>61710</v>
      </c>
      <c r="I16662" s="1" t="s">
        <v>53800</v>
      </c>
      <c r="J16662" s="1" t="s">
        <v>61782</v>
      </c>
    </row>
    <row r="16663" spans="1:10" x14ac:dyDescent="0.35">
      <c r="A16663" s="1" t="s">
        <v>3488</v>
      </c>
      <c r="B16663" s="1" t="s">
        <v>53796</v>
      </c>
      <c r="C16663" s="1" t="s">
        <v>155</v>
      </c>
      <c r="D16663" s="1" t="s">
        <v>61783</v>
      </c>
      <c r="E16663" s="1" t="s">
        <v>15392</v>
      </c>
      <c r="F16663" s="1" t="s">
        <v>61784</v>
      </c>
      <c r="G16663" s="1" t="s">
        <v>61709</v>
      </c>
      <c r="H16663" s="1" t="s">
        <v>61710</v>
      </c>
      <c r="I16663" s="1" t="s">
        <v>53800</v>
      </c>
      <c r="J16663" s="1" t="s">
        <v>61785</v>
      </c>
    </row>
    <row r="16664" spans="1:10" x14ac:dyDescent="0.35">
      <c r="A16664" s="1" t="s">
        <v>3488</v>
      </c>
      <c r="B16664" s="1" t="s">
        <v>53796</v>
      </c>
      <c r="C16664" s="1" t="s">
        <v>160</v>
      </c>
      <c r="D16664" s="1" t="s">
        <v>61786</v>
      </c>
      <c r="E16664" s="1" t="s">
        <v>32113</v>
      </c>
      <c r="F16664" s="1" t="s">
        <v>61787</v>
      </c>
      <c r="G16664" s="1" t="s">
        <v>61709</v>
      </c>
      <c r="H16664" s="1" t="s">
        <v>61710</v>
      </c>
      <c r="I16664" s="1" t="s">
        <v>53800</v>
      </c>
      <c r="J16664" s="1" t="s">
        <v>61788</v>
      </c>
    </row>
    <row r="16665" spans="1:10" x14ac:dyDescent="0.35">
      <c r="A16665" s="1" t="s">
        <v>3488</v>
      </c>
      <c r="B16665" s="1" t="s">
        <v>53796</v>
      </c>
      <c r="C16665" s="1" t="s">
        <v>165</v>
      </c>
      <c r="D16665" s="1" t="s">
        <v>61789</v>
      </c>
      <c r="E16665" s="1" t="s">
        <v>15345</v>
      </c>
      <c r="F16665" s="1" t="s">
        <v>61790</v>
      </c>
      <c r="G16665" s="1" t="s">
        <v>61709</v>
      </c>
      <c r="H16665" s="1" t="s">
        <v>61710</v>
      </c>
      <c r="I16665" s="1" t="s">
        <v>53800</v>
      </c>
      <c r="J16665" s="1" t="s">
        <v>61791</v>
      </c>
    </row>
    <row r="16666" spans="1:10" x14ac:dyDescent="0.35">
      <c r="A16666" s="1" t="s">
        <v>3488</v>
      </c>
      <c r="B16666" s="1" t="s">
        <v>53796</v>
      </c>
      <c r="C16666" s="1" t="s">
        <v>170</v>
      </c>
      <c r="D16666" s="1" t="s">
        <v>61792</v>
      </c>
      <c r="E16666" s="1" t="s">
        <v>61793</v>
      </c>
      <c r="F16666" s="1" t="s">
        <v>61794</v>
      </c>
      <c r="G16666" s="1" t="s">
        <v>61709</v>
      </c>
      <c r="H16666" s="1" t="s">
        <v>61710</v>
      </c>
      <c r="I16666" s="1" t="s">
        <v>53800</v>
      </c>
      <c r="J16666" s="1" t="s">
        <v>61795</v>
      </c>
    </row>
    <row r="16667" spans="1:10" x14ac:dyDescent="0.35">
      <c r="A16667" s="1" t="s">
        <v>13774</v>
      </c>
      <c r="B16667" s="1" t="s">
        <v>53796</v>
      </c>
      <c r="C16667" s="1" t="s">
        <v>8</v>
      </c>
      <c r="D16667" s="1" t="s">
        <v>61796</v>
      </c>
      <c r="E16667" s="1" t="s">
        <v>21845</v>
      </c>
      <c r="F16667" s="1" t="s">
        <v>31874</v>
      </c>
      <c r="G16667" s="1" t="s">
        <v>61797</v>
      </c>
      <c r="H16667" s="1" t="s">
        <v>61798</v>
      </c>
      <c r="I16667" s="1" t="s">
        <v>53800</v>
      </c>
      <c r="J16667" s="1" t="s">
        <v>13</v>
      </c>
    </row>
    <row r="16668" spans="1:10" x14ac:dyDescent="0.35">
      <c r="A16668" s="1" t="s">
        <v>13774</v>
      </c>
      <c r="B16668" s="1" t="s">
        <v>53796</v>
      </c>
      <c r="C16668" s="1" t="s">
        <v>15</v>
      </c>
      <c r="D16668" s="1" t="s">
        <v>61799</v>
      </c>
      <c r="E16668" s="1" t="s">
        <v>41395</v>
      </c>
      <c r="F16668" s="1" t="s">
        <v>61800</v>
      </c>
      <c r="G16668" s="1" t="s">
        <v>61797</v>
      </c>
      <c r="H16668" s="1" t="s">
        <v>61798</v>
      </c>
      <c r="I16668" s="1" t="s">
        <v>53800</v>
      </c>
      <c r="J16668" s="1" t="s">
        <v>61801</v>
      </c>
    </row>
    <row r="16669" spans="1:10" x14ac:dyDescent="0.35">
      <c r="A16669" s="1" t="s">
        <v>13774</v>
      </c>
      <c r="B16669" s="1" t="s">
        <v>53796</v>
      </c>
      <c r="C16669" s="1" t="s">
        <v>20</v>
      </c>
      <c r="D16669" s="1" t="s">
        <v>61802</v>
      </c>
      <c r="E16669" s="1" t="s">
        <v>21970</v>
      </c>
      <c r="F16669" s="1" t="s">
        <v>61803</v>
      </c>
      <c r="G16669" s="1" t="s">
        <v>61797</v>
      </c>
      <c r="H16669" s="1" t="s">
        <v>61798</v>
      </c>
      <c r="I16669" s="1" t="s">
        <v>53800</v>
      </c>
      <c r="J16669" s="1" t="s">
        <v>61804</v>
      </c>
    </row>
    <row r="16670" spans="1:10" x14ac:dyDescent="0.35">
      <c r="A16670" s="1" t="s">
        <v>13774</v>
      </c>
      <c r="B16670" s="1" t="s">
        <v>53796</v>
      </c>
      <c r="C16670" s="1" t="s">
        <v>25</v>
      </c>
      <c r="D16670" s="1" t="s">
        <v>61805</v>
      </c>
      <c r="E16670" s="1" t="s">
        <v>41348</v>
      </c>
      <c r="F16670" s="1" t="s">
        <v>60327</v>
      </c>
      <c r="G16670" s="1" t="s">
        <v>61797</v>
      </c>
      <c r="H16670" s="1" t="s">
        <v>61798</v>
      </c>
      <c r="I16670" s="1" t="s">
        <v>53800</v>
      </c>
      <c r="J16670" s="1" t="s">
        <v>61806</v>
      </c>
    </row>
    <row r="16671" spans="1:10" x14ac:dyDescent="0.35">
      <c r="A16671" s="1" t="s">
        <v>13774</v>
      </c>
      <c r="B16671" s="1" t="s">
        <v>53796</v>
      </c>
      <c r="C16671" s="1" t="s">
        <v>30</v>
      </c>
      <c r="D16671" s="1" t="s">
        <v>61807</v>
      </c>
      <c r="E16671" s="1" t="s">
        <v>56983</v>
      </c>
      <c r="F16671" s="1" t="s">
        <v>61808</v>
      </c>
      <c r="G16671" s="1" t="s">
        <v>61797</v>
      </c>
      <c r="H16671" s="1" t="s">
        <v>61798</v>
      </c>
      <c r="I16671" s="1" t="s">
        <v>53800</v>
      </c>
      <c r="J16671" s="1" t="s">
        <v>61809</v>
      </c>
    </row>
    <row r="16672" spans="1:10" x14ac:dyDescent="0.35">
      <c r="A16672" s="1" t="s">
        <v>13774</v>
      </c>
      <c r="B16672" s="1" t="s">
        <v>53796</v>
      </c>
      <c r="C16672" s="1" t="s">
        <v>35</v>
      </c>
      <c r="D16672" s="1" t="s">
        <v>61810</v>
      </c>
      <c r="E16672" s="1" t="s">
        <v>41144</v>
      </c>
      <c r="F16672" s="1" t="s">
        <v>61811</v>
      </c>
      <c r="G16672" s="1" t="s">
        <v>61797</v>
      </c>
      <c r="H16672" s="1" t="s">
        <v>61798</v>
      </c>
      <c r="I16672" s="1" t="s">
        <v>53800</v>
      </c>
      <c r="J16672" s="1" t="s">
        <v>61812</v>
      </c>
    </row>
    <row r="16673" spans="1:10" x14ac:dyDescent="0.35">
      <c r="A16673" s="1" t="s">
        <v>13774</v>
      </c>
      <c r="B16673" s="1" t="s">
        <v>53796</v>
      </c>
      <c r="C16673" s="1" t="s">
        <v>40</v>
      </c>
      <c r="D16673" s="1" t="s">
        <v>57411</v>
      </c>
      <c r="E16673" s="1" t="s">
        <v>23065</v>
      </c>
      <c r="F16673" s="1" t="s">
        <v>61813</v>
      </c>
      <c r="G16673" s="1" t="s">
        <v>61797</v>
      </c>
      <c r="H16673" s="1" t="s">
        <v>61798</v>
      </c>
      <c r="I16673" s="1" t="s">
        <v>53800</v>
      </c>
      <c r="J16673" s="1" t="s">
        <v>61814</v>
      </c>
    </row>
    <row r="16674" spans="1:10" x14ac:dyDescent="0.35">
      <c r="A16674" s="1" t="s">
        <v>13774</v>
      </c>
      <c r="B16674" s="1" t="s">
        <v>53796</v>
      </c>
      <c r="C16674" s="1" t="s">
        <v>45</v>
      </c>
      <c r="D16674" s="1" t="s">
        <v>61815</v>
      </c>
      <c r="E16674" s="1" t="s">
        <v>54092</v>
      </c>
      <c r="F16674" s="1" t="s">
        <v>61816</v>
      </c>
      <c r="G16674" s="1" t="s">
        <v>61797</v>
      </c>
      <c r="H16674" s="1" t="s">
        <v>61798</v>
      </c>
      <c r="I16674" s="1" t="s">
        <v>53800</v>
      </c>
      <c r="J16674" s="1" t="s">
        <v>61817</v>
      </c>
    </row>
    <row r="16675" spans="1:10" x14ac:dyDescent="0.35">
      <c r="A16675" s="1" t="s">
        <v>13774</v>
      </c>
      <c r="B16675" s="1" t="s">
        <v>53796</v>
      </c>
      <c r="C16675" s="1" t="s">
        <v>50</v>
      </c>
      <c r="D16675" s="1" t="s">
        <v>61818</v>
      </c>
      <c r="E16675" s="1" t="s">
        <v>58546</v>
      </c>
      <c r="F16675" s="1" t="s">
        <v>61819</v>
      </c>
      <c r="G16675" s="1" t="s">
        <v>61797</v>
      </c>
      <c r="H16675" s="1" t="s">
        <v>61798</v>
      </c>
      <c r="I16675" s="1" t="s">
        <v>53800</v>
      </c>
      <c r="J16675" s="1" t="s">
        <v>61820</v>
      </c>
    </row>
    <row r="16676" spans="1:10" x14ac:dyDescent="0.35">
      <c r="A16676" s="1" t="s">
        <v>13774</v>
      </c>
      <c r="B16676" s="1" t="s">
        <v>53796</v>
      </c>
      <c r="C16676" s="1" t="s">
        <v>55</v>
      </c>
      <c r="D16676" s="1" t="s">
        <v>61821</v>
      </c>
      <c r="E16676" s="1" t="s">
        <v>54197</v>
      </c>
      <c r="F16676" s="1" t="s">
        <v>61822</v>
      </c>
      <c r="G16676" s="1" t="s">
        <v>61797</v>
      </c>
      <c r="H16676" s="1" t="s">
        <v>61798</v>
      </c>
      <c r="I16676" s="1" t="s">
        <v>53800</v>
      </c>
      <c r="J16676" s="1" t="s">
        <v>61823</v>
      </c>
    </row>
    <row r="16677" spans="1:10" x14ac:dyDescent="0.35">
      <c r="A16677" s="1" t="s">
        <v>13774</v>
      </c>
      <c r="B16677" s="1" t="s">
        <v>53796</v>
      </c>
      <c r="C16677" s="1" t="s">
        <v>60</v>
      </c>
      <c r="D16677" s="1" t="s">
        <v>43457</v>
      </c>
      <c r="E16677" s="1" t="s">
        <v>26449</v>
      </c>
      <c r="F16677" s="1" t="s">
        <v>61824</v>
      </c>
      <c r="G16677" s="1" t="s">
        <v>61797</v>
      </c>
      <c r="H16677" s="1" t="s">
        <v>61798</v>
      </c>
      <c r="I16677" s="1" t="s">
        <v>53800</v>
      </c>
      <c r="J16677" s="1" t="s">
        <v>61825</v>
      </c>
    </row>
    <row r="16678" spans="1:10" x14ac:dyDescent="0.35">
      <c r="A16678" s="1" t="s">
        <v>13774</v>
      </c>
      <c r="B16678" s="1" t="s">
        <v>53796</v>
      </c>
      <c r="C16678" s="1" t="s">
        <v>65</v>
      </c>
      <c r="D16678" s="1" t="s">
        <v>61826</v>
      </c>
      <c r="E16678" s="1" t="s">
        <v>58979</v>
      </c>
      <c r="F16678" s="1" t="s">
        <v>32081</v>
      </c>
      <c r="G16678" s="1" t="s">
        <v>61797</v>
      </c>
      <c r="H16678" s="1" t="s">
        <v>61798</v>
      </c>
      <c r="I16678" s="1" t="s">
        <v>53800</v>
      </c>
      <c r="J16678" s="1" t="s">
        <v>61827</v>
      </c>
    </row>
    <row r="16679" spans="1:10" x14ac:dyDescent="0.35">
      <c r="A16679" s="1" t="s">
        <v>13774</v>
      </c>
      <c r="B16679" s="1" t="s">
        <v>53796</v>
      </c>
      <c r="C16679" s="1" t="s">
        <v>70</v>
      </c>
      <c r="D16679" s="1" t="s">
        <v>61828</v>
      </c>
      <c r="E16679" s="1" t="s">
        <v>55227</v>
      </c>
      <c r="F16679" s="1" t="s">
        <v>61829</v>
      </c>
      <c r="G16679" s="1" t="s">
        <v>61797</v>
      </c>
      <c r="H16679" s="1" t="s">
        <v>61798</v>
      </c>
      <c r="I16679" s="1" t="s">
        <v>53800</v>
      </c>
      <c r="J16679" s="1" t="s">
        <v>61830</v>
      </c>
    </row>
    <row r="16680" spans="1:10" x14ac:dyDescent="0.35">
      <c r="A16680" s="1" t="s">
        <v>13774</v>
      </c>
      <c r="B16680" s="1" t="s">
        <v>53796</v>
      </c>
      <c r="C16680" s="1" t="s">
        <v>75</v>
      </c>
      <c r="D16680" s="1" t="s">
        <v>61831</v>
      </c>
      <c r="E16680" s="1" t="s">
        <v>53825</v>
      </c>
      <c r="F16680" s="1" t="s">
        <v>61832</v>
      </c>
      <c r="G16680" s="1" t="s">
        <v>61797</v>
      </c>
      <c r="H16680" s="1" t="s">
        <v>61798</v>
      </c>
      <c r="I16680" s="1" t="s">
        <v>53800</v>
      </c>
      <c r="J16680" s="1" t="s">
        <v>61833</v>
      </c>
    </row>
    <row r="16681" spans="1:10" x14ac:dyDescent="0.35">
      <c r="A16681" s="1" t="s">
        <v>13774</v>
      </c>
      <c r="B16681" s="1" t="s">
        <v>53796</v>
      </c>
      <c r="C16681" s="1" t="s">
        <v>80</v>
      </c>
      <c r="D16681" s="1" t="s">
        <v>61834</v>
      </c>
      <c r="E16681" s="1" t="s">
        <v>60418</v>
      </c>
      <c r="F16681" s="1" t="s">
        <v>61835</v>
      </c>
      <c r="G16681" s="1" t="s">
        <v>61797</v>
      </c>
      <c r="H16681" s="1" t="s">
        <v>61798</v>
      </c>
      <c r="I16681" s="1" t="s">
        <v>53800</v>
      </c>
      <c r="J16681" s="1" t="s">
        <v>61836</v>
      </c>
    </row>
    <row r="16682" spans="1:10" x14ac:dyDescent="0.35">
      <c r="A16682" s="1" t="s">
        <v>13774</v>
      </c>
      <c r="B16682" s="1" t="s">
        <v>53796</v>
      </c>
      <c r="C16682" s="1" t="s">
        <v>85</v>
      </c>
      <c r="D16682" s="1" t="s">
        <v>61837</v>
      </c>
      <c r="E16682" s="1" t="s">
        <v>57392</v>
      </c>
      <c r="F16682" s="1" t="s">
        <v>61838</v>
      </c>
      <c r="G16682" s="1" t="s">
        <v>61797</v>
      </c>
      <c r="H16682" s="1" t="s">
        <v>61798</v>
      </c>
      <c r="I16682" s="1" t="s">
        <v>53800</v>
      </c>
      <c r="J16682" s="1" t="s">
        <v>61839</v>
      </c>
    </row>
    <row r="16683" spans="1:10" x14ac:dyDescent="0.35">
      <c r="A16683" s="1" t="s">
        <v>13774</v>
      </c>
      <c r="B16683" s="1" t="s">
        <v>53796</v>
      </c>
      <c r="C16683" s="1" t="s">
        <v>90</v>
      </c>
      <c r="D16683" s="1" t="s">
        <v>61840</v>
      </c>
      <c r="E16683" s="1" t="s">
        <v>26202</v>
      </c>
      <c r="F16683" s="1" t="s">
        <v>61841</v>
      </c>
      <c r="G16683" s="1" t="s">
        <v>61797</v>
      </c>
      <c r="H16683" s="1" t="s">
        <v>61798</v>
      </c>
      <c r="I16683" s="1" t="s">
        <v>53800</v>
      </c>
      <c r="J16683" s="1" t="s">
        <v>61842</v>
      </c>
    </row>
    <row r="16684" spans="1:10" x14ac:dyDescent="0.35">
      <c r="A16684" s="1" t="s">
        <v>13774</v>
      </c>
      <c r="B16684" s="1" t="s">
        <v>53796</v>
      </c>
      <c r="C16684" s="1" t="s">
        <v>95</v>
      </c>
      <c r="D16684" s="1" t="s">
        <v>61843</v>
      </c>
      <c r="E16684" s="1" t="s">
        <v>32368</v>
      </c>
      <c r="F16684" s="1" t="s">
        <v>61844</v>
      </c>
      <c r="G16684" s="1" t="s">
        <v>61797</v>
      </c>
      <c r="H16684" s="1" t="s">
        <v>61798</v>
      </c>
      <c r="I16684" s="1" t="s">
        <v>53800</v>
      </c>
      <c r="J16684" s="1" t="s">
        <v>61845</v>
      </c>
    </row>
    <row r="16685" spans="1:10" x14ac:dyDescent="0.35">
      <c r="A16685" s="1" t="s">
        <v>13774</v>
      </c>
      <c r="B16685" s="1" t="s">
        <v>53796</v>
      </c>
      <c r="C16685" s="1" t="s">
        <v>100</v>
      </c>
      <c r="D16685" s="1" t="s">
        <v>61846</v>
      </c>
      <c r="E16685" s="1" t="s">
        <v>24246</v>
      </c>
      <c r="F16685" s="1" t="s">
        <v>32601</v>
      </c>
      <c r="G16685" s="1" t="s">
        <v>61797</v>
      </c>
      <c r="H16685" s="1" t="s">
        <v>61798</v>
      </c>
      <c r="I16685" s="1" t="s">
        <v>53800</v>
      </c>
      <c r="J16685" s="1" t="s">
        <v>61847</v>
      </c>
    </row>
    <row r="16686" spans="1:10" x14ac:dyDescent="0.35">
      <c r="A16686" s="1" t="s">
        <v>13774</v>
      </c>
      <c r="B16686" s="1" t="s">
        <v>53796</v>
      </c>
      <c r="C16686" s="1" t="s">
        <v>105</v>
      </c>
      <c r="D16686" s="1" t="s">
        <v>61848</v>
      </c>
      <c r="E16686" s="1" t="s">
        <v>54799</v>
      </c>
      <c r="F16686" s="1" t="s">
        <v>61849</v>
      </c>
      <c r="G16686" s="1" t="s">
        <v>61797</v>
      </c>
      <c r="H16686" s="1" t="s">
        <v>61798</v>
      </c>
      <c r="I16686" s="1" t="s">
        <v>53800</v>
      </c>
      <c r="J16686" s="1" t="s">
        <v>61850</v>
      </c>
    </row>
    <row r="16687" spans="1:10" x14ac:dyDescent="0.35">
      <c r="A16687" s="1" t="s">
        <v>13774</v>
      </c>
      <c r="B16687" s="1" t="s">
        <v>53796</v>
      </c>
      <c r="C16687" s="1" t="s">
        <v>110</v>
      </c>
      <c r="D16687" s="1" t="s">
        <v>61851</v>
      </c>
      <c r="E16687" s="1" t="s">
        <v>15205</v>
      </c>
      <c r="F16687" s="1" t="s">
        <v>61852</v>
      </c>
      <c r="G16687" s="1" t="s">
        <v>61797</v>
      </c>
      <c r="H16687" s="1" t="s">
        <v>61798</v>
      </c>
      <c r="I16687" s="1" t="s">
        <v>53800</v>
      </c>
      <c r="J16687" s="1" t="s">
        <v>61853</v>
      </c>
    </row>
    <row r="16688" spans="1:10" x14ac:dyDescent="0.35">
      <c r="A16688" s="1" t="s">
        <v>13774</v>
      </c>
      <c r="B16688" s="1" t="s">
        <v>53796</v>
      </c>
      <c r="C16688" s="1" t="s">
        <v>115</v>
      </c>
      <c r="D16688" s="1" t="s">
        <v>61854</v>
      </c>
      <c r="E16688" s="1" t="s">
        <v>41356</v>
      </c>
      <c r="F16688" s="1" t="s">
        <v>31901</v>
      </c>
      <c r="G16688" s="1" t="s">
        <v>61797</v>
      </c>
      <c r="H16688" s="1" t="s">
        <v>61798</v>
      </c>
      <c r="I16688" s="1" t="s">
        <v>53800</v>
      </c>
      <c r="J16688" s="1" t="s">
        <v>61855</v>
      </c>
    </row>
    <row r="16689" spans="1:10" x14ac:dyDescent="0.35">
      <c r="A16689" s="1" t="s">
        <v>13774</v>
      </c>
      <c r="B16689" s="1" t="s">
        <v>53796</v>
      </c>
      <c r="C16689" s="1" t="s">
        <v>120</v>
      </c>
      <c r="D16689" s="1" t="s">
        <v>61856</v>
      </c>
      <c r="E16689" s="1" t="s">
        <v>58217</v>
      </c>
      <c r="F16689" s="1" t="s">
        <v>30704</v>
      </c>
      <c r="G16689" s="1" t="s">
        <v>61797</v>
      </c>
      <c r="H16689" s="1" t="s">
        <v>61798</v>
      </c>
      <c r="I16689" s="1" t="s">
        <v>53800</v>
      </c>
      <c r="J16689" s="1" t="s">
        <v>61857</v>
      </c>
    </row>
    <row r="16690" spans="1:10" x14ac:dyDescent="0.35">
      <c r="A16690" s="1" t="s">
        <v>13774</v>
      </c>
      <c r="B16690" s="1" t="s">
        <v>53796</v>
      </c>
      <c r="C16690" s="1" t="s">
        <v>125</v>
      </c>
      <c r="D16690" s="1" t="s">
        <v>61858</v>
      </c>
      <c r="E16690" s="1" t="s">
        <v>54095</v>
      </c>
      <c r="F16690" s="1" t="s">
        <v>59087</v>
      </c>
      <c r="G16690" s="1" t="s">
        <v>61797</v>
      </c>
      <c r="H16690" s="1" t="s">
        <v>61798</v>
      </c>
      <c r="I16690" s="1" t="s">
        <v>53800</v>
      </c>
      <c r="J16690" s="1" t="s">
        <v>61859</v>
      </c>
    </row>
    <row r="16691" spans="1:10" x14ac:dyDescent="0.35">
      <c r="A16691" s="1" t="s">
        <v>13774</v>
      </c>
      <c r="B16691" s="1" t="s">
        <v>53796</v>
      </c>
      <c r="C16691" s="1" t="s">
        <v>130</v>
      </c>
      <c r="D16691" s="1" t="s">
        <v>13603</v>
      </c>
      <c r="E16691" s="1" t="s">
        <v>15829</v>
      </c>
      <c r="F16691" s="1" t="s">
        <v>61860</v>
      </c>
      <c r="G16691" s="1" t="s">
        <v>61797</v>
      </c>
      <c r="H16691" s="1" t="s">
        <v>61798</v>
      </c>
      <c r="I16691" s="1" t="s">
        <v>53800</v>
      </c>
      <c r="J16691" s="1" t="s">
        <v>61861</v>
      </c>
    </row>
    <row r="16692" spans="1:10" x14ac:dyDescent="0.35">
      <c r="A16692" s="1" t="s">
        <v>13774</v>
      </c>
      <c r="B16692" s="1" t="s">
        <v>53796</v>
      </c>
      <c r="C16692" s="1" t="s">
        <v>135</v>
      </c>
      <c r="D16692" s="1" t="s">
        <v>20594</v>
      </c>
      <c r="E16692" s="1" t="s">
        <v>55286</v>
      </c>
      <c r="F16692" s="1" t="s">
        <v>59560</v>
      </c>
      <c r="G16692" s="1" t="s">
        <v>61797</v>
      </c>
      <c r="H16692" s="1" t="s">
        <v>61798</v>
      </c>
      <c r="I16692" s="1" t="s">
        <v>53800</v>
      </c>
      <c r="J16692" s="1" t="s">
        <v>61862</v>
      </c>
    </row>
    <row r="16693" spans="1:10" x14ac:dyDescent="0.35">
      <c r="A16693" s="1" t="s">
        <v>13774</v>
      </c>
      <c r="B16693" s="1" t="s">
        <v>53796</v>
      </c>
      <c r="C16693" s="1" t="s">
        <v>140</v>
      </c>
      <c r="D16693" s="1" t="s">
        <v>61863</v>
      </c>
      <c r="E16693" s="1" t="s">
        <v>21970</v>
      </c>
      <c r="F16693" s="1" t="s">
        <v>61864</v>
      </c>
      <c r="G16693" s="1" t="s">
        <v>61797</v>
      </c>
      <c r="H16693" s="1" t="s">
        <v>61798</v>
      </c>
      <c r="I16693" s="1" t="s">
        <v>53800</v>
      </c>
      <c r="J16693" s="1" t="s">
        <v>61865</v>
      </c>
    </row>
    <row r="16694" spans="1:10" x14ac:dyDescent="0.35">
      <c r="A16694" s="1" t="s">
        <v>13774</v>
      </c>
      <c r="B16694" s="1" t="s">
        <v>53796</v>
      </c>
      <c r="C16694" s="1" t="s">
        <v>145</v>
      </c>
      <c r="D16694" s="1" t="s">
        <v>61866</v>
      </c>
      <c r="E16694" s="1" t="s">
        <v>31452</v>
      </c>
      <c r="F16694" s="1" t="s">
        <v>61867</v>
      </c>
      <c r="G16694" s="1" t="s">
        <v>61797</v>
      </c>
      <c r="H16694" s="1" t="s">
        <v>61798</v>
      </c>
      <c r="I16694" s="1" t="s">
        <v>53800</v>
      </c>
      <c r="J16694" s="1" t="s">
        <v>61868</v>
      </c>
    </row>
    <row r="16695" spans="1:10" x14ac:dyDescent="0.35">
      <c r="A16695" s="1" t="s">
        <v>13774</v>
      </c>
      <c r="B16695" s="1" t="s">
        <v>53796</v>
      </c>
      <c r="C16695" s="1" t="s">
        <v>150</v>
      </c>
      <c r="D16695" s="1" t="s">
        <v>61869</v>
      </c>
      <c r="E16695" s="1" t="s">
        <v>24254</v>
      </c>
      <c r="F16695" s="1" t="s">
        <v>61870</v>
      </c>
      <c r="G16695" s="1" t="s">
        <v>61797</v>
      </c>
      <c r="H16695" s="1" t="s">
        <v>61798</v>
      </c>
      <c r="I16695" s="1" t="s">
        <v>53800</v>
      </c>
      <c r="J16695" s="1" t="s">
        <v>61871</v>
      </c>
    </row>
    <row r="16696" spans="1:10" x14ac:dyDescent="0.35">
      <c r="A16696" s="1" t="s">
        <v>13774</v>
      </c>
      <c r="B16696" s="1" t="s">
        <v>53796</v>
      </c>
      <c r="C16696" s="1" t="s">
        <v>155</v>
      </c>
      <c r="D16696" s="1" t="s">
        <v>61872</v>
      </c>
      <c r="E16696" s="1" t="s">
        <v>32576</v>
      </c>
      <c r="F16696" s="1" t="s">
        <v>61873</v>
      </c>
      <c r="G16696" s="1" t="s">
        <v>61797</v>
      </c>
      <c r="H16696" s="1" t="s">
        <v>61798</v>
      </c>
      <c r="I16696" s="1" t="s">
        <v>53800</v>
      </c>
      <c r="J16696" s="1" t="s">
        <v>61874</v>
      </c>
    </row>
    <row r="16697" spans="1:10" x14ac:dyDescent="0.35">
      <c r="A16697" s="1" t="s">
        <v>13774</v>
      </c>
      <c r="B16697" s="1" t="s">
        <v>53796</v>
      </c>
      <c r="C16697" s="1" t="s">
        <v>160</v>
      </c>
      <c r="D16697" s="1" t="s">
        <v>61875</v>
      </c>
      <c r="E16697" s="1" t="s">
        <v>61876</v>
      </c>
      <c r="F16697" s="1" t="s">
        <v>61877</v>
      </c>
      <c r="G16697" s="1" t="s">
        <v>61797</v>
      </c>
      <c r="H16697" s="1" t="s">
        <v>61798</v>
      </c>
      <c r="I16697" s="1" t="s">
        <v>53800</v>
      </c>
      <c r="J16697" s="1" t="s">
        <v>61878</v>
      </c>
    </row>
    <row r="16698" spans="1:10" x14ac:dyDescent="0.35">
      <c r="A16698" s="1" t="s">
        <v>13774</v>
      </c>
      <c r="B16698" s="1" t="s">
        <v>53796</v>
      </c>
      <c r="C16698" s="1" t="s">
        <v>165</v>
      </c>
      <c r="D16698" s="1" t="s">
        <v>61879</v>
      </c>
      <c r="E16698" s="1" t="s">
        <v>26178</v>
      </c>
      <c r="F16698" s="1" t="s">
        <v>61880</v>
      </c>
      <c r="G16698" s="1" t="s">
        <v>61797</v>
      </c>
      <c r="H16698" s="1" t="s">
        <v>61798</v>
      </c>
      <c r="I16698" s="1" t="s">
        <v>53800</v>
      </c>
      <c r="J16698" s="1" t="s">
        <v>61881</v>
      </c>
    </row>
    <row r="16699" spans="1:10" x14ac:dyDescent="0.35">
      <c r="A16699" s="1" t="s">
        <v>13774</v>
      </c>
      <c r="B16699" s="1" t="s">
        <v>53796</v>
      </c>
      <c r="C16699" s="1" t="s">
        <v>170</v>
      </c>
      <c r="D16699" s="1" t="s">
        <v>61882</v>
      </c>
      <c r="E16699" s="1" t="s">
        <v>31869</v>
      </c>
      <c r="F16699" s="1" t="s">
        <v>61883</v>
      </c>
      <c r="G16699" s="1" t="s">
        <v>61797</v>
      </c>
      <c r="H16699" s="1" t="s">
        <v>61798</v>
      </c>
      <c r="I16699" s="1" t="s">
        <v>53800</v>
      </c>
      <c r="J16699" s="1" t="s">
        <v>61884</v>
      </c>
    </row>
    <row r="16700" spans="1:10" x14ac:dyDescent="0.35">
      <c r="A16700" s="1" t="s">
        <v>2203</v>
      </c>
      <c r="B16700" s="1" t="s">
        <v>53796</v>
      </c>
      <c r="C16700" s="1" t="s">
        <v>8</v>
      </c>
      <c r="D16700" s="1" t="s">
        <v>11582</v>
      </c>
      <c r="E16700" s="1" t="s">
        <v>61885</v>
      </c>
      <c r="F16700" s="1" t="s">
        <v>61886</v>
      </c>
      <c r="G16700" s="1" t="s">
        <v>61887</v>
      </c>
      <c r="H16700" s="1" t="s">
        <v>61888</v>
      </c>
      <c r="I16700" s="1" t="s">
        <v>53800</v>
      </c>
      <c r="J16700" s="1" t="s">
        <v>13</v>
      </c>
    </row>
    <row r="16701" spans="1:10" x14ac:dyDescent="0.35">
      <c r="A16701" s="1" t="s">
        <v>2203</v>
      </c>
      <c r="B16701" s="1" t="s">
        <v>53796</v>
      </c>
      <c r="C16701" s="1" t="s">
        <v>15</v>
      </c>
      <c r="D16701" s="1" t="s">
        <v>61889</v>
      </c>
      <c r="E16701" s="1" t="s">
        <v>61890</v>
      </c>
      <c r="F16701" s="1" t="s">
        <v>61891</v>
      </c>
      <c r="G16701" s="1" t="s">
        <v>61887</v>
      </c>
      <c r="H16701" s="1" t="s">
        <v>61888</v>
      </c>
      <c r="I16701" s="1" t="s">
        <v>53800</v>
      </c>
      <c r="J16701" s="1" t="s">
        <v>61892</v>
      </c>
    </row>
    <row r="16702" spans="1:10" x14ac:dyDescent="0.35">
      <c r="A16702" s="1" t="s">
        <v>2203</v>
      </c>
      <c r="B16702" s="1" t="s">
        <v>53796</v>
      </c>
      <c r="C16702" s="1" t="s">
        <v>20</v>
      </c>
      <c r="D16702" s="1" t="s">
        <v>61893</v>
      </c>
      <c r="E16702" s="1" t="s">
        <v>61894</v>
      </c>
      <c r="F16702" s="1" t="s">
        <v>61895</v>
      </c>
      <c r="G16702" s="1" t="s">
        <v>61887</v>
      </c>
      <c r="H16702" s="1" t="s">
        <v>61888</v>
      </c>
      <c r="I16702" s="1" t="s">
        <v>53800</v>
      </c>
      <c r="J16702" s="1" t="s">
        <v>61896</v>
      </c>
    </row>
    <row r="16703" spans="1:10" x14ac:dyDescent="0.35">
      <c r="A16703" s="1" t="s">
        <v>2203</v>
      </c>
      <c r="B16703" s="1" t="s">
        <v>53796</v>
      </c>
      <c r="C16703" s="1" t="s">
        <v>25</v>
      </c>
      <c r="D16703" s="1" t="s">
        <v>22531</v>
      </c>
      <c r="E16703" s="1" t="s">
        <v>61897</v>
      </c>
      <c r="F16703" s="1" t="s">
        <v>61898</v>
      </c>
      <c r="G16703" s="1" t="s">
        <v>61887</v>
      </c>
      <c r="H16703" s="1" t="s">
        <v>61888</v>
      </c>
      <c r="I16703" s="1" t="s">
        <v>53800</v>
      </c>
      <c r="J16703" s="1" t="s">
        <v>61899</v>
      </c>
    </row>
    <row r="16704" spans="1:10" x14ac:dyDescent="0.35">
      <c r="A16704" s="1" t="s">
        <v>2203</v>
      </c>
      <c r="B16704" s="1" t="s">
        <v>53796</v>
      </c>
      <c r="C16704" s="1" t="s">
        <v>30</v>
      </c>
      <c r="D16704" s="1" t="s">
        <v>61900</v>
      </c>
      <c r="E16704" s="1" t="s">
        <v>61901</v>
      </c>
      <c r="F16704" s="1" t="s">
        <v>61902</v>
      </c>
      <c r="G16704" s="1" t="s">
        <v>61887</v>
      </c>
      <c r="H16704" s="1" t="s">
        <v>61888</v>
      </c>
      <c r="I16704" s="1" t="s">
        <v>53800</v>
      </c>
      <c r="J16704" s="1" t="s">
        <v>61903</v>
      </c>
    </row>
    <row r="16705" spans="1:10" x14ac:dyDescent="0.35">
      <c r="A16705" s="1" t="s">
        <v>2203</v>
      </c>
      <c r="B16705" s="1" t="s">
        <v>53796</v>
      </c>
      <c r="C16705" s="1" t="s">
        <v>35</v>
      </c>
      <c r="D16705" s="1" t="s">
        <v>61904</v>
      </c>
      <c r="E16705" s="1" t="s">
        <v>61905</v>
      </c>
      <c r="F16705" s="1" t="s">
        <v>61906</v>
      </c>
      <c r="G16705" s="1" t="s">
        <v>61887</v>
      </c>
      <c r="H16705" s="1" t="s">
        <v>61888</v>
      </c>
      <c r="I16705" s="1" t="s">
        <v>53800</v>
      </c>
      <c r="J16705" s="1" t="s">
        <v>61907</v>
      </c>
    </row>
    <row r="16706" spans="1:10" x14ac:dyDescent="0.35">
      <c r="A16706" s="1" t="s">
        <v>2203</v>
      </c>
      <c r="B16706" s="1" t="s">
        <v>53796</v>
      </c>
      <c r="C16706" s="1" t="s">
        <v>40</v>
      </c>
      <c r="D16706" s="1" t="s">
        <v>61908</v>
      </c>
      <c r="E16706" s="1" t="s">
        <v>61909</v>
      </c>
      <c r="F16706" s="1" t="s">
        <v>61910</v>
      </c>
      <c r="G16706" s="1" t="s">
        <v>61887</v>
      </c>
      <c r="H16706" s="1" t="s">
        <v>61888</v>
      </c>
      <c r="I16706" s="1" t="s">
        <v>53800</v>
      </c>
      <c r="J16706" s="1" t="s">
        <v>61911</v>
      </c>
    </row>
    <row r="16707" spans="1:10" x14ac:dyDescent="0.35">
      <c r="A16707" s="1" t="s">
        <v>2203</v>
      </c>
      <c r="B16707" s="1" t="s">
        <v>53796</v>
      </c>
      <c r="C16707" s="1" t="s">
        <v>45</v>
      </c>
      <c r="D16707" s="1" t="s">
        <v>61912</v>
      </c>
      <c r="E16707" s="1" t="s">
        <v>61913</v>
      </c>
      <c r="F16707" s="1" t="s">
        <v>61914</v>
      </c>
      <c r="G16707" s="1" t="s">
        <v>61887</v>
      </c>
      <c r="H16707" s="1" t="s">
        <v>61888</v>
      </c>
      <c r="I16707" s="1" t="s">
        <v>53800</v>
      </c>
      <c r="J16707" s="1" t="s">
        <v>61915</v>
      </c>
    </row>
    <row r="16708" spans="1:10" x14ac:dyDescent="0.35">
      <c r="A16708" s="1" t="s">
        <v>2203</v>
      </c>
      <c r="B16708" s="1" t="s">
        <v>53796</v>
      </c>
      <c r="C16708" s="1" t="s">
        <v>50</v>
      </c>
      <c r="D16708" s="1" t="s">
        <v>61916</v>
      </c>
      <c r="E16708" s="1" t="s">
        <v>61917</v>
      </c>
      <c r="F16708" s="1" t="s">
        <v>61918</v>
      </c>
      <c r="G16708" s="1" t="s">
        <v>61887</v>
      </c>
      <c r="H16708" s="1" t="s">
        <v>61888</v>
      </c>
      <c r="I16708" s="1" t="s">
        <v>53800</v>
      </c>
      <c r="J16708" s="1" t="s">
        <v>61919</v>
      </c>
    </row>
    <row r="16709" spans="1:10" x14ac:dyDescent="0.35">
      <c r="A16709" s="1" t="s">
        <v>2203</v>
      </c>
      <c r="B16709" s="1" t="s">
        <v>53796</v>
      </c>
      <c r="C16709" s="1" t="s">
        <v>55</v>
      </c>
      <c r="D16709" s="1" t="s">
        <v>61920</v>
      </c>
      <c r="E16709" s="1" t="s">
        <v>61921</v>
      </c>
      <c r="F16709" s="1" t="s">
        <v>61922</v>
      </c>
      <c r="G16709" s="1" t="s">
        <v>61887</v>
      </c>
      <c r="H16709" s="1" t="s">
        <v>61888</v>
      </c>
      <c r="I16709" s="1" t="s">
        <v>53800</v>
      </c>
      <c r="J16709" s="1" t="s">
        <v>61923</v>
      </c>
    </row>
    <row r="16710" spans="1:10" x14ac:dyDescent="0.35">
      <c r="A16710" s="1" t="s">
        <v>2203</v>
      </c>
      <c r="B16710" s="1" t="s">
        <v>53796</v>
      </c>
      <c r="C16710" s="1" t="s">
        <v>60</v>
      </c>
      <c r="D16710" s="1" t="s">
        <v>61924</v>
      </c>
      <c r="E16710" s="1" t="s">
        <v>61925</v>
      </c>
      <c r="F16710" s="1" t="s">
        <v>61926</v>
      </c>
      <c r="G16710" s="1" t="s">
        <v>61887</v>
      </c>
      <c r="H16710" s="1" t="s">
        <v>61888</v>
      </c>
      <c r="I16710" s="1" t="s">
        <v>53800</v>
      </c>
      <c r="J16710" s="1" t="s">
        <v>61927</v>
      </c>
    </row>
    <row r="16711" spans="1:10" x14ac:dyDescent="0.35">
      <c r="A16711" s="1" t="s">
        <v>2203</v>
      </c>
      <c r="B16711" s="1" t="s">
        <v>53796</v>
      </c>
      <c r="C16711" s="1" t="s">
        <v>65</v>
      </c>
      <c r="D16711" s="1" t="s">
        <v>26766</v>
      </c>
      <c r="E16711" s="1" t="s">
        <v>61928</v>
      </c>
      <c r="F16711" s="1" t="s">
        <v>61929</v>
      </c>
      <c r="G16711" s="1" t="s">
        <v>61887</v>
      </c>
      <c r="H16711" s="1" t="s">
        <v>61888</v>
      </c>
      <c r="I16711" s="1" t="s">
        <v>53800</v>
      </c>
      <c r="J16711" s="1" t="s">
        <v>61930</v>
      </c>
    </row>
    <row r="16712" spans="1:10" x14ac:dyDescent="0.35">
      <c r="A16712" s="1" t="s">
        <v>2203</v>
      </c>
      <c r="B16712" s="1" t="s">
        <v>53796</v>
      </c>
      <c r="C16712" s="1" t="s">
        <v>70</v>
      </c>
      <c r="D16712" s="1" t="s">
        <v>22407</v>
      </c>
      <c r="E16712" s="1" t="s">
        <v>61931</v>
      </c>
      <c r="F16712" s="1" t="s">
        <v>61932</v>
      </c>
      <c r="G16712" s="1" t="s">
        <v>61887</v>
      </c>
      <c r="H16712" s="1" t="s">
        <v>61888</v>
      </c>
      <c r="I16712" s="1" t="s">
        <v>53800</v>
      </c>
      <c r="J16712" s="1" t="s">
        <v>61933</v>
      </c>
    </row>
    <row r="16713" spans="1:10" x14ac:dyDescent="0.35">
      <c r="A16713" s="1" t="s">
        <v>2203</v>
      </c>
      <c r="B16713" s="1" t="s">
        <v>53796</v>
      </c>
      <c r="C16713" s="1" t="s">
        <v>75</v>
      </c>
      <c r="D16713" s="1" t="s">
        <v>61934</v>
      </c>
      <c r="E16713" s="1" t="s">
        <v>61935</v>
      </c>
      <c r="F16713" s="1" t="s">
        <v>61936</v>
      </c>
      <c r="G16713" s="1" t="s">
        <v>61887</v>
      </c>
      <c r="H16713" s="1" t="s">
        <v>61888</v>
      </c>
      <c r="I16713" s="1" t="s">
        <v>53800</v>
      </c>
      <c r="J16713" s="1" t="s">
        <v>61937</v>
      </c>
    </row>
    <row r="16714" spans="1:10" x14ac:dyDescent="0.35">
      <c r="A16714" s="1" t="s">
        <v>2203</v>
      </c>
      <c r="B16714" s="1" t="s">
        <v>53796</v>
      </c>
      <c r="C16714" s="1" t="s">
        <v>80</v>
      </c>
      <c r="D16714" s="1" t="s">
        <v>61938</v>
      </c>
      <c r="E16714" s="1" t="s">
        <v>61939</v>
      </c>
      <c r="F16714" s="1" t="s">
        <v>61940</v>
      </c>
      <c r="G16714" s="1" t="s">
        <v>61887</v>
      </c>
      <c r="H16714" s="1" t="s">
        <v>61888</v>
      </c>
      <c r="I16714" s="1" t="s">
        <v>53800</v>
      </c>
      <c r="J16714" s="1" t="s">
        <v>61941</v>
      </c>
    </row>
    <row r="16715" spans="1:10" x14ac:dyDescent="0.35">
      <c r="A16715" s="1" t="s">
        <v>2203</v>
      </c>
      <c r="B16715" s="1" t="s">
        <v>53796</v>
      </c>
      <c r="C16715" s="1" t="s">
        <v>85</v>
      </c>
      <c r="D16715" s="1" t="s">
        <v>22559</v>
      </c>
      <c r="E16715" s="1" t="s">
        <v>61942</v>
      </c>
      <c r="F16715" s="1" t="s">
        <v>61943</v>
      </c>
      <c r="G16715" s="1" t="s">
        <v>61887</v>
      </c>
      <c r="H16715" s="1" t="s">
        <v>61888</v>
      </c>
      <c r="I16715" s="1" t="s">
        <v>53800</v>
      </c>
      <c r="J16715" s="1" t="s">
        <v>61944</v>
      </c>
    </row>
    <row r="16716" spans="1:10" x14ac:dyDescent="0.35">
      <c r="A16716" s="1" t="s">
        <v>2203</v>
      </c>
      <c r="B16716" s="1" t="s">
        <v>53796</v>
      </c>
      <c r="C16716" s="1" t="s">
        <v>90</v>
      </c>
      <c r="D16716" s="1" t="s">
        <v>61945</v>
      </c>
      <c r="E16716" s="1" t="s">
        <v>61946</v>
      </c>
      <c r="F16716" s="1" t="s">
        <v>61947</v>
      </c>
      <c r="G16716" s="1" t="s">
        <v>61887</v>
      </c>
      <c r="H16716" s="1" t="s">
        <v>61888</v>
      </c>
      <c r="I16716" s="1" t="s">
        <v>53800</v>
      </c>
      <c r="J16716" s="1" t="s">
        <v>61948</v>
      </c>
    </row>
    <row r="16717" spans="1:10" x14ac:dyDescent="0.35">
      <c r="A16717" s="1" t="s">
        <v>2203</v>
      </c>
      <c r="B16717" s="1" t="s">
        <v>53796</v>
      </c>
      <c r="C16717" s="1" t="s">
        <v>95</v>
      </c>
      <c r="D16717" s="1" t="s">
        <v>61949</v>
      </c>
      <c r="E16717" s="1" t="s">
        <v>61950</v>
      </c>
      <c r="F16717" s="1" t="s">
        <v>61951</v>
      </c>
      <c r="G16717" s="1" t="s">
        <v>61887</v>
      </c>
      <c r="H16717" s="1" t="s">
        <v>61888</v>
      </c>
      <c r="I16717" s="1" t="s">
        <v>53800</v>
      </c>
      <c r="J16717" s="1" t="s">
        <v>61952</v>
      </c>
    </row>
    <row r="16718" spans="1:10" x14ac:dyDescent="0.35">
      <c r="A16718" s="1" t="s">
        <v>2203</v>
      </c>
      <c r="B16718" s="1" t="s">
        <v>53796</v>
      </c>
      <c r="C16718" s="1" t="s">
        <v>100</v>
      </c>
      <c r="D16718" s="1" t="s">
        <v>61953</v>
      </c>
      <c r="E16718" s="1" t="s">
        <v>61954</v>
      </c>
      <c r="F16718" s="1" t="s">
        <v>61955</v>
      </c>
      <c r="G16718" s="1" t="s">
        <v>61887</v>
      </c>
      <c r="H16718" s="1" t="s">
        <v>61888</v>
      </c>
      <c r="I16718" s="1" t="s">
        <v>53800</v>
      </c>
      <c r="J16718" s="1" t="s">
        <v>61956</v>
      </c>
    </row>
    <row r="16719" spans="1:10" x14ac:dyDescent="0.35">
      <c r="A16719" s="1" t="s">
        <v>2203</v>
      </c>
      <c r="B16719" s="1" t="s">
        <v>53796</v>
      </c>
      <c r="C16719" s="1" t="s">
        <v>105</v>
      </c>
      <c r="D16719" s="1" t="s">
        <v>58220</v>
      </c>
      <c r="E16719" s="1" t="s">
        <v>61957</v>
      </c>
      <c r="F16719" s="1" t="s">
        <v>61958</v>
      </c>
      <c r="G16719" s="1" t="s">
        <v>61887</v>
      </c>
      <c r="H16719" s="1" t="s">
        <v>61888</v>
      </c>
      <c r="I16719" s="1" t="s">
        <v>53800</v>
      </c>
      <c r="J16719" s="1" t="s">
        <v>61959</v>
      </c>
    </row>
    <row r="16720" spans="1:10" x14ac:dyDescent="0.35">
      <c r="A16720" s="1" t="s">
        <v>2203</v>
      </c>
      <c r="B16720" s="1" t="s">
        <v>53796</v>
      </c>
      <c r="C16720" s="1" t="s">
        <v>110</v>
      </c>
      <c r="D16720" s="1" t="s">
        <v>61960</v>
      </c>
      <c r="E16720" s="1" t="s">
        <v>61961</v>
      </c>
      <c r="F16720" s="1" t="s">
        <v>61962</v>
      </c>
      <c r="G16720" s="1" t="s">
        <v>61887</v>
      </c>
      <c r="H16720" s="1" t="s">
        <v>61888</v>
      </c>
      <c r="I16720" s="1" t="s">
        <v>53800</v>
      </c>
      <c r="J16720" s="1" t="s">
        <v>61963</v>
      </c>
    </row>
    <row r="16721" spans="1:10" x14ac:dyDescent="0.35">
      <c r="A16721" s="1" t="s">
        <v>2203</v>
      </c>
      <c r="B16721" s="1" t="s">
        <v>53796</v>
      </c>
      <c r="C16721" s="1" t="s">
        <v>115</v>
      </c>
      <c r="D16721" s="1" t="s">
        <v>61964</v>
      </c>
      <c r="E16721" s="1" t="s">
        <v>24201</v>
      </c>
      <c r="F16721" s="1" t="s">
        <v>61965</v>
      </c>
      <c r="G16721" s="1" t="s">
        <v>61887</v>
      </c>
      <c r="H16721" s="1" t="s">
        <v>61888</v>
      </c>
      <c r="I16721" s="1" t="s">
        <v>53800</v>
      </c>
      <c r="J16721" s="1" t="s">
        <v>61966</v>
      </c>
    </row>
    <row r="16722" spans="1:10" x14ac:dyDescent="0.35">
      <c r="A16722" s="1" t="s">
        <v>2203</v>
      </c>
      <c r="B16722" s="1" t="s">
        <v>53796</v>
      </c>
      <c r="C16722" s="1" t="s">
        <v>120</v>
      </c>
      <c r="D16722" s="1" t="s">
        <v>61967</v>
      </c>
      <c r="E16722" s="1" t="s">
        <v>61968</v>
      </c>
      <c r="F16722" s="1" t="s">
        <v>61969</v>
      </c>
      <c r="G16722" s="1" t="s">
        <v>61887</v>
      </c>
      <c r="H16722" s="1" t="s">
        <v>61888</v>
      </c>
      <c r="I16722" s="1" t="s">
        <v>53800</v>
      </c>
      <c r="J16722" s="1" t="s">
        <v>61970</v>
      </c>
    </row>
    <row r="16723" spans="1:10" x14ac:dyDescent="0.35">
      <c r="A16723" s="1" t="s">
        <v>2203</v>
      </c>
      <c r="B16723" s="1" t="s">
        <v>53796</v>
      </c>
      <c r="C16723" s="1" t="s">
        <v>125</v>
      </c>
      <c r="D16723" s="1" t="s">
        <v>61971</v>
      </c>
      <c r="E16723" s="1" t="s">
        <v>61972</v>
      </c>
      <c r="F16723" s="1" t="s">
        <v>61973</v>
      </c>
      <c r="G16723" s="1" t="s">
        <v>61887</v>
      </c>
      <c r="H16723" s="1" t="s">
        <v>61888</v>
      </c>
      <c r="I16723" s="1" t="s">
        <v>53800</v>
      </c>
      <c r="J16723" s="1" t="s">
        <v>61974</v>
      </c>
    </row>
    <row r="16724" spans="1:10" x14ac:dyDescent="0.35">
      <c r="A16724" s="1" t="s">
        <v>2203</v>
      </c>
      <c r="B16724" s="1" t="s">
        <v>53796</v>
      </c>
      <c r="C16724" s="1" t="s">
        <v>130</v>
      </c>
      <c r="D16724" s="1" t="s">
        <v>61975</v>
      </c>
      <c r="E16724" s="1" t="s">
        <v>61976</v>
      </c>
      <c r="F16724" s="1" t="s">
        <v>61977</v>
      </c>
      <c r="G16724" s="1" t="s">
        <v>61887</v>
      </c>
      <c r="H16724" s="1" t="s">
        <v>61888</v>
      </c>
      <c r="I16724" s="1" t="s">
        <v>53800</v>
      </c>
      <c r="J16724" s="1" t="s">
        <v>61978</v>
      </c>
    </row>
    <row r="16725" spans="1:10" x14ac:dyDescent="0.35">
      <c r="A16725" s="1" t="s">
        <v>2203</v>
      </c>
      <c r="B16725" s="1" t="s">
        <v>53796</v>
      </c>
      <c r="C16725" s="1" t="s">
        <v>135</v>
      </c>
      <c r="D16725" s="1" t="s">
        <v>61979</v>
      </c>
      <c r="E16725" s="1" t="s">
        <v>61980</v>
      </c>
      <c r="F16725" s="1" t="s">
        <v>61981</v>
      </c>
      <c r="G16725" s="1" t="s">
        <v>61887</v>
      </c>
      <c r="H16725" s="1" t="s">
        <v>61888</v>
      </c>
      <c r="I16725" s="1" t="s">
        <v>53800</v>
      </c>
      <c r="J16725" s="1" t="s">
        <v>61982</v>
      </c>
    </row>
    <row r="16726" spans="1:10" x14ac:dyDescent="0.35">
      <c r="A16726" s="1" t="s">
        <v>2203</v>
      </c>
      <c r="B16726" s="1" t="s">
        <v>53796</v>
      </c>
      <c r="C16726" s="1" t="s">
        <v>140</v>
      </c>
      <c r="D16726" s="1" t="s">
        <v>61983</v>
      </c>
      <c r="E16726" s="1" t="s">
        <v>61984</v>
      </c>
      <c r="F16726" s="1" t="s">
        <v>61985</v>
      </c>
      <c r="G16726" s="1" t="s">
        <v>61887</v>
      </c>
      <c r="H16726" s="1" t="s">
        <v>61888</v>
      </c>
      <c r="I16726" s="1" t="s">
        <v>53800</v>
      </c>
      <c r="J16726" s="1" t="s">
        <v>61986</v>
      </c>
    </row>
    <row r="16727" spans="1:10" x14ac:dyDescent="0.35">
      <c r="A16727" s="1" t="s">
        <v>2203</v>
      </c>
      <c r="B16727" s="1" t="s">
        <v>53796</v>
      </c>
      <c r="C16727" s="1" t="s">
        <v>145</v>
      </c>
      <c r="D16727" s="1" t="s">
        <v>61987</v>
      </c>
      <c r="E16727" s="1" t="s">
        <v>61988</v>
      </c>
      <c r="F16727" s="1" t="s">
        <v>61989</v>
      </c>
      <c r="G16727" s="1" t="s">
        <v>61887</v>
      </c>
      <c r="H16727" s="1" t="s">
        <v>61888</v>
      </c>
      <c r="I16727" s="1" t="s">
        <v>53800</v>
      </c>
      <c r="J16727" s="1" t="s">
        <v>61990</v>
      </c>
    </row>
    <row r="16728" spans="1:10" x14ac:dyDescent="0.35">
      <c r="A16728" s="1" t="s">
        <v>2203</v>
      </c>
      <c r="B16728" s="1" t="s">
        <v>53796</v>
      </c>
      <c r="C16728" s="1" t="s">
        <v>150</v>
      </c>
      <c r="D16728" s="1" t="s">
        <v>61991</v>
      </c>
      <c r="E16728" s="1" t="s">
        <v>61992</v>
      </c>
      <c r="F16728" s="1" t="s">
        <v>61993</v>
      </c>
      <c r="G16728" s="1" t="s">
        <v>61887</v>
      </c>
      <c r="H16728" s="1" t="s">
        <v>61888</v>
      </c>
      <c r="I16728" s="1" t="s">
        <v>53800</v>
      </c>
      <c r="J16728" s="1" t="s">
        <v>61994</v>
      </c>
    </row>
    <row r="16729" spans="1:10" x14ac:dyDescent="0.35">
      <c r="A16729" s="1" t="s">
        <v>2203</v>
      </c>
      <c r="B16729" s="1" t="s">
        <v>53796</v>
      </c>
      <c r="C16729" s="1" t="s">
        <v>155</v>
      </c>
      <c r="D16729" s="1" t="s">
        <v>61995</v>
      </c>
      <c r="E16729" s="1" t="s">
        <v>61996</v>
      </c>
      <c r="F16729" s="1" t="s">
        <v>61997</v>
      </c>
      <c r="G16729" s="1" t="s">
        <v>61887</v>
      </c>
      <c r="H16729" s="1" t="s">
        <v>61888</v>
      </c>
      <c r="I16729" s="1" t="s">
        <v>53800</v>
      </c>
      <c r="J16729" s="1" t="s">
        <v>61998</v>
      </c>
    </row>
    <row r="16730" spans="1:10" x14ac:dyDescent="0.35">
      <c r="A16730" s="1" t="s">
        <v>2203</v>
      </c>
      <c r="B16730" s="1" t="s">
        <v>53796</v>
      </c>
      <c r="C16730" s="1" t="s">
        <v>160</v>
      </c>
      <c r="D16730" s="1" t="s">
        <v>61999</v>
      </c>
      <c r="E16730" s="1" t="s">
        <v>62000</v>
      </c>
      <c r="F16730" s="1" t="s">
        <v>62001</v>
      </c>
      <c r="G16730" s="1" t="s">
        <v>61887</v>
      </c>
      <c r="H16730" s="1" t="s">
        <v>61888</v>
      </c>
      <c r="I16730" s="1" t="s">
        <v>53800</v>
      </c>
      <c r="J16730" s="1" t="s">
        <v>62002</v>
      </c>
    </row>
    <row r="16731" spans="1:10" x14ac:dyDescent="0.35">
      <c r="A16731" s="1" t="s">
        <v>2203</v>
      </c>
      <c r="B16731" s="1" t="s">
        <v>53796</v>
      </c>
      <c r="C16731" s="1" t="s">
        <v>165</v>
      </c>
      <c r="D16731" s="1" t="s">
        <v>62003</v>
      </c>
      <c r="E16731" s="1" t="s">
        <v>62004</v>
      </c>
      <c r="F16731" s="1" t="s">
        <v>62005</v>
      </c>
      <c r="G16731" s="1" t="s">
        <v>61887</v>
      </c>
      <c r="H16731" s="1" t="s">
        <v>61888</v>
      </c>
      <c r="I16731" s="1" t="s">
        <v>53800</v>
      </c>
      <c r="J16731" s="1" t="s">
        <v>62006</v>
      </c>
    </row>
    <row r="16732" spans="1:10" x14ac:dyDescent="0.35">
      <c r="A16732" s="1" t="s">
        <v>2203</v>
      </c>
      <c r="B16732" s="1" t="s">
        <v>53796</v>
      </c>
      <c r="C16732" s="1" t="s">
        <v>170</v>
      </c>
      <c r="D16732" s="1" t="s">
        <v>62007</v>
      </c>
      <c r="E16732" s="1" t="s">
        <v>62008</v>
      </c>
      <c r="F16732" s="1" t="s">
        <v>62009</v>
      </c>
      <c r="G16732" s="1" t="s">
        <v>61887</v>
      </c>
      <c r="H16732" s="1" t="s">
        <v>61888</v>
      </c>
      <c r="I16732" s="1" t="s">
        <v>53800</v>
      </c>
      <c r="J16732" s="1" t="s">
        <v>62010</v>
      </c>
    </row>
    <row r="16733" spans="1:10" x14ac:dyDescent="0.35">
      <c r="A16733" s="1" t="s">
        <v>2199</v>
      </c>
      <c r="B16733" s="1" t="s">
        <v>53796</v>
      </c>
      <c r="C16733" s="1" t="s">
        <v>8</v>
      </c>
      <c r="D16733" s="1" t="s">
        <v>62011</v>
      </c>
      <c r="E16733" s="1" t="s">
        <v>15853</v>
      </c>
      <c r="F16733" s="1" t="s">
        <v>62012</v>
      </c>
      <c r="G16733" s="1" t="s">
        <v>62013</v>
      </c>
      <c r="H16733" s="1" t="s">
        <v>62014</v>
      </c>
      <c r="I16733" s="1" t="s">
        <v>53800</v>
      </c>
      <c r="J16733" s="1" t="s">
        <v>13</v>
      </c>
    </row>
    <row r="16734" spans="1:10" x14ac:dyDescent="0.35">
      <c r="A16734" s="1" t="s">
        <v>2199</v>
      </c>
      <c r="B16734" s="1" t="s">
        <v>53796</v>
      </c>
      <c r="C16734" s="1" t="s">
        <v>15</v>
      </c>
      <c r="D16734" s="1" t="s">
        <v>62015</v>
      </c>
      <c r="E16734" s="1" t="s">
        <v>21117</v>
      </c>
      <c r="F16734" s="1" t="s">
        <v>52508</v>
      </c>
      <c r="G16734" s="1" t="s">
        <v>62013</v>
      </c>
      <c r="H16734" s="1" t="s">
        <v>62014</v>
      </c>
      <c r="I16734" s="1" t="s">
        <v>53800</v>
      </c>
      <c r="J16734" s="1" t="s">
        <v>62016</v>
      </c>
    </row>
    <row r="16735" spans="1:10" x14ac:dyDescent="0.35">
      <c r="A16735" s="1" t="s">
        <v>2199</v>
      </c>
      <c r="B16735" s="1" t="s">
        <v>53796</v>
      </c>
      <c r="C16735" s="1" t="s">
        <v>20</v>
      </c>
      <c r="D16735" s="1" t="s">
        <v>20488</v>
      </c>
      <c r="E16735" s="1" t="s">
        <v>54074</v>
      </c>
      <c r="F16735" s="1" t="s">
        <v>31543</v>
      </c>
      <c r="G16735" s="1" t="s">
        <v>62013</v>
      </c>
      <c r="H16735" s="1" t="s">
        <v>62014</v>
      </c>
      <c r="I16735" s="1" t="s">
        <v>53800</v>
      </c>
      <c r="J16735" s="1" t="s">
        <v>62017</v>
      </c>
    </row>
    <row r="16736" spans="1:10" x14ac:dyDescent="0.35">
      <c r="A16736" s="1" t="s">
        <v>2199</v>
      </c>
      <c r="B16736" s="1" t="s">
        <v>53796</v>
      </c>
      <c r="C16736" s="1" t="s">
        <v>25</v>
      </c>
      <c r="D16736" s="1" t="s">
        <v>62018</v>
      </c>
      <c r="E16736" s="1" t="s">
        <v>55113</v>
      </c>
      <c r="F16736" s="1" t="s">
        <v>62019</v>
      </c>
      <c r="G16736" s="1" t="s">
        <v>62013</v>
      </c>
      <c r="H16736" s="1" t="s">
        <v>62014</v>
      </c>
      <c r="I16736" s="1" t="s">
        <v>53800</v>
      </c>
      <c r="J16736" s="1" t="s">
        <v>62020</v>
      </c>
    </row>
    <row r="16737" spans="1:10" x14ac:dyDescent="0.35">
      <c r="A16737" s="1" t="s">
        <v>2199</v>
      </c>
      <c r="B16737" s="1" t="s">
        <v>53796</v>
      </c>
      <c r="C16737" s="1" t="s">
        <v>30</v>
      </c>
      <c r="D16737" s="1" t="s">
        <v>62021</v>
      </c>
      <c r="E16737" s="1" t="s">
        <v>23413</v>
      </c>
      <c r="F16737" s="1" t="s">
        <v>62022</v>
      </c>
      <c r="G16737" s="1" t="s">
        <v>62013</v>
      </c>
      <c r="H16737" s="1" t="s">
        <v>62014</v>
      </c>
      <c r="I16737" s="1" t="s">
        <v>53800</v>
      </c>
      <c r="J16737" s="1" t="s">
        <v>62023</v>
      </c>
    </row>
    <row r="16738" spans="1:10" x14ac:dyDescent="0.35">
      <c r="A16738" s="1" t="s">
        <v>2199</v>
      </c>
      <c r="B16738" s="1" t="s">
        <v>53796</v>
      </c>
      <c r="C16738" s="1" t="s">
        <v>35</v>
      </c>
      <c r="D16738" s="1" t="s">
        <v>62024</v>
      </c>
      <c r="E16738" s="1" t="s">
        <v>58447</v>
      </c>
      <c r="F16738" s="1" t="s">
        <v>62025</v>
      </c>
      <c r="G16738" s="1" t="s">
        <v>62013</v>
      </c>
      <c r="H16738" s="1" t="s">
        <v>62014</v>
      </c>
      <c r="I16738" s="1" t="s">
        <v>53800</v>
      </c>
      <c r="J16738" s="1" t="s">
        <v>62026</v>
      </c>
    </row>
    <row r="16739" spans="1:10" x14ac:dyDescent="0.35">
      <c r="A16739" s="1" t="s">
        <v>2199</v>
      </c>
      <c r="B16739" s="1" t="s">
        <v>53796</v>
      </c>
      <c r="C16739" s="1" t="s">
        <v>40</v>
      </c>
      <c r="D16739" s="1" t="s">
        <v>62027</v>
      </c>
      <c r="E16739" s="1" t="s">
        <v>56644</v>
      </c>
      <c r="F16739" s="1" t="s">
        <v>62028</v>
      </c>
      <c r="G16739" s="1" t="s">
        <v>62013</v>
      </c>
      <c r="H16739" s="1" t="s">
        <v>62014</v>
      </c>
      <c r="I16739" s="1" t="s">
        <v>53800</v>
      </c>
      <c r="J16739" s="1" t="s">
        <v>62029</v>
      </c>
    </row>
    <row r="16740" spans="1:10" x14ac:dyDescent="0.35">
      <c r="A16740" s="1" t="s">
        <v>2199</v>
      </c>
      <c r="B16740" s="1" t="s">
        <v>53796</v>
      </c>
      <c r="C16740" s="1" t="s">
        <v>45</v>
      </c>
      <c r="D16740" s="1" t="s">
        <v>62030</v>
      </c>
      <c r="E16740" s="1" t="s">
        <v>59319</v>
      </c>
      <c r="F16740" s="1" t="s">
        <v>62031</v>
      </c>
      <c r="G16740" s="1" t="s">
        <v>62013</v>
      </c>
      <c r="H16740" s="1" t="s">
        <v>62014</v>
      </c>
      <c r="I16740" s="1" t="s">
        <v>53800</v>
      </c>
      <c r="J16740" s="1" t="s">
        <v>62032</v>
      </c>
    </row>
    <row r="16741" spans="1:10" x14ac:dyDescent="0.35">
      <c r="A16741" s="1" t="s">
        <v>2199</v>
      </c>
      <c r="B16741" s="1" t="s">
        <v>53796</v>
      </c>
      <c r="C16741" s="1" t="s">
        <v>50</v>
      </c>
      <c r="D16741" s="1" t="s">
        <v>62033</v>
      </c>
      <c r="E16741" s="1" t="s">
        <v>60199</v>
      </c>
      <c r="F16741" s="1" t="s">
        <v>62034</v>
      </c>
      <c r="G16741" s="1" t="s">
        <v>62013</v>
      </c>
      <c r="H16741" s="1" t="s">
        <v>62014</v>
      </c>
      <c r="I16741" s="1" t="s">
        <v>53800</v>
      </c>
      <c r="J16741" s="1" t="s">
        <v>62035</v>
      </c>
    </row>
    <row r="16742" spans="1:10" x14ac:dyDescent="0.35">
      <c r="A16742" s="1" t="s">
        <v>2199</v>
      </c>
      <c r="B16742" s="1" t="s">
        <v>53796</v>
      </c>
      <c r="C16742" s="1" t="s">
        <v>55</v>
      </c>
      <c r="D16742" s="1" t="s">
        <v>62036</v>
      </c>
      <c r="E16742" s="1" t="s">
        <v>22052</v>
      </c>
      <c r="F16742" s="1" t="s">
        <v>62037</v>
      </c>
      <c r="G16742" s="1" t="s">
        <v>62013</v>
      </c>
      <c r="H16742" s="1" t="s">
        <v>62014</v>
      </c>
      <c r="I16742" s="1" t="s">
        <v>53800</v>
      </c>
      <c r="J16742" s="1" t="s">
        <v>62038</v>
      </c>
    </row>
    <row r="16743" spans="1:10" x14ac:dyDescent="0.35">
      <c r="A16743" s="1" t="s">
        <v>2199</v>
      </c>
      <c r="B16743" s="1" t="s">
        <v>53796</v>
      </c>
      <c r="C16743" s="1" t="s">
        <v>60</v>
      </c>
      <c r="D16743" s="1" t="s">
        <v>62039</v>
      </c>
      <c r="E16743" s="1" t="s">
        <v>54634</v>
      </c>
      <c r="F16743" s="1" t="s">
        <v>62040</v>
      </c>
      <c r="G16743" s="1" t="s">
        <v>62013</v>
      </c>
      <c r="H16743" s="1" t="s">
        <v>62014</v>
      </c>
      <c r="I16743" s="1" t="s">
        <v>53800</v>
      </c>
      <c r="J16743" s="1" t="s">
        <v>62041</v>
      </c>
    </row>
    <row r="16744" spans="1:10" x14ac:dyDescent="0.35">
      <c r="A16744" s="1" t="s">
        <v>2199</v>
      </c>
      <c r="B16744" s="1" t="s">
        <v>53796</v>
      </c>
      <c r="C16744" s="1" t="s">
        <v>65</v>
      </c>
      <c r="D16744" s="1" t="s">
        <v>8213</v>
      </c>
      <c r="E16744" s="1" t="s">
        <v>62042</v>
      </c>
      <c r="F16744" s="1" t="s">
        <v>62043</v>
      </c>
      <c r="G16744" s="1" t="s">
        <v>62013</v>
      </c>
      <c r="H16744" s="1" t="s">
        <v>62014</v>
      </c>
      <c r="I16744" s="1" t="s">
        <v>53800</v>
      </c>
      <c r="J16744" s="1" t="s">
        <v>62044</v>
      </c>
    </row>
    <row r="16745" spans="1:10" x14ac:dyDescent="0.35">
      <c r="A16745" s="1" t="s">
        <v>2199</v>
      </c>
      <c r="B16745" s="1" t="s">
        <v>53796</v>
      </c>
      <c r="C16745" s="1" t="s">
        <v>70</v>
      </c>
      <c r="D16745" s="1" t="s">
        <v>62045</v>
      </c>
      <c r="E16745" s="1" t="s">
        <v>32065</v>
      </c>
      <c r="F16745" s="1" t="s">
        <v>62046</v>
      </c>
      <c r="G16745" s="1" t="s">
        <v>62013</v>
      </c>
      <c r="H16745" s="1" t="s">
        <v>62014</v>
      </c>
      <c r="I16745" s="1" t="s">
        <v>53800</v>
      </c>
      <c r="J16745" s="1" t="s">
        <v>62047</v>
      </c>
    </row>
    <row r="16746" spans="1:10" x14ac:dyDescent="0.35">
      <c r="A16746" s="1" t="s">
        <v>2199</v>
      </c>
      <c r="B16746" s="1" t="s">
        <v>53796</v>
      </c>
      <c r="C16746" s="1" t="s">
        <v>75</v>
      </c>
      <c r="D16746" s="1" t="s">
        <v>62048</v>
      </c>
      <c r="E16746" s="1" t="s">
        <v>41344</v>
      </c>
      <c r="F16746" s="1" t="s">
        <v>62049</v>
      </c>
      <c r="G16746" s="1" t="s">
        <v>62013</v>
      </c>
      <c r="H16746" s="1" t="s">
        <v>62014</v>
      </c>
      <c r="I16746" s="1" t="s">
        <v>53800</v>
      </c>
      <c r="J16746" s="1" t="s">
        <v>62050</v>
      </c>
    </row>
    <row r="16747" spans="1:10" x14ac:dyDescent="0.35">
      <c r="A16747" s="1" t="s">
        <v>2199</v>
      </c>
      <c r="B16747" s="1" t="s">
        <v>53796</v>
      </c>
      <c r="C16747" s="1" t="s">
        <v>80</v>
      </c>
      <c r="D16747" s="1" t="s">
        <v>62051</v>
      </c>
      <c r="E16747" s="1" t="s">
        <v>23425</v>
      </c>
      <c r="F16747" s="1" t="s">
        <v>62052</v>
      </c>
      <c r="G16747" s="1" t="s">
        <v>62013</v>
      </c>
      <c r="H16747" s="1" t="s">
        <v>62014</v>
      </c>
      <c r="I16747" s="1" t="s">
        <v>53800</v>
      </c>
      <c r="J16747" s="1" t="s">
        <v>62053</v>
      </c>
    </row>
    <row r="16748" spans="1:10" x14ac:dyDescent="0.35">
      <c r="A16748" s="1" t="s">
        <v>2199</v>
      </c>
      <c r="B16748" s="1" t="s">
        <v>53796</v>
      </c>
      <c r="C16748" s="1" t="s">
        <v>85</v>
      </c>
      <c r="D16748" s="1" t="s">
        <v>62054</v>
      </c>
      <c r="E16748" s="1" t="s">
        <v>16094</v>
      </c>
      <c r="F16748" s="1" t="s">
        <v>62055</v>
      </c>
      <c r="G16748" s="1" t="s">
        <v>62013</v>
      </c>
      <c r="H16748" s="1" t="s">
        <v>62014</v>
      </c>
      <c r="I16748" s="1" t="s">
        <v>53800</v>
      </c>
      <c r="J16748" s="1" t="s">
        <v>62056</v>
      </c>
    </row>
    <row r="16749" spans="1:10" x14ac:dyDescent="0.35">
      <c r="A16749" s="1" t="s">
        <v>2199</v>
      </c>
      <c r="B16749" s="1" t="s">
        <v>53796</v>
      </c>
      <c r="C16749" s="1" t="s">
        <v>90</v>
      </c>
      <c r="D16749" s="1" t="s">
        <v>62057</v>
      </c>
      <c r="E16749" s="1" t="s">
        <v>15311</v>
      </c>
      <c r="F16749" s="1" t="s">
        <v>62058</v>
      </c>
      <c r="G16749" s="1" t="s">
        <v>62013</v>
      </c>
      <c r="H16749" s="1" t="s">
        <v>62014</v>
      </c>
      <c r="I16749" s="1" t="s">
        <v>53800</v>
      </c>
      <c r="J16749" s="1" t="s">
        <v>62059</v>
      </c>
    </row>
    <row r="16750" spans="1:10" x14ac:dyDescent="0.35">
      <c r="A16750" s="1" t="s">
        <v>2199</v>
      </c>
      <c r="B16750" s="1" t="s">
        <v>53796</v>
      </c>
      <c r="C16750" s="1" t="s">
        <v>95</v>
      </c>
      <c r="D16750" s="1" t="s">
        <v>62060</v>
      </c>
      <c r="E16750" s="1" t="s">
        <v>23183</v>
      </c>
      <c r="F16750" s="1" t="s">
        <v>62061</v>
      </c>
      <c r="G16750" s="1" t="s">
        <v>62013</v>
      </c>
      <c r="H16750" s="1" t="s">
        <v>62014</v>
      </c>
      <c r="I16750" s="1" t="s">
        <v>53800</v>
      </c>
      <c r="J16750" s="1" t="s">
        <v>62062</v>
      </c>
    </row>
    <row r="16751" spans="1:10" x14ac:dyDescent="0.35">
      <c r="A16751" s="1" t="s">
        <v>2199</v>
      </c>
      <c r="B16751" s="1" t="s">
        <v>53796</v>
      </c>
      <c r="C16751" s="1" t="s">
        <v>100</v>
      </c>
      <c r="D16751" s="1" t="s">
        <v>62063</v>
      </c>
      <c r="E16751" s="1" t="s">
        <v>21737</v>
      </c>
      <c r="F16751" s="1" t="s">
        <v>62064</v>
      </c>
      <c r="G16751" s="1" t="s">
        <v>62013</v>
      </c>
      <c r="H16751" s="1" t="s">
        <v>62014</v>
      </c>
      <c r="I16751" s="1" t="s">
        <v>53800</v>
      </c>
      <c r="J16751" s="1" t="s">
        <v>62065</v>
      </c>
    </row>
    <row r="16752" spans="1:10" x14ac:dyDescent="0.35">
      <c r="A16752" s="1" t="s">
        <v>2199</v>
      </c>
      <c r="B16752" s="1" t="s">
        <v>53796</v>
      </c>
      <c r="C16752" s="1" t="s">
        <v>105</v>
      </c>
      <c r="D16752" s="1" t="s">
        <v>62066</v>
      </c>
      <c r="E16752" s="1" t="s">
        <v>15345</v>
      </c>
      <c r="F16752" s="1" t="s">
        <v>62067</v>
      </c>
      <c r="G16752" s="1" t="s">
        <v>62013</v>
      </c>
      <c r="H16752" s="1" t="s">
        <v>62014</v>
      </c>
      <c r="I16752" s="1" t="s">
        <v>53800</v>
      </c>
      <c r="J16752" s="1" t="s">
        <v>62068</v>
      </c>
    </row>
    <row r="16753" spans="1:10" x14ac:dyDescent="0.35">
      <c r="A16753" s="1" t="s">
        <v>2199</v>
      </c>
      <c r="B16753" s="1" t="s">
        <v>53796</v>
      </c>
      <c r="C16753" s="1" t="s">
        <v>110</v>
      </c>
      <c r="D16753" s="1" t="s">
        <v>62069</v>
      </c>
      <c r="E16753" s="1" t="s">
        <v>55133</v>
      </c>
      <c r="F16753" s="1" t="s">
        <v>62070</v>
      </c>
      <c r="G16753" s="1" t="s">
        <v>62013</v>
      </c>
      <c r="H16753" s="1" t="s">
        <v>62014</v>
      </c>
      <c r="I16753" s="1" t="s">
        <v>53800</v>
      </c>
      <c r="J16753" s="1" t="s">
        <v>62071</v>
      </c>
    </row>
    <row r="16754" spans="1:10" x14ac:dyDescent="0.35">
      <c r="A16754" s="1" t="s">
        <v>2199</v>
      </c>
      <c r="B16754" s="1" t="s">
        <v>53796</v>
      </c>
      <c r="C16754" s="1" t="s">
        <v>115</v>
      </c>
      <c r="D16754" s="1" t="s">
        <v>62072</v>
      </c>
      <c r="E16754" s="1" t="s">
        <v>22267</v>
      </c>
      <c r="F16754" s="1" t="s">
        <v>62073</v>
      </c>
      <c r="G16754" s="1" t="s">
        <v>62013</v>
      </c>
      <c r="H16754" s="1" t="s">
        <v>62014</v>
      </c>
      <c r="I16754" s="1" t="s">
        <v>53800</v>
      </c>
      <c r="J16754" s="1" t="s">
        <v>62074</v>
      </c>
    </row>
    <row r="16755" spans="1:10" x14ac:dyDescent="0.35">
      <c r="A16755" s="1" t="s">
        <v>2199</v>
      </c>
      <c r="B16755" s="1" t="s">
        <v>53796</v>
      </c>
      <c r="C16755" s="1" t="s">
        <v>120</v>
      </c>
      <c r="D16755" s="1" t="s">
        <v>62075</v>
      </c>
      <c r="E16755" s="1" t="s">
        <v>41202</v>
      </c>
      <c r="F16755" s="1" t="s">
        <v>62076</v>
      </c>
      <c r="G16755" s="1" t="s">
        <v>62013</v>
      </c>
      <c r="H16755" s="1" t="s">
        <v>62014</v>
      </c>
      <c r="I16755" s="1" t="s">
        <v>53800</v>
      </c>
      <c r="J16755" s="1" t="s">
        <v>62077</v>
      </c>
    </row>
    <row r="16756" spans="1:10" x14ac:dyDescent="0.35">
      <c r="A16756" s="1" t="s">
        <v>2199</v>
      </c>
      <c r="B16756" s="1" t="s">
        <v>53796</v>
      </c>
      <c r="C16756" s="1" t="s">
        <v>125</v>
      </c>
      <c r="D16756" s="1" t="s">
        <v>62078</v>
      </c>
      <c r="E16756" s="1" t="s">
        <v>58546</v>
      </c>
      <c r="F16756" s="1" t="s">
        <v>58479</v>
      </c>
      <c r="G16756" s="1" t="s">
        <v>62013</v>
      </c>
      <c r="H16756" s="1" t="s">
        <v>62014</v>
      </c>
      <c r="I16756" s="1" t="s">
        <v>53800</v>
      </c>
      <c r="J16756" s="1" t="s">
        <v>62079</v>
      </c>
    </row>
    <row r="16757" spans="1:10" x14ac:dyDescent="0.35">
      <c r="A16757" s="1" t="s">
        <v>2199</v>
      </c>
      <c r="B16757" s="1" t="s">
        <v>53796</v>
      </c>
      <c r="C16757" s="1" t="s">
        <v>130</v>
      </c>
      <c r="D16757" s="1" t="s">
        <v>62080</v>
      </c>
      <c r="E16757" s="1" t="s">
        <v>26202</v>
      </c>
      <c r="F16757" s="1" t="s">
        <v>62081</v>
      </c>
      <c r="G16757" s="1" t="s">
        <v>62013</v>
      </c>
      <c r="H16757" s="1" t="s">
        <v>62014</v>
      </c>
      <c r="I16757" s="1" t="s">
        <v>53800</v>
      </c>
      <c r="J16757" s="1" t="s">
        <v>62082</v>
      </c>
    </row>
    <row r="16758" spans="1:10" x14ac:dyDescent="0.35">
      <c r="A16758" s="1" t="s">
        <v>2199</v>
      </c>
      <c r="B16758" s="1" t="s">
        <v>53796</v>
      </c>
      <c r="C16758" s="1" t="s">
        <v>135</v>
      </c>
      <c r="D16758" s="1" t="s">
        <v>62083</v>
      </c>
      <c r="E16758" s="1" t="s">
        <v>54219</v>
      </c>
      <c r="F16758" s="1" t="s">
        <v>62084</v>
      </c>
      <c r="G16758" s="1" t="s">
        <v>62013</v>
      </c>
      <c r="H16758" s="1" t="s">
        <v>62014</v>
      </c>
      <c r="I16758" s="1" t="s">
        <v>53800</v>
      </c>
      <c r="J16758" s="1" t="s">
        <v>62085</v>
      </c>
    </row>
    <row r="16759" spans="1:10" x14ac:dyDescent="0.35">
      <c r="A16759" s="1" t="s">
        <v>2199</v>
      </c>
      <c r="B16759" s="1" t="s">
        <v>53796</v>
      </c>
      <c r="C16759" s="1" t="s">
        <v>140</v>
      </c>
      <c r="D16759" s="1" t="s">
        <v>62086</v>
      </c>
      <c r="E16759" s="1" t="s">
        <v>12798</v>
      </c>
      <c r="F16759" s="1" t="s">
        <v>62087</v>
      </c>
      <c r="G16759" s="1" t="s">
        <v>62013</v>
      </c>
      <c r="H16759" s="1" t="s">
        <v>62014</v>
      </c>
      <c r="I16759" s="1" t="s">
        <v>53800</v>
      </c>
      <c r="J16759" s="1" t="s">
        <v>62088</v>
      </c>
    </row>
    <row r="16760" spans="1:10" x14ac:dyDescent="0.35">
      <c r="A16760" s="1" t="s">
        <v>2199</v>
      </c>
      <c r="B16760" s="1" t="s">
        <v>53796</v>
      </c>
      <c r="C16760" s="1" t="s">
        <v>145</v>
      </c>
      <c r="D16760" s="1" t="s">
        <v>62089</v>
      </c>
      <c r="E16760" s="1" t="s">
        <v>62090</v>
      </c>
      <c r="F16760" s="1" t="s">
        <v>62091</v>
      </c>
      <c r="G16760" s="1" t="s">
        <v>62013</v>
      </c>
      <c r="H16760" s="1" t="s">
        <v>62014</v>
      </c>
      <c r="I16760" s="1" t="s">
        <v>53800</v>
      </c>
      <c r="J16760" s="1" t="s">
        <v>62092</v>
      </c>
    </row>
    <row r="16761" spans="1:10" x14ac:dyDescent="0.35">
      <c r="A16761" s="1" t="s">
        <v>2199</v>
      </c>
      <c r="B16761" s="1" t="s">
        <v>53796</v>
      </c>
      <c r="C16761" s="1" t="s">
        <v>150</v>
      </c>
      <c r="D16761" s="1" t="s">
        <v>62093</v>
      </c>
      <c r="E16761" s="1" t="s">
        <v>24217</v>
      </c>
      <c r="F16761" s="1" t="s">
        <v>62094</v>
      </c>
      <c r="G16761" s="1" t="s">
        <v>62013</v>
      </c>
      <c r="H16761" s="1" t="s">
        <v>62014</v>
      </c>
      <c r="I16761" s="1" t="s">
        <v>53800</v>
      </c>
      <c r="J16761" s="1" t="s">
        <v>62095</v>
      </c>
    </row>
    <row r="16762" spans="1:10" x14ac:dyDescent="0.35">
      <c r="A16762" s="1" t="s">
        <v>2199</v>
      </c>
      <c r="B16762" s="1" t="s">
        <v>53796</v>
      </c>
      <c r="C16762" s="1" t="s">
        <v>155</v>
      </c>
      <c r="D16762" s="1" t="s">
        <v>62096</v>
      </c>
      <c r="E16762" s="1" t="s">
        <v>27097</v>
      </c>
      <c r="F16762" s="1" t="s">
        <v>62097</v>
      </c>
      <c r="G16762" s="1" t="s">
        <v>62013</v>
      </c>
      <c r="H16762" s="1" t="s">
        <v>62014</v>
      </c>
      <c r="I16762" s="1" t="s">
        <v>53800</v>
      </c>
      <c r="J16762" s="1" t="s">
        <v>62098</v>
      </c>
    </row>
    <row r="16763" spans="1:10" x14ac:dyDescent="0.35">
      <c r="A16763" s="1" t="s">
        <v>2199</v>
      </c>
      <c r="B16763" s="1" t="s">
        <v>53796</v>
      </c>
      <c r="C16763" s="1" t="s">
        <v>160</v>
      </c>
      <c r="D16763" s="1" t="s">
        <v>14721</v>
      </c>
      <c r="E16763" s="1" t="s">
        <v>56046</v>
      </c>
      <c r="F16763" s="1" t="s">
        <v>41451</v>
      </c>
      <c r="G16763" s="1" t="s">
        <v>62013</v>
      </c>
      <c r="H16763" s="1" t="s">
        <v>62014</v>
      </c>
      <c r="I16763" s="1" t="s">
        <v>53800</v>
      </c>
      <c r="J16763" s="1" t="s">
        <v>62099</v>
      </c>
    </row>
    <row r="16764" spans="1:10" x14ac:dyDescent="0.35">
      <c r="A16764" s="1" t="s">
        <v>2199</v>
      </c>
      <c r="B16764" s="1" t="s">
        <v>53796</v>
      </c>
      <c r="C16764" s="1" t="s">
        <v>165</v>
      </c>
      <c r="D16764" s="1" t="s">
        <v>62100</v>
      </c>
      <c r="E16764" s="1" t="s">
        <v>12868</v>
      </c>
      <c r="F16764" s="1" t="s">
        <v>62101</v>
      </c>
      <c r="G16764" s="1" t="s">
        <v>62013</v>
      </c>
      <c r="H16764" s="1" t="s">
        <v>62014</v>
      </c>
      <c r="I16764" s="1" t="s">
        <v>53800</v>
      </c>
      <c r="J16764" s="1" t="s">
        <v>62102</v>
      </c>
    </row>
    <row r="16765" spans="1:10" x14ac:dyDescent="0.35">
      <c r="A16765" s="1" t="s">
        <v>2199</v>
      </c>
      <c r="B16765" s="1" t="s">
        <v>53796</v>
      </c>
      <c r="C16765" s="1" t="s">
        <v>170</v>
      </c>
      <c r="D16765" s="1" t="s">
        <v>62103</v>
      </c>
      <c r="E16765" s="1" t="s">
        <v>15424</v>
      </c>
      <c r="F16765" s="1" t="s">
        <v>62104</v>
      </c>
      <c r="G16765" s="1" t="s">
        <v>62013</v>
      </c>
      <c r="H16765" s="1" t="s">
        <v>62014</v>
      </c>
      <c r="I16765" s="1" t="s">
        <v>53800</v>
      </c>
      <c r="J16765" s="1" t="s">
        <v>62105</v>
      </c>
    </row>
    <row r="16766" spans="1:10" x14ac:dyDescent="0.35">
      <c r="A16766" s="1" t="s">
        <v>62106</v>
      </c>
      <c r="B16766" s="1" t="s">
        <v>53796</v>
      </c>
      <c r="C16766" s="1" t="s">
        <v>8</v>
      </c>
      <c r="D16766" s="1" t="s">
        <v>62107</v>
      </c>
      <c r="E16766" s="1" t="s">
        <v>60442</v>
      </c>
      <c r="F16766" s="1" t="s">
        <v>62108</v>
      </c>
      <c r="G16766" s="1" t="s">
        <v>62109</v>
      </c>
      <c r="H16766" s="1" t="s">
        <v>62110</v>
      </c>
      <c r="I16766" s="1" t="s">
        <v>53800</v>
      </c>
      <c r="J16766" s="1" t="s">
        <v>13</v>
      </c>
    </row>
    <row r="16767" spans="1:10" x14ac:dyDescent="0.35">
      <c r="A16767" s="1" t="s">
        <v>62106</v>
      </c>
      <c r="B16767" s="1" t="s">
        <v>53796</v>
      </c>
      <c r="C16767" s="1" t="s">
        <v>15</v>
      </c>
      <c r="D16767" s="1" t="s">
        <v>62111</v>
      </c>
      <c r="E16767" s="1" t="s">
        <v>22044</v>
      </c>
      <c r="F16767" s="1" t="s">
        <v>62112</v>
      </c>
      <c r="G16767" s="1" t="s">
        <v>62109</v>
      </c>
      <c r="H16767" s="1" t="s">
        <v>62110</v>
      </c>
      <c r="I16767" s="1" t="s">
        <v>53800</v>
      </c>
      <c r="J16767" s="1" t="s">
        <v>62113</v>
      </c>
    </row>
    <row r="16768" spans="1:10" x14ac:dyDescent="0.35">
      <c r="A16768" s="1" t="s">
        <v>62106</v>
      </c>
      <c r="B16768" s="1" t="s">
        <v>53796</v>
      </c>
      <c r="C16768" s="1" t="s">
        <v>20</v>
      </c>
      <c r="D16768" s="1" t="s">
        <v>62114</v>
      </c>
      <c r="E16768" s="1" t="s">
        <v>60442</v>
      </c>
      <c r="F16768" s="1" t="s">
        <v>62115</v>
      </c>
      <c r="G16768" s="1" t="s">
        <v>62109</v>
      </c>
      <c r="H16768" s="1" t="s">
        <v>62110</v>
      </c>
      <c r="I16768" s="1" t="s">
        <v>53800</v>
      </c>
      <c r="J16768" s="1" t="s">
        <v>62116</v>
      </c>
    </row>
    <row r="16769" spans="1:10" x14ac:dyDescent="0.35">
      <c r="A16769" s="1" t="s">
        <v>62106</v>
      </c>
      <c r="B16769" s="1" t="s">
        <v>53796</v>
      </c>
      <c r="C16769" s="1" t="s">
        <v>25</v>
      </c>
      <c r="D16769" s="1" t="s">
        <v>62117</v>
      </c>
      <c r="E16769" s="1" t="s">
        <v>23006</v>
      </c>
      <c r="F16769" s="1" t="s">
        <v>31501</v>
      </c>
      <c r="G16769" s="1" t="s">
        <v>62109</v>
      </c>
      <c r="H16769" s="1" t="s">
        <v>62110</v>
      </c>
      <c r="I16769" s="1" t="s">
        <v>53800</v>
      </c>
      <c r="J16769" s="1" t="s">
        <v>62118</v>
      </c>
    </row>
    <row r="16770" spans="1:10" x14ac:dyDescent="0.35">
      <c r="A16770" s="1" t="s">
        <v>62106</v>
      </c>
      <c r="B16770" s="1" t="s">
        <v>53796</v>
      </c>
      <c r="C16770" s="1" t="s">
        <v>30</v>
      </c>
      <c r="D16770" s="1" t="s">
        <v>62119</v>
      </c>
      <c r="E16770" s="1" t="s">
        <v>53834</v>
      </c>
      <c r="F16770" s="1" t="s">
        <v>62120</v>
      </c>
      <c r="G16770" s="1" t="s">
        <v>62109</v>
      </c>
      <c r="H16770" s="1" t="s">
        <v>62110</v>
      </c>
      <c r="I16770" s="1" t="s">
        <v>53800</v>
      </c>
      <c r="J16770" s="1" t="s">
        <v>62121</v>
      </c>
    </row>
    <row r="16771" spans="1:10" x14ac:dyDescent="0.35">
      <c r="A16771" s="1" t="s">
        <v>62106</v>
      </c>
      <c r="B16771" s="1" t="s">
        <v>53796</v>
      </c>
      <c r="C16771" s="1" t="s">
        <v>35</v>
      </c>
      <c r="D16771" s="1" t="s">
        <v>62122</v>
      </c>
      <c r="E16771" s="1" t="s">
        <v>41338</v>
      </c>
      <c r="F16771" s="1" t="s">
        <v>62123</v>
      </c>
      <c r="G16771" s="1" t="s">
        <v>62109</v>
      </c>
      <c r="H16771" s="1" t="s">
        <v>62110</v>
      </c>
      <c r="I16771" s="1" t="s">
        <v>53800</v>
      </c>
      <c r="J16771" s="1" t="s">
        <v>62124</v>
      </c>
    </row>
    <row r="16772" spans="1:10" x14ac:dyDescent="0.35">
      <c r="A16772" s="1" t="s">
        <v>62106</v>
      </c>
      <c r="B16772" s="1" t="s">
        <v>53796</v>
      </c>
      <c r="C16772" s="1" t="s">
        <v>40</v>
      </c>
      <c r="D16772" s="1" t="s">
        <v>62125</v>
      </c>
      <c r="E16772" s="1" t="s">
        <v>22922</v>
      </c>
      <c r="F16772" s="1" t="s">
        <v>60844</v>
      </c>
      <c r="G16772" s="1" t="s">
        <v>62109</v>
      </c>
      <c r="H16772" s="1" t="s">
        <v>62110</v>
      </c>
      <c r="I16772" s="1" t="s">
        <v>53800</v>
      </c>
      <c r="J16772" s="1" t="s">
        <v>62126</v>
      </c>
    </row>
    <row r="16773" spans="1:10" x14ac:dyDescent="0.35">
      <c r="A16773" s="1" t="s">
        <v>62106</v>
      </c>
      <c r="B16773" s="1" t="s">
        <v>53796</v>
      </c>
      <c r="C16773" s="1" t="s">
        <v>45</v>
      </c>
      <c r="D16773" s="1" t="s">
        <v>62127</v>
      </c>
      <c r="E16773" s="1" t="s">
        <v>62042</v>
      </c>
      <c r="F16773" s="1" t="s">
        <v>62128</v>
      </c>
      <c r="G16773" s="1" t="s">
        <v>62109</v>
      </c>
      <c r="H16773" s="1" t="s">
        <v>62110</v>
      </c>
      <c r="I16773" s="1" t="s">
        <v>53800</v>
      </c>
      <c r="J16773" s="1" t="s">
        <v>62129</v>
      </c>
    </row>
    <row r="16774" spans="1:10" x14ac:dyDescent="0.35">
      <c r="A16774" s="1" t="s">
        <v>62106</v>
      </c>
      <c r="B16774" s="1" t="s">
        <v>53796</v>
      </c>
      <c r="C16774" s="1" t="s">
        <v>50</v>
      </c>
      <c r="D16774" s="1" t="s">
        <v>62130</v>
      </c>
      <c r="E16774" s="1" t="s">
        <v>31401</v>
      </c>
      <c r="F16774" s="1" t="s">
        <v>62131</v>
      </c>
      <c r="G16774" s="1" t="s">
        <v>62109</v>
      </c>
      <c r="H16774" s="1" t="s">
        <v>62110</v>
      </c>
      <c r="I16774" s="1" t="s">
        <v>53800</v>
      </c>
      <c r="J16774" s="1" t="s">
        <v>62132</v>
      </c>
    </row>
    <row r="16775" spans="1:10" x14ac:dyDescent="0.35">
      <c r="A16775" s="1" t="s">
        <v>62106</v>
      </c>
      <c r="B16775" s="1" t="s">
        <v>53796</v>
      </c>
      <c r="C16775" s="1" t="s">
        <v>55</v>
      </c>
      <c r="D16775" s="1" t="s">
        <v>62133</v>
      </c>
      <c r="E16775" s="1" t="s">
        <v>54038</v>
      </c>
      <c r="F16775" s="1" t="s">
        <v>62134</v>
      </c>
      <c r="G16775" s="1" t="s">
        <v>62109</v>
      </c>
      <c r="H16775" s="1" t="s">
        <v>62110</v>
      </c>
      <c r="I16775" s="1" t="s">
        <v>53800</v>
      </c>
      <c r="J16775" s="1" t="s">
        <v>62135</v>
      </c>
    </row>
    <row r="16776" spans="1:10" x14ac:dyDescent="0.35">
      <c r="A16776" s="1" t="s">
        <v>62106</v>
      </c>
      <c r="B16776" s="1" t="s">
        <v>53796</v>
      </c>
      <c r="C16776" s="1" t="s">
        <v>60</v>
      </c>
      <c r="D16776" s="1" t="s">
        <v>62136</v>
      </c>
      <c r="E16776" s="1" t="s">
        <v>62137</v>
      </c>
      <c r="F16776" s="1" t="s">
        <v>62138</v>
      </c>
      <c r="G16776" s="1" t="s">
        <v>62109</v>
      </c>
      <c r="H16776" s="1" t="s">
        <v>62110</v>
      </c>
      <c r="I16776" s="1" t="s">
        <v>53800</v>
      </c>
      <c r="J16776" s="1" t="s">
        <v>62139</v>
      </c>
    </row>
    <row r="16777" spans="1:10" x14ac:dyDescent="0.35">
      <c r="A16777" s="1" t="s">
        <v>62106</v>
      </c>
      <c r="B16777" s="1" t="s">
        <v>53796</v>
      </c>
      <c r="C16777" s="1" t="s">
        <v>65</v>
      </c>
      <c r="D16777" s="1" t="s">
        <v>62140</v>
      </c>
      <c r="E16777" s="1" t="s">
        <v>21190</v>
      </c>
      <c r="F16777" s="1" t="s">
        <v>54684</v>
      </c>
      <c r="G16777" s="1" t="s">
        <v>62109</v>
      </c>
      <c r="H16777" s="1" t="s">
        <v>62110</v>
      </c>
      <c r="I16777" s="1" t="s">
        <v>53800</v>
      </c>
      <c r="J16777" s="1" t="s">
        <v>62141</v>
      </c>
    </row>
    <row r="16778" spans="1:10" x14ac:dyDescent="0.35">
      <c r="A16778" s="1" t="s">
        <v>62106</v>
      </c>
      <c r="B16778" s="1" t="s">
        <v>53796</v>
      </c>
      <c r="C16778" s="1" t="s">
        <v>70</v>
      </c>
      <c r="D16778" s="1" t="s">
        <v>62142</v>
      </c>
      <c r="E16778" s="1" t="s">
        <v>12857</v>
      </c>
      <c r="F16778" s="1" t="s">
        <v>62143</v>
      </c>
      <c r="G16778" s="1" t="s">
        <v>62109</v>
      </c>
      <c r="H16778" s="1" t="s">
        <v>62110</v>
      </c>
      <c r="I16778" s="1" t="s">
        <v>53800</v>
      </c>
      <c r="J16778" s="1" t="s">
        <v>62144</v>
      </c>
    </row>
    <row r="16779" spans="1:10" x14ac:dyDescent="0.35">
      <c r="A16779" s="1" t="s">
        <v>62106</v>
      </c>
      <c r="B16779" s="1" t="s">
        <v>53796</v>
      </c>
      <c r="C16779" s="1" t="s">
        <v>75</v>
      </c>
      <c r="D16779" s="1" t="s">
        <v>62145</v>
      </c>
      <c r="E16779" s="1" t="s">
        <v>56345</v>
      </c>
      <c r="F16779" s="1" t="s">
        <v>54824</v>
      </c>
      <c r="G16779" s="1" t="s">
        <v>62109</v>
      </c>
      <c r="H16779" s="1" t="s">
        <v>62110</v>
      </c>
      <c r="I16779" s="1" t="s">
        <v>53800</v>
      </c>
      <c r="J16779" s="1" t="s">
        <v>62146</v>
      </c>
    </row>
    <row r="16780" spans="1:10" x14ac:dyDescent="0.35">
      <c r="A16780" s="1" t="s">
        <v>62106</v>
      </c>
      <c r="B16780" s="1" t="s">
        <v>53796</v>
      </c>
      <c r="C16780" s="1" t="s">
        <v>80</v>
      </c>
      <c r="D16780" s="1" t="s">
        <v>62147</v>
      </c>
      <c r="E16780" s="1" t="s">
        <v>54024</v>
      </c>
      <c r="F16780" s="1" t="s">
        <v>62148</v>
      </c>
      <c r="G16780" s="1" t="s">
        <v>62109</v>
      </c>
      <c r="H16780" s="1" t="s">
        <v>62110</v>
      </c>
      <c r="I16780" s="1" t="s">
        <v>53800</v>
      </c>
      <c r="J16780" s="1" t="s">
        <v>62149</v>
      </c>
    </row>
    <row r="16781" spans="1:10" x14ac:dyDescent="0.35">
      <c r="A16781" s="1" t="s">
        <v>62106</v>
      </c>
      <c r="B16781" s="1" t="s">
        <v>53796</v>
      </c>
      <c r="C16781" s="1" t="s">
        <v>85</v>
      </c>
      <c r="D16781" s="1" t="s">
        <v>62150</v>
      </c>
      <c r="E16781" s="1" t="s">
        <v>22040</v>
      </c>
      <c r="F16781" s="1" t="s">
        <v>62151</v>
      </c>
      <c r="G16781" s="1" t="s">
        <v>62109</v>
      </c>
      <c r="H16781" s="1" t="s">
        <v>62110</v>
      </c>
      <c r="I16781" s="1" t="s">
        <v>53800</v>
      </c>
      <c r="J16781" s="1" t="s">
        <v>62152</v>
      </c>
    </row>
    <row r="16782" spans="1:10" x14ac:dyDescent="0.35">
      <c r="A16782" s="1" t="s">
        <v>62106</v>
      </c>
      <c r="B16782" s="1" t="s">
        <v>53796</v>
      </c>
      <c r="C16782" s="1" t="s">
        <v>90</v>
      </c>
      <c r="D16782" s="1" t="s">
        <v>62153</v>
      </c>
      <c r="E16782" s="1" t="s">
        <v>62154</v>
      </c>
      <c r="F16782" s="1" t="s">
        <v>61456</v>
      </c>
      <c r="G16782" s="1" t="s">
        <v>62109</v>
      </c>
      <c r="H16782" s="1" t="s">
        <v>62110</v>
      </c>
      <c r="I16782" s="1" t="s">
        <v>53800</v>
      </c>
      <c r="J16782" s="1" t="s">
        <v>62155</v>
      </c>
    </row>
    <row r="16783" spans="1:10" x14ac:dyDescent="0.35">
      <c r="A16783" s="1" t="s">
        <v>62106</v>
      </c>
      <c r="B16783" s="1" t="s">
        <v>53796</v>
      </c>
      <c r="C16783" s="1" t="s">
        <v>95</v>
      </c>
      <c r="D16783" s="1" t="s">
        <v>22730</v>
      </c>
      <c r="E16783" s="1" t="s">
        <v>12864</v>
      </c>
      <c r="F16783" s="1" t="s">
        <v>62156</v>
      </c>
      <c r="G16783" s="1" t="s">
        <v>62109</v>
      </c>
      <c r="H16783" s="1" t="s">
        <v>62110</v>
      </c>
      <c r="I16783" s="1" t="s">
        <v>53800</v>
      </c>
      <c r="J16783" s="1" t="s">
        <v>62157</v>
      </c>
    </row>
    <row r="16784" spans="1:10" x14ac:dyDescent="0.35">
      <c r="A16784" s="1" t="s">
        <v>62106</v>
      </c>
      <c r="B16784" s="1" t="s">
        <v>53796</v>
      </c>
      <c r="C16784" s="1" t="s">
        <v>100</v>
      </c>
      <c r="D16784" s="1" t="s">
        <v>62158</v>
      </c>
      <c r="E16784" s="1" t="s">
        <v>55344</v>
      </c>
      <c r="F16784" s="1" t="s">
        <v>62159</v>
      </c>
      <c r="G16784" s="1" t="s">
        <v>62109</v>
      </c>
      <c r="H16784" s="1" t="s">
        <v>62110</v>
      </c>
      <c r="I16784" s="1" t="s">
        <v>53800</v>
      </c>
      <c r="J16784" s="1" t="s">
        <v>62160</v>
      </c>
    </row>
    <row r="16785" spans="1:10" x14ac:dyDescent="0.35">
      <c r="A16785" s="1" t="s">
        <v>62106</v>
      </c>
      <c r="B16785" s="1" t="s">
        <v>53796</v>
      </c>
      <c r="C16785" s="1" t="s">
        <v>105</v>
      </c>
      <c r="D16785" s="1" t="s">
        <v>62161</v>
      </c>
      <c r="E16785" s="1" t="s">
        <v>41442</v>
      </c>
      <c r="F16785" s="1" t="s">
        <v>62162</v>
      </c>
      <c r="G16785" s="1" t="s">
        <v>62109</v>
      </c>
      <c r="H16785" s="1" t="s">
        <v>62110</v>
      </c>
      <c r="I16785" s="1" t="s">
        <v>53800</v>
      </c>
      <c r="J16785" s="1" t="s">
        <v>62163</v>
      </c>
    </row>
    <row r="16786" spans="1:10" x14ac:dyDescent="0.35">
      <c r="A16786" s="1" t="s">
        <v>62106</v>
      </c>
      <c r="B16786" s="1" t="s">
        <v>53796</v>
      </c>
      <c r="C16786" s="1" t="s">
        <v>110</v>
      </c>
      <c r="D16786" s="1" t="s">
        <v>62164</v>
      </c>
      <c r="E16786" s="1" t="s">
        <v>56281</v>
      </c>
      <c r="F16786" s="1" t="s">
        <v>62165</v>
      </c>
      <c r="G16786" s="1" t="s">
        <v>62109</v>
      </c>
      <c r="H16786" s="1" t="s">
        <v>62110</v>
      </c>
      <c r="I16786" s="1" t="s">
        <v>53800</v>
      </c>
      <c r="J16786" s="1" t="s">
        <v>62166</v>
      </c>
    </row>
    <row r="16787" spans="1:10" x14ac:dyDescent="0.35">
      <c r="A16787" s="1" t="s">
        <v>62106</v>
      </c>
      <c r="B16787" s="1" t="s">
        <v>53796</v>
      </c>
      <c r="C16787" s="1" t="s">
        <v>115</v>
      </c>
      <c r="D16787" s="1" t="s">
        <v>62167</v>
      </c>
      <c r="E16787" s="1" t="s">
        <v>54783</v>
      </c>
      <c r="F16787" s="1" t="s">
        <v>62168</v>
      </c>
      <c r="G16787" s="1" t="s">
        <v>62109</v>
      </c>
      <c r="H16787" s="1" t="s">
        <v>62110</v>
      </c>
      <c r="I16787" s="1" t="s">
        <v>53800</v>
      </c>
      <c r="J16787" s="1" t="s">
        <v>62169</v>
      </c>
    </row>
    <row r="16788" spans="1:10" x14ac:dyDescent="0.35">
      <c r="A16788" s="1" t="s">
        <v>62106</v>
      </c>
      <c r="B16788" s="1" t="s">
        <v>53796</v>
      </c>
      <c r="C16788" s="1" t="s">
        <v>120</v>
      </c>
      <c r="D16788" s="1" t="s">
        <v>62170</v>
      </c>
      <c r="E16788" s="1" t="s">
        <v>31397</v>
      </c>
      <c r="F16788" s="1" t="s">
        <v>62171</v>
      </c>
      <c r="G16788" s="1" t="s">
        <v>62109</v>
      </c>
      <c r="H16788" s="1" t="s">
        <v>62110</v>
      </c>
      <c r="I16788" s="1" t="s">
        <v>53800</v>
      </c>
      <c r="J16788" s="1" t="s">
        <v>62172</v>
      </c>
    </row>
    <row r="16789" spans="1:10" x14ac:dyDescent="0.35">
      <c r="A16789" s="1" t="s">
        <v>62106</v>
      </c>
      <c r="B16789" s="1" t="s">
        <v>53796</v>
      </c>
      <c r="C16789" s="1" t="s">
        <v>125</v>
      </c>
      <c r="D16789" s="1" t="s">
        <v>62173</v>
      </c>
      <c r="E16789" s="1" t="s">
        <v>41363</v>
      </c>
      <c r="F16789" s="1" t="s">
        <v>62174</v>
      </c>
      <c r="G16789" s="1" t="s">
        <v>62109</v>
      </c>
      <c r="H16789" s="1" t="s">
        <v>62110</v>
      </c>
      <c r="I16789" s="1" t="s">
        <v>53800</v>
      </c>
      <c r="J16789" s="1" t="s">
        <v>62175</v>
      </c>
    </row>
    <row r="16790" spans="1:10" x14ac:dyDescent="0.35">
      <c r="A16790" s="1" t="s">
        <v>62106</v>
      </c>
      <c r="B16790" s="1" t="s">
        <v>53796</v>
      </c>
      <c r="C16790" s="1" t="s">
        <v>130</v>
      </c>
      <c r="D16790" s="1" t="s">
        <v>62176</v>
      </c>
      <c r="E16790" s="1" t="s">
        <v>31441</v>
      </c>
      <c r="F16790" s="1" t="s">
        <v>62177</v>
      </c>
      <c r="G16790" s="1" t="s">
        <v>62109</v>
      </c>
      <c r="H16790" s="1" t="s">
        <v>62110</v>
      </c>
      <c r="I16790" s="1" t="s">
        <v>53800</v>
      </c>
      <c r="J16790" s="1" t="s">
        <v>62178</v>
      </c>
    </row>
    <row r="16791" spans="1:10" x14ac:dyDescent="0.35">
      <c r="A16791" s="1" t="s">
        <v>62106</v>
      </c>
      <c r="B16791" s="1" t="s">
        <v>53796</v>
      </c>
      <c r="C16791" s="1" t="s">
        <v>135</v>
      </c>
      <c r="D16791" s="1" t="s">
        <v>62179</v>
      </c>
      <c r="E16791" s="1" t="s">
        <v>21834</v>
      </c>
      <c r="F16791" s="1" t="s">
        <v>58040</v>
      </c>
      <c r="G16791" s="1" t="s">
        <v>62109</v>
      </c>
      <c r="H16791" s="1" t="s">
        <v>62110</v>
      </c>
      <c r="I16791" s="1" t="s">
        <v>53800</v>
      </c>
      <c r="J16791" s="1" t="s">
        <v>62180</v>
      </c>
    </row>
    <row r="16792" spans="1:10" x14ac:dyDescent="0.35">
      <c r="A16792" s="1" t="s">
        <v>62106</v>
      </c>
      <c r="B16792" s="1" t="s">
        <v>53796</v>
      </c>
      <c r="C16792" s="1" t="s">
        <v>140</v>
      </c>
      <c r="D16792" s="1" t="s">
        <v>62181</v>
      </c>
      <c r="E16792" s="1" t="s">
        <v>61765</v>
      </c>
      <c r="F16792" s="1" t="s">
        <v>62182</v>
      </c>
      <c r="G16792" s="1" t="s">
        <v>62109</v>
      </c>
      <c r="H16792" s="1" t="s">
        <v>62110</v>
      </c>
      <c r="I16792" s="1" t="s">
        <v>53800</v>
      </c>
      <c r="J16792" s="1" t="s">
        <v>62183</v>
      </c>
    </row>
    <row r="16793" spans="1:10" x14ac:dyDescent="0.35">
      <c r="A16793" s="1" t="s">
        <v>62106</v>
      </c>
      <c r="B16793" s="1" t="s">
        <v>53796</v>
      </c>
      <c r="C16793" s="1" t="s">
        <v>145</v>
      </c>
      <c r="D16793" s="1" t="s">
        <v>62184</v>
      </c>
      <c r="E16793" s="1" t="s">
        <v>23217</v>
      </c>
      <c r="F16793" s="1" t="s">
        <v>62185</v>
      </c>
      <c r="G16793" s="1" t="s">
        <v>62109</v>
      </c>
      <c r="H16793" s="1" t="s">
        <v>62110</v>
      </c>
      <c r="I16793" s="1" t="s">
        <v>53800</v>
      </c>
      <c r="J16793" s="1" t="s">
        <v>62186</v>
      </c>
    </row>
    <row r="16794" spans="1:10" x14ac:dyDescent="0.35">
      <c r="A16794" s="1" t="s">
        <v>62106</v>
      </c>
      <c r="B16794" s="1" t="s">
        <v>53796</v>
      </c>
      <c r="C16794" s="1" t="s">
        <v>150</v>
      </c>
      <c r="D16794" s="1" t="s">
        <v>62187</v>
      </c>
      <c r="E16794" s="1" t="s">
        <v>54634</v>
      </c>
      <c r="F16794" s="1" t="s">
        <v>62188</v>
      </c>
      <c r="G16794" s="1" t="s">
        <v>62109</v>
      </c>
      <c r="H16794" s="1" t="s">
        <v>62110</v>
      </c>
      <c r="I16794" s="1" t="s">
        <v>53800</v>
      </c>
      <c r="J16794" s="1" t="s">
        <v>62189</v>
      </c>
    </row>
    <row r="16795" spans="1:10" x14ac:dyDescent="0.35">
      <c r="A16795" s="1" t="s">
        <v>62106</v>
      </c>
      <c r="B16795" s="1" t="s">
        <v>53796</v>
      </c>
      <c r="C16795" s="1" t="s">
        <v>155</v>
      </c>
      <c r="D16795" s="1" t="s">
        <v>55462</v>
      </c>
      <c r="E16795" s="1" t="s">
        <v>56046</v>
      </c>
      <c r="F16795" s="1" t="s">
        <v>62190</v>
      </c>
      <c r="G16795" s="1" t="s">
        <v>62109</v>
      </c>
      <c r="H16795" s="1" t="s">
        <v>62110</v>
      </c>
      <c r="I16795" s="1" t="s">
        <v>53800</v>
      </c>
      <c r="J16795" s="1" t="s">
        <v>62191</v>
      </c>
    </row>
    <row r="16796" spans="1:10" x14ac:dyDescent="0.35">
      <c r="A16796" s="1" t="s">
        <v>62106</v>
      </c>
      <c r="B16796" s="1" t="s">
        <v>53796</v>
      </c>
      <c r="C16796" s="1" t="s">
        <v>160</v>
      </c>
      <c r="D16796" s="1" t="s">
        <v>62192</v>
      </c>
      <c r="E16796" s="1" t="s">
        <v>31445</v>
      </c>
      <c r="F16796" s="1" t="s">
        <v>62193</v>
      </c>
      <c r="G16796" s="1" t="s">
        <v>62109</v>
      </c>
      <c r="H16796" s="1" t="s">
        <v>62110</v>
      </c>
      <c r="I16796" s="1" t="s">
        <v>53800</v>
      </c>
      <c r="J16796" s="1" t="s">
        <v>62194</v>
      </c>
    </row>
    <row r="16797" spans="1:10" x14ac:dyDescent="0.35">
      <c r="A16797" s="1" t="s">
        <v>62106</v>
      </c>
      <c r="B16797" s="1" t="s">
        <v>53796</v>
      </c>
      <c r="C16797" s="1" t="s">
        <v>165</v>
      </c>
      <c r="D16797" s="1" t="s">
        <v>62195</v>
      </c>
      <c r="E16797" s="1" t="s">
        <v>55586</v>
      </c>
      <c r="F16797" s="1" t="s">
        <v>62196</v>
      </c>
      <c r="G16797" s="1" t="s">
        <v>62109</v>
      </c>
      <c r="H16797" s="1" t="s">
        <v>62110</v>
      </c>
      <c r="I16797" s="1" t="s">
        <v>53800</v>
      </c>
      <c r="J16797" s="1" t="s">
        <v>62197</v>
      </c>
    </row>
    <row r="16798" spans="1:10" x14ac:dyDescent="0.35">
      <c r="A16798" s="1" t="s">
        <v>62106</v>
      </c>
      <c r="B16798" s="1" t="s">
        <v>53796</v>
      </c>
      <c r="C16798" s="1" t="s">
        <v>170</v>
      </c>
      <c r="D16798" s="1" t="s">
        <v>62198</v>
      </c>
      <c r="E16798" s="1" t="s">
        <v>57609</v>
      </c>
      <c r="F16798" s="1" t="s">
        <v>62199</v>
      </c>
      <c r="G16798" s="1" t="s">
        <v>62109</v>
      </c>
      <c r="H16798" s="1" t="s">
        <v>62110</v>
      </c>
      <c r="I16798" s="1" t="s">
        <v>53800</v>
      </c>
      <c r="J16798" s="1" t="s">
        <v>62200</v>
      </c>
    </row>
    <row r="16799" spans="1:10" x14ac:dyDescent="0.35">
      <c r="A16799" s="1" t="s">
        <v>25324</v>
      </c>
      <c r="B16799" s="1" t="s">
        <v>53796</v>
      </c>
      <c r="C16799" s="1" t="s">
        <v>8</v>
      </c>
      <c r="D16799" s="1" t="s">
        <v>62201</v>
      </c>
      <c r="E16799" s="1" t="s">
        <v>23183</v>
      </c>
      <c r="F16799" s="1" t="s">
        <v>62202</v>
      </c>
      <c r="G16799" s="1" t="s">
        <v>62203</v>
      </c>
      <c r="H16799" s="1" t="s">
        <v>62204</v>
      </c>
      <c r="I16799" s="1" t="s">
        <v>53800</v>
      </c>
      <c r="J16799" s="1" t="s">
        <v>13</v>
      </c>
    </row>
    <row r="16800" spans="1:10" x14ac:dyDescent="0.35">
      <c r="A16800" s="1" t="s">
        <v>25324</v>
      </c>
      <c r="B16800" s="1" t="s">
        <v>53796</v>
      </c>
      <c r="C16800" s="1" t="s">
        <v>15</v>
      </c>
      <c r="D16800" s="1" t="s">
        <v>62205</v>
      </c>
      <c r="E16800" s="1" t="s">
        <v>21898</v>
      </c>
      <c r="F16800" s="1" t="s">
        <v>62206</v>
      </c>
      <c r="G16800" s="1" t="s">
        <v>62203</v>
      </c>
      <c r="H16800" s="1" t="s">
        <v>62204</v>
      </c>
      <c r="I16800" s="1" t="s">
        <v>53800</v>
      </c>
      <c r="J16800" s="1" t="s">
        <v>62207</v>
      </c>
    </row>
    <row r="16801" spans="1:10" x14ac:dyDescent="0.35">
      <c r="A16801" s="1" t="s">
        <v>25324</v>
      </c>
      <c r="B16801" s="1" t="s">
        <v>53796</v>
      </c>
      <c r="C16801" s="1" t="s">
        <v>20</v>
      </c>
      <c r="D16801" s="1" t="s">
        <v>62208</v>
      </c>
      <c r="E16801" s="1" t="s">
        <v>60645</v>
      </c>
      <c r="F16801" s="1" t="s">
        <v>62209</v>
      </c>
      <c r="G16801" s="1" t="s">
        <v>62203</v>
      </c>
      <c r="H16801" s="1" t="s">
        <v>62204</v>
      </c>
      <c r="I16801" s="1" t="s">
        <v>53800</v>
      </c>
      <c r="J16801" s="1" t="s">
        <v>62210</v>
      </c>
    </row>
    <row r="16802" spans="1:10" x14ac:dyDescent="0.35">
      <c r="A16802" s="1" t="s">
        <v>25324</v>
      </c>
      <c r="B16802" s="1" t="s">
        <v>53796</v>
      </c>
      <c r="C16802" s="1" t="s">
        <v>25</v>
      </c>
      <c r="D16802" s="1" t="s">
        <v>39225</v>
      </c>
      <c r="E16802" s="1" t="s">
        <v>21182</v>
      </c>
      <c r="F16802" s="1" t="s">
        <v>62211</v>
      </c>
      <c r="G16802" s="1" t="s">
        <v>62203</v>
      </c>
      <c r="H16802" s="1" t="s">
        <v>62204</v>
      </c>
      <c r="I16802" s="1" t="s">
        <v>53800</v>
      </c>
      <c r="J16802" s="1" t="s">
        <v>62212</v>
      </c>
    </row>
    <row r="16803" spans="1:10" x14ac:dyDescent="0.35">
      <c r="A16803" s="1" t="s">
        <v>25324</v>
      </c>
      <c r="B16803" s="1" t="s">
        <v>53796</v>
      </c>
      <c r="C16803" s="1" t="s">
        <v>30</v>
      </c>
      <c r="D16803" s="1" t="s">
        <v>12731</v>
      </c>
      <c r="E16803" s="1" t="s">
        <v>54059</v>
      </c>
      <c r="F16803" s="1" t="s">
        <v>55987</v>
      </c>
      <c r="G16803" s="1" t="s">
        <v>62203</v>
      </c>
      <c r="H16803" s="1" t="s">
        <v>62204</v>
      </c>
      <c r="I16803" s="1" t="s">
        <v>53800</v>
      </c>
      <c r="J16803" s="1" t="s">
        <v>62213</v>
      </c>
    </row>
    <row r="16804" spans="1:10" x14ac:dyDescent="0.35">
      <c r="A16804" s="1" t="s">
        <v>25324</v>
      </c>
      <c r="B16804" s="1" t="s">
        <v>53796</v>
      </c>
      <c r="C16804" s="1" t="s">
        <v>35</v>
      </c>
      <c r="D16804" s="1" t="s">
        <v>62214</v>
      </c>
      <c r="E16804" s="1" t="s">
        <v>21186</v>
      </c>
      <c r="F16804" s="1" t="s">
        <v>62215</v>
      </c>
      <c r="G16804" s="1" t="s">
        <v>62203</v>
      </c>
      <c r="H16804" s="1" t="s">
        <v>62204</v>
      </c>
      <c r="I16804" s="1" t="s">
        <v>53800</v>
      </c>
      <c r="J16804" s="1" t="s">
        <v>62216</v>
      </c>
    </row>
    <row r="16805" spans="1:10" x14ac:dyDescent="0.35">
      <c r="A16805" s="1" t="s">
        <v>25324</v>
      </c>
      <c r="B16805" s="1" t="s">
        <v>53796</v>
      </c>
      <c r="C16805" s="1" t="s">
        <v>40</v>
      </c>
      <c r="D16805" s="1" t="s">
        <v>62217</v>
      </c>
      <c r="E16805" s="1" t="s">
        <v>62218</v>
      </c>
      <c r="F16805" s="1" t="s">
        <v>62219</v>
      </c>
      <c r="G16805" s="1" t="s">
        <v>62203</v>
      </c>
      <c r="H16805" s="1" t="s">
        <v>62204</v>
      </c>
      <c r="I16805" s="1" t="s">
        <v>53800</v>
      </c>
      <c r="J16805" s="1" t="s">
        <v>62220</v>
      </c>
    </row>
    <row r="16806" spans="1:10" x14ac:dyDescent="0.35">
      <c r="A16806" s="1" t="s">
        <v>25324</v>
      </c>
      <c r="B16806" s="1" t="s">
        <v>53796</v>
      </c>
      <c r="C16806" s="1" t="s">
        <v>45</v>
      </c>
      <c r="D16806" s="1" t="s">
        <v>22323</v>
      </c>
      <c r="E16806" s="1" t="s">
        <v>62221</v>
      </c>
      <c r="F16806" s="1" t="s">
        <v>62222</v>
      </c>
      <c r="G16806" s="1" t="s">
        <v>62203</v>
      </c>
      <c r="H16806" s="1" t="s">
        <v>62204</v>
      </c>
      <c r="I16806" s="1" t="s">
        <v>53800</v>
      </c>
      <c r="J16806" s="1" t="s">
        <v>62223</v>
      </c>
    </row>
    <row r="16807" spans="1:10" x14ac:dyDescent="0.35">
      <c r="A16807" s="1" t="s">
        <v>25324</v>
      </c>
      <c r="B16807" s="1" t="s">
        <v>53796</v>
      </c>
      <c r="C16807" s="1" t="s">
        <v>50</v>
      </c>
      <c r="D16807" s="1" t="s">
        <v>61009</v>
      </c>
      <c r="E16807" s="1" t="s">
        <v>54095</v>
      </c>
      <c r="F16807" s="1" t="s">
        <v>62224</v>
      </c>
      <c r="G16807" s="1" t="s">
        <v>62203</v>
      </c>
      <c r="H16807" s="1" t="s">
        <v>62204</v>
      </c>
      <c r="I16807" s="1" t="s">
        <v>53800</v>
      </c>
      <c r="J16807" s="1" t="s">
        <v>62225</v>
      </c>
    </row>
    <row r="16808" spans="1:10" x14ac:dyDescent="0.35">
      <c r="A16808" s="1" t="s">
        <v>25324</v>
      </c>
      <c r="B16808" s="1" t="s">
        <v>53796</v>
      </c>
      <c r="C16808" s="1" t="s">
        <v>55</v>
      </c>
      <c r="D16808" s="1" t="s">
        <v>62226</v>
      </c>
      <c r="E16808" s="1" t="s">
        <v>31368</v>
      </c>
      <c r="F16808" s="1" t="s">
        <v>62227</v>
      </c>
      <c r="G16808" s="1" t="s">
        <v>62203</v>
      </c>
      <c r="H16808" s="1" t="s">
        <v>62204</v>
      </c>
      <c r="I16808" s="1" t="s">
        <v>53800</v>
      </c>
      <c r="J16808" s="1" t="s">
        <v>62228</v>
      </c>
    </row>
    <row r="16809" spans="1:10" x14ac:dyDescent="0.35">
      <c r="A16809" s="1" t="s">
        <v>25324</v>
      </c>
      <c r="B16809" s="1" t="s">
        <v>53796</v>
      </c>
      <c r="C16809" s="1" t="s">
        <v>60</v>
      </c>
      <c r="D16809" s="1" t="s">
        <v>62229</v>
      </c>
      <c r="E16809" s="1" t="s">
        <v>62230</v>
      </c>
      <c r="F16809" s="1" t="s">
        <v>62231</v>
      </c>
      <c r="G16809" s="1" t="s">
        <v>62203</v>
      </c>
      <c r="H16809" s="1" t="s">
        <v>62204</v>
      </c>
      <c r="I16809" s="1" t="s">
        <v>53800</v>
      </c>
      <c r="J16809" s="1" t="s">
        <v>62232</v>
      </c>
    </row>
    <row r="16810" spans="1:10" x14ac:dyDescent="0.35">
      <c r="A16810" s="1" t="s">
        <v>25324</v>
      </c>
      <c r="B16810" s="1" t="s">
        <v>53796</v>
      </c>
      <c r="C16810" s="1" t="s">
        <v>65</v>
      </c>
      <c r="D16810" s="1" t="s">
        <v>62233</v>
      </c>
      <c r="E16810" s="1" t="s">
        <v>24178</v>
      </c>
      <c r="F16810" s="1" t="s">
        <v>62234</v>
      </c>
      <c r="G16810" s="1" t="s">
        <v>62203</v>
      </c>
      <c r="H16810" s="1" t="s">
        <v>62204</v>
      </c>
      <c r="I16810" s="1" t="s">
        <v>53800</v>
      </c>
      <c r="J16810" s="1" t="s">
        <v>62235</v>
      </c>
    </row>
    <row r="16811" spans="1:10" x14ac:dyDescent="0.35">
      <c r="A16811" s="1" t="s">
        <v>25324</v>
      </c>
      <c r="B16811" s="1" t="s">
        <v>53796</v>
      </c>
      <c r="C16811" s="1" t="s">
        <v>70</v>
      </c>
      <c r="D16811" s="1" t="s">
        <v>62236</v>
      </c>
      <c r="E16811" s="1" t="s">
        <v>41202</v>
      </c>
      <c r="F16811" s="1" t="s">
        <v>62237</v>
      </c>
      <c r="G16811" s="1" t="s">
        <v>62203</v>
      </c>
      <c r="H16811" s="1" t="s">
        <v>62204</v>
      </c>
      <c r="I16811" s="1" t="s">
        <v>53800</v>
      </c>
      <c r="J16811" s="1" t="s">
        <v>62238</v>
      </c>
    </row>
    <row r="16812" spans="1:10" x14ac:dyDescent="0.35">
      <c r="A16812" s="1" t="s">
        <v>25324</v>
      </c>
      <c r="B16812" s="1" t="s">
        <v>53796</v>
      </c>
      <c r="C16812" s="1" t="s">
        <v>75</v>
      </c>
      <c r="D16812" s="1" t="s">
        <v>56366</v>
      </c>
      <c r="E16812" s="1" t="s">
        <v>41298</v>
      </c>
      <c r="F16812" s="1" t="s">
        <v>62239</v>
      </c>
      <c r="G16812" s="1" t="s">
        <v>62203</v>
      </c>
      <c r="H16812" s="1" t="s">
        <v>62204</v>
      </c>
      <c r="I16812" s="1" t="s">
        <v>53800</v>
      </c>
      <c r="J16812" s="1" t="s">
        <v>62240</v>
      </c>
    </row>
    <row r="16813" spans="1:10" x14ac:dyDescent="0.35">
      <c r="A16813" s="1" t="s">
        <v>25324</v>
      </c>
      <c r="B16813" s="1" t="s">
        <v>53796</v>
      </c>
      <c r="C16813" s="1" t="s">
        <v>80</v>
      </c>
      <c r="D16813" s="1" t="s">
        <v>62241</v>
      </c>
      <c r="E16813" s="1" t="s">
        <v>53825</v>
      </c>
      <c r="F16813" s="1" t="s">
        <v>62242</v>
      </c>
      <c r="G16813" s="1" t="s">
        <v>62203</v>
      </c>
      <c r="H16813" s="1" t="s">
        <v>62204</v>
      </c>
      <c r="I16813" s="1" t="s">
        <v>53800</v>
      </c>
      <c r="J16813" s="1" t="s">
        <v>62243</v>
      </c>
    </row>
    <row r="16814" spans="1:10" x14ac:dyDescent="0.35">
      <c r="A16814" s="1" t="s">
        <v>25324</v>
      </c>
      <c r="B16814" s="1" t="s">
        <v>53796</v>
      </c>
      <c r="C16814" s="1" t="s">
        <v>85</v>
      </c>
      <c r="D16814" s="1" t="s">
        <v>62244</v>
      </c>
      <c r="E16814" s="1" t="s">
        <v>41287</v>
      </c>
      <c r="F16814" s="1" t="s">
        <v>62245</v>
      </c>
      <c r="G16814" s="1" t="s">
        <v>62203</v>
      </c>
      <c r="H16814" s="1" t="s">
        <v>62204</v>
      </c>
      <c r="I16814" s="1" t="s">
        <v>53800</v>
      </c>
      <c r="J16814" s="1" t="s">
        <v>62246</v>
      </c>
    </row>
    <row r="16815" spans="1:10" x14ac:dyDescent="0.35">
      <c r="A16815" s="1" t="s">
        <v>25324</v>
      </c>
      <c r="B16815" s="1" t="s">
        <v>53796</v>
      </c>
      <c r="C16815" s="1" t="s">
        <v>90</v>
      </c>
      <c r="D16815" s="1" t="s">
        <v>62247</v>
      </c>
      <c r="E16815" s="1" t="s">
        <v>54219</v>
      </c>
      <c r="F16815" s="1" t="s">
        <v>62248</v>
      </c>
      <c r="G16815" s="1" t="s">
        <v>62203</v>
      </c>
      <c r="H16815" s="1" t="s">
        <v>62204</v>
      </c>
      <c r="I16815" s="1" t="s">
        <v>53800</v>
      </c>
      <c r="J16815" s="1" t="s">
        <v>62249</v>
      </c>
    </row>
    <row r="16816" spans="1:10" x14ac:dyDescent="0.35">
      <c r="A16816" s="1" t="s">
        <v>25324</v>
      </c>
      <c r="B16816" s="1" t="s">
        <v>53796</v>
      </c>
      <c r="C16816" s="1" t="s">
        <v>95</v>
      </c>
      <c r="D16816" s="1" t="s">
        <v>62250</v>
      </c>
      <c r="E16816" s="1" t="s">
        <v>23248</v>
      </c>
      <c r="F16816" s="1" t="s">
        <v>62251</v>
      </c>
      <c r="G16816" s="1" t="s">
        <v>62203</v>
      </c>
      <c r="H16816" s="1" t="s">
        <v>62204</v>
      </c>
      <c r="I16816" s="1" t="s">
        <v>53800</v>
      </c>
      <c r="J16816" s="1" t="s">
        <v>62252</v>
      </c>
    </row>
    <row r="16817" spans="1:10" x14ac:dyDescent="0.35">
      <c r="A16817" s="1" t="s">
        <v>25324</v>
      </c>
      <c r="B16817" s="1" t="s">
        <v>53796</v>
      </c>
      <c r="C16817" s="1" t="s">
        <v>100</v>
      </c>
      <c r="D16817" s="1" t="s">
        <v>62253</v>
      </c>
      <c r="E16817" s="1" t="s">
        <v>53825</v>
      </c>
      <c r="F16817" s="1" t="s">
        <v>62254</v>
      </c>
      <c r="G16817" s="1" t="s">
        <v>62203</v>
      </c>
      <c r="H16817" s="1" t="s">
        <v>62204</v>
      </c>
      <c r="I16817" s="1" t="s">
        <v>53800</v>
      </c>
      <c r="J16817" s="1" t="s">
        <v>62255</v>
      </c>
    </row>
    <row r="16818" spans="1:10" x14ac:dyDescent="0.35">
      <c r="A16818" s="1" t="s">
        <v>25324</v>
      </c>
      <c r="B16818" s="1" t="s">
        <v>53796</v>
      </c>
      <c r="C16818" s="1" t="s">
        <v>105</v>
      </c>
      <c r="D16818" s="1" t="s">
        <v>62256</v>
      </c>
      <c r="E16818" s="1" t="s">
        <v>58497</v>
      </c>
      <c r="F16818" s="1" t="s">
        <v>31877</v>
      </c>
      <c r="G16818" s="1" t="s">
        <v>62203</v>
      </c>
      <c r="H16818" s="1" t="s">
        <v>62204</v>
      </c>
      <c r="I16818" s="1" t="s">
        <v>53800</v>
      </c>
      <c r="J16818" s="1" t="s">
        <v>62257</v>
      </c>
    </row>
    <row r="16819" spans="1:10" x14ac:dyDescent="0.35">
      <c r="A16819" s="1" t="s">
        <v>25324</v>
      </c>
      <c r="B16819" s="1" t="s">
        <v>53796</v>
      </c>
      <c r="C16819" s="1" t="s">
        <v>110</v>
      </c>
      <c r="D16819" s="1" t="s">
        <v>62258</v>
      </c>
      <c r="E16819" s="1" t="s">
        <v>24343</v>
      </c>
      <c r="F16819" s="1" t="s">
        <v>62259</v>
      </c>
      <c r="G16819" s="1" t="s">
        <v>62203</v>
      </c>
      <c r="H16819" s="1" t="s">
        <v>62204</v>
      </c>
      <c r="I16819" s="1" t="s">
        <v>53800</v>
      </c>
      <c r="J16819" s="1" t="s">
        <v>62260</v>
      </c>
    </row>
    <row r="16820" spans="1:10" x14ac:dyDescent="0.35">
      <c r="A16820" s="1" t="s">
        <v>25324</v>
      </c>
      <c r="B16820" s="1" t="s">
        <v>53796</v>
      </c>
      <c r="C16820" s="1" t="s">
        <v>115</v>
      </c>
      <c r="D16820" s="1" t="s">
        <v>62261</v>
      </c>
      <c r="E16820" s="1" t="s">
        <v>12879</v>
      </c>
      <c r="F16820" s="1" t="s">
        <v>62262</v>
      </c>
      <c r="G16820" s="1" t="s">
        <v>62203</v>
      </c>
      <c r="H16820" s="1" t="s">
        <v>62204</v>
      </c>
      <c r="I16820" s="1" t="s">
        <v>53800</v>
      </c>
      <c r="J16820" s="1" t="s">
        <v>62263</v>
      </c>
    </row>
    <row r="16821" spans="1:10" x14ac:dyDescent="0.35">
      <c r="A16821" s="1" t="s">
        <v>25324</v>
      </c>
      <c r="B16821" s="1" t="s">
        <v>53796</v>
      </c>
      <c r="C16821" s="1" t="s">
        <v>120</v>
      </c>
      <c r="D16821" s="1" t="s">
        <v>62264</v>
      </c>
      <c r="E16821" s="1" t="s">
        <v>24229</v>
      </c>
      <c r="F16821" s="1" t="s">
        <v>62265</v>
      </c>
      <c r="G16821" s="1" t="s">
        <v>62203</v>
      </c>
      <c r="H16821" s="1" t="s">
        <v>62204</v>
      </c>
      <c r="I16821" s="1" t="s">
        <v>53800</v>
      </c>
      <c r="J16821" s="1" t="s">
        <v>62266</v>
      </c>
    </row>
    <row r="16822" spans="1:10" x14ac:dyDescent="0.35">
      <c r="A16822" s="1" t="s">
        <v>25324</v>
      </c>
      <c r="B16822" s="1" t="s">
        <v>53796</v>
      </c>
      <c r="C16822" s="1" t="s">
        <v>125</v>
      </c>
      <c r="D16822" s="1" t="s">
        <v>62267</v>
      </c>
      <c r="E16822" s="1" t="s">
        <v>54024</v>
      </c>
      <c r="F16822" s="1" t="s">
        <v>62268</v>
      </c>
      <c r="G16822" s="1" t="s">
        <v>62203</v>
      </c>
      <c r="H16822" s="1" t="s">
        <v>62204</v>
      </c>
      <c r="I16822" s="1" t="s">
        <v>53800</v>
      </c>
      <c r="J16822" s="1" t="s">
        <v>62269</v>
      </c>
    </row>
    <row r="16823" spans="1:10" x14ac:dyDescent="0.35">
      <c r="A16823" s="1" t="s">
        <v>25324</v>
      </c>
      <c r="B16823" s="1" t="s">
        <v>53796</v>
      </c>
      <c r="C16823" s="1" t="s">
        <v>130</v>
      </c>
      <c r="D16823" s="1" t="s">
        <v>62270</v>
      </c>
      <c r="E16823" s="1" t="s">
        <v>27126</v>
      </c>
      <c r="F16823" s="1" t="s">
        <v>62271</v>
      </c>
      <c r="G16823" s="1" t="s">
        <v>62203</v>
      </c>
      <c r="H16823" s="1" t="s">
        <v>62204</v>
      </c>
      <c r="I16823" s="1" t="s">
        <v>53800</v>
      </c>
      <c r="J16823" s="1" t="s">
        <v>62272</v>
      </c>
    </row>
    <row r="16824" spans="1:10" x14ac:dyDescent="0.35">
      <c r="A16824" s="1" t="s">
        <v>25324</v>
      </c>
      <c r="B16824" s="1" t="s">
        <v>53796</v>
      </c>
      <c r="C16824" s="1" t="s">
        <v>135</v>
      </c>
      <c r="D16824" s="1" t="s">
        <v>62273</v>
      </c>
      <c r="E16824" s="1" t="s">
        <v>56202</v>
      </c>
      <c r="F16824" s="1" t="s">
        <v>62274</v>
      </c>
      <c r="G16824" s="1" t="s">
        <v>62203</v>
      </c>
      <c r="H16824" s="1" t="s">
        <v>62204</v>
      </c>
      <c r="I16824" s="1" t="s">
        <v>53800</v>
      </c>
      <c r="J16824" s="1" t="s">
        <v>62275</v>
      </c>
    </row>
    <row r="16825" spans="1:10" x14ac:dyDescent="0.35">
      <c r="A16825" s="1" t="s">
        <v>25324</v>
      </c>
      <c r="B16825" s="1" t="s">
        <v>53796</v>
      </c>
      <c r="C16825" s="1" t="s">
        <v>140</v>
      </c>
      <c r="D16825" s="1" t="s">
        <v>62276</v>
      </c>
      <c r="E16825" s="1" t="s">
        <v>24246</v>
      </c>
      <c r="F16825" s="1" t="s">
        <v>57973</v>
      </c>
      <c r="G16825" s="1" t="s">
        <v>62203</v>
      </c>
      <c r="H16825" s="1" t="s">
        <v>62204</v>
      </c>
      <c r="I16825" s="1" t="s">
        <v>53800</v>
      </c>
      <c r="J16825" s="1" t="s">
        <v>62277</v>
      </c>
    </row>
    <row r="16826" spans="1:10" x14ac:dyDescent="0.35">
      <c r="A16826" s="1" t="s">
        <v>25324</v>
      </c>
      <c r="B16826" s="1" t="s">
        <v>53796</v>
      </c>
      <c r="C16826" s="1" t="s">
        <v>145</v>
      </c>
      <c r="D16826" s="1" t="s">
        <v>62278</v>
      </c>
      <c r="E16826" s="1" t="s">
        <v>56254</v>
      </c>
      <c r="F16826" s="1" t="s">
        <v>62279</v>
      </c>
      <c r="G16826" s="1" t="s">
        <v>62203</v>
      </c>
      <c r="H16826" s="1" t="s">
        <v>62204</v>
      </c>
      <c r="I16826" s="1" t="s">
        <v>53800</v>
      </c>
      <c r="J16826" s="1" t="s">
        <v>62280</v>
      </c>
    </row>
    <row r="16827" spans="1:10" x14ac:dyDescent="0.35">
      <c r="A16827" s="1" t="s">
        <v>25324</v>
      </c>
      <c r="B16827" s="1" t="s">
        <v>53796</v>
      </c>
      <c r="C16827" s="1" t="s">
        <v>150</v>
      </c>
      <c r="D16827" s="1" t="s">
        <v>62281</v>
      </c>
      <c r="E16827" s="1" t="s">
        <v>54103</v>
      </c>
      <c r="F16827" s="1" t="s">
        <v>62282</v>
      </c>
      <c r="G16827" s="1" t="s">
        <v>62203</v>
      </c>
      <c r="H16827" s="1" t="s">
        <v>62204</v>
      </c>
      <c r="I16827" s="1" t="s">
        <v>53800</v>
      </c>
      <c r="J16827" s="1" t="s">
        <v>62283</v>
      </c>
    </row>
    <row r="16828" spans="1:10" x14ac:dyDescent="0.35">
      <c r="A16828" s="1" t="s">
        <v>25324</v>
      </c>
      <c r="B16828" s="1" t="s">
        <v>53796</v>
      </c>
      <c r="C16828" s="1" t="s">
        <v>155</v>
      </c>
      <c r="D16828" s="1" t="s">
        <v>62284</v>
      </c>
      <c r="E16828" s="1" t="s">
        <v>16157</v>
      </c>
      <c r="F16828" s="1" t="s">
        <v>62285</v>
      </c>
      <c r="G16828" s="1" t="s">
        <v>62203</v>
      </c>
      <c r="H16828" s="1" t="s">
        <v>62204</v>
      </c>
      <c r="I16828" s="1" t="s">
        <v>53800</v>
      </c>
      <c r="J16828" s="1" t="s">
        <v>62286</v>
      </c>
    </row>
    <row r="16829" spans="1:10" x14ac:dyDescent="0.35">
      <c r="A16829" s="1" t="s">
        <v>25324</v>
      </c>
      <c r="B16829" s="1" t="s">
        <v>53796</v>
      </c>
      <c r="C16829" s="1" t="s">
        <v>160</v>
      </c>
      <c r="D16829" s="1" t="s">
        <v>62287</v>
      </c>
      <c r="E16829" s="1" t="s">
        <v>23468</v>
      </c>
      <c r="F16829" s="1" t="s">
        <v>62288</v>
      </c>
      <c r="G16829" s="1" t="s">
        <v>62203</v>
      </c>
      <c r="H16829" s="1" t="s">
        <v>62204</v>
      </c>
      <c r="I16829" s="1" t="s">
        <v>53800</v>
      </c>
      <c r="J16829" s="1" t="s">
        <v>62289</v>
      </c>
    </row>
    <row r="16830" spans="1:10" x14ac:dyDescent="0.35">
      <c r="A16830" s="1" t="s">
        <v>25324</v>
      </c>
      <c r="B16830" s="1" t="s">
        <v>53796</v>
      </c>
      <c r="C16830" s="1" t="s">
        <v>165</v>
      </c>
      <c r="D16830" s="1" t="s">
        <v>62290</v>
      </c>
      <c r="E16830" s="1" t="s">
        <v>24246</v>
      </c>
      <c r="F16830" s="1" t="s">
        <v>62291</v>
      </c>
      <c r="G16830" s="1" t="s">
        <v>62203</v>
      </c>
      <c r="H16830" s="1" t="s">
        <v>62204</v>
      </c>
      <c r="I16830" s="1" t="s">
        <v>53800</v>
      </c>
      <c r="J16830" s="1" t="s">
        <v>62292</v>
      </c>
    </row>
    <row r="16831" spans="1:10" x14ac:dyDescent="0.35">
      <c r="A16831" s="1" t="s">
        <v>25324</v>
      </c>
      <c r="B16831" s="1" t="s">
        <v>53796</v>
      </c>
      <c r="C16831" s="1" t="s">
        <v>170</v>
      </c>
      <c r="D16831" s="1" t="s">
        <v>62293</v>
      </c>
      <c r="E16831" s="1" t="s">
        <v>26539</v>
      </c>
      <c r="F16831" s="1" t="s">
        <v>53953</v>
      </c>
      <c r="G16831" s="1" t="s">
        <v>62203</v>
      </c>
      <c r="H16831" s="1" t="s">
        <v>62204</v>
      </c>
      <c r="I16831" s="1" t="s">
        <v>53800</v>
      </c>
      <c r="J16831" s="1" t="s">
        <v>62294</v>
      </c>
    </row>
    <row r="16832" spans="1:10" x14ac:dyDescent="0.35">
      <c r="A16832" s="1" t="s">
        <v>62295</v>
      </c>
      <c r="B16832" s="1" t="s">
        <v>53796</v>
      </c>
      <c r="C16832" s="1" t="s">
        <v>8</v>
      </c>
      <c r="D16832" s="1" t="s">
        <v>62296</v>
      </c>
      <c r="E16832" s="1" t="s">
        <v>62297</v>
      </c>
      <c r="F16832" s="1" t="s">
        <v>62298</v>
      </c>
      <c r="G16832" s="1" t="s">
        <v>62299</v>
      </c>
      <c r="H16832" s="1" t="s">
        <v>62300</v>
      </c>
      <c r="I16832" s="1" t="s">
        <v>53800</v>
      </c>
      <c r="J16832" s="1" t="s">
        <v>13</v>
      </c>
    </row>
    <row r="16833" spans="1:10" x14ac:dyDescent="0.35">
      <c r="A16833" s="1" t="s">
        <v>62295</v>
      </c>
      <c r="B16833" s="1" t="s">
        <v>53796</v>
      </c>
      <c r="C16833" s="1" t="s">
        <v>15</v>
      </c>
      <c r="D16833" s="1" t="s">
        <v>62301</v>
      </c>
      <c r="E16833" s="1" t="s">
        <v>62302</v>
      </c>
      <c r="F16833" s="1" t="s">
        <v>62303</v>
      </c>
      <c r="G16833" s="1" t="s">
        <v>62299</v>
      </c>
      <c r="H16833" s="1" t="s">
        <v>62300</v>
      </c>
      <c r="I16833" s="1" t="s">
        <v>53800</v>
      </c>
      <c r="J16833" s="1" t="s">
        <v>62304</v>
      </c>
    </row>
    <row r="16834" spans="1:10" x14ac:dyDescent="0.35">
      <c r="A16834" s="1" t="s">
        <v>62295</v>
      </c>
      <c r="B16834" s="1" t="s">
        <v>53796</v>
      </c>
      <c r="C16834" s="1" t="s">
        <v>20</v>
      </c>
      <c r="D16834" s="1" t="s">
        <v>62305</v>
      </c>
      <c r="E16834" s="1" t="s">
        <v>62306</v>
      </c>
      <c r="F16834" s="1" t="s">
        <v>62307</v>
      </c>
      <c r="G16834" s="1" t="s">
        <v>62299</v>
      </c>
      <c r="H16834" s="1" t="s">
        <v>62300</v>
      </c>
      <c r="I16834" s="1" t="s">
        <v>53800</v>
      </c>
      <c r="J16834" s="1" t="s">
        <v>62308</v>
      </c>
    </row>
    <row r="16835" spans="1:10" x14ac:dyDescent="0.35">
      <c r="A16835" s="1" t="s">
        <v>62295</v>
      </c>
      <c r="B16835" s="1" t="s">
        <v>53796</v>
      </c>
      <c r="C16835" s="1" t="s">
        <v>25</v>
      </c>
      <c r="D16835" s="1" t="s">
        <v>62309</v>
      </c>
      <c r="E16835" s="1" t="s">
        <v>62310</v>
      </c>
      <c r="F16835" s="1" t="s">
        <v>62311</v>
      </c>
      <c r="G16835" s="1" t="s">
        <v>62299</v>
      </c>
      <c r="H16835" s="1" t="s">
        <v>62300</v>
      </c>
      <c r="I16835" s="1" t="s">
        <v>53800</v>
      </c>
      <c r="J16835" s="1" t="s">
        <v>62312</v>
      </c>
    </row>
    <row r="16836" spans="1:10" x14ac:dyDescent="0.35">
      <c r="A16836" s="1" t="s">
        <v>62295</v>
      </c>
      <c r="B16836" s="1" t="s">
        <v>53796</v>
      </c>
      <c r="C16836" s="1" t="s">
        <v>30</v>
      </c>
      <c r="D16836" s="1" t="s">
        <v>62313</v>
      </c>
      <c r="E16836" s="1" t="s">
        <v>62314</v>
      </c>
      <c r="F16836" s="1" t="s">
        <v>62315</v>
      </c>
      <c r="G16836" s="1" t="s">
        <v>62299</v>
      </c>
      <c r="H16836" s="1" t="s">
        <v>62300</v>
      </c>
      <c r="I16836" s="1" t="s">
        <v>53800</v>
      </c>
      <c r="J16836" s="1" t="s">
        <v>62316</v>
      </c>
    </row>
    <row r="16837" spans="1:10" x14ac:dyDescent="0.35">
      <c r="A16837" s="1" t="s">
        <v>62295</v>
      </c>
      <c r="B16837" s="1" t="s">
        <v>53796</v>
      </c>
      <c r="C16837" s="1" t="s">
        <v>35</v>
      </c>
      <c r="D16837" s="1" t="s">
        <v>62317</v>
      </c>
      <c r="E16837" s="1" t="s">
        <v>62318</v>
      </c>
      <c r="F16837" s="1" t="s">
        <v>62319</v>
      </c>
      <c r="G16837" s="1" t="s">
        <v>62299</v>
      </c>
      <c r="H16837" s="1" t="s">
        <v>62300</v>
      </c>
      <c r="I16837" s="1" t="s">
        <v>53800</v>
      </c>
      <c r="J16837" s="1" t="s">
        <v>62320</v>
      </c>
    </row>
    <row r="16838" spans="1:10" x14ac:dyDescent="0.35">
      <c r="A16838" s="1" t="s">
        <v>62295</v>
      </c>
      <c r="B16838" s="1" t="s">
        <v>53796</v>
      </c>
      <c r="C16838" s="1" t="s">
        <v>40</v>
      </c>
      <c r="D16838" s="1" t="s">
        <v>62321</v>
      </c>
      <c r="E16838" s="1" t="s">
        <v>62322</v>
      </c>
      <c r="F16838" s="1" t="s">
        <v>62323</v>
      </c>
      <c r="G16838" s="1" t="s">
        <v>62299</v>
      </c>
      <c r="H16838" s="1" t="s">
        <v>62300</v>
      </c>
      <c r="I16838" s="1" t="s">
        <v>53800</v>
      </c>
      <c r="J16838" s="1" t="s">
        <v>62324</v>
      </c>
    </row>
    <row r="16839" spans="1:10" x14ac:dyDescent="0.35">
      <c r="A16839" s="1" t="s">
        <v>62295</v>
      </c>
      <c r="B16839" s="1" t="s">
        <v>53796</v>
      </c>
      <c r="C16839" s="1" t="s">
        <v>45</v>
      </c>
      <c r="D16839" s="1" t="s">
        <v>62325</v>
      </c>
      <c r="E16839" s="1" t="s">
        <v>62326</v>
      </c>
      <c r="F16839" s="1" t="s">
        <v>62327</v>
      </c>
      <c r="G16839" s="1" t="s">
        <v>62299</v>
      </c>
      <c r="H16839" s="1" t="s">
        <v>62300</v>
      </c>
      <c r="I16839" s="1" t="s">
        <v>53800</v>
      </c>
      <c r="J16839" s="1" t="s">
        <v>62328</v>
      </c>
    </row>
    <row r="16840" spans="1:10" x14ac:dyDescent="0.35">
      <c r="A16840" s="1" t="s">
        <v>62295</v>
      </c>
      <c r="B16840" s="1" t="s">
        <v>53796</v>
      </c>
      <c r="C16840" s="1" t="s">
        <v>50</v>
      </c>
      <c r="D16840" s="1" t="s">
        <v>62329</v>
      </c>
      <c r="E16840" s="1" t="s">
        <v>62330</v>
      </c>
      <c r="F16840" s="1" t="s">
        <v>62331</v>
      </c>
      <c r="G16840" s="1" t="s">
        <v>62299</v>
      </c>
      <c r="H16840" s="1" t="s">
        <v>62300</v>
      </c>
      <c r="I16840" s="1" t="s">
        <v>53800</v>
      </c>
      <c r="J16840" s="1" t="s">
        <v>62332</v>
      </c>
    </row>
    <row r="16841" spans="1:10" x14ac:dyDescent="0.35">
      <c r="A16841" s="1" t="s">
        <v>62295</v>
      </c>
      <c r="B16841" s="1" t="s">
        <v>53796</v>
      </c>
      <c r="C16841" s="1" t="s">
        <v>55</v>
      </c>
      <c r="D16841" s="1" t="s">
        <v>62333</v>
      </c>
      <c r="E16841" s="1" t="s">
        <v>62334</v>
      </c>
      <c r="F16841" s="1" t="s">
        <v>62335</v>
      </c>
      <c r="G16841" s="1" t="s">
        <v>62299</v>
      </c>
      <c r="H16841" s="1" t="s">
        <v>62300</v>
      </c>
      <c r="I16841" s="1" t="s">
        <v>53800</v>
      </c>
      <c r="J16841" s="1" t="s">
        <v>62336</v>
      </c>
    </row>
    <row r="16842" spans="1:10" x14ac:dyDescent="0.35">
      <c r="A16842" s="1" t="s">
        <v>62295</v>
      </c>
      <c r="B16842" s="1" t="s">
        <v>53796</v>
      </c>
      <c r="C16842" s="1" t="s">
        <v>60</v>
      </c>
      <c r="D16842" s="1" t="s">
        <v>62337</v>
      </c>
      <c r="E16842" s="1" t="s">
        <v>62338</v>
      </c>
      <c r="F16842" s="1" t="s">
        <v>62339</v>
      </c>
      <c r="G16842" s="1" t="s">
        <v>62299</v>
      </c>
      <c r="H16842" s="1" t="s">
        <v>62300</v>
      </c>
      <c r="I16842" s="1" t="s">
        <v>53800</v>
      </c>
      <c r="J16842" s="1" t="s">
        <v>59180</v>
      </c>
    </row>
    <row r="16843" spans="1:10" x14ac:dyDescent="0.35">
      <c r="A16843" s="1" t="s">
        <v>62295</v>
      </c>
      <c r="B16843" s="1" t="s">
        <v>53796</v>
      </c>
      <c r="C16843" s="1" t="s">
        <v>65</v>
      </c>
      <c r="D16843" s="1" t="s">
        <v>62340</v>
      </c>
      <c r="E16843" s="1" t="s">
        <v>62341</v>
      </c>
      <c r="F16843" s="1" t="s">
        <v>62342</v>
      </c>
      <c r="G16843" s="1" t="s">
        <v>62299</v>
      </c>
      <c r="H16843" s="1" t="s">
        <v>62300</v>
      </c>
      <c r="I16843" s="1" t="s">
        <v>53800</v>
      </c>
      <c r="J16843" s="1" t="s">
        <v>62343</v>
      </c>
    </row>
    <row r="16844" spans="1:10" x14ac:dyDescent="0.35">
      <c r="A16844" s="1" t="s">
        <v>62295</v>
      </c>
      <c r="B16844" s="1" t="s">
        <v>53796</v>
      </c>
      <c r="C16844" s="1" t="s">
        <v>70</v>
      </c>
      <c r="D16844" s="1" t="s">
        <v>62344</v>
      </c>
      <c r="E16844" s="1" t="s">
        <v>62345</v>
      </c>
      <c r="F16844" s="1" t="s">
        <v>62346</v>
      </c>
      <c r="G16844" s="1" t="s">
        <v>62299</v>
      </c>
      <c r="H16844" s="1" t="s">
        <v>62300</v>
      </c>
      <c r="I16844" s="1" t="s">
        <v>53800</v>
      </c>
      <c r="J16844" s="1" t="s">
        <v>62347</v>
      </c>
    </row>
    <row r="16845" spans="1:10" x14ac:dyDescent="0.35">
      <c r="A16845" s="1" t="s">
        <v>62295</v>
      </c>
      <c r="B16845" s="1" t="s">
        <v>53796</v>
      </c>
      <c r="C16845" s="1" t="s">
        <v>75</v>
      </c>
      <c r="D16845" s="1" t="s">
        <v>54637</v>
      </c>
      <c r="E16845" s="1" t="s">
        <v>62348</v>
      </c>
      <c r="F16845" s="1" t="s">
        <v>62349</v>
      </c>
      <c r="G16845" s="1" t="s">
        <v>62299</v>
      </c>
      <c r="H16845" s="1" t="s">
        <v>62300</v>
      </c>
      <c r="I16845" s="1" t="s">
        <v>53800</v>
      </c>
      <c r="J16845" s="1" t="s">
        <v>62350</v>
      </c>
    </row>
    <row r="16846" spans="1:10" x14ac:dyDescent="0.35">
      <c r="A16846" s="1" t="s">
        <v>62295</v>
      </c>
      <c r="B16846" s="1" t="s">
        <v>53796</v>
      </c>
      <c r="C16846" s="1" t="s">
        <v>80</v>
      </c>
      <c r="D16846" s="1" t="s">
        <v>62351</v>
      </c>
      <c r="E16846" s="1" t="s">
        <v>62352</v>
      </c>
      <c r="F16846" s="1" t="s">
        <v>62353</v>
      </c>
      <c r="G16846" s="1" t="s">
        <v>62299</v>
      </c>
      <c r="H16846" s="1" t="s">
        <v>62300</v>
      </c>
      <c r="I16846" s="1" t="s">
        <v>53800</v>
      </c>
      <c r="J16846" s="1" t="s">
        <v>62354</v>
      </c>
    </row>
    <row r="16847" spans="1:10" x14ac:dyDescent="0.35">
      <c r="A16847" s="1" t="s">
        <v>62295</v>
      </c>
      <c r="B16847" s="1" t="s">
        <v>53796</v>
      </c>
      <c r="C16847" s="1" t="s">
        <v>85</v>
      </c>
      <c r="D16847" s="1" t="s">
        <v>22667</v>
      </c>
      <c r="E16847" s="1" t="s">
        <v>62355</v>
      </c>
      <c r="F16847" s="1" t="s">
        <v>62356</v>
      </c>
      <c r="G16847" s="1" t="s">
        <v>62299</v>
      </c>
      <c r="H16847" s="1" t="s">
        <v>62300</v>
      </c>
      <c r="I16847" s="1" t="s">
        <v>53800</v>
      </c>
      <c r="J16847" s="1" t="s">
        <v>62357</v>
      </c>
    </row>
    <row r="16848" spans="1:10" x14ac:dyDescent="0.35">
      <c r="A16848" s="1" t="s">
        <v>62295</v>
      </c>
      <c r="B16848" s="1" t="s">
        <v>53796</v>
      </c>
      <c r="C16848" s="1" t="s">
        <v>90</v>
      </c>
      <c r="D16848" s="1" t="s">
        <v>62358</v>
      </c>
      <c r="E16848" s="1" t="s">
        <v>62359</v>
      </c>
      <c r="F16848" s="1" t="s">
        <v>62360</v>
      </c>
      <c r="G16848" s="1" t="s">
        <v>62299</v>
      </c>
      <c r="H16848" s="1" t="s">
        <v>62300</v>
      </c>
      <c r="I16848" s="1" t="s">
        <v>53800</v>
      </c>
      <c r="J16848" s="1" t="s">
        <v>62361</v>
      </c>
    </row>
    <row r="16849" spans="1:10" x14ac:dyDescent="0.35">
      <c r="A16849" s="1" t="s">
        <v>62295</v>
      </c>
      <c r="B16849" s="1" t="s">
        <v>53796</v>
      </c>
      <c r="C16849" s="1" t="s">
        <v>95</v>
      </c>
      <c r="D16849" s="1" t="s">
        <v>62362</v>
      </c>
      <c r="E16849" s="1" t="s">
        <v>62363</v>
      </c>
      <c r="F16849" s="1" t="s">
        <v>62364</v>
      </c>
      <c r="G16849" s="1" t="s">
        <v>62299</v>
      </c>
      <c r="H16849" s="1" t="s">
        <v>62300</v>
      </c>
      <c r="I16849" s="1" t="s">
        <v>53800</v>
      </c>
      <c r="J16849" s="1" t="s">
        <v>62365</v>
      </c>
    </row>
    <row r="16850" spans="1:10" x14ac:dyDescent="0.35">
      <c r="A16850" s="1" t="s">
        <v>62295</v>
      </c>
      <c r="B16850" s="1" t="s">
        <v>53796</v>
      </c>
      <c r="C16850" s="1" t="s">
        <v>100</v>
      </c>
      <c r="D16850" s="1" t="s">
        <v>62366</v>
      </c>
      <c r="E16850" s="1" t="s">
        <v>62367</v>
      </c>
      <c r="F16850" s="1" t="s">
        <v>62368</v>
      </c>
      <c r="G16850" s="1" t="s">
        <v>62299</v>
      </c>
      <c r="H16850" s="1" t="s">
        <v>62300</v>
      </c>
      <c r="I16850" s="1" t="s">
        <v>53800</v>
      </c>
      <c r="J16850" s="1" t="s">
        <v>62369</v>
      </c>
    </row>
    <row r="16851" spans="1:10" x14ac:dyDescent="0.35">
      <c r="A16851" s="1" t="s">
        <v>62295</v>
      </c>
      <c r="B16851" s="1" t="s">
        <v>53796</v>
      </c>
      <c r="C16851" s="1" t="s">
        <v>105</v>
      </c>
      <c r="D16851" s="1" t="s">
        <v>62370</v>
      </c>
      <c r="E16851" s="1" t="s">
        <v>62371</v>
      </c>
      <c r="F16851" s="1" t="s">
        <v>62372</v>
      </c>
      <c r="G16851" s="1" t="s">
        <v>62299</v>
      </c>
      <c r="H16851" s="1" t="s">
        <v>62300</v>
      </c>
      <c r="I16851" s="1" t="s">
        <v>53800</v>
      </c>
      <c r="J16851" s="1" t="s">
        <v>62373</v>
      </c>
    </row>
    <row r="16852" spans="1:10" x14ac:dyDescent="0.35">
      <c r="A16852" s="1" t="s">
        <v>62295</v>
      </c>
      <c r="B16852" s="1" t="s">
        <v>53796</v>
      </c>
      <c r="C16852" s="1" t="s">
        <v>110</v>
      </c>
      <c r="D16852" s="1" t="s">
        <v>54214</v>
      </c>
      <c r="E16852" s="1" t="s">
        <v>62374</v>
      </c>
      <c r="F16852" s="1" t="s">
        <v>62375</v>
      </c>
      <c r="G16852" s="1" t="s">
        <v>62299</v>
      </c>
      <c r="H16852" s="1" t="s">
        <v>62300</v>
      </c>
      <c r="I16852" s="1" t="s">
        <v>53800</v>
      </c>
      <c r="J16852" s="1" t="s">
        <v>62376</v>
      </c>
    </row>
    <row r="16853" spans="1:10" x14ac:dyDescent="0.35">
      <c r="A16853" s="1" t="s">
        <v>62295</v>
      </c>
      <c r="B16853" s="1" t="s">
        <v>53796</v>
      </c>
      <c r="C16853" s="1" t="s">
        <v>115</v>
      </c>
      <c r="D16853" s="1" t="s">
        <v>62377</v>
      </c>
      <c r="E16853" s="1" t="s">
        <v>62378</v>
      </c>
      <c r="F16853" s="1" t="s">
        <v>62379</v>
      </c>
      <c r="G16853" s="1" t="s">
        <v>62299</v>
      </c>
      <c r="H16853" s="1" t="s">
        <v>62300</v>
      </c>
      <c r="I16853" s="1" t="s">
        <v>53800</v>
      </c>
      <c r="J16853" s="1" t="s">
        <v>62380</v>
      </c>
    </row>
    <row r="16854" spans="1:10" x14ac:dyDescent="0.35">
      <c r="A16854" s="1" t="s">
        <v>62295</v>
      </c>
      <c r="B16854" s="1" t="s">
        <v>53796</v>
      </c>
      <c r="C16854" s="1" t="s">
        <v>120</v>
      </c>
      <c r="D16854" s="1" t="s">
        <v>62381</v>
      </c>
      <c r="E16854" s="1" t="s">
        <v>62382</v>
      </c>
      <c r="F16854" s="1" t="s">
        <v>62383</v>
      </c>
      <c r="G16854" s="1" t="s">
        <v>62299</v>
      </c>
      <c r="H16854" s="1" t="s">
        <v>62300</v>
      </c>
      <c r="I16854" s="1" t="s">
        <v>53800</v>
      </c>
      <c r="J16854" s="1" t="s">
        <v>62384</v>
      </c>
    </row>
    <row r="16855" spans="1:10" x14ac:dyDescent="0.35">
      <c r="A16855" s="1" t="s">
        <v>62295</v>
      </c>
      <c r="B16855" s="1" t="s">
        <v>53796</v>
      </c>
      <c r="C16855" s="1" t="s">
        <v>125</v>
      </c>
      <c r="D16855" s="1" t="s">
        <v>20638</v>
      </c>
      <c r="E16855" s="1" t="s">
        <v>62385</v>
      </c>
      <c r="F16855" s="1" t="s">
        <v>62386</v>
      </c>
      <c r="G16855" s="1" t="s">
        <v>62299</v>
      </c>
      <c r="H16855" s="1" t="s">
        <v>62300</v>
      </c>
      <c r="I16855" s="1" t="s">
        <v>53800</v>
      </c>
      <c r="J16855" s="1" t="s">
        <v>62387</v>
      </c>
    </row>
    <row r="16856" spans="1:10" x14ac:dyDescent="0.35">
      <c r="A16856" s="1" t="s">
        <v>62295</v>
      </c>
      <c r="B16856" s="1" t="s">
        <v>53796</v>
      </c>
      <c r="C16856" s="1" t="s">
        <v>130</v>
      </c>
      <c r="D16856" s="1" t="s">
        <v>62388</v>
      </c>
      <c r="E16856" s="1" t="s">
        <v>62389</v>
      </c>
      <c r="F16856" s="1" t="s">
        <v>62390</v>
      </c>
      <c r="G16856" s="1" t="s">
        <v>62299</v>
      </c>
      <c r="H16856" s="1" t="s">
        <v>62300</v>
      </c>
      <c r="I16856" s="1" t="s">
        <v>53800</v>
      </c>
      <c r="J16856" s="1" t="s">
        <v>62391</v>
      </c>
    </row>
    <row r="16857" spans="1:10" x14ac:dyDescent="0.35">
      <c r="A16857" s="1" t="s">
        <v>62295</v>
      </c>
      <c r="B16857" s="1" t="s">
        <v>53796</v>
      </c>
      <c r="C16857" s="1" t="s">
        <v>135</v>
      </c>
      <c r="D16857" s="1" t="s">
        <v>55896</v>
      </c>
      <c r="E16857" s="1" t="s">
        <v>62392</v>
      </c>
      <c r="F16857" s="1" t="s">
        <v>62393</v>
      </c>
      <c r="G16857" s="1" t="s">
        <v>62299</v>
      </c>
      <c r="H16857" s="1" t="s">
        <v>62300</v>
      </c>
      <c r="I16857" s="1" t="s">
        <v>53800</v>
      </c>
      <c r="J16857" s="1" t="s">
        <v>62394</v>
      </c>
    </row>
    <row r="16858" spans="1:10" x14ac:dyDescent="0.35">
      <c r="A16858" s="1" t="s">
        <v>62295</v>
      </c>
      <c r="B16858" s="1" t="s">
        <v>53796</v>
      </c>
      <c r="C16858" s="1" t="s">
        <v>140</v>
      </c>
      <c r="D16858" s="1" t="s">
        <v>39229</v>
      </c>
      <c r="E16858" s="1" t="s">
        <v>62395</v>
      </c>
      <c r="F16858" s="1" t="s">
        <v>62396</v>
      </c>
      <c r="G16858" s="1" t="s">
        <v>62299</v>
      </c>
      <c r="H16858" s="1" t="s">
        <v>62300</v>
      </c>
      <c r="I16858" s="1" t="s">
        <v>53800</v>
      </c>
      <c r="J16858" s="1" t="s">
        <v>62397</v>
      </c>
    </row>
    <row r="16859" spans="1:10" x14ac:dyDescent="0.35">
      <c r="A16859" s="1" t="s">
        <v>62295</v>
      </c>
      <c r="B16859" s="1" t="s">
        <v>53796</v>
      </c>
      <c r="C16859" s="1" t="s">
        <v>145</v>
      </c>
      <c r="D16859" s="1" t="s">
        <v>62398</v>
      </c>
      <c r="E16859" s="1" t="s">
        <v>62399</v>
      </c>
      <c r="F16859" s="1" t="s">
        <v>62400</v>
      </c>
      <c r="G16859" s="1" t="s">
        <v>62299</v>
      </c>
      <c r="H16859" s="1" t="s">
        <v>62300</v>
      </c>
      <c r="I16859" s="1" t="s">
        <v>53800</v>
      </c>
      <c r="J16859" s="1" t="s">
        <v>62401</v>
      </c>
    </row>
    <row r="16860" spans="1:10" x14ac:dyDescent="0.35">
      <c r="A16860" s="1" t="s">
        <v>62295</v>
      </c>
      <c r="B16860" s="1" t="s">
        <v>53796</v>
      </c>
      <c r="C16860" s="1" t="s">
        <v>150</v>
      </c>
      <c r="D16860" s="1" t="s">
        <v>62402</v>
      </c>
      <c r="E16860" s="1" t="s">
        <v>62403</v>
      </c>
      <c r="F16860" s="1" t="s">
        <v>62404</v>
      </c>
      <c r="G16860" s="1" t="s">
        <v>62299</v>
      </c>
      <c r="H16860" s="1" t="s">
        <v>62300</v>
      </c>
      <c r="I16860" s="1" t="s">
        <v>53800</v>
      </c>
      <c r="J16860" s="1" t="s">
        <v>62405</v>
      </c>
    </row>
    <row r="16861" spans="1:10" x14ac:dyDescent="0.35">
      <c r="A16861" s="1" t="s">
        <v>62295</v>
      </c>
      <c r="B16861" s="1" t="s">
        <v>53796</v>
      </c>
      <c r="C16861" s="1" t="s">
        <v>155</v>
      </c>
      <c r="D16861" s="1" t="s">
        <v>62406</v>
      </c>
      <c r="E16861" s="1" t="s">
        <v>62407</v>
      </c>
      <c r="F16861" s="1" t="s">
        <v>62408</v>
      </c>
      <c r="G16861" s="1" t="s">
        <v>62299</v>
      </c>
      <c r="H16861" s="1" t="s">
        <v>62300</v>
      </c>
      <c r="I16861" s="1" t="s">
        <v>53800</v>
      </c>
      <c r="J16861" s="1" t="s">
        <v>62409</v>
      </c>
    </row>
    <row r="16862" spans="1:10" x14ac:dyDescent="0.35">
      <c r="A16862" s="1" t="s">
        <v>62295</v>
      </c>
      <c r="B16862" s="1" t="s">
        <v>53796</v>
      </c>
      <c r="C16862" s="1" t="s">
        <v>160</v>
      </c>
      <c r="D16862" s="1" t="s">
        <v>62410</v>
      </c>
      <c r="E16862" s="1" t="s">
        <v>62411</v>
      </c>
      <c r="F16862" s="1" t="s">
        <v>62412</v>
      </c>
      <c r="G16862" s="1" t="s">
        <v>62299</v>
      </c>
      <c r="H16862" s="1" t="s">
        <v>62300</v>
      </c>
      <c r="I16862" s="1" t="s">
        <v>53800</v>
      </c>
      <c r="J16862" s="1" t="s">
        <v>62413</v>
      </c>
    </row>
    <row r="16863" spans="1:10" x14ac:dyDescent="0.35">
      <c r="A16863" s="1" t="s">
        <v>62295</v>
      </c>
      <c r="B16863" s="1" t="s">
        <v>53796</v>
      </c>
      <c r="C16863" s="1" t="s">
        <v>165</v>
      </c>
      <c r="D16863" s="1" t="s">
        <v>62414</v>
      </c>
      <c r="E16863" s="1" t="s">
        <v>62415</v>
      </c>
      <c r="F16863" s="1" t="s">
        <v>62416</v>
      </c>
      <c r="G16863" s="1" t="s">
        <v>62299</v>
      </c>
      <c r="H16863" s="1" t="s">
        <v>62300</v>
      </c>
      <c r="I16863" s="1" t="s">
        <v>53800</v>
      </c>
      <c r="J16863" s="1" t="s">
        <v>8110</v>
      </c>
    </row>
    <row r="16864" spans="1:10" x14ac:dyDescent="0.35">
      <c r="A16864" s="1" t="s">
        <v>62295</v>
      </c>
      <c r="B16864" s="1" t="s">
        <v>53796</v>
      </c>
      <c r="C16864" s="1" t="s">
        <v>170</v>
      </c>
      <c r="D16864" s="1" t="s">
        <v>62417</v>
      </c>
      <c r="E16864" s="1" t="s">
        <v>62418</v>
      </c>
      <c r="F16864" s="1" t="s">
        <v>62419</v>
      </c>
      <c r="G16864" s="1" t="s">
        <v>62299</v>
      </c>
      <c r="H16864" s="1" t="s">
        <v>62300</v>
      </c>
      <c r="I16864" s="1" t="s">
        <v>53800</v>
      </c>
      <c r="J16864" s="1" t="s">
        <v>62420</v>
      </c>
    </row>
    <row r="16865" spans="1:10" x14ac:dyDescent="0.35">
      <c r="A16865" s="1" t="s">
        <v>62421</v>
      </c>
      <c r="B16865" s="1" t="s">
        <v>53796</v>
      </c>
      <c r="C16865" s="1" t="s">
        <v>8</v>
      </c>
      <c r="D16865" s="1" t="s">
        <v>62422</v>
      </c>
      <c r="E16865" s="1" t="s">
        <v>15332</v>
      </c>
      <c r="F16865" s="1" t="s">
        <v>62423</v>
      </c>
      <c r="G16865" s="1" t="s">
        <v>62424</v>
      </c>
      <c r="H16865" s="1" t="s">
        <v>62425</v>
      </c>
      <c r="I16865" s="1" t="s">
        <v>53800</v>
      </c>
      <c r="J16865" s="1" t="s">
        <v>13</v>
      </c>
    </row>
    <row r="16866" spans="1:10" x14ac:dyDescent="0.35">
      <c r="A16866" s="1" t="s">
        <v>62421</v>
      </c>
      <c r="B16866" s="1" t="s">
        <v>53796</v>
      </c>
      <c r="C16866" s="1" t="s">
        <v>15</v>
      </c>
      <c r="D16866" s="1" t="s">
        <v>62426</v>
      </c>
      <c r="E16866" s="1" t="s">
        <v>55069</v>
      </c>
      <c r="F16866" s="1" t="s">
        <v>62427</v>
      </c>
      <c r="G16866" s="1" t="s">
        <v>62424</v>
      </c>
      <c r="H16866" s="1" t="s">
        <v>62425</v>
      </c>
      <c r="I16866" s="1" t="s">
        <v>53800</v>
      </c>
      <c r="J16866" s="1" t="s">
        <v>62428</v>
      </c>
    </row>
    <row r="16867" spans="1:10" x14ac:dyDescent="0.35">
      <c r="A16867" s="1" t="s">
        <v>62421</v>
      </c>
      <c r="B16867" s="1" t="s">
        <v>53796</v>
      </c>
      <c r="C16867" s="1" t="s">
        <v>20</v>
      </c>
      <c r="D16867" s="1" t="s">
        <v>61840</v>
      </c>
      <c r="E16867" s="1" t="s">
        <v>24201</v>
      </c>
      <c r="F16867" s="1" t="s">
        <v>62429</v>
      </c>
      <c r="G16867" s="1" t="s">
        <v>62424</v>
      </c>
      <c r="H16867" s="1" t="s">
        <v>62425</v>
      </c>
      <c r="I16867" s="1" t="s">
        <v>53800</v>
      </c>
      <c r="J16867" s="1" t="s">
        <v>62430</v>
      </c>
    </row>
    <row r="16868" spans="1:10" x14ac:dyDescent="0.35">
      <c r="A16868" s="1" t="s">
        <v>62421</v>
      </c>
      <c r="B16868" s="1" t="s">
        <v>53796</v>
      </c>
      <c r="C16868" s="1" t="s">
        <v>25</v>
      </c>
      <c r="D16868" s="1" t="s">
        <v>62431</v>
      </c>
      <c r="E16868" s="1" t="s">
        <v>55069</v>
      </c>
      <c r="F16868" s="1" t="s">
        <v>58016</v>
      </c>
      <c r="G16868" s="1" t="s">
        <v>62424</v>
      </c>
      <c r="H16868" s="1" t="s">
        <v>62425</v>
      </c>
      <c r="I16868" s="1" t="s">
        <v>53800</v>
      </c>
      <c r="J16868" s="1" t="s">
        <v>62432</v>
      </c>
    </row>
    <row r="16869" spans="1:10" x14ac:dyDescent="0.35">
      <c r="A16869" s="1" t="s">
        <v>62421</v>
      </c>
      <c r="B16869" s="1" t="s">
        <v>53796</v>
      </c>
      <c r="C16869" s="1" t="s">
        <v>30</v>
      </c>
      <c r="D16869" s="1" t="s">
        <v>14323</v>
      </c>
      <c r="E16869" s="1" t="s">
        <v>62433</v>
      </c>
      <c r="F16869" s="1" t="s">
        <v>31880</v>
      </c>
      <c r="G16869" s="1" t="s">
        <v>62424</v>
      </c>
      <c r="H16869" s="1" t="s">
        <v>62425</v>
      </c>
      <c r="I16869" s="1" t="s">
        <v>53800</v>
      </c>
      <c r="J16869" s="1" t="s">
        <v>62434</v>
      </c>
    </row>
    <row r="16870" spans="1:10" x14ac:dyDescent="0.35">
      <c r="A16870" s="1" t="s">
        <v>62421</v>
      </c>
      <c r="B16870" s="1" t="s">
        <v>53796</v>
      </c>
      <c r="C16870" s="1" t="s">
        <v>35</v>
      </c>
      <c r="D16870" s="1" t="s">
        <v>62435</v>
      </c>
      <c r="E16870" s="1" t="s">
        <v>21933</v>
      </c>
      <c r="F16870" s="1" t="s">
        <v>62436</v>
      </c>
      <c r="G16870" s="1" t="s">
        <v>62424</v>
      </c>
      <c r="H16870" s="1" t="s">
        <v>62425</v>
      </c>
      <c r="I16870" s="1" t="s">
        <v>53800</v>
      </c>
      <c r="J16870" s="1" t="s">
        <v>62437</v>
      </c>
    </row>
    <row r="16871" spans="1:10" x14ac:dyDescent="0.35">
      <c r="A16871" s="1" t="s">
        <v>62421</v>
      </c>
      <c r="B16871" s="1" t="s">
        <v>53796</v>
      </c>
      <c r="C16871" s="1" t="s">
        <v>40</v>
      </c>
      <c r="D16871" s="1" t="s">
        <v>62438</v>
      </c>
      <c r="E16871" s="1" t="s">
        <v>23065</v>
      </c>
      <c r="F16871" s="1" t="s">
        <v>62439</v>
      </c>
      <c r="G16871" s="1" t="s">
        <v>62424</v>
      </c>
      <c r="H16871" s="1" t="s">
        <v>62425</v>
      </c>
      <c r="I16871" s="1" t="s">
        <v>53800</v>
      </c>
      <c r="J16871" s="1" t="s">
        <v>62440</v>
      </c>
    </row>
    <row r="16872" spans="1:10" x14ac:dyDescent="0.35">
      <c r="A16872" s="1" t="s">
        <v>62421</v>
      </c>
      <c r="B16872" s="1" t="s">
        <v>53796</v>
      </c>
      <c r="C16872" s="1" t="s">
        <v>45</v>
      </c>
      <c r="D16872" s="1" t="s">
        <v>62441</v>
      </c>
      <c r="E16872" s="1" t="s">
        <v>41220</v>
      </c>
      <c r="F16872" s="1" t="s">
        <v>62442</v>
      </c>
      <c r="G16872" s="1" t="s">
        <v>62424</v>
      </c>
      <c r="H16872" s="1" t="s">
        <v>62425</v>
      </c>
      <c r="I16872" s="1" t="s">
        <v>53800</v>
      </c>
      <c r="J16872" s="1" t="s">
        <v>62443</v>
      </c>
    </row>
    <row r="16873" spans="1:10" x14ac:dyDescent="0.35">
      <c r="A16873" s="1" t="s">
        <v>62421</v>
      </c>
      <c r="B16873" s="1" t="s">
        <v>53796</v>
      </c>
      <c r="C16873" s="1" t="s">
        <v>50</v>
      </c>
      <c r="D16873" s="1" t="s">
        <v>32350</v>
      </c>
      <c r="E16873" s="1" t="s">
        <v>54059</v>
      </c>
      <c r="F16873" s="1" t="s">
        <v>62444</v>
      </c>
      <c r="G16873" s="1" t="s">
        <v>62424</v>
      </c>
      <c r="H16873" s="1" t="s">
        <v>62425</v>
      </c>
      <c r="I16873" s="1" t="s">
        <v>53800</v>
      </c>
      <c r="J16873" s="1" t="s">
        <v>62445</v>
      </c>
    </row>
    <row r="16874" spans="1:10" x14ac:dyDescent="0.35">
      <c r="A16874" s="1" t="s">
        <v>62421</v>
      </c>
      <c r="B16874" s="1" t="s">
        <v>53796</v>
      </c>
      <c r="C16874" s="1" t="s">
        <v>55</v>
      </c>
      <c r="D16874" s="1" t="s">
        <v>62446</v>
      </c>
      <c r="E16874" s="1" t="s">
        <v>26247</v>
      </c>
      <c r="F16874" s="1" t="s">
        <v>62447</v>
      </c>
      <c r="G16874" s="1" t="s">
        <v>62424</v>
      </c>
      <c r="H16874" s="1" t="s">
        <v>62425</v>
      </c>
      <c r="I16874" s="1" t="s">
        <v>53800</v>
      </c>
      <c r="J16874" s="1" t="s">
        <v>62448</v>
      </c>
    </row>
    <row r="16875" spans="1:10" x14ac:dyDescent="0.35">
      <c r="A16875" s="1" t="s">
        <v>62421</v>
      </c>
      <c r="B16875" s="1" t="s">
        <v>53796</v>
      </c>
      <c r="C16875" s="1" t="s">
        <v>60</v>
      </c>
      <c r="D16875" s="1" t="s">
        <v>62449</v>
      </c>
      <c r="E16875" s="1" t="s">
        <v>15857</v>
      </c>
      <c r="F16875" s="1" t="s">
        <v>62450</v>
      </c>
      <c r="G16875" s="1" t="s">
        <v>62424</v>
      </c>
      <c r="H16875" s="1" t="s">
        <v>62425</v>
      </c>
      <c r="I16875" s="1" t="s">
        <v>53800</v>
      </c>
      <c r="J16875" s="1" t="s">
        <v>62451</v>
      </c>
    </row>
    <row r="16876" spans="1:10" x14ac:dyDescent="0.35">
      <c r="A16876" s="1" t="s">
        <v>62421</v>
      </c>
      <c r="B16876" s="1" t="s">
        <v>53796</v>
      </c>
      <c r="C16876" s="1" t="s">
        <v>65</v>
      </c>
      <c r="D16876" s="1" t="s">
        <v>62452</v>
      </c>
      <c r="E16876" s="1" t="s">
        <v>15324</v>
      </c>
      <c r="F16876" s="1" t="s">
        <v>56178</v>
      </c>
      <c r="G16876" s="1" t="s">
        <v>62424</v>
      </c>
      <c r="H16876" s="1" t="s">
        <v>62425</v>
      </c>
      <c r="I16876" s="1" t="s">
        <v>53800</v>
      </c>
      <c r="J16876" s="1" t="s">
        <v>62453</v>
      </c>
    </row>
    <row r="16877" spans="1:10" x14ac:dyDescent="0.35">
      <c r="A16877" s="1" t="s">
        <v>62421</v>
      </c>
      <c r="B16877" s="1" t="s">
        <v>53796</v>
      </c>
      <c r="C16877" s="1" t="s">
        <v>70</v>
      </c>
      <c r="D16877" s="1" t="s">
        <v>62454</v>
      </c>
      <c r="E16877" s="1" t="s">
        <v>57544</v>
      </c>
      <c r="F16877" s="1" t="s">
        <v>62455</v>
      </c>
      <c r="G16877" s="1" t="s">
        <v>62424</v>
      </c>
      <c r="H16877" s="1" t="s">
        <v>62425</v>
      </c>
      <c r="I16877" s="1" t="s">
        <v>53800</v>
      </c>
      <c r="J16877" s="1" t="s">
        <v>62456</v>
      </c>
    </row>
    <row r="16878" spans="1:10" x14ac:dyDescent="0.35">
      <c r="A16878" s="1" t="s">
        <v>62421</v>
      </c>
      <c r="B16878" s="1" t="s">
        <v>53796</v>
      </c>
      <c r="C16878" s="1" t="s">
        <v>75</v>
      </c>
      <c r="D16878" s="1" t="s">
        <v>62457</v>
      </c>
      <c r="E16878" s="1" t="s">
        <v>55315</v>
      </c>
      <c r="F16878" s="1" t="s">
        <v>62458</v>
      </c>
      <c r="G16878" s="1" t="s">
        <v>62424</v>
      </c>
      <c r="H16878" s="1" t="s">
        <v>62425</v>
      </c>
      <c r="I16878" s="1" t="s">
        <v>53800</v>
      </c>
      <c r="J16878" s="1" t="s">
        <v>62459</v>
      </c>
    </row>
    <row r="16879" spans="1:10" x14ac:dyDescent="0.35">
      <c r="A16879" s="1" t="s">
        <v>62421</v>
      </c>
      <c r="B16879" s="1" t="s">
        <v>53796</v>
      </c>
      <c r="C16879" s="1" t="s">
        <v>80</v>
      </c>
      <c r="D16879" s="1" t="s">
        <v>62460</v>
      </c>
      <c r="E16879" s="1" t="s">
        <v>16090</v>
      </c>
      <c r="F16879" s="1" t="s">
        <v>31504</v>
      </c>
      <c r="G16879" s="1" t="s">
        <v>62424</v>
      </c>
      <c r="H16879" s="1" t="s">
        <v>62425</v>
      </c>
      <c r="I16879" s="1" t="s">
        <v>53800</v>
      </c>
      <c r="J16879" s="1" t="s">
        <v>62461</v>
      </c>
    </row>
    <row r="16880" spans="1:10" x14ac:dyDescent="0.35">
      <c r="A16880" s="1" t="s">
        <v>62421</v>
      </c>
      <c r="B16880" s="1" t="s">
        <v>53796</v>
      </c>
      <c r="C16880" s="1" t="s">
        <v>85</v>
      </c>
      <c r="D16880" s="1" t="s">
        <v>11598</v>
      </c>
      <c r="E16880" s="1" t="s">
        <v>62462</v>
      </c>
      <c r="F16880" s="1" t="s">
        <v>56504</v>
      </c>
      <c r="G16880" s="1" t="s">
        <v>62424</v>
      </c>
      <c r="H16880" s="1" t="s">
        <v>62425</v>
      </c>
      <c r="I16880" s="1" t="s">
        <v>53800</v>
      </c>
      <c r="J16880" s="1" t="s">
        <v>62463</v>
      </c>
    </row>
    <row r="16881" spans="1:10" x14ac:dyDescent="0.35">
      <c r="A16881" s="1" t="s">
        <v>62421</v>
      </c>
      <c r="B16881" s="1" t="s">
        <v>53796</v>
      </c>
      <c r="C16881" s="1" t="s">
        <v>90</v>
      </c>
      <c r="D16881" s="1" t="s">
        <v>62464</v>
      </c>
      <c r="E16881" s="1" t="s">
        <v>31480</v>
      </c>
      <c r="F16881" s="1" t="s">
        <v>59677</v>
      </c>
      <c r="G16881" s="1" t="s">
        <v>62424</v>
      </c>
      <c r="H16881" s="1" t="s">
        <v>62425</v>
      </c>
      <c r="I16881" s="1" t="s">
        <v>53800</v>
      </c>
      <c r="J16881" s="1" t="s">
        <v>62465</v>
      </c>
    </row>
    <row r="16882" spans="1:10" x14ac:dyDescent="0.35">
      <c r="A16882" s="1" t="s">
        <v>62421</v>
      </c>
      <c r="B16882" s="1" t="s">
        <v>53796</v>
      </c>
      <c r="C16882" s="1" t="s">
        <v>95</v>
      </c>
      <c r="D16882" s="1" t="s">
        <v>62466</v>
      </c>
      <c r="E16882" s="1" t="s">
        <v>23472</v>
      </c>
      <c r="F16882" s="1" t="s">
        <v>61236</v>
      </c>
      <c r="G16882" s="1" t="s">
        <v>62424</v>
      </c>
      <c r="H16882" s="1" t="s">
        <v>62425</v>
      </c>
      <c r="I16882" s="1" t="s">
        <v>53800</v>
      </c>
      <c r="J16882" s="1" t="s">
        <v>62467</v>
      </c>
    </row>
    <row r="16883" spans="1:10" x14ac:dyDescent="0.35">
      <c r="A16883" s="1" t="s">
        <v>62421</v>
      </c>
      <c r="B16883" s="1" t="s">
        <v>53796</v>
      </c>
      <c r="C16883" s="1" t="s">
        <v>100</v>
      </c>
      <c r="D16883" s="1" t="s">
        <v>62468</v>
      </c>
      <c r="E16883" s="1" t="s">
        <v>12794</v>
      </c>
      <c r="F16883" s="1" t="s">
        <v>62469</v>
      </c>
      <c r="G16883" s="1" t="s">
        <v>62424</v>
      </c>
      <c r="H16883" s="1" t="s">
        <v>62425</v>
      </c>
      <c r="I16883" s="1" t="s">
        <v>53800</v>
      </c>
      <c r="J16883" s="1" t="s">
        <v>62470</v>
      </c>
    </row>
    <row r="16884" spans="1:10" x14ac:dyDescent="0.35">
      <c r="A16884" s="1" t="s">
        <v>62421</v>
      </c>
      <c r="B16884" s="1" t="s">
        <v>53796</v>
      </c>
      <c r="C16884" s="1" t="s">
        <v>105</v>
      </c>
      <c r="D16884" s="1" t="s">
        <v>2718</v>
      </c>
      <c r="E16884" s="1" t="s">
        <v>55315</v>
      </c>
      <c r="F16884" s="1" t="s">
        <v>62471</v>
      </c>
      <c r="G16884" s="1" t="s">
        <v>62424</v>
      </c>
      <c r="H16884" s="1" t="s">
        <v>62425</v>
      </c>
      <c r="I16884" s="1" t="s">
        <v>53800</v>
      </c>
      <c r="J16884" s="1" t="s">
        <v>62472</v>
      </c>
    </row>
    <row r="16885" spans="1:10" x14ac:dyDescent="0.35">
      <c r="A16885" s="1" t="s">
        <v>62421</v>
      </c>
      <c r="B16885" s="1" t="s">
        <v>53796</v>
      </c>
      <c r="C16885" s="1" t="s">
        <v>110</v>
      </c>
      <c r="D16885" s="1" t="s">
        <v>62473</v>
      </c>
      <c r="E16885" s="1" t="s">
        <v>41348</v>
      </c>
      <c r="F16885" s="1" t="s">
        <v>62474</v>
      </c>
      <c r="G16885" s="1" t="s">
        <v>62424</v>
      </c>
      <c r="H16885" s="1" t="s">
        <v>62425</v>
      </c>
      <c r="I16885" s="1" t="s">
        <v>53800</v>
      </c>
      <c r="J16885" s="1" t="s">
        <v>62475</v>
      </c>
    </row>
    <row r="16886" spans="1:10" x14ac:dyDescent="0.35">
      <c r="A16886" s="1" t="s">
        <v>62421</v>
      </c>
      <c r="B16886" s="1" t="s">
        <v>53796</v>
      </c>
      <c r="C16886" s="1" t="s">
        <v>115</v>
      </c>
      <c r="D16886" s="1" t="s">
        <v>62476</v>
      </c>
      <c r="E16886" s="1" t="s">
        <v>21985</v>
      </c>
      <c r="F16886" s="1" t="s">
        <v>62477</v>
      </c>
      <c r="G16886" s="1" t="s">
        <v>62424</v>
      </c>
      <c r="H16886" s="1" t="s">
        <v>62425</v>
      </c>
      <c r="I16886" s="1" t="s">
        <v>53800</v>
      </c>
      <c r="J16886" s="1" t="s">
        <v>62478</v>
      </c>
    </row>
    <row r="16887" spans="1:10" x14ac:dyDescent="0.35">
      <c r="A16887" s="1" t="s">
        <v>62421</v>
      </c>
      <c r="B16887" s="1" t="s">
        <v>53796</v>
      </c>
      <c r="C16887" s="1" t="s">
        <v>120</v>
      </c>
      <c r="D16887" s="1" t="s">
        <v>62479</v>
      </c>
      <c r="E16887" s="1" t="s">
        <v>57237</v>
      </c>
      <c r="F16887" s="1" t="s">
        <v>58765</v>
      </c>
      <c r="G16887" s="1" t="s">
        <v>62424</v>
      </c>
      <c r="H16887" s="1" t="s">
        <v>62425</v>
      </c>
      <c r="I16887" s="1" t="s">
        <v>53800</v>
      </c>
      <c r="J16887" s="1" t="s">
        <v>62480</v>
      </c>
    </row>
    <row r="16888" spans="1:10" x14ac:dyDescent="0.35">
      <c r="A16888" s="1" t="s">
        <v>62421</v>
      </c>
      <c r="B16888" s="1" t="s">
        <v>53796</v>
      </c>
      <c r="C16888" s="1" t="s">
        <v>125</v>
      </c>
      <c r="D16888" s="1" t="s">
        <v>62481</v>
      </c>
      <c r="E16888" s="1" t="s">
        <v>41298</v>
      </c>
      <c r="F16888" s="1" t="s">
        <v>61065</v>
      </c>
      <c r="G16888" s="1" t="s">
        <v>62424</v>
      </c>
      <c r="H16888" s="1" t="s">
        <v>62425</v>
      </c>
      <c r="I16888" s="1" t="s">
        <v>53800</v>
      </c>
      <c r="J16888" s="1" t="s">
        <v>62482</v>
      </c>
    </row>
    <row r="16889" spans="1:10" x14ac:dyDescent="0.35">
      <c r="A16889" s="1" t="s">
        <v>62421</v>
      </c>
      <c r="B16889" s="1" t="s">
        <v>53796</v>
      </c>
      <c r="C16889" s="1" t="s">
        <v>130</v>
      </c>
      <c r="D16889" s="1" t="s">
        <v>62483</v>
      </c>
      <c r="E16889" s="1" t="s">
        <v>54829</v>
      </c>
      <c r="F16889" s="1" t="s">
        <v>62484</v>
      </c>
      <c r="G16889" s="1" t="s">
        <v>62424</v>
      </c>
      <c r="H16889" s="1" t="s">
        <v>62425</v>
      </c>
      <c r="I16889" s="1" t="s">
        <v>53800</v>
      </c>
      <c r="J16889" s="1" t="s">
        <v>62485</v>
      </c>
    </row>
    <row r="16890" spans="1:10" x14ac:dyDescent="0.35">
      <c r="A16890" s="1" t="s">
        <v>62421</v>
      </c>
      <c r="B16890" s="1" t="s">
        <v>53796</v>
      </c>
      <c r="C16890" s="1" t="s">
        <v>135</v>
      </c>
      <c r="D16890" s="1" t="s">
        <v>62486</v>
      </c>
      <c r="E16890" s="1" t="s">
        <v>55964</v>
      </c>
      <c r="F16890" s="1" t="s">
        <v>62487</v>
      </c>
      <c r="G16890" s="1" t="s">
        <v>62424</v>
      </c>
      <c r="H16890" s="1" t="s">
        <v>62425</v>
      </c>
      <c r="I16890" s="1" t="s">
        <v>53800</v>
      </c>
      <c r="J16890" s="1" t="s">
        <v>62488</v>
      </c>
    </row>
    <row r="16891" spans="1:10" x14ac:dyDescent="0.35">
      <c r="A16891" s="1" t="s">
        <v>62421</v>
      </c>
      <c r="B16891" s="1" t="s">
        <v>53796</v>
      </c>
      <c r="C16891" s="1" t="s">
        <v>140</v>
      </c>
      <c r="D16891" s="1" t="s">
        <v>62489</v>
      </c>
      <c r="E16891" s="1" t="s">
        <v>21845</v>
      </c>
      <c r="F16891" s="1" t="s">
        <v>62490</v>
      </c>
      <c r="G16891" s="1" t="s">
        <v>62424</v>
      </c>
      <c r="H16891" s="1" t="s">
        <v>62425</v>
      </c>
      <c r="I16891" s="1" t="s">
        <v>53800</v>
      </c>
      <c r="J16891" s="1" t="s">
        <v>62491</v>
      </c>
    </row>
    <row r="16892" spans="1:10" x14ac:dyDescent="0.35">
      <c r="A16892" s="1" t="s">
        <v>62421</v>
      </c>
      <c r="B16892" s="1" t="s">
        <v>53796</v>
      </c>
      <c r="C16892" s="1" t="s">
        <v>145</v>
      </c>
      <c r="D16892" s="1" t="s">
        <v>62492</v>
      </c>
      <c r="E16892" s="1" t="s">
        <v>54219</v>
      </c>
      <c r="F16892" s="1" t="s">
        <v>61852</v>
      </c>
      <c r="G16892" s="1" t="s">
        <v>62424</v>
      </c>
      <c r="H16892" s="1" t="s">
        <v>62425</v>
      </c>
      <c r="I16892" s="1" t="s">
        <v>53800</v>
      </c>
      <c r="J16892" s="1" t="s">
        <v>62493</v>
      </c>
    </row>
    <row r="16893" spans="1:10" x14ac:dyDescent="0.35">
      <c r="A16893" s="1" t="s">
        <v>62421</v>
      </c>
      <c r="B16893" s="1" t="s">
        <v>53796</v>
      </c>
      <c r="C16893" s="1" t="s">
        <v>150</v>
      </c>
      <c r="D16893" s="1" t="s">
        <v>62494</v>
      </c>
      <c r="E16893" s="1" t="s">
        <v>26596</v>
      </c>
      <c r="F16893" s="1" t="s">
        <v>62495</v>
      </c>
      <c r="G16893" s="1" t="s">
        <v>62424</v>
      </c>
      <c r="H16893" s="1" t="s">
        <v>62425</v>
      </c>
      <c r="I16893" s="1" t="s">
        <v>53800</v>
      </c>
      <c r="J16893" s="1" t="s">
        <v>62496</v>
      </c>
    </row>
    <row r="16894" spans="1:10" x14ac:dyDescent="0.35">
      <c r="A16894" s="1" t="s">
        <v>62421</v>
      </c>
      <c r="B16894" s="1" t="s">
        <v>53796</v>
      </c>
      <c r="C16894" s="1" t="s">
        <v>155</v>
      </c>
      <c r="D16894" s="1" t="s">
        <v>62497</v>
      </c>
      <c r="E16894" s="1" t="s">
        <v>23505</v>
      </c>
      <c r="F16894" s="1" t="s">
        <v>62498</v>
      </c>
      <c r="G16894" s="1" t="s">
        <v>62424</v>
      </c>
      <c r="H16894" s="1" t="s">
        <v>62425</v>
      </c>
      <c r="I16894" s="1" t="s">
        <v>53800</v>
      </c>
      <c r="J16894" s="1" t="s">
        <v>62499</v>
      </c>
    </row>
    <row r="16895" spans="1:10" x14ac:dyDescent="0.35">
      <c r="A16895" s="1" t="s">
        <v>62421</v>
      </c>
      <c r="B16895" s="1" t="s">
        <v>53796</v>
      </c>
      <c r="C16895" s="1" t="s">
        <v>160</v>
      </c>
      <c r="D16895" s="1" t="s">
        <v>62500</v>
      </c>
      <c r="E16895" s="1" t="s">
        <v>55373</v>
      </c>
      <c r="F16895" s="1" t="s">
        <v>62501</v>
      </c>
      <c r="G16895" s="1" t="s">
        <v>62424</v>
      </c>
      <c r="H16895" s="1" t="s">
        <v>62425</v>
      </c>
      <c r="I16895" s="1" t="s">
        <v>53800</v>
      </c>
      <c r="J16895" s="1" t="s">
        <v>62502</v>
      </c>
    </row>
    <row r="16896" spans="1:10" x14ac:dyDescent="0.35">
      <c r="A16896" s="1" t="s">
        <v>62421</v>
      </c>
      <c r="B16896" s="1" t="s">
        <v>53796</v>
      </c>
      <c r="C16896" s="1" t="s">
        <v>165</v>
      </c>
      <c r="D16896" s="1" t="s">
        <v>62503</v>
      </c>
      <c r="E16896" s="1" t="s">
        <v>32065</v>
      </c>
      <c r="F16896" s="1" t="s">
        <v>62504</v>
      </c>
      <c r="G16896" s="1" t="s">
        <v>62424</v>
      </c>
      <c r="H16896" s="1" t="s">
        <v>62425</v>
      </c>
      <c r="I16896" s="1" t="s">
        <v>53800</v>
      </c>
      <c r="J16896" s="1" t="s">
        <v>62505</v>
      </c>
    </row>
    <row r="16897" spans="1:10" x14ac:dyDescent="0.35">
      <c r="A16897" s="1" t="s">
        <v>62421</v>
      </c>
      <c r="B16897" s="1" t="s">
        <v>53796</v>
      </c>
      <c r="C16897" s="1" t="s">
        <v>170</v>
      </c>
      <c r="D16897" s="1" t="s">
        <v>62506</v>
      </c>
      <c r="E16897" s="1" t="s">
        <v>15365</v>
      </c>
      <c r="F16897" s="1" t="s">
        <v>62507</v>
      </c>
      <c r="G16897" s="1" t="s">
        <v>62424</v>
      </c>
      <c r="H16897" s="1" t="s">
        <v>62425</v>
      </c>
      <c r="I16897" s="1" t="s">
        <v>53800</v>
      </c>
      <c r="J16897" s="1" t="s">
        <v>62508</v>
      </c>
    </row>
    <row r="16898" spans="1:10" x14ac:dyDescent="0.35">
      <c r="A16898" s="1" t="s">
        <v>3534</v>
      </c>
      <c r="B16898" s="1" t="s">
        <v>53796</v>
      </c>
      <c r="C16898" s="1" t="s">
        <v>8</v>
      </c>
      <c r="D16898" s="1" t="s">
        <v>62509</v>
      </c>
      <c r="E16898" s="1" t="s">
        <v>62510</v>
      </c>
      <c r="F16898" s="1" t="s">
        <v>62511</v>
      </c>
      <c r="G16898" s="1" t="s">
        <v>62512</v>
      </c>
      <c r="H16898" s="1" t="s">
        <v>62513</v>
      </c>
      <c r="I16898" s="1" t="s">
        <v>53800</v>
      </c>
      <c r="J16898" s="1" t="s">
        <v>13</v>
      </c>
    </row>
    <row r="16899" spans="1:10" x14ac:dyDescent="0.35">
      <c r="A16899" s="1" t="s">
        <v>3534</v>
      </c>
      <c r="B16899" s="1" t="s">
        <v>53796</v>
      </c>
      <c r="C16899" s="1" t="s">
        <v>15</v>
      </c>
      <c r="D16899" s="1" t="s">
        <v>62514</v>
      </c>
      <c r="E16899" s="1" t="s">
        <v>62515</v>
      </c>
      <c r="F16899" s="1" t="s">
        <v>62516</v>
      </c>
      <c r="G16899" s="1" t="s">
        <v>62512</v>
      </c>
      <c r="H16899" s="1" t="s">
        <v>62513</v>
      </c>
      <c r="I16899" s="1" t="s">
        <v>53800</v>
      </c>
      <c r="J16899" s="1" t="s">
        <v>62517</v>
      </c>
    </row>
    <row r="16900" spans="1:10" x14ac:dyDescent="0.35">
      <c r="A16900" s="1" t="s">
        <v>3534</v>
      </c>
      <c r="B16900" s="1" t="s">
        <v>53796</v>
      </c>
      <c r="C16900" s="1" t="s">
        <v>20</v>
      </c>
      <c r="D16900" s="1" t="s">
        <v>62518</v>
      </c>
      <c r="E16900" s="1" t="s">
        <v>62519</v>
      </c>
      <c r="F16900" s="1" t="s">
        <v>62520</v>
      </c>
      <c r="G16900" s="1" t="s">
        <v>62512</v>
      </c>
      <c r="H16900" s="1" t="s">
        <v>62513</v>
      </c>
      <c r="I16900" s="1" t="s">
        <v>53800</v>
      </c>
      <c r="J16900" s="1" t="s">
        <v>62521</v>
      </c>
    </row>
    <row r="16901" spans="1:10" x14ac:dyDescent="0.35">
      <c r="A16901" s="1" t="s">
        <v>3534</v>
      </c>
      <c r="B16901" s="1" t="s">
        <v>53796</v>
      </c>
      <c r="C16901" s="1" t="s">
        <v>25</v>
      </c>
      <c r="D16901" s="1" t="s">
        <v>62522</v>
      </c>
      <c r="E16901" s="1" t="s">
        <v>62523</v>
      </c>
      <c r="F16901" s="1" t="s">
        <v>24796</v>
      </c>
      <c r="G16901" s="1" t="s">
        <v>62512</v>
      </c>
      <c r="H16901" s="1" t="s">
        <v>62513</v>
      </c>
      <c r="I16901" s="1" t="s">
        <v>53800</v>
      </c>
      <c r="J16901" s="1" t="s">
        <v>62524</v>
      </c>
    </row>
    <row r="16902" spans="1:10" x14ac:dyDescent="0.35">
      <c r="A16902" s="1" t="s">
        <v>3534</v>
      </c>
      <c r="B16902" s="1" t="s">
        <v>53796</v>
      </c>
      <c r="C16902" s="1" t="s">
        <v>30</v>
      </c>
      <c r="D16902" s="1" t="s">
        <v>62525</v>
      </c>
      <c r="E16902" s="1" t="s">
        <v>40687</v>
      </c>
      <c r="F16902" s="1" t="s">
        <v>62526</v>
      </c>
      <c r="G16902" s="1" t="s">
        <v>62512</v>
      </c>
      <c r="H16902" s="1" t="s">
        <v>62513</v>
      </c>
      <c r="I16902" s="1" t="s">
        <v>53800</v>
      </c>
      <c r="J16902" s="1" t="s">
        <v>62527</v>
      </c>
    </row>
    <row r="16903" spans="1:10" x14ac:dyDescent="0.35">
      <c r="A16903" s="1" t="s">
        <v>3534</v>
      </c>
      <c r="B16903" s="1" t="s">
        <v>53796</v>
      </c>
      <c r="C16903" s="1" t="s">
        <v>35</v>
      </c>
      <c r="D16903" s="1" t="s">
        <v>62528</v>
      </c>
      <c r="E16903" s="1" t="s">
        <v>62529</v>
      </c>
      <c r="F16903" s="1" t="s">
        <v>62530</v>
      </c>
      <c r="G16903" s="1" t="s">
        <v>62512</v>
      </c>
      <c r="H16903" s="1" t="s">
        <v>62513</v>
      </c>
      <c r="I16903" s="1" t="s">
        <v>53800</v>
      </c>
      <c r="J16903" s="1" t="s">
        <v>62531</v>
      </c>
    </row>
    <row r="16904" spans="1:10" x14ac:dyDescent="0.35">
      <c r="A16904" s="1" t="s">
        <v>3534</v>
      </c>
      <c r="B16904" s="1" t="s">
        <v>53796</v>
      </c>
      <c r="C16904" s="1" t="s">
        <v>40</v>
      </c>
      <c r="D16904" s="1" t="s">
        <v>62532</v>
      </c>
      <c r="E16904" s="1" t="s">
        <v>24751</v>
      </c>
      <c r="F16904" s="1" t="s">
        <v>62533</v>
      </c>
      <c r="G16904" s="1" t="s">
        <v>62512</v>
      </c>
      <c r="H16904" s="1" t="s">
        <v>62513</v>
      </c>
      <c r="I16904" s="1" t="s">
        <v>53800</v>
      </c>
      <c r="J16904" s="1" t="s">
        <v>62534</v>
      </c>
    </row>
    <row r="16905" spans="1:10" x14ac:dyDescent="0.35">
      <c r="A16905" s="1" t="s">
        <v>3534</v>
      </c>
      <c r="B16905" s="1" t="s">
        <v>53796</v>
      </c>
      <c r="C16905" s="1" t="s">
        <v>45</v>
      </c>
      <c r="D16905" s="1" t="s">
        <v>62535</v>
      </c>
      <c r="E16905" s="1" t="s">
        <v>55137</v>
      </c>
      <c r="F16905" s="1" t="s">
        <v>62536</v>
      </c>
      <c r="G16905" s="1" t="s">
        <v>62512</v>
      </c>
      <c r="H16905" s="1" t="s">
        <v>62513</v>
      </c>
      <c r="I16905" s="1" t="s">
        <v>53800</v>
      </c>
      <c r="J16905" s="1" t="s">
        <v>62537</v>
      </c>
    </row>
    <row r="16906" spans="1:10" x14ac:dyDescent="0.35">
      <c r="A16906" s="1" t="s">
        <v>3534</v>
      </c>
      <c r="B16906" s="1" t="s">
        <v>53796</v>
      </c>
      <c r="C16906" s="1" t="s">
        <v>50</v>
      </c>
      <c r="D16906" s="1" t="s">
        <v>62538</v>
      </c>
      <c r="E16906" s="1" t="s">
        <v>60135</v>
      </c>
      <c r="F16906" s="1" t="s">
        <v>62539</v>
      </c>
      <c r="G16906" s="1" t="s">
        <v>62512</v>
      </c>
      <c r="H16906" s="1" t="s">
        <v>62513</v>
      </c>
      <c r="I16906" s="1" t="s">
        <v>53800</v>
      </c>
      <c r="J16906" s="1" t="s">
        <v>62540</v>
      </c>
    </row>
    <row r="16907" spans="1:10" x14ac:dyDescent="0.35">
      <c r="A16907" s="1" t="s">
        <v>3534</v>
      </c>
      <c r="B16907" s="1" t="s">
        <v>53796</v>
      </c>
      <c r="C16907" s="1" t="s">
        <v>55</v>
      </c>
      <c r="D16907" s="1" t="s">
        <v>62541</v>
      </c>
      <c r="E16907" s="1" t="s">
        <v>62542</v>
      </c>
      <c r="F16907" s="1" t="s">
        <v>62543</v>
      </c>
      <c r="G16907" s="1" t="s">
        <v>62512</v>
      </c>
      <c r="H16907" s="1" t="s">
        <v>62513</v>
      </c>
      <c r="I16907" s="1" t="s">
        <v>53800</v>
      </c>
      <c r="J16907" s="1" t="s">
        <v>62544</v>
      </c>
    </row>
    <row r="16908" spans="1:10" x14ac:dyDescent="0.35">
      <c r="A16908" s="1" t="s">
        <v>3534</v>
      </c>
      <c r="B16908" s="1" t="s">
        <v>53796</v>
      </c>
      <c r="C16908" s="1" t="s">
        <v>60</v>
      </c>
      <c r="D16908" s="1" t="s">
        <v>62545</v>
      </c>
      <c r="E16908" s="1" t="s">
        <v>62546</v>
      </c>
      <c r="F16908" s="1" t="s">
        <v>62547</v>
      </c>
      <c r="G16908" s="1" t="s">
        <v>62512</v>
      </c>
      <c r="H16908" s="1" t="s">
        <v>62513</v>
      </c>
      <c r="I16908" s="1" t="s">
        <v>53800</v>
      </c>
      <c r="J16908" s="1" t="s">
        <v>62548</v>
      </c>
    </row>
    <row r="16909" spans="1:10" x14ac:dyDescent="0.35">
      <c r="A16909" s="1" t="s">
        <v>3534</v>
      </c>
      <c r="B16909" s="1" t="s">
        <v>53796</v>
      </c>
      <c r="C16909" s="1" t="s">
        <v>65</v>
      </c>
      <c r="D16909" s="1" t="s">
        <v>62549</v>
      </c>
      <c r="E16909" s="1" t="s">
        <v>21148</v>
      </c>
      <c r="F16909" s="1" t="s">
        <v>62550</v>
      </c>
      <c r="G16909" s="1" t="s">
        <v>62512</v>
      </c>
      <c r="H16909" s="1" t="s">
        <v>62513</v>
      </c>
      <c r="I16909" s="1" t="s">
        <v>53800</v>
      </c>
      <c r="J16909" s="1" t="s">
        <v>62551</v>
      </c>
    </row>
    <row r="16910" spans="1:10" x14ac:dyDescent="0.35">
      <c r="A16910" s="1" t="s">
        <v>3534</v>
      </c>
      <c r="B16910" s="1" t="s">
        <v>53796</v>
      </c>
      <c r="C16910" s="1" t="s">
        <v>70</v>
      </c>
      <c r="D16910" s="1" t="s">
        <v>62552</v>
      </c>
      <c r="E16910" s="1" t="s">
        <v>62553</v>
      </c>
      <c r="F16910" s="1" t="s">
        <v>62554</v>
      </c>
      <c r="G16910" s="1" t="s">
        <v>62512</v>
      </c>
      <c r="H16910" s="1" t="s">
        <v>62513</v>
      </c>
      <c r="I16910" s="1" t="s">
        <v>53800</v>
      </c>
      <c r="J16910" s="1" t="s">
        <v>62555</v>
      </c>
    </row>
    <row r="16911" spans="1:10" x14ac:dyDescent="0.35">
      <c r="A16911" s="1" t="s">
        <v>3534</v>
      </c>
      <c r="B16911" s="1" t="s">
        <v>53796</v>
      </c>
      <c r="C16911" s="1" t="s">
        <v>75</v>
      </c>
      <c r="D16911" s="1" t="s">
        <v>57523</v>
      </c>
      <c r="E16911" s="1" t="s">
        <v>23383</v>
      </c>
      <c r="F16911" s="1" t="s">
        <v>62556</v>
      </c>
      <c r="G16911" s="1" t="s">
        <v>62512</v>
      </c>
      <c r="H16911" s="1" t="s">
        <v>62513</v>
      </c>
      <c r="I16911" s="1" t="s">
        <v>53800</v>
      </c>
      <c r="J16911" s="1" t="s">
        <v>62557</v>
      </c>
    </row>
    <row r="16912" spans="1:10" x14ac:dyDescent="0.35">
      <c r="A16912" s="1" t="s">
        <v>3534</v>
      </c>
      <c r="B16912" s="1" t="s">
        <v>53796</v>
      </c>
      <c r="C16912" s="1" t="s">
        <v>80</v>
      </c>
      <c r="D16912" s="1" t="s">
        <v>62558</v>
      </c>
      <c r="E16912" s="1" t="s">
        <v>41277</v>
      </c>
      <c r="F16912" s="1" t="s">
        <v>62559</v>
      </c>
      <c r="G16912" s="1" t="s">
        <v>62512</v>
      </c>
      <c r="H16912" s="1" t="s">
        <v>62513</v>
      </c>
      <c r="I16912" s="1" t="s">
        <v>53800</v>
      </c>
      <c r="J16912" s="1" t="s">
        <v>62560</v>
      </c>
    </row>
    <row r="16913" spans="1:10" x14ac:dyDescent="0.35">
      <c r="A16913" s="1" t="s">
        <v>3534</v>
      </c>
      <c r="B16913" s="1" t="s">
        <v>53796</v>
      </c>
      <c r="C16913" s="1" t="s">
        <v>85</v>
      </c>
      <c r="D16913" s="1" t="s">
        <v>12727</v>
      </c>
      <c r="E16913" s="1" t="s">
        <v>62561</v>
      </c>
      <c r="F16913" s="1" t="s">
        <v>62562</v>
      </c>
      <c r="G16913" s="1" t="s">
        <v>62512</v>
      </c>
      <c r="H16913" s="1" t="s">
        <v>62513</v>
      </c>
      <c r="I16913" s="1" t="s">
        <v>53800</v>
      </c>
      <c r="J16913" s="1" t="s">
        <v>62563</v>
      </c>
    </row>
    <row r="16914" spans="1:10" x14ac:dyDescent="0.35">
      <c r="A16914" s="1" t="s">
        <v>3534</v>
      </c>
      <c r="B16914" s="1" t="s">
        <v>53796</v>
      </c>
      <c r="C16914" s="1" t="s">
        <v>90</v>
      </c>
      <c r="D16914" s="1" t="s">
        <v>20813</v>
      </c>
      <c r="E16914" s="1" t="s">
        <v>56613</v>
      </c>
      <c r="F16914" s="1" t="s">
        <v>62564</v>
      </c>
      <c r="G16914" s="1" t="s">
        <v>62512</v>
      </c>
      <c r="H16914" s="1" t="s">
        <v>62513</v>
      </c>
      <c r="I16914" s="1" t="s">
        <v>53800</v>
      </c>
      <c r="J16914" s="1" t="s">
        <v>62565</v>
      </c>
    </row>
    <row r="16915" spans="1:10" x14ac:dyDescent="0.35">
      <c r="A16915" s="1" t="s">
        <v>3534</v>
      </c>
      <c r="B16915" s="1" t="s">
        <v>53796</v>
      </c>
      <c r="C16915" s="1" t="s">
        <v>95</v>
      </c>
      <c r="D16915" s="1" t="s">
        <v>8546</v>
      </c>
      <c r="E16915" s="1" t="s">
        <v>22974</v>
      </c>
      <c r="F16915" s="1" t="s">
        <v>62566</v>
      </c>
      <c r="G16915" s="1" t="s">
        <v>62512</v>
      </c>
      <c r="H16915" s="1" t="s">
        <v>62513</v>
      </c>
      <c r="I16915" s="1" t="s">
        <v>53800</v>
      </c>
      <c r="J16915" s="1" t="s">
        <v>62567</v>
      </c>
    </row>
    <row r="16916" spans="1:10" x14ac:dyDescent="0.35">
      <c r="A16916" s="1" t="s">
        <v>3534</v>
      </c>
      <c r="B16916" s="1" t="s">
        <v>53796</v>
      </c>
      <c r="C16916" s="1" t="s">
        <v>100</v>
      </c>
      <c r="D16916" s="1" t="s">
        <v>26519</v>
      </c>
      <c r="E16916" s="1" t="s">
        <v>62568</v>
      </c>
      <c r="F16916" s="1" t="s">
        <v>62569</v>
      </c>
      <c r="G16916" s="1" t="s">
        <v>62512</v>
      </c>
      <c r="H16916" s="1" t="s">
        <v>62513</v>
      </c>
      <c r="I16916" s="1" t="s">
        <v>53800</v>
      </c>
      <c r="J16916" s="1" t="s">
        <v>62570</v>
      </c>
    </row>
    <row r="16917" spans="1:10" x14ac:dyDescent="0.35">
      <c r="A16917" s="1" t="s">
        <v>3534</v>
      </c>
      <c r="B16917" s="1" t="s">
        <v>53796</v>
      </c>
      <c r="C16917" s="1" t="s">
        <v>105</v>
      </c>
      <c r="D16917" s="1" t="s">
        <v>62571</v>
      </c>
      <c r="E16917" s="1" t="s">
        <v>40627</v>
      </c>
      <c r="F16917" s="1" t="s">
        <v>62572</v>
      </c>
      <c r="G16917" s="1" t="s">
        <v>62512</v>
      </c>
      <c r="H16917" s="1" t="s">
        <v>62513</v>
      </c>
      <c r="I16917" s="1" t="s">
        <v>53800</v>
      </c>
      <c r="J16917" s="1" t="s">
        <v>62573</v>
      </c>
    </row>
    <row r="16918" spans="1:10" x14ac:dyDescent="0.35">
      <c r="A16918" s="1" t="s">
        <v>3534</v>
      </c>
      <c r="B16918" s="1" t="s">
        <v>53796</v>
      </c>
      <c r="C16918" s="1" t="s">
        <v>110</v>
      </c>
      <c r="D16918" s="1" t="s">
        <v>62574</v>
      </c>
      <c r="E16918" s="1" t="s">
        <v>62575</v>
      </c>
      <c r="F16918" s="1" t="s">
        <v>62576</v>
      </c>
      <c r="G16918" s="1" t="s">
        <v>62512</v>
      </c>
      <c r="H16918" s="1" t="s">
        <v>62513</v>
      </c>
      <c r="I16918" s="1" t="s">
        <v>53800</v>
      </c>
      <c r="J16918" s="1" t="s">
        <v>62577</v>
      </c>
    </row>
    <row r="16919" spans="1:10" x14ac:dyDescent="0.35">
      <c r="A16919" s="1" t="s">
        <v>3534</v>
      </c>
      <c r="B16919" s="1" t="s">
        <v>53796</v>
      </c>
      <c r="C16919" s="1" t="s">
        <v>115</v>
      </c>
      <c r="D16919" s="1" t="s">
        <v>62578</v>
      </c>
      <c r="E16919" s="1" t="s">
        <v>55107</v>
      </c>
      <c r="F16919" s="1" t="s">
        <v>62579</v>
      </c>
      <c r="G16919" s="1" t="s">
        <v>62512</v>
      </c>
      <c r="H16919" s="1" t="s">
        <v>62513</v>
      </c>
      <c r="I16919" s="1" t="s">
        <v>53800</v>
      </c>
      <c r="J16919" s="1" t="s">
        <v>62580</v>
      </c>
    </row>
    <row r="16920" spans="1:10" x14ac:dyDescent="0.35">
      <c r="A16920" s="1" t="s">
        <v>3534</v>
      </c>
      <c r="B16920" s="1" t="s">
        <v>53796</v>
      </c>
      <c r="C16920" s="1" t="s">
        <v>120</v>
      </c>
      <c r="D16920" s="1" t="s">
        <v>62581</v>
      </c>
      <c r="E16920" s="1" t="s">
        <v>22954</v>
      </c>
      <c r="F16920" s="1" t="s">
        <v>62582</v>
      </c>
      <c r="G16920" s="1" t="s">
        <v>62512</v>
      </c>
      <c r="H16920" s="1" t="s">
        <v>62513</v>
      </c>
      <c r="I16920" s="1" t="s">
        <v>53800</v>
      </c>
      <c r="J16920" s="1" t="s">
        <v>62583</v>
      </c>
    </row>
    <row r="16921" spans="1:10" x14ac:dyDescent="0.35">
      <c r="A16921" s="1" t="s">
        <v>3534</v>
      </c>
      <c r="B16921" s="1" t="s">
        <v>53796</v>
      </c>
      <c r="C16921" s="1" t="s">
        <v>125</v>
      </c>
      <c r="D16921" s="1" t="s">
        <v>62584</v>
      </c>
      <c r="E16921" s="1" t="s">
        <v>62585</v>
      </c>
      <c r="F16921" s="1" t="s">
        <v>41469</v>
      </c>
      <c r="G16921" s="1" t="s">
        <v>62512</v>
      </c>
      <c r="H16921" s="1" t="s">
        <v>62513</v>
      </c>
      <c r="I16921" s="1" t="s">
        <v>53800</v>
      </c>
      <c r="J16921" s="1" t="s">
        <v>62586</v>
      </c>
    </row>
    <row r="16922" spans="1:10" x14ac:dyDescent="0.35">
      <c r="A16922" s="1" t="s">
        <v>3534</v>
      </c>
      <c r="B16922" s="1" t="s">
        <v>53796</v>
      </c>
      <c r="C16922" s="1" t="s">
        <v>130</v>
      </c>
      <c r="D16922" s="1" t="s">
        <v>62587</v>
      </c>
      <c r="E16922" s="1" t="s">
        <v>54383</v>
      </c>
      <c r="F16922" s="1" t="s">
        <v>62588</v>
      </c>
      <c r="G16922" s="1" t="s">
        <v>62512</v>
      </c>
      <c r="H16922" s="1" t="s">
        <v>62513</v>
      </c>
      <c r="I16922" s="1" t="s">
        <v>53800</v>
      </c>
      <c r="J16922" s="1" t="s">
        <v>62589</v>
      </c>
    </row>
    <row r="16923" spans="1:10" x14ac:dyDescent="0.35">
      <c r="A16923" s="1" t="s">
        <v>3534</v>
      </c>
      <c r="B16923" s="1" t="s">
        <v>53796</v>
      </c>
      <c r="C16923" s="1" t="s">
        <v>135</v>
      </c>
      <c r="D16923" s="1" t="s">
        <v>58631</v>
      </c>
      <c r="E16923" s="1" t="s">
        <v>54391</v>
      </c>
      <c r="F16923" s="1" t="s">
        <v>62590</v>
      </c>
      <c r="G16923" s="1" t="s">
        <v>62512</v>
      </c>
      <c r="H16923" s="1" t="s">
        <v>62513</v>
      </c>
      <c r="I16923" s="1" t="s">
        <v>53800</v>
      </c>
      <c r="J16923" s="1" t="s">
        <v>62591</v>
      </c>
    </row>
    <row r="16924" spans="1:10" x14ac:dyDescent="0.35">
      <c r="A16924" s="1" t="s">
        <v>3534</v>
      </c>
      <c r="B16924" s="1" t="s">
        <v>53796</v>
      </c>
      <c r="C16924" s="1" t="s">
        <v>140</v>
      </c>
      <c r="D16924" s="1" t="s">
        <v>62592</v>
      </c>
      <c r="E16924" s="1" t="s">
        <v>62593</v>
      </c>
      <c r="F16924" s="1" t="s">
        <v>62594</v>
      </c>
      <c r="G16924" s="1" t="s">
        <v>62512</v>
      </c>
      <c r="H16924" s="1" t="s">
        <v>62513</v>
      </c>
      <c r="I16924" s="1" t="s">
        <v>53800</v>
      </c>
      <c r="J16924" s="1" t="s">
        <v>62595</v>
      </c>
    </row>
    <row r="16925" spans="1:10" x14ac:dyDescent="0.35">
      <c r="A16925" s="1" t="s">
        <v>3534</v>
      </c>
      <c r="B16925" s="1" t="s">
        <v>53796</v>
      </c>
      <c r="C16925" s="1" t="s">
        <v>145</v>
      </c>
      <c r="D16925" s="1" t="s">
        <v>62596</v>
      </c>
      <c r="E16925" s="1" t="s">
        <v>22040</v>
      </c>
      <c r="F16925" s="1" t="s">
        <v>62597</v>
      </c>
      <c r="G16925" s="1" t="s">
        <v>62512</v>
      </c>
      <c r="H16925" s="1" t="s">
        <v>62513</v>
      </c>
      <c r="I16925" s="1" t="s">
        <v>53800</v>
      </c>
      <c r="J16925" s="1" t="s">
        <v>62598</v>
      </c>
    </row>
    <row r="16926" spans="1:10" x14ac:dyDescent="0.35">
      <c r="A16926" s="1" t="s">
        <v>3534</v>
      </c>
      <c r="B16926" s="1" t="s">
        <v>53796</v>
      </c>
      <c r="C16926" s="1" t="s">
        <v>150</v>
      </c>
      <c r="D16926" s="1" t="s">
        <v>62599</v>
      </c>
      <c r="E16926" s="1" t="s">
        <v>41414</v>
      </c>
      <c r="F16926" s="1" t="s">
        <v>62600</v>
      </c>
      <c r="G16926" s="1" t="s">
        <v>62512</v>
      </c>
      <c r="H16926" s="1" t="s">
        <v>62513</v>
      </c>
      <c r="I16926" s="1" t="s">
        <v>53800</v>
      </c>
      <c r="J16926" s="1" t="s">
        <v>62601</v>
      </c>
    </row>
    <row r="16927" spans="1:10" x14ac:dyDescent="0.35">
      <c r="A16927" s="1" t="s">
        <v>3534</v>
      </c>
      <c r="B16927" s="1" t="s">
        <v>53796</v>
      </c>
      <c r="C16927" s="1" t="s">
        <v>155</v>
      </c>
      <c r="D16927" s="1" t="s">
        <v>62602</v>
      </c>
      <c r="E16927" s="1" t="s">
        <v>55907</v>
      </c>
      <c r="F16927" s="1" t="s">
        <v>55214</v>
      </c>
      <c r="G16927" s="1" t="s">
        <v>62512</v>
      </c>
      <c r="H16927" s="1" t="s">
        <v>62513</v>
      </c>
      <c r="I16927" s="1" t="s">
        <v>53800</v>
      </c>
      <c r="J16927" s="1" t="s">
        <v>62603</v>
      </c>
    </row>
    <row r="16928" spans="1:10" x14ac:dyDescent="0.35">
      <c r="A16928" s="1" t="s">
        <v>3534</v>
      </c>
      <c r="B16928" s="1" t="s">
        <v>53796</v>
      </c>
      <c r="C16928" s="1" t="s">
        <v>160</v>
      </c>
      <c r="D16928" s="1" t="s">
        <v>62604</v>
      </c>
      <c r="E16928" s="1" t="s">
        <v>21749</v>
      </c>
      <c r="F16928" s="1" t="s">
        <v>62605</v>
      </c>
      <c r="G16928" s="1" t="s">
        <v>62512</v>
      </c>
      <c r="H16928" s="1" t="s">
        <v>62513</v>
      </c>
      <c r="I16928" s="1" t="s">
        <v>53800</v>
      </c>
      <c r="J16928" s="1" t="s">
        <v>62606</v>
      </c>
    </row>
    <row r="16929" spans="1:10" x14ac:dyDescent="0.35">
      <c r="A16929" s="1" t="s">
        <v>3534</v>
      </c>
      <c r="B16929" s="1" t="s">
        <v>53796</v>
      </c>
      <c r="C16929" s="1" t="s">
        <v>165</v>
      </c>
      <c r="D16929" s="1" t="s">
        <v>62607</v>
      </c>
      <c r="E16929" s="1" t="s">
        <v>40627</v>
      </c>
      <c r="F16929" s="1" t="s">
        <v>62608</v>
      </c>
      <c r="G16929" s="1" t="s">
        <v>62512</v>
      </c>
      <c r="H16929" s="1" t="s">
        <v>62513</v>
      </c>
      <c r="I16929" s="1" t="s">
        <v>53800</v>
      </c>
      <c r="J16929" s="1" t="s">
        <v>62609</v>
      </c>
    </row>
    <row r="16930" spans="1:10" x14ac:dyDescent="0.35">
      <c r="A16930" s="1" t="s">
        <v>3534</v>
      </c>
      <c r="B16930" s="1" t="s">
        <v>53796</v>
      </c>
      <c r="C16930" s="1" t="s">
        <v>170</v>
      </c>
      <c r="D16930" s="1" t="s">
        <v>62610</v>
      </c>
      <c r="E16930" s="1" t="s">
        <v>41425</v>
      </c>
      <c r="F16930" s="1" t="s">
        <v>62611</v>
      </c>
      <c r="G16930" s="1" t="s">
        <v>62512</v>
      </c>
      <c r="H16930" s="1" t="s">
        <v>62513</v>
      </c>
      <c r="I16930" s="1" t="s">
        <v>53800</v>
      </c>
      <c r="J16930" s="1" t="s">
        <v>62612</v>
      </c>
    </row>
    <row r="16931" spans="1:10" x14ac:dyDescent="0.35">
      <c r="A16931" s="1" t="s">
        <v>13991</v>
      </c>
      <c r="B16931" s="1" t="s">
        <v>53796</v>
      </c>
      <c r="C16931" s="1" t="s">
        <v>8</v>
      </c>
      <c r="D16931" s="1" t="s">
        <v>62613</v>
      </c>
      <c r="E16931" s="1" t="s">
        <v>57544</v>
      </c>
      <c r="F16931" s="1" t="s">
        <v>57591</v>
      </c>
      <c r="G16931" s="1" t="s">
        <v>62614</v>
      </c>
      <c r="H16931" s="1" t="s">
        <v>62615</v>
      </c>
      <c r="I16931" s="1" t="s">
        <v>53800</v>
      </c>
      <c r="J16931" s="1" t="s">
        <v>13</v>
      </c>
    </row>
    <row r="16932" spans="1:10" x14ac:dyDescent="0.35">
      <c r="A16932" s="1" t="s">
        <v>13991</v>
      </c>
      <c r="B16932" s="1" t="s">
        <v>53796</v>
      </c>
      <c r="C16932" s="1" t="s">
        <v>15</v>
      </c>
      <c r="D16932" s="1" t="s">
        <v>62616</v>
      </c>
      <c r="E16932" s="1" t="s">
        <v>58565</v>
      </c>
      <c r="F16932" s="1" t="s">
        <v>62617</v>
      </c>
      <c r="G16932" s="1" t="s">
        <v>62614</v>
      </c>
      <c r="H16932" s="1" t="s">
        <v>62615</v>
      </c>
      <c r="I16932" s="1" t="s">
        <v>53800</v>
      </c>
      <c r="J16932" s="1" t="s">
        <v>62618</v>
      </c>
    </row>
    <row r="16933" spans="1:10" x14ac:dyDescent="0.35">
      <c r="A16933" s="1" t="s">
        <v>13991</v>
      </c>
      <c r="B16933" s="1" t="s">
        <v>53796</v>
      </c>
      <c r="C16933" s="1" t="s">
        <v>20</v>
      </c>
      <c r="D16933" s="1" t="s">
        <v>62619</v>
      </c>
      <c r="E16933" s="1" t="s">
        <v>21902</v>
      </c>
      <c r="F16933" s="1" t="s">
        <v>32330</v>
      </c>
      <c r="G16933" s="1" t="s">
        <v>62614</v>
      </c>
      <c r="H16933" s="1" t="s">
        <v>62615</v>
      </c>
      <c r="I16933" s="1" t="s">
        <v>53800</v>
      </c>
      <c r="J16933" s="1" t="s">
        <v>62620</v>
      </c>
    </row>
    <row r="16934" spans="1:10" x14ac:dyDescent="0.35">
      <c r="A16934" s="1" t="s">
        <v>13991</v>
      </c>
      <c r="B16934" s="1" t="s">
        <v>53796</v>
      </c>
      <c r="C16934" s="1" t="s">
        <v>25</v>
      </c>
      <c r="D16934" s="1" t="s">
        <v>62621</v>
      </c>
      <c r="E16934" s="1" t="s">
        <v>58349</v>
      </c>
      <c r="F16934" s="1" t="s">
        <v>62622</v>
      </c>
      <c r="G16934" s="1" t="s">
        <v>62614</v>
      </c>
      <c r="H16934" s="1" t="s">
        <v>62615</v>
      </c>
      <c r="I16934" s="1" t="s">
        <v>53800</v>
      </c>
      <c r="J16934" s="1" t="s">
        <v>62623</v>
      </c>
    </row>
    <row r="16935" spans="1:10" x14ac:dyDescent="0.35">
      <c r="A16935" s="1" t="s">
        <v>13991</v>
      </c>
      <c r="B16935" s="1" t="s">
        <v>53796</v>
      </c>
      <c r="C16935" s="1" t="s">
        <v>30</v>
      </c>
      <c r="D16935" s="1" t="s">
        <v>26758</v>
      </c>
      <c r="E16935" s="1" t="s">
        <v>54751</v>
      </c>
      <c r="F16935" s="1" t="s">
        <v>62624</v>
      </c>
      <c r="G16935" s="1" t="s">
        <v>62614</v>
      </c>
      <c r="H16935" s="1" t="s">
        <v>62615</v>
      </c>
      <c r="I16935" s="1" t="s">
        <v>53800</v>
      </c>
      <c r="J16935" s="1" t="s">
        <v>62625</v>
      </c>
    </row>
    <row r="16936" spans="1:10" x14ac:dyDescent="0.35">
      <c r="A16936" s="1" t="s">
        <v>13991</v>
      </c>
      <c r="B16936" s="1" t="s">
        <v>53796</v>
      </c>
      <c r="C16936" s="1" t="s">
        <v>35</v>
      </c>
      <c r="D16936" s="1" t="s">
        <v>62626</v>
      </c>
      <c r="E16936" s="1" t="s">
        <v>41348</v>
      </c>
      <c r="F16936" s="1" t="s">
        <v>62627</v>
      </c>
      <c r="G16936" s="1" t="s">
        <v>62614</v>
      </c>
      <c r="H16936" s="1" t="s">
        <v>62615</v>
      </c>
      <c r="I16936" s="1" t="s">
        <v>53800</v>
      </c>
      <c r="J16936" s="1" t="s">
        <v>62628</v>
      </c>
    </row>
    <row r="16937" spans="1:10" x14ac:dyDescent="0.35">
      <c r="A16937" s="1" t="s">
        <v>13991</v>
      </c>
      <c r="B16937" s="1" t="s">
        <v>53796</v>
      </c>
      <c r="C16937" s="1" t="s">
        <v>40</v>
      </c>
      <c r="D16937" s="1" t="s">
        <v>62629</v>
      </c>
      <c r="E16937" s="1" t="s">
        <v>21599</v>
      </c>
      <c r="F16937" s="1" t="s">
        <v>62630</v>
      </c>
      <c r="G16937" s="1" t="s">
        <v>62614</v>
      </c>
      <c r="H16937" s="1" t="s">
        <v>62615</v>
      </c>
      <c r="I16937" s="1" t="s">
        <v>53800</v>
      </c>
      <c r="J16937" s="1" t="s">
        <v>62631</v>
      </c>
    </row>
    <row r="16938" spans="1:10" x14ac:dyDescent="0.35">
      <c r="A16938" s="1" t="s">
        <v>13991</v>
      </c>
      <c r="B16938" s="1" t="s">
        <v>53796</v>
      </c>
      <c r="C16938" s="1" t="s">
        <v>45</v>
      </c>
      <c r="D16938" s="1" t="s">
        <v>62632</v>
      </c>
      <c r="E16938" s="1" t="s">
        <v>60199</v>
      </c>
      <c r="F16938" s="1" t="s">
        <v>62633</v>
      </c>
      <c r="G16938" s="1" t="s">
        <v>62614</v>
      </c>
      <c r="H16938" s="1" t="s">
        <v>62615</v>
      </c>
      <c r="I16938" s="1" t="s">
        <v>53800</v>
      </c>
      <c r="J16938" s="1" t="s">
        <v>62634</v>
      </c>
    </row>
    <row r="16939" spans="1:10" x14ac:dyDescent="0.35">
      <c r="A16939" s="1" t="s">
        <v>13991</v>
      </c>
      <c r="B16939" s="1" t="s">
        <v>53796</v>
      </c>
      <c r="C16939" s="1" t="s">
        <v>50</v>
      </c>
      <c r="D16939" s="1" t="s">
        <v>62635</v>
      </c>
      <c r="E16939" s="1" t="s">
        <v>54371</v>
      </c>
      <c r="F16939" s="1" t="s">
        <v>62636</v>
      </c>
      <c r="G16939" s="1" t="s">
        <v>62614</v>
      </c>
      <c r="H16939" s="1" t="s">
        <v>62615</v>
      </c>
      <c r="I16939" s="1" t="s">
        <v>53800</v>
      </c>
      <c r="J16939" s="1" t="s">
        <v>62637</v>
      </c>
    </row>
    <row r="16940" spans="1:10" x14ac:dyDescent="0.35">
      <c r="A16940" s="1" t="s">
        <v>13991</v>
      </c>
      <c r="B16940" s="1" t="s">
        <v>53796</v>
      </c>
      <c r="C16940" s="1" t="s">
        <v>55</v>
      </c>
      <c r="D16940" s="1" t="s">
        <v>26913</v>
      </c>
      <c r="E16940" s="1" t="s">
        <v>41206</v>
      </c>
      <c r="F16940" s="1" t="s">
        <v>62638</v>
      </c>
      <c r="G16940" s="1" t="s">
        <v>62614</v>
      </c>
      <c r="H16940" s="1" t="s">
        <v>62615</v>
      </c>
      <c r="I16940" s="1" t="s">
        <v>53800</v>
      </c>
      <c r="J16940" s="1" t="s">
        <v>62639</v>
      </c>
    </row>
    <row r="16941" spans="1:10" x14ac:dyDescent="0.35">
      <c r="A16941" s="1" t="s">
        <v>13991</v>
      </c>
      <c r="B16941" s="1" t="s">
        <v>53796</v>
      </c>
      <c r="C16941" s="1" t="s">
        <v>60</v>
      </c>
      <c r="D16941" s="1" t="s">
        <v>62640</v>
      </c>
      <c r="E16941" s="1" t="s">
        <v>31435</v>
      </c>
      <c r="F16941" s="1" t="s">
        <v>62641</v>
      </c>
      <c r="G16941" s="1" t="s">
        <v>62614</v>
      </c>
      <c r="H16941" s="1" t="s">
        <v>62615</v>
      </c>
      <c r="I16941" s="1" t="s">
        <v>53800</v>
      </c>
      <c r="J16941" s="1" t="s">
        <v>62642</v>
      </c>
    </row>
    <row r="16942" spans="1:10" x14ac:dyDescent="0.35">
      <c r="A16942" s="1" t="s">
        <v>13991</v>
      </c>
      <c r="B16942" s="1" t="s">
        <v>53796</v>
      </c>
      <c r="C16942" s="1" t="s">
        <v>65</v>
      </c>
      <c r="D16942" s="1" t="s">
        <v>62643</v>
      </c>
      <c r="E16942" s="1" t="s">
        <v>31401</v>
      </c>
      <c r="F16942" s="1" t="s">
        <v>62644</v>
      </c>
      <c r="G16942" s="1" t="s">
        <v>62614</v>
      </c>
      <c r="H16942" s="1" t="s">
        <v>62615</v>
      </c>
      <c r="I16942" s="1" t="s">
        <v>53800</v>
      </c>
      <c r="J16942" s="1" t="s">
        <v>62645</v>
      </c>
    </row>
    <row r="16943" spans="1:10" x14ac:dyDescent="0.35">
      <c r="A16943" s="1" t="s">
        <v>13991</v>
      </c>
      <c r="B16943" s="1" t="s">
        <v>53796</v>
      </c>
      <c r="C16943" s="1" t="s">
        <v>70</v>
      </c>
      <c r="D16943" s="1" t="s">
        <v>62646</v>
      </c>
      <c r="E16943" s="1" t="s">
        <v>21803</v>
      </c>
      <c r="F16943" s="1" t="s">
        <v>62647</v>
      </c>
      <c r="G16943" s="1" t="s">
        <v>62614</v>
      </c>
      <c r="H16943" s="1" t="s">
        <v>62615</v>
      </c>
      <c r="I16943" s="1" t="s">
        <v>53800</v>
      </c>
      <c r="J16943" s="1" t="s">
        <v>62648</v>
      </c>
    </row>
    <row r="16944" spans="1:10" x14ac:dyDescent="0.35">
      <c r="A16944" s="1" t="s">
        <v>13991</v>
      </c>
      <c r="B16944" s="1" t="s">
        <v>53796</v>
      </c>
      <c r="C16944" s="1" t="s">
        <v>75</v>
      </c>
      <c r="D16944" s="1" t="s">
        <v>57264</v>
      </c>
      <c r="E16944" s="1" t="s">
        <v>58546</v>
      </c>
      <c r="F16944" s="1" t="s">
        <v>57994</v>
      </c>
      <c r="G16944" s="1" t="s">
        <v>62614</v>
      </c>
      <c r="H16944" s="1" t="s">
        <v>62615</v>
      </c>
      <c r="I16944" s="1" t="s">
        <v>53800</v>
      </c>
      <c r="J16944" s="1" t="s">
        <v>62649</v>
      </c>
    </row>
    <row r="16945" spans="1:10" x14ac:dyDescent="0.35">
      <c r="A16945" s="1" t="s">
        <v>13991</v>
      </c>
      <c r="B16945" s="1" t="s">
        <v>53796</v>
      </c>
      <c r="C16945" s="1" t="s">
        <v>80</v>
      </c>
      <c r="D16945" s="1" t="s">
        <v>62650</v>
      </c>
      <c r="E16945" s="1" t="s">
        <v>21945</v>
      </c>
      <c r="F16945" s="1" t="s">
        <v>31535</v>
      </c>
      <c r="G16945" s="1" t="s">
        <v>62614</v>
      </c>
      <c r="H16945" s="1" t="s">
        <v>62615</v>
      </c>
      <c r="I16945" s="1" t="s">
        <v>53800</v>
      </c>
      <c r="J16945" s="1" t="s">
        <v>62651</v>
      </c>
    </row>
    <row r="16946" spans="1:10" x14ac:dyDescent="0.35">
      <c r="A16946" s="1" t="s">
        <v>13991</v>
      </c>
      <c r="B16946" s="1" t="s">
        <v>53796</v>
      </c>
      <c r="C16946" s="1" t="s">
        <v>85</v>
      </c>
      <c r="D16946" s="1" t="s">
        <v>62652</v>
      </c>
      <c r="E16946" s="1" t="s">
        <v>22076</v>
      </c>
      <c r="F16946" s="1" t="s">
        <v>58434</v>
      </c>
      <c r="G16946" s="1" t="s">
        <v>62614</v>
      </c>
      <c r="H16946" s="1" t="s">
        <v>62615</v>
      </c>
      <c r="I16946" s="1" t="s">
        <v>53800</v>
      </c>
      <c r="J16946" s="1" t="s">
        <v>62653</v>
      </c>
    </row>
    <row r="16947" spans="1:10" x14ac:dyDescent="0.35">
      <c r="A16947" s="1" t="s">
        <v>13991</v>
      </c>
      <c r="B16947" s="1" t="s">
        <v>53796</v>
      </c>
      <c r="C16947" s="1" t="s">
        <v>90</v>
      </c>
      <c r="D16947" s="1" t="s">
        <v>39900</v>
      </c>
      <c r="E16947" s="1" t="s">
        <v>54659</v>
      </c>
      <c r="F16947" s="1" t="s">
        <v>62654</v>
      </c>
      <c r="G16947" s="1" t="s">
        <v>62614</v>
      </c>
      <c r="H16947" s="1" t="s">
        <v>62615</v>
      </c>
      <c r="I16947" s="1" t="s">
        <v>53800</v>
      </c>
      <c r="J16947" s="1" t="s">
        <v>62655</v>
      </c>
    </row>
    <row r="16948" spans="1:10" x14ac:dyDescent="0.35">
      <c r="A16948" s="1" t="s">
        <v>13991</v>
      </c>
      <c r="B16948" s="1" t="s">
        <v>53796</v>
      </c>
      <c r="C16948" s="1" t="s">
        <v>95</v>
      </c>
      <c r="D16948" s="1" t="s">
        <v>62656</v>
      </c>
      <c r="E16948" s="1" t="s">
        <v>23404</v>
      </c>
      <c r="F16948" s="1" t="s">
        <v>57591</v>
      </c>
      <c r="G16948" s="1" t="s">
        <v>62614</v>
      </c>
      <c r="H16948" s="1" t="s">
        <v>62615</v>
      </c>
      <c r="I16948" s="1" t="s">
        <v>53800</v>
      </c>
      <c r="J16948" s="1" t="s">
        <v>62657</v>
      </c>
    </row>
    <row r="16949" spans="1:10" x14ac:dyDescent="0.35">
      <c r="A16949" s="1" t="s">
        <v>13991</v>
      </c>
      <c r="B16949" s="1" t="s">
        <v>53796</v>
      </c>
      <c r="C16949" s="1" t="s">
        <v>100</v>
      </c>
      <c r="D16949" s="1" t="s">
        <v>62658</v>
      </c>
      <c r="E16949" s="1" t="s">
        <v>24377</v>
      </c>
      <c r="F16949" s="1" t="s">
        <v>62659</v>
      </c>
      <c r="G16949" s="1" t="s">
        <v>62614</v>
      </c>
      <c r="H16949" s="1" t="s">
        <v>62615</v>
      </c>
      <c r="I16949" s="1" t="s">
        <v>53800</v>
      </c>
      <c r="J16949" s="1" t="s">
        <v>62660</v>
      </c>
    </row>
    <row r="16950" spans="1:10" x14ac:dyDescent="0.35">
      <c r="A16950" s="1" t="s">
        <v>13991</v>
      </c>
      <c r="B16950" s="1" t="s">
        <v>53796</v>
      </c>
      <c r="C16950" s="1" t="s">
        <v>105</v>
      </c>
      <c r="D16950" s="1" t="s">
        <v>22694</v>
      </c>
      <c r="E16950" s="1" t="s">
        <v>58534</v>
      </c>
      <c r="F16950" s="1" t="s">
        <v>62661</v>
      </c>
      <c r="G16950" s="1" t="s">
        <v>62614</v>
      </c>
      <c r="H16950" s="1" t="s">
        <v>62615</v>
      </c>
      <c r="I16950" s="1" t="s">
        <v>53800</v>
      </c>
      <c r="J16950" s="1" t="s">
        <v>62662</v>
      </c>
    </row>
    <row r="16951" spans="1:10" x14ac:dyDescent="0.35">
      <c r="A16951" s="1" t="s">
        <v>13991</v>
      </c>
      <c r="B16951" s="1" t="s">
        <v>53796</v>
      </c>
      <c r="C16951" s="1" t="s">
        <v>110</v>
      </c>
      <c r="D16951" s="1" t="s">
        <v>62663</v>
      </c>
      <c r="E16951" s="1" t="s">
        <v>23006</v>
      </c>
      <c r="F16951" s="1" t="s">
        <v>62664</v>
      </c>
      <c r="G16951" s="1" t="s">
        <v>62614</v>
      </c>
      <c r="H16951" s="1" t="s">
        <v>62615</v>
      </c>
      <c r="I16951" s="1" t="s">
        <v>53800</v>
      </c>
      <c r="J16951" s="1" t="s">
        <v>62665</v>
      </c>
    </row>
    <row r="16952" spans="1:10" x14ac:dyDescent="0.35">
      <c r="A16952" s="1" t="s">
        <v>13991</v>
      </c>
      <c r="B16952" s="1" t="s">
        <v>53796</v>
      </c>
      <c r="C16952" s="1" t="s">
        <v>115</v>
      </c>
      <c r="D16952" s="1" t="s">
        <v>62666</v>
      </c>
      <c r="E16952" s="1" t="s">
        <v>21834</v>
      </c>
      <c r="F16952" s="1" t="s">
        <v>62667</v>
      </c>
      <c r="G16952" s="1" t="s">
        <v>62614</v>
      </c>
      <c r="H16952" s="1" t="s">
        <v>62615</v>
      </c>
      <c r="I16952" s="1" t="s">
        <v>53800</v>
      </c>
      <c r="J16952" s="1" t="s">
        <v>62668</v>
      </c>
    </row>
    <row r="16953" spans="1:10" x14ac:dyDescent="0.35">
      <c r="A16953" s="1" t="s">
        <v>13991</v>
      </c>
      <c r="B16953" s="1" t="s">
        <v>53796</v>
      </c>
      <c r="C16953" s="1" t="s">
        <v>120</v>
      </c>
      <c r="D16953" s="1" t="s">
        <v>62669</v>
      </c>
      <c r="E16953" s="1" t="s">
        <v>41442</v>
      </c>
      <c r="F16953" s="1" t="s">
        <v>62670</v>
      </c>
      <c r="G16953" s="1" t="s">
        <v>62614</v>
      </c>
      <c r="H16953" s="1" t="s">
        <v>62615</v>
      </c>
      <c r="I16953" s="1" t="s">
        <v>53800</v>
      </c>
      <c r="J16953" s="1" t="s">
        <v>62671</v>
      </c>
    </row>
    <row r="16954" spans="1:10" x14ac:dyDescent="0.35">
      <c r="A16954" s="1" t="s">
        <v>13991</v>
      </c>
      <c r="B16954" s="1" t="s">
        <v>53796</v>
      </c>
      <c r="C16954" s="1" t="s">
        <v>125</v>
      </c>
      <c r="D16954" s="1" t="s">
        <v>62672</v>
      </c>
      <c r="E16954" s="1" t="s">
        <v>55344</v>
      </c>
      <c r="F16954" s="1" t="s">
        <v>62673</v>
      </c>
      <c r="G16954" s="1" t="s">
        <v>62614</v>
      </c>
      <c r="H16954" s="1" t="s">
        <v>62615</v>
      </c>
      <c r="I16954" s="1" t="s">
        <v>53800</v>
      </c>
      <c r="J16954" s="1" t="s">
        <v>62674</v>
      </c>
    </row>
    <row r="16955" spans="1:10" x14ac:dyDescent="0.35">
      <c r="A16955" s="1" t="s">
        <v>13991</v>
      </c>
      <c r="B16955" s="1" t="s">
        <v>53796</v>
      </c>
      <c r="C16955" s="1" t="s">
        <v>130</v>
      </c>
      <c r="D16955" s="1" t="s">
        <v>62675</v>
      </c>
      <c r="E16955" s="1" t="s">
        <v>24242</v>
      </c>
      <c r="F16955" s="1" t="s">
        <v>62676</v>
      </c>
      <c r="G16955" s="1" t="s">
        <v>62614</v>
      </c>
      <c r="H16955" s="1" t="s">
        <v>62615</v>
      </c>
      <c r="I16955" s="1" t="s">
        <v>53800</v>
      </c>
      <c r="J16955" s="1" t="s">
        <v>62677</v>
      </c>
    </row>
    <row r="16956" spans="1:10" x14ac:dyDescent="0.35">
      <c r="A16956" s="1" t="s">
        <v>13991</v>
      </c>
      <c r="B16956" s="1" t="s">
        <v>53796</v>
      </c>
      <c r="C16956" s="1" t="s">
        <v>135</v>
      </c>
      <c r="D16956" s="1" t="s">
        <v>20861</v>
      </c>
      <c r="E16956" s="1" t="s">
        <v>57082</v>
      </c>
      <c r="F16956" s="1" t="s">
        <v>62678</v>
      </c>
      <c r="G16956" s="1" t="s">
        <v>62614</v>
      </c>
      <c r="H16956" s="1" t="s">
        <v>62615</v>
      </c>
      <c r="I16956" s="1" t="s">
        <v>53800</v>
      </c>
      <c r="J16956" s="1" t="s">
        <v>62679</v>
      </c>
    </row>
    <row r="16957" spans="1:10" x14ac:dyDescent="0.35">
      <c r="A16957" s="1" t="s">
        <v>13991</v>
      </c>
      <c r="B16957" s="1" t="s">
        <v>53796</v>
      </c>
      <c r="C16957" s="1" t="s">
        <v>140</v>
      </c>
      <c r="D16957" s="1" t="s">
        <v>62680</v>
      </c>
      <c r="E16957" s="1" t="s">
        <v>62433</v>
      </c>
      <c r="F16957" s="1" t="s">
        <v>62681</v>
      </c>
      <c r="G16957" s="1" t="s">
        <v>62614</v>
      </c>
      <c r="H16957" s="1" t="s">
        <v>62615</v>
      </c>
      <c r="I16957" s="1" t="s">
        <v>53800</v>
      </c>
      <c r="J16957" s="1" t="s">
        <v>62682</v>
      </c>
    </row>
    <row r="16958" spans="1:10" x14ac:dyDescent="0.35">
      <c r="A16958" s="1" t="s">
        <v>13991</v>
      </c>
      <c r="B16958" s="1" t="s">
        <v>53796</v>
      </c>
      <c r="C16958" s="1" t="s">
        <v>145</v>
      </c>
      <c r="D16958" s="1" t="s">
        <v>23190</v>
      </c>
      <c r="E16958" s="1" t="s">
        <v>23164</v>
      </c>
      <c r="F16958" s="1" t="s">
        <v>62683</v>
      </c>
      <c r="G16958" s="1" t="s">
        <v>62614</v>
      </c>
      <c r="H16958" s="1" t="s">
        <v>62615</v>
      </c>
      <c r="I16958" s="1" t="s">
        <v>53800</v>
      </c>
      <c r="J16958" s="1" t="s">
        <v>62684</v>
      </c>
    </row>
    <row r="16959" spans="1:10" x14ac:dyDescent="0.35">
      <c r="A16959" s="1" t="s">
        <v>13991</v>
      </c>
      <c r="B16959" s="1" t="s">
        <v>53796</v>
      </c>
      <c r="C16959" s="1" t="s">
        <v>150</v>
      </c>
      <c r="D16959" s="1" t="s">
        <v>62685</v>
      </c>
      <c r="E16959" s="1" t="s">
        <v>31717</v>
      </c>
      <c r="F16959" s="1" t="s">
        <v>62686</v>
      </c>
      <c r="G16959" s="1" t="s">
        <v>62614</v>
      </c>
      <c r="H16959" s="1" t="s">
        <v>62615</v>
      </c>
      <c r="I16959" s="1" t="s">
        <v>53800</v>
      </c>
      <c r="J16959" s="1" t="s">
        <v>62687</v>
      </c>
    </row>
    <row r="16960" spans="1:10" x14ac:dyDescent="0.35">
      <c r="A16960" s="1" t="s">
        <v>13991</v>
      </c>
      <c r="B16960" s="1" t="s">
        <v>53796</v>
      </c>
      <c r="C16960" s="1" t="s">
        <v>155</v>
      </c>
      <c r="D16960" s="1" t="s">
        <v>62688</v>
      </c>
      <c r="E16960" s="1" t="s">
        <v>31869</v>
      </c>
      <c r="F16960" s="1" t="s">
        <v>62689</v>
      </c>
      <c r="G16960" s="1" t="s">
        <v>62614</v>
      </c>
      <c r="H16960" s="1" t="s">
        <v>62615</v>
      </c>
      <c r="I16960" s="1" t="s">
        <v>53800</v>
      </c>
      <c r="J16960" s="1" t="s">
        <v>62690</v>
      </c>
    </row>
    <row r="16961" spans="1:10" x14ac:dyDescent="0.35">
      <c r="A16961" s="1" t="s">
        <v>13991</v>
      </c>
      <c r="B16961" s="1" t="s">
        <v>53796</v>
      </c>
      <c r="C16961" s="1" t="s">
        <v>160</v>
      </c>
      <c r="D16961" s="1" t="s">
        <v>62680</v>
      </c>
      <c r="E16961" s="1" t="s">
        <v>31480</v>
      </c>
      <c r="F16961" s="1" t="s">
        <v>59012</v>
      </c>
      <c r="G16961" s="1" t="s">
        <v>62614</v>
      </c>
      <c r="H16961" s="1" t="s">
        <v>62615</v>
      </c>
      <c r="I16961" s="1" t="s">
        <v>53800</v>
      </c>
      <c r="J16961" s="1" t="s">
        <v>62691</v>
      </c>
    </row>
    <row r="16962" spans="1:10" x14ac:dyDescent="0.35">
      <c r="A16962" s="1" t="s">
        <v>13991</v>
      </c>
      <c r="B16962" s="1" t="s">
        <v>53796</v>
      </c>
      <c r="C16962" s="1" t="s">
        <v>165</v>
      </c>
      <c r="D16962" s="1" t="s">
        <v>62692</v>
      </c>
      <c r="E16962" s="1" t="s">
        <v>32302</v>
      </c>
      <c r="F16962" s="1" t="s">
        <v>56567</v>
      </c>
      <c r="G16962" s="1" t="s">
        <v>62614</v>
      </c>
      <c r="H16962" s="1" t="s">
        <v>62615</v>
      </c>
      <c r="I16962" s="1" t="s">
        <v>53800</v>
      </c>
      <c r="J16962" s="1" t="s">
        <v>62693</v>
      </c>
    </row>
    <row r="16963" spans="1:10" x14ac:dyDescent="0.35">
      <c r="A16963" s="1" t="s">
        <v>13991</v>
      </c>
      <c r="B16963" s="1" t="s">
        <v>53796</v>
      </c>
      <c r="C16963" s="1" t="s">
        <v>170</v>
      </c>
      <c r="D16963" s="1" t="s">
        <v>62694</v>
      </c>
      <c r="E16963" s="1" t="s">
        <v>22302</v>
      </c>
      <c r="F16963" s="1" t="s">
        <v>57708</v>
      </c>
      <c r="G16963" s="1" t="s">
        <v>62614</v>
      </c>
      <c r="H16963" s="1" t="s">
        <v>62615</v>
      </c>
      <c r="I16963" s="1" t="s">
        <v>53800</v>
      </c>
      <c r="J16963" s="1" t="s">
        <v>62695</v>
      </c>
    </row>
    <row r="16964" spans="1:10" x14ac:dyDescent="0.35">
      <c r="A16964" s="1" t="s">
        <v>1356</v>
      </c>
      <c r="B16964" s="1" t="s">
        <v>53796</v>
      </c>
      <c r="C16964" s="1" t="s">
        <v>8</v>
      </c>
      <c r="D16964" s="1" t="s">
        <v>55722</v>
      </c>
      <c r="E16964" s="1" t="s">
        <v>61432</v>
      </c>
      <c r="F16964" s="1" t="s">
        <v>62696</v>
      </c>
      <c r="G16964" s="1" t="s">
        <v>62697</v>
      </c>
      <c r="H16964" s="1" t="s">
        <v>62698</v>
      </c>
      <c r="I16964" s="1" t="s">
        <v>53800</v>
      </c>
      <c r="J16964" s="1" t="s">
        <v>13</v>
      </c>
    </row>
    <row r="16965" spans="1:10" x14ac:dyDescent="0.35">
      <c r="A16965" s="1" t="s">
        <v>1356</v>
      </c>
      <c r="B16965" s="1" t="s">
        <v>53796</v>
      </c>
      <c r="C16965" s="1" t="s">
        <v>15</v>
      </c>
      <c r="D16965" s="1" t="s">
        <v>62699</v>
      </c>
      <c r="E16965" s="1" t="s">
        <v>21910</v>
      </c>
      <c r="F16965" s="1" t="s">
        <v>62700</v>
      </c>
      <c r="G16965" s="1" t="s">
        <v>62697</v>
      </c>
      <c r="H16965" s="1" t="s">
        <v>62698</v>
      </c>
      <c r="I16965" s="1" t="s">
        <v>53800</v>
      </c>
      <c r="J16965" s="1" t="s">
        <v>62701</v>
      </c>
    </row>
    <row r="16966" spans="1:10" x14ac:dyDescent="0.35">
      <c r="A16966" s="1" t="s">
        <v>1356</v>
      </c>
      <c r="B16966" s="1" t="s">
        <v>53796</v>
      </c>
      <c r="C16966" s="1" t="s">
        <v>20</v>
      </c>
      <c r="D16966" s="1" t="s">
        <v>62136</v>
      </c>
      <c r="E16966" s="1" t="s">
        <v>23413</v>
      </c>
      <c r="F16966" s="1" t="s">
        <v>62702</v>
      </c>
      <c r="G16966" s="1" t="s">
        <v>62697</v>
      </c>
      <c r="H16966" s="1" t="s">
        <v>62698</v>
      </c>
      <c r="I16966" s="1" t="s">
        <v>53800</v>
      </c>
      <c r="J16966" s="1" t="s">
        <v>62703</v>
      </c>
    </row>
    <row r="16967" spans="1:10" x14ac:dyDescent="0.35">
      <c r="A16967" s="1" t="s">
        <v>1356</v>
      </c>
      <c r="B16967" s="1" t="s">
        <v>53796</v>
      </c>
      <c r="C16967" s="1" t="s">
        <v>25</v>
      </c>
      <c r="D16967" s="1" t="s">
        <v>22331</v>
      </c>
      <c r="E16967" s="1" t="s">
        <v>23016</v>
      </c>
      <c r="F16967" s="1" t="s">
        <v>62704</v>
      </c>
      <c r="G16967" s="1" t="s">
        <v>62697</v>
      </c>
      <c r="H16967" s="1" t="s">
        <v>62698</v>
      </c>
      <c r="I16967" s="1" t="s">
        <v>53800</v>
      </c>
      <c r="J16967" s="1" t="s">
        <v>62705</v>
      </c>
    </row>
    <row r="16968" spans="1:10" x14ac:dyDescent="0.35">
      <c r="A16968" s="1" t="s">
        <v>1356</v>
      </c>
      <c r="B16968" s="1" t="s">
        <v>53796</v>
      </c>
      <c r="C16968" s="1" t="s">
        <v>30</v>
      </c>
      <c r="D16968" s="1" t="s">
        <v>57821</v>
      </c>
      <c r="E16968" s="1" t="s">
        <v>26560</v>
      </c>
      <c r="F16968" s="1" t="s">
        <v>62706</v>
      </c>
      <c r="G16968" s="1" t="s">
        <v>62697</v>
      </c>
      <c r="H16968" s="1" t="s">
        <v>62698</v>
      </c>
      <c r="I16968" s="1" t="s">
        <v>53800</v>
      </c>
      <c r="J16968" s="1" t="s">
        <v>62707</v>
      </c>
    </row>
    <row r="16969" spans="1:10" x14ac:dyDescent="0.35">
      <c r="A16969" s="1" t="s">
        <v>1356</v>
      </c>
      <c r="B16969" s="1" t="s">
        <v>53796</v>
      </c>
      <c r="C16969" s="1" t="s">
        <v>35</v>
      </c>
      <c r="D16969" s="1" t="s">
        <v>62708</v>
      </c>
      <c r="E16969" s="1" t="s">
        <v>62709</v>
      </c>
      <c r="F16969" s="1" t="s">
        <v>62710</v>
      </c>
      <c r="G16969" s="1" t="s">
        <v>62697</v>
      </c>
      <c r="H16969" s="1" t="s">
        <v>62698</v>
      </c>
      <c r="I16969" s="1" t="s">
        <v>53800</v>
      </c>
      <c r="J16969" s="1" t="s">
        <v>62711</v>
      </c>
    </row>
    <row r="16970" spans="1:10" x14ac:dyDescent="0.35">
      <c r="A16970" s="1" t="s">
        <v>1356</v>
      </c>
      <c r="B16970" s="1" t="s">
        <v>53796</v>
      </c>
      <c r="C16970" s="1" t="s">
        <v>40</v>
      </c>
      <c r="D16970" s="1" t="s">
        <v>62712</v>
      </c>
      <c r="E16970" s="1" t="s">
        <v>62713</v>
      </c>
      <c r="F16970" s="1" t="s">
        <v>62714</v>
      </c>
      <c r="G16970" s="1" t="s">
        <v>62697</v>
      </c>
      <c r="H16970" s="1" t="s">
        <v>62698</v>
      </c>
      <c r="I16970" s="1" t="s">
        <v>53800</v>
      </c>
      <c r="J16970" s="1" t="s">
        <v>62715</v>
      </c>
    </row>
    <row r="16971" spans="1:10" x14ac:dyDescent="0.35">
      <c r="A16971" s="1" t="s">
        <v>1356</v>
      </c>
      <c r="B16971" s="1" t="s">
        <v>53796</v>
      </c>
      <c r="C16971" s="1" t="s">
        <v>45</v>
      </c>
      <c r="D16971" s="1" t="s">
        <v>62716</v>
      </c>
      <c r="E16971" s="1" t="s">
        <v>22080</v>
      </c>
      <c r="F16971" s="1" t="s">
        <v>55993</v>
      </c>
      <c r="G16971" s="1" t="s">
        <v>62697</v>
      </c>
      <c r="H16971" s="1" t="s">
        <v>62698</v>
      </c>
      <c r="I16971" s="1" t="s">
        <v>53800</v>
      </c>
      <c r="J16971" s="1" t="s">
        <v>62717</v>
      </c>
    </row>
    <row r="16972" spans="1:10" x14ac:dyDescent="0.35">
      <c r="A16972" s="1" t="s">
        <v>1356</v>
      </c>
      <c r="B16972" s="1" t="s">
        <v>53796</v>
      </c>
      <c r="C16972" s="1" t="s">
        <v>50</v>
      </c>
      <c r="D16972" s="1" t="s">
        <v>26989</v>
      </c>
      <c r="E16972" s="1" t="s">
        <v>59319</v>
      </c>
      <c r="F16972" s="1" t="s">
        <v>62718</v>
      </c>
      <c r="G16972" s="1" t="s">
        <v>62697</v>
      </c>
      <c r="H16972" s="1" t="s">
        <v>62698</v>
      </c>
      <c r="I16972" s="1" t="s">
        <v>53800</v>
      </c>
      <c r="J16972" s="1" t="s">
        <v>62719</v>
      </c>
    </row>
    <row r="16973" spans="1:10" x14ac:dyDescent="0.35">
      <c r="A16973" s="1" t="s">
        <v>1356</v>
      </c>
      <c r="B16973" s="1" t="s">
        <v>53796</v>
      </c>
      <c r="C16973" s="1" t="s">
        <v>55</v>
      </c>
      <c r="D16973" s="1" t="s">
        <v>62720</v>
      </c>
      <c r="E16973" s="1" t="s">
        <v>12883</v>
      </c>
      <c r="F16973" s="1" t="s">
        <v>62721</v>
      </c>
      <c r="G16973" s="1" t="s">
        <v>62697</v>
      </c>
      <c r="H16973" s="1" t="s">
        <v>62698</v>
      </c>
      <c r="I16973" s="1" t="s">
        <v>53800</v>
      </c>
      <c r="J16973" s="1" t="s">
        <v>62722</v>
      </c>
    </row>
    <row r="16974" spans="1:10" x14ac:dyDescent="0.35">
      <c r="A16974" s="1" t="s">
        <v>1356</v>
      </c>
      <c r="B16974" s="1" t="s">
        <v>53796</v>
      </c>
      <c r="C16974" s="1" t="s">
        <v>60</v>
      </c>
      <c r="D16974" s="1" t="s">
        <v>62723</v>
      </c>
      <c r="E16974" s="1" t="s">
        <v>26520</v>
      </c>
      <c r="F16974" s="1" t="s">
        <v>62724</v>
      </c>
      <c r="G16974" s="1" t="s">
        <v>62697</v>
      </c>
      <c r="H16974" s="1" t="s">
        <v>62698</v>
      </c>
      <c r="I16974" s="1" t="s">
        <v>53800</v>
      </c>
      <c r="J16974" s="1" t="s">
        <v>62725</v>
      </c>
    </row>
    <row r="16975" spans="1:10" x14ac:dyDescent="0.35">
      <c r="A16975" s="1" t="s">
        <v>1356</v>
      </c>
      <c r="B16975" s="1" t="s">
        <v>53796</v>
      </c>
      <c r="C16975" s="1" t="s">
        <v>65</v>
      </c>
      <c r="D16975" s="1" t="s">
        <v>62726</v>
      </c>
      <c r="E16975" s="1" t="s">
        <v>54081</v>
      </c>
      <c r="F16975" s="1" t="s">
        <v>61411</v>
      </c>
      <c r="G16975" s="1" t="s">
        <v>62697</v>
      </c>
      <c r="H16975" s="1" t="s">
        <v>62698</v>
      </c>
      <c r="I16975" s="1" t="s">
        <v>53800</v>
      </c>
      <c r="J16975" s="1" t="s">
        <v>62727</v>
      </c>
    </row>
    <row r="16976" spans="1:10" x14ac:dyDescent="0.35">
      <c r="A16976" s="1" t="s">
        <v>1356</v>
      </c>
      <c r="B16976" s="1" t="s">
        <v>53796</v>
      </c>
      <c r="C16976" s="1" t="s">
        <v>70</v>
      </c>
      <c r="D16976" s="1" t="s">
        <v>62728</v>
      </c>
      <c r="E16976" s="1" t="s">
        <v>57969</v>
      </c>
      <c r="F16976" s="1" t="s">
        <v>62729</v>
      </c>
      <c r="G16976" s="1" t="s">
        <v>62697</v>
      </c>
      <c r="H16976" s="1" t="s">
        <v>62698</v>
      </c>
      <c r="I16976" s="1" t="s">
        <v>53800</v>
      </c>
      <c r="J16976" s="1" t="s">
        <v>62730</v>
      </c>
    </row>
    <row r="16977" spans="1:10" x14ac:dyDescent="0.35">
      <c r="A16977" s="1" t="s">
        <v>1356</v>
      </c>
      <c r="B16977" s="1" t="s">
        <v>53796</v>
      </c>
      <c r="C16977" s="1" t="s">
        <v>75</v>
      </c>
      <c r="D16977" s="1" t="s">
        <v>60919</v>
      </c>
      <c r="E16977" s="1" t="s">
        <v>12794</v>
      </c>
      <c r="F16977" s="1" t="s">
        <v>62731</v>
      </c>
      <c r="G16977" s="1" t="s">
        <v>62697</v>
      </c>
      <c r="H16977" s="1" t="s">
        <v>62698</v>
      </c>
      <c r="I16977" s="1" t="s">
        <v>53800</v>
      </c>
      <c r="J16977" s="1" t="s">
        <v>62732</v>
      </c>
    </row>
    <row r="16978" spans="1:10" x14ac:dyDescent="0.35">
      <c r="A16978" s="1" t="s">
        <v>1356</v>
      </c>
      <c r="B16978" s="1" t="s">
        <v>53796</v>
      </c>
      <c r="C16978" s="1" t="s">
        <v>80</v>
      </c>
      <c r="D16978" s="1" t="s">
        <v>62733</v>
      </c>
      <c r="E16978" s="1" t="s">
        <v>24213</v>
      </c>
      <c r="F16978" s="1" t="s">
        <v>31997</v>
      </c>
      <c r="G16978" s="1" t="s">
        <v>62697</v>
      </c>
      <c r="H16978" s="1" t="s">
        <v>62698</v>
      </c>
      <c r="I16978" s="1" t="s">
        <v>53800</v>
      </c>
      <c r="J16978" s="1" t="s">
        <v>62734</v>
      </c>
    </row>
    <row r="16979" spans="1:10" x14ac:dyDescent="0.35">
      <c r="A16979" s="1" t="s">
        <v>1356</v>
      </c>
      <c r="B16979" s="1" t="s">
        <v>53796</v>
      </c>
      <c r="C16979" s="1" t="s">
        <v>85</v>
      </c>
      <c r="D16979" s="1" t="s">
        <v>62735</v>
      </c>
      <c r="E16979" s="1" t="s">
        <v>15324</v>
      </c>
      <c r="F16979" s="1" t="s">
        <v>62736</v>
      </c>
      <c r="G16979" s="1" t="s">
        <v>62697</v>
      </c>
      <c r="H16979" s="1" t="s">
        <v>62698</v>
      </c>
      <c r="I16979" s="1" t="s">
        <v>53800</v>
      </c>
      <c r="J16979" s="1" t="s">
        <v>62737</v>
      </c>
    </row>
    <row r="16980" spans="1:10" x14ac:dyDescent="0.35">
      <c r="A16980" s="1" t="s">
        <v>1356</v>
      </c>
      <c r="B16980" s="1" t="s">
        <v>53796</v>
      </c>
      <c r="C16980" s="1" t="s">
        <v>90</v>
      </c>
      <c r="D16980" s="1" t="s">
        <v>62738</v>
      </c>
      <c r="E16980" s="1" t="s">
        <v>56164</v>
      </c>
      <c r="F16980" s="1" t="s">
        <v>62739</v>
      </c>
      <c r="G16980" s="1" t="s">
        <v>62697</v>
      </c>
      <c r="H16980" s="1" t="s">
        <v>62698</v>
      </c>
      <c r="I16980" s="1" t="s">
        <v>53800</v>
      </c>
      <c r="J16980" s="1" t="s">
        <v>62740</v>
      </c>
    </row>
    <row r="16981" spans="1:10" x14ac:dyDescent="0.35">
      <c r="A16981" s="1" t="s">
        <v>1356</v>
      </c>
      <c r="B16981" s="1" t="s">
        <v>53796</v>
      </c>
      <c r="C16981" s="1" t="s">
        <v>95</v>
      </c>
      <c r="D16981" s="1" t="s">
        <v>62741</v>
      </c>
      <c r="E16981" s="1" t="s">
        <v>54110</v>
      </c>
      <c r="F16981" s="1" t="s">
        <v>62547</v>
      </c>
      <c r="G16981" s="1" t="s">
        <v>62697</v>
      </c>
      <c r="H16981" s="1" t="s">
        <v>62698</v>
      </c>
      <c r="I16981" s="1" t="s">
        <v>53800</v>
      </c>
      <c r="J16981" s="1" t="s">
        <v>62742</v>
      </c>
    </row>
    <row r="16982" spans="1:10" x14ac:dyDescent="0.35">
      <c r="A16982" s="1" t="s">
        <v>1356</v>
      </c>
      <c r="B16982" s="1" t="s">
        <v>53796</v>
      </c>
      <c r="C16982" s="1" t="s">
        <v>100</v>
      </c>
      <c r="D16982" s="1" t="s">
        <v>62743</v>
      </c>
      <c r="E16982" s="1" t="s">
        <v>54197</v>
      </c>
      <c r="F16982" s="1" t="s">
        <v>62744</v>
      </c>
      <c r="G16982" s="1" t="s">
        <v>62697</v>
      </c>
      <c r="H16982" s="1" t="s">
        <v>62698</v>
      </c>
      <c r="I16982" s="1" t="s">
        <v>53800</v>
      </c>
      <c r="J16982" s="1" t="s">
        <v>62745</v>
      </c>
    </row>
    <row r="16983" spans="1:10" x14ac:dyDescent="0.35">
      <c r="A16983" s="1" t="s">
        <v>1356</v>
      </c>
      <c r="B16983" s="1" t="s">
        <v>53796</v>
      </c>
      <c r="C16983" s="1" t="s">
        <v>105</v>
      </c>
      <c r="D16983" s="1" t="s">
        <v>62746</v>
      </c>
      <c r="E16983" s="1" t="s">
        <v>23191</v>
      </c>
      <c r="F16983" s="1" t="s">
        <v>62747</v>
      </c>
      <c r="G16983" s="1" t="s">
        <v>62697</v>
      </c>
      <c r="H16983" s="1" t="s">
        <v>62698</v>
      </c>
      <c r="I16983" s="1" t="s">
        <v>53800</v>
      </c>
      <c r="J16983" s="1" t="s">
        <v>62748</v>
      </c>
    </row>
    <row r="16984" spans="1:10" x14ac:dyDescent="0.35">
      <c r="A16984" s="1" t="s">
        <v>1356</v>
      </c>
      <c r="B16984" s="1" t="s">
        <v>53796</v>
      </c>
      <c r="C16984" s="1" t="s">
        <v>110</v>
      </c>
      <c r="D16984" s="1" t="s">
        <v>62749</v>
      </c>
      <c r="E16984" s="1" t="s">
        <v>41283</v>
      </c>
      <c r="F16984" s="1" t="s">
        <v>62750</v>
      </c>
      <c r="G16984" s="1" t="s">
        <v>62697</v>
      </c>
      <c r="H16984" s="1" t="s">
        <v>62698</v>
      </c>
      <c r="I16984" s="1" t="s">
        <v>53800</v>
      </c>
      <c r="J16984" s="1" t="s">
        <v>62751</v>
      </c>
    </row>
    <row r="16985" spans="1:10" x14ac:dyDescent="0.35">
      <c r="A16985" s="1" t="s">
        <v>1356</v>
      </c>
      <c r="B16985" s="1" t="s">
        <v>53796</v>
      </c>
      <c r="C16985" s="1" t="s">
        <v>115</v>
      </c>
      <c r="D16985" s="1" t="s">
        <v>54020</v>
      </c>
      <c r="E16985" s="1" t="s">
        <v>15849</v>
      </c>
      <c r="F16985" s="1" t="s">
        <v>58211</v>
      </c>
      <c r="G16985" s="1" t="s">
        <v>62697</v>
      </c>
      <c r="H16985" s="1" t="s">
        <v>62698</v>
      </c>
      <c r="I16985" s="1" t="s">
        <v>53800</v>
      </c>
      <c r="J16985" s="1" t="s">
        <v>62752</v>
      </c>
    </row>
    <row r="16986" spans="1:10" x14ac:dyDescent="0.35">
      <c r="A16986" s="1" t="s">
        <v>1356</v>
      </c>
      <c r="B16986" s="1" t="s">
        <v>53796</v>
      </c>
      <c r="C16986" s="1" t="s">
        <v>120</v>
      </c>
      <c r="D16986" s="1" t="s">
        <v>62753</v>
      </c>
      <c r="E16986" s="1" t="s">
        <v>55213</v>
      </c>
      <c r="F16986" s="1" t="s">
        <v>62754</v>
      </c>
      <c r="G16986" s="1" t="s">
        <v>62697</v>
      </c>
      <c r="H16986" s="1" t="s">
        <v>62698</v>
      </c>
      <c r="I16986" s="1" t="s">
        <v>53800</v>
      </c>
      <c r="J16986" s="1" t="s">
        <v>62755</v>
      </c>
    </row>
    <row r="16987" spans="1:10" x14ac:dyDescent="0.35">
      <c r="A16987" s="1" t="s">
        <v>1356</v>
      </c>
      <c r="B16987" s="1" t="s">
        <v>53796</v>
      </c>
      <c r="C16987" s="1" t="s">
        <v>125</v>
      </c>
      <c r="D16987" s="1" t="s">
        <v>62756</v>
      </c>
      <c r="E16987" s="1" t="s">
        <v>55315</v>
      </c>
      <c r="F16987" s="1" t="s">
        <v>62757</v>
      </c>
      <c r="G16987" s="1" t="s">
        <v>62697</v>
      </c>
      <c r="H16987" s="1" t="s">
        <v>62698</v>
      </c>
      <c r="I16987" s="1" t="s">
        <v>53800</v>
      </c>
      <c r="J16987" s="1" t="s">
        <v>62758</v>
      </c>
    </row>
    <row r="16988" spans="1:10" x14ac:dyDescent="0.35">
      <c r="A16988" s="1" t="s">
        <v>1356</v>
      </c>
      <c r="B16988" s="1" t="s">
        <v>53796</v>
      </c>
      <c r="C16988" s="1" t="s">
        <v>130</v>
      </c>
      <c r="D16988" s="1" t="s">
        <v>62759</v>
      </c>
      <c r="E16988" s="1" t="s">
        <v>62760</v>
      </c>
      <c r="F16988" s="1" t="s">
        <v>62761</v>
      </c>
      <c r="G16988" s="1" t="s">
        <v>62697</v>
      </c>
      <c r="H16988" s="1" t="s">
        <v>62698</v>
      </c>
      <c r="I16988" s="1" t="s">
        <v>53800</v>
      </c>
      <c r="J16988" s="1" t="s">
        <v>62762</v>
      </c>
    </row>
    <row r="16989" spans="1:10" x14ac:dyDescent="0.35">
      <c r="A16989" s="1" t="s">
        <v>1356</v>
      </c>
      <c r="B16989" s="1" t="s">
        <v>53796</v>
      </c>
      <c r="C16989" s="1" t="s">
        <v>135</v>
      </c>
      <c r="D16989" s="1" t="s">
        <v>62763</v>
      </c>
      <c r="E16989" s="1" t="s">
        <v>62764</v>
      </c>
      <c r="F16989" s="1" t="s">
        <v>62765</v>
      </c>
      <c r="G16989" s="1" t="s">
        <v>62697</v>
      </c>
      <c r="H16989" s="1" t="s">
        <v>62698</v>
      </c>
      <c r="I16989" s="1" t="s">
        <v>53800</v>
      </c>
      <c r="J16989" s="1" t="s">
        <v>62766</v>
      </c>
    </row>
    <row r="16990" spans="1:10" x14ac:dyDescent="0.35">
      <c r="A16990" s="1" t="s">
        <v>1356</v>
      </c>
      <c r="B16990" s="1" t="s">
        <v>53796</v>
      </c>
      <c r="C16990" s="1" t="s">
        <v>140</v>
      </c>
      <c r="D16990" s="1" t="s">
        <v>62767</v>
      </c>
      <c r="E16990" s="1" t="s">
        <v>60824</v>
      </c>
      <c r="F16990" s="1" t="s">
        <v>62754</v>
      </c>
      <c r="G16990" s="1" t="s">
        <v>62697</v>
      </c>
      <c r="H16990" s="1" t="s">
        <v>62698</v>
      </c>
      <c r="I16990" s="1" t="s">
        <v>53800</v>
      </c>
      <c r="J16990" s="1" t="s">
        <v>62768</v>
      </c>
    </row>
    <row r="16991" spans="1:10" x14ac:dyDescent="0.35">
      <c r="A16991" s="1" t="s">
        <v>1356</v>
      </c>
      <c r="B16991" s="1" t="s">
        <v>53796</v>
      </c>
      <c r="C16991" s="1" t="s">
        <v>145</v>
      </c>
      <c r="D16991" s="1" t="s">
        <v>62769</v>
      </c>
      <c r="E16991" s="1" t="s">
        <v>22290</v>
      </c>
      <c r="F16991" s="1" t="s">
        <v>22662</v>
      </c>
      <c r="G16991" s="1" t="s">
        <v>62697</v>
      </c>
      <c r="H16991" s="1" t="s">
        <v>62698</v>
      </c>
      <c r="I16991" s="1" t="s">
        <v>53800</v>
      </c>
      <c r="J16991" s="1" t="s">
        <v>62770</v>
      </c>
    </row>
    <row r="16992" spans="1:10" x14ac:dyDescent="0.35">
      <c r="A16992" s="1" t="s">
        <v>1356</v>
      </c>
      <c r="B16992" s="1" t="s">
        <v>53796</v>
      </c>
      <c r="C16992" s="1" t="s">
        <v>150</v>
      </c>
      <c r="D16992" s="1" t="s">
        <v>62771</v>
      </c>
      <c r="E16992" s="1" t="s">
        <v>31869</v>
      </c>
      <c r="F16992" s="1" t="s">
        <v>62772</v>
      </c>
      <c r="G16992" s="1" t="s">
        <v>62697</v>
      </c>
      <c r="H16992" s="1" t="s">
        <v>62698</v>
      </c>
      <c r="I16992" s="1" t="s">
        <v>53800</v>
      </c>
      <c r="J16992" s="1" t="s">
        <v>62773</v>
      </c>
    </row>
    <row r="16993" spans="1:10" x14ac:dyDescent="0.35">
      <c r="A16993" s="1" t="s">
        <v>1356</v>
      </c>
      <c r="B16993" s="1" t="s">
        <v>53796</v>
      </c>
      <c r="C16993" s="1" t="s">
        <v>155</v>
      </c>
      <c r="D16993" s="1" t="s">
        <v>62774</v>
      </c>
      <c r="E16993" s="1" t="s">
        <v>24209</v>
      </c>
      <c r="F16993" s="1" t="s">
        <v>62667</v>
      </c>
      <c r="G16993" s="1" t="s">
        <v>62697</v>
      </c>
      <c r="H16993" s="1" t="s">
        <v>62698</v>
      </c>
      <c r="I16993" s="1" t="s">
        <v>53800</v>
      </c>
      <c r="J16993" s="1" t="s">
        <v>62775</v>
      </c>
    </row>
    <row r="16994" spans="1:10" x14ac:dyDescent="0.35">
      <c r="A16994" s="1" t="s">
        <v>1356</v>
      </c>
      <c r="B16994" s="1" t="s">
        <v>53796</v>
      </c>
      <c r="C16994" s="1" t="s">
        <v>160</v>
      </c>
      <c r="D16994" s="1" t="s">
        <v>62776</v>
      </c>
      <c r="E16994" s="1" t="s">
        <v>59636</v>
      </c>
      <c r="F16994" s="1" t="s">
        <v>58057</v>
      </c>
      <c r="G16994" s="1" t="s">
        <v>62697</v>
      </c>
      <c r="H16994" s="1" t="s">
        <v>62698</v>
      </c>
      <c r="I16994" s="1" t="s">
        <v>53800</v>
      </c>
      <c r="J16994" s="1" t="s">
        <v>62777</v>
      </c>
    </row>
    <row r="16995" spans="1:10" x14ac:dyDescent="0.35">
      <c r="A16995" s="1" t="s">
        <v>1356</v>
      </c>
      <c r="B16995" s="1" t="s">
        <v>53796</v>
      </c>
      <c r="C16995" s="1" t="s">
        <v>165</v>
      </c>
      <c r="D16995" s="1" t="s">
        <v>62778</v>
      </c>
      <c r="E16995" s="1" t="s">
        <v>24221</v>
      </c>
      <c r="F16995" s="1" t="s">
        <v>57970</v>
      </c>
      <c r="G16995" s="1" t="s">
        <v>62697</v>
      </c>
      <c r="H16995" s="1" t="s">
        <v>62698</v>
      </c>
      <c r="I16995" s="1" t="s">
        <v>53800</v>
      </c>
      <c r="J16995" s="1" t="s">
        <v>62779</v>
      </c>
    </row>
    <row r="16996" spans="1:10" x14ac:dyDescent="0.35">
      <c r="A16996" s="1" t="s">
        <v>1356</v>
      </c>
      <c r="B16996" s="1" t="s">
        <v>53796</v>
      </c>
      <c r="C16996" s="1" t="s">
        <v>170</v>
      </c>
      <c r="D16996" s="1" t="s">
        <v>62780</v>
      </c>
      <c r="E16996" s="1" t="s">
        <v>520</v>
      </c>
      <c r="F16996" s="1" t="s">
        <v>62781</v>
      </c>
      <c r="G16996" s="1" t="s">
        <v>62697</v>
      </c>
      <c r="H16996" s="1" t="s">
        <v>62698</v>
      </c>
      <c r="I16996" s="1" t="s">
        <v>53800</v>
      </c>
      <c r="J16996" s="1" t="s">
        <v>62782</v>
      </c>
    </row>
    <row r="16997" spans="1:10" x14ac:dyDescent="0.35">
      <c r="A16997" s="1" t="s">
        <v>62783</v>
      </c>
      <c r="B16997" s="1" t="s">
        <v>53796</v>
      </c>
      <c r="C16997" s="1" t="s">
        <v>8</v>
      </c>
      <c r="D16997" s="1" t="s">
        <v>62784</v>
      </c>
      <c r="E16997" s="1" t="s">
        <v>23866</v>
      </c>
      <c r="F16997" s="1" t="s">
        <v>62785</v>
      </c>
      <c r="G16997" s="1" t="s">
        <v>62786</v>
      </c>
      <c r="H16997" s="1" t="s">
        <v>62787</v>
      </c>
      <c r="I16997" s="1" t="s">
        <v>53800</v>
      </c>
      <c r="J16997" s="1" t="s">
        <v>13</v>
      </c>
    </row>
    <row r="16998" spans="1:10" x14ac:dyDescent="0.35">
      <c r="A16998" s="1" t="s">
        <v>62783</v>
      </c>
      <c r="B16998" s="1" t="s">
        <v>53796</v>
      </c>
      <c r="C16998" s="1" t="s">
        <v>15</v>
      </c>
      <c r="D16998" s="1" t="s">
        <v>62788</v>
      </c>
      <c r="E16998" s="1" t="s">
        <v>21557</v>
      </c>
      <c r="F16998" s="1" t="s">
        <v>62789</v>
      </c>
      <c r="G16998" s="1" t="s">
        <v>62786</v>
      </c>
      <c r="H16998" s="1" t="s">
        <v>62787</v>
      </c>
      <c r="I16998" s="1" t="s">
        <v>53800</v>
      </c>
      <c r="J16998" s="1" t="s">
        <v>62790</v>
      </c>
    </row>
    <row r="16999" spans="1:10" x14ac:dyDescent="0.35">
      <c r="A16999" s="1" t="s">
        <v>62783</v>
      </c>
      <c r="B16999" s="1" t="s">
        <v>53796</v>
      </c>
      <c r="C16999" s="1" t="s">
        <v>20</v>
      </c>
      <c r="D16999" s="1" t="s">
        <v>62791</v>
      </c>
      <c r="E16999" s="1" t="s">
        <v>61725</v>
      </c>
      <c r="F16999" s="1" t="s">
        <v>61778</v>
      </c>
      <c r="G16999" s="1" t="s">
        <v>62786</v>
      </c>
      <c r="H16999" s="1" t="s">
        <v>62787</v>
      </c>
      <c r="I16999" s="1" t="s">
        <v>53800</v>
      </c>
      <c r="J16999" s="1" t="s">
        <v>62792</v>
      </c>
    </row>
    <row r="17000" spans="1:10" x14ac:dyDescent="0.35">
      <c r="A17000" s="1" t="s">
        <v>62783</v>
      </c>
      <c r="B17000" s="1" t="s">
        <v>53796</v>
      </c>
      <c r="C17000" s="1" t="s">
        <v>25</v>
      </c>
      <c r="D17000" s="1" t="s">
        <v>62793</v>
      </c>
      <c r="E17000" s="1" t="s">
        <v>62794</v>
      </c>
      <c r="F17000" s="1" t="s">
        <v>62795</v>
      </c>
      <c r="G17000" s="1" t="s">
        <v>62786</v>
      </c>
      <c r="H17000" s="1" t="s">
        <v>62787</v>
      </c>
      <c r="I17000" s="1" t="s">
        <v>53800</v>
      </c>
      <c r="J17000" s="1" t="s">
        <v>62796</v>
      </c>
    </row>
    <row r="17001" spans="1:10" x14ac:dyDescent="0.35">
      <c r="A17001" s="1" t="s">
        <v>62783</v>
      </c>
      <c r="B17001" s="1" t="s">
        <v>53796</v>
      </c>
      <c r="C17001" s="1" t="s">
        <v>30</v>
      </c>
      <c r="D17001" s="1" t="s">
        <v>62797</v>
      </c>
      <c r="E17001" s="1" t="s">
        <v>41258</v>
      </c>
      <c r="F17001" s="1" t="s">
        <v>60806</v>
      </c>
      <c r="G17001" s="1" t="s">
        <v>62786</v>
      </c>
      <c r="H17001" s="1" t="s">
        <v>62787</v>
      </c>
      <c r="I17001" s="1" t="s">
        <v>53800</v>
      </c>
      <c r="J17001" s="1" t="s">
        <v>62798</v>
      </c>
    </row>
    <row r="17002" spans="1:10" x14ac:dyDescent="0.35">
      <c r="A17002" s="1" t="s">
        <v>62783</v>
      </c>
      <c r="B17002" s="1" t="s">
        <v>53796</v>
      </c>
      <c r="C17002" s="1" t="s">
        <v>35</v>
      </c>
      <c r="D17002" s="1" t="s">
        <v>62799</v>
      </c>
      <c r="E17002" s="1" t="s">
        <v>62800</v>
      </c>
      <c r="F17002" s="1" t="s">
        <v>62801</v>
      </c>
      <c r="G17002" s="1" t="s">
        <v>62786</v>
      </c>
      <c r="H17002" s="1" t="s">
        <v>62787</v>
      </c>
      <c r="I17002" s="1" t="s">
        <v>53800</v>
      </c>
      <c r="J17002" s="1" t="s">
        <v>62802</v>
      </c>
    </row>
    <row r="17003" spans="1:10" x14ac:dyDescent="0.35">
      <c r="A17003" s="1" t="s">
        <v>62783</v>
      </c>
      <c r="B17003" s="1" t="s">
        <v>53796</v>
      </c>
      <c r="C17003" s="1" t="s">
        <v>40</v>
      </c>
      <c r="D17003" s="1" t="s">
        <v>62803</v>
      </c>
      <c r="E17003" s="1" t="s">
        <v>62804</v>
      </c>
      <c r="F17003" s="1" t="s">
        <v>62504</v>
      </c>
      <c r="G17003" s="1" t="s">
        <v>62786</v>
      </c>
      <c r="H17003" s="1" t="s">
        <v>62787</v>
      </c>
      <c r="I17003" s="1" t="s">
        <v>53800</v>
      </c>
      <c r="J17003" s="1" t="s">
        <v>62805</v>
      </c>
    </row>
    <row r="17004" spans="1:10" x14ac:dyDescent="0.35">
      <c r="A17004" s="1" t="s">
        <v>62783</v>
      </c>
      <c r="B17004" s="1" t="s">
        <v>53796</v>
      </c>
      <c r="C17004" s="1" t="s">
        <v>45</v>
      </c>
      <c r="D17004" s="1" t="s">
        <v>62806</v>
      </c>
      <c r="E17004" s="1" t="s">
        <v>62807</v>
      </c>
      <c r="F17004" s="1" t="s">
        <v>62808</v>
      </c>
      <c r="G17004" s="1" t="s">
        <v>62786</v>
      </c>
      <c r="H17004" s="1" t="s">
        <v>62787</v>
      </c>
      <c r="I17004" s="1" t="s">
        <v>53800</v>
      </c>
      <c r="J17004" s="1" t="s">
        <v>62809</v>
      </c>
    </row>
    <row r="17005" spans="1:10" x14ac:dyDescent="0.35">
      <c r="A17005" s="1" t="s">
        <v>62783</v>
      </c>
      <c r="B17005" s="1" t="s">
        <v>53796</v>
      </c>
      <c r="C17005" s="1" t="s">
        <v>50</v>
      </c>
      <c r="D17005" s="1" t="s">
        <v>59369</v>
      </c>
      <c r="E17005" s="1" t="s">
        <v>62810</v>
      </c>
      <c r="F17005" s="1" t="s">
        <v>62811</v>
      </c>
      <c r="G17005" s="1" t="s">
        <v>62786</v>
      </c>
      <c r="H17005" s="1" t="s">
        <v>62787</v>
      </c>
      <c r="I17005" s="1" t="s">
        <v>53800</v>
      </c>
      <c r="J17005" s="1" t="s">
        <v>62812</v>
      </c>
    </row>
    <row r="17006" spans="1:10" x14ac:dyDescent="0.35">
      <c r="A17006" s="1" t="s">
        <v>62783</v>
      </c>
      <c r="B17006" s="1" t="s">
        <v>53796</v>
      </c>
      <c r="C17006" s="1" t="s">
        <v>55</v>
      </c>
      <c r="D17006" s="1" t="s">
        <v>11095</v>
      </c>
      <c r="E17006" s="1" t="s">
        <v>60963</v>
      </c>
      <c r="F17006" s="1" t="s">
        <v>62813</v>
      </c>
      <c r="G17006" s="1" t="s">
        <v>62786</v>
      </c>
      <c r="H17006" s="1" t="s">
        <v>62787</v>
      </c>
      <c r="I17006" s="1" t="s">
        <v>53800</v>
      </c>
      <c r="J17006" s="1" t="s">
        <v>62814</v>
      </c>
    </row>
    <row r="17007" spans="1:10" x14ac:dyDescent="0.35">
      <c r="A17007" s="1" t="s">
        <v>62783</v>
      </c>
      <c r="B17007" s="1" t="s">
        <v>53796</v>
      </c>
      <c r="C17007" s="1" t="s">
        <v>60</v>
      </c>
      <c r="D17007" s="1" t="s">
        <v>62815</v>
      </c>
      <c r="E17007" s="1" t="s">
        <v>62816</v>
      </c>
      <c r="F17007" s="1" t="s">
        <v>62817</v>
      </c>
      <c r="G17007" s="1" t="s">
        <v>62786</v>
      </c>
      <c r="H17007" s="1" t="s">
        <v>62787</v>
      </c>
      <c r="I17007" s="1" t="s">
        <v>53800</v>
      </c>
      <c r="J17007" s="1" t="s">
        <v>62818</v>
      </c>
    </row>
    <row r="17008" spans="1:10" x14ac:dyDescent="0.35">
      <c r="A17008" s="1" t="s">
        <v>62783</v>
      </c>
      <c r="B17008" s="1" t="s">
        <v>53796</v>
      </c>
      <c r="C17008" s="1" t="s">
        <v>65</v>
      </c>
      <c r="D17008" s="1" t="s">
        <v>62819</v>
      </c>
      <c r="E17008" s="1" t="s">
        <v>62820</v>
      </c>
      <c r="F17008" s="1" t="s">
        <v>62821</v>
      </c>
      <c r="G17008" s="1" t="s">
        <v>62786</v>
      </c>
      <c r="H17008" s="1" t="s">
        <v>62787</v>
      </c>
      <c r="I17008" s="1" t="s">
        <v>53800</v>
      </c>
      <c r="J17008" s="1" t="s">
        <v>62822</v>
      </c>
    </row>
    <row r="17009" spans="1:10" x14ac:dyDescent="0.35">
      <c r="A17009" s="1" t="s">
        <v>62783</v>
      </c>
      <c r="B17009" s="1" t="s">
        <v>53796</v>
      </c>
      <c r="C17009" s="1" t="s">
        <v>70</v>
      </c>
      <c r="D17009" s="1" t="s">
        <v>52868</v>
      </c>
      <c r="E17009" s="1" t="s">
        <v>23383</v>
      </c>
      <c r="F17009" s="1" t="s">
        <v>62823</v>
      </c>
      <c r="G17009" s="1" t="s">
        <v>62786</v>
      </c>
      <c r="H17009" s="1" t="s">
        <v>62787</v>
      </c>
      <c r="I17009" s="1" t="s">
        <v>53800</v>
      </c>
      <c r="J17009" s="1" t="s">
        <v>62824</v>
      </c>
    </row>
    <row r="17010" spans="1:10" x14ac:dyDescent="0.35">
      <c r="A17010" s="1" t="s">
        <v>62783</v>
      </c>
      <c r="B17010" s="1" t="s">
        <v>53796</v>
      </c>
      <c r="C17010" s="1" t="s">
        <v>75</v>
      </c>
      <c r="D17010" s="1" t="s">
        <v>62825</v>
      </c>
      <c r="E17010" s="1" t="s">
        <v>62826</v>
      </c>
      <c r="F17010" s="1" t="s">
        <v>62827</v>
      </c>
      <c r="G17010" s="1" t="s">
        <v>62786</v>
      </c>
      <c r="H17010" s="1" t="s">
        <v>62787</v>
      </c>
      <c r="I17010" s="1" t="s">
        <v>53800</v>
      </c>
      <c r="J17010" s="1" t="s">
        <v>62828</v>
      </c>
    </row>
    <row r="17011" spans="1:10" x14ac:dyDescent="0.35">
      <c r="A17011" s="1" t="s">
        <v>62783</v>
      </c>
      <c r="B17011" s="1" t="s">
        <v>53796</v>
      </c>
      <c r="C17011" s="1" t="s">
        <v>80</v>
      </c>
      <c r="D17011" s="1" t="s">
        <v>62829</v>
      </c>
      <c r="E17011" s="1" t="s">
        <v>21109</v>
      </c>
      <c r="F17011" s="1" t="s">
        <v>53822</v>
      </c>
      <c r="G17011" s="1" t="s">
        <v>62786</v>
      </c>
      <c r="H17011" s="1" t="s">
        <v>62787</v>
      </c>
      <c r="I17011" s="1" t="s">
        <v>53800</v>
      </c>
      <c r="J17011" s="1" t="s">
        <v>62830</v>
      </c>
    </row>
    <row r="17012" spans="1:10" x14ac:dyDescent="0.35">
      <c r="A17012" s="1" t="s">
        <v>62783</v>
      </c>
      <c r="B17012" s="1" t="s">
        <v>53796</v>
      </c>
      <c r="C17012" s="1" t="s">
        <v>85</v>
      </c>
      <c r="D17012" s="1" t="s">
        <v>62831</v>
      </c>
      <c r="E17012" s="1" t="s">
        <v>23839</v>
      </c>
      <c r="F17012" s="1" t="s">
        <v>62832</v>
      </c>
      <c r="G17012" s="1" t="s">
        <v>62786</v>
      </c>
      <c r="H17012" s="1" t="s">
        <v>62787</v>
      </c>
      <c r="I17012" s="1" t="s">
        <v>53800</v>
      </c>
      <c r="J17012" s="1" t="s">
        <v>62833</v>
      </c>
    </row>
    <row r="17013" spans="1:10" x14ac:dyDescent="0.35">
      <c r="A17013" s="1" t="s">
        <v>62783</v>
      </c>
      <c r="B17013" s="1" t="s">
        <v>53796</v>
      </c>
      <c r="C17013" s="1" t="s">
        <v>90</v>
      </c>
      <c r="D17013" s="1" t="s">
        <v>62834</v>
      </c>
      <c r="E17013" s="1" t="s">
        <v>60724</v>
      </c>
      <c r="F17013" s="1" t="s">
        <v>54620</v>
      </c>
      <c r="G17013" s="1" t="s">
        <v>62786</v>
      </c>
      <c r="H17013" s="1" t="s">
        <v>62787</v>
      </c>
      <c r="I17013" s="1" t="s">
        <v>53800</v>
      </c>
      <c r="J17013" s="1" t="s">
        <v>62835</v>
      </c>
    </row>
    <row r="17014" spans="1:10" x14ac:dyDescent="0.35">
      <c r="A17014" s="1" t="s">
        <v>62783</v>
      </c>
      <c r="B17014" s="1" t="s">
        <v>53796</v>
      </c>
      <c r="C17014" s="1" t="s">
        <v>95</v>
      </c>
      <c r="D17014" s="1" t="s">
        <v>62836</v>
      </c>
      <c r="E17014" s="1" t="s">
        <v>41327</v>
      </c>
      <c r="F17014" s="1" t="s">
        <v>62837</v>
      </c>
      <c r="G17014" s="1" t="s">
        <v>62786</v>
      </c>
      <c r="H17014" s="1" t="s">
        <v>62787</v>
      </c>
      <c r="I17014" s="1" t="s">
        <v>53800</v>
      </c>
      <c r="J17014" s="1" t="s">
        <v>62838</v>
      </c>
    </row>
    <row r="17015" spans="1:10" x14ac:dyDescent="0.35">
      <c r="A17015" s="1" t="s">
        <v>62783</v>
      </c>
      <c r="B17015" s="1" t="s">
        <v>53796</v>
      </c>
      <c r="C17015" s="1" t="s">
        <v>100</v>
      </c>
      <c r="D17015" s="1" t="s">
        <v>39217</v>
      </c>
      <c r="E17015" s="1" t="s">
        <v>62839</v>
      </c>
      <c r="F17015" s="1" t="s">
        <v>58434</v>
      </c>
      <c r="G17015" s="1" t="s">
        <v>62786</v>
      </c>
      <c r="H17015" s="1" t="s">
        <v>62787</v>
      </c>
      <c r="I17015" s="1" t="s">
        <v>53800</v>
      </c>
      <c r="J17015" s="1" t="s">
        <v>62840</v>
      </c>
    </row>
    <row r="17016" spans="1:10" x14ac:dyDescent="0.35">
      <c r="A17016" s="1" t="s">
        <v>62783</v>
      </c>
      <c r="B17016" s="1" t="s">
        <v>53796</v>
      </c>
      <c r="C17016" s="1" t="s">
        <v>105</v>
      </c>
      <c r="D17016" s="1" t="s">
        <v>62841</v>
      </c>
      <c r="E17016" s="1" t="s">
        <v>54395</v>
      </c>
      <c r="F17016" s="1" t="s">
        <v>62842</v>
      </c>
      <c r="G17016" s="1" t="s">
        <v>62786</v>
      </c>
      <c r="H17016" s="1" t="s">
        <v>62787</v>
      </c>
      <c r="I17016" s="1" t="s">
        <v>53800</v>
      </c>
      <c r="J17016" s="1" t="s">
        <v>62843</v>
      </c>
    </row>
    <row r="17017" spans="1:10" x14ac:dyDescent="0.35">
      <c r="A17017" s="1" t="s">
        <v>62783</v>
      </c>
      <c r="B17017" s="1" t="s">
        <v>53796</v>
      </c>
      <c r="C17017" s="1" t="s">
        <v>110</v>
      </c>
      <c r="D17017" s="1" t="s">
        <v>62844</v>
      </c>
      <c r="E17017" s="1" t="s">
        <v>52525</v>
      </c>
      <c r="F17017" s="1" t="s">
        <v>62845</v>
      </c>
      <c r="G17017" s="1" t="s">
        <v>62786</v>
      </c>
      <c r="H17017" s="1" t="s">
        <v>62787</v>
      </c>
      <c r="I17017" s="1" t="s">
        <v>53800</v>
      </c>
      <c r="J17017" s="1" t="s">
        <v>62846</v>
      </c>
    </row>
    <row r="17018" spans="1:10" x14ac:dyDescent="0.35">
      <c r="A17018" s="1" t="s">
        <v>62783</v>
      </c>
      <c r="B17018" s="1" t="s">
        <v>53796</v>
      </c>
      <c r="C17018" s="1" t="s">
        <v>115</v>
      </c>
      <c r="D17018" s="1" t="s">
        <v>62847</v>
      </c>
      <c r="E17018" s="1" t="s">
        <v>58164</v>
      </c>
      <c r="F17018" s="1" t="s">
        <v>62848</v>
      </c>
      <c r="G17018" s="1" t="s">
        <v>62786</v>
      </c>
      <c r="H17018" s="1" t="s">
        <v>62787</v>
      </c>
      <c r="I17018" s="1" t="s">
        <v>53800</v>
      </c>
      <c r="J17018" s="1" t="s">
        <v>62849</v>
      </c>
    </row>
    <row r="17019" spans="1:10" x14ac:dyDescent="0.35">
      <c r="A17019" s="1" t="s">
        <v>62783</v>
      </c>
      <c r="B17019" s="1" t="s">
        <v>53796</v>
      </c>
      <c r="C17019" s="1" t="s">
        <v>120</v>
      </c>
      <c r="D17019" s="1" t="s">
        <v>62850</v>
      </c>
      <c r="E17019" s="1" t="s">
        <v>62851</v>
      </c>
      <c r="F17019" s="1" t="s">
        <v>62852</v>
      </c>
      <c r="G17019" s="1" t="s">
        <v>62786</v>
      </c>
      <c r="H17019" s="1" t="s">
        <v>62787</v>
      </c>
      <c r="I17019" s="1" t="s">
        <v>53800</v>
      </c>
      <c r="J17019" s="1" t="s">
        <v>62853</v>
      </c>
    </row>
    <row r="17020" spans="1:10" x14ac:dyDescent="0.35">
      <c r="A17020" s="1" t="s">
        <v>62783</v>
      </c>
      <c r="B17020" s="1" t="s">
        <v>53796</v>
      </c>
      <c r="C17020" s="1" t="s">
        <v>125</v>
      </c>
      <c r="D17020" s="1" t="s">
        <v>62854</v>
      </c>
      <c r="E17020" s="1" t="s">
        <v>41389</v>
      </c>
      <c r="F17020" s="1" t="s">
        <v>62855</v>
      </c>
      <c r="G17020" s="1" t="s">
        <v>62786</v>
      </c>
      <c r="H17020" s="1" t="s">
        <v>62787</v>
      </c>
      <c r="I17020" s="1" t="s">
        <v>53800</v>
      </c>
      <c r="J17020" s="1" t="s">
        <v>62856</v>
      </c>
    </row>
    <row r="17021" spans="1:10" x14ac:dyDescent="0.35">
      <c r="A17021" s="1" t="s">
        <v>62783</v>
      </c>
      <c r="B17021" s="1" t="s">
        <v>53796</v>
      </c>
      <c r="C17021" s="1" t="s">
        <v>130</v>
      </c>
      <c r="D17021" s="1" t="s">
        <v>62857</v>
      </c>
      <c r="E17021" s="1" t="s">
        <v>21910</v>
      </c>
      <c r="F17021" s="1" t="s">
        <v>62858</v>
      </c>
      <c r="G17021" s="1" t="s">
        <v>62786</v>
      </c>
      <c r="H17021" s="1" t="s">
        <v>62787</v>
      </c>
      <c r="I17021" s="1" t="s">
        <v>53800</v>
      </c>
      <c r="J17021" s="1" t="s">
        <v>62859</v>
      </c>
    </row>
    <row r="17022" spans="1:10" x14ac:dyDescent="0.35">
      <c r="A17022" s="1" t="s">
        <v>62783</v>
      </c>
      <c r="B17022" s="1" t="s">
        <v>53796</v>
      </c>
      <c r="C17022" s="1" t="s">
        <v>135</v>
      </c>
      <c r="D17022" s="1" t="s">
        <v>62860</v>
      </c>
      <c r="E17022" s="1" t="s">
        <v>55862</v>
      </c>
      <c r="F17022" s="1" t="s">
        <v>62861</v>
      </c>
      <c r="G17022" s="1" t="s">
        <v>62786</v>
      </c>
      <c r="H17022" s="1" t="s">
        <v>62787</v>
      </c>
      <c r="I17022" s="1" t="s">
        <v>53800</v>
      </c>
      <c r="J17022" s="1" t="s">
        <v>62862</v>
      </c>
    </row>
    <row r="17023" spans="1:10" x14ac:dyDescent="0.35">
      <c r="A17023" s="1" t="s">
        <v>62783</v>
      </c>
      <c r="B17023" s="1" t="s">
        <v>53796</v>
      </c>
      <c r="C17023" s="1" t="s">
        <v>140</v>
      </c>
      <c r="D17023" s="1" t="s">
        <v>62863</v>
      </c>
      <c r="E17023" s="1" t="s">
        <v>62864</v>
      </c>
      <c r="F17023" s="1" t="s">
        <v>57220</v>
      </c>
      <c r="G17023" s="1" t="s">
        <v>62786</v>
      </c>
      <c r="H17023" s="1" t="s">
        <v>62787</v>
      </c>
      <c r="I17023" s="1" t="s">
        <v>53800</v>
      </c>
      <c r="J17023" s="1" t="s">
        <v>62865</v>
      </c>
    </row>
    <row r="17024" spans="1:10" x14ac:dyDescent="0.35">
      <c r="A17024" s="1" t="s">
        <v>62783</v>
      </c>
      <c r="B17024" s="1" t="s">
        <v>53796</v>
      </c>
      <c r="C17024" s="1" t="s">
        <v>145</v>
      </c>
      <c r="D17024" s="1" t="s">
        <v>62866</v>
      </c>
      <c r="E17024" s="1" t="s">
        <v>62867</v>
      </c>
      <c r="F17024" s="1" t="s">
        <v>15908</v>
      </c>
      <c r="G17024" s="1" t="s">
        <v>62786</v>
      </c>
      <c r="H17024" s="1" t="s">
        <v>62787</v>
      </c>
      <c r="I17024" s="1" t="s">
        <v>53800</v>
      </c>
      <c r="J17024" s="1" t="s">
        <v>62868</v>
      </c>
    </row>
    <row r="17025" spans="1:10" x14ac:dyDescent="0.35">
      <c r="A17025" s="1" t="s">
        <v>62783</v>
      </c>
      <c r="B17025" s="1" t="s">
        <v>53796</v>
      </c>
      <c r="C17025" s="1" t="s">
        <v>150</v>
      </c>
      <c r="D17025" s="1" t="s">
        <v>62869</v>
      </c>
      <c r="E17025" s="1" t="s">
        <v>41395</v>
      </c>
      <c r="F17025" s="1" t="s">
        <v>62870</v>
      </c>
      <c r="G17025" s="1" t="s">
        <v>62786</v>
      </c>
      <c r="H17025" s="1" t="s">
        <v>62787</v>
      </c>
      <c r="I17025" s="1" t="s">
        <v>53800</v>
      </c>
      <c r="J17025" s="1" t="s">
        <v>62871</v>
      </c>
    </row>
    <row r="17026" spans="1:10" x14ac:dyDescent="0.35">
      <c r="A17026" s="1" t="s">
        <v>62783</v>
      </c>
      <c r="B17026" s="1" t="s">
        <v>53796</v>
      </c>
      <c r="C17026" s="1" t="s">
        <v>155</v>
      </c>
      <c r="D17026" s="1" t="s">
        <v>62872</v>
      </c>
      <c r="E17026" s="1" t="s">
        <v>16129</v>
      </c>
      <c r="F17026" s="1" t="s">
        <v>62873</v>
      </c>
      <c r="G17026" s="1" t="s">
        <v>62786</v>
      </c>
      <c r="H17026" s="1" t="s">
        <v>62787</v>
      </c>
      <c r="I17026" s="1" t="s">
        <v>53800</v>
      </c>
      <c r="J17026" s="1" t="s">
        <v>62874</v>
      </c>
    </row>
    <row r="17027" spans="1:10" x14ac:dyDescent="0.35">
      <c r="A17027" s="1" t="s">
        <v>62783</v>
      </c>
      <c r="B17027" s="1" t="s">
        <v>53796</v>
      </c>
      <c r="C17027" s="1" t="s">
        <v>160</v>
      </c>
      <c r="D17027" s="1" t="s">
        <v>62875</v>
      </c>
      <c r="E17027" s="1" t="s">
        <v>31378</v>
      </c>
      <c r="F17027" s="1" t="s">
        <v>62876</v>
      </c>
      <c r="G17027" s="1" t="s">
        <v>62786</v>
      </c>
      <c r="H17027" s="1" t="s">
        <v>62787</v>
      </c>
      <c r="I17027" s="1" t="s">
        <v>53800</v>
      </c>
      <c r="J17027" s="1" t="s">
        <v>62877</v>
      </c>
    </row>
    <row r="17028" spans="1:10" x14ac:dyDescent="0.35">
      <c r="A17028" s="1" t="s">
        <v>62783</v>
      </c>
      <c r="B17028" s="1" t="s">
        <v>53796</v>
      </c>
      <c r="C17028" s="1" t="s">
        <v>165</v>
      </c>
      <c r="D17028" s="1" t="s">
        <v>62878</v>
      </c>
      <c r="E17028" s="1" t="s">
        <v>62879</v>
      </c>
      <c r="F17028" s="1" t="s">
        <v>62880</v>
      </c>
      <c r="G17028" s="1" t="s">
        <v>62786</v>
      </c>
      <c r="H17028" s="1" t="s">
        <v>62787</v>
      </c>
      <c r="I17028" s="1" t="s">
        <v>53800</v>
      </c>
      <c r="J17028" s="1" t="s">
        <v>62881</v>
      </c>
    </row>
    <row r="17029" spans="1:10" x14ac:dyDescent="0.35">
      <c r="A17029" s="1" t="s">
        <v>62783</v>
      </c>
      <c r="B17029" s="1" t="s">
        <v>53796</v>
      </c>
      <c r="C17029" s="1" t="s">
        <v>170</v>
      </c>
      <c r="D17029" s="1" t="s">
        <v>62882</v>
      </c>
      <c r="E17029" s="1" t="s">
        <v>21826</v>
      </c>
      <c r="F17029" s="1" t="s">
        <v>62883</v>
      </c>
      <c r="G17029" s="1" t="s">
        <v>62786</v>
      </c>
      <c r="H17029" s="1" t="s">
        <v>62787</v>
      </c>
      <c r="I17029" s="1" t="s">
        <v>53800</v>
      </c>
      <c r="J17029" s="1" t="s">
        <v>62884</v>
      </c>
    </row>
    <row r="17030" spans="1:10" x14ac:dyDescent="0.35">
      <c r="A17030" s="1" t="s">
        <v>3522</v>
      </c>
      <c r="B17030" s="1" t="s">
        <v>53796</v>
      </c>
      <c r="C17030" s="1" t="s">
        <v>8</v>
      </c>
      <c r="D17030" s="1" t="s">
        <v>38117</v>
      </c>
      <c r="E17030" s="1" t="s">
        <v>32076</v>
      </c>
      <c r="F17030" s="1" t="s">
        <v>22364</v>
      </c>
      <c r="G17030" s="1" t="s">
        <v>62885</v>
      </c>
      <c r="H17030" s="1" t="s">
        <v>62886</v>
      </c>
      <c r="I17030" s="1" t="s">
        <v>53800</v>
      </c>
      <c r="J17030" s="1" t="s">
        <v>13</v>
      </c>
    </row>
    <row r="17031" spans="1:10" x14ac:dyDescent="0.35">
      <c r="A17031" s="1" t="s">
        <v>3522</v>
      </c>
      <c r="B17031" s="1" t="s">
        <v>53796</v>
      </c>
      <c r="C17031" s="1" t="s">
        <v>15</v>
      </c>
      <c r="D17031" s="1" t="s">
        <v>62887</v>
      </c>
      <c r="E17031" s="1" t="s">
        <v>31397</v>
      </c>
      <c r="F17031" s="1" t="s">
        <v>60469</v>
      </c>
      <c r="G17031" s="1" t="s">
        <v>62885</v>
      </c>
      <c r="H17031" s="1" t="s">
        <v>62886</v>
      </c>
      <c r="I17031" s="1" t="s">
        <v>53800</v>
      </c>
      <c r="J17031" s="1" t="s">
        <v>62888</v>
      </c>
    </row>
    <row r="17032" spans="1:10" x14ac:dyDescent="0.35">
      <c r="A17032" s="1" t="s">
        <v>3522</v>
      </c>
      <c r="B17032" s="1" t="s">
        <v>53796</v>
      </c>
      <c r="C17032" s="1" t="s">
        <v>20</v>
      </c>
      <c r="D17032" s="1" t="s">
        <v>52584</v>
      </c>
      <c r="E17032" s="1" t="s">
        <v>62889</v>
      </c>
      <c r="F17032" s="1" t="s">
        <v>62890</v>
      </c>
      <c r="G17032" s="1" t="s">
        <v>62885</v>
      </c>
      <c r="H17032" s="1" t="s">
        <v>62886</v>
      </c>
      <c r="I17032" s="1" t="s">
        <v>53800</v>
      </c>
      <c r="J17032" s="1" t="s">
        <v>62891</v>
      </c>
    </row>
    <row r="17033" spans="1:10" x14ac:dyDescent="0.35">
      <c r="A17033" s="1" t="s">
        <v>3522</v>
      </c>
      <c r="B17033" s="1" t="s">
        <v>53796</v>
      </c>
      <c r="C17033" s="1" t="s">
        <v>25</v>
      </c>
      <c r="D17033" s="1" t="s">
        <v>62892</v>
      </c>
      <c r="E17033" s="1" t="s">
        <v>59517</v>
      </c>
      <c r="F17033" s="1" t="s">
        <v>62893</v>
      </c>
      <c r="G17033" s="1" t="s">
        <v>62885</v>
      </c>
      <c r="H17033" s="1" t="s">
        <v>62886</v>
      </c>
      <c r="I17033" s="1" t="s">
        <v>53800</v>
      </c>
      <c r="J17033" s="1" t="s">
        <v>62894</v>
      </c>
    </row>
    <row r="17034" spans="1:10" x14ac:dyDescent="0.35">
      <c r="A17034" s="1" t="s">
        <v>3522</v>
      </c>
      <c r="B17034" s="1" t="s">
        <v>53796</v>
      </c>
      <c r="C17034" s="1" t="s">
        <v>30</v>
      </c>
      <c r="D17034" s="1" t="s">
        <v>62895</v>
      </c>
      <c r="E17034" s="1" t="s">
        <v>15228</v>
      </c>
      <c r="F17034" s="1" t="s">
        <v>62896</v>
      </c>
      <c r="G17034" s="1" t="s">
        <v>62885</v>
      </c>
      <c r="H17034" s="1" t="s">
        <v>62886</v>
      </c>
      <c r="I17034" s="1" t="s">
        <v>53800</v>
      </c>
      <c r="J17034" s="1" t="s">
        <v>62897</v>
      </c>
    </row>
    <row r="17035" spans="1:10" x14ac:dyDescent="0.35">
      <c r="A17035" s="1" t="s">
        <v>3522</v>
      </c>
      <c r="B17035" s="1" t="s">
        <v>53796</v>
      </c>
      <c r="C17035" s="1" t="s">
        <v>35</v>
      </c>
      <c r="D17035" s="1" t="s">
        <v>62898</v>
      </c>
      <c r="E17035" s="1" t="s">
        <v>21937</v>
      </c>
      <c r="F17035" s="1" t="s">
        <v>62899</v>
      </c>
      <c r="G17035" s="1" t="s">
        <v>62885</v>
      </c>
      <c r="H17035" s="1" t="s">
        <v>62886</v>
      </c>
      <c r="I17035" s="1" t="s">
        <v>53800</v>
      </c>
      <c r="J17035" s="1" t="s">
        <v>62900</v>
      </c>
    </row>
    <row r="17036" spans="1:10" x14ac:dyDescent="0.35">
      <c r="A17036" s="1" t="s">
        <v>3522</v>
      </c>
      <c r="B17036" s="1" t="s">
        <v>53796</v>
      </c>
      <c r="C17036" s="1" t="s">
        <v>40</v>
      </c>
      <c r="D17036" s="1" t="s">
        <v>62901</v>
      </c>
      <c r="E17036" s="1" t="s">
        <v>23053</v>
      </c>
      <c r="F17036" s="1" t="s">
        <v>62902</v>
      </c>
      <c r="G17036" s="1" t="s">
        <v>62885</v>
      </c>
      <c r="H17036" s="1" t="s">
        <v>62886</v>
      </c>
      <c r="I17036" s="1" t="s">
        <v>53800</v>
      </c>
      <c r="J17036" s="1" t="s">
        <v>62903</v>
      </c>
    </row>
    <row r="17037" spans="1:10" x14ac:dyDescent="0.35">
      <c r="A17037" s="1" t="s">
        <v>3522</v>
      </c>
      <c r="B17037" s="1" t="s">
        <v>53796</v>
      </c>
      <c r="C17037" s="1" t="s">
        <v>45</v>
      </c>
      <c r="D17037" s="1" t="s">
        <v>59900</v>
      </c>
      <c r="E17037" s="1" t="s">
        <v>32407</v>
      </c>
      <c r="F17037" s="1" t="s">
        <v>62490</v>
      </c>
      <c r="G17037" s="1" t="s">
        <v>62885</v>
      </c>
      <c r="H17037" s="1" t="s">
        <v>62886</v>
      </c>
      <c r="I17037" s="1" t="s">
        <v>53800</v>
      </c>
      <c r="J17037" s="1" t="s">
        <v>62904</v>
      </c>
    </row>
    <row r="17038" spans="1:10" x14ac:dyDescent="0.35">
      <c r="A17038" s="1" t="s">
        <v>3522</v>
      </c>
      <c r="B17038" s="1" t="s">
        <v>53796</v>
      </c>
      <c r="C17038" s="1" t="s">
        <v>50</v>
      </c>
      <c r="D17038" s="1" t="s">
        <v>62905</v>
      </c>
      <c r="E17038" s="1" t="s">
        <v>54379</v>
      </c>
      <c r="F17038" s="1" t="s">
        <v>62906</v>
      </c>
      <c r="G17038" s="1" t="s">
        <v>62885</v>
      </c>
      <c r="H17038" s="1" t="s">
        <v>62886</v>
      </c>
      <c r="I17038" s="1" t="s">
        <v>53800</v>
      </c>
      <c r="J17038" s="1" t="s">
        <v>62907</v>
      </c>
    </row>
    <row r="17039" spans="1:10" x14ac:dyDescent="0.35">
      <c r="A17039" s="1" t="s">
        <v>3522</v>
      </c>
      <c r="B17039" s="1" t="s">
        <v>53796</v>
      </c>
      <c r="C17039" s="1" t="s">
        <v>55</v>
      </c>
      <c r="D17039" s="1" t="s">
        <v>26793</v>
      </c>
      <c r="E17039" s="1" t="s">
        <v>59640</v>
      </c>
      <c r="F17039" s="1" t="s">
        <v>62908</v>
      </c>
      <c r="G17039" s="1" t="s">
        <v>62885</v>
      </c>
      <c r="H17039" s="1" t="s">
        <v>62886</v>
      </c>
      <c r="I17039" s="1" t="s">
        <v>53800</v>
      </c>
      <c r="J17039" s="1" t="s">
        <v>62909</v>
      </c>
    </row>
    <row r="17040" spans="1:10" x14ac:dyDescent="0.35">
      <c r="A17040" s="1" t="s">
        <v>3522</v>
      </c>
      <c r="B17040" s="1" t="s">
        <v>53796</v>
      </c>
      <c r="C17040" s="1" t="s">
        <v>60</v>
      </c>
      <c r="D17040" s="1" t="s">
        <v>44255</v>
      </c>
      <c r="E17040" s="1" t="s">
        <v>56476</v>
      </c>
      <c r="F17040" s="1" t="s">
        <v>62910</v>
      </c>
      <c r="G17040" s="1" t="s">
        <v>62885</v>
      </c>
      <c r="H17040" s="1" t="s">
        <v>62886</v>
      </c>
      <c r="I17040" s="1" t="s">
        <v>53800</v>
      </c>
      <c r="J17040" s="1" t="s">
        <v>62911</v>
      </c>
    </row>
    <row r="17041" spans="1:10" x14ac:dyDescent="0.35">
      <c r="A17041" s="1" t="s">
        <v>3522</v>
      </c>
      <c r="B17041" s="1" t="s">
        <v>53796</v>
      </c>
      <c r="C17041" s="1" t="s">
        <v>65</v>
      </c>
      <c r="D17041" s="1" t="s">
        <v>58998</v>
      </c>
      <c r="E17041" s="1" t="s">
        <v>12798</v>
      </c>
      <c r="F17041" s="1" t="s">
        <v>62447</v>
      </c>
      <c r="G17041" s="1" t="s">
        <v>62885</v>
      </c>
      <c r="H17041" s="1" t="s">
        <v>62886</v>
      </c>
      <c r="I17041" s="1" t="s">
        <v>53800</v>
      </c>
      <c r="J17041" s="1" t="s">
        <v>62912</v>
      </c>
    </row>
    <row r="17042" spans="1:10" x14ac:dyDescent="0.35">
      <c r="A17042" s="1" t="s">
        <v>3522</v>
      </c>
      <c r="B17042" s="1" t="s">
        <v>53796</v>
      </c>
      <c r="C17042" s="1" t="s">
        <v>70</v>
      </c>
      <c r="D17042" s="1" t="s">
        <v>62913</v>
      </c>
      <c r="E17042" s="1" t="s">
        <v>12864</v>
      </c>
      <c r="F17042" s="1" t="s">
        <v>32308</v>
      </c>
      <c r="G17042" s="1" t="s">
        <v>62885</v>
      </c>
      <c r="H17042" s="1" t="s">
        <v>62886</v>
      </c>
      <c r="I17042" s="1" t="s">
        <v>53800</v>
      </c>
      <c r="J17042" s="1" t="s">
        <v>62914</v>
      </c>
    </row>
    <row r="17043" spans="1:10" x14ac:dyDescent="0.35">
      <c r="A17043" s="1" t="s">
        <v>3522</v>
      </c>
      <c r="B17043" s="1" t="s">
        <v>53796</v>
      </c>
      <c r="C17043" s="1" t="s">
        <v>75</v>
      </c>
      <c r="D17043" s="1" t="s">
        <v>62915</v>
      </c>
      <c r="E17043" s="1" t="s">
        <v>54092</v>
      </c>
      <c r="F17043" s="1" t="s">
        <v>62916</v>
      </c>
      <c r="G17043" s="1" t="s">
        <v>62885</v>
      </c>
      <c r="H17043" s="1" t="s">
        <v>62886</v>
      </c>
      <c r="I17043" s="1" t="s">
        <v>53800</v>
      </c>
      <c r="J17043" s="1" t="s">
        <v>62917</v>
      </c>
    </row>
    <row r="17044" spans="1:10" x14ac:dyDescent="0.35">
      <c r="A17044" s="1" t="s">
        <v>3522</v>
      </c>
      <c r="B17044" s="1" t="s">
        <v>53796</v>
      </c>
      <c r="C17044" s="1" t="s">
        <v>80</v>
      </c>
      <c r="D17044" s="1" t="s">
        <v>59535</v>
      </c>
      <c r="E17044" s="1" t="s">
        <v>15340</v>
      </c>
      <c r="F17044" s="1" t="s">
        <v>24233</v>
      </c>
      <c r="G17044" s="1" t="s">
        <v>62885</v>
      </c>
      <c r="H17044" s="1" t="s">
        <v>62886</v>
      </c>
      <c r="I17044" s="1" t="s">
        <v>53800</v>
      </c>
      <c r="J17044" s="1" t="s">
        <v>62918</v>
      </c>
    </row>
    <row r="17045" spans="1:10" x14ac:dyDescent="0.35">
      <c r="A17045" s="1" t="s">
        <v>3522</v>
      </c>
      <c r="B17045" s="1" t="s">
        <v>53796</v>
      </c>
      <c r="C17045" s="1" t="s">
        <v>85</v>
      </c>
      <c r="D17045" s="1" t="s">
        <v>62919</v>
      </c>
      <c r="E17045" s="1" t="s">
        <v>21981</v>
      </c>
      <c r="F17045" s="1" t="s">
        <v>62920</v>
      </c>
      <c r="G17045" s="1" t="s">
        <v>62885</v>
      </c>
      <c r="H17045" s="1" t="s">
        <v>62886</v>
      </c>
      <c r="I17045" s="1" t="s">
        <v>53800</v>
      </c>
      <c r="J17045" s="1" t="s">
        <v>62921</v>
      </c>
    </row>
    <row r="17046" spans="1:10" x14ac:dyDescent="0.35">
      <c r="A17046" s="1" t="s">
        <v>3522</v>
      </c>
      <c r="B17046" s="1" t="s">
        <v>53796</v>
      </c>
      <c r="C17046" s="1" t="s">
        <v>90</v>
      </c>
      <c r="D17046" s="1" t="s">
        <v>2698</v>
      </c>
      <c r="E17046" s="1" t="s">
        <v>54118</v>
      </c>
      <c r="F17046" s="1" t="s">
        <v>62922</v>
      </c>
      <c r="G17046" s="1" t="s">
        <v>62885</v>
      </c>
      <c r="H17046" s="1" t="s">
        <v>62886</v>
      </c>
      <c r="I17046" s="1" t="s">
        <v>53800</v>
      </c>
      <c r="J17046" s="1" t="s">
        <v>62923</v>
      </c>
    </row>
    <row r="17047" spans="1:10" x14ac:dyDescent="0.35">
      <c r="A17047" s="1" t="s">
        <v>3522</v>
      </c>
      <c r="B17047" s="1" t="s">
        <v>53796</v>
      </c>
      <c r="C17047" s="1" t="s">
        <v>95</v>
      </c>
      <c r="D17047" s="1" t="s">
        <v>62924</v>
      </c>
      <c r="E17047" s="1" t="s">
        <v>22259</v>
      </c>
      <c r="F17047" s="1" t="s">
        <v>62925</v>
      </c>
      <c r="G17047" s="1" t="s">
        <v>62885</v>
      </c>
      <c r="H17047" s="1" t="s">
        <v>62886</v>
      </c>
      <c r="I17047" s="1" t="s">
        <v>53800</v>
      </c>
      <c r="J17047" s="1" t="s">
        <v>62926</v>
      </c>
    </row>
    <row r="17048" spans="1:10" x14ac:dyDescent="0.35">
      <c r="A17048" s="1" t="s">
        <v>3522</v>
      </c>
      <c r="B17048" s="1" t="s">
        <v>53796</v>
      </c>
      <c r="C17048" s="1" t="s">
        <v>100</v>
      </c>
      <c r="D17048" s="1" t="s">
        <v>54171</v>
      </c>
      <c r="E17048" s="1" t="s">
        <v>56822</v>
      </c>
      <c r="F17048" s="1" t="s">
        <v>62927</v>
      </c>
      <c r="G17048" s="1" t="s">
        <v>62885</v>
      </c>
      <c r="H17048" s="1" t="s">
        <v>62886</v>
      </c>
      <c r="I17048" s="1" t="s">
        <v>53800</v>
      </c>
      <c r="J17048" s="1" t="s">
        <v>62928</v>
      </c>
    </row>
    <row r="17049" spans="1:10" x14ac:dyDescent="0.35">
      <c r="A17049" s="1" t="s">
        <v>3522</v>
      </c>
      <c r="B17049" s="1" t="s">
        <v>53796</v>
      </c>
      <c r="C17049" s="1" t="s">
        <v>105</v>
      </c>
      <c r="D17049" s="1" t="s">
        <v>62929</v>
      </c>
      <c r="E17049" s="1" t="s">
        <v>53969</v>
      </c>
      <c r="F17049" s="1" t="s">
        <v>62930</v>
      </c>
      <c r="G17049" s="1" t="s">
        <v>62885</v>
      </c>
      <c r="H17049" s="1" t="s">
        <v>62886</v>
      </c>
      <c r="I17049" s="1" t="s">
        <v>53800</v>
      </c>
      <c r="J17049" s="1" t="s">
        <v>62931</v>
      </c>
    </row>
    <row r="17050" spans="1:10" x14ac:dyDescent="0.35">
      <c r="A17050" s="1" t="s">
        <v>3522</v>
      </c>
      <c r="B17050" s="1" t="s">
        <v>53796</v>
      </c>
      <c r="C17050" s="1" t="s">
        <v>110</v>
      </c>
      <c r="D17050" s="1" t="s">
        <v>62932</v>
      </c>
      <c r="E17050" s="1" t="s">
        <v>56651</v>
      </c>
      <c r="F17050" s="1" t="s">
        <v>62933</v>
      </c>
      <c r="G17050" s="1" t="s">
        <v>62885</v>
      </c>
      <c r="H17050" s="1" t="s">
        <v>62886</v>
      </c>
      <c r="I17050" s="1" t="s">
        <v>53800</v>
      </c>
      <c r="J17050" s="1" t="s">
        <v>62934</v>
      </c>
    </row>
    <row r="17051" spans="1:10" x14ac:dyDescent="0.35">
      <c r="A17051" s="1" t="s">
        <v>3522</v>
      </c>
      <c r="B17051" s="1" t="s">
        <v>53796</v>
      </c>
      <c r="C17051" s="1" t="s">
        <v>115</v>
      </c>
      <c r="D17051" s="1" t="s">
        <v>62935</v>
      </c>
      <c r="E17051" s="1" t="s">
        <v>15293</v>
      </c>
      <c r="F17051" s="1" t="s">
        <v>62936</v>
      </c>
      <c r="G17051" s="1" t="s">
        <v>62885</v>
      </c>
      <c r="H17051" s="1" t="s">
        <v>62886</v>
      </c>
      <c r="I17051" s="1" t="s">
        <v>53800</v>
      </c>
      <c r="J17051" s="1" t="s">
        <v>62937</v>
      </c>
    </row>
    <row r="17052" spans="1:10" x14ac:dyDescent="0.35">
      <c r="A17052" s="1" t="s">
        <v>3522</v>
      </c>
      <c r="B17052" s="1" t="s">
        <v>53796</v>
      </c>
      <c r="C17052" s="1" t="s">
        <v>120</v>
      </c>
      <c r="D17052" s="1" t="s">
        <v>62938</v>
      </c>
      <c r="E17052" s="1" t="s">
        <v>56233</v>
      </c>
      <c r="F17052" s="1" t="s">
        <v>62939</v>
      </c>
      <c r="G17052" s="1" t="s">
        <v>62885</v>
      </c>
      <c r="H17052" s="1" t="s">
        <v>62886</v>
      </c>
      <c r="I17052" s="1" t="s">
        <v>53800</v>
      </c>
      <c r="J17052" s="1" t="s">
        <v>62940</v>
      </c>
    </row>
    <row r="17053" spans="1:10" x14ac:dyDescent="0.35">
      <c r="A17053" s="1" t="s">
        <v>3522</v>
      </c>
      <c r="B17053" s="1" t="s">
        <v>53796</v>
      </c>
      <c r="C17053" s="1" t="s">
        <v>125</v>
      </c>
      <c r="D17053" s="1" t="s">
        <v>62941</v>
      </c>
      <c r="E17053" s="1" t="s">
        <v>21753</v>
      </c>
      <c r="F17053" s="1" t="s">
        <v>62942</v>
      </c>
      <c r="G17053" s="1" t="s">
        <v>62885</v>
      </c>
      <c r="H17053" s="1" t="s">
        <v>62886</v>
      </c>
      <c r="I17053" s="1" t="s">
        <v>53800</v>
      </c>
      <c r="J17053" s="1" t="s">
        <v>62943</v>
      </c>
    </row>
    <row r="17054" spans="1:10" x14ac:dyDescent="0.35">
      <c r="A17054" s="1" t="s">
        <v>3522</v>
      </c>
      <c r="B17054" s="1" t="s">
        <v>53796</v>
      </c>
      <c r="C17054" s="1" t="s">
        <v>130</v>
      </c>
      <c r="D17054" s="1" t="s">
        <v>62944</v>
      </c>
      <c r="E17054" s="1" t="s">
        <v>32140</v>
      </c>
      <c r="F17054" s="1" t="s">
        <v>62945</v>
      </c>
      <c r="G17054" s="1" t="s">
        <v>62885</v>
      </c>
      <c r="H17054" s="1" t="s">
        <v>62886</v>
      </c>
      <c r="I17054" s="1" t="s">
        <v>53800</v>
      </c>
      <c r="J17054" s="1" t="s">
        <v>62946</v>
      </c>
    </row>
    <row r="17055" spans="1:10" x14ac:dyDescent="0.35">
      <c r="A17055" s="1" t="s">
        <v>3522</v>
      </c>
      <c r="B17055" s="1" t="s">
        <v>53796</v>
      </c>
      <c r="C17055" s="1" t="s">
        <v>135</v>
      </c>
      <c r="D17055" s="1" t="s">
        <v>62947</v>
      </c>
      <c r="E17055" s="1" t="s">
        <v>62948</v>
      </c>
      <c r="F17055" s="1" t="s">
        <v>62949</v>
      </c>
      <c r="G17055" s="1" t="s">
        <v>62885</v>
      </c>
      <c r="H17055" s="1" t="s">
        <v>62886</v>
      </c>
      <c r="I17055" s="1" t="s">
        <v>53800</v>
      </c>
      <c r="J17055" s="1" t="s">
        <v>62950</v>
      </c>
    </row>
    <row r="17056" spans="1:10" x14ac:dyDescent="0.35">
      <c r="A17056" s="1" t="s">
        <v>3522</v>
      </c>
      <c r="B17056" s="1" t="s">
        <v>53796</v>
      </c>
      <c r="C17056" s="1" t="s">
        <v>140</v>
      </c>
      <c r="D17056" s="1" t="s">
        <v>62951</v>
      </c>
      <c r="E17056" s="1" t="s">
        <v>56784</v>
      </c>
      <c r="F17056" s="1" t="s">
        <v>62952</v>
      </c>
      <c r="G17056" s="1" t="s">
        <v>62885</v>
      </c>
      <c r="H17056" s="1" t="s">
        <v>62886</v>
      </c>
      <c r="I17056" s="1" t="s">
        <v>53800</v>
      </c>
      <c r="J17056" s="1" t="s">
        <v>62953</v>
      </c>
    </row>
    <row r="17057" spans="1:10" x14ac:dyDescent="0.35">
      <c r="A17057" s="1" t="s">
        <v>3522</v>
      </c>
      <c r="B17057" s="1" t="s">
        <v>53796</v>
      </c>
      <c r="C17057" s="1" t="s">
        <v>145</v>
      </c>
      <c r="D17057" s="1" t="s">
        <v>62954</v>
      </c>
      <c r="E17057" s="1" t="s">
        <v>54178</v>
      </c>
      <c r="F17057" s="1" t="s">
        <v>62955</v>
      </c>
      <c r="G17057" s="1" t="s">
        <v>62885</v>
      </c>
      <c r="H17057" s="1" t="s">
        <v>62886</v>
      </c>
      <c r="I17057" s="1" t="s">
        <v>53800</v>
      </c>
      <c r="J17057" s="1" t="s">
        <v>62956</v>
      </c>
    </row>
    <row r="17058" spans="1:10" x14ac:dyDescent="0.35">
      <c r="A17058" s="1" t="s">
        <v>3522</v>
      </c>
      <c r="B17058" s="1" t="s">
        <v>53796</v>
      </c>
      <c r="C17058" s="1" t="s">
        <v>150</v>
      </c>
      <c r="D17058" s="1" t="s">
        <v>62957</v>
      </c>
      <c r="E17058" s="1" t="s">
        <v>31459</v>
      </c>
      <c r="F17058" s="1" t="s">
        <v>62958</v>
      </c>
      <c r="G17058" s="1" t="s">
        <v>62885</v>
      </c>
      <c r="H17058" s="1" t="s">
        <v>62886</v>
      </c>
      <c r="I17058" s="1" t="s">
        <v>53800</v>
      </c>
      <c r="J17058" s="1" t="s">
        <v>62959</v>
      </c>
    </row>
    <row r="17059" spans="1:10" x14ac:dyDescent="0.35">
      <c r="A17059" s="1" t="s">
        <v>3522</v>
      </c>
      <c r="B17059" s="1" t="s">
        <v>53796</v>
      </c>
      <c r="C17059" s="1" t="s">
        <v>155</v>
      </c>
      <c r="D17059" s="1" t="s">
        <v>62960</v>
      </c>
      <c r="E17059" s="1" t="s">
        <v>15424</v>
      </c>
      <c r="F17059" s="1" t="s">
        <v>62961</v>
      </c>
      <c r="G17059" s="1" t="s">
        <v>62885</v>
      </c>
      <c r="H17059" s="1" t="s">
        <v>62886</v>
      </c>
      <c r="I17059" s="1" t="s">
        <v>53800</v>
      </c>
      <c r="J17059" s="1" t="s">
        <v>62962</v>
      </c>
    </row>
    <row r="17060" spans="1:10" x14ac:dyDescent="0.35">
      <c r="A17060" s="1" t="s">
        <v>3522</v>
      </c>
      <c r="B17060" s="1" t="s">
        <v>53796</v>
      </c>
      <c r="C17060" s="1" t="s">
        <v>160</v>
      </c>
      <c r="D17060" s="1" t="s">
        <v>24429</v>
      </c>
      <c r="E17060" s="1" t="s">
        <v>62963</v>
      </c>
      <c r="F17060" s="1" t="s">
        <v>62964</v>
      </c>
      <c r="G17060" s="1" t="s">
        <v>62885</v>
      </c>
      <c r="H17060" s="1" t="s">
        <v>62886</v>
      </c>
      <c r="I17060" s="1" t="s">
        <v>53800</v>
      </c>
      <c r="J17060" s="1" t="s">
        <v>62965</v>
      </c>
    </row>
    <row r="17061" spans="1:10" x14ac:dyDescent="0.35">
      <c r="A17061" s="1" t="s">
        <v>3522</v>
      </c>
      <c r="B17061" s="1" t="s">
        <v>53796</v>
      </c>
      <c r="C17061" s="1" t="s">
        <v>165</v>
      </c>
      <c r="D17061" s="1" t="s">
        <v>62966</v>
      </c>
      <c r="E17061" s="1" t="s">
        <v>41148</v>
      </c>
      <c r="F17061" s="1" t="s">
        <v>62967</v>
      </c>
      <c r="G17061" s="1" t="s">
        <v>62885</v>
      </c>
      <c r="H17061" s="1" t="s">
        <v>62886</v>
      </c>
      <c r="I17061" s="1" t="s">
        <v>53800</v>
      </c>
      <c r="J17061" s="1" t="s">
        <v>62968</v>
      </c>
    </row>
    <row r="17062" spans="1:10" x14ac:dyDescent="0.35">
      <c r="A17062" s="1" t="s">
        <v>3522</v>
      </c>
      <c r="B17062" s="1" t="s">
        <v>53796</v>
      </c>
      <c r="C17062" s="1" t="s">
        <v>170</v>
      </c>
      <c r="D17062" s="1" t="s">
        <v>62969</v>
      </c>
      <c r="E17062" s="1" t="s">
        <v>22345</v>
      </c>
      <c r="F17062" s="1" t="s">
        <v>62970</v>
      </c>
      <c r="G17062" s="1" t="s">
        <v>62885</v>
      </c>
      <c r="H17062" s="1" t="s">
        <v>62886</v>
      </c>
      <c r="I17062" s="1" t="s">
        <v>53800</v>
      </c>
      <c r="J17062" s="1" t="s">
        <v>62971</v>
      </c>
    </row>
    <row r="17063" spans="1:10" x14ac:dyDescent="0.35">
      <c r="A17063" s="1" t="s">
        <v>62972</v>
      </c>
      <c r="B17063" s="1" t="s">
        <v>53796</v>
      </c>
      <c r="C17063" s="1" t="s">
        <v>8</v>
      </c>
      <c r="D17063" s="1" t="s">
        <v>62973</v>
      </c>
      <c r="E17063" s="1" t="s">
        <v>12868</v>
      </c>
      <c r="F17063" s="1" t="s">
        <v>62974</v>
      </c>
      <c r="G17063" s="1" t="s">
        <v>62975</v>
      </c>
      <c r="H17063" s="1" t="s">
        <v>62976</v>
      </c>
      <c r="I17063" s="1" t="s">
        <v>53800</v>
      </c>
      <c r="J17063" s="1" t="s">
        <v>13</v>
      </c>
    </row>
    <row r="17064" spans="1:10" x14ac:dyDescent="0.35">
      <c r="A17064" s="1" t="s">
        <v>62972</v>
      </c>
      <c r="B17064" s="1" t="s">
        <v>53796</v>
      </c>
      <c r="C17064" s="1" t="s">
        <v>15</v>
      </c>
      <c r="D17064" s="1" t="s">
        <v>62977</v>
      </c>
      <c r="E17064" s="1" t="s">
        <v>22018</v>
      </c>
      <c r="F17064" s="1" t="s">
        <v>62978</v>
      </c>
      <c r="G17064" s="1" t="s">
        <v>62975</v>
      </c>
      <c r="H17064" s="1" t="s">
        <v>62976</v>
      </c>
      <c r="I17064" s="1" t="s">
        <v>53800</v>
      </c>
      <c r="J17064" s="1" t="s">
        <v>62979</v>
      </c>
    </row>
    <row r="17065" spans="1:10" x14ac:dyDescent="0.35">
      <c r="A17065" s="1" t="s">
        <v>62972</v>
      </c>
      <c r="B17065" s="1" t="s">
        <v>53796</v>
      </c>
      <c r="C17065" s="1" t="s">
        <v>20</v>
      </c>
      <c r="D17065" s="1" t="s">
        <v>62980</v>
      </c>
      <c r="E17065" s="1" t="s">
        <v>62981</v>
      </c>
      <c r="F17065" s="1" t="s">
        <v>62982</v>
      </c>
      <c r="G17065" s="1" t="s">
        <v>62975</v>
      </c>
      <c r="H17065" s="1" t="s">
        <v>62976</v>
      </c>
      <c r="I17065" s="1" t="s">
        <v>53800</v>
      </c>
      <c r="J17065" s="1" t="s">
        <v>62983</v>
      </c>
    </row>
    <row r="17066" spans="1:10" x14ac:dyDescent="0.35">
      <c r="A17066" s="1" t="s">
        <v>62972</v>
      </c>
      <c r="B17066" s="1" t="s">
        <v>53796</v>
      </c>
      <c r="C17066" s="1" t="s">
        <v>25</v>
      </c>
      <c r="D17066" s="1" t="s">
        <v>62984</v>
      </c>
      <c r="E17066" s="1" t="s">
        <v>41578</v>
      </c>
      <c r="F17066" s="1" t="s">
        <v>62985</v>
      </c>
      <c r="G17066" s="1" t="s">
        <v>62975</v>
      </c>
      <c r="H17066" s="1" t="s">
        <v>62976</v>
      </c>
      <c r="I17066" s="1" t="s">
        <v>53800</v>
      </c>
      <c r="J17066" s="1" t="s">
        <v>62986</v>
      </c>
    </row>
    <row r="17067" spans="1:10" x14ac:dyDescent="0.35">
      <c r="A17067" s="1" t="s">
        <v>62972</v>
      </c>
      <c r="B17067" s="1" t="s">
        <v>53796</v>
      </c>
      <c r="C17067" s="1" t="s">
        <v>30</v>
      </c>
      <c r="D17067" s="1" t="s">
        <v>62987</v>
      </c>
      <c r="E17067" s="1" t="s">
        <v>56389</v>
      </c>
      <c r="F17067" s="1" t="s">
        <v>62988</v>
      </c>
      <c r="G17067" s="1" t="s">
        <v>62975</v>
      </c>
      <c r="H17067" s="1" t="s">
        <v>62976</v>
      </c>
      <c r="I17067" s="1" t="s">
        <v>53800</v>
      </c>
      <c r="J17067" s="1" t="s">
        <v>62989</v>
      </c>
    </row>
    <row r="17068" spans="1:10" x14ac:dyDescent="0.35">
      <c r="A17068" s="1" t="s">
        <v>62972</v>
      </c>
      <c r="B17068" s="1" t="s">
        <v>53796</v>
      </c>
      <c r="C17068" s="1" t="s">
        <v>35</v>
      </c>
      <c r="D17068" s="1" t="s">
        <v>62990</v>
      </c>
      <c r="E17068" s="1" t="s">
        <v>41338</v>
      </c>
      <c r="F17068" s="1" t="s">
        <v>62991</v>
      </c>
      <c r="G17068" s="1" t="s">
        <v>62975</v>
      </c>
      <c r="H17068" s="1" t="s">
        <v>62976</v>
      </c>
      <c r="I17068" s="1" t="s">
        <v>53800</v>
      </c>
      <c r="J17068" s="1" t="s">
        <v>62992</v>
      </c>
    </row>
    <row r="17069" spans="1:10" x14ac:dyDescent="0.35">
      <c r="A17069" s="1" t="s">
        <v>62972</v>
      </c>
      <c r="B17069" s="1" t="s">
        <v>53796</v>
      </c>
      <c r="C17069" s="1" t="s">
        <v>40</v>
      </c>
      <c r="D17069" s="1" t="s">
        <v>62993</v>
      </c>
      <c r="E17069" s="1" t="s">
        <v>62994</v>
      </c>
      <c r="F17069" s="1" t="s">
        <v>62995</v>
      </c>
      <c r="G17069" s="1" t="s">
        <v>62975</v>
      </c>
      <c r="H17069" s="1" t="s">
        <v>62976</v>
      </c>
      <c r="I17069" s="1" t="s">
        <v>53800</v>
      </c>
      <c r="J17069" s="1" t="s">
        <v>62996</v>
      </c>
    </row>
    <row r="17070" spans="1:10" x14ac:dyDescent="0.35">
      <c r="A17070" s="1" t="s">
        <v>62972</v>
      </c>
      <c r="B17070" s="1" t="s">
        <v>53796</v>
      </c>
      <c r="C17070" s="1" t="s">
        <v>45</v>
      </c>
      <c r="D17070" s="1" t="s">
        <v>62997</v>
      </c>
      <c r="E17070" s="1" t="s">
        <v>41188</v>
      </c>
      <c r="F17070" s="1" t="s">
        <v>62998</v>
      </c>
      <c r="G17070" s="1" t="s">
        <v>62975</v>
      </c>
      <c r="H17070" s="1" t="s">
        <v>62976</v>
      </c>
      <c r="I17070" s="1" t="s">
        <v>53800</v>
      </c>
      <c r="J17070" s="1" t="s">
        <v>62999</v>
      </c>
    </row>
    <row r="17071" spans="1:10" x14ac:dyDescent="0.35">
      <c r="A17071" s="1" t="s">
        <v>62972</v>
      </c>
      <c r="B17071" s="1" t="s">
        <v>53796</v>
      </c>
      <c r="C17071" s="1" t="s">
        <v>50</v>
      </c>
      <c r="D17071" s="1" t="s">
        <v>8546</v>
      </c>
      <c r="E17071" s="1" t="s">
        <v>31401</v>
      </c>
      <c r="F17071" s="1" t="s">
        <v>58284</v>
      </c>
      <c r="G17071" s="1" t="s">
        <v>62975</v>
      </c>
      <c r="H17071" s="1" t="s">
        <v>62976</v>
      </c>
      <c r="I17071" s="1" t="s">
        <v>53800</v>
      </c>
      <c r="J17071" s="1" t="s">
        <v>63000</v>
      </c>
    </row>
    <row r="17072" spans="1:10" x14ac:dyDescent="0.35">
      <c r="A17072" s="1" t="s">
        <v>62972</v>
      </c>
      <c r="B17072" s="1" t="s">
        <v>53796</v>
      </c>
      <c r="C17072" s="1" t="s">
        <v>55</v>
      </c>
      <c r="D17072" s="1" t="s">
        <v>63001</v>
      </c>
      <c r="E17072" s="1" t="s">
        <v>21902</v>
      </c>
      <c r="F17072" s="1" t="s">
        <v>58101</v>
      </c>
      <c r="G17072" s="1" t="s">
        <v>62975</v>
      </c>
      <c r="H17072" s="1" t="s">
        <v>62976</v>
      </c>
      <c r="I17072" s="1" t="s">
        <v>53800</v>
      </c>
      <c r="J17072" s="1" t="s">
        <v>63002</v>
      </c>
    </row>
    <row r="17073" spans="1:10" x14ac:dyDescent="0.35">
      <c r="A17073" s="1" t="s">
        <v>62972</v>
      </c>
      <c r="B17073" s="1" t="s">
        <v>53796</v>
      </c>
      <c r="C17073" s="1" t="s">
        <v>60</v>
      </c>
      <c r="D17073" s="1" t="s">
        <v>63003</v>
      </c>
      <c r="E17073" s="1" t="s">
        <v>41344</v>
      </c>
      <c r="F17073" s="1" t="s">
        <v>63004</v>
      </c>
      <c r="G17073" s="1" t="s">
        <v>62975</v>
      </c>
      <c r="H17073" s="1" t="s">
        <v>62976</v>
      </c>
      <c r="I17073" s="1" t="s">
        <v>53800</v>
      </c>
      <c r="J17073" s="1" t="s">
        <v>63005</v>
      </c>
    </row>
    <row r="17074" spans="1:10" x14ac:dyDescent="0.35">
      <c r="A17074" s="1" t="s">
        <v>62972</v>
      </c>
      <c r="B17074" s="1" t="s">
        <v>53796</v>
      </c>
      <c r="C17074" s="1" t="s">
        <v>65</v>
      </c>
      <c r="D17074" s="1" t="s">
        <v>63006</v>
      </c>
      <c r="E17074" s="1" t="s">
        <v>55248</v>
      </c>
      <c r="F17074" s="1" t="s">
        <v>63007</v>
      </c>
      <c r="G17074" s="1" t="s">
        <v>62975</v>
      </c>
      <c r="H17074" s="1" t="s">
        <v>62976</v>
      </c>
      <c r="I17074" s="1" t="s">
        <v>53800</v>
      </c>
      <c r="J17074" s="1" t="s">
        <v>63008</v>
      </c>
    </row>
    <row r="17075" spans="1:10" x14ac:dyDescent="0.35">
      <c r="A17075" s="1" t="s">
        <v>62972</v>
      </c>
      <c r="B17075" s="1" t="s">
        <v>53796</v>
      </c>
      <c r="C17075" s="1" t="s">
        <v>70</v>
      </c>
      <c r="D17075" s="1" t="s">
        <v>63009</v>
      </c>
      <c r="E17075" s="1" t="s">
        <v>15324</v>
      </c>
      <c r="F17075" s="1" t="s">
        <v>63010</v>
      </c>
      <c r="G17075" s="1" t="s">
        <v>62975</v>
      </c>
      <c r="H17075" s="1" t="s">
        <v>62976</v>
      </c>
      <c r="I17075" s="1" t="s">
        <v>53800</v>
      </c>
      <c r="J17075" s="1" t="s">
        <v>63011</v>
      </c>
    </row>
    <row r="17076" spans="1:10" x14ac:dyDescent="0.35">
      <c r="A17076" s="1" t="s">
        <v>62972</v>
      </c>
      <c r="B17076" s="1" t="s">
        <v>53796</v>
      </c>
      <c r="C17076" s="1" t="s">
        <v>75</v>
      </c>
      <c r="D17076" s="1" t="s">
        <v>63012</v>
      </c>
      <c r="E17076" s="1" t="s">
        <v>41598</v>
      </c>
      <c r="F17076" s="1" t="s">
        <v>63013</v>
      </c>
      <c r="G17076" s="1" t="s">
        <v>62975</v>
      </c>
      <c r="H17076" s="1" t="s">
        <v>62976</v>
      </c>
      <c r="I17076" s="1" t="s">
        <v>53800</v>
      </c>
      <c r="J17076" s="1" t="s">
        <v>63014</v>
      </c>
    </row>
    <row r="17077" spans="1:10" x14ac:dyDescent="0.35">
      <c r="A17077" s="1" t="s">
        <v>62972</v>
      </c>
      <c r="B17077" s="1" t="s">
        <v>53796</v>
      </c>
      <c r="C17077" s="1" t="s">
        <v>80</v>
      </c>
      <c r="D17077" s="1" t="s">
        <v>63015</v>
      </c>
      <c r="E17077" s="1" t="s">
        <v>57412</v>
      </c>
      <c r="F17077" s="1" t="s">
        <v>63016</v>
      </c>
      <c r="G17077" s="1" t="s">
        <v>62975</v>
      </c>
      <c r="H17077" s="1" t="s">
        <v>62976</v>
      </c>
      <c r="I17077" s="1" t="s">
        <v>53800</v>
      </c>
      <c r="J17077" s="1" t="s">
        <v>63017</v>
      </c>
    </row>
    <row r="17078" spans="1:10" x14ac:dyDescent="0.35">
      <c r="A17078" s="1" t="s">
        <v>62972</v>
      </c>
      <c r="B17078" s="1" t="s">
        <v>53796</v>
      </c>
      <c r="C17078" s="1" t="s">
        <v>85</v>
      </c>
      <c r="D17078" s="1" t="s">
        <v>455</v>
      </c>
      <c r="E17078" s="1" t="s">
        <v>57335</v>
      </c>
      <c r="F17078" s="1" t="s">
        <v>63018</v>
      </c>
      <c r="G17078" s="1" t="s">
        <v>62975</v>
      </c>
      <c r="H17078" s="1" t="s">
        <v>62976</v>
      </c>
      <c r="I17078" s="1" t="s">
        <v>53800</v>
      </c>
      <c r="J17078" s="1" t="s">
        <v>63019</v>
      </c>
    </row>
    <row r="17079" spans="1:10" x14ac:dyDescent="0.35">
      <c r="A17079" s="1" t="s">
        <v>62972</v>
      </c>
      <c r="B17079" s="1" t="s">
        <v>53796</v>
      </c>
      <c r="C17079" s="1" t="s">
        <v>90</v>
      </c>
      <c r="D17079" s="1" t="s">
        <v>63020</v>
      </c>
      <c r="E17079" s="1" t="s">
        <v>23491</v>
      </c>
      <c r="F17079" s="1" t="s">
        <v>63021</v>
      </c>
      <c r="G17079" s="1" t="s">
        <v>62975</v>
      </c>
      <c r="H17079" s="1" t="s">
        <v>62976</v>
      </c>
      <c r="I17079" s="1" t="s">
        <v>53800</v>
      </c>
      <c r="J17079" s="1" t="s">
        <v>63022</v>
      </c>
    </row>
    <row r="17080" spans="1:10" x14ac:dyDescent="0.35">
      <c r="A17080" s="1" t="s">
        <v>62972</v>
      </c>
      <c r="B17080" s="1" t="s">
        <v>53796</v>
      </c>
      <c r="C17080" s="1" t="s">
        <v>95</v>
      </c>
      <c r="D17080" s="1" t="s">
        <v>63023</v>
      </c>
      <c r="E17080" s="1" t="s">
        <v>31415</v>
      </c>
      <c r="F17080" s="1" t="s">
        <v>63024</v>
      </c>
      <c r="G17080" s="1" t="s">
        <v>62975</v>
      </c>
      <c r="H17080" s="1" t="s">
        <v>62976</v>
      </c>
      <c r="I17080" s="1" t="s">
        <v>53800</v>
      </c>
      <c r="J17080" s="1" t="s">
        <v>63025</v>
      </c>
    </row>
    <row r="17081" spans="1:10" x14ac:dyDescent="0.35">
      <c r="A17081" s="1" t="s">
        <v>62972</v>
      </c>
      <c r="B17081" s="1" t="s">
        <v>53796</v>
      </c>
      <c r="C17081" s="1" t="s">
        <v>100</v>
      </c>
      <c r="D17081" s="1" t="s">
        <v>17332</v>
      </c>
      <c r="E17081" s="1" t="s">
        <v>15217</v>
      </c>
      <c r="F17081" s="1" t="s">
        <v>63026</v>
      </c>
      <c r="G17081" s="1" t="s">
        <v>62975</v>
      </c>
      <c r="H17081" s="1" t="s">
        <v>62976</v>
      </c>
      <c r="I17081" s="1" t="s">
        <v>53800</v>
      </c>
      <c r="J17081" s="1" t="s">
        <v>63027</v>
      </c>
    </row>
    <row r="17082" spans="1:10" x14ac:dyDescent="0.35">
      <c r="A17082" s="1" t="s">
        <v>62972</v>
      </c>
      <c r="B17082" s="1" t="s">
        <v>53796</v>
      </c>
      <c r="C17082" s="1" t="s">
        <v>105</v>
      </c>
      <c r="D17082" s="1" t="s">
        <v>63028</v>
      </c>
      <c r="E17082" s="1" t="s">
        <v>31401</v>
      </c>
      <c r="F17082" s="1" t="s">
        <v>63029</v>
      </c>
      <c r="G17082" s="1" t="s">
        <v>62975</v>
      </c>
      <c r="H17082" s="1" t="s">
        <v>62976</v>
      </c>
      <c r="I17082" s="1" t="s">
        <v>53800</v>
      </c>
      <c r="J17082" s="1" t="s">
        <v>63030</v>
      </c>
    </row>
    <row r="17083" spans="1:10" x14ac:dyDescent="0.35">
      <c r="A17083" s="1" t="s">
        <v>62972</v>
      </c>
      <c r="B17083" s="1" t="s">
        <v>53796</v>
      </c>
      <c r="C17083" s="1" t="s">
        <v>110</v>
      </c>
      <c r="D17083" s="1" t="s">
        <v>63031</v>
      </c>
      <c r="E17083" s="1" t="s">
        <v>41327</v>
      </c>
      <c r="F17083" s="1" t="s">
        <v>63032</v>
      </c>
      <c r="G17083" s="1" t="s">
        <v>62975</v>
      </c>
      <c r="H17083" s="1" t="s">
        <v>62976</v>
      </c>
      <c r="I17083" s="1" t="s">
        <v>53800</v>
      </c>
      <c r="J17083" s="1" t="s">
        <v>63033</v>
      </c>
    </row>
    <row r="17084" spans="1:10" x14ac:dyDescent="0.35">
      <c r="A17084" s="1" t="s">
        <v>62972</v>
      </c>
      <c r="B17084" s="1" t="s">
        <v>53796</v>
      </c>
      <c r="C17084" s="1" t="s">
        <v>115</v>
      </c>
      <c r="D17084" s="1" t="s">
        <v>63034</v>
      </c>
      <c r="E17084" s="1" t="s">
        <v>54783</v>
      </c>
      <c r="F17084" s="1" t="s">
        <v>63035</v>
      </c>
      <c r="G17084" s="1" t="s">
        <v>62975</v>
      </c>
      <c r="H17084" s="1" t="s">
        <v>62976</v>
      </c>
      <c r="I17084" s="1" t="s">
        <v>53800</v>
      </c>
      <c r="J17084" s="1" t="s">
        <v>63036</v>
      </c>
    </row>
    <row r="17085" spans="1:10" x14ac:dyDescent="0.35">
      <c r="A17085" s="1" t="s">
        <v>62972</v>
      </c>
      <c r="B17085" s="1" t="s">
        <v>53796</v>
      </c>
      <c r="C17085" s="1" t="s">
        <v>120</v>
      </c>
      <c r="D17085" s="1" t="s">
        <v>63037</v>
      </c>
      <c r="E17085" s="1" t="s">
        <v>15221</v>
      </c>
      <c r="F17085" s="1" t="s">
        <v>63038</v>
      </c>
      <c r="G17085" s="1" t="s">
        <v>62975</v>
      </c>
      <c r="H17085" s="1" t="s">
        <v>62976</v>
      </c>
      <c r="I17085" s="1" t="s">
        <v>53800</v>
      </c>
      <c r="J17085" s="1" t="s">
        <v>63039</v>
      </c>
    </row>
    <row r="17086" spans="1:10" x14ac:dyDescent="0.35">
      <c r="A17086" s="1" t="s">
        <v>62972</v>
      </c>
      <c r="B17086" s="1" t="s">
        <v>53796</v>
      </c>
      <c r="C17086" s="1" t="s">
        <v>125</v>
      </c>
      <c r="D17086" s="1" t="s">
        <v>63040</v>
      </c>
      <c r="E17086" s="1" t="s">
        <v>21933</v>
      </c>
      <c r="F17086" s="1" t="s">
        <v>56902</v>
      </c>
      <c r="G17086" s="1" t="s">
        <v>62975</v>
      </c>
      <c r="H17086" s="1" t="s">
        <v>62976</v>
      </c>
      <c r="I17086" s="1" t="s">
        <v>53800</v>
      </c>
      <c r="J17086" s="1" t="s">
        <v>63041</v>
      </c>
    </row>
    <row r="17087" spans="1:10" x14ac:dyDescent="0.35">
      <c r="A17087" s="1" t="s">
        <v>62972</v>
      </c>
      <c r="B17087" s="1" t="s">
        <v>53796</v>
      </c>
      <c r="C17087" s="1" t="s">
        <v>130</v>
      </c>
      <c r="D17087" s="1" t="s">
        <v>63042</v>
      </c>
      <c r="E17087" s="1" t="s">
        <v>54099</v>
      </c>
      <c r="F17087" s="1" t="s">
        <v>63043</v>
      </c>
      <c r="G17087" s="1" t="s">
        <v>62975</v>
      </c>
      <c r="H17087" s="1" t="s">
        <v>62976</v>
      </c>
      <c r="I17087" s="1" t="s">
        <v>53800</v>
      </c>
      <c r="J17087" s="1" t="s">
        <v>63044</v>
      </c>
    </row>
    <row r="17088" spans="1:10" x14ac:dyDescent="0.35">
      <c r="A17088" s="1" t="s">
        <v>62972</v>
      </c>
      <c r="B17088" s="1" t="s">
        <v>53796</v>
      </c>
      <c r="C17088" s="1" t="s">
        <v>135</v>
      </c>
      <c r="D17088" s="1" t="s">
        <v>21238</v>
      </c>
      <c r="E17088" s="1" t="s">
        <v>12813</v>
      </c>
      <c r="F17088" s="1" t="s">
        <v>63045</v>
      </c>
      <c r="G17088" s="1" t="s">
        <v>62975</v>
      </c>
      <c r="H17088" s="1" t="s">
        <v>62976</v>
      </c>
      <c r="I17088" s="1" t="s">
        <v>53800</v>
      </c>
      <c r="J17088" s="1" t="s">
        <v>63046</v>
      </c>
    </row>
    <row r="17089" spans="1:10" x14ac:dyDescent="0.35">
      <c r="A17089" s="1" t="s">
        <v>62972</v>
      </c>
      <c r="B17089" s="1" t="s">
        <v>53796</v>
      </c>
      <c r="C17089" s="1" t="s">
        <v>140</v>
      </c>
      <c r="D17089" s="1" t="s">
        <v>63047</v>
      </c>
      <c r="E17089" s="1" t="s">
        <v>53949</v>
      </c>
      <c r="F17089" s="1" t="s">
        <v>60964</v>
      </c>
      <c r="G17089" s="1" t="s">
        <v>62975</v>
      </c>
      <c r="H17089" s="1" t="s">
        <v>62976</v>
      </c>
      <c r="I17089" s="1" t="s">
        <v>53800</v>
      </c>
      <c r="J17089" s="1" t="s">
        <v>63048</v>
      </c>
    </row>
    <row r="17090" spans="1:10" x14ac:dyDescent="0.35">
      <c r="A17090" s="1" t="s">
        <v>62972</v>
      </c>
      <c r="B17090" s="1" t="s">
        <v>53796</v>
      </c>
      <c r="C17090" s="1" t="s">
        <v>145</v>
      </c>
      <c r="D17090" s="1" t="s">
        <v>63049</v>
      </c>
      <c r="E17090" s="1" t="s">
        <v>26614</v>
      </c>
      <c r="F17090" s="1" t="s">
        <v>63050</v>
      </c>
      <c r="G17090" s="1" t="s">
        <v>62975</v>
      </c>
      <c r="H17090" s="1" t="s">
        <v>62976</v>
      </c>
      <c r="I17090" s="1" t="s">
        <v>53800</v>
      </c>
      <c r="J17090" s="1" t="s">
        <v>63051</v>
      </c>
    </row>
    <row r="17091" spans="1:10" x14ac:dyDescent="0.35">
      <c r="A17091" s="1" t="s">
        <v>62972</v>
      </c>
      <c r="B17091" s="1" t="s">
        <v>53796</v>
      </c>
      <c r="C17091" s="1" t="s">
        <v>150</v>
      </c>
      <c r="D17091" s="1" t="s">
        <v>63052</v>
      </c>
      <c r="E17091" s="1" t="s">
        <v>23164</v>
      </c>
      <c r="F17091" s="1" t="s">
        <v>63053</v>
      </c>
      <c r="G17091" s="1" t="s">
        <v>62975</v>
      </c>
      <c r="H17091" s="1" t="s">
        <v>62976</v>
      </c>
      <c r="I17091" s="1" t="s">
        <v>53800</v>
      </c>
      <c r="J17091" s="1" t="s">
        <v>63054</v>
      </c>
    </row>
    <row r="17092" spans="1:10" x14ac:dyDescent="0.35">
      <c r="A17092" s="1" t="s">
        <v>62972</v>
      </c>
      <c r="B17092" s="1" t="s">
        <v>53796</v>
      </c>
      <c r="C17092" s="1" t="s">
        <v>155</v>
      </c>
      <c r="D17092" s="1" t="s">
        <v>63055</v>
      </c>
      <c r="E17092" s="1" t="s">
        <v>15903</v>
      </c>
      <c r="F17092" s="1" t="s">
        <v>63056</v>
      </c>
      <c r="G17092" s="1" t="s">
        <v>62975</v>
      </c>
      <c r="H17092" s="1" t="s">
        <v>62976</v>
      </c>
      <c r="I17092" s="1" t="s">
        <v>53800</v>
      </c>
      <c r="J17092" s="1" t="s">
        <v>63057</v>
      </c>
    </row>
    <row r="17093" spans="1:10" x14ac:dyDescent="0.35">
      <c r="A17093" s="1" t="s">
        <v>62972</v>
      </c>
      <c r="B17093" s="1" t="s">
        <v>53796</v>
      </c>
      <c r="C17093" s="1" t="s">
        <v>160</v>
      </c>
      <c r="D17093" s="1" t="s">
        <v>63058</v>
      </c>
      <c r="E17093" s="1" t="s">
        <v>15361</v>
      </c>
      <c r="F17093" s="1" t="s">
        <v>63059</v>
      </c>
      <c r="G17093" s="1" t="s">
        <v>62975</v>
      </c>
      <c r="H17093" s="1" t="s">
        <v>62976</v>
      </c>
      <c r="I17093" s="1" t="s">
        <v>53800</v>
      </c>
      <c r="J17093" s="1" t="s">
        <v>63060</v>
      </c>
    </row>
    <row r="17094" spans="1:10" x14ac:dyDescent="0.35">
      <c r="A17094" s="1" t="s">
        <v>62972</v>
      </c>
      <c r="B17094" s="1" t="s">
        <v>53796</v>
      </c>
      <c r="C17094" s="1" t="s">
        <v>165</v>
      </c>
      <c r="D17094" s="1" t="s">
        <v>63061</v>
      </c>
      <c r="E17094" s="1" t="s">
        <v>56082</v>
      </c>
      <c r="F17094" s="1" t="s">
        <v>63062</v>
      </c>
      <c r="G17094" s="1" t="s">
        <v>62975</v>
      </c>
      <c r="H17094" s="1" t="s">
        <v>62976</v>
      </c>
      <c r="I17094" s="1" t="s">
        <v>53800</v>
      </c>
      <c r="J17094" s="1" t="s">
        <v>63063</v>
      </c>
    </row>
    <row r="17095" spans="1:10" x14ac:dyDescent="0.35">
      <c r="A17095" s="1" t="s">
        <v>62972</v>
      </c>
      <c r="B17095" s="1" t="s">
        <v>53796</v>
      </c>
      <c r="C17095" s="1" t="s">
        <v>170</v>
      </c>
      <c r="D17095" s="1" t="s">
        <v>63064</v>
      </c>
      <c r="E17095" s="1" t="s">
        <v>57707</v>
      </c>
      <c r="F17095" s="1" t="s">
        <v>63065</v>
      </c>
      <c r="G17095" s="1" t="s">
        <v>62975</v>
      </c>
      <c r="H17095" s="1" t="s">
        <v>62976</v>
      </c>
      <c r="I17095" s="1" t="s">
        <v>53800</v>
      </c>
      <c r="J17095" s="1" t="s">
        <v>63066</v>
      </c>
    </row>
    <row r="17096" spans="1:10" x14ac:dyDescent="0.35">
      <c r="A17096" s="1" t="s">
        <v>63067</v>
      </c>
      <c r="B17096" s="1" t="s">
        <v>53796</v>
      </c>
      <c r="C17096" s="1" t="s">
        <v>8</v>
      </c>
      <c r="D17096" s="1" t="s">
        <v>22427</v>
      </c>
      <c r="E17096" s="1" t="s">
        <v>41188</v>
      </c>
      <c r="F17096" s="1" t="s">
        <v>63068</v>
      </c>
      <c r="G17096" s="1" t="s">
        <v>63069</v>
      </c>
      <c r="H17096" s="1" t="s">
        <v>63070</v>
      </c>
      <c r="I17096" s="1" t="s">
        <v>53800</v>
      </c>
      <c r="J17096" s="1" t="s">
        <v>13</v>
      </c>
    </row>
    <row r="17097" spans="1:10" x14ac:dyDescent="0.35">
      <c r="A17097" s="1" t="s">
        <v>63067</v>
      </c>
      <c r="B17097" s="1" t="s">
        <v>53796</v>
      </c>
      <c r="C17097" s="1" t="s">
        <v>15</v>
      </c>
      <c r="D17097" s="1" t="s">
        <v>63071</v>
      </c>
      <c r="E17097" s="1" t="s">
        <v>57856</v>
      </c>
      <c r="F17097" s="1" t="s">
        <v>63072</v>
      </c>
      <c r="G17097" s="1" t="s">
        <v>63069</v>
      </c>
      <c r="H17097" s="1" t="s">
        <v>63070</v>
      </c>
      <c r="I17097" s="1" t="s">
        <v>53800</v>
      </c>
      <c r="J17097" s="1" t="s">
        <v>63073</v>
      </c>
    </row>
    <row r="17098" spans="1:10" x14ac:dyDescent="0.35">
      <c r="A17098" s="1" t="s">
        <v>63067</v>
      </c>
      <c r="B17098" s="1" t="s">
        <v>53796</v>
      </c>
      <c r="C17098" s="1" t="s">
        <v>20</v>
      </c>
      <c r="D17098" s="1" t="s">
        <v>63074</v>
      </c>
      <c r="E17098" s="1" t="s">
        <v>32376</v>
      </c>
      <c r="F17098" s="1" t="s">
        <v>27083</v>
      </c>
      <c r="G17098" s="1" t="s">
        <v>63069</v>
      </c>
      <c r="H17098" s="1" t="s">
        <v>63070</v>
      </c>
      <c r="I17098" s="1" t="s">
        <v>53800</v>
      </c>
      <c r="J17098" s="1" t="s">
        <v>63075</v>
      </c>
    </row>
    <row r="17099" spans="1:10" x14ac:dyDescent="0.35">
      <c r="A17099" s="1" t="s">
        <v>63067</v>
      </c>
      <c r="B17099" s="1" t="s">
        <v>53796</v>
      </c>
      <c r="C17099" s="1" t="s">
        <v>25</v>
      </c>
      <c r="D17099" s="1" t="s">
        <v>17308</v>
      </c>
      <c r="E17099" s="1" t="s">
        <v>57926</v>
      </c>
      <c r="F17099" s="1" t="s">
        <v>63076</v>
      </c>
      <c r="G17099" s="1" t="s">
        <v>63069</v>
      </c>
      <c r="H17099" s="1" t="s">
        <v>63070</v>
      </c>
      <c r="I17099" s="1" t="s">
        <v>53800</v>
      </c>
      <c r="J17099" s="1" t="s">
        <v>63077</v>
      </c>
    </row>
    <row r="17100" spans="1:10" x14ac:dyDescent="0.35">
      <c r="A17100" s="1" t="s">
        <v>63067</v>
      </c>
      <c r="B17100" s="1" t="s">
        <v>53796</v>
      </c>
      <c r="C17100" s="1" t="s">
        <v>30</v>
      </c>
      <c r="D17100" s="1" t="s">
        <v>63078</v>
      </c>
      <c r="E17100" s="1" t="s">
        <v>54783</v>
      </c>
      <c r="F17100" s="1" t="s">
        <v>63079</v>
      </c>
      <c r="G17100" s="1" t="s">
        <v>63069</v>
      </c>
      <c r="H17100" s="1" t="s">
        <v>63070</v>
      </c>
      <c r="I17100" s="1" t="s">
        <v>53800</v>
      </c>
      <c r="J17100" s="1" t="s">
        <v>63080</v>
      </c>
    </row>
    <row r="17101" spans="1:10" x14ac:dyDescent="0.35">
      <c r="A17101" s="1" t="s">
        <v>63067</v>
      </c>
      <c r="B17101" s="1" t="s">
        <v>53796</v>
      </c>
      <c r="C17101" s="1" t="s">
        <v>35</v>
      </c>
      <c r="D17101" s="1" t="s">
        <v>63081</v>
      </c>
      <c r="E17101" s="1" t="s">
        <v>56913</v>
      </c>
      <c r="F17101" s="1" t="s">
        <v>63082</v>
      </c>
      <c r="G17101" s="1" t="s">
        <v>63069</v>
      </c>
      <c r="H17101" s="1" t="s">
        <v>63070</v>
      </c>
      <c r="I17101" s="1" t="s">
        <v>53800</v>
      </c>
      <c r="J17101" s="1" t="s">
        <v>63083</v>
      </c>
    </row>
    <row r="17102" spans="1:10" x14ac:dyDescent="0.35">
      <c r="A17102" s="1" t="s">
        <v>63067</v>
      </c>
      <c r="B17102" s="1" t="s">
        <v>53796</v>
      </c>
      <c r="C17102" s="1" t="s">
        <v>40</v>
      </c>
      <c r="D17102" s="1" t="s">
        <v>63084</v>
      </c>
      <c r="E17102" s="1" t="s">
        <v>55500</v>
      </c>
      <c r="F17102" s="1" t="s">
        <v>60327</v>
      </c>
      <c r="G17102" s="1" t="s">
        <v>63069</v>
      </c>
      <c r="H17102" s="1" t="s">
        <v>63070</v>
      </c>
      <c r="I17102" s="1" t="s">
        <v>53800</v>
      </c>
      <c r="J17102" s="1" t="s">
        <v>63085</v>
      </c>
    </row>
    <row r="17103" spans="1:10" x14ac:dyDescent="0.35">
      <c r="A17103" s="1" t="s">
        <v>63067</v>
      </c>
      <c r="B17103" s="1" t="s">
        <v>53796</v>
      </c>
      <c r="C17103" s="1" t="s">
        <v>45</v>
      </c>
      <c r="D17103" s="1" t="s">
        <v>63086</v>
      </c>
      <c r="E17103" s="1" t="s">
        <v>61403</v>
      </c>
      <c r="F17103" s="1" t="s">
        <v>60304</v>
      </c>
      <c r="G17103" s="1" t="s">
        <v>63069</v>
      </c>
      <c r="H17103" s="1" t="s">
        <v>63070</v>
      </c>
      <c r="I17103" s="1" t="s">
        <v>53800</v>
      </c>
      <c r="J17103" s="1" t="s">
        <v>63087</v>
      </c>
    </row>
    <row r="17104" spans="1:10" x14ac:dyDescent="0.35">
      <c r="A17104" s="1" t="s">
        <v>63067</v>
      </c>
      <c r="B17104" s="1" t="s">
        <v>53796</v>
      </c>
      <c r="C17104" s="1" t="s">
        <v>50</v>
      </c>
      <c r="D17104" s="1" t="s">
        <v>63088</v>
      </c>
      <c r="E17104" s="1" t="s">
        <v>63089</v>
      </c>
      <c r="F17104" s="1" t="s">
        <v>58679</v>
      </c>
      <c r="G17104" s="1" t="s">
        <v>63069</v>
      </c>
      <c r="H17104" s="1" t="s">
        <v>63070</v>
      </c>
      <c r="I17104" s="1" t="s">
        <v>53800</v>
      </c>
      <c r="J17104" s="1" t="s">
        <v>63090</v>
      </c>
    </row>
    <row r="17105" spans="1:10" x14ac:dyDescent="0.35">
      <c r="A17105" s="1" t="s">
        <v>63067</v>
      </c>
      <c r="B17105" s="1" t="s">
        <v>53796</v>
      </c>
      <c r="C17105" s="1" t="s">
        <v>55</v>
      </c>
      <c r="D17105" s="1" t="s">
        <v>63091</v>
      </c>
      <c r="E17105" s="1" t="s">
        <v>56177</v>
      </c>
      <c r="F17105" s="1" t="s">
        <v>63092</v>
      </c>
      <c r="G17105" s="1" t="s">
        <v>63069</v>
      </c>
      <c r="H17105" s="1" t="s">
        <v>63070</v>
      </c>
      <c r="I17105" s="1" t="s">
        <v>53800</v>
      </c>
      <c r="J17105" s="1" t="s">
        <v>63093</v>
      </c>
    </row>
    <row r="17106" spans="1:10" x14ac:dyDescent="0.35">
      <c r="A17106" s="1" t="s">
        <v>63067</v>
      </c>
      <c r="B17106" s="1" t="s">
        <v>53796</v>
      </c>
      <c r="C17106" s="1" t="s">
        <v>60</v>
      </c>
      <c r="D17106" s="1" t="s">
        <v>63094</v>
      </c>
      <c r="E17106" s="1" t="s">
        <v>12879</v>
      </c>
      <c r="F17106" s="1" t="s">
        <v>63095</v>
      </c>
      <c r="G17106" s="1" t="s">
        <v>63069</v>
      </c>
      <c r="H17106" s="1" t="s">
        <v>63070</v>
      </c>
      <c r="I17106" s="1" t="s">
        <v>53800</v>
      </c>
      <c r="J17106" s="1" t="s">
        <v>63096</v>
      </c>
    </row>
    <row r="17107" spans="1:10" x14ac:dyDescent="0.35">
      <c r="A17107" s="1" t="s">
        <v>63067</v>
      </c>
      <c r="B17107" s="1" t="s">
        <v>53796</v>
      </c>
      <c r="C17107" s="1" t="s">
        <v>65</v>
      </c>
      <c r="D17107" s="1" t="s">
        <v>63097</v>
      </c>
      <c r="E17107" s="1" t="s">
        <v>31365</v>
      </c>
      <c r="F17107" s="1" t="s">
        <v>63098</v>
      </c>
      <c r="G17107" s="1" t="s">
        <v>63069</v>
      </c>
      <c r="H17107" s="1" t="s">
        <v>63070</v>
      </c>
      <c r="I17107" s="1" t="s">
        <v>53800</v>
      </c>
      <c r="J17107" s="1" t="s">
        <v>63099</v>
      </c>
    </row>
    <row r="17108" spans="1:10" x14ac:dyDescent="0.35">
      <c r="A17108" s="1" t="s">
        <v>63067</v>
      </c>
      <c r="B17108" s="1" t="s">
        <v>53796</v>
      </c>
      <c r="C17108" s="1" t="s">
        <v>70</v>
      </c>
      <c r="D17108" s="1" t="s">
        <v>63100</v>
      </c>
      <c r="E17108" s="1" t="s">
        <v>53825</v>
      </c>
      <c r="F17108" s="1" t="s">
        <v>63101</v>
      </c>
      <c r="G17108" s="1" t="s">
        <v>63069</v>
      </c>
      <c r="H17108" s="1" t="s">
        <v>63070</v>
      </c>
      <c r="I17108" s="1" t="s">
        <v>53800</v>
      </c>
      <c r="J17108" s="1" t="s">
        <v>63102</v>
      </c>
    </row>
    <row r="17109" spans="1:10" x14ac:dyDescent="0.35">
      <c r="A17109" s="1" t="s">
        <v>63067</v>
      </c>
      <c r="B17109" s="1" t="s">
        <v>53796</v>
      </c>
      <c r="C17109" s="1" t="s">
        <v>75</v>
      </c>
      <c r="D17109" s="1" t="s">
        <v>63103</v>
      </c>
      <c r="E17109" s="1" t="s">
        <v>41262</v>
      </c>
      <c r="F17109" s="1" t="s">
        <v>58612</v>
      </c>
      <c r="G17109" s="1" t="s">
        <v>63069</v>
      </c>
      <c r="H17109" s="1" t="s">
        <v>63070</v>
      </c>
      <c r="I17109" s="1" t="s">
        <v>53800</v>
      </c>
      <c r="J17109" s="1" t="s">
        <v>63104</v>
      </c>
    </row>
    <row r="17110" spans="1:10" x14ac:dyDescent="0.35">
      <c r="A17110" s="1" t="s">
        <v>63067</v>
      </c>
      <c r="B17110" s="1" t="s">
        <v>53796</v>
      </c>
      <c r="C17110" s="1" t="s">
        <v>80</v>
      </c>
      <c r="D17110" s="1" t="s">
        <v>63105</v>
      </c>
      <c r="E17110" s="1" t="s">
        <v>58913</v>
      </c>
      <c r="F17110" s="1" t="s">
        <v>62151</v>
      </c>
      <c r="G17110" s="1" t="s">
        <v>63069</v>
      </c>
      <c r="H17110" s="1" t="s">
        <v>63070</v>
      </c>
      <c r="I17110" s="1" t="s">
        <v>53800</v>
      </c>
      <c r="J17110" s="1" t="s">
        <v>63106</v>
      </c>
    </row>
    <row r="17111" spans="1:10" x14ac:dyDescent="0.35">
      <c r="A17111" s="1" t="s">
        <v>63067</v>
      </c>
      <c r="B17111" s="1" t="s">
        <v>53796</v>
      </c>
      <c r="C17111" s="1" t="s">
        <v>85</v>
      </c>
      <c r="D17111" s="1" t="s">
        <v>63105</v>
      </c>
      <c r="E17111" s="1" t="s">
        <v>55930</v>
      </c>
      <c r="F17111" s="1" t="s">
        <v>63107</v>
      </c>
      <c r="G17111" s="1" t="s">
        <v>63069</v>
      </c>
      <c r="H17111" s="1" t="s">
        <v>63070</v>
      </c>
      <c r="I17111" s="1" t="s">
        <v>53800</v>
      </c>
      <c r="J17111" s="1" t="s">
        <v>1180</v>
      </c>
    </row>
    <row r="17112" spans="1:10" x14ac:dyDescent="0.35">
      <c r="A17112" s="1" t="s">
        <v>63067</v>
      </c>
      <c r="B17112" s="1" t="s">
        <v>53796</v>
      </c>
      <c r="C17112" s="1" t="s">
        <v>90</v>
      </c>
      <c r="D17112" s="1" t="s">
        <v>26184</v>
      </c>
      <c r="E17112" s="1" t="s">
        <v>24384</v>
      </c>
      <c r="F17112" s="1" t="s">
        <v>63108</v>
      </c>
      <c r="G17112" s="1" t="s">
        <v>63069</v>
      </c>
      <c r="H17112" s="1" t="s">
        <v>63070</v>
      </c>
      <c r="I17112" s="1" t="s">
        <v>53800</v>
      </c>
      <c r="J17112" s="1" t="s">
        <v>63109</v>
      </c>
    </row>
    <row r="17113" spans="1:10" x14ac:dyDescent="0.35">
      <c r="A17113" s="1" t="s">
        <v>63067</v>
      </c>
      <c r="B17113" s="1" t="s">
        <v>53796</v>
      </c>
      <c r="C17113" s="1" t="s">
        <v>95</v>
      </c>
      <c r="D17113" s="1" t="s">
        <v>63110</v>
      </c>
      <c r="E17113" s="1" t="s">
        <v>59505</v>
      </c>
      <c r="F17113" s="1" t="s">
        <v>63111</v>
      </c>
      <c r="G17113" s="1" t="s">
        <v>63069</v>
      </c>
      <c r="H17113" s="1" t="s">
        <v>63070</v>
      </c>
      <c r="I17113" s="1" t="s">
        <v>53800</v>
      </c>
      <c r="J17113" s="1" t="s">
        <v>63112</v>
      </c>
    </row>
    <row r="17114" spans="1:10" x14ac:dyDescent="0.35">
      <c r="A17114" s="1" t="s">
        <v>63067</v>
      </c>
      <c r="B17114" s="1" t="s">
        <v>53796</v>
      </c>
      <c r="C17114" s="1" t="s">
        <v>100</v>
      </c>
      <c r="D17114" s="1" t="s">
        <v>63113</v>
      </c>
      <c r="E17114" s="1" t="s">
        <v>41210</v>
      </c>
      <c r="F17114" s="1" t="s">
        <v>63114</v>
      </c>
      <c r="G17114" s="1" t="s">
        <v>63069</v>
      </c>
      <c r="H17114" s="1" t="s">
        <v>63070</v>
      </c>
      <c r="I17114" s="1" t="s">
        <v>53800</v>
      </c>
      <c r="J17114" s="1" t="s">
        <v>63115</v>
      </c>
    </row>
    <row r="17115" spans="1:10" x14ac:dyDescent="0.35">
      <c r="A17115" s="1" t="s">
        <v>63067</v>
      </c>
      <c r="B17115" s="1" t="s">
        <v>53796</v>
      </c>
      <c r="C17115" s="1" t="s">
        <v>105</v>
      </c>
      <c r="D17115" s="1" t="s">
        <v>63116</v>
      </c>
      <c r="E17115" s="1" t="s">
        <v>16129</v>
      </c>
      <c r="F17115" s="1" t="s">
        <v>63117</v>
      </c>
      <c r="G17115" s="1" t="s">
        <v>63069</v>
      </c>
      <c r="H17115" s="1" t="s">
        <v>63070</v>
      </c>
      <c r="I17115" s="1" t="s">
        <v>53800</v>
      </c>
      <c r="J17115" s="1" t="s">
        <v>63118</v>
      </c>
    </row>
    <row r="17116" spans="1:10" x14ac:dyDescent="0.35">
      <c r="A17116" s="1" t="s">
        <v>63067</v>
      </c>
      <c r="B17116" s="1" t="s">
        <v>53796</v>
      </c>
      <c r="C17116" s="1" t="s">
        <v>110</v>
      </c>
      <c r="D17116" s="1" t="s">
        <v>63119</v>
      </c>
      <c r="E17116" s="1" t="s">
        <v>22018</v>
      </c>
      <c r="F17116" s="1" t="s">
        <v>63120</v>
      </c>
      <c r="G17116" s="1" t="s">
        <v>63069</v>
      </c>
      <c r="H17116" s="1" t="s">
        <v>63070</v>
      </c>
      <c r="I17116" s="1" t="s">
        <v>53800</v>
      </c>
      <c r="J17116" s="1" t="s">
        <v>63121</v>
      </c>
    </row>
    <row r="17117" spans="1:10" x14ac:dyDescent="0.35">
      <c r="A17117" s="1" t="s">
        <v>63067</v>
      </c>
      <c r="B17117" s="1" t="s">
        <v>53796</v>
      </c>
      <c r="C17117" s="1" t="s">
        <v>115</v>
      </c>
      <c r="D17117" s="1" t="s">
        <v>63122</v>
      </c>
      <c r="E17117" s="1" t="s">
        <v>53936</v>
      </c>
      <c r="F17117" s="1" t="s">
        <v>63123</v>
      </c>
      <c r="G17117" s="1" t="s">
        <v>63069</v>
      </c>
      <c r="H17117" s="1" t="s">
        <v>63070</v>
      </c>
      <c r="I17117" s="1" t="s">
        <v>53800</v>
      </c>
      <c r="J17117" s="1" t="s">
        <v>63124</v>
      </c>
    </row>
    <row r="17118" spans="1:10" x14ac:dyDescent="0.35">
      <c r="A17118" s="1" t="s">
        <v>63067</v>
      </c>
      <c r="B17118" s="1" t="s">
        <v>53796</v>
      </c>
      <c r="C17118" s="1" t="s">
        <v>120</v>
      </c>
      <c r="D17118" s="1" t="s">
        <v>63125</v>
      </c>
      <c r="E17118" s="1" t="s">
        <v>54095</v>
      </c>
      <c r="F17118" s="1" t="s">
        <v>63126</v>
      </c>
      <c r="G17118" s="1" t="s">
        <v>63069</v>
      </c>
      <c r="H17118" s="1" t="s">
        <v>63070</v>
      </c>
      <c r="I17118" s="1" t="s">
        <v>53800</v>
      </c>
      <c r="J17118" s="1" t="s">
        <v>63127</v>
      </c>
    </row>
    <row r="17119" spans="1:10" x14ac:dyDescent="0.35">
      <c r="A17119" s="1" t="s">
        <v>63067</v>
      </c>
      <c r="B17119" s="1" t="s">
        <v>53796</v>
      </c>
      <c r="C17119" s="1" t="s">
        <v>125</v>
      </c>
      <c r="D17119" s="1" t="s">
        <v>63128</v>
      </c>
      <c r="E17119" s="1" t="s">
        <v>16079</v>
      </c>
      <c r="F17119" s="1" t="s">
        <v>63129</v>
      </c>
      <c r="G17119" s="1" t="s">
        <v>63069</v>
      </c>
      <c r="H17119" s="1" t="s">
        <v>63070</v>
      </c>
      <c r="I17119" s="1" t="s">
        <v>53800</v>
      </c>
      <c r="J17119" s="1" t="s">
        <v>63130</v>
      </c>
    </row>
    <row r="17120" spans="1:10" x14ac:dyDescent="0.35">
      <c r="A17120" s="1" t="s">
        <v>63067</v>
      </c>
      <c r="B17120" s="1" t="s">
        <v>53796</v>
      </c>
      <c r="C17120" s="1" t="s">
        <v>130</v>
      </c>
      <c r="D17120" s="1" t="s">
        <v>63131</v>
      </c>
      <c r="E17120" s="1" t="s">
        <v>21956</v>
      </c>
      <c r="F17120" s="1" t="s">
        <v>63132</v>
      </c>
      <c r="G17120" s="1" t="s">
        <v>63069</v>
      </c>
      <c r="H17120" s="1" t="s">
        <v>63070</v>
      </c>
      <c r="I17120" s="1" t="s">
        <v>53800</v>
      </c>
      <c r="J17120" s="1" t="s">
        <v>63133</v>
      </c>
    </row>
    <row r="17121" spans="1:10" x14ac:dyDescent="0.35">
      <c r="A17121" s="1" t="s">
        <v>63067</v>
      </c>
      <c r="B17121" s="1" t="s">
        <v>53796</v>
      </c>
      <c r="C17121" s="1" t="s">
        <v>135</v>
      </c>
      <c r="D17121" s="1" t="s">
        <v>63134</v>
      </c>
      <c r="E17121" s="1" t="s">
        <v>54028</v>
      </c>
      <c r="F17121" s="1" t="s">
        <v>63135</v>
      </c>
      <c r="G17121" s="1" t="s">
        <v>63069</v>
      </c>
      <c r="H17121" s="1" t="s">
        <v>63070</v>
      </c>
      <c r="I17121" s="1" t="s">
        <v>53800</v>
      </c>
      <c r="J17121" s="1" t="s">
        <v>63136</v>
      </c>
    </row>
    <row r="17122" spans="1:10" x14ac:dyDescent="0.35">
      <c r="A17122" s="1" t="s">
        <v>63067</v>
      </c>
      <c r="B17122" s="1" t="s">
        <v>53796</v>
      </c>
      <c r="C17122" s="1" t="s">
        <v>140</v>
      </c>
      <c r="D17122" s="1" t="s">
        <v>63137</v>
      </c>
      <c r="E17122" s="1" t="s">
        <v>63138</v>
      </c>
      <c r="F17122" s="1" t="s">
        <v>63082</v>
      </c>
      <c r="G17122" s="1" t="s">
        <v>63069</v>
      </c>
      <c r="H17122" s="1" t="s">
        <v>63070</v>
      </c>
      <c r="I17122" s="1" t="s">
        <v>53800</v>
      </c>
      <c r="J17122" s="1" t="s">
        <v>63139</v>
      </c>
    </row>
    <row r="17123" spans="1:10" x14ac:dyDescent="0.35">
      <c r="A17123" s="1" t="s">
        <v>63067</v>
      </c>
      <c r="B17123" s="1" t="s">
        <v>53796</v>
      </c>
      <c r="C17123" s="1" t="s">
        <v>145</v>
      </c>
      <c r="D17123" s="1" t="s">
        <v>63140</v>
      </c>
      <c r="E17123" s="1" t="s">
        <v>60377</v>
      </c>
      <c r="F17123" s="1" t="s">
        <v>63141</v>
      </c>
      <c r="G17123" s="1" t="s">
        <v>63069</v>
      </c>
      <c r="H17123" s="1" t="s">
        <v>63070</v>
      </c>
      <c r="I17123" s="1" t="s">
        <v>53800</v>
      </c>
      <c r="J17123" s="1" t="s">
        <v>63142</v>
      </c>
    </row>
    <row r="17124" spans="1:10" x14ac:dyDescent="0.35">
      <c r="A17124" s="1" t="s">
        <v>63067</v>
      </c>
      <c r="B17124" s="1" t="s">
        <v>53796</v>
      </c>
      <c r="C17124" s="1" t="s">
        <v>150</v>
      </c>
      <c r="D17124" s="1" t="s">
        <v>63143</v>
      </c>
      <c r="E17124" s="1" t="s">
        <v>26442</v>
      </c>
      <c r="F17124" s="1" t="s">
        <v>63144</v>
      </c>
      <c r="G17124" s="1" t="s">
        <v>63069</v>
      </c>
      <c r="H17124" s="1" t="s">
        <v>63070</v>
      </c>
      <c r="I17124" s="1" t="s">
        <v>53800</v>
      </c>
      <c r="J17124" s="1" t="s">
        <v>63145</v>
      </c>
    </row>
    <row r="17125" spans="1:10" x14ac:dyDescent="0.35">
      <c r="A17125" s="1" t="s">
        <v>63067</v>
      </c>
      <c r="B17125" s="1" t="s">
        <v>53796</v>
      </c>
      <c r="C17125" s="1" t="s">
        <v>155</v>
      </c>
      <c r="D17125" s="1" t="s">
        <v>63146</v>
      </c>
      <c r="E17125" s="1" t="s">
        <v>63147</v>
      </c>
      <c r="F17125" s="1" t="s">
        <v>62633</v>
      </c>
      <c r="G17125" s="1" t="s">
        <v>63069</v>
      </c>
      <c r="H17125" s="1" t="s">
        <v>63070</v>
      </c>
      <c r="I17125" s="1" t="s">
        <v>53800</v>
      </c>
      <c r="J17125" s="1" t="s">
        <v>63148</v>
      </c>
    </row>
    <row r="17126" spans="1:10" x14ac:dyDescent="0.35">
      <c r="A17126" s="1" t="s">
        <v>63067</v>
      </c>
      <c r="B17126" s="1" t="s">
        <v>53796</v>
      </c>
      <c r="C17126" s="1" t="s">
        <v>160</v>
      </c>
      <c r="D17126" s="1" t="s">
        <v>41191</v>
      </c>
      <c r="E17126" s="1" t="s">
        <v>53936</v>
      </c>
      <c r="F17126" s="1" t="s">
        <v>15400</v>
      </c>
      <c r="G17126" s="1" t="s">
        <v>63069</v>
      </c>
      <c r="H17126" s="1" t="s">
        <v>63070</v>
      </c>
      <c r="I17126" s="1" t="s">
        <v>53800</v>
      </c>
      <c r="J17126" s="1" t="s">
        <v>63149</v>
      </c>
    </row>
    <row r="17127" spans="1:10" x14ac:dyDescent="0.35">
      <c r="A17127" s="1" t="s">
        <v>63067</v>
      </c>
      <c r="B17127" s="1" t="s">
        <v>53796</v>
      </c>
      <c r="C17127" s="1" t="s">
        <v>165</v>
      </c>
      <c r="D17127" s="1" t="s">
        <v>63150</v>
      </c>
      <c r="E17127" s="1" t="s">
        <v>58862</v>
      </c>
      <c r="F17127" s="1" t="s">
        <v>63151</v>
      </c>
      <c r="G17127" s="1" t="s">
        <v>63069</v>
      </c>
      <c r="H17127" s="1" t="s">
        <v>63070</v>
      </c>
      <c r="I17127" s="1" t="s">
        <v>53800</v>
      </c>
      <c r="J17127" s="1" t="s">
        <v>63152</v>
      </c>
    </row>
    <row r="17128" spans="1:10" x14ac:dyDescent="0.35">
      <c r="A17128" s="1" t="s">
        <v>63067</v>
      </c>
      <c r="B17128" s="1" t="s">
        <v>53796</v>
      </c>
      <c r="C17128" s="1" t="s">
        <v>170</v>
      </c>
      <c r="D17128" s="1" t="s">
        <v>63153</v>
      </c>
      <c r="E17128" s="1" t="s">
        <v>41226</v>
      </c>
      <c r="F17128" s="1" t="s">
        <v>63154</v>
      </c>
      <c r="G17128" s="1" t="s">
        <v>63069</v>
      </c>
      <c r="H17128" s="1" t="s">
        <v>63070</v>
      </c>
      <c r="I17128" s="1" t="s">
        <v>53800</v>
      </c>
      <c r="J17128" s="1" t="s">
        <v>63155</v>
      </c>
    </row>
    <row r="17129" spans="1:10" x14ac:dyDescent="0.35">
      <c r="A17129" s="1" t="s">
        <v>63156</v>
      </c>
      <c r="B17129" s="1" t="s">
        <v>53796</v>
      </c>
      <c r="C17129" s="1" t="s">
        <v>8</v>
      </c>
      <c r="D17129" s="1" t="s">
        <v>63157</v>
      </c>
      <c r="E17129" s="1" t="s">
        <v>63158</v>
      </c>
      <c r="F17129" s="1" t="s">
        <v>63159</v>
      </c>
      <c r="G17129" s="1" t="s">
        <v>63160</v>
      </c>
      <c r="H17129" s="1" t="s">
        <v>63161</v>
      </c>
      <c r="I17129" s="1" t="s">
        <v>53800</v>
      </c>
      <c r="J17129" s="1" t="s">
        <v>13</v>
      </c>
    </row>
    <row r="17130" spans="1:10" x14ac:dyDescent="0.35">
      <c r="A17130" s="1" t="s">
        <v>63156</v>
      </c>
      <c r="B17130" s="1" t="s">
        <v>53796</v>
      </c>
      <c r="C17130" s="1" t="s">
        <v>15</v>
      </c>
      <c r="D17130" s="1" t="s">
        <v>53275</v>
      </c>
      <c r="E17130" s="1" t="s">
        <v>63162</v>
      </c>
      <c r="F17130" s="1" t="s">
        <v>63163</v>
      </c>
      <c r="G17130" s="1" t="s">
        <v>63160</v>
      </c>
      <c r="H17130" s="1" t="s">
        <v>63161</v>
      </c>
      <c r="I17130" s="1" t="s">
        <v>53800</v>
      </c>
      <c r="J17130" s="1" t="s">
        <v>63164</v>
      </c>
    </row>
    <row r="17131" spans="1:10" x14ac:dyDescent="0.35">
      <c r="A17131" s="1" t="s">
        <v>63156</v>
      </c>
      <c r="B17131" s="1" t="s">
        <v>53796</v>
      </c>
      <c r="C17131" s="1" t="s">
        <v>20</v>
      </c>
      <c r="D17131" s="1" t="s">
        <v>63165</v>
      </c>
      <c r="E17131" s="1" t="s">
        <v>63166</v>
      </c>
      <c r="F17131" s="1" t="s">
        <v>63167</v>
      </c>
      <c r="G17131" s="1" t="s">
        <v>63160</v>
      </c>
      <c r="H17131" s="1" t="s">
        <v>63161</v>
      </c>
      <c r="I17131" s="1" t="s">
        <v>53800</v>
      </c>
      <c r="J17131" s="1" t="s">
        <v>63168</v>
      </c>
    </row>
    <row r="17132" spans="1:10" x14ac:dyDescent="0.35">
      <c r="A17132" s="1" t="s">
        <v>63156</v>
      </c>
      <c r="B17132" s="1" t="s">
        <v>53796</v>
      </c>
      <c r="C17132" s="1" t="s">
        <v>25</v>
      </c>
      <c r="D17132" s="1" t="s">
        <v>63169</v>
      </c>
      <c r="E17132" s="1" t="s">
        <v>63170</v>
      </c>
      <c r="F17132" s="1" t="s">
        <v>63171</v>
      </c>
      <c r="G17132" s="1" t="s">
        <v>63160</v>
      </c>
      <c r="H17132" s="1" t="s">
        <v>63161</v>
      </c>
      <c r="I17132" s="1" t="s">
        <v>53800</v>
      </c>
      <c r="J17132" s="1" t="s">
        <v>63172</v>
      </c>
    </row>
    <row r="17133" spans="1:10" x14ac:dyDescent="0.35">
      <c r="A17133" s="1" t="s">
        <v>63156</v>
      </c>
      <c r="B17133" s="1" t="s">
        <v>53796</v>
      </c>
      <c r="C17133" s="1" t="s">
        <v>30</v>
      </c>
      <c r="D17133" s="1" t="s">
        <v>63173</v>
      </c>
      <c r="E17133" s="1" t="s">
        <v>63174</v>
      </c>
      <c r="F17133" s="1" t="s">
        <v>63175</v>
      </c>
      <c r="G17133" s="1" t="s">
        <v>63160</v>
      </c>
      <c r="H17133" s="1" t="s">
        <v>63161</v>
      </c>
      <c r="I17133" s="1" t="s">
        <v>53800</v>
      </c>
      <c r="J17133" s="1" t="s">
        <v>63176</v>
      </c>
    </row>
    <row r="17134" spans="1:10" x14ac:dyDescent="0.35">
      <c r="A17134" s="1" t="s">
        <v>63156</v>
      </c>
      <c r="B17134" s="1" t="s">
        <v>53796</v>
      </c>
      <c r="C17134" s="1" t="s">
        <v>35</v>
      </c>
      <c r="D17134" s="1" t="s">
        <v>63177</v>
      </c>
      <c r="E17134" s="1" t="s">
        <v>63178</v>
      </c>
      <c r="F17134" s="1" t="s">
        <v>63179</v>
      </c>
      <c r="G17134" s="1" t="s">
        <v>63160</v>
      </c>
      <c r="H17134" s="1" t="s">
        <v>63161</v>
      </c>
      <c r="I17134" s="1" t="s">
        <v>53800</v>
      </c>
      <c r="J17134" s="1" t="s">
        <v>63180</v>
      </c>
    </row>
    <row r="17135" spans="1:10" x14ac:dyDescent="0.35">
      <c r="A17135" s="1" t="s">
        <v>63156</v>
      </c>
      <c r="B17135" s="1" t="s">
        <v>53796</v>
      </c>
      <c r="C17135" s="1" t="s">
        <v>40</v>
      </c>
      <c r="D17135" s="1" t="s">
        <v>63181</v>
      </c>
      <c r="E17135" s="1" t="s">
        <v>63182</v>
      </c>
      <c r="F17135" s="1" t="s">
        <v>63183</v>
      </c>
      <c r="G17135" s="1" t="s">
        <v>63160</v>
      </c>
      <c r="H17135" s="1" t="s">
        <v>63161</v>
      </c>
      <c r="I17135" s="1" t="s">
        <v>53800</v>
      </c>
      <c r="J17135" s="1" t="s">
        <v>63184</v>
      </c>
    </row>
    <row r="17136" spans="1:10" x14ac:dyDescent="0.35">
      <c r="A17136" s="1" t="s">
        <v>63156</v>
      </c>
      <c r="B17136" s="1" t="s">
        <v>53796</v>
      </c>
      <c r="C17136" s="1" t="s">
        <v>45</v>
      </c>
      <c r="D17136" s="1" t="s">
        <v>63185</v>
      </c>
      <c r="E17136" s="1" t="s">
        <v>63186</v>
      </c>
      <c r="F17136" s="1" t="s">
        <v>63187</v>
      </c>
      <c r="G17136" s="1" t="s">
        <v>63160</v>
      </c>
      <c r="H17136" s="1" t="s">
        <v>63161</v>
      </c>
      <c r="I17136" s="1" t="s">
        <v>53800</v>
      </c>
      <c r="J17136" s="1" t="s">
        <v>63188</v>
      </c>
    </row>
    <row r="17137" spans="1:10" x14ac:dyDescent="0.35">
      <c r="A17137" s="1" t="s">
        <v>63156</v>
      </c>
      <c r="B17137" s="1" t="s">
        <v>53796</v>
      </c>
      <c r="C17137" s="1" t="s">
        <v>50</v>
      </c>
      <c r="D17137" s="1" t="s">
        <v>63189</v>
      </c>
      <c r="E17137" s="1" t="s">
        <v>63190</v>
      </c>
      <c r="F17137" s="1" t="s">
        <v>63191</v>
      </c>
      <c r="G17137" s="1" t="s">
        <v>63160</v>
      </c>
      <c r="H17137" s="1" t="s">
        <v>63161</v>
      </c>
      <c r="I17137" s="1" t="s">
        <v>53800</v>
      </c>
      <c r="J17137" s="1" t="s">
        <v>63192</v>
      </c>
    </row>
    <row r="17138" spans="1:10" x14ac:dyDescent="0.35">
      <c r="A17138" s="1" t="s">
        <v>63156</v>
      </c>
      <c r="B17138" s="1" t="s">
        <v>53796</v>
      </c>
      <c r="C17138" s="1" t="s">
        <v>55</v>
      </c>
      <c r="D17138" s="1" t="s">
        <v>63193</v>
      </c>
      <c r="E17138" s="1" t="s">
        <v>63194</v>
      </c>
      <c r="F17138" s="1" t="s">
        <v>63195</v>
      </c>
      <c r="G17138" s="1" t="s">
        <v>63160</v>
      </c>
      <c r="H17138" s="1" t="s">
        <v>63161</v>
      </c>
      <c r="I17138" s="1" t="s">
        <v>53800</v>
      </c>
      <c r="J17138" s="1" t="s">
        <v>63196</v>
      </c>
    </row>
    <row r="17139" spans="1:10" x14ac:dyDescent="0.35">
      <c r="A17139" s="1" t="s">
        <v>63156</v>
      </c>
      <c r="B17139" s="1" t="s">
        <v>53796</v>
      </c>
      <c r="C17139" s="1" t="s">
        <v>60</v>
      </c>
      <c r="D17139" s="1" t="s">
        <v>63197</v>
      </c>
      <c r="E17139" s="1" t="s">
        <v>63198</v>
      </c>
      <c r="F17139" s="1" t="s">
        <v>63199</v>
      </c>
      <c r="G17139" s="1" t="s">
        <v>63160</v>
      </c>
      <c r="H17139" s="1" t="s">
        <v>63161</v>
      </c>
      <c r="I17139" s="1" t="s">
        <v>53800</v>
      </c>
      <c r="J17139" s="1" t="s">
        <v>59180</v>
      </c>
    </row>
    <row r="17140" spans="1:10" x14ac:dyDescent="0.35">
      <c r="A17140" s="1" t="s">
        <v>63156</v>
      </c>
      <c r="B17140" s="1" t="s">
        <v>53796</v>
      </c>
      <c r="C17140" s="1" t="s">
        <v>65</v>
      </c>
      <c r="D17140" s="1" t="s">
        <v>63200</v>
      </c>
      <c r="E17140" s="1" t="s">
        <v>63201</v>
      </c>
      <c r="F17140" s="1" t="s">
        <v>63202</v>
      </c>
      <c r="G17140" s="1" t="s">
        <v>63160</v>
      </c>
      <c r="H17140" s="1" t="s">
        <v>63161</v>
      </c>
      <c r="I17140" s="1" t="s">
        <v>53800</v>
      </c>
      <c r="J17140" s="1" t="s">
        <v>63203</v>
      </c>
    </row>
    <row r="17141" spans="1:10" x14ac:dyDescent="0.35">
      <c r="A17141" s="1" t="s">
        <v>63156</v>
      </c>
      <c r="B17141" s="1" t="s">
        <v>53796</v>
      </c>
      <c r="C17141" s="1" t="s">
        <v>70</v>
      </c>
      <c r="D17141" s="1" t="s">
        <v>63204</v>
      </c>
      <c r="E17141" s="1" t="s">
        <v>63205</v>
      </c>
      <c r="F17141" s="1" t="s">
        <v>63206</v>
      </c>
      <c r="G17141" s="1" t="s">
        <v>63160</v>
      </c>
      <c r="H17141" s="1" t="s">
        <v>63161</v>
      </c>
      <c r="I17141" s="1" t="s">
        <v>53800</v>
      </c>
      <c r="J17141" s="1" t="s">
        <v>63207</v>
      </c>
    </row>
    <row r="17142" spans="1:10" x14ac:dyDescent="0.35">
      <c r="A17142" s="1" t="s">
        <v>63156</v>
      </c>
      <c r="B17142" s="1" t="s">
        <v>53796</v>
      </c>
      <c r="C17142" s="1" t="s">
        <v>75</v>
      </c>
      <c r="D17142" s="1" t="s">
        <v>63208</v>
      </c>
      <c r="E17142" s="1" t="s">
        <v>63209</v>
      </c>
      <c r="F17142" s="1" t="s">
        <v>63210</v>
      </c>
      <c r="G17142" s="1" t="s">
        <v>63160</v>
      </c>
      <c r="H17142" s="1" t="s">
        <v>63161</v>
      </c>
      <c r="I17142" s="1" t="s">
        <v>53800</v>
      </c>
      <c r="J17142" s="1" t="s">
        <v>63211</v>
      </c>
    </row>
    <row r="17143" spans="1:10" x14ac:dyDescent="0.35">
      <c r="A17143" s="1" t="s">
        <v>63156</v>
      </c>
      <c r="B17143" s="1" t="s">
        <v>53796</v>
      </c>
      <c r="C17143" s="1" t="s">
        <v>80</v>
      </c>
      <c r="D17143" s="1" t="s">
        <v>63212</v>
      </c>
      <c r="E17143" s="1" t="s">
        <v>63213</v>
      </c>
      <c r="F17143" s="1" t="s">
        <v>63214</v>
      </c>
      <c r="G17143" s="1" t="s">
        <v>63160</v>
      </c>
      <c r="H17143" s="1" t="s">
        <v>63161</v>
      </c>
      <c r="I17143" s="1" t="s">
        <v>53800</v>
      </c>
      <c r="J17143" s="1" t="s">
        <v>63215</v>
      </c>
    </row>
    <row r="17144" spans="1:10" x14ac:dyDescent="0.35">
      <c r="A17144" s="1" t="s">
        <v>63156</v>
      </c>
      <c r="B17144" s="1" t="s">
        <v>53796</v>
      </c>
      <c r="C17144" s="1" t="s">
        <v>85</v>
      </c>
      <c r="D17144" s="1" t="s">
        <v>63216</v>
      </c>
      <c r="E17144" s="1" t="s">
        <v>63217</v>
      </c>
      <c r="F17144" s="1" t="s">
        <v>63218</v>
      </c>
      <c r="G17144" s="1" t="s">
        <v>63160</v>
      </c>
      <c r="H17144" s="1" t="s">
        <v>63161</v>
      </c>
      <c r="I17144" s="1" t="s">
        <v>53800</v>
      </c>
      <c r="J17144" s="1" t="s">
        <v>63219</v>
      </c>
    </row>
    <row r="17145" spans="1:10" x14ac:dyDescent="0.35">
      <c r="A17145" s="1" t="s">
        <v>63156</v>
      </c>
      <c r="B17145" s="1" t="s">
        <v>53796</v>
      </c>
      <c r="C17145" s="1" t="s">
        <v>90</v>
      </c>
      <c r="D17145" s="1" t="s">
        <v>62987</v>
      </c>
      <c r="E17145" s="1" t="s">
        <v>63220</v>
      </c>
      <c r="F17145" s="1" t="s">
        <v>63221</v>
      </c>
      <c r="G17145" s="1" t="s">
        <v>63160</v>
      </c>
      <c r="H17145" s="1" t="s">
        <v>63161</v>
      </c>
      <c r="I17145" s="1" t="s">
        <v>53800</v>
      </c>
      <c r="J17145" s="1" t="s">
        <v>63222</v>
      </c>
    </row>
    <row r="17146" spans="1:10" x14ac:dyDescent="0.35">
      <c r="A17146" s="1" t="s">
        <v>63156</v>
      </c>
      <c r="B17146" s="1" t="s">
        <v>53796</v>
      </c>
      <c r="C17146" s="1" t="s">
        <v>95</v>
      </c>
      <c r="D17146" s="1" t="s">
        <v>63223</v>
      </c>
      <c r="E17146" s="1" t="s">
        <v>63224</v>
      </c>
      <c r="F17146" s="1" t="s">
        <v>63225</v>
      </c>
      <c r="G17146" s="1" t="s">
        <v>63160</v>
      </c>
      <c r="H17146" s="1" t="s">
        <v>63161</v>
      </c>
      <c r="I17146" s="1" t="s">
        <v>53800</v>
      </c>
      <c r="J17146" s="1" t="s">
        <v>63226</v>
      </c>
    </row>
    <row r="17147" spans="1:10" x14ac:dyDescent="0.35">
      <c r="A17147" s="1" t="s">
        <v>63156</v>
      </c>
      <c r="B17147" s="1" t="s">
        <v>53796</v>
      </c>
      <c r="C17147" s="1" t="s">
        <v>100</v>
      </c>
      <c r="D17147" s="1" t="s">
        <v>63227</v>
      </c>
      <c r="E17147" s="1" t="s">
        <v>63228</v>
      </c>
      <c r="F17147" s="1" t="s">
        <v>63229</v>
      </c>
      <c r="G17147" s="1" t="s">
        <v>63160</v>
      </c>
      <c r="H17147" s="1" t="s">
        <v>63161</v>
      </c>
      <c r="I17147" s="1" t="s">
        <v>53800</v>
      </c>
      <c r="J17147" s="1" t="s">
        <v>63230</v>
      </c>
    </row>
    <row r="17148" spans="1:10" x14ac:dyDescent="0.35">
      <c r="A17148" s="1" t="s">
        <v>63156</v>
      </c>
      <c r="B17148" s="1" t="s">
        <v>53796</v>
      </c>
      <c r="C17148" s="1" t="s">
        <v>105</v>
      </c>
      <c r="D17148" s="1" t="s">
        <v>63231</v>
      </c>
      <c r="E17148" s="1" t="s">
        <v>63232</v>
      </c>
      <c r="F17148" s="1" t="s">
        <v>63233</v>
      </c>
      <c r="G17148" s="1" t="s">
        <v>63160</v>
      </c>
      <c r="H17148" s="1" t="s">
        <v>63161</v>
      </c>
      <c r="I17148" s="1" t="s">
        <v>53800</v>
      </c>
      <c r="J17148" s="1" t="s">
        <v>63234</v>
      </c>
    </row>
    <row r="17149" spans="1:10" x14ac:dyDescent="0.35">
      <c r="A17149" s="1" t="s">
        <v>63156</v>
      </c>
      <c r="B17149" s="1" t="s">
        <v>53796</v>
      </c>
      <c r="C17149" s="1" t="s">
        <v>110</v>
      </c>
      <c r="D17149" s="1" t="s">
        <v>63235</v>
      </c>
      <c r="E17149" s="1" t="s">
        <v>63236</v>
      </c>
      <c r="F17149" s="1" t="s">
        <v>63237</v>
      </c>
      <c r="G17149" s="1" t="s">
        <v>63160</v>
      </c>
      <c r="H17149" s="1" t="s">
        <v>63161</v>
      </c>
      <c r="I17149" s="1" t="s">
        <v>53800</v>
      </c>
      <c r="J17149" s="1" t="s">
        <v>63238</v>
      </c>
    </row>
    <row r="17150" spans="1:10" x14ac:dyDescent="0.35">
      <c r="A17150" s="1" t="s">
        <v>63156</v>
      </c>
      <c r="B17150" s="1" t="s">
        <v>53796</v>
      </c>
      <c r="C17150" s="1" t="s">
        <v>115</v>
      </c>
      <c r="D17150" s="1" t="s">
        <v>63239</v>
      </c>
      <c r="E17150" s="1" t="s">
        <v>63240</v>
      </c>
      <c r="F17150" s="1" t="s">
        <v>63241</v>
      </c>
      <c r="G17150" s="1" t="s">
        <v>63160</v>
      </c>
      <c r="H17150" s="1" t="s">
        <v>63161</v>
      </c>
      <c r="I17150" s="1" t="s">
        <v>53800</v>
      </c>
      <c r="J17150" s="1" t="s">
        <v>63242</v>
      </c>
    </row>
    <row r="17151" spans="1:10" x14ac:dyDescent="0.35">
      <c r="A17151" s="1" t="s">
        <v>63156</v>
      </c>
      <c r="B17151" s="1" t="s">
        <v>53796</v>
      </c>
      <c r="C17151" s="1" t="s">
        <v>120</v>
      </c>
      <c r="D17151" s="1" t="s">
        <v>63243</v>
      </c>
      <c r="E17151" s="1" t="s">
        <v>63244</v>
      </c>
      <c r="F17151" s="1" t="s">
        <v>63245</v>
      </c>
      <c r="G17151" s="1" t="s">
        <v>63160</v>
      </c>
      <c r="H17151" s="1" t="s">
        <v>63161</v>
      </c>
      <c r="I17151" s="1" t="s">
        <v>53800</v>
      </c>
      <c r="J17151" s="1" t="s">
        <v>63246</v>
      </c>
    </row>
    <row r="17152" spans="1:10" x14ac:dyDescent="0.35">
      <c r="A17152" s="1" t="s">
        <v>63156</v>
      </c>
      <c r="B17152" s="1" t="s">
        <v>53796</v>
      </c>
      <c r="C17152" s="1" t="s">
        <v>125</v>
      </c>
      <c r="D17152" s="1" t="s">
        <v>63247</v>
      </c>
      <c r="E17152" s="1" t="s">
        <v>63248</v>
      </c>
      <c r="F17152" s="1" t="s">
        <v>63249</v>
      </c>
      <c r="G17152" s="1" t="s">
        <v>63160</v>
      </c>
      <c r="H17152" s="1" t="s">
        <v>63161</v>
      </c>
      <c r="I17152" s="1" t="s">
        <v>53800</v>
      </c>
      <c r="J17152" s="1" t="s">
        <v>63250</v>
      </c>
    </row>
    <row r="17153" spans="1:10" x14ac:dyDescent="0.35">
      <c r="A17153" s="1" t="s">
        <v>63156</v>
      </c>
      <c r="B17153" s="1" t="s">
        <v>53796</v>
      </c>
      <c r="C17153" s="1" t="s">
        <v>130</v>
      </c>
      <c r="D17153" s="1" t="s">
        <v>63251</v>
      </c>
      <c r="E17153" s="1" t="s">
        <v>63252</v>
      </c>
      <c r="F17153" s="1" t="s">
        <v>63253</v>
      </c>
      <c r="G17153" s="1" t="s">
        <v>63160</v>
      </c>
      <c r="H17153" s="1" t="s">
        <v>63161</v>
      </c>
      <c r="I17153" s="1" t="s">
        <v>53800</v>
      </c>
      <c r="J17153" s="1" t="s">
        <v>63254</v>
      </c>
    </row>
    <row r="17154" spans="1:10" x14ac:dyDescent="0.35">
      <c r="A17154" s="1" t="s">
        <v>63156</v>
      </c>
      <c r="B17154" s="1" t="s">
        <v>53796</v>
      </c>
      <c r="C17154" s="1" t="s">
        <v>135</v>
      </c>
      <c r="D17154" s="1" t="s">
        <v>63255</v>
      </c>
      <c r="E17154" s="1" t="s">
        <v>63256</v>
      </c>
      <c r="F17154" s="1" t="s">
        <v>63257</v>
      </c>
      <c r="G17154" s="1" t="s">
        <v>63160</v>
      </c>
      <c r="H17154" s="1" t="s">
        <v>63161</v>
      </c>
      <c r="I17154" s="1" t="s">
        <v>53800</v>
      </c>
      <c r="J17154" s="1" t="s">
        <v>63258</v>
      </c>
    </row>
    <row r="17155" spans="1:10" x14ac:dyDescent="0.35">
      <c r="A17155" s="1" t="s">
        <v>63156</v>
      </c>
      <c r="B17155" s="1" t="s">
        <v>53796</v>
      </c>
      <c r="C17155" s="1" t="s">
        <v>140</v>
      </c>
      <c r="D17155" s="1" t="s">
        <v>63259</v>
      </c>
      <c r="E17155" s="1" t="s">
        <v>63260</v>
      </c>
      <c r="F17155" s="1" t="s">
        <v>63261</v>
      </c>
      <c r="G17155" s="1" t="s">
        <v>63160</v>
      </c>
      <c r="H17155" s="1" t="s">
        <v>63161</v>
      </c>
      <c r="I17155" s="1" t="s">
        <v>53800</v>
      </c>
      <c r="J17155" s="1" t="s">
        <v>63262</v>
      </c>
    </row>
    <row r="17156" spans="1:10" x14ac:dyDescent="0.35">
      <c r="A17156" s="1" t="s">
        <v>63156</v>
      </c>
      <c r="B17156" s="1" t="s">
        <v>53796</v>
      </c>
      <c r="C17156" s="1" t="s">
        <v>145</v>
      </c>
      <c r="D17156" s="1" t="s">
        <v>63263</v>
      </c>
      <c r="E17156" s="1" t="s">
        <v>63264</v>
      </c>
      <c r="F17156" s="1" t="s">
        <v>63265</v>
      </c>
      <c r="G17156" s="1" t="s">
        <v>63160</v>
      </c>
      <c r="H17156" s="1" t="s">
        <v>63161</v>
      </c>
      <c r="I17156" s="1" t="s">
        <v>53800</v>
      </c>
      <c r="J17156" s="1" t="s">
        <v>63266</v>
      </c>
    </row>
    <row r="17157" spans="1:10" x14ac:dyDescent="0.35">
      <c r="A17157" s="1" t="s">
        <v>63156</v>
      </c>
      <c r="B17157" s="1" t="s">
        <v>53796</v>
      </c>
      <c r="C17157" s="1" t="s">
        <v>150</v>
      </c>
      <c r="D17157" s="1" t="s">
        <v>63267</v>
      </c>
      <c r="E17157" s="1" t="s">
        <v>63268</v>
      </c>
      <c r="F17157" s="1" t="s">
        <v>63269</v>
      </c>
      <c r="G17157" s="1" t="s">
        <v>63160</v>
      </c>
      <c r="H17157" s="1" t="s">
        <v>63161</v>
      </c>
      <c r="I17157" s="1" t="s">
        <v>53800</v>
      </c>
      <c r="J17157" s="1" t="s">
        <v>63270</v>
      </c>
    </row>
    <row r="17158" spans="1:10" x14ac:dyDescent="0.35">
      <c r="A17158" s="1" t="s">
        <v>63156</v>
      </c>
      <c r="B17158" s="1" t="s">
        <v>53796</v>
      </c>
      <c r="C17158" s="1" t="s">
        <v>155</v>
      </c>
      <c r="D17158" s="1" t="s">
        <v>63271</v>
      </c>
      <c r="E17158" s="1" t="s">
        <v>63272</v>
      </c>
      <c r="F17158" s="1" t="s">
        <v>63273</v>
      </c>
      <c r="G17158" s="1" t="s">
        <v>63160</v>
      </c>
      <c r="H17158" s="1" t="s">
        <v>63161</v>
      </c>
      <c r="I17158" s="1" t="s">
        <v>53800</v>
      </c>
      <c r="J17158" s="1" t="s">
        <v>63274</v>
      </c>
    </row>
    <row r="17159" spans="1:10" x14ac:dyDescent="0.35">
      <c r="A17159" s="1" t="s">
        <v>63156</v>
      </c>
      <c r="B17159" s="1" t="s">
        <v>53796</v>
      </c>
      <c r="C17159" s="1" t="s">
        <v>160</v>
      </c>
      <c r="D17159" s="1" t="s">
        <v>63275</v>
      </c>
      <c r="E17159" s="1" t="s">
        <v>63276</v>
      </c>
      <c r="F17159" s="1" t="s">
        <v>63277</v>
      </c>
      <c r="G17159" s="1" t="s">
        <v>63160</v>
      </c>
      <c r="H17159" s="1" t="s">
        <v>63161</v>
      </c>
      <c r="I17159" s="1" t="s">
        <v>53800</v>
      </c>
      <c r="J17159" s="1" t="s">
        <v>63278</v>
      </c>
    </row>
    <row r="17160" spans="1:10" x14ac:dyDescent="0.35">
      <c r="A17160" s="1" t="s">
        <v>63156</v>
      </c>
      <c r="B17160" s="1" t="s">
        <v>53796</v>
      </c>
      <c r="C17160" s="1" t="s">
        <v>165</v>
      </c>
      <c r="D17160" s="1" t="s">
        <v>63279</v>
      </c>
      <c r="E17160" s="1" t="s">
        <v>63280</v>
      </c>
      <c r="F17160" s="1" t="s">
        <v>63281</v>
      </c>
      <c r="G17160" s="1" t="s">
        <v>63160</v>
      </c>
      <c r="H17160" s="1" t="s">
        <v>63161</v>
      </c>
      <c r="I17160" s="1" t="s">
        <v>53800</v>
      </c>
      <c r="J17160" s="1" t="s">
        <v>63282</v>
      </c>
    </row>
    <row r="17161" spans="1:10" x14ac:dyDescent="0.35">
      <c r="A17161" s="1" t="s">
        <v>63156</v>
      </c>
      <c r="B17161" s="1" t="s">
        <v>53796</v>
      </c>
      <c r="C17161" s="1" t="s">
        <v>170</v>
      </c>
      <c r="D17161" s="1" t="s">
        <v>63283</v>
      </c>
      <c r="E17161" s="1" t="s">
        <v>63284</v>
      </c>
      <c r="F17161" s="1" t="s">
        <v>63285</v>
      </c>
      <c r="G17161" s="1" t="s">
        <v>63160</v>
      </c>
      <c r="H17161" s="1" t="s">
        <v>63161</v>
      </c>
      <c r="I17161" s="1" t="s">
        <v>53800</v>
      </c>
      <c r="J17161" s="1" t="s">
        <v>63286</v>
      </c>
    </row>
    <row r="17162" spans="1:10" x14ac:dyDescent="0.35">
      <c r="A17162" s="1" t="s">
        <v>2195</v>
      </c>
      <c r="B17162" s="1" t="s">
        <v>53796</v>
      </c>
      <c r="C17162" s="1" t="s">
        <v>8</v>
      </c>
      <c r="D17162" s="1" t="s">
        <v>63287</v>
      </c>
      <c r="E17162" s="1" t="s">
        <v>63288</v>
      </c>
      <c r="F17162" s="1" t="s">
        <v>63289</v>
      </c>
      <c r="G17162" s="1" t="s">
        <v>63290</v>
      </c>
      <c r="H17162" s="1" t="s">
        <v>63291</v>
      </c>
      <c r="I17162" s="1" t="s">
        <v>53800</v>
      </c>
      <c r="J17162" s="1" t="s">
        <v>13</v>
      </c>
    </row>
    <row r="17163" spans="1:10" x14ac:dyDescent="0.35">
      <c r="A17163" s="1" t="s">
        <v>2195</v>
      </c>
      <c r="B17163" s="1" t="s">
        <v>53796</v>
      </c>
      <c r="C17163" s="1" t="s">
        <v>15</v>
      </c>
      <c r="D17163" s="1" t="s">
        <v>63292</v>
      </c>
      <c r="E17163" s="1" t="s">
        <v>63293</v>
      </c>
      <c r="F17163" s="1" t="s">
        <v>63294</v>
      </c>
      <c r="G17163" s="1" t="s">
        <v>63290</v>
      </c>
      <c r="H17163" s="1" t="s">
        <v>63291</v>
      </c>
      <c r="I17163" s="1" t="s">
        <v>53800</v>
      </c>
      <c r="J17163" s="1" t="s">
        <v>63295</v>
      </c>
    </row>
    <row r="17164" spans="1:10" x14ac:dyDescent="0.35">
      <c r="A17164" s="1" t="s">
        <v>2195</v>
      </c>
      <c r="B17164" s="1" t="s">
        <v>53796</v>
      </c>
      <c r="C17164" s="1" t="s">
        <v>20</v>
      </c>
      <c r="D17164" s="1" t="s">
        <v>63296</v>
      </c>
      <c r="E17164" s="1" t="s">
        <v>63297</v>
      </c>
      <c r="F17164" s="1" t="s">
        <v>63298</v>
      </c>
      <c r="G17164" s="1" t="s">
        <v>63290</v>
      </c>
      <c r="H17164" s="1" t="s">
        <v>63291</v>
      </c>
      <c r="I17164" s="1" t="s">
        <v>53800</v>
      </c>
      <c r="J17164" s="1" t="s">
        <v>63299</v>
      </c>
    </row>
    <row r="17165" spans="1:10" x14ac:dyDescent="0.35">
      <c r="A17165" s="1" t="s">
        <v>2195</v>
      </c>
      <c r="B17165" s="1" t="s">
        <v>53796</v>
      </c>
      <c r="C17165" s="1" t="s">
        <v>25</v>
      </c>
      <c r="D17165" s="1" t="s">
        <v>63300</v>
      </c>
      <c r="E17165" s="1" t="s">
        <v>63301</v>
      </c>
      <c r="F17165" s="1" t="s">
        <v>63302</v>
      </c>
      <c r="G17165" s="1" t="s">
        <v>63290</v>
      </c>
      <c r="H17165" s="1" t="s">
        <v>63291</v>
      </c>
      <c r="I17165" s="1" t="s">
        <v>53800</v>
      </c>
      <c r="J17165" s="1" t="s">
        <v>63303</v>
      </c>
    </row>
    <row r="17166" spans="1:10" x14ac:dyDescent="0.35">
      <c r="A17166" s="1" t="s">
        <v>2195</v>
      </c>
      <c r="B17166" s="1" t="s">
        <v>53796</v>
      </c>
      <c r="C17166" s="1" t="s">
        <v>30</v>
      </c>
      <c r="D17166" s="1" t="s">
        <v>59734</v>
      </c>
      <c r="E17166" s="1" t="s">
        <v>63304</v>
      </c>
      <c r="F17166" s="1" t="s">
        <v>63305</v>
      </c>
      <c r="G17166" s="1" t="s">
        <v>63290</v>
      </c>
      <c r="H17166" s="1" t="s">
        <v>63291</v>
      </c>
      <c r="I17166" s="1" t="s">
        <v>53800</v>
      </c>
      <c r="J17166" s="1" t="s">
        <v>63306</v>
      </c>
    </row>
    <row r="17167" spans="1:10" x14ac:dyDescent="0.35">
      <c r="A17167" s="1" t="s">
        <v>2195</v>
      </c>
      <c r="B17167" s="1" t="s">
        <v>53796</v>
      </c>
      <c r="C17167" s="1" t="s">
        <v>35</v>
      </c>
      <c r="D17167" s="1" t="s">
        <v>63307</v>
      </c>
      <c r="E17167" s="1" t="s">
        <v>63308</v>
      </c>
      <c r="F17167" s="1" t="s">
        <v>63309</v>
      </c>
      <c r="G17167" s="1" t="s">
        <v>63290</v>
      </c>
      <c r="H17167" s="1" t="s">
        <v>63291</v>
      </c>
      <c r="I17167" s="1" t="s">
        <v>53800</v>
      </c>
      <c r="J17167" s="1" t="s">
        <v>63310</v>
      </c>
    </row>
    <row r="17168" spans="1:10" x14ac:dyDescent="0.35">
      <c r="A17168" s="1" t="s">
        <v>2195</v>
      </c>
      <c r="B17168" s="1" t="s">
        <v>53796</v>
      </c>
      <c r="C17168" s="1" t="s">
        <v>40</v>
      </c>
      <c r="D17168" s="1" t="s">
        <v>63311</v>
      </c>
      <c r="E17168" s="1" t="s">
        <v>63312</v>
      </c>
      <c r="F17168" s="1" t="s">
        <v>63313</v>
      </c>
      <c r="G17168" s="1" t="s">
        <v>63290</v>
      </c>
      <c r="H17168" s="1" t="s">
        <v>63291</v>
      </c>
      <c r="I17168" s="1" t="s">
        <v>53800</v>
      </c>
      <c r="J17168" s="1" t="s">
        <v>63314</v>
      </c>
    </row>
    <row r="17169" spans="1:10" x14ac:dyDescent="0.35">
      <c r="A17169" s="1" t="s">
        <v>2195</v>
      </c>
      <c r="B17169" s="1" t="s">
        <v>53796</v>
      </c>
      <c r="C17169" s="1" t="s">
        <v>45</v>
      </c>
      <c r="D17169" s="1" t="s">
        <v>63315</v>
      </c>
      <c r="E17169" s="1" t="s">
        <v>63316</v>
      </c>
      <c r="F17169" s="1" t="s">
        <v>63317</v>
      </c>
      <c r="G17169" s="1" t="s">
        <v>63290</v>
      </c>
      <c r="H17169" s="1" t="s">
        <v>63291</v>
      </c>
      <c r="I17169" s="1" t="s">
        <v>53800</v>
      </c>
      <c r="J17169" s="1" t="s">
        <v>63318</v>
      </c>
    </row>
    <row r="17170" spans="1:10" x14ac:dyDescent="0.35">
      <c r="A17170" s="1" t="s">
        <v>2195</v>
      </c>
      <c r="B17170" s="1" t="s">
        <v>53796</v>
      </c>
      <c r="C17170" s="1" t="s">
        <v>50</v>
      </c>
      <c r="D17170" s="1" t="s">
        <v>63319</v>
      </c>
      <c r="E17170" s="1" t="s">
        <v>63320</v>
      </c>
      <c r="F17170" s="1" t="s">
        <v>63321</v>
      </c>
      <c r="G17170" s="1" t="s">
        <v>63290</v>
      </c>
      <c r="H17170" s="1" t="s">
        <v>63291</v>
      </c>
      <c r="I17170" s="1" t="s">
        <v>53800</v>
      </c>
      <c r="J17170" s="1" t="s">
        <v>63322</v>
      </c>
    </row>
    <row r="17171" spans="1:10" x14ac:dyDescent="0.35">
      <c r="A17171" s="1" t="s">
        <v>2195</v>
      </c>
      <c r="B17171" s="1" t="s">
        <v>53796</v>
      </c>
      <c r="C17171" s="1" t="s">
        <v>55</v>
      </c>
      <c r="D17171" s="1" t="s">
        <v>63323</v>
      </c>
      <c r="E17171" s="1" t="s">
        <v>63324</v>
      </c>
      <c r="F17171" s="1" t="s">
        <v>63325</v>
      </c>
      <c r="G17171" s="1" t="s">
        <v>63290</v>
      </c>
      <c r="H17171" s="1" t="s">
        <v>63291</v>
      </c>
      <c r="I17171" s="1" t="s">
        <v>53800</v>
      </c>
      <c r="J17171" s="1" t="s">
        <v>63326</v>
      </c>
    </row>
    <row r="17172" spans="1:10" x14ac:dyDescent="0.35">
      <c r="A17172" s="1" t="s">
        <v>2195</v>
      </c>
      <c r="B17172" s="1" t="s">
        <v>53796</v>
      </c>
      <c r="C17172" s="1" t="s">
        <v>60</v>
      </c>
      <c r="D17172" s="1" t="s">
        <v>63327</v>
      </c>
      <c r="E17172" s="1" t="s">
        <v>63328</v>
      </c>
      <c r="F17172" s="1" t="s">
        <v>63329</v>
      </c>
      <c r="G17172" s="1" t="s">
        <v>63290</v>
      </c>
      <c r="H17172" s="1" t="s">
        <v>63291</v>
      </c>
      <c r="I17172" s="1" t="s">
        <v>53800</v>
      </c>
      <c r="J17172" s="1" t="s">
        <v>63330</v>
      </c>
    </row>
    <row r="17173" spans="1:10" x14ac:dyDescent="0.35">
      <c r="A17173" s="1" t="s">
        <v>2195</v>
      </c>
      <c r="B17173" s="1" t="s">
        <v>53796</v>
      </c>
      <c r="C17173" s="1" t="s">
        <v>65</v>
      </c>
      <c r="D17173" s="1" t="s">
        <v>63331</v>
      </c>
      <c r="E17173" s="1" t="s">
        <v>63332</v>
      </c>
      <c r="F17173" s="1" t="s">
        <v>63333</v>
      </c>
      <c r="G17173" s="1" t="s">
        <v>63290</v>
      </c>
      <c r="H17173" s="1" t="s">
        <v>63291</v>
      </c>
      <c r="I17173" s="1" t="s">
        <v>53800</v>
      </c>
      <c r="J17173" s="1" t="s">
        <v>63334</v>
      </c>
    </row>
    <row r="17174" spans="1:10" x14ac:dyDescent="0.35">
      <c r="A17174" s="1" t="s">
        <v>2195</v>
      </c>
      <c r="B17174" s="1" t="s">
        <v>53796</v>
      </c>
      <c r="C17174" s="1" t="s">
        <v>70</v>
      </c>
      <c r="D17174" s="1" t="s">
        <v>63335</v>
      </c>
      <c r="E17174" s="1" t="s">
        <v>63336</v>
      </c>
      <c r="F17174" s="1" t="s">
        <v>63337</v>
      </c>
      <c r="G17174" s="1" t="s">
        <v>63290</v>
      </c>
      <c r="H17174" s="1" t="s">
        <v>63291</v>
      </c>
      <c r="I17174" s="1" t="s">
        <v>53800</v>
      </c>
      <c r="J17174" s="1" t="s">
        <v>63338</v>
      </c>
    </row>
    <row r="17175" spans="1:10" x14ac:dyDescent="0.35">
      <c r="A17175" s="1" t="s">
        <v>2195</v>
      </c>
      <c r="B17175" s="1" t="s">
        <v>53796</v>
      </c>
      <c r="C17175" s="1" t="s">
        <v>75</v>
      </c>
      <c r="D17175" s="1" t="s">
        <v>63339</v>
      </c>
      <c r="E17175" s="1" t="s">
        <v>63340</v>
      </c>
      <c r="F17175" s="1" t="s">
        <v>63341</v>
      </c>
      <c r="G17175" s="1" t="s">
        <v>63290</v>
      </c>
      <c r="H17175" s="1" t="s">
        <v>63291</v>
      </c>
      <c r="I17175" s="1" t="s">
        <v>53800</v>
      </c>
      <c r="J17175" s="1" t="s">
        <v>63342</v>
      </c>
    </row>
    <row r="17176" spans="1:10" x14ac:dyDescent="0.35">
      <c r="A17176" s="1" t="s">
        <v>2195</v>
      </c>
      <c r="B17176" s="1" t="s">
        <v>53796</v>
      </c>
      <c r="C17176" s="1" t="s">
        <v>80</v>
      </c>
      <c r="D17176" s="1" t="s">
        <v>63343</v>
      </c>
      <c r="E17176" s="1" t="s">
        <v>63344</v>
      </c>
      <c r="F17176" s="1" t="s">
        <v>63345</v>
      </c>
      <c r="G17176" s="1" t="s">
        <v>63290</v>
      </c>
      <c r="H17176" s="1" t="s">
        <v>63291</v>
      </c>
      <c r="I17176" s="1" t="s">
        <v>53800</v>
      </c>
      <c r="J17176" s="1" t="s">
        <v>63346</v>
      </c>
    </row>
    <row r="17177" spans="1:10" x14ac:dyDescent="0.35">
      <c r="A17177" s="1" t="s">
        <v>2195</v>
      </c>
      <c r="B17177" s="1" t="s">
        <v>53796</v>
      </c>
      <c r="C17177" s="1" t="s">
        <v>85</v>
      </c>
      <c r="D17177" s="1" t="s">
        <v>63347</v>
      </c>
      <c r="E17177" s="1" t="s">
        <v>63348</v>
      </c>
      <c r="F17177" s="1" t="s">
        <v>63349</v>
      </c>
      <c r="G17177" s="1" t="s">
        <v>63290</v>
      </c>
      <c r="H17177" s="1" t="s">
        <v>63291</v>
      </c>
      <c r="I17177" s="1" t="s">
        <v>53800</v>
      </c>
      <c r="J17177" s="1" t="s">
        <v>63350</v>
      </c>
    </row>
    <row r="17178" spans="1:10" x14ac:dyDescent="0.35">
      <c r="A17178" s="1" t="s">
        <v>2195</v>
      </c>
      <c r="B17178" s="1" t="s">
        <v>53796</v>
      </c>
      <c r="C17178" s="1" t="s">
        <v>90</v>
      </c>
      <c r="D17178" s="1" t="s">
        <v>20299</v>
      </c>
      <c r="E17178" s="1" t="s">
        <v>63351</v>
      </c>
      <c r="F17178" s="1" t="s">
        <v>63352</v>
      </c>
      <c r="G17178" s="1" t="s">
        <v>63290</v>
      </c>
      <c r="H17178" s="1" t="s">
        <v>63291</v>
      </c>
      <c r="I17178" s="1" t="s">
        <v>53800</v>
      </c>
      <c r="J17178" s="1" t="s">
        <v>63353</v>
      </c>
    </row>
    <row r="17179" spans="1:10" x14ac:dyDescent="0.35">
      <c r="A17179" s="1" t="s">
        <v>2195</v>
      </c>
      <c r="B17179" s="1" t="s">
        <v>53796</v>
      </c>
      <c r="C17179" s="1" t="s">
        <v>95</v>
      </c>
      <c r="D17179" s="1" t="s">
        <v>63354</v>
      </c>
      <c r="E17179" s="1" t="s">
        <v>63355</v>
      </c>
      <c r="F17179" s="1" t="s">
        <v>63356</v>
      </c>
      <c r="G17179" s="1" t="s">
        <v>63290</v>
      </c>
      <c r="H17179" s="1" t="s">
        <v>63291</v>
      </c>
      <c r="I17179" s="1" t="s">
        <v>53800</v>
      </c>
      <c r="J17179" s="1" t="s">
        <v>63357</v>
      </c>
    </row>
    <row r="17180" spans="1:10" x14ac:dyDescent="0.35">
      <c r="A17180" s="1" t="s">
        <v>2195</v>
      </c>
      <c r="B17180" s="1" t="s">
        <v>53796</v>
      </c>
      <c r="C17180" s="1" t="s">
        <v>100</v>
      </c>
      <c r="D17180" s="1" t="s">
        <v>63358</v>
      </c>
      <c r="E17180" s="1" t="s">
        <v>63359</v>
      </c>
      <c r="F17180" s="1" t="s">
        <v>63360</v>
      </c>
      <c r="G17180" s="1" t="s">
        <v>63290</v>
      </c>
      <c r="H17180" s="1" t="s">
        <v>63291</v>
      </c>
      <c r="I17180" s="1" t="s">
        <v>53800</v>
      </c>
      <c r="J17180" s="1" t="s">
        <v>63361</v>
      </c>
    </row>
    <row r="17181" spans="1:10" x14ac:dyDescent="0.35">
      <c r="A17181" s="1" t="s">
        <v>2195</v>
      </c>
      <c r="B17181" s="1" t="s">
        <v>53796</v>
      </c>
      <c r="C17181" s="1" t="s">
        <v>105</v>
      </c>
      <c r="D17181" s="1" t="s">
        <v>63362</v>
      </c>
      <c r="E17181" s="1" t="s">
        <v>63363</v>
      </c>
      <c r="F17181" s="1" t="s">
        <v>63364</v>
      </c>
      <c r="G17181" s="1" t="s">
        <v>63290</v>
      </c>
      <c r="H17181" s="1" t="s">
        <v>63291</v>
      </c>
      <c r="I17181" s="1" t="s">
        <v>53800</v>
      </c>
      <c r="J17181" s="1" t="s">
        <v>63365</v>
      </c>
    </row>
    <row r="17182" spans="1:10" x14ac:dyDescent="0.35">
      <c r="A17182" s="1" t="s">
        <v>2195</v>
      </c>
      <c r="B17182" s="1" t="s">
        <v>53796</v>
      </c>
      <c r="C17182" s="1" t="s">
        <v>110</v>
      </c>
      <c r="D17182" s="1" t="s">
        <v>63366</v>
      </c>
      <c r="E17182" s="1" t="s">
        <v>63367</v>
      </c>
      <c r="F17182" s="1" t="s">
        <v>63368</v>
      </c>
      <c r="G17182" s="1" t="s">
        <v>63290</v>
      </c>
      <c r="H17182" s="1" t="s">
        <v>63291</v>
      </c>
      <c r="I17182" s="1" t="s">
        <v>53800</v>
      </c>
      <c r="J17182" s="1" t="s">
        <v>63369</v>
      </c>
    </row>
    <row r="17183" spans="1:10" x14ac:dyDescent="0.35">
      <c r="A17183" s="1" t="s">
        <v>2195</v>
      </c>
      <c r="B17183" s="1" t="s">
        <v>53796</v>
      </c>
      <c r="C17183" s="1" t="s">
        <v>115</v>
      </c>
      <c r="D17183" s="1" t="s">
        <v>60700</v>
      </c>
      <c r="E17183" s="1" t="s">
        <v>63370</v>
      </c>
      <c r="F17183" s="1" t="s">
        <v>63371</v>
      </c>
      <c r="G17183" s="1" t="s">
        <v>63290</v>
      </c>
      <c r="H17183" s="1" t="s">
        <v>63291</v>
      </c>
      <c r="I17183" s="1" t="s">
        <v>53800</v>
      </c>
      <c r="J17183" s="1" t="s">
        <v>63372</v>
      </c>
    </row>
    <row r="17184" spans="1:10" x14ac:dyDescent="0.35">
      <c r="A17184" s="1" t="s">
        <v>2195</v>
      </c>
      <c r="B17184" s="1" t="s">
        <v>53796</v>
      </c>
      <c r="C17184" s="1" t="s">
        <v>120</v>
      </c>
      <c r="D17184" s="1" t="s">
        <v>63373</v>
      </c>
      <c r="E17184" s="1" t="s">
        <v>63374</v>
      </c>
      <c r="F17184" s="1" t="s">
        <v>63375</v>
      </c>
      <c r="G17184" s="1" t="s">
        <v>63290</v>
      </c>
      <c r="H17184" s="1" t="s">
        <v>63291</v>
      </c>
      <c r="I17184" s="1" t="s">
        <v>53800</v>
      </c>
      <c r="J17184" s="1" t="s">
        <v>63376</v>
      </c>
    </row>
    <row r="17185" spans="1:10" x14ac:dyDescent="0.35">
      <c r="A17185" s="1" t="s">
        <v>2195</v>
      </c>
      <c r="B17185" s="1" t="s">
        <v>53796</v>
      </c>
      <c r="C17185" s="1" t="s">
        <v>125</v>
      </c>
      <c r="D17185" s="1" t="s">
        <v>63377</v>
      </c>
      <c r="E17185" s="1" t="s">
        <v>63378</v>
      </c>
      <c r="F17185" s="1" t="s">
        <v>63379</v>
      </c>
      <c r="G17185" s="1" t="s">
        <v>63290</v>
      </c>
      <c r="H17185" s="1" t="s">
        <v>63291</v>
      </c>
      <c r="I17185" s="1" t="s">
        <v>53800</v>
      </c>
      <c r="J17185" s="1" t="s">
        <v>63380</v>
      </c>
    </row>
    <row r="17186" spans="1:10" x14ac:dyDescent="0.35">
      <c r="A17186" s="1" t="s">
        <v>2195</v>
      </c>
      <c r="B17186" s="1" t="s">
        <v>53796</v>
      </c>
      <c r="C17186" s="1" t="s">
        <v>130</v>
      </c>
      <c r="D17186" s="1" t="s">
        <v>63381</v>
      </c>
      <c r="E17186" s="1" t="s">
        <v>63382</v>
      </c>
      <c r="F17186" s="1" t="s">
        <v>63383</v>
      </c>
      <c r="G17186" s="1" t="s">
        <v>63290</v>
      </c>
      <c r="H17186" s="1" t="s">
        <v>63291</v>
      </c>
      <c r="I17186" s="1" t="s">
        <v>53800</v>
      </c>
      <c r="J17186" s="1" t="s">
        <v>63384</v>
      </c>
    </row>
    <row r="17187" spans="1:10" x14ac:dyDescent="0.35">
      <c r="A17187" s="1" t="s">
        <v>2195</v>
      </c>
      <c r="B17187" s="1" t="s">
        <v>53796</v>
      </c>
      <c r="C17187" s="1" t="s">
        <v>135</v>
      </c>
      <c r="D17187" s="1" t="s">
        <v>63385</v>
      </c>
      <c r="E17187" s="1" t="s">
        <v>63386</v>
      </c>
      <c r="F17187" s="1" t="s">
        <v>63387</v>
      </c>
      <c r="G17187" s="1" t="s">
        <v>63290</v>
      </c>
      <c r="H17187" s="1" t="s">
        <v>63291</v>
      </c>
      <c r="I17187" s="1" t="s">
        <v>53800</v>
      </c>
      <c r="J17187" s="1" t="s">
        <v>63388</v>
      </c>
    </row>
    <row r="17188" spans="1:10" x14ac:dyDescent="0.35">
      <c r="A17188" s="1" t="s">
        <v>2195</v>
      </c>
      <c r="B17188" s="1" t="s">
        <v>53796</v>
      </c>
      <c r="C17188" s="1" t="s">
        <v>140</v>
      </c>
      <c r="D17188" s="1" t="s">
        <v>63389</v>
      </c>
      <c r="E17188" s="1" t="s">
        <v>63390</v>
      </c>
      <c r="F17188" s="1" t="s">
        <v>63391</v>
      </c>
      <c r="G17188" s="1" t="s">
        <v>63290</v>
      </c>
      <c r="H17188" s="1" t="s">
        <v>63291</v>
      </c>
      <c r="I17188" s="1" t="s">
        <v>53800</v>
      </c>
      <c r="J17188" s="1" t="s">
        <v>63392</v>
      </c>
    </row>
    <row r="17189" spans="1:10" x14ac:dyDescent="0.35">
      <c r="A17189" s="1" t="s">
        <v>2195</v>
      </c>
      <c r="B17189" s="1" t="s">
        <v>53796</v>
      </c>
      <c r="C17189" s="1" t="s">
        <v>145</v>
      </c>
      <c r="D17189" s="1" t="s">
        <v>63393</v>
      </c>
      <c r="E17189" s="1" t="s">
        <v>63394</v>
      </c>
      <c r="F17189" s="1" t="s">
        <v>63395</v>
      </c>
      <c r="G17189" s="1" t="s">
        <v>63290</v>
      </c>
      <c r="H17189" s="1" t="s">
        <v>63291</v>
      </c>
      <c r="I17189" s="1" t="s">
        <v>53800</v>
      </c>
      <c r="J17189" s="1" t="s">
        <v>63396</v>
      </c>
    </row>
    <row r="17190" spans="1:10" x14ac:dyDescent="0.35">
      <c r="A17190" s="1" t="s">
        <v>2195</v>
      </c>
      <c r="B17190" s="1" t="s">
        <v>53796</v>
      </c>
      <c r="C17190" s="1" t="s">
        <v>150</v>
      </c>
      <c r="D17190" s="1" t="s">
        <v>61192</v>
      </c>
      <c r="E17190" s="1" t="s">
        <v>63397</v>
      </c>
      <c r="F17190" s="1" t="s">
        <v>63398</v>
      </c>
      <c r="G17190" s="1" t="s">
        <v>63290</v>
      </c>
      <c r="H17190" s="1" t="s">
        <v>63291</v>
      </c>
      <c r="I17190" s="1" t="s">
        <v>53800</v>
      </c>
      <c r="J17190" s="1" t="s">
        <v>63399</v>
      </c>
    </row>
    <row r="17191" spans="1:10" x14ac:dyDescent="0.35">
      <c r="A17191" s="1" t="s">
        <v>2195</v>
      </c>
      <c r="B17191" s="1" t="s">
        <v>53796</v>
      </c>
      <c r="C17191" s="1" t="s">
        <v>155</v>
      </c>
      <c r="D17191" s="1" t="s">
        <v>63400</v>
      </c>
      <c r="E17191" s="1" t="s">
        <v>63401</v>
      </c>
      <c r="F17191" s="1" t="s">
        <v>63402</v>
      </c>
      <c r="G17191" s="1" t="s">
        <v>63290</v>
      </c>
      <c r="H17191" s="1" t="s">
        <v>63291</v>
      </c>
      <c r="I17191" s="1" t="s">
        <v>53800</v>
      </c>
      <c r="J17191" s="1" t="s">
        <v>63403</v>
      </c>
    </row>
    <row r="17192" spans="1:10" x14ac:dyDescent="0.35">
      <c r="A17192" s="1" t="s">
        <v>2195</v>
      </c>
      <c r="B17192" s="1" t="s">
        <v>53796</v>
      </c>
      <c r="C17192" s="1" t="s">
        <v>160</v>
      </c>
      <c r="D17192" s="1" t="s">
        <v>61789</v>
      </c>
      <c r="E17192" s="1" t="s">
        <v>63404</v>
      </c>
      <c r="F17192" s="1" t="s">
        <v>63405</v>
      </c>
      <c r="G17192" s="1" t="s">
        <v>63290</v>
      </c>
      <c r="H17192" s="1" t="s">
        <v>63291</v>
      </c>
      <c r="I17192" s="1" t="s">
        <v>53800</v>
      </c>
      <c r="J17192" s="1" t="s">
        <v>63406</v>
      </c>
    </row>
    <row r="17193" spans="1:10" x14ac:dyDescent="0.35">
      <c r="A17193" s="1" t="s">
        <v>2195</v>
      </c>
      <c r="B17193" s="1" t="s">
        <v>53796</v>
      </c>
      <c r="C17193" s="1" t="s">
        <v>165</v>
      </c>
      <c r="D17193" s="1" t="s">
        <v>63407</v>
      </c>
      <c r="E17193" s="1" t="s">
        <v>63408</v>
      </c>
      <c r="F17193" s="1" t="s">
        <v>63409</v>
      </c>
      <c r="G17193" s="1" t="s">
        <v>63290</v>
      </c>
      <c r="H17193" s="1" t="s">
        <v>63291</v>
      </c>
      <c r="I17193" s="1" t="s">
        <v>53800</v>
      </c>
      <c r="J17193" s="1" t="s">
        <v>63410</v>
      </c>
    </row>
    <row r="17194" spans="1:10" x14ac:dyDescent="0.35">
      <c r="A17194" s="1" t="s">
        <v>2195</v>
      </c>
      <c r="B17194" s="1" t="s">
        <v>53796</v>
      </c>
      <c r="C17194" s="1" t="s">
        <v>170</v>
      </c>
      <c r="D17194" s="1" t="s">
        <v>63411</v>
      </c>
      <c r="E17194" s="1" t="s">
        <v>63412</v>
      </c>
      <c r="F17194" s="1" t="s">
        <v>63413</v>
      </c>
      <c r="G17194" s="1" t="s">
        <v>63290</v>
      </c>
      <c r="H17194" s="1" t="s">
        <v>63291</v>
      </c>
      <c r="I17194" s="1" t="s">
        <v>53800</v>
      </c>
      <c r="J17194" s="1" t="s">
        <v>63414</v>
      </c>
    </row>
    <row r="17195" spans="1:10" x14ac:dyDescent="0.35">
      <c r="A17195" s="1" t="s">
        <v>3508</v>
      </c>
      <c r="B17195" s="1" t="s">
        <v>53796</v>
      </c>
      <c r="C17195" s="1" t="s">
        <v>8</v>
      </c>
      <c r="D17195" s="1" t="s">
        <v>61912</v>
      </c>
      <c r="E17195" s="1" t="s">
        <v>62154</v>
      </c>
      <c r="F17195" s="1" t="s">
        <v>63107</v>
      </c>
      <c r="G17195" s="1" t="s">
        <v>63415</v>
      </c>
      <c r="H17195" s="1" t="s">
        <v>63416</v>
      </c>
      <c r="I17195" s="1" t="s">
        <v>53800</v>
      </c>
      <c r="J17195" s="1" t="s">
        <v>13</v>
      </c>
    </row>
    <row r="17196" spans="1:10" x14ac:dyDescent="0.35">
      <c r="A17196" s="1" t="s">
        <v>3508</v>
      </c>
      <c r="B17196" s="1" t="s">
        <v>53796</v>
      </c>
      <c r="C17196" s="1" t="s">
        <v>15</v>
      </c>
      <c r="D17196" s="1" t="s">
        <v>63417</v>
      </c>
      <c r="E17196" s="1" t="s">
        <v>21826</v>
      </c>
      <c r="F17196" s="1" t="s">
        <v>56801</v>
      </c>
      <c r="G17196" s="1" t="s">
        <v>63415</v>
      </c>
      <c r="H17196" s="1" t="s">
        <v>63416</v>
      </c>
      <c r="I17196" s="1" t="s">
        <v>53800</v>
      </c>
      <c r="J17196" s="1" t="s">
        <v>63418</v>
      </c>
    </row>
    <row r="17197" spans="1:10" x14ac:dyDescent="0.35">
      <c r="A17197" s="1" t="s">
        <v>3508</v>
      </c>
      <c r="B17197" s="1" t="s">
        <v>53796</v>
      </c>
      <c r="C17197" s="1" t="s">
        <v>20</v>
      </c>
      <c r="D17197" s="1" t="s">
        <v>63419</v>
      </c>
      <c r="E17197" s="1" t="s">
        <v>57621</v>
      </c>
      <c r="F17197" s="1" t="s">
        <v>63420</v>
      </c>
      <c r="G17197" s="1" t="s">
        <v>63415</v>
      </c>
      <c r="H17197" s="1" t="s">
        <v>63416</v>
      </c>
      <c r="I17197" s="1" t="s">
        <v>53800</v>
      </c>
      <c r="J17197" s="1" t="s">
        <v>63421</v>
      </c>
    </row>
    <row r="17198" spans="1:10" x14ac:dyDescent="0.35">
      <c r="A17198" s="1" t="s">
        <v>3508</v>
      </c>
      <c r="B17198" s="1" t="s">
        <v>53796</v>
      </c>
      <c r="C17198" s="1" t="s">
        <v>25</v>
      </c>
      <c r="D17198" s="1" t="s">
        <v>63422</v>
      </c>
      <c r="E17198" s="1" t="s">
        <v>41210</v>
      </c>
      <c r="F17198" s="1" t="s">
        <v>59196</v>
      </c>
      <c r="G17198" s="1" t="s">
        <v>63415</v>
      </c>
      <c r="H17198" s="1" t="s">
        <v>63416</v>
      </c>
      <c r="I17198" s="1" t="s">
        <v>53800</v>
      </c>
      <c r="J17198" s="1" t="s">
        <v>63423</v>
      </c>
    </row>
    <row r="17199" spans="1:10" x14ac:dyDescent="0.35">
      <c r="A17199" s="1" t="s">
        <v>3508</v>
      </c>
      <c r="B17199" s="1" t="s">
        <v>53796</v>
      </c>
      <c r="C17199" s="1" t="s">
        <v>30</v>
      </c>
      <c r="D17199" s="1" t="s">
        <v>63424</v>
      </c>
      <c r="E17199" s="1" t="s">
        <v>26247</v>
      </c>
      <c r="F17199" s="1" t="s">
        <v>63425</v>
      </c>
      <c r="G17199" s="1" t="s">
        <v>63415</v>
      </c>
      <c r="H17199" s="1" t="s">
        <v>63416</v>
      </c>
      <c r="I17199" s="1" t="s">
        <v>53800</v>
      </c>
      <c r="J17199" s="1" t="s">
        <v>63426</v>
      </c>
    </row>
    <row r="17200" spans="1:10" x14ac:dyDescent="0.35">
      <c r="A17200" s="1" t="s">
        <v>3508</v>
      </c>
      <c r="B17200" s="1" t="s">
        <v>53796</v>
      </c>
      <c r="C17200" s="1" t="s">
        <v>35</v>
      </c>
      <c r="D17200" s="1" t="s">
        <v>24591</v>
      </c>
      <c r="E17200" s="1" t="s">
        <v>63427</v>
      </c>
      <c r="F17200" s="1" t="s">
        <v>63428</v>
      </c>
      <c r="G17200" s="1" t="s">
        <v>63415</v>
      </c>
      <c r="H17200" s="1" t="s">
        <v>63416</v>
      </c>
      <c r="I17200" s="1" t="s">
        <v>53800</v>
      </c>
      <c r="J17200" s="1" t="s">
        <v>63429</v>
      </c>
    </row>
    <row r="17201" spans="1:10" x14ac:dyDescent="0.35">
      <c r="A17201" s="1" t="s">
        <v>3508</v>
      </c>
      <c r="B17201" s="1" t="s">
        <v>53796</v>
      </c>
      <c r="C17201" s="1" t="s">
        <v>40</v>
      </c>
      <c r="D17201" s="1" t="s">
        <v>63430</v>
      </c>
      <c r="E17201" s="1" t="s">
        <v>63431</v>
      </c>
      <c r="F17201" s="1" t="s">
        <v>63432</v>
      </c>
      <c r="G17201" s="1" t="s">
        <v>63415</v>
      </c>
      <c r="H17201" s="1" t="s">
        <v>63416</v>
      </c>
      <c r="I17201" s="1" t="s">
        <v>53800</v>
      </c>
      <c r="J17201" s="1" t="s">
        <v>63433</v>
      </c>
    </row>
    <row r="17202" spans="1:10" x14ac:dyDescent="0.35">
      <c r="A17202" s="1" t="s">
        <v>3508</v>
      </c>
      <c r="B17202" s="1" t="s">
        <v>53796</v>
      </c>
      <c r="C17202" s="1" t="s">
        <v>45</v>
      </c>
      <c r="D17202" s="1" t="s">
        <v>33351</v>
      </c>
      <c r="E17202" s="1" t="s">
        <v>41344</v>
      </c>
      <c r="F17202" s="1" t="s">
        <v>63434</v>
      </c>
      <c r="G17202" s="1" t="s">
        <v>63415</v>
      </c>
      <c r="H17202" s="1" t="s">
        <v>63416</v>
      </c>
      <c r="I17202" s="1" t="s">
        <v>53800</v>
      </c>
      <c r="J17202" s="1" t="s">
        <v>63435</v>
      </c>
    </row>
    <row r="17203" spans="1:10" x14ac:dyDescent="0.35">
      <c r="A17203" s="1" t="s">
        <v>3508</v>
      </c>
      <c r="B17203" s="1" t="s">
        <v>53796</v>
      </c>
      <c r="C17203" s="1" t="s">
        <v>50</v>
      </c>
      <c r="D17203" s="1" t="s">
        <v>63436</v>
      </c>
      <c r="E17203" s="1" t="s">
        <v>53928</v>
      </c>
      <c r="F17203" s="1" t="s">
        <v>62842</v>
      </c>
      <c r="G17203" s="1" t="s">
        <v>63415</v>
      </c>
      <c r="H17203" s="1" t="s">
        <v>63416</v>
      </c>
      <c r="I17203" s="1" t="s">
        <v>53800</v>
      </c>
      <c r="J17203" s="1" t="s">
        <v>63437</v>
      </c>
    </row>
    <row r="17204" spans="1:10" x14ac:dyDescent="0.35">
      <c r="A17204" s="1" t="s">
        <v>3508</v>
      </c>
      <c r="B17204" s="1" t="s">
        <v>53796</v>
      </c>
      <c r="C17204" s="1" t="s">
        <v>55</v>
      </c>
      <c r="D17204" s="1" t="s">
        <v>63438</v>
      </c>
      <c r="E17204" s="1" t="s">
        <v>23521</v>
      </c>
      <c r="F17204" s="1" t="s">
        <v>63439</v>
      </c>
      <c r="G17204" s="1" t="s">
        <v>63415</v>
      </c>
      <c r="H17204" s="1" t="s">
        <v>63416</v>
      </c>
      <c r="I17204" s="1" t="s">
        <v>53800</v>
      </c>
      <c r="J17204" s="1" t="s">
        <v>63440</v>
      </c>
    </row>
    <row r="17205" spans="1:10" x14ac:dyDescent="0.35">
      <c r="A17205" s="1" t="s">
        <v>3508</v>
      </c>
      <c r="B17205" s="1" t="s">
        <v>53796</v>
      </c>
      <c r="C17205" s="1" t="s">
        <v>60</v>
      </c>
      <c r="D17205" s="1" t="s">
        <v>63441</v>
      </c>
      <c r="E17205" s="1" t="s">
        <v>22267</v>
      </c>
      <c r="F17205" s="1" t="s">
        <v>63442</v>
      </c>
      <c r="G17205" s="1" t="s">
        <v>63415</v>
      </c>
      <c r="H17205" s="1" t="s">
        <v>63416</v>
      </c>
      <c r="I17205" s="1" t="s">
        <v>53800</v>
      </c>
      <c r="J17205" s="1" t="s">
        <v>63443</v>
      </c>
    </row>
    <row r="17206" spans="1:10" x14ac:dyDescent="0.35">
      <c r="A17206" s="1" t="s">
        <v>3508</v>
      </c>
      <c r="B17206" s="1" t="s">
        <v>53796</v>
      </c>
      <c r="C17206" s="1" t="s">
        <v>65</v>
      </c>
      <c r="D17206" s="1" t="s">
        <v>63444</v>
      </c>
      <c r="E17206" s="1" t="s">
        <v>12805</v>
      </c>
      <c r="F17206" s="1" t="s">
        <v>63445</v>
      </c>
      <c r="G17206" s="1" t="s">
        <v>63415</v>
      </c>
      <c r="H17206" s="1" t="s">
        <v>63416</v>
      </c>
      <c r="I17206" s="1" t="s">
        <v>53800</v>
      </c>
      <c r="J17206" s="1" t="s">
        <v>63446</v>
      </c>
    </row>
    <row r="17207" spans="1:10" x14ac:dyDescent="0.35">
      <c r="A17207" s="1" t="s">
        <v>3508</v>
      </c>
      <c r="B17207" s="1" t="s">
        <v>53796</v>
      </c>
      <c r="C17207" s="1" t="s">
        <v>70</v>
      </c>
      <c r="D17207" s="1" t="s">
        <v>55743</v>
      </c>
      <c r="E17207" s="1" t="s">
        <v>24213</v>
      </c>
      <c r="F17207" s="1" t="s">
        <v>63447</v>
      </c>
      <c r="G17207" s="1" t="s">
        <v>63415</v>
      </c>
      <c r="H17207" s="1" t="s">
        <v>63416</v>
      </c>
      <c r="I17207" s="1" t="s">
        <v>53800</v>
      </c>
      <c r="J17207" s="1" t="s">
        <v>4356</v>
      </c>
    </row>
    <row r="17208" spans="1:10" x14ac:dyDescent="0.35">
      <c r="A17208" s="1" t="s">
        <v>3508</v>
      </c>
      <c r="B17208" s="1" t="s">
        <v>53796</v>
      </c>
      <c r="C17208" s="1" t="s">
        <v>75</v>
      </c>
      <c r="D17208" s="1" t="s">
        <v>63448</v>
      </c>
      <c r="E17208" s="1" t="s">
        <v>15340</v>
      </c>
      <c r="F17208" s="1" t="s">
        <v>63449</v>
      </c>
      <c r="G17208" s="1" t="s">
        <v>63415</v>
      </c>
      <c r="H17208" s="1" t="s">
        <v>63416</v>
      </c>
      <c r="I17208" s="1" t="s">
        <v>53800</v>
      </c>
      <c r="J17208" s="1" t="s">
        <v>63450</v>
      </c>
    </row>
    <row r="17209" spans="1:10" x14ac:dyDescent="0.35">
      <c r="A17209" s="1" t="s">
        <v>3508</v>
      </c>
      <c r="B17209" s="1" t="s">
        <v>53796</v>
      </c>
      <c r="C17209" s="1" t="s">
        <v>80</v>
      </c>
      <c r="D17209" s="1" t="s">
        <v>63451</v>
      </c>
      <c r="E17209" s="1" t="s">
        <v>58415</v>
      </c>
      <c r="F17209" s="1" t="s">
        <v>32645</v>
      </c>
      <c r="G17209" s="1" t="s">
        <v>63415</v>
      </c>
      <c r="H17209" s="1" t="s">
        <v>63416</v>
      </c>
      <c r="I17209" s="1" t="s">
        <v>53800</v>
      </c>
      <c r="J17209" s="1" t="s">
        <v>63452</v>
      </c>
    </row>
    <row r="17210" spans="1:10" x14ac:dyDescent="0.35">
      <c r="A17210" s="1" t="s">
        <v>3508</v>
      </c>
      <c r="B17210" s="1" t="s">
        <v>53796</v>
      </c>
      <c r="C17210" s="1" t="s">
        <v>85</v>
      </c>
      <c r="D17210" s="1" t="s">
        <v>63453</v>
      </c>
      <c r="E17210" s="1" t="s">
        <v>53843</v>
      </c>
      <c r="F17210" s="1" t="s">
        <v>63454</v>
      </c>
      <c r="G17210" s="1" t="s">
        <v>63415</v>
      </c>
      <c r="H17210" s="1" t="s">
        <v>63416</v>
      </c>
      <c r="I17210" s="1" t="s">
        <v>53800</v>
      </c>
      <c r="J17210" s="1" t="s">
        <v>63455</v>
      </c>
    </row>
    <row r="17211" spans="1:10" x14ac:dyDescent="0.35">
      <c r="A17211" s="1" t="s">
        <v>3508</v>
      </c>
      <c r="B17211" s="1" t="s">
        <v>53796</v>
      </c>
      <c r="C17211" s="1" t="s">
        <v>90</v>
      </c>
      <c r="D17211" s="1" t="s">
        <v>60600</v>
      </c>
      <c r="E17211" s="1" t="s">
        <v>23517</v>
      </c>
      <c r="F17211" s="1" t="s">
        <v>63456</v>
      </c>
      <c r="G17211" s="1" t="s">
        <v>63415</v>
      </c>
      <c r="H17211" s="1" t="s">
        <v>63416</v>
      </c>
      <c r="I17211" s="1" t="s">
        <v>53800</v>
      </c>
      <c r="J17211" s="1" t="s">
        <v>63457</v>
      </c>
    </row>
    <row r="17212" spans="1:10" x14ac:dyDescent="0.35">
      <c r="A17212" s="1" t="s">
        <v>3508</v>
      </c>
      <c r="B17212" s="1" t="s">
        <v>53796</v>
      </c>
      <c r="C17212" s="1" t="s">
        <v>95</v>
      </c>
      <c r="D17212" s="1" t="s">
        <v>63458</v>
      </c>
      <c r="E17212" s="1" t="s">
        <v>31510</v>
      </c>
      <c r="F17212" s="1" t="s">
        <v>63459</v>
      </c>
      <c r="G17212" s="1" t="s">
        <v>63415</v>
      </c>
      <c r="H17212" s="1" t="s">
        <v>63416</v>
      </c>
      <c r="I17212" s="1" t="s">
        <v>53800</v>
      </c>
      <c r="J17212" s="1" t="s">
        <v>63460</v>
      </c>
    </row>
    <row r="17213" spans="1:10" x14ac:dyDescent="0.35">
      <c r="A17213" s="1" t="s">
        <v>3508</v>
      </c>
      <c r="B17213" s="1" t="s">
        <v>53796</v>
      </c>
      <c r="C17213" s="1" t="s">
        <v>100</v>
      </c>
      <c r="D17213" s="1" t="s">
        <v>63461</v>
      </c>
      <c r="E17213" s="1" t="s">
        <v>60645</v>
      </c>
      <c r="F17213" s="1" t="s">
        <v>61722</v>
      </c>
      <c r="G17213" s="1" t="s">
        <v>63415</v>
      </c>
      <c r="H17213" s="1" t="s">
        <v>63416</v>
      </c>
      <c r="I17213" s="1" t="s">
        <v>53800</v>
      </c>
      <c r="J17213" s="1" t="s">
        <v>63462</v>
      </c>
    </row>
    <row r="17214" spans="1:10" x14ac:dyDescent="0.35">
      <c r="A17214" s="1" t="s">
        <v>3508</v>
      </c>
      <c r="B17214" s="1" t="s">
        <v>53796</v>
      </c>
      <c r="C17214" s="1" t="s">
        <v>105</v>
      </c>
      <c r="D17214" s="1" t="s">
        <v>63463</v>
      </c>
      <c r="E17214" s="1" t="s">
        <v>56950</v>
      </c>
      <c r="F17214" s="1" t="s">
        <v>63464</v>
      </c>
      <c r="G17214" s="1" t="s">
        <v>63415</v>
      </c>
      <c r="H17214" s="1" t="s">
        <v>63416</v>
      </c>
      <c r="I17214" s="1" t="s">
        <v>53800</v>
      </c>
      <c r="J17214" s="1" t="s">
        <v>63465</v>
      </c>
    </row>
    <row r="17215" spans="1:10" x14ac:dyDescent="0.35">
      <c r="A17215" s="1" t="s">
        <v>3508</v>
      </c>
      <c r="B17215" s="1" t="s">
        <v>53796</v>
      </c>
      <c r="C17215" s="1" t="s">
        <v>110</v>
      </c>
      <c r="D17215" s="1" t="s">
        <v>63466</v>
      </c>
      <c r="E17215" s="1" t="s">
        <v>59162</v>
      </c>
      <c r="F17215" s="1" t="s">
        <v>63467</v>
      </c>
      <c r="G17215" s="1" t="s">
        <v>63415</v>
      </c>
      <c r="H17215" s="1" t="s">
        <v>63416</v>
      </c>
      <c r="I17215" s="1" t="s">
        <v>53800</v>
      </c>
      <c r="J17215" s="1" t="s">
        <v>63468</v>
      </c>
    </row>
    <row r="17216" spans="1:10" x14ac:dyDescent="0.35">
      <c r="A17216" s="1" t="s">
        <v>3508</v>
      </c>
      <c r="B17216" s="1" t="s">
        <v>53796</v>
      </c>
      <c r="C17216" s="1" t="s">
        <v>115</v>
      </c>
      <c r="D17216" s="1" t="s">
        <v>63469</v>
      </c>
      <c r="E17216" s="1" t="s">
        <v>32557</v>
      </c>
      <c r="F17216" s="1" t="s">
        <v>63470</v>
      </c>
      <c r="G17216" s="1" t="s">
        <v>63415</v>
      </c>
      <c r="H17216" s="1" t="s">
        <v>63416</v>
      </c>
      <c r="I17216" s="1" t="s">
        <v>53800</v>
      </c>
      <c r="J17216" s="1" t="s">
        <v>63471</v>
      </c>
    </row>
    <row r="17217" spans="1:10" x14ac:dyDescent="0.35">
      <c r="A17217" s="1" t="s">
        <v>3508</v>
      </c>
      <c r="B17217" s="1" t="s">
        <v>53796</v>
      </c>
      <c r="C17217" s="1" t="s">
        <v>120</v>
      </c>
      <c r="D17217" s="1" t="s">
        <v>41747</v>
      </c>
      <c r="E17217" s="1" t="s">
        <v>32061</v>
      </c>
      <c r="F17217" s="1" t="s">
        <v>63472</v>
      </c>
      <c r="G17217" s="1" t="s">
        <v>63415</v>
      </c>
      <c r="H17217" s="1" t="s">
        <v>63416</v>
      </c>
      <c r="I17217" s="1" t="s">
        <v>53800</v>
      </c>
      <c r="J17217" s="1" t="s">
        <v>63473</v>
      </c>
    </row>
    <row r="17218" spans="1:10" x14ac:dyDescent="0.35">
      <c r="A17218" s="1" t="s">
        <v>3508</v>
      </c>
      <c r="B17218" s="1" t="s">
        <v>53796</v>
      </c>
      <c r="C17218" s="1" t="s">
        <v>125</v>
      </c>
      <c r="D17218" s="1" t="s">
        <v>63474</v>
      </c>
      <c r="E17218" s="1" t="s">
        <v>63475</v>
      </c>
      <c r="F17218" s="1" t="s">
        <v>63476</v>
      </c>
      <c r="G17218" s="1" t="s">
        <v>63415</v>
      </c>
      <c r="H17218" s="1" t="s">
        <v>63416</v>
      </c>
      <c r="I17218" s="1" t="s">
        <v>53800</v>
      </c>
      <c r="J17218" s="1" t="s">
        <v>63477</v>
      </c>
    </row>
    <row r="17219" spans="1:10" x14ac:dyDescent="0.35">
      <c r="A17219" s="1" t="s">
        <v>3508</v>
      </c>
      <c r="B17219" s="1" t="s">
        <v>53796</v>
      </c>
      <c r="C17219" s="1" t="s">
        <v>130</v>
      </c>
      <c r="D17219" s="1" t="s">
        <v>63478</v>
      </c>
      <c r="E17219" s="1" t="s">
        <v>27058</v>
      </c>
      <c r="F17219" s="1" t="s">
        <v>59798</v>
      </c>
      <c r="G17219" s="1" t="s">
        <v>63415</v>
      </c>
      <c r="H17219" s="1" t="s">
        <v>63416</v>
      </c>
      <c r="I17219" s="1" t="s">
        <v>53800</v>
      </c>
      <c r="J17219" s="1" t="s">
        <v>63479</v>
      </c>
    </row>
    <row r="17220" spans="1:10" x14ac:dyDescent="0.35">
      <c r="A17220" s="1" t="s">
        <v>3508</v>
      </c>
      <c r="B17220" s="1" t="s">
        <v>53796</v>
      </c>
      <c r="C17220" s="1" t="s">
        <v>135</v>
      </c>
      <c r="D17220" s="1" t="s">
        <v>56962</v>
      </c>
      <c r="E17220" s="1" t="s">
        <v>63480</v>
      </c>
      <c r="F17220" s="1" t="s">
        <v>63481</v>
      </c>
      <c r="G17220" s="1" t="s">
        <v>63415</v>
      </c>
      <c r="H17220" s="1" t="s">
        <v>63416</v>
      </c>
      <c r="I17220" s="1" t="s">
        <v>53800</v>
      </c>
      <c r="J17220" s="1" t="s">
        <v>63482</v>
      </c>
    </row>
    <row r="17221" spans="1:10" x14ac:dyDescent="0.35">
      <c r="A17221" s="1" t="s">
        <v>3508</v>
      </c>
      <c r="B17221" s="1" t="s">
        <v>53796</v>
      </c>
      <c r="C17221" s="1" t="s">
        <v>140</v>
      </c>
      <c r="D17221" s="1" t="s">
        <v>63483</v>
      </c>
      <c r="E17221" s="1" t="s">
        <v>21985</v>
      </c>
      <c r="F17221" s="1" t="s">
        <v>58057</v>
      </c>
      <c r="G17221" s="1" t="s">
        <v>63415</v>
      </c>
      <c r="H17221" s="1" t="s">
        <v>63416</v>
      </c>
      <c r="I17221" s="1" t="s">
        <v>53800</v>
      </c>
      <c r="J17221" s="1" t="s">
        <v>63484</v>
      </c>
    </row>
    <row r="17222" spans="1:10" x14ac:dyDescent="0.35">
      <c r="A17222" s="1" t="s">
        <v>3508</v>
      </c>
      <c r="B17222" s="1" t="s">
        <v>53796</v>
      </c>
      <c r="C17222" s="1" t="s">
        <v>145</v>
      </c>
      <c r="D17222" s="1" t="s">
        <v>63485</v>
      </c>
      <c r="E17222" s="1" t="s">
        <v>26202</v>
      </c>
      <c r="F17222" s="1" t="s">
        <v>63486</v>
      </c>
      <c r="G17222" s="1" t="s">
        <v>63415</v>
      </c>
      <c r="H17222" s="1" t="s">
        <v>63416</v>
      </c>
      <c r="I17222" s="1" t="s">
        <v>53800</v>
      </c>
      <c r="J17222" s="1" t="s">
        <v>63487</v>
      </c>
    </row>
    <row r="17223" spans="1:10" x14ac:dyDescent="0.35">
      <c r="A17223" s="1" t="s">
        <v>3508</v>
      </c>
      <c r="B17223" s="1" t="s">
        <v>53796</v>
      </c>
      <c r="C17223" s="1" t="s">
        <v>150</v>
      </c>
      <c r="D17223" s="1" t="s">
        <v>41323</v>
      </c>
      <c r="E17223" s="1" t="s">
        <v>60752</v>
      </c>
      <c r="F17223" s="1" t="s">
        <v>63488</v>
      </c>
      <c r="G17223" s="1" t="s">
        <v>63415</v>
      </c>
      <c r="H17223" s="1" t="s">
        <v>63416</v>
      </c>
      <c r="I17223" s="1" t="s">
        <v>53800</v>
      </c>
      <c r="J17223" s="1" t="s">
        <v>63489</v>
      </c>
    </row>
    <row r="17224" spans="1:10" x14ac:dyDescent="0.35">
      <c r="A17224" s="1" t="s">
        <v>3508</v>
      </c>
      <c r="B17224" s="1" t="s">
        <v>53796</v>
      </c>
      <c r="C17224" s="1" t="s">
        <v>155</v>
      </c>
      <c r="D17224" s="1" t="s">
        <v>63490</v>
      </c>
      <c r="E17224" s="1" t="s">
        <v>54714</v>
      </c>
      <c r="F17224" s="1" t="s">
        <v>63491</v>
      </c>
      <c r="G17224" s="1" t="s">
        <v>63415</v>
      </c>
      <c r="H17224" s="1" t="s">
        <v>63416</v>
      </c>
      <c r="I17224" s="1" t="s">
        <v>53800</v>
      </c>
      <c r="J17224" s="1" t="s">
        <v>63492</v>
      </c>
    </row>
    <row r="17225" spans="1:10" x14ac:dyDescent="0.35">
      <c r="A17225" s="1" t="s">
        <v>3508</v>
      </c>
      <c r="B17225" s="1" t="s">
        <v>53796</v>
      </c>
      <c r="C17225" s="1" t="s">
        <v>160</v>
      </c>
      <c r="D17225" s="1" t="s">
        <v>63493</v>
      </c>
      <c r="E17225" s="1" t="s">
        <v>16157</v>
      </c>
      <c r="F17225" s="1" t="s">
        <v>60569</v>
      </c>
      <c r="G17225" s="1" t="s">
        <v>63415</v>
      </c>
      <c r="H17225" s="1" t="s">
        <v>63416</v>
      </c>
      <c r="I17225" s="1" t="s">
        <v>53800</v>
      </c>
      <c r="J17225" s="1" t="s">
        <v>63494</v>
      </c>
    </row>
    <row r="17226" spans="1:10" x14ac:dyDescent="0.35">
      <c r="A17226" s="1" t="s">
        <v>3508</v>
      </c>
      <c r="B17226" s="1" t="s">
        <v>53796</v>
      </c>
      <c r="C17226" s="1" t="s">
        <v>165</v>
      </c>
      <c r="D17226" s="1" t="s">
        <v>63495</v>
      </c>
      <c r="E17226" s="1" t="s">
        <v>62154</v>
      </c>
      <c r="F17226" s="1" t="s">
        <v>63496</v>
      </c>
      <c r="G17226" s="1" t="s">
        <v>63415</v>
      </c>
      <c r="H17226" s="1" t="s">
        <v>63416</v>
      </c>
      <c r="I17226" s="1" t="s">
        <v>53800</v>
      </c>
      <c r="J17226" s="1" t="s">
        <v>63497</v>
      </c>
    </row>
    <row r="17227" spans="1:10" x14ac:dyDescent="0.35">
      <c r="A17227" s="1" t="s">
        <v>3508</v>
      </c>
      <c r="B17227" s="1" t="s">
        <v>53796</v>
      </c>
      <c r="C17227" s="1" t="s">
        <v>170</v>
      </c>
      <c r="D17227" s="1" t="s">
        <v>63498</v>
      </c>
      <c r="E17227" s="1" t="s">
        <v>27058</v>
      </c>
      <c r="F17227" s="1" t="s">
        <v>63499</v>
      </c>
      <c r="G17227" s="1" t="s">
        <v>63415</v>
      </c>
      <c r="H17227" s="1" t="s">
        <v>63416</v>
      </c>
      <c r="I17227" s="1" t="s">
        <v>53800</v>
      </c>
      <c r="J17227" s="1" t="s">
        <v>63500</v>
      </c>
    </row>
    <row r="17228" spans="1:10" x14ac:dyDescent="0.35">
      <c r="A17228" s="1" t="s">
        <v>13778</v>
      </c>
      <c r="B17228" s="1" t="s">
        <v>53796</v>
      </c>
      <c r="C17228" s="1" t="s">
        <v>8</v>
      </c>
      <c r="D17228" s="1" t="s">
        <v>63501</v>
      </c>
      <c r="E17228" s="1" t="s">
        <v>63502</v>
      </c>
      <c r="F17228" s="1" t="s">
        <v>63503</v>
      </c>
      <c r="G17228" s="1" t="s">
        <v>63504</v>
      </c>
      <c r="H17228" s="1" t="s">
        <v>63505</v>
      </c>
      <c r="I17228" s="1" t="s">
        <v>53800</v>
      </c>
      <c r="J17228" s="1" t="s">
        <v>13</v>
      </c>
    </row>
    <row r="17229" spans="1:10" x14ac:dyDescent="0.35">
      <c r="A17229" s="1" t="s">
        <v>13778</v>
      </c>
      <c r="B17229" s="1" t="s">
        <v>53796</v>
      </c>
      <c r="C17229" s="1" t="s">
        <v>15</v>
      </c>
      <c r="D17229" s="1" t="s">
        <v>63506</v>
      </c>
      <c r="E17229" s="1" t="s">
        <v>63507</v>
      </c>
      <c r="F17229" s="1" t="s">
        <v>63508</v>
      </c>
      <c r="G17229" s="1" t="s">
        <v>63504</v>
      </c>
      <c r="H17229" s="1" t="s">
        <v>63505</v>
      </c>
      <c r="I17229" s="1" t="s">
        <v>53800</v>
      </c>
      <c r="J17229" s="1" t="s">
        <v>63509</v>
      </c>
    </row>
    <row r="17230" spans="1:10" x14ac:dyDescent="0.35">
      <c r="A17230" s="1" t="s">
        <v>13778</v>
      </c>
      <c r="B17230" s="1" t="s">
        <v>53796</v>
      </c>
      <c r="C17230" s="1" t="s">
        <v>20</v>
      </c>
      <c r="D17230" s="1" t="s">
        <v>55799</v>
      </c>
      <c r="E17230" s="1" t="s">
        <v>63510</v>
      </c>
      <c r="F17230" s="1" t="s">
        <v>63511</v>
      </c>
      <c r="G17230" s="1" t="s">
        <v>63504</v>
      </c>
      <c r="H17230" s="1" t="s">
        <v>63505</v>
      </c>
      <c r="I17230" s="1" t="s">
        <v>53800</v>
      </c>
      <c r="J17230" s="1" t="s">
        <v>63512</v>
      </c>
    </row>
    <row r="17231" spans="1:10" x14ac:dyDescent="0.35">
      <c r="A17231" s="1" t="s">
        <v>13778</v>
      </c>
      <c r="B17231" s="1" t="s">
        <v>53796</v>
      </c>
      <c r="C17231" s="1" t="s">
        <v>25</v>
      </c>
      <c r="D17231" s="1" t="s">
        <v>56934</v>
      </c>
      <c r="E17231" s="1" t="s">
        <v>63513</v>
      </c>
      <c r="F17231" s="1" t="s">
        <v>63514</v>
      </c>
      <c r="G17231" s="1" t="s">
        <v>63504</v>
      </c>
      <c r="H17231" s="1" t="s">
        <v>63505</v>
      </c>
      <c r="I17231" s="1" t="s">
        <v>53800</v>
      </c>
      <c r="J17231" s="1" t="s">
        <v>63515</v>
      </c>
    </row>
    <row r="17232" spans="1:10" x14ac:dyDescent="0.35">
      <c r="A17232" s="1" t="s">
        <v>13778</v>
      </c>
      <c r="B17232" s="1" t="s">
        <v>53796</v>
      </c>
      <c r="C17232" s="1" t="s">
        <v>30</v>
      </c>
      <c r="D17232" s="1" t="s">
        <v>63516</v>
      </c>
      <c r="E17232" s="1" t="s">
        <v>63517</v>
      </c>
      <c r="F17232" s="1" t="s">
        <v>63518</v>
      </c>
      <c r="G17232" s="1" t="s">
        <v>63504</v>
      </c>
      <c r="H17232" s="1" t="s">
        <v>63505</v>
      </c>
      <c r="I17232" s="1" t="s">
        <v>53800</v>
      </c>
      <c r="J17232" s="1" t="s">
        <v>63519</v>
      </c>
    </row>
    <row r="17233" spans="1:10" x14ac:dyDescent="0.35">
      <c r="A17233" s="1" t="s">
        <v>13778</v>
      </c>
      <c r="B17233" s="1" t="s">
        <v>53796</v>
      </c>
      <c r="C17233" s="1" t="s">
        <v>35</v>
      </c>
      <c r="D17233" s="1" t="s">
        <v>63520</v>
      </c>
      <c r="E17233" s="1" t="s">
        <v>63521</v>
      </c>
      <c r="F17233" s="1" t="s">
        <v>63522</v>
      </c>
      <c r="G17233" s="1" t="s">
        <v>63504</v>
      </c>
      <c r="H17233" s="1" t="s">
        <v>63505</v>
      </c>
      <c r="I17233" s="1" t="s">
        <v>53800</v>
      </c>
      <c r="J17233" s="1" t="s">
        <v>63523</v>
      </c>
    </row>
    <row r="17234" spans="1:10" x14ac:dyDescent="0.35">
      <c r="A17234" s="1" t="s">
        <v>13778</v>
      </c>
      <c r="B17234" s="1" t="s">
        <v>53796</v>
      </c>
      <c r="C17234" s="1" t="s">
        <v>40</v>
      </c>
      <c r="D17234" s="1" t="s">
        <v>56127</v>
      </c>
      <c r="E17234" s="1" t="s">
        <v>63524</v>
      </c>
      <c r="F17234" s="1" t="s">
        <v>63525</v>
      </c>
      <c r="G17234" s="1" t="s">
        <v>63504</v>
      </c>
      <c r="H17234" s="1" t="s">
        <v>63505</v>
      </c>
      <c r="I17234" s="1" t="s">
        <v>53800</v>
      </c>
      <c r="J17234" s="1" t="s">
        <v>63526</v>
      </c>
    </row>
    <row r="17235" spans="1:10" x14ac:dyDescent="0.35">
      <c r="A17235" s="1" t="s">
        <v>13778</v>
      </c>
      <c r="B17235" s="1" t="s">
        <v>53796</v>
      </c>
      <c r="C17235" s="1" t="s">
        <v>45</v>
      </c>
      <c r="D17235" s="1" t="s">
        <v>63527</v>
      </c>
      <c r="E17235" s="1" t="s">
        <v>63528</v>
      </c>
      <c r="F17235" s="1" t="s">
        <v>63529</v>
      </c>
      <c r="G17235" s="1" t="s">
        <v>63504</v>
      </c>
      <c r="H17235" s="1" t="s">
        <v>63505</v>
      </c>
      <c r="I17235" s="1" t="s">
        <v>53800</v>
      </c>
      <c r="J17235" s="1" t="s">
        <v>63530</v>
      </c>
    </row>
    <row r="17236" spans="1:10" x14ac:dyDescent="0.35">
      <c r="A17236" s="1" t="s">
        <v>13778</v>
      </c>
      <c r="B17236" s="1" t="s">
        <v>53796</v>
      </c>
      <c r="C17236" s="1" t="s">
        <v>50</v>
      </c>
      <c r="D17236" s="1" t="s">
        <v>26954</v>
      </c>
      <c r="E17236" s="1" t="s">
        <v>63531</v>
      </c>
      <c r="F17236" s="1" t="s">
        <v>63532</v>
      </c>
      <c r="G17236" s="1" t="s">
        <v>63504</v>
      </c>
      <c r="H17236" s="1" t="s">
        <v>63505</v>
      </c>
      <c r="I17236" s="1" t="s">
        <v>53800</v>
      </c>
      <c r="J17236" s="1" t="s">
        <v>63533</v>
      </c>
    </row>
    <row r="17237" spans="1:10" x14ac:dyDescent="0.35">
      <c r="A17237" s="1" t="s">
        <v>13778</v>
      </c>
      <c r="B17237" s="1" t="s">
        <v>53796</v>
      </c>
      <c r="C17237" s="1" t="s">
        <v>55</v>
      </c>
      <c r="D17237" s="1" t="s">
        <v>63534</v>
      </c>
      <c r="E17237" s="1" t="s">
        <v>63535</v>
      </c>
      <c r="F17237" s="1" t="s">
        <v>63536</v>
      </c>
      <c r="G17237" s="1" t="s">
        <v>63504</v>
      </c>
      <c r="H17237" s="1" t="s">
        <v>63505</v>
      </c>
      <c r="I17237" s="1" t="s">
        <v>53800</v>
      </c>
      <c r="J17237" s="1" t="s">
        <v>63537</v>
      </c>
    </row>
    <row r="17238" spans="1:10" x14ac:dyDescent="0.35">
      <c r="A17238" s="1" t="s">
        <v>13778</v>
      </c>
      <c r="B17238" s="1" t="s">
        <v>53796</v>
      </c>
      <c r="C17238" s="1" t="s">
        <v>60</v>
      </c>
      <c r="D17238" s="1" t="s">
        <v>63538</v>
      </c>
      <c r="E17238" s="1" t="s">
        <v>63539</v>
      </c>
      <c r="F17238" s="1" t="s">
        <v>63540</v>
      </c>
      <c r="G17238" s="1" t="s">
        <v>63504</v>
      </c>
      <c r="H17238" s="1" t="s">
        <v>63505</v>
      </c>
      <c r="I17238" s="1" t="s">
        <v>53800</v>
      </c>
      <c r="J17238" s="1" t="s">
        <v>63541</v>
      </c>
    </row>
    <row r="17239" spans="1:10" x14ac:dyDescent="0.35">
      <c r="A17239" s="1" t="s">
        <v>13778</v>
      </c>
      <c r="B17239" s="1" t="s">
        <v>53796</v>
      </c>
      <c r="C17239" s="1" t="s">
        <v>65</v>
      </c>
      <c r="D17239" s="1" t="s">
        <v>63542</v>
      </c>
      <c r="E17239" s="1" t="s">
        <v>63543</v>
      </c>
      <c r="F17239" s="1" t="s">
        <v>63544</v>
      </c>
      <c r="G17239" s="1" t="s">
        <v>63504</v>
      </c>
      <c r="H17239" s="1" t="s">
        <v>63505</v>
      </c>
      <c r="I17239" s="1" t="s">
        <v>53800</v>
      </c>
      <c r="J17239" s="1" t="s">
        <v>63545</v>
      </c>
    </row>
    <row r="17240" spans="1:10" x14ac:dyDescent="0.35">
      <c r="A17240" s="1" t="s">
        <v>13778</v>
      </c>
      <c r="B17240" s="1" t="s">
        <v>53796</v>
      </c>
      <c r="C17240" s="1" t="s">
        <v>70</v>
      </c>
      <c r="D17240" s="1" t="s">
        <v>63546</v>
      </c>
      <c r="E17240" s="1" t="s">
        <v>63547</v>
      </c>
      <c r="F17240" s="1" t="s">
        <v>63548</v>
      </c>
      <c r="G17240" s="1" t="s">
        <v>63504</v>
      </c>
      <c r="H17240" s="1" t="s">
        <v>63505</v>
      </c>
      <c r="I17240" s="1" t="s">
        <v>53800</v>
      </c>
      <c r="J17240" s="1" t="s">
        <v>63549</v>
      </c>
    </row>
    <row r="17241" spans="1:10" x14ac:dyDescent="0.35">
      <c r="A17241" s="1" t="s">
        <v>13778</v>
      </c>
      <c r="B17241" s="1" t="s">
        <v>53796</v>
      </c>
      <c r="C17241" s="1" t="s">
        <v>75</v>
      </c>
      <c r="D17241" s="1" t="s">
        <v>63550</v>
      </c>
      <c r="E17241" s="1" t="s">
        <v>63551</v>
      </c>
      <c r="F17241" s="1" t="s">
        <v>63552</v>
      </c>
      <c r="G17241" s="1" t="s">
        <v>63504</v>
      </c>
      <c r="H17241" s="1" t="s">
        <v>63505</v>
      </c>
      <c r="I17241" s="1" t="s">
        <v>53800</v>
      </c>
      <c r="J17241" s="1" t="s">
        <v>63553</v>
      </c>
    </row>
    <row r="17242" spans="1:10" x14ac:dyDescent="0.35">
      <c r="A17242" s="1" t="s">
        <v>13778</v>
      </c>
      <c r="B17242" s="1" t="s">
        <v>53796</v>
      </c>
      <c r="C17242" s="1" t="s">
        <v>80</v>
      </c>
      <c r="D17242" s="1" t="s">
        <v>39822</v>
      </c>
      <c r="E17242" s="1" t="s">
        <v>63554</v>
      </c>
      <c r="F17242" s="1" t="s">
        <v>63555</v>
      </c>
      <c r="G17242" s="1" t="s">
        <v>63504</v>
      </c>
      <c r="H17242" s="1" t="s">
        <v>63505</v>
      </c>
      <c r="I17242" s="1" t="s">
        <v>53800</v>
      </c>
      <c r="J17242" s="1" t="s">
        <v>63556</v>
      </c>
    </row>
    <row r="17243" spans="1:10" x14ac:dyDescent="0.35">
      <c r="A17243" s="1" t="s">
        <v>13778</v>
      </c>
      <c r="B17243" s="1" t="s">
        <v>53796</v>
      </c>
      <c r="C17243" s="1" t="s">
        <v>85</v>
      </c>
      <c r="D17243" s="1" t="s">
        <v>22705</v>
      </c>
      <c r="E17243" s="1" t="s">
        <v>63557</v>
      </c>
      <c r="F17243" s="1" t="s">
        <v>63558</v>
      </c>
      <c r="G17243" s="1" t="s">
        <v>63504</v>
      </c>
      <c r="H17243" s="1" t="s">
        <v>63505</v>
      </c>
      <c r="I17243" s="1" t="s">
        <v>53800</v>
      </c>
      <c r="J17243" s="1" t="s">
        <v>63559</v>
      </c>
    </row>
    <row r="17244" spans="1:10" x14ac:dyDescent="0.35">
      <c r="A17244" s="1" t="s">
        <v>13778</v>
      </c>
      <c r="B17244" s="1" t="s">
        <v>53796</v>
      </c>
      <c r="C17244" s="1" t="s">
        <v>90</v>
      </c>
      <c r="D17244" s="1" t="s">
        <v>23163</v>
      </c>
      <c r="E17244" s="1" t="s">
        <v>63560</v>
      </c>
      <c r="F17244" s="1" t="s">
        <v>63561</v>
      </c>
      <c r="G17244" s="1" t="s">
        <v>63504</v>
      </c>
      <c r="H17244" s="1" t="s">
        <v>63505</v>
      </c>
      <c r="I17244" s="1" t="s">
        <v>53800</v>
      </c>
      <c r="J17244" s="1" t="s">
        <v>63562</v>
      </c>
    </row>
    <row r="17245" spans="1:10" x14ac:dyDescent="0.35">
      <c r="A17245" s="1" t="s">
        <v>13778</v>
      </c>
      <c r="B17245" s="1" t="s">
        <v>53796</v>
      </c>
      <c r="C17245" s="1" t="s">
        <v>95</v>
      </c>
      <c r="D17245" s="1" t="s">
        <v>63563</v>
      </c>
      <c r="E17245" s="1" t="s">
        <v>63564</v>
      </c>
      <c r="F17245" s="1" t="s">
        <v>63565</v>
      </c>
      <c r="G17245" s="1" t="s">
        <v>63504</v>
      </c>
      <c r="H17245" s="1" t="s">
        <v>63505</v>
      </c>
      <c r="I17245" s="1" t="s">
        <v>53800</v>
      </c>
      <c r="J17245" s="1" t="s">
        <v>63566</v>
      </c>
    </row>
    <row r="17246" spans="1:10" x14ac:dyDescent="0.35">
      <c r="A17246" s="1" t="s">
        <v>13778</v>
      </c>
      <c r="B17246" s="1" t="s">
        <v>53796</v>
      </c>
      <c r="C17246" s="1" t="s">
        <v>100</v>
      </c>
      <c r="D17246" s="1" t="s">
        <v>63567</v>
      </c>
      <c r="E17246" s="1" t="s">
        <v>63568</v>
      </c>
      <c r="F17246" s="1" t="s">
        <v>63569</v>
      </c>
      <c r="G17246" s="1" t="s">
        <v>63504</v>
      </c>
      <c r="H17246" s="1" t="s">
        <v>63505</v>
      </c>
      <c r="I17246" s="1" t="s">
        <v>53800</v>
      </c>
      <c r="J17246" s="1" t="s">
        <v>63570</v>
      </c>
    </row>
    <row r="17247" spans="1:10" x14ac:dyDescent="0.35">
      <c r="A17247" s="1" t="s">
        <v>13778</v>
      </c>
      <c r="B17247" s="1" t="s">
        <v>53796</v>
      </c>
      <c r="C17247" s="1" t="s">
        <v>105</v>
      </c>
      <c r="D17247" s="1" t="s">
        <v>63571</v>
      </c>
      <c r="E17247" s="1" t="s">
        <v>63572</v>
      </c>
      <c r="F17247" s="1" t="s">
        <v>63573</v>
      </c>
      <c r="G17247" s="1" t="s">
        <v>63504</v>
      </c>
      <c r="H17247" s="1" t="s">
        <v>63505</v>
      </c>
      <c r="I17247" s="1" t="s">
        <v>53800</v>
      </c>
      <c r="J17247" s="1" t="s">
        <v>63574</v>
      </c>
    </row>
    <row r="17248" spans="1:10" x14ac:dyDescent="0.35">
      <c r="A17248" s="1" t="s">
        <v>13778</v>
      </c>
      <c r="B17248" s="1" t="s">
        <v>53796</v>
      </c>
      <c r="C17248" s="1" t="s">
        <v>110</v>
      </c>
      <c r="D17248" s="1" t="s">
        <v>63575</v>
      </c>
      <c r="E17248" s="1" t="s">
        <v>63576</v>
      </c>
      <c r="F17248" s="1" t="s">
        <v>63577</v>
      </c>
      <c r="G17248" s="1" t="s">
        <v>63504</v>
      </c>
      <c r="H17248" s="1" t="s">
        <v>63505</v>
      </c>
      <c r="I17248" s="1" t="s">
        <v>53800</v>
      </c>
      <c r="J17248" s="1" t="s">
        <v>63578</v>
      </c>
    </row>
    <row r="17249" spans="1:10" x14ac:dyDescent="0.35">
      <c r="A17249" s="1" t="s">
        <v>13778</v>
      </c>
      <c r="B17249" s="1" t="s">
        <v>53796</v>
      </c>
      <c r="C17249" s="1" t="s">
        <v>115</v>
      </c>
      <c r="D17249" s="1" t="s">
        <v>63579</v>
      </c>
      <c r="E17249" s="1" t="s">
        <v>63580</v>
      </c>
      <c r="F17249" s="1" t="s">
        <v>63581</v>
      </c>
      <c r="G17249" s="1" t="s">
        <v>63504</v>
      </c>
      <c r="H17249" s="1" t="s">
        <v>63505</v>
      </c>
      <c r="I17249" s="1" t="s">
        <v>53800</v>
      </c>
      <c r="J17249" s="1" t="s">
        <v>63582</v>
      </c>
    </row>
    <row r="17250" spans="1:10" x14ac:dyDescent="0.35">
      <c r="A17250" s="1" t="s">
        <v>13778</v>
      </c>
      <c r="B17250" s="1" t="s">
        <v>53796</v>
      </c>
      <c r="C17250" s="1" t="s">
        <v>120</v>
      </c>
      <c r="D17250" s="1" t="s">
        <v>63583</v>
      </c>
      <c r="E17250" s="1" t="s">
        <v>63584</v>
      </c>
      <c r="F17250" s="1" t="s">
        <v>63585</v>
      </c>
      <c r="G17250" s="1" t="s">
        <v>63504</v>
      </c>
      <c r="H17250" s="1" t="s">
        <v>63505</v>
      </c>
      <c r="I17250" s="1" t="s">
        <v>53800</v>
      </c>
      <c r="J17250" s="1" t="s">
        <v>63586</v>
      </c>
    </row>
    <row r="17251" spans="1:10" x14ac:dyDescent="0.35">
      <c r="A17251" s="1" t="s">
        <v>13778</v>
      </c>
      <c r="B17251" s="1" t="s">
        <v>53796</v>
      </c>
      <c r="C17251" s="1" t="s">
        <v>125</v>
      </c>
      <c r="D17251" s="1" t="s">
        <v>63587</v>
      </c>
      <c r="E17251" s="1" t="s">
        <v>63588</v>
      </c>
      <c r="F17251" s="1" t="s">
        <v>63589</v>
      </c>
      <c r="G17251" s="1" t="s">
        <v>63504</v>
      </c>
      <c r="H17251" s="1" t="s">
        <v>63505</v>
      </c>
      <c r="I17251" s="1" t="s">
        <v>53800</v>
      </c>
      <c r="J17251" s="1" t="s">
        <v>63590</v>
      </c>
    </row>
    <row r="17252" spans="1:10" x14ac:dyDescent="0.35">
      <c r="A17252" s="1" t="s">
        <v>13778</v>
      </c>
      <c r="B17252" s="1" t="s">
        <v>53796</v>
      </c>
      <c r="C17252" s="1" t="s">
        <v>130</v>
      </c>
      <c r="D17252" s="1" t="s">
        <v>63591</v>
      </c>
      <c r="E17252" s="1" t="s">
        <v>63592</v>
      </c>
      <c r="F17252" s="1" t="s">
        <v>63593</v>
      </c>
      <c r="G17252" s="1" t="s">
        <v>63504</v>
      </c>
      <c r="H17252" s="1" t="s">
        <v>63505</v>
      </c>
      <c r="I17252" s="1" t="s">
        <v>53800</v>
      </c>
      <c r="J17252" s="1" t="s">
        <v>63594</v>
      </c>
    </row>
    <row r="17253" spans="1:10" x14ac:dyDescent="0.35">
      <c r="A17253" s="1" t="s">
        <v>13778</v>
      </c>
      <c r="B17253" s="1" t="s">
        <v>53796</v>
      </c>
      <c r="C17253" s="1" t="s">
        <v>135</v>
      </c>
      <c r="D17253" s="1" t="s">
        <v>63595</v>
      </c>
      <c r="E17253" s="1" t="s">
        <v>63596</v>
      </c>
      <c r="F17253" s="1" t="s">
        <v>63597</v>
      </c>
      <c r="G17253" s="1" t="s">
        <v>63504</v>
      </c>
      <c r="H17253" s="1" t="s">
        <v>63505</v>
      </c>
      <c r="I17253" s="1" t="s">
        <v>53800</v>
      </c>
      <c r="J17253" s="1" t="s">
        <v>63598</v>
      </c>
    </row>
    <row r="17254" spans="1:10" x14ac:dyDescent="0.35">
      <c r="A17254" s="1" t="s">
        <v>13778</v>
      </c>
      <c r="B17254" s="1" t="s">
        <v>53796</v>
      </c>
      <c r="C17254" s="1" t="s">
        <v>140</v>
      </c>
      <c r="D17254" s="1" t="s">
        <v>8153</v>
      </c>
      <c r="E17254" s="1" t="s">
        <v>63599</v>
      </c>
      <c r="F17254" s="1" t="s">
        <v>63600</v>
      </c>
      <c r="G17254" s="1" t="s">
        <v>63504</v>
      </c>
      <c r="H17254" s="1" t="s">
        <v>63505</v>
      </c>
      <c r="I17254" s="1" t="s">
        <v>53800</v>
      </c>
      <c r="J17254" s="1" t="s">
        <v>63601</v>
      </c>
    </row>
    <row r="17255" spans="1:10" x14ac:dyDescent="0.35">
      <c r="A17255" s="1" t="s">
        <v>13778</v>
      </c>
      <c r="B17255" s="1" t="s">
        <v>53796</v>
      </c>
      <c r="C17255" s="1" t="s">
        <v>145</v>
      </c>
      <c r="D17255" s="1" t="s">
        <v>63602</v>
      </c>
      <c r="E17255" s="1" t="s">
        <v>63603</v>
      </c>
      <c r="F17255" s="1" t="s">
        <v>63604</v>
      </c>
      <c r="G17255" s="1" t="s">
        <v>63504</v>
      </c>
      <c r="H17255" s="1" t="s">
        <v>63505</v>
      </c>
      <c r="I17255" s="1" t="s">
        <v>53800</v>
      </c>
      <c r="J17255" s="1" t="s">
        <v>63605</v>
      </c>
    </row>
    <row r="17256" spans="1:10" x14ac:dyDescent="0.35">
      <c r="A17256" s="1" t="s">
        <v>13778</v>
      </c>
      <c r="B17256" s="1" t="s">
        <v>53796</v>
      </c>
      <c r="C17256" s="1" t="s">
        <v>150</v>
      </c>
      <c r="D17256" s="1" t="s">
        <v>63606</v>
      </c>
      <c r="E17256" s="1" t="s">
        <v>63607</v>
      </c>
      <c r="F17256" s="1" t="s">
        <v>63608</v>
      </c>
      <c r="G17256" s="1" t="s">
        <v>63504</v>
      </c>
      <c r="H17256" s="1" t="s">
        <v>63505</v>
      </c>
      <c r="I17256" s="1" t="s">
        <v>53800</v>
      </c>
      <c r="J17256" s="1" t="s">
        <v>63609</v>
      </c>
    </row>
    <row r="17257" spans="1:10" x14ac:dyDescent="0.35">
      <c r="A17257" s="1" t="s">
        <v>13778</v>
      </c>
      <c r="B17257" s="1" t="s">
        <v>53796</v>
      </c>
      <c r="C17257" s="1" t="s">
        <v>155</v>
      </c>
      <c r="D17257" s="1" t="s">
        <v>41450</v>
      </c>
      <c r="E17257" s="1" t="s">
        <v>63610</v>
      </c>
      <c r="F17257" s="1" t="s">
        <v>63611</v>
      </c>
      <c r="G17257" s="1" t="s">
        <v>63504</v>
      </c>
      <c r="H17257" s="1" t="s">
        <v>63505</v>
      </c>
      <c r="I17257" s="1" t="s">
        <v>53800</v>
      </c>
      <c r="J17257" s="1" t="s">
        <v>63612</v>
      </c>
    </row>
    <row r="17258" spans="1:10" x14ac:dyDescent="0.35">
      <c r="A17258" s="1" t="s">
        <v>13778</v>
      </c>
      <c r="B17258" s="1" t="s">
        <v>53796</v>
      </c>
      <c r="C17258" s="1" t="s">
        <v>160</v>
      </c>
      <c r="D17258" s="1" t="s">
        <v>63613</v>
      </c>
      <c r="E17258" s="1" t="s">
        <v>63614</v>
      </c>
      <c r="F17258" s="1" t="s">
        <v>63615</v>
      </c>
      <c r="G17258" s="1" t="s">
        <v>63504</v>
      </c>
      <c r="H17258" s="1" t="s">
        <v>63505</v>
      </c>
      <c r="I17258" s="1" t="s">
        <v>53800</v>
      </c>
      <c r="J17258" s="1" t="s">
        <v>63616</v>
      </c>
    </row>
    <row r="17259" spans="1:10" x14ac:dyDescent="0.35">
      <c r="A17259" s="1" t="s">
        <v>13778</v>
      </c>
      <c r="B17259" s="1" t="s">
        <v>53796</v>
      </c>
      <c r="C17259" s="1" t="s">
        <v>165</v>
      </c>
      <c r="D17259" s="1" t="s">
        <v>63617</v>
      </c>
      <c r="E17259" s="1" t="s">
        <v>63618</v>
      </c>
      <c r="F17259" s="1" t="s">
        <v>63619</v>
      </c>
      <c r="G17259" s="1" t="s">
        <v>63504</v>
      </c>
      <c r="H17259" s="1" t="s">
        <v>63505</v>
      </c>
      <c r="I17259" s="1" t="s">
        <v>53800</v>
      </c>
      <c r="J17259" s="1" t="s">
        <v>63620</v>
      </c>
    </row>
    <row r="17260" spans="1:10" x14ac:dyDescent="0.35">
      <c r="A17260" s="1" t="s">
        <v>13778</v>
      </c>
      <c r="B17260" s="1" t="s">
        <v>53796</v>
      </c>
      <c r="C17260" s="1" t="s">
        <v>170</v>
      </c>
      <c r="D17260" s="1" t="s">
        <v>63621</v>
      </c>
      <c r="E17260" s="1" t="s">
        <v>63622</v>
      </c>
      <c r="F17260" s="1" t="s">
        <v>63623</v>
      </c>
      <c r="G17260" s="1" t="s">
        <v>63504</v>
      </c>
      <c r="H17260" s="1" t="s">
        <v>63505</v>
      </c>
      <c r="I17260" s="1" t="s">
        <v>53800</v>
      </c>
      <c r="J17260" s="1" t="s">
        <v>63624</v>
      </c>
    </row>
    <row r="17261" spans="1:10" x14ac:dyDescent="0.35">
      <c r="A17261" s="1" t="s">
        <v>63625</v>
      </c>
      <c r="B17261" s="1" t="s">
        <v>53796</v>
      </c>
      <c r="C17261" s="1" t="s">
        <v>8</v>
      </c>
      <c r="D17261" s="1" t="s">
        <v>63626</v>
      </c>
      <c r="E17261" s="1" t="s">
        <v>26560</v>
      </c>
      <c r="F17261" s="1" t="s">
        <v>63627</v>
      </c>
      <c r="G17261" s="1" t="s">
        <v>63628</v>
      </c>
      <c r="H17261" s="1" t="s">
        <v>63629</v>
      </c>
      <c r="I17261" s="1" t="s">
        <v>53800</v>
      </c>
      <c r="J17261" s="1" t="s">
        <v>13</v>
      </c>
    </row>
    <row r="17262" spans="1:10" x14ac:dyDescent="0.35">
      <c r="A17262" s="1" t="s">
        <v>63625</v>
      </c>
      <c r="B17262" s="1" t="s">
        <v>53796</v>
      </c>
      <c r="C17262" s="1" t="s">
        <v>15</v>
      </c>
      <c r="D17262" s="1" t="s">
        <v>63630</v>
      </c>
      <c r="E17262" s="1" t="s">
        <v>22040</v>
      </c>
      <c r="F17262" s="1" t="s">
        <v>56801</v>
      </c>
      <c r="G17262" s="1" t="s">
        <v>63628</v>
      </c>
      <c r="H17262" s="1" t="s">
        <v>63629</v>
      </c>
      <c r="I17262" s="1" t="s">
        <v>53800</v>
      </c>
      <c r="J17262" s="1" t="s">
        <v>27486</v>
      </c>
    </row>
    <row r="17263" spans="1:10" x14ac:dyDescent="0.35">
      <c r="A17263" s="1" t="s">
        <v>63625</v>
      </c>
      <c r="B17263" s="1" t="s">
        <v>53796</v>
      </c>
      <c r="C17263" s="1" t="s">
        <v>20</v>
      </c>
      <c r="D17263" s="1" t="s">
        <v>63631</v>
      </c>
      <c r="E17263" s="1" t="s">
        <v>41184</v>
      </c>
      <c r="F17263" s="1" t="s">
        <v>32411</v>
      </c>
      <c r="G17263" s="1" t="s">
        <v>63628</v>
      </c>
      <c r="H17263" s="1" t="s">
        <v>63629</v>
      </c>
      <c r="I17263" s="1" t="s">
        <v>53800</v>
      </c>
      <c r="J17263" s="1" t="s">
        <v>63632</v>
      </c>
    </row>
    <row r="17264" spans="1:10" x14ac:dyDescent="0.35">
      <c r="A17264" s="1" t="s">
        <v>63625</v>
      </c>
      <c r="B17264" s="1" t="s">
        <v>53796</v>
      </c>
      <c r="C17264" s="1" t="s">
        <v>25</v>
      </c>
      <c r="D17264" s="1" t="s">
        <v>63633</v>
      </c>
      <c r="E17264" s="1" t="s">
        <v>21898</v>
      </c>
      <c r="F17264" s="1" t="s">
        <v>59336</v>
      </c>
      <c r="G17264" s="1" t="s">
        <v>63628</v>
      </c>
      <c r="H17264" s="1" t="s">
        <v>63629</v>
      </c>
      <c r="I17264" s="1" t="s">
        <v>53800</v>
      </c>
      <c r="J17264" s="1" t="s">
        <v>63634</v>
      </c>
    </row>
    <row r="17265" spans="1:10" x14ac:dyDescent="0.35">
      <c r="A17265" s="1" t="s">
        <v>63625</v>
      </c>
      <c r="B17265" s="1" t="s">
        <v>53796</v>
      </c>
      <c r="C17265" s="1" t="s">
        <v>30</v>
      </c>
      <c r="D17265" s="1" t="s">
        <v>63635</v>
      </c>
      <c r="E17265" s="1" t="s">
        <v>12798</v>
      </c>
      <c r="F17265" s="1" t="s">
        <v>63636</v>
      </c>
      <c r="G17265" s="1" t="s">
        <v>63628</v>
      </c>
      <c r="H17265" s="1" t="s">
        <v>63629</v>
      </c>
      <c r="I17265" s="1" t="s">
        <v>53800</v>
      </c>
      <c r="J17265" s="1" t="s">
        <v>63637</v>
      </c>
    </row>
    <row r="17266" spans="1:10" x14ac:dyDescent="0.35">
      <c r="A17266" s="1" t="s">
        <v>63625</v>
      </c>
      <c r="B17266" s="1" t="s">
        <v>53796</v>
      </c>
      <c r="C17266" s="1" t="s">
        <v>35</v>
      </c>
      <c r="D17266" s="1" t="s">
        <v>63638</v>
      </c>
      <c r="E17266" s="1" t="s">
        <v>15205</v>
      </c>
      <c r="F17266" s="1" t="s">
        <v>63639</v>
      </c>
      <c r="G17266" s="1" t="s">
        <v>63628</v>
      </c>
      <c r="H17266" s="1" t="s">
        <v>63629</v>
      </c>
      <c r="I17266" s="1" t="s">
        <v>53800</v>
      </c>
      <c r="J17266" s="1" t="s">
        <v>63640</v>
      </c>
    </row>
    <row r="17267" spans="1:10" x14ac:dyDescent="0.35">
      <c r="A17267" s="1" t="s">
        <v>63625</v>
      </c>
      <c r="B17267" s="1" t="s">
        <v>53796</v>
      </c>
      <c r="C17267" s="1" t="s">
        <v>40</v>
      </c>
      <c r="D17267" s="1" t="s">
        <v>63641</v>
      </c>
      <c r="E17267" s="1" t="s">
        <v>63642</v>
      </c>
      <c r="F17267" s="1" t="s">
        <v>63643</v>
      </c>
      <c r="G17267" s="1" t="s">
        <v>63628</v>
      </c>
      <c r="H17267" s="1" t="s">
        <v>63629</v>
      </c>
      <c r="I17267" s="1" t="s">
        <v>53800</v>
      </c>
      <c r="J17267" s="1" t="s">
        <v>63644</v>
      </c>
    </row>
    <row r="17268" spans="1:10" x14ac:dyDescent="0.35">
      <c r="A17268" s="1" t="s">
        <v>63625</v>
      </c>
      <c r="B17268" s="1" t="s">
        <v>53796</v>
      </c>
      <c r="C17268" s="1" t="s">
        <v>45</v>
      </c>
      <c r="D17268" s="1" t="s">
        <v>63645</v>
      </c>
      <c r="E17268" s="1" t="s">
        <v>53969</v>
      </c>
      <c r="F17268" s="1" t="s">
        <v>63646</v>
      </c>
      <c r="G17268" s="1" t="s">
        <v>63628</v>
      </c>
      <c r="H17268" s="1" t="s">
        <v>63629</v>
      </c>
      <c r="I17268" s="1" t="s">
        <v>53800</v>
      </c>
      <c r="J17268" s="1" t="s">
        <v>63647</v>
      </c>
    </row>
    <row r="17269" spans="1:10" x14ac:dyDescent="0.35">
      <c r="A17269" s="1" t="s">
        <v>63625</v>
      </c>
      <c r="B17269" s="1" t="s">
        <v>53796</v>
      </c>
      <c r="C17269" s="1" t="s">
        <v>50</v>
      </c>
      <c r="D17269" s="1" t="s">
        <v>63648</v>
      </c>
      <c r="E17269" s="1" t="s">
        <v>21945</v>
      </c>
      <c r="F17269" s="1" t="s">
        <v>63649</v>
      </c>
      <c r="G17269" s="1" t="s">
        <v>63628</v>
      </c>
      <c r="H17269" s="1" t="s">
        <v>63629</v>
      </c>
      <c r="I17269" s="1" t="s">
        <v>53800</v>
      </c>
      <c r="J17269" s="1" t="s">
        <v>63650</v>
      </c>
    </row>
    <row r="17270" spans="1:10" x14ac:dyDescent="0.35">
      <c r="A17270" s="1" t="s">
        <v>63625</v>
      </c>
      <c r="B17270" s="1" t="s">
        <v>53796</v>
      </c>
      <c r="C17270" s="1" t="s">
        <v>55</v>
      </c>
      <c r="D17270" s="1" t="s">
        <v>63651</v>
      </c>
      <c r="E17270" s="1" t="s">
        <v>26560</v>
      </c>
      <c r="F17270" s="1" t="s">
        <v>59624</v>
      </c>
      <c r="G17270" s="1" t="s">
        <v>63628</v>
      </c>
      <c r="H17270" s="1" t="s">
        <v>63629</v>
      </c>
      <c r="I17270" s="1" t="s">
        <v>53800</v>
      </c>
      <c r="J17270" s="1" t="s">
        <v>63652</v>
      </c>
    </row>
    <row r="17271" spans="1:10" x14ac:dyDescent="0.35">
      <c r="A17271" s="1" t="s">
        <v>63625</v>
      </c>
      <c r="B17271" s="1" t="s">
        <v>53796</v>
      </c>
      <c r="C17271" s="1" t="s">
        <v>60</v>
      </c>
      <c r="D17271" s="1" t="s">
        <v>63653</v>
      </c>
      <c r="E17271" s="1" t="s">
        <v>32359</v>
      </c>
      <c r="F17271" s="1" t="s">
        <v>63654</v>
      </c>
      <c r="G17271" s="1" t="s">
        <v>63628</v>
      </c>
      <c r="H17271" s="1" t="s">
        <v>63629</v>
      </c>
      <c r="I17271" s="1" t="s">
        <v>53800</v>
      </c>
      <c r="J17271" s="1" t="s">
        <v>63655</v>
      </c>
    </row>
    <row r="17272" spans="1:10" x14ac:dyDescent="0.35">
      <c r="A17272" s="1" t="s">
        <v>63625</v>
      </c>
      <c r="B17272" s="1" t="s">
        <v>53796</v>
      </c>
      <c r="C17272" s="1" t="s">
        <v>65</v>
      </c>
      <c r="D17272" s="1" t="s">
        <v>63656</v>
      </c>
      <c r="E17272" s="1" t="s">
        <v>58370</v>
      </c>
      <c r="F17272" s="1" t="s">
        <v>63657</v>
      </c>
      <c r="G17272" s="1" t="s">
        <v>63628</v>
      </c>
      <c r="H17272" s="1" t="s">
        <v>63629</v>
      </c>
      <c r="I17272" s="1" t="s">
        <v>53800</v>
      </c>
      <c r="J17272" s="1" t="s">
        <v>63658</v>
      </c>
    </row>
    <row r="17273" spans="1:10" x14ac:dyDescent="0.35">
      <c r="A17273" s="1" t="s">
        <v>63625</v>
      </c>
      <c r="B17273" s="1" t="s">
        <v>53796</v>
      </c>
      <c r="C17273" s="1" t="s">
        <v>70</v>
      </c>
      <c r="D17273" s="1" t="s">
        <v>63659</v>
      </c>
      <c r="E17273" s="1" t="s">
        <v>32061</v>
      </c>
      <c r="F17273" s="1" t="s">
        <v>63660</v>
      </c>
      <c r="G17273" s="1" t="s">
        <v>63628</v>
      </c>
      <c r="H17273" s="1" t="s">
        <v>63629</v>
      </c>
      <c r="I17273" s="1" t="s">
        <v>53800</v>
      </c>
      <c r="J17273" s="1" t="s">
        <v>63661</v>
      </c>
    </row>
    <row r="17274" spans="1:10" x14ac:dyDescent="0.35">
      <c r="A17274" s="1" t="s">
        <v>63625</v>
      </c>
      <c r="B17274" s="1" t="s">
        <v>53796</v>
      </c>
      <c r="C17274" s="1" t="s">
        <v>75</v>
      </c>
      <c r="D17274" s="1" t="s">
        <v>63662</v>
      </c>
      <c r="E17274" s="1" t="s">
        <v>12857</v>
      </c>
      <c r="F17274" s="1" t="s">
        <v>54663</v>
      </c>
      <c r="G17274" s="1" t="s">
        <v>63628</v>
      </c>
      <c r="H17274" s="1" t="s">
        <v>63629</v>
      </c>
      <c r="I17274" s="1" t="s">
        <v>53800</v>
      </c>
      <c r="J17274" s="1" t="s">
        <v>63663</v>
      </c>
    </row>
    <row r="17275" spans="1:10" x14ac:dyDescent="0.35">
      <c r="A17275" s="1" t="s">
        <v>63625</v>
      </c>
      <c r="B17275" s="1" t="s">
        <v>53796</v>
      </c>
      <c r="C17275" s="1" t="s">
        <v>80</v>
      </c>
      <c r="D17275" s="1" t="s">
        <v>63664</v>
      </c>
      <c r="E17275" s="1" t="s">
        <v>53825</v>
      </c>
      <c r="F17275" s="1" t="s">
        <v>63665</v>
      </c>
      <c r="G17275" s="1" t="s">
        <v>63628</v>
      </c>
      <c r="H17275" s="1" t="s">
        <v>63629</v>
      </c>
      <c r="I17275" s="1" t="s">
        <v>53800</v>
      </c>
      <c r="J17275" s="1" t="s">
        <v>63666</v>
      </c>
    </row>
    <row r="17276" spans="1:10" x14ac:dyDescent="0.35">
      <c r="A17276" s="1" t="s">
        <v>63625</v>
      </c>
      <c r="B17276" s="1" t="s">
        <v>53796</v>
      </c>
      <c r="C17276" s="1" t="s">
        <v>85</v>
      </c>
      <c r="D17276" s="1" t="s">
        <v>63667</v>
      </c>
      <c r="E17276" s="1" t="s">
        <v>41305</v>
      </c>
      <c r="F17276" s="1" t="s">
        <v>63668</v>
      </c>
      <c r="G17276" s="1" t="s">
        <v>63628</v>
      </c>
      <c r="H17276" s="1" t="s">
        <v>63629</v>
      </c>
      <c r="I17276" s="1" t="s">
        <v>53800</v>
      </c>
      <c r="J17276" s="1" t="s">
        <v>63669</v>
      </c>
    </row>
    <row r="17277" spans="1:10" x14ac:dyDescent="0.35">
      <c r="A17277" s="1" t="s">
        <v>63625</v>
      </c>
      <c r="B17277" s="1" t="s">
        <v>53796</v>
      </c>
      <c r="C17277" s="1" t="s">
        <v>90</v>
      </c>
      <c r="D17277" s="1" t="s">
        <v>63670</v>
      </c>
      <c r="E17277" s="1" t="s">
        <v>24288</v>
      </c>
      <c r="F17277" s="1" t="s">
        <v>63671</v>
      </c>
      <c r="G17277" s="1" t="s">
        <v>63628</v>
      </c>
      <c r="H17277" s="1" t="s">
        <v>63629</v>
      </c>
      <c r="I17277" s="1" t="s">
        <v>53800</v>
      </c>
      <c r="J17277" s="1" t="s">
        <v>63672</v>
      </c>
    </row>
    <row r="17278" spans="1:10" x14ac:dyDescent="0.35">
      <c r="A17278" s="1" t="s">
        <v>63625</v>
      </c>
      <c r="B17278" s="1" t="s">
        <v>53796</v>
      </c>
      <c r="C17278" s="1" t="s">
        <v>95</v>
      </c>
      <c r="D17278" s="1" t="s">
        <v>63673</v>
      </c>
      <c r="E17278" s="1" t="s">
        <v>12821</v>
      </c>
      <c r="F17278" s="1" t="s">
        <v>63674</v>
      </c>
      <c r="G17278" s="1" t="s">
        <v>63628</v>
      </c>
      <c r="H17278" s="1" t="s">
        <v>63629</v>
      </c>
      <c r="I17278" s="1" t="s">
        <v>53800</v>
      </c>
      <c r="J17278" s="1" t="s">
        <v>63675</v>
      </c>
    </row>
    <row r="17279" spans="1:10" x14ac:dyDescent="0.35">
      <c r="A17279" s="1" t="s">
        <v>63625</v>
      </c>
      <c r="B17279" s="1" t="s">
        <v>53796</v>
      </c>
      <c r="C17279" s="1" t="s">
        <v>100</v>
      </c>
      <c r="D17279" s="1" t="s">
        <v>63676</v>
      </c>
      <c r="E17279" s="1" t="s">
        <v>56141</v>
      </c>
      <c r="F17279" s="1" t="s">
        <v>63677</v>
      </c>
      <c r="G17279" s="1" t="s">
        <v>63628</v>
      </c>
      <c r="H17279" s="1" t="s">
        <v>63629</v>
      </c>
      <c r="I17279" s="1" t="s">
        <v>53800</v>
      </c>
      <c r="J17279" s="1" t="s">
        <v>63678</v>
      </c>
    </row>
    <row r="17280" spans="1:10" x14ac:dyDescent="0.35">
      <c r="A17280" s="1" t="s">
        <v>63625</v>
      </c>
      <c r="B17280" s="1" t="s">
        <v>53796</v>
      </c>
      <c r="C17280" s="1" t="s">
        <v>105</v>
      </c>
      <c r="D17280" s="1" t="s">
        <v>63679</v>
      </c>
      <c r="E17280" s="1" t="s">
        <v>41262</v>
      </c>
      <c r="F17280" s="1" t="s">
        <v>63680</v>
      </c>
      <c r="G17280" s="1" t="s">
        <v>63628</v>
      </c>
      <c r="H17280" s="1" t="s">
        <v>63629</v>
      </c>
      <c r="I17280" s="1" t="s">
        <v>53800</v>
      </c>
      <c r="J17280" s="1" t="s">
        <v>63681</v>
      </c>
    </row>
    <row r="17281" spans="1:10" x14ac:dyDescent="0.35">
      <c r="A17281" s="1" t="s">
        <v>63625</v>
      </c>
      <c r="B17281" s="1" t="s">
        <v>53796</v>
      </c>
      <c r="C17281" s="1" t="s">
        <v>110</v>
      </c>
      <c r="D17281" s="1" t="s">
        <v>63682</v>
      </c>
      <c r="E17281" s="1" t="s">
        <v>41578</v>
      </c>
      <c r="F17281" s="1" t="s">
        <v>63683</v>
      </c>
      <c r="G17281" s="1" t="s">
        <v>63628</v>
      </c>
      <c r="H17281" s="1" t="s">
        <v>63629</v>
      </c>
      <c r="I17281" s="1" t="s">
        <v>53800</v>
      </c>
      <c r="J17281" s="1" t="s">
        <v>63684</v>
      </c>
    </row>
    <row r="17282" spans="1:10" x14ac:dyDescent="0.35">
      <c r="A17282" s="1" t="s">
        <v>63625</v>
      </c>
      <c r="B17282" s="1" t="s">
        <v>53796</v>
      </c>
      <c r="C17282" s="1" t="s">
        <v>115</v>
      </c>
      <c r="D17282" s="1" t="s">
        <v>63685</v>
      </c>
      <c r="E17282" s="1" t="s">
        <v>26247</v>
      </c>
      <c r="F17282" s="1" t="s">
        <v>62852</v>
      </c>
      <c r="G17282" s="1" t="s">
        <v>63628</v>
      </c>
      <c r="H17282" s="1" t="s">
        <v>63629</v>
      </c>
      <c r="I17282" s="1" t="s">
        <v>53800</v>
      </c>
      <c r="J17282" s="1" t="s">
        <v>63686</v>
      </c>
    </row>
    <row r="17283" spans="1:10" x14ac:dyDescent="0.35">
      <c r="A17283" s="1" t="s">
        <v>63625</v>
      </c>
      <c r="B17283" s="1" t="s">
        <v>53796</v>
      </c>
      <c r="C17283" s="1" t="s">
        <v>120</v>
      </c>
      <c r="D17283" s="1" t="s">
        <v>63687</v>
      </c>
      <c r="E17283" s="1" t="s">
        <v>32320</v>
      </c>
      <c r="F17283" s="1" t="s">
        <v>63688</v>
      </c>
      <c r="G17283" s="1" t="s">
        <v>63628</v>
      </c>
      <c r="H17283" s="1" t="s">
        <v>63629</v>
      </c>
      <c r="I17283" s="1" t="s">
        <v>53800</v>
      </c>
      <c r="J17283" s="1" t="s">
        <v>63689</v>
      </c>
    </row>
    <row r="17284" spans="1:10" x14ac:dyDescent="0.35">
      <c r="A17284" s="1" t="s">
        <v>63625</v>
      </c>
      <c r="B17284" s="1" t="s">
        <v>53796</v>
      </c>
      <c r="C17284" s="1" t="s">
        <v>125</v>
      </c>
      <c r="D17284" s="1" t="s">
        <v>63690</v>
      </c>
      <c r="E17284" s="1" t="s">
        <v>12762</v>
      </c>
      <c r="F17284" s="1" t="s">
        <v>59763</v>
      </c>
      <c r="G17284" s="1" t="s">
        <v>63628</v>
      </c>
      <c r="H17284" s="1" t="s">
        <v>63629</v>
      </c>
      <c r="I17284" s="1" t="s">
        <v>53800</v>
      </c>
      <c r="J17284" s="1" t="s">
        <v>63691</v>
      </c>
    </row>
    <row r="17285" spans="1:10" x14ac:dyDescent="0.35">
      <c r="A17285" s="1" t="s">
        <v>63625</v>
      </c>
      <c r="B17285" s="1" t="s">
        <v>53796</v>
      </c>
      <c r="C17285" s="1" t="s">
        <v>130</v>
      </c>
      <c r="D17285" s="1" t="s">
        <v>63692</v>
      </c>
      <c r="E17285" s="1" t="s">
        <v>16138</v>
      </c>
      <c r="F17285" s="1" t="s">
        <v>31568</v>
      </c>
      <c r="G17285" s="1" t="s">
        <v>63628</v>
      </c>
      <c r="H17285" s="1" t="s">
        <v>63629</v>
      </c>
      <c r="I17285" s="1" t="s">
        <v>53800</v>
      </c>
      <c r="J17285" s="1" t="s">
        <v>63693</v>
      </c>
    </row>
    <row r="17286" spans="1:10" x14ac:dyDescent="0.35">
      <c r="A17286" s="1" t="s">
        <v>63625</v>
      </c>
      <c r="B17286" s="1" t="s">
        <v>53796</v>
      </c>
      <c r="C17286" s="1" t="s">
        <v>135</v>
      </c>
      <c r="D17286" s="1" t="s">
        <v>63694</v>
      </c>
      <c r="E17286" s="1" t="s">
        <v>54478</v>
      </c>
      <c r="F17286" s="1" t="s">
        <v>63695</v>
      </c>
      <c r="G17286" s="1" t="s">
        <v>63628</v>
      </c>
      <c r="H17286" s="1" t="s">
        <v>63629</v>
      </c>
      <c r="I17286" s="1" t="s">
        <v>53800</v>
      </c>
      <c r="J17286" s="1" t="s">
        <v>63696</v>
      </c>
    </row>
    <row r="17287" spans="1:10" x14ac:dyDescent="0.35">
      <c r="A17287" s="1" t="s">
        <v>63625</v>
      </c>
      <c r="B17287" s="1" t="s">
        <v>53796</v>
      </c>
      <c r="C17287" s="1" t="s">
        <v>140</v>
      </c>
      <c r="D17287" s="1" t="s">
        <v>63697</v>
      </c>
      <c r="E17287" s="1" t="s">
        <v>26435</v>
      </c>
      <c r="F17287" s="1" t="s">
        <v>63698</v>
      </c>
      <c r="G17287" s="1" t="s">
        <v>63628</v>
      </c>
      <c r="H17287" s="1" t="s">
        <v>63629</v>
      </c>
      <c r="I17287" s="1" t="s">
        <v>53800</v>
      </c>
      <c r="J17287" s="1" t="s">
        <v>63699</v>
      </c>
    </row>
    <row r="17288" spans="1:10" x14ac:dyDescent="0.35">
      <c r="A17288" s="1" t="s">
        <v>63625</v>
      </c>
      <c r="B17288" s="1" t="s">
        <v>53796</v>
      </c>
      <c r="C17288" s="1" t="s">
        <v>145</v>
      </c>
      <c r="D17288" s="1" t="s">
        <v>63700</v>
      </c>
      <c r="E17288" s="1" t="s">
        <v>60824</v>
      </c>
      <c r="F17288" s="1" t="s">
        <v>63701</v>
      </c>
      <c r="G17288" s="1" t="s">
        <v>63628</v>
      </c>
      <c r="H17288" s="1" t="s">
        <v>63629</v>
      </c>
      <c r="I17288" s="1" t="s">
        <v>53800</v>
      </c>
      <c r="J17288" s="1" t="s">
        <v>63702</v>
      </c>
    </row>
    <row r="17289" spans="1:10" x14ac:dyDescent="0.35">
      <c r="A17289" s="1" t="s">
        <v>63625</v>
      </c>
      <c r="B17289" s="1" t="s">
        <v>53796</v>
      </c>
      <c r="C17289" s="1" t="s">
        <v>150</v>
      </c>
      <c r="D17289" s="1" t="s">
        <v>63703</v>
      </c>
      <c r="E17289" s="1" t="s">
        <v>31445</v>
      </c>
      <c r="F17289" s="1" t="s">
        <v>63704</v>
      </c>
      <c r="G17289" s="1" t="s">
        <v>63628</v>
      </c>
      <c r="H17289" s="1" t="s">
        <v>63629</v>
      </c>
      <c r="I17289" s="1" t="s">
        <v>53800</v>
      </c>
      <c r="J17289" s="1" t="s">
        <v>63705</v>
      </c>
    </row>
    <row r="17290" spans="1:10" x14ac:dyDescent="0.35">
      <c r="A17290" s="1" t="s">
        <v>63625</v>
      </c>
      <c r="B17290" s="1" t="s">
        <v>53796</v>
      </c>
      <c r="C17290" s="1" t="s">
        <v>155</v>
      </c>
      <c r="D17290" s="1" t="s">
        <v>63706</v>
      </c>
      <c r="E17290" s="1" t="s">
        <v>15837</v>
      </c>
      <c r="F17290" s="1" t="s">
        <v>60768</v>
      </c>
      <c r="G17290" s="1" t="s">
        <v>63628</v>
      </c>
      <c r="H17290" s="1" t="s">
        <v>63629</v>
      </c>
      <c r="I17290" s="1" t="s">
        <v>53800</v>
      </c>
      <c r="J17290" s="1" t="s">
        <v>63707</v>
      </c>
    </row>
    <row r="17291" spans="1:10" x14ac:dyDescent="0.35">
      <c r="A17291" s="1" t="s">
        <v>63625</v>
      </c>
      <c r="B17291" s="1" t="s">
        <v>53796</v>
      </c>
      <c r="C17291" s="1" t="s">
        <v>160</v>
      </c>
      <c r="D17291" s="1" t="s">
        <v>54509</v>
      </c>
      <c r="E17291" s="1" t="s">
        <v>63708</v>
      </c>
      <c r="F17291" s="1" t="s">
        <v>63709</v>
      </c>
      <c r="G17291" s="1" t="s">
        <v>63628</v>
      </c>
      <c r="H17291" s="1" t="s">
        <v>63629</v>
      </c>
      <c r="I17291" s="1" t="s">
        <v>53800</v>
      </c>
      <c r="J17291" s="1" t="s">
        <v>63710</v>
      </c>
    </row>
    <row r="17292" spans="1:10" x14ac:dyDescent="0.35">
      <c r="A17292" s="1" t="s">
        <v>63625</v>
      </c>
      <c r="B17292" s="1" t="s">
        <v>53796</v>
      </c>
      <c r="C17292" s="1" t="s">
        <v>165</v>
      </c>
      <c r="D17292" s="1" t="s">
        <v>63711</v>
      </c>
      <c r="E17292" s="1" t="s">
        <v>41184</v>
      </c>
      <c r="F17292" s="1" t="s">
        <v>32991</v>
      </c>
      <c r="G17292" s="1" t="s">
        <v>63628</v>
      </c>
      <c r="H17292" s="1" t="s">
        <v>63629</v>
      </c>
      <c r="I17292" s="1" t="s">
        <v>53800</v>
      </c>
      <c r="J17292" s="1" t="s">
        <v>63712</v>
      </c>
    </row>
    <row r="17293" spans="1:10" x14ac:dyDescent="0.35">
      <c r="A17293" s="1" t="s">
        <v>63625</v>
      </c>
      <c r="B17293" s="1" t="s">
        <v>53796</v>
      </c>
      <c r="C17293" s="1" t="s">
        <v>170</v>
      </c>
      <c r="D17293" s="1" t="s">
        <v>60600</v>
      </c>
      <c r="E17293" s="1" t="s">
        <v>24254</v>
      </c>
      <c r="F17293" s="1" t="s">
        <v>63713</v>
      </c>
      <c r="G17293" s="1" t="s">
        <v>63628</v>
      </c>
      <c r="H17293" s="1" t="s">
        <v>63629</v>
      </c>
      <c r="I17293" s="1" t="s">
        <v>53800</v>
      </c>
      <c r="J17293" s="1" t="s">
        <v>63714</v>
      </c>
    </row>
    <row r="17294" spans="1:10" x14ac:dyDescent="0.35">
      <c r="A17294" s="1" t="s">
        <v>63715</v>
      </c>
      <c r="B17294" s="1" t="s">
        <v>53796</v>
      </c>
      <c r="C17294" s="1" t="s">
        <v>8</v>
      </c>
      <c r="D17294" s="1" t="s">
        <v>9472</v>
      </c>
      <c r="E17294" s="1" t="s">
        <v>56082</v>
      </c>
      <c r="F17294" s="1" t="s">
        <v>63716</v>
      </c>
      <c r="G17294" s="1" t="s">
        <v>63717</v>
      </c>
      <c r="H17294" s="1" t="s">
        <v>63718</v>
      </c>
      <c r="I17294" s="1" t="s">
        <v>53800</v>
      </c>
      <c r="J17294" s="1" t="s">
        <v>13</v>
      </c>
    </row>
    <row r="17295" spans="1:10" x14ac:dyDescent="0.35">
      <c r="A17295" s="1" t="s">
        <v>63715</v>
      </c>
      <c r="B17295" s="1" t="s">
        <v>53796</v>
      </c>
      <c r="C17295" s="1" t="s">
        <v>15</v>
      </c>
      <c r="D17295" s="1" t="s">
        <v>63719</v>
      </c>
      <c r="E17295" s="1" t="s">
        <v>41266</v>
      </c>
      <c r="F17295" s="1" t="s">
        <v>63720</v>
      </c>
      <c r="G17295" s="1" t="s">
        <v>63717</v>
      </c>
      <c r="H17295" s="1" t="s">
        <v>63718</v>
      </c>
      <c r="I17295" s="1" t="s">
        <v>53800</v>
      </c>
      <c r="J17295" s="1" t="s">
        <v>63721</v>
      </c>
    </row>
    <row r="17296" spans="1:10" x14ac:dyDescent="0.35">
      <c r="A17296" s="1" t="s">
        <v>63715</v>
      </c>
      <c r="B17296" s="1" t="s">
        <v>53796</v>
      </c>
      <c r="C17296" s="1" t="s">
        <v>20</v>
      </c>
      <c r="D17296" s="1" t="s">
        <v>63722</v>
      </c>
      <c r="E17296" s="1" t="s">
        <v>55198</v>
      </c>
      <c r="F17296" s="1" t="s">
        <v>55436</v>
      </c>
      <c r="G17296" s="1" t="s">
        <v>63717</v>
      </c>
      <c r="H17296" s="1" t="s">
        <v>63718</v>
      </c>
      <c r="I17296" s="1" t="s">
        <v>53800</v>
      </c>
      <c r="J17296" s="1" t="s">
        <v>63723</v>
      </c>
    </row>
    <row r="17297" spans="1:10" x14ac:dyDescent="0.35">
      <c r="A17297" s="1" t="s">
        <v>63715</v>
      </c>
      <c r="B17297" s="1" t="s">
        <v>53796</v>
      </c>
      <c r="C17297" s="1" t="s">
        <v>25</v>
      </c>
      <c r="D17297" s="1" t="s">
        <v>63724</v>
      </c>
      <c r="E17297" s="1" t="s">
        <v>24331</v>
      </c>
      <c r="F17297" s="1" t="s">
        <v>63725</v>
      </c>
      <c r="G17297" s="1" t="s">
        <v>63717</v>
      </c>
      <c r="H17297" s="1" t="s">
        <v>63718</v>
      </c>
      <c r="I17297" s="1" t="s">
        <v>53800</v>
      </c>
      <c r="J17297" s="1" t="s">
        <v>63726</v>
      </c>
    </row>
    <row r="17298" spans="1:10" x14ac:dyDescent="0.35">
      <c r="A17298" s="1" t="s">
        <v>63715</v>
      </c>
      <c r="B17298" s="1" t="s">
        <v>53796</v>
      </c>
      <c r="C17298" s="1" t="s">
        <v>30</v>
      </c>
      <c r="D17298" s="1" t="s">
        <v>50889</v>
      </c>
      <c r="E17298" s="1" t="s">
        <v>41425</v>
      </c>
      <c r="F17298" s="1" t="s">
        <v>63727</v>
      </c>
      <c r="G17298" s="1" t="s">
        <v>63717</v>
      </c>
      <c r="H17298" s="1" t="s">
        <v>63718</v>
      </c>
      <c r="I17298" s="1" t="s">
        <v>53800</v>
      </c>
      <c r="J17298" s="1" t="s">
        <v>63728</v>
      </c>
    </row>
    <row r="17299" spans="1:10" x14ac:dyDescent="0.35">
      <c r="A17299" s="1" t="s">
        <v>63715</v>
      </c>
      <c r="B17299" s="1" t="s">
        <v>53796</v>
      </c>
      <c r="C17299" s="1" t="s">
        <v>35</v>
      </c>
      <c r="D17299" s="1" t="s">
        <v>63729</v>
      </c>
      <c r="E17299" s="1" t="s">
        <v>59813</v>
      </c>
      <c r="F17299" s="1" t="s">
        <v>63730</v>
      </c>
      <c r="G17299" s="1" t="s">
        <v>63717</v>
      </c>
      <c r="H17299" s="1" t="s">
        <v>63718</v>
      </c>
      <c r="I17299" s="1" t="s">
        <v>53800</v>
      </c>
      <c r="J17299" s="1" t="s">
        <v>63731</v>
      </c>
    </row>
    <row r="17300" spans="1:10" x14ac:dyDescent="0.35">
      <c r="A17300" s="1" t="s">
        <v>63715</v>
      </c>
      <c r="B17300" s="1" t="s">
        <v>53796</v>
      </c>
      <c r="C17300" s="1" t="s">
        <v>40</v>
      </c>
      <c r="D17300" s="1" t="s">
        <v>63732</v>
      </c>
      <c r="E17300" s="1" t="s">
        <v>23855</v>
      </c>
      <c r="F17300" s="1" t="s">
        <v>63733</v>
      </c>
      <c r="G17300" s="1" t="s">
        <v>63717</v>
      </c>
      <c r="H17300" s="1" t="s">
        <v>63718</v>
      </c>
      <c r="I17300" s="1" t="s">
        <v>53800</v>
      </c>
      <c r="J17300" s="1" t="s">
        <v>63734</v>
      </c>
    </row>
    <row r="17301" spans="1:10" x14ac:dyDescent="0.35">
      <c r="A17301" s="1" t="s">
        <v>63715</v>
      </c>
      <c r="B17301" s="1" t="s">
        <v>53796</v>
      </c>
      <c r="C17301" s="1" t="s">
        <v>45</v>
      </c>
      <c r="D17301" s="1" t="s">
        <v>63735</v>
      </c>
      <c r="E17301" s="1" t="s">
        <v>63736</v>
      </c>
      <c r="F17301" s="1" t="s">
        <v>54780</v>
      </c>
      <c r="G17301" s="1" t="s">
        <v>63717</v>
      </c>
      <c r="H17301" s="1" t="s">
        <v>63718</v>
      </c>
      <c r="I17301" s="1" t="s">
        <v>53800</v>
      </c>
      <c r="J17301" s="1" t="s">
        <v>63737</v>
      </c>
    </row>
    <row r="17302" spans="1:10" x14ac:dyDescent="0.35">
      <c r="A17302" s="1" t="s">
        <v>63715</v>
      </c>
      <c r="B17302" s="1" t="s">
        <v>53796</v>
      </c>
      <c r="C17302" s="1" t="s">
        <v>50</v>
      </c>
      <c r="D17302" s="1" t="s">
        <v>63738</v>
      </c>
      <c r="E17302" s="1" t="s">
        <v>56956</v>
      </c>
      <c r="F17302" s="1" t="s">
        <v>63739</v>
      </c>
      <c r="G17302" s="1" t="s">
        <v>63717</v>
      </c>
      <c r="H17302" s="1" t="s">
        <v>63718</v>
      </c>
      <c r="I17302" s="1" t="s">
        <v>53800</v>
      </c>
      <c r="J17302" s="1" t="s">
        <v>63740</v>
      </c>
    </row>
    <row r="17303" spans="1:10" x14ac:dyDescent="0.35">
      <c r="A17303" s="1" t="s">
        <v>63715</v>
      </c>
      <c r="B17303" s="1" t="s">
        <v>53796</v>
      </c>
      <c r="C17303" s="1" t="s">
        <v>55</v>
      </c>
      <c r="D17303" s="1" t="s">
        <v>63741</v>
      </c>
      <c r="E17303" s="1" t="s">
        <v>58396</v>
      </c>
      <c r="F17303" s="1" t="s">
        <v>63742</v>
      </c>
      <c r="G17303" s="1" t="s">
        <v>63717</v>
      </c>
      <c r="H17303" s="1" t="s">
        <v>63718</v>
      </c>
      <c r="I17303" s="1" t="s">
        <v>53800</v>
      </c>
      <c r="J17303" s="1" t="s">
        <v>63743</v>
      </c>
    </row>
    <row r="17304" spans="1:10" x14ac:dyDescent="0.35">
      <c r="A17304" s="1" t="s">
        <v>63715</v>
      </c>
      <c r="B17304" s="1" t="s">
        <v>53796</v>
      </c>
      <c r="C17304" s="1" t="s">
        <v>60</v>
      </c>
      <c r="D17304" s="1" t="s">
        <v>63744</v>
      </c>
      <c r="E17304" s="1" t="s">
        <v>60240</v>
      </c>
      <c r="F17304" s="1" t="s">
        <v>63745</v>
      </c>
      <c r="G17304" s="1" t="s">
        <v>63717</v>
      </c>
      <c r="H17304" s="1" t="s">
        <v>63718</v>
      </c>
      <c r="I17304" s="1" t="s">
        <v>53800</v>
      </c>
      <c r="J17304" s="1" t="s">
        <v>63746</v>
      </c>
    </row>
    <row r="17305" spans="1:10" x14ac:dyDescent="0.35">
      <c r="A17305" s="1" t="s">
        <v>63715</v>
      </c>
      <c r="B17305" s="1" t="s">
        <v>53796</v>
      </c>
      <c r="C17305" s="1" t="s">
        <v>65</v>
      </c>
      <c r="D17305" s="1" t="s">
        <v>63747</v>
      </c>
      <c r="E17305" s="1" t="s">
        <v>21787</v>
      </c>
      <c r="F17305" s="1" t="s">
        <v>63748</v>
      </c>
      <c r="G17305" s="1" t="s">
        <v>63717</v>
      </c>
      <c r="H17305" s="1" t="s">
        <v>63718</v>
      </c>
      <c r="I17305" s="1" t="s">
        <v>53800</v>
      </c>
      <c r="J17305" s="1" t="s">
        <v>63749</v>
      </c>
    </row>
    <row r="17306" spans="1:10" x14ac:dyDescent="0.35">
      <c r="A17306" s="1" t="s">
        <v>63715</v>
      </c>
      <c r="B17306" s="1" t="s">
        <v>53796</v>
      </c>
      <c r="C17306" s="1" t="s">
        <v>70</v>
      </c>
      <c r="D17306" s="1" t="s">
        <v>26360</v>
      </c>
      <c r="E17306" s="1" t="s">
        <v>22056</v>
      </c>
      <c r="F17306" s="1" t="s">
        <v>63750</v>
      </c>
      <c r="G17306" s="1" t="s">
        <v>63717</v>
      </c>
      <c r="H17306" s="1" t="s">
        <v>63718</v>
      </c>
      <c r="I17306" s="1" t="s">
        <v>53800</v>
      </c>
      <c r="J17306" s="1" t="s">
        <v>63751</v>
      </c>
    </row>
    <row r="17307" spans="1:10" x14ac:dyDescent="0.35">
      <c r="A17307" s="1" t="s">
        <v>63715</v>
      </c>
      <c r="B17307" s="1" t="s">
        <v>53796</v>
      </c>
      <c r="C17307" s="1" t="s">
        <v>75</v>
      </c>
      <c r="D17307" s="1" t="s">
        <v>26429</v>
      </c>
      <c r="E17307" s="1" t="s">
        <v>21822</v>
      </c>
      <c r="F17307" s="1" t="s">
        <v>57996</v>
      </c>
      <c r="G17307" s="1" t="s">
        <v>63717</v>
      </c>
      <c r="H17307" s="1" t="s">
        <v>63718</v>
      </c>
      <c r="I17307" s="1" t="s">
        <v>53800</v>
      </c>
      <c r="J17307" s="1" t="s">
        <v>63752</v>
      </c>
    </row>
    <row r="17308" spans="1:10" x14ac:dyDescent="0.35">
      <c r="A17308" s="1" t="s">
        <v>63715</v>
      </c>
      <c r="B17308" s="1" t="s">
        <v>53796</v>
      </c>
      <c r="C17308" s="1" t="s">
        <v>80</v>
      </c>
      <c r="D17308" s="1" t="s">
        <v>63753</v>
      </c>
      <c r="E17308" s="1" t="s">
        <v>41316</v>
      </c>
      <c r="F17308" s="1" t="s">
        <v>63754</v>
      </c>
      <c r="G17308" s="1" t="s">
        <v>63717</v>
      </c>
      <c r="H17308" s="1" t="s">
        <v>63718</v>
      </c>
      <c r="I17308" s="1" t="s">
        <v>53800</v>
      </c>
      <c r="J17308" s="1" t="s">
        <v>63755</v>
      </c>
    </row>
    <row r="17309" spans="1:10" x14ac:dyDescent="0.35">
      <c r="A17309" s="1" t="s">
        <v>63715</v>
      </c>
      <c r="B17309" s="1" t="s">
        <v>53796</v>
      </c>
      <c r="C17309" s="1" t="s">
        <v>85</v>
      </c>
      <c r="D17309" s="1" t="s">
        <v>63756</v>
      </c>
      <c r="E17309" s="1" t="s">
        <v>55869</v>
      </c>
      <c r="F17309" s="1" t="s">
        <v>23214</v>
      </c>
      <c r="G17309" s="1" t="s">
        <v>63717</v>
      </c>
      <c r="H17309" s="1" t="s">
        <v>63718</v>
      </c>
      <c r="I17309" s="1" t="s">
        <v>53800</v>
      </c>
      <c r="J17309" s="1" t="s">
        <v>63757</v>
      </c>
    </row>
    <row r="17310" spans="1:10" x14ac:dyDescent="0.35">
      <c r="A17310" s="1" t="s">
        <v>63715</v>
      </c>
      <c r="B17310" s="1" t="s">
        <v>53796</v>
      </c>
      <c r="C17310" s="1" t="s">
        <v>90</v>
      </c>
      <c r="D17310" s="1" t="s">
        <v>63758</v>
      </c>
      <c r="E17310" s="1" t="s">
        <v>15349</v>
      </c>
      <c r="F17310" s="1" t="s">
        <v>63759</v>
      </c>
      <c r="G17310" s="1" t="s">
        <v>63717</v>
      </c>
      <c r="H17310" s="1" t="s">
        <v>63718</v>
      </c>
      <c r="I17310" s="1" t="s">
        <v>53800</v>
      </c>
      <c r="J17310" s="1" t="s">
        <v>63760</v>
      </c>
    </row>
    <row r="17311" spans="1:10" x14ac:dyDescent="0.35">
      <c r="A17311" s="1" t="s">
        <v>63715</v>
      </c>
      <c r="B17311" s="1" t="s">
        <v>53796</v>
      </c>
      <c r="C17311" s="1" t="s">
        <v>95</v>
      </c>
      <c r="D17311" s="1" t="s">
        <v>63761</v>
      </c>
      <c r="E17311" s="1" t="s">
        <v>15340</v>
      </c>
      <c r="F17311" s="1" t="s">
        <v>63762</v>
      </c>
      <c r="G17311" s="1" t="s">
        <v>63717</v>
      </c>
      <c r="H17311" s="1" t="s">
        <v>63718</v>
      </c>
      <c r="I17311" s="1" t="s">
        <v>53800</v>
      </c>
      <c r="J17311" s="1" t="s">
        <v>63763</v>
      </c>
    </row>
    <row r="17312" spans="1:10" x14ac:dyDescent="0.35">
      <c r="A17312" s="1" t="s">
        <v>63715</v>
      </c>
      <c r="B17312" s="1" t="s">
        <v>53796</v>
      </c>
      <c r="C17312" s="1" t="s">
        <v>100</v>
      </c>
      <c r="D17312" s="1" t="s">
        <v>63764</v>
      </c>
      <c r="E17312" s="1" t="s">
        <v>41152</v>
      </c>
      <c r="F17312" s="1" t="s">
        <v>62177</v>
      </c>
      <c r="G17312" s="1" t="s">
        <v>63717</v>
      </c>
      <c r="H17312" s="1" t="s">
        <v>63718</v>
      </c>
      <c r="I17312" s="1" t="s">
        <v>53800</v>
      </c>
      <c r="J17312" s="1" t="s">
        <v>63765</v>
      </c>
    </row>
    <row r="17313" spans="1:10" x14ac:dyDescent="0.35">
      <c r="A17313" s="1" t="s">
        <v>63715</v>
      </c>
      <c r="B17313" s="1" t="s">
        <v>53796</v>
      </c>
      <c r="C17313" s="1" t="s">
        <v>105</v>
      </c>
      <c r="D17313" s="1" t="s">
        <v>63766</v>
      </c>
      <c r="E17313" s="1" t="s">
        <v>63767</v>
      </c>
      <c r="F17313" s="1" t="s">
        <v>24344</v>
      </c>
      <c r="G17313" s="1" t="s">
        <v>63717</v>
      </c>
      <c r="H17313" s="1" t="s">
        <v>63718</v>
      </c>
      <c r="I17313" s="1" t="s">
        <v>53800</v>
      </c>
      <c r="J17313" s="1" t="s">
        <v>63768</v>
      </c>
    </row>
    <row r="17314" spans="1:10" x14ac:dyDescent="0.35">
      <c r="A17314" s="1" t="s">
        <v>63715</v>
      </c>
      <c r="B17314" s="1" t="s">
        <v>53796</v>
      </c>
      <c r="C17314" s="1" t="s">
        <v>110</v>
      </c>
      <c r="D17314" s="1" t="s">
        <v>63769</v>
      </c>
      <c r="E17314" s="1" t="s">
        <v>63770</v>
      </c>
      <c r="F17314" s="1" t="s">
        <v>56237</v>
      </c>
      <c r="G17314" s="1" t="s">
        <v>63717</v>
      </c>
      <c r="H17314" s="1" t="s">
        <v>63718</v>
      </c>
      <c r="I17314" s="1" t="s">
        <v>53800</v>
      </c>
      <c r="J17314" s="1" t="s">
        <v>63771</v>
      </c>
    </row>
    <row r="17315" spans="1:10" x14ac:dyDescent="0.35">
      <c r="A17315" s="1" t="s">
        <v>63715</v>
      </c>
      <c r="B17315" s="1" t="s">
        <v>53796</v>
      </c>
      <c r="C17315" s="1" t="s">
        <v>115</v>
      </c>
      <c r="D17315" s="1" t="s">
        <v>63772</v>
      </c>
      <c r="E17315" s="1" t="s">
        <v>56966</v>
      </c>
      <c r="F17315" s="1" t="s">
        <v>63773</v>
      </c>
      <c r="G17315" s="1" t="s">
        <v>63717</v>
      </c>
      <c r="H17315" s="1" t="s">
        <v>63718</v>
      </c>
      <c r="I17315" s="1" t="s">
        <v>53800</v>
      </c>
      <c r="J17315" s="1" t="s">
        <v>63774</v>
      </c>
    </row>
    <row r="17316" spans="1:10" x14ac:dyDescent="0.35">
      <c r="A17316" s="1" t="s">
        <v>63715</v>
      </c>
      <c r="B17316" s="1" t="s">
        <v>53796</v>
      </c>
      <c r="C17316" s="1" t="s">
        <v>120</v>
      </c>
      <c r="D17316" s="1" t="s">
        <v>63775</v>
      </c>
      <c r="E17316" s="1" t="s">
        <v>31365</v>
      </c>
      <c r="F17316" s="1" t="s">
        <v>63776</v>
      </c>
      <c r="G17316" s="1" t="s">
        <v>63717</v>
      </c>
      <c r="H17316" s="1" t="s">
        <v>63718</v>
      </c>
      <c r="I17316" s="1" t="s">
        <v>53800</v>
      </c>
      <c r="J17316" s="1" t="s">
        <v>63777</v>
      </c>
    </row>
    <row r="17317" spans="1:10" x14ac:dyDescent="0.35">
      <c r="A17317" s="1" t="s">
        <v>63715</v>
      </c>
      <c r="B17317" s="1" t="s">
        <v>53796</v>
      </c>
      <c r="C17317" s="1" t="s">
        <v>125</v>
      </c>
      <c r="D17317" s="1" t="s">
        <v>63778</v>
      </c>
      <c r="E17317" s="1" t="s">
        <v>41305</v>
      </c>
      <c r="F17317" s="1" t="s">
        <v>56590</v>
      </c>
      <c r="G17317" s="1" t="s">
        <v>63717</v>
      </c>
      <c r="H17317" s="1" t="s">
        <v>63718</v>
      </c>
      <c r="I17317" s="1" t="s">
        <v>53800</v>
      </c>
      <c r="J17317" s="1" t="s">
        <v>63779</v>
      </c>
    </row>
    <row r="17318" spans="1:10" x14ac:dyDescent="0.35">
      <c r="A17318" s="1" t="s">
        <v>63715</v>
      </c>
      <c r="B17318" s="1" t="s">
        <v>53796</v>
      </c>
      <c r="C17318" s="1" t="s">
        <v>130</v>
      </c>
      <c r="D17318" s="1" t="s">
        <v>63780</v>
      </c>
      <c r="E17318" s="1" t="s">
        <v>62090</v>
      </c>
      <c r="F17318" s="1" t="s">
        <v>57576</v>
      </c>
      <c r="G17318" s="1" t="s">
        <v>63717</v>
      </c>
      <c r="H17318" s="1" t="s">
        <v>63718</v>
      </c>
      <c r="I17318" s="1" t="s">
        <v>53800</v>
      </c>
      <c r="J17318" s="1" t="s">
        <v>63781</v>
      </c>
    </row>
    <row r="17319" spans="1:10" x14ac:dyDescent="0.35">
      <c r="A17319" s="1" t="s">
        <v>63715</v>
      </c>
      <c r="B17319" s="1" t="s">
        <v>53796</v>
      </c>
      <c r="C17319" s="1" t="s">
        <v>135</v>
      </c>
      <c r="D17319" s="1" t="s">
        <v>63782</v>
      </c>
      <c r="E17319" s="1" t="s">
        <v>24384</v>
      </c>
      <c r="F17319" s="1" t="s">
        <v>63783</v>
      </c>
      <c r="G17319" s="1" t="s">
        <v>63717</v>
      </c>
      <c r="H17319" s="1" t="s">
        <v>63718</v>
      </c>
      <c r="I17319" s="1" t="s">
        <v>53800</v>
      </c>
      <c r="J17319" s="1" t="s">
        <v>63784</v>
      </c>
    </row>
    <row r="17320" spans="1:10" x14ac:dyDescent="0.35">
      <c r="A17320" s="1" t="s">
        <v>63715</v>
      </c>
      <c r="B17320" s="1" t="s">
        <v>53796</v>
      </c>
      <c r="C17320" s="1" t="s">
        <v>140</v>
      </c>
      <c r="D17320" s="1" t="s">
        <v>43570</v>
      </c>
      <c r="E17320" s="1" t="s">
        <v>63785</v>
      </c>
      <c r="F17320" s="1" t="s">
        <v>63786</v>
      </c>
      <c r="G17320" s="1" t="s">
        <v>63717</v>
      </c>
      <c r="H17320" s="1" t="s">
        <v>63718</v>
      </c>
      <c r="I17320" s="1" t="s">
        <v>53800</v>
      </c>
      <c r="J17320" s="1" t="s">
        <v>63787</v>
      </c>
    </row>
    <row r="17321" spans="1:10" x14ac:dyDescent="0.35">
      <c r="A17321" s="1" t="s">
        <v>63715</v>
      </c>
      <c r="B17321" s="1" t="s">
        <v>53796</v>
      </c>
      <c r="C17321" s="1" t="s">
        <v>145</v>
      </c>
      <c r="D17321" s="1" t="s">
        <v>63788</v>
      </c>
      <c r="E17321" s="1" t="s">
        <v>41344</v>
      </c>
      <c r="F17321" s="1" t="s">
        <v>63789</v>
      </c>
      <c r="G17321" s="1" t="s">
        <v>63717</v>
      </c>
      <c r="H17321" s="1" t="s">
        <v>63718</v>
      </c>
      <c r="I17321" s="1" t="s">
        <v>53800</v>
      </c>
      <c r="J17321" s="1" t="s">
        <v>63790</v>
      </c>
    </row>
    <row r="17322" spans="1:10" x14ac:dyDescent="0.35">
      <c r="A17322" s="1" t="s">
        <v>63715</v>
      </c>
      <c r="B17322" s="1" t="s">
        <v>53796</v>
      </c>
      <c r="C17322" s="1" t="s">
        <v>150</v>
      </c>
      <c r="D17322" s="1" t="s">
        <v>63791</v>
      </c>
      <c r="E17322" s="1" t="s">
        <v>59567</v>
      </c>
      <c r="F17322" s="1" t="s">
        <v>63792</v>
      </c>
      <c r="G17322" s="1" t="s">
        <v>63717</v>
      </c>
      <c r="H17322" s="1" t="s">
        <v>63718</v>
      </c>
      <c r="I17322" s="1" t="s">
        <v>53800</v>
      </c>
      <c r="J17322" s="1" t="s">
        <v>63793</v>
      </c>
    </row>
    <row r="17323" spans="1:10" x14ac:dyDescent="0.35">
      <c r="A17323" s="1" t="s">
        <v>63715</v>
      </c>
      <c r="B17323" s="1" t="s">
        <v>53796</v>
      </c>
      <c r="C17323" s="1" t="s">
        <v>155</v>
      </c>
      <c r="D17323" s="1" t="s">
        <v>63794</v>
      </c>
      <c r="E17323" s="1" t="s">
        <v>16087</v>
      </c>
      <c r="F17323" s="1" t="s">
        <v>63795</v>
      </c>
      <c r="G17323" s="1" t="s">
        <v>63717</v>
      </c>
      <c r="H17323" s="1" t="s">
        <v>63718</v>
      </c>
      <c r="I17323" s="1" t="s">
        <v>53800</v>
      </c>
      <c r="J17323" s="1" t="s">
        <v>63796</v>
      </c>
    </row>
    <row r="17324" spans="1:10" x14ac:dyDescent="0.35">
      <c r="A17324" s="1" t="s">
        <v>63715</v>
      </c>
      <c r="B17324" s="1" t="s">
        <v>53796</v>
      </c>
      <c r="C17324" s="1" t="s">
        <v>160</v>
      </c>
      <c r="D17324" s="1" t="s">
        <v>63797</v>
      </c>
      <c r="E17324" s="1" t="s">
        <v>56931</v>
      </c>
      <c r="F17324" s="1" t="s">
        <v>26174</v>
      </c>
      <c r="G17324" s="1" t="s">
        <v>63717</v>
      </c>
      <c r="H17324" s="1" t="s">
        <v>63718</v>
      </c>
      <c r="I17324" s="1" t="s">
        <v>53800</v>
      </c>
      <c r="J17324" s="1" t="s">
        <v>63798</v>
      </c>
    </row>
    <row r="17325" spans="1:10" x14ac:dyDescent="0.35">
      <c r="A17325" s="1" t="s">
        <v>63715</v>
      </c>
      <c r="B17325" s="1" t="s">
        <v>53796</v>
      </c>
      <c r="C17325" s="1" t="s">
        <v>165</v>
      </c>
      <c r="D17325" s="1" t="s">
        <v>63799</v>
      </c>
      <c r="E17325" s="1" t="s">
        <v>54038</v>
      </c>
      <c r="F17325" s="1" t="s">
        <v>63800</v>
      </c>
      <c r="G17325" s="1" t="s">
        <v>63717</v>
      </c>
      <c r="H17325" s="1" t="s">
        <v>63718</v>
      </c>
      <c r="I17325" s="1" t="s">
        <v>53800</v>
      </c>
      <c r="J17325" s="1" t="s">
        <v>63801</v>
      </c>
    </row>
    <row r="17326" spans="1:10" x14ac:dyDescent="0.35">
      <c r="A17326" s="1" t="s">
        <v>63715</v>
      </c>
      <c r="B17326" s="1" t="s">
        <v>53796</v>
      </c>
      <c r="C17326" s="1" t="s">
        <v>170</v>
      </c>
      <c r="D17326" s="1" t="s">
        <v>24509</v>
      </c>
      <c r="E17326" s="1" t="s">
        <v>55452</v>
      </c>
      <c r="F17326" s="1" t="s">
        <v>11793</v>
      </c>
      <c r="G17326" s="1" t="s">
        <v>63717</v>
      </c>
      <c r="H17326" s="1" t="s">
        <v>63718</v>
      </c>
      <c r="I17326" s="1" t="s">
        <v>53800</v>
      </c>
      <c r="J17326" s="1" t="s">
        <v>63802</v>
      </c>
    </row>
    <row r="17327" spans="1:10" x14ac:dyDescent="0.35">
      <c r="A17327" s="1" t="s">
        <v>63803</v>
      </c>
      <c r="B17327" s="1" t="s">
        <v>53796</v>
      </c>
      <c r="C17327" s="1" t="s">
        <v>8</v>
      </c>
      <c r="D17327" s="1" t="s">
        <v>63804</v>
      </c>
      <c r="E17327" s="1" t="s">
        <v>24331</v>
      </c>
      <c r="F17327" s="1" t="s">
        <v>63805</v>
      </c>
      <c r="G17327" s="1" t="s">
        <v>63806</v>
      </c>
      <c r="H17327" s="1" t="s">
        <v>63807</v>
      </c>
      <c r="I17327" s="1" t="s">
        <v>53800</v>
      </c>
      <c r="J17327" s="1" t="s">
        <v>13</v>
      </c>
    </row>
    <row r="17328" spans="1:10" x14ac:dyDescent="0.35">
      <c r="A17328" s="1" t="s">
        <v>63803</v>
      </c>
      <c r="B17328" s="1" t="s">
        <v>53796</v>
      </c>
      <c r="C17328" s="1" t="s">
        <v>15</v>
      </c>
      <c r="D17328" s="1" t="s">
        <v>63808</v>
      </c>
      <c r="E17328" s="1" t="s">
        <v>41494</v>
      </c>
      <c r="F17328" s="1" t="s">
        <v>27123</v>
      </c>
      <c r="G17328" s="1" t="s">
        <v>63806</v>
      </c>
      <c r="H17328" s="1" t="s">
        <v>63807</v>
      </c>
      <c r="I17328" s="1" t="s">
        <v>53800</v>
      </c>
      <c r="J17328" s="1" t="s">
        <v>63809</v>
      </c>
    </row>
    <row r="17329" spans="1:10" x14ac:dyDescent="0.35">
      <c r="A17329" s="1" t="s">
        <v>63803</v>
      </c>
      <c r="B17329" s="1" t="s">
        <v>53796</v>
      </c>
      <c r="C17329" s="1" t="s">
        <v>20</v>
      </c>
      <c r="D17329" s="1" t="s">
        <v>63810</v>
      </c>
      <c r="E17329" s="1" t="s">
        <v>21182</v>
      </c>
      <c r="F17329" s="1" t="s">
        <v>63811</v>
      </c>
      <c r="G17329" s="1" t="s">
        <v>63806</v>
      </c>
      <c r="H17329" s="1" t="s">
        <v>63807</v>
      </c>
      <c r="I17329" s="1" t="s">
        <v>53800</v>
      </c>
      <c r="J17329" s="1" t="s">
        <v>63812</v>
      </c>
    </row>
    <row r="17330" spans="1:10" x14ac:dyDescent="0.35">
      <c r="A17330" s="1" t="s">
        <v>63803</v>
      </c>
      <c r="B17330" s="1" t="s">
        <v>53796</v>
      </c>
      <c r="C17330" s="1" t="s">
        <v>25</v>
      </c>
      <c r="D17330" s="1" t="s">
        <v>63813</v>
      </c>
      <c r="E17330" s="1" t="s">
        <v>60319</v>
      </c>
      <c r="F17330" s="1" t="s">
        <v>63814</v>
      </c>
      <c r="G17330" s="1" t="s">
        <v>63806</v>
      </c>
      <c r="H17330" s="1" t="s">
        <v>63807</v>
      </c>
      <c r="I17330" s="1" t="s">
        <v>53800</v>
      </c>
      <c r="J17330" s="1" t="s">
        <v>63815</v>
      </c>
    </row>
    <row r="17331" spans="1:10" x14ac:dyDescent="0.35">
      <c r="A17331" s="1" t="s">
        <v>63803</v>
      </c>
      <c r="B17331" s="1" t="s">
        <v>53796</v>
      </c>
      <c r="C17331" s="1" t="s">
        <v>30</v>
      </c>
      <c r="D17331" s="1" t="s">
        <v>63816</v>
      </c>
      <c r="E17331" s="1" t="s">
        <v>53920</v>
      </c>
      <c r="F17331" s="1" t="s">
        <v>63817</v>
      </c>
      <c r="G17331" s="1" t="s">
        <v>63806</v>
      </c>
      <c r="H17331" s="1" t="s">
        <v>63807</v>
      </c>
      <c r="I17331" s="1" t="s">
        <v>53800</v>
      </c>
      <c r="J17331" s="1" t="s">
        <v>63818</v>
      </c>
    </row>
    <row r="17332" spans="1:10" x14ac:dyDescent="0.35">
      <c r="A17332" s="1" t="s">
        <v>63803</v>
      </c>
      <c r="B17332" s="1" t="s">
        <v>53796</v>
      </c>
      <c r="C17332" s="1" t="s">
        <v>35</v>
      </c>
      <c r="D17332" s="1" t="s">
        <v>63819</v>
      </c>
      <c r="E17332" s="1" t="s">
        <v>41490</v>
      </c>
      <c r="F17332" s="1" t="s">
        <v>63820</v>
      </c>
      <c r="G17332" s="1" t="s">
        <v>63806</v>
      </c>
      <c r="H17332" s="1" t="s">
        <v>63807</v>
      </c>
      <c r="I17332" s="1" t="s">
        <v>53800</v>
      </c>
      <c r="J17332" s="1" t="s">
        <v>63821</v>
      </c>
    </row>
    <row r="17333" spans="1:10" x14ac:dyDescent="0.35">
      <c r="A17333" s="1" t="s">
        <v>63803</v>
      </c>
      <c r="B17333" s="1" t="s">
        <v>53796</v>
      </c>
      <c r="C17333" s="1" t="s">
        <v>40</v>
      </c>
      <c r="D17333" s="1" t="s">
        <v>63822</v>
      </c>
      <c r="E17333" s="1" t="s">
        <v>55015</v>
      </c>
      <c r="F17333" s="1" t="s">
        <v>63823</v>
      </c>
      <c r="G17333" s="1" t="s">
        <v>63806</v>
      </c>
      <c r="H17333" s="1" t="s">
        <v>63807</v>
      </c>
      <c r="I17333" s="1" t="s">
        <v>53800</v>
      </c>
      <c r="J17333" s="1" t="s">
        <v>63824</v>
      </c>
    </row>
    <row r="17334" spans="1:10" x14ac:dyDescent="0.35">
      <c r="A17334" s="1" t="s">
        <v>63803</v>
      </c>
      <c r="B17334" s="1" t="s">
        <v>53796</v>
      </c>
      <c r="C17334" s="1" t="s">
        <v>45</v>
      </c>
      <c r="D17334" s="1" t="s">
        <v>63825</v>
      </c>
      <c r="E17334" s="1" t="s">
        <v>22018</v>
      </c>
      <c r="F17334" s="1" t="s">
        <v>63826</v>
      </c>
      <c r="G17334" s="1" t="s">
        <v>63806</v>
      </c>
      <c r="H17334" s="1" t="s">
        <v>63807</v>
      </c>
      <c r="I17334" s="1" t="s">
        <v>53800</v>
      </c>
      <c r="J17334" s="1" t="s">
        <v>63827</v>
      </c>
    </row>
    <row r="17335" spans="1:10" x14ac:dyDescent="0.35">
      <c r="A17335" s="1" t="s">
        <v>63803</v>
      </c>
      <c r="B17335" s="1" t="s">
        <v>53796</v>
      </c>
      <c r="C17335" s="1" t="s">
        <v>50</v>
      </c>
      <c r="D17335" s="1" t="s">
        <v>63828</v>
      </c>
      <c r="E17335" s="1" t="s">
        <v>21883</v>
      </c>
      <c r="F17335" s="1" t="s">
        <v>63829</v>
      </c>
      <c r="G17335" s="1" t="s">
        <v>63806</v>
      </c>
      <c r="H17335" s="1" t="s">
        <v>63807</v>
      </c>
      <c r="I17335" s="1" t="s">
        <v>53800</v>
      </c>
      <c r="J17335" s="1" t="s">
        <v>63830</v>
      </c>
    </row>
    <row r="17336" spans="1:10" x14ac:dyDescent="0.35">
      <c r="A17336" s="1" t="s">
        <v>63803</v>
      </c>
      <c r="B17336" s="1" t="s">
        <v>53796</v>
      </c>
      <c r="C17336" s="1" t="s">
        <v>55</v>
      </c>
      <c r="D17336" s="1" t="s">
        <v>63831</v>
      </c>
      <c r="E17336" s="1" t="s">
        <v>55007</v>
      </c>
      <c r="F17336" s="1" t="s">
        <v>63832</v>
      </c>
      <c r="G17336" s="1" t="s">
        <v>63806</v>
      </c>
      <c r="H17336" s="1" t="s">
        <v>63807</v>
      </c>
      <c r="I17336" s="1" t="s">
        <v>53800</v>
      </c>
      <c r="J17336" s="1" t="s">
        <v>63833</v>
      </c>
    </row>
    <row r="17337" spans="1:10" x14ac:dyDescent="0.35">
      <c r="A17337" s="1" t="s">
        <v>63803</v>
      </c>
      <c r="B17337" s="1" t="s">
        <v>53796</v>
      </c>
      <c r="C17337" s="1" t="s">
        <v>60</v>
      </c>
      <c r="D17337" s="1" t="s">
        <v>23497</v>
      </c>
      <c r="E17337" s="1" t="s">
        <v>21910</v>
      </c>
      <c r="F17337" s="1" t="s">
        <v>63834</v>
      </c>
      <c r="G17337" s="1" t="s">
        <v>63806</v>
      </c>
      <c r="H17337" s="1" t="s">
        <v>63807</v>
      </c>
      <c r="I17337" s="1" t="s">
        <v>53800</v>
      </c>
      <c r="J17337" s="1" t="s">
        <v>63835</v>
      </c>
    </row>
    <row r="17338" spans="1:10" x14ac:dyDescent="0.35">
      <c r="A17338" s="1" t="s">
        <v>63803</v>
      </c>
      <c r="B17338" s="1" t="s">
        <v>53796</v>
      </c>
      <c r="C17338" s="1" t="s">
        <v>65</v>
      </c>
      <c r="D17338" s="1" t="s">
        <v>63836</v>
      </c>
      <c r="E17338" s="1" t="s">
        <v>52543</v>
      </c>
      <c r="F17338" s="1" t="s">
        <v>63837</v>
      </c>
      <c r="G17338" s="1" t="s">
        <v>63806</v>
      </c>
      <c r="H17338" s="1" t="s">
        <v>63807</v>
      </c>
      <c r="I17338" s="1" t="s">
        <v>53800</v>
      </c>
      <c r="J17338" s="1" t="s">
        <v>63838</v>
      </c>
    </row>
    <row r="17339" spans="1:10" x14ac:dyDescent="0.35">
      <c r="A17339" s="1" t="s">
        <v>63803</v>
      </c>
      <c r="B17339" s="1" t="s">
        <v>53796</v>
      </c>
      <c r="C17339" s="1" t="s">
        <v>70</v>
      </c>
      <c r="D17339" s="1" t="s">
        <v>63839</v>
      </c>
      <c r="E17339" s="1" t="s">
        <v>21757</v>
      </c>
      <c r="F17339" s="1" t="s">
        <v>63840</v>
      </c>
      <c r="G17339" s="1" t="s">
        <v>63806</v>
      </c>
      <c r="H17339" s="1" t="s">
        <v>63807</v>
      </c>
      <c r="I17339" s="1" t="s">
        <v>53800</v>
      </c>
      <c r="J17339" s="1" t="s">
        <v>63841</v>
      </c>
    </row>
    <row r="17340" spans="1:10" x14ac:dyDescent="0.35">
      <c r="A17340" s="1" t="s">
        <v>63803</v>
      </c>
      <c r="B17340" s="1" t="s">
        <v>53796</v>
      </c>
      <c r="C17340" s="1" t="s">
        <v>75</v>
      </c>
      <c r="D17340" s="1" t="s">
        <v>63842</v>
      </c>
      <c r="E17340" s="1" t="s">
        <v>63843</v>
      </c>
      <c r="F17340" s="1" t="s">
        <v>63844</v>
      </c>
      <c r="G17340" s="1" t="s">
        <v>63806</v>
      </c>
      <c r="H17340" s="1" t="s">
        <v>63807</v>
      </c>
      <c r="I17340" s="1" t="s">
        <v>53800</v>
      </c>
      <c r="J17340" s="1" t="s">
        <v>63845</v>
      </c>
    </row>
    <row r="17341" spans="1:10" x14ac:dyDescent="0.35">
      <c r="A17341" s="1" t="s">
        <v>63803</v>
      </c>
      <c r="B17341" s="1" t="s">
        <v>53796</v>
      </c>
      <c r="C17341" s="1" t="s">
        <v>80</v>
      </c>
      <c r="D17341" s="1" t="s">
        <v>63846</v>
      </c>
      <c r="E17341" s="1" t="s">
        <v>55035</v>
      </c>
      <c r="F17341" s="1" t="s">
        <v>63847</v>
      </c>
      <c r="G17341" s="1" t="s">
        <v>63806</v>
      </c>
      <c r="H17341" s="1" t="s">
        <v>63807</v>
      </c>
      <c r="I17341" s="1" t="s">
        <v>53800</v>
      </c>
      <c r="J17341" s="1" t="s">
        <v>63848</v>
      </c>
    </row>
    <row r="17342" spans="1:10" x14ac:dyDescent="0.35">
      <c r="A17342" s="1" t="s">
        <v>63803</v>
      </c>
      <c r="B17342" s="1" t="s">
        <v>53796</v>
      </c>
      <c r="C17342" s="1" t="s">
        <v>85</v>
      </c>
      <c r="D17342" s="1" t="s">
        <v>63849</v>
      </c>
      <c r="E17342" s="1" t="s">
        <v>21760</v>
      </c>
      <c r="F17342" s="1" t="s">
        <v>63850</v>
      </c>
      <c r="G17342" s="1" t="s">
        <v>63806</v>
      </c>
      <c r="H17342" s="1" t="s">
        <v>63807</v>
      </c>
      <c r="I17342" s="1" t="s">
        <v>53800</v>
      </c>
      <c r="J17342" s="1" t="s">
        <v>63851</v>
      </c>
    </row>
    <row r="17343" spans="1:10" x14ac:dyDescent="0.35">
      <c r="A17343" s="1" t="s">
        <v>63803</v>
      </c>
      <c r="B17343" s="1" t="s">
        <v>53796</v>
      </c>
      <c r="C17343" s="1" t="s">
        <v>90</v>
      </c>
      <c r="D17343" s="1" t="s">
        <v>63852</v>
      </c>
      <c r="E17343" s="1" t="s">
        <v>56304</v>
      </c>
      <c r="F17343" s="1" t="s">
        <v>63853</v>
      </c>
      <c r="G17343" s="1" t="s">
        <v>63806</v>
      </c>
      <c r="H17343" s="1" t="s">
        <v>63807</v>
      </c>
      <c r="I17343" s="1" t="s">
        <v>53800</v>
      </c>
      <c r="J17343" s="1" t="s">
        <v>63854</v>
      </c>
    </row>
    <row r="17344" spans="1:10" x14ac:dyDescent="0.35">
      <c r="A17344" s="1" t="s">
        <v>63803</v>
      </c>
      <c r="B17344" s="1" t="s">
        <v>53796</v>
      </c>
      <c r="C17344" s="1" t="s">
        <v>95</v>
      </c>
      <c r="D17344" s="1" t="s">
        <v>39381</v>
      </c>
      <c r="E17344" s="1" t="s">
        <v>32355</v>
      </c>
      <c r="F17344" s="1" t="s">
        <v>63855</v>
      </c>
      <c r="G17344" s="1" t="s">
        <v>63806</v>
      </c>
      <c r="H17344" s="1" t="s">
        <v>63807</v>
      </c>
      <c r="I17344" s="1" t="s">
        <v>53800</v>
      </c>
      <c r="J17344" s="1" t="s">
        <v>63856</v>
      </c>
    </row>
    <row r="17345" spans="1:10" x14ac:dyDescent="0.35">
      <c r="A17345" s="1" t="s">
        <v>63803</v>
      </c>
      <c r="B17345" s="1" t="s">
        <v>53796</v>
      </c>
      <c r="C17345" s="1" t="s">
        <v>100</v>
      </c>
      <c r="D17345" s="1" t="s">
        <v>63857</v>
      </c>
      <c r="E17345" s="1" t="s">
        <v>63858</v>
      </c>
      <c r="F17345" s="1" t="s">
        <v>63859</v>
      </c>
      <c r="G17345" s="1" t="s">
        <v>63806</v>
      </c>
      <c r="H17345" s="1" t="s">
        <v>63807</v>
      </c>
      <c r="I17345" s="1" t="s">
        <v>53800</v>
      </c>
      <c r="J17345" s="1" t="s">
        <v>63860</v>
      </c>
    </row>
    <row r="17346" spans="1:10" x14ac:dyDescent="0.35">
      <c r="A17346" s="1" t="s">
        <v>63803</v>
      </c>
      <c r="B17346" s="1" t="s">
        <v>53796</v>
      </c>
      <c r="C17346" s="1" t="s">
        <v>105</v>
      </c>
      <c r="D17346" s="1" t="s">
        <v>63861</v>
      </c>
      <c r="E17346" s="1" t="s">
        <v>23399</v>
      </c>
      <c r="F17346" s="1" t="s">
        <v>63862</v>
      </c>
      <c r="G17346" s="1" t="s">
        <v>63806</v>
      </c>
      <c r="H17346" s="1" t="s">
        <v>63807</v>
      </c>
      <c r="I17346" s="1" t="s">
        <v>53800</v>
      </c>
      <c r="J17346" s="1" t="s">
        <v>63863</v>
      </c>
    </row>
    <row r="17347" spans="1:10" x14ac:dyDescent="0.35">
      <c r="A17347" s="1" t="s">
        <v>63803</v>
      </c>
      <c r="B17347" s="1" t="s">
        <v>53796</v>
      </c>
      <c r="C17347" s="1" t="s">
        <v>110</v>
      </c>
      <c r="D17347" s="1" t="s">
        <v>63864</v>
      </c>
      <c r="E17347" s="1" t="s">
        <v>24785</v>
      </c>
      <c r="F17347" s="1" t="s">
        <v>63865</v>
      </c>
      <c r="G17347" s="1" t="s">
        <v>63806</v>
      </c>
      <c r="H17347" s="1" t="s">
        <v>63807</v>
      </c>
      <c r="I17347" s="1" t="s">
        <v>53800</v>
      </c>
      <c r="J17347" s="1" t="s">
        <v>63866</v>
      </c>
    </row>
    <row r="17348" spans="1:10" x14ac:dyDescent="0.35">
      <c r="A17348" s="1" t="s">
        <v>63803</v>
      </c>
      <c r="B17348" s="1" t="s">
        <v>53796</v>
      </c>
      <c r="C17348" s="1" t="s">
        <v>115</v>
      </c>
      <c r="D17348" s="1" t="s">
        <v>63867</v>
      </c>
      <c r="E17348" s="1" t="s">
        <v>21826</v>
      </c>
      <c r="F17348" s="1" t="s">
        <v>63868</v>
      </c>
      <c r="G17348" s="1" t="s">
        <v>63806</v>
      </c>
      <c r="H17348" s="1" t="s">
        <v>63807</v>
      </c>
      <c r="I17348" s="1" t="s">
        <v>53800</v>
      </c>
      <c r="J17348" s="1" t="s">
        <v>63869</v>
      </c>
    </row>
    <row r="17349" spans="1:10" x14ac:dyDescent="0.35">
      <c r="A17349" s="1" t="s">
        <v>63803</v>
      </c>
      <c r="B17349" s="1" t="s">
        <v>53796</v>
      </c>
      <c r="C17349" s="1" t="s">
        <v>120</v>
      </c>
      <c r="D17349" s="1" t="s">
        <v>63870</v>
      </c>
      <c r="E17349" s="1" t="s">
        <v>56606</v>
      </c>
      <c r="F17349" s="1" t="s">
        <v>63871</v>
      </c>
      <c r="G17349" s="1" t="s">
        <v>63806</v>
      </c>
      <c r="H17349" s="1" t="s">
        <v>63807</v>
      </c>
      <c r="I17349" s="1" t="s">
        <v>53800</v>
      </c>
      <c r="J17349" s="1" t="s">
        <v>63872</v>
      </c>
    </row>
    <row r="17350" spans="1:10" x14ac:dyDescent="0.35">
      <c r="A17350" s="1" t="s">
        <v>63803</v>
      </c>
      <c r="B17350" s="1" t="s">
        <v>53796</v>
      </c>
      <c r="C17350" s="1" t="s">
        <v>125</v>
      </c>
      <c r="D17350" s="1" t="s">
        <v>56852</v>
      </c>
      <c r="E17350" s="1" t="s">
        <v>21144</v>
      </c>
      <c r="F17350" s="1" t="s">
        <v>63873</v>
      </c>
      <c r="G17350" s="1" t="s">
        <v>63806</v>
      </c>
      <c r="H17350" s="1" t="s">
        <v>63807</v>
      </c>
      <c r="I17350" s="1" t="s">
        <v>53800</v>
      </c>
      <c r="J17350" s="1" t="s">
        <v>63874</v>
      </c>
    </row>
    <row r="17351" spans="1:10" x14ac:dyDescent="0.35">
      <c r="A17351" s="1" t="s">
        <v>63803</v>
      </c>
      <c r="B17351" s="1" t="s">
        <v>53796</v>
      </c>
      <c r="C17351" s="1" t="s">
        <v>130</v>
      </c>
      <c r="D17351" s="1" t="s">
        <v>63875</v>
      </c>
      <c r="E17351" s="1" t="s">
        <v>15252</v>
      </c>
      <c r="F17351" s="1" t="s">
        <v>63820</v>
      </c>
      <c r="G17351" s="1" t="s">
        <v>63806</v>
      </c>
      <c r="H17351" s="1" t="s">
        <v>63807</v>
      </c>
      <c r="I17351" s="1" t="s">
        <v>53800</v>
      </c>
      <c r="J17351" s="1" t="s">
        <v>63876</v>
      </c>
    </row>
    <row r="17352" spans="1:10" x14ac:dyDescent="0.35">
      <c r="A17352" s="1" t="s">
        <v>63803</v>
      </c>
      <c r="B17352" s="1" t="s">
        <v>53796</v>
      </c>
      <c r="C17352" s="1" t="s">
        <v>135</v>
      </c>
      <c r="D17352" s="1" t="s">
        <v>63877</v>
      </c>
      <c r="E17352" s="1" t="s">
        <v>63878</v>
      </c>
      <c r="F17352" s="1" t="s">
        <v>63879</v>
      </c>
      <c r="G17352" s="1" t="s">
        <v>63806</v>
      </c>
      <c r="H17352" s="1" t="s">
        <v>63807</v>
      </c>
      <c r="I17352" s="1" t="s">
        <v>53800</v>
      </c>
      <c r="J17352" s="1" t="s">
        <v>63880</v>
      </c>
    </row>
    <row r="17353" spans="1:10" x14ac:dyDescent="0.35">
      <c r="A17353" s="1" t="s">
        <v>63803</v>
      </c>
      <c r="B17353" s="1" t="s">
        <v>53796</v>
      </c>
      <c r="C17353" s="1" t="s">
        <v>140</v>
      </c>
      <c r="D17353" s="1" t="s">
        <v>58408</v>
      </c>
      <c r="E17353" s="1" t="s">
        <v>59861</v>
      </c>
      <c r="F17353" s="1" t="s">
        <v>63881</v>
      </c>
      <c r="G17353" s="1" t="s">
        <v>63806</v>
      </c>
      <c r="H17353" s="1" t="s">
        <v>63807</v>
      </c>
      <c r="I17353" s="1" t="s">
        <v>53800</v>
      </c>
      <c r="J17353" s="1" t="s">
        <v>63882</v>
      </c>
    </row>
    <row r="17354" spans="1:10" x14ac:dyDescent="0.35">
      <c r="A17354" s="1" t="s">
        <v>63803</v>
      </c>
      <c r="B17354" s="1" t="s">
        <v>53796</v>
      </c>
      <c r="C17354" s="1" t="s">
        <v>145</v>
      </c>
      <c r="D17354" s="1" t="s">
        <v>63883</v>
      </c>
      <c r="E17354" s="1" t="s">
        <v>15252</v>
      </c>
      <c r="F17354" s="1" t="s">
        <v>63884</v>
      </c>
      <c r="G17354" s="1" t="s">
        <v>63806</v>
      </c>
      <c r="H17354" s="1" t="s">
        <v>63807</v>
      </c>
      <c r="I17354" s="1" t="s">
        <v>53800</v>
      </c>
      <c r="J17354" s="1" t="s">
        <v>63885</v>
      </c>
    </row>
    <row r="17355" spans="1:10" x14ac:dyDescent="0.35">
      <c r="A17355" s="1" t="s">
        <v>63803</v>
      </c>
      <c r="B17355" s="1" t="s">
        <v>53796</v>
      </c>
      <c r="C17355" s="1" t="s">
        <v>150</v>
      </c>
      <c r="D17355" s="1" t="s">
        <v>63886</v>
      </c>
      <c r="E17355" s="1" t="s">
        <v>63887</v>
      </c>
      <c r="F17355" s="1" t="s">
        <v>63888</v>
      </c>
      <c r="G17355" s="1" t="s">
        <v>63806</v>
      </c>
      <c r="H17355" s="1" t="s">
        <v>63807</v>
      </c>
      <c r="I17355" s="1" t="s">
        <v>53800</v>
      </c>
      <c r="J17355" s="1" t="s">
        <v>63889</v>
      </c>
    </row>
    <row r="17356" spans="1:10" x14ac:dyDescent="0.35">
      <c r="A17356" s="1" t="s">
        <v>63803</v>
      </c>
      <c r="B17356" s="1" t="s">
        <v>53796</v>
      </c>
      <c r="C17356" s="1" t="s">
        <v>155</v>
      </c>
      <c r="D17356" s="1" t="s">
        <v>57956</v>
      </c>
      <c r="E17356" s="1" t="s">
        <v>63890</v>
      </c>
      <c r="F17356" s="1" t="s">
        <v>21827</v>
      </c>
      <c r="G17356" s="1" t="s">
        <v>63806</v>
      </c>
      <c r="H17356" s="1" t="s">
        <v>63807</v>
      </c>
      <c r="I17356" s="1" t="s">
        <v>53800</v>
      </c>
      <c r="J17356" s="1" t="s">
        <v>63891</v>
      </c>
    </row>
    <row r="17357" spans="1:10" x14ac:dyDescent="0.35">
      <c r="A17357" s="1" t="s">
        <v>63803</v>
      </c>
      <c r="B17357" s="1" t="s">
        <v>53796</v>
      </c>
      <c r="C17357" s="1" t="s">
        <v>160</v>
      </c>
      <c r="D17357" s="1" t="s">
        <v>38928</v>
      </c>
      <c r="E17357" s="1" t="s">
        <v>21826</v>
      </c>
      <c r="F17357" s="1" t="s">
        <v>63892</v>
      </c>
      <c r="G17357" s="1" t="s">
        <v>63806</v>
      </c>
      <c r="H17357" s="1" t="s">
        <v>63807</v>
      </c>
      <c r="I17357" s="1" t="s">
        <v>53800</v>
      </c>
      <c r="J17357" s="1" t="s">
        <v>63893</v>
      </c>
    </row>
    <row r="17358" spans="1:10" x14ac:dyDescent="0.35">
      <c r="A17358" s="1" t="s">
        <v>63803</v>
      </c>
      <c r="B17358" s="1" t="s">
        <v>53796</v>
      </c>
      <c r="C17358" s="1" t="s">
        <v>165</v>
      </c>
      <c r="D17358" s="1" t="s">
        <v>63894</v>
      </c>
      <c r="E17358" s="1" t="s">
        <v>23002</v>
      </c>
      <c r="F17358" s="1" t="s">
        <v>63895</v>
      </c>
      <c r="G17358" s="1" t="s">
        <v>63806</v>
      </c>
      <c r="H17358" s="1" t="s">
        <v>63807</v>
      </c>
      <c r="I17358" s="1" t="s">
        <v>53800</v>
      </c>
      <c r="J17358" s="1" t="s">
        <v>63896</v>
      </c>
    </row>
    <row r="17359" spans="1:10" x14ac:dyDescent="0.35">
      <c r="A17359" s="1" t="s">
        <v>63803</v>
      </c>
      <c r="B17359" s="1" t="s">
        <v>53796</v>
      </c>
      <c r="C17359" s="1" t="s">
        <v>170</v>
      </c>
      <c r="D17359" s="1" t="s">
        <v>63897</v>
      </c>
      <c r="E17359" s="1" t="s">
        <v>63898</v>
      </c>
      <c r="F17359" s="1" t="s">
        <v>63899</v>
      </c>
      <c r="G17359" s="1" t="s">
        <v>63806</v>
      </c>
      <c r="H17359" s="1" t="s">
        <v>63807</v>
      </c>
      <c r="I17359" s="1" t="s">
        <v>53800</v>
      </c>
      <c r="J17359" s="1" t="s">
        <v>63900</v>
      </c>
    </row>
    <row r="17360" spans="1:10" x14ac:dyDescent="0.35">
      <c r="A17360" s="1" t="s">
        <v>63901</v>
      </c>
      <c r="B17360" s="1" t="s">
        <v>53796</v>
      </c>
      <c r="C17360" s="1" t="s">
        <v>8</v>
      </c>
      <c r="D17360" s="1" t="s">
        <v>60386</v>
      </c>
      <c r="E17360" s="1" t="s">
        <v>24205</v>
      </c>
      <c r="F17360" s="1" t="s">
        <v>63902</v>
      </c>
      <c r="G17360" s="1" t="s">
        <v>63903</v>
      </c>
      <c r="H17360" s="1" t="s">
        <v>63904</v>
      </c>
      <c r="I17360" s="1" t="s">
        <v>53800</v>
      </c>
      <c r="J17360" s="1" t="s">
        <v>13</v>
      </c>
    </row>
    <row r="17361" spans="1:10" x14ac:dyDescent="0.35">
      <c r="A17361" s="1" t="s">
        <v>63901</v>
      </c>
      <c r="B17361" s="1" t="s">
        <v>53796</v>
      </c>
      <c r="C17361" s="1" t="s">
        <v>15</v>
      </c>
      <c r="D17361" s="1" t="s">
        <v>63905</v>
      </c>
      <c r="E17361" s="1" t="s">
        <v>54452</v>
      </c>
      <c r="F17361" s="1" t="s">
        <v>63906</v>
      </c>
      <c r="G17361" s="1" t="s">
        <v>63903</v>
      </c>
      <c r="H17361" s="1" t="s">
        <v>63904</v>
      </c>
      <c r="I17361" s="1" t="s">
        <v>53800</v>
      </c>
      <c r="J17361" s="1" t="s">
        <v>63907</v>
      </c>
    </row>
    <row r="17362" spans="1:10" x14ac:dyDescent="0.35">
      <c r="A17362" s="1" t="s">
        <v>63901</v>
      </c>
      <c r="B17362" s="1" t="s">
        <v>53796</v>
      </c>
      <c r="C17362" s="1" t="s">
        <v>20</v>
      </c>
      <c r="D17362" s="1" t="s">
        <v>63908</v>
      </c>
      <c r="E17362" s="1" t="s">
        <v>32076</v>
      </c>
      <c r="F17362" s="1" t="s">
        <v>63909</v>
      </c>
      <c r="G17362" s="1" t="s">
        <v>63903</v>
      </c>
      <c r="H17362" s="1" t="s">
        <v>63904</v>
      </c>
      <c r="I17362" s="1" t="s">
        <v>53800</v>
      </c>
      <c r="J17362" s="1" t="s">
        <v>63910</v>
      </c>
    </row>
    <row r="17363" spans="1:10" x14ac:dyDescent="0.35">
      <c r="A17363" s="1" t="s">
        <v>63901</v>
      </c>
      <c r="B17363" s="1" t="s">
        <v>53796</v>
      </c>
      <c r="C17363" s="1" t="s">
        <v>25</v>
      </c>
      <c r="D17363" s="1" t="s">
        <v>63911</v>
      </c>
      <c r="E17363" s="1" t="s">
        <v>60733</v>
      </c>
      <c r="F17363" s="1" t="s">
        <v>58983</v>
      </c>
      <c r="G17363" s="1" t="s">
        <v>63903</v>
      </c>
      <c r="H17363" s="1" t="s">
        <v>63904</v>
      </c>
      <c r="I17363" s="1" t="s">
        <v>53800</v>
      </c>
      <c r="J17363" s="1" t="s">
        <v>63912</v>
      </c>
    </row>
    <row r="17364" spans="1:10" x14ac:dyDescent="0.35">
      <c r="A17364" s="1" t="s">
        <v>63901</v>
      </c>
      <c r="B17364" s="1" t="s">
        <v>53796</v>
      </c>
      <c r="C17364" s="1" t="s">
        <v>30</v>
      </c>
      <c r="D17364" s="1" t="s">
        <v>63913</v>
      </c>
      <c r="E17364" s="1" t="s">
        <v>54136</v>
      </c>
      <c r="F17364" s="1" t="s">
        <v>63914</v>
      </c>
      <c r="G17364" s="1" t="s">
        <v>63903</v>
      </c>
      <c r="H17364" s="1" t="s">
        <v>63904</v>
      </c>
      <c r="I17364" s="1" t="s">
        <v>53800</v>
      </c>
      <c r="J17364" s="1" t="s">
        <v>63915</v>
      </c>
    </row>
    <row r="17365" spans="1:10" x14ac:dyDescent="0.35">
      <c r="A17365" s="1" t="s">
        <v>63901</v>
      </c>
      <c r="B17365" s="1" t="s">
        <v>53796</v>
      </c>
      <c r="C17365" s="1" t="s">
        <v>35</v>
      </c>
      <c r="D17365" s="1" t="s">
        <v>63916</v>
      </c>
      <c r="E17365" s="1" t="s">
        <v>31397</v>
      </c>
      <c r="F17365" s="1" t="s">
        <v>63917</v>
      </c>
      <c r="G17365" s="1" t="s">
        <v>63903</v>
      </c>
      <c r="H17365" s="1" t="s">
        <v>63904</v>
      </c>
      <c r="I17365" s="1" t="s">
        <v>53800</v>
      </c>
      <c r="J17365" s="1" t="s">
        <v>63918</v>
      </c>
    </row>
    <row r="17366" spans="1:10" x14ac:dyDescent="0.35">
      <c r="A17366" s="1" t="s">
        <v>63901</v>
      </c>
      <c r="B17366" s="1" t="s">
        <v>53796</v>
      </c>
      <c r="C17366" s="1" t="s">
        <v>40</v>
      </c>
      <c r="D17366" s="1" t="s">
        <v>63919</v>
      </c>
      <c r="E17366" s="1" t="s">
        <v>22918</v>
      </c>
      <c r="F17366" s="1" t="s">
        <v>56473</v>
      </c>
      <c r="G17366" s="1" t="s">
        <v>63903</v>
      </c>
      <c r="H17366" s="1" t="s">
        <v>63904</v>
      </c>
      <c r="I17366" s="1" t="s">
        <v>53800</v>
      </c>
      <c r="J17366" s="1" t="s">
        <v>63920</v>
      </c>
    </row>
    <row r="17367" spans="1:10" x14ac:dyDescent="0.35">
      <c r="A17367" s="1" t="s">
        <v>63901</v>
      </c>
      <c r="B17367" s="1" t="s">
        <v>53796</v>
      </c>
      <c r="C17367" s="1" t="s">
        <v>45</v>
      </c>
      <c r="D17367" s="1" t="s">
        <v>63921</v>
      </c>
      <c r="E17367" s="1" t="s">
        <v>22095</v>
      </c>
      <c r="F17367" s="1" t="s">
        <v>63922</v>
      </c>
      <c r="G17367" s="1" t="s">
        <v>63903</v>
      </c>
      <c r="H17367" s="1" t="s">
        <v>63904</v>
      </c>
      <c r="I17367" s="1" t="s">
        <v>53800</v>
      </c>
      <c r="J17367" s="1" t="s">
        <v>63923</v>
      </c>
    </row>
    <row r="17368" spans="1:10" x14ac:dyDescent="0.35">
      <c r="A17368" s="1" t="s">
        <v>63901</v>
      </c>
      <c r="B17368" s="1" t="s">
        <v>53796</v>
      </c>
      <c r="C17368" s="1" t="s">
        <v>50</v>
      </c>
      <c r="D17368" s="1" t="s">
        <v>63924</v>
      </c>
      <c r="E17368" s="1" t="s">
        <v>32376</v>
      </c>
      <c r="F17368" s="1" t="s">
        <v>63925</v>
      </c>
      <c r="G17368" s="1" t="s">
        <v>63903</v>
      </c>
      <c r="H17368" s="1" t="s">
        <v>63904</v>
      </c>
      <c r="I17368" s="1" t="s">
        <v>53800</v>
      </c>
      <c r="J17368" s="1" t="s">
        <v>63926</v>
      </c>
    </row>
    <row r="17369" spans="1:10" x14ac:dyDescent="0.35">
      <c r="A17369" s="1" t="s">
        <v>63901</v>
      </c>
      <c r="B17369" s="1" t="s">
        <v>53796</v>
      </c>
      <c r="C17369" s="1" t="s">
        <v>55</v>
      </c>
      <c r="D17369" s="1" t="s">
        <v>60318</v>
      </c>
      <c r="E17369" s="1" t="s">
        <v>24201</v>
      </c>
      <c r="F17369" s="1" t="s">
        <v>63927</v>
      </c>
      <c r="G17369" s="1" t="s">
        <v>63903</v>
      </c>
      <c r="H17369" s="1" t="s">
        <v>63904</v>
      </c>
      <c r="I17369" s="1" t="s">
        <v>53800</v>
      </c>
      <c r="J17369" s="1" t="s">
        <v>63928</v>
      </c>
    </row>
    <row r="17370" spans="1:10" x14ac:dyDescent="0.35">
      <c r="A17370" s="1" t="s">
        <v>63901</v>
      </c>
      <c r="B17370" s="1" t="s">
        <v>53796</v>
      </c>
      <c r="C17370" s="1" t="s">
        <v>60</v>
      </c>
      <c r="D17370" s="1" t="s">
        <v>19439</v>
      </c>
      <c r="E17370" s="1" t="s">
        <v>63929</v>
      </c>
      <c r="F17370" s="1" t="s">
        <v>31722</v>
      </c>
      <c r="G17370" s="1" t="s">
        <v>63903</v>
      </c>
      <c r="H17370" s="1" t="s">
        <v>63904</v>
      </c>
      <c r="I17370" s="1" t="s">
        <v>53800</v>
      </c>
      <c r="J17370" s="1" t="s">
        <v>63930</v>
      </c>
    </row>
    <row r="17371" spans="1:10" x14ac:dyDescent="0.35">
      <c r="A17371" s="1" t="s">
        <v>63901</v>
      </c>
      <c r="B17371" s="1" t="s">
        <v>53796</v>
      </c>
      <c r="C17371" s="1" t="s">
        <v>65</v>
      </c>
      <c r="D17371" s="1" t="s">
        <v>63931</v>
      </c>
      <c r="E17371" s="1" t="s">
        <v>41202</v>
      </c>
      <c r="F17371" s="1" t="s">
        <v>63932</v>
      </c>
      <c r="G17371" s="1" t="s">
        <v>63903</v>
      </c>
      <c r="H17371" s="1" t="s">
        <v>63904</v>
      </c>
      <c r="I17371" s="1" t="s">
        <v>53800</v>
      </c>
      <c r="J17371" s="1" t="s">
        <v>63933</v>
      </c>
    </row>
    <row r="17372" spans="1:10" x14ac:dyDescent="0.35">
      <c r="A17372" s="1" t="s">
        <v>63901</v>
      </c>
      <c r="B17372" s="1" t="s">
        <v>53796</v>
      </c>
      <c r="C17372" s="1" t="s">
        <v>70</v>
      </c>
      <c r="D17372" s="1" t="s">
        <v>63934</v>
      </c>
      <c r="E17372" s="1" t="s">
        <v>63935</v>
      </c>
      <c r="F17372" s="1" t="s">
        <v>59919</v>
      </c>
      <c r="G17372" s="1" t="s">
        <v>63903</v>
      </c>
      <c r="H17372" s="1" t="s">
        <v>63904</v>
      </c>
      <c r="I17372" s="1" t="s">
        <v>53800</v>
      </c>
      <c r="J17372" s="1" t="s">
        <v>63936</v>
      </c>
    </row>
    <row r="17373" spans="1:10" x14ac:dyDescent="0.35">
      <c r="A17373" s="1" t="s">
        <v>63901</v>
      </c>
      <c r="B17373" s="1" t="s">
        <v>53796</v>
      </c>
      <c r="C17373" s="1" t="s">
        <v>75</v>
      </c>
      <c r="D17373" s="1" t="s">
        <v>24688</v>
      </c>
      <c r="E17373" s="1" t="s">
        <v>12868</v>
      </c>
      <c r="F17373" s="1" t="s">
        <v>63937</v>
      </c>
      <c r="G17373" s="1" t="s">
        <v>63903</v>
      </c>
      <c r="H17373" s="1" t="s">
        <v>63904</v>
      </c>
      <c r="I17373" s="1" t="s">
        <v>53800</v>
      </c>
      <c r="J17373" s="1" t="s">
        <v>63938</v>
      </c>
    </row>
    <row r="17374" spans="1:10" x14ac:dyDescent="0.35">
      <c r="A17374" s="1" t="s">
        <v>63901</v>
      </c>
      <c r="B17374" s="1" t="s">
        <v>53796</v>
      </c>
      <c r="C17374" s="1" t="s">
        <v>80</v>
      </c>
      <c r="D17374" s="1" t="s">
        <v>26822</v>
      </c>
      <c r="E17374" s="1" t="s">
        <v>12813</v>
      </c>
      <c r="F17374" s="1" t="s">
        <v>63939</v>
      </c>
      <c r="G17374" s="1" t="s">
        <v>63903</v>
      </c>
      <c r="H17374" s="1" t="s">
        <v>63904</v>
      </c>
      <c r="I17374" s="1" t="s">
        <v>53800</v>
      </c>
      <c r="J17374" s="1" t="s">
        <v>63940</v>
      </c>
    </row>
    <row r="17375" spans="1:10" x14ac:dyDescent="0.35">
      <c r="A17375" s="1" t="s">
        <v>63901</v>
      </c>
      <c r="B17375" s="1" t="s">
        <v>53796</v>
      </c>
      <c r="C17375" s="1" t="s">
        <v>85</v>
      </c>
      <c r="D17375" s="1" t="s">
        <v>63941</v>
      </c>
      <c r="E17375" s="1" t="s">
        <v>15221</v>
      </c>
      <c r="F17375" s="1" t="s">
        <v>63942</v>
      </c>
      <c r="G17375" s="1" t="s">
        <v>63903</v>
      </c>
      <c r="H17375" s="1" t="s">
        <v>63904</v>
      </c>
      <c r="I17375" s="1" t="s">
        <v>53800</v>
      </c>
      <c r="J17375" s="1" t="s">
        <v>63943</v>
      </c>
    </row>
    <row r="17376" spans="1:10" x14ac:dyDescent="0.35">
      <c r="A17376" s="1" t="s">
        <v>63901</v>
      </c>
      <c r="B17376" s="1" t="s">
        <v>53796</v>
      </c>
      <c r="C17376" s="1" t="s">
        <v>90</v>
      </c>
      <c r="D17376" s="1" t="s">
        <v>62528</v>
      </c>
      <c r="E17376" s="1" t="s">
        <v>15392</v>
      </c>
      <c r="F17376" s="1" t="s">
        <v>63944</v>
      </c>
      <c r="G17376" s="1" t="s">
        <v>63903</v>
      </c>
      <c r="H17376" s="1" t="s">
        <v>63904</v>
      </c>
      <c r="I17376" s="1" t="s">
        <v>53800</v>
      </c>
      <c r="J17376" s="1" t="s">
        <v>63945</v>
      </c>
    </row>
    <row r="17377" spans="1:10" x14ac:dyDescent="0.35">
      <c r="A17377" s="1" t="s">
        <v>63901</v>
      </c>
      <c r="B17377" s="1" t="s">
        <v>53796</v>
      </c>
      <c r="C17377" s="1" t="s">
        <v>95</v>
      </c>
      <c r="D17377" s="1" t="s">
        <v>63946</v>
      </c>
      <c r="E17377" s="1" t="s">
        <v>21849</v>
      </c>
      <c r="F17377" s="1" t="s">
        <v>63947</v>
      </c>
      <c r="G17377" s="1" t="s">
        <v>63903</v>
      </c>
      <c r="H17377" s="1" t="s">
        <v>63904</v>
      </c>
      <c r="I17377" s="1" t="s">
        <v>53800</v>
      </c>
      <c r="J17377" s="1" t="s">
        <v>63948</v>
      </c>
    </row>
    <row r="17378" spans="1:10" x14ac:dyDescent="0.35">
      <c r="A17378" s="1" t="s">
        <v>63901</v>
      </c>
      <c r="B17378" s="1" t="s">
        <v>53796</v>
      </c>
      <c r="C17378" s="1" t="s">
        <v>100</v>
      </c>
      <c r="D17378" s="1" t="s">
        <v>63766</v>
      </c>
      <c r="E17378" s="1" t="s">
        <v>54197</v>
      </c>
      <c r="F17378" s="1" t="s">
        <v>63949</v>
      </c>
      <c r="G17378" s="1" t="s">
        <v>63903</v>
      </c>
      <c r="H17378" s="1" t="s">
        <v>63904</v>
      </c>
      <c r="I17378" s="1" t="s">
        <v>53800</v>
      </c>
      <c r="J17378" s="1" t="s">
        <v>63950</v>
      </c>
    </row>
    <row r="17379" spans="1:10" x14ac:dyDescent="0.35">
      <c r="A17379" s="1" t="s">
        <v>63901</v>
      </c>
      <c r="B17379" s="1" t="s">
        <v>53796</v>
      </c>
      <c r="C17379" s="1" t="s">
        <v>105</v>
      </c>
      <c r="D17379" s="1" t="s">
        <v>63951</v>
      </c>
      <c r="E17379" s="1" t="s">
        <v>58396</v>
      </c>
      <c r="F17379" s="1" t="s">
        <v>63952</v>
      </c>
      <c r="G17379" s="1" t="s">
        <v>63903</v>
      </c>
      <c r="H17379" s="1" t="s">
        <v>63904</v>
      </c>
      <c r="I17379" s="1" t="s">
        <v>53800</v>
      </c>
      <c r="J17379" s="1" t="s">
        <v>63953</v>
      </c>
    </row>
    <row r="17380" spans="1:10" x14ac:dyDescent="0.35">
      <c r="A17380" s="1" t="s">
        <v>63901</v>
      </c>
      <c r="B17380" s="1" t="s">
        <v>53796</v>
      </c>
      <c r="C17380" s="1" t="s">
        <v>110</v>
      </c>
      <c r="D17380" s="1" t="s">
        <v>63954</v>
      </c>
      <c r="E17380" s="1" t="s">
        <v>41144</v>
      </c>
      <c r="F17380" s="1" t="s">
        <v>63955</v>
      </c>
      <c r="G17380" s="1" t="s">
        <v>63903</v>
      </c>
      <c r="H17380" s="1" t="s">
        <v>63904</v>
      </c>
      <c r="I17380" s="1" t="s">
        <v>53800</v>
      </c>
      <c r="J17380" s="1" t="s">
        <v>63956</v>
      </c>
    </row>
    <row r="17381" spans="1:10" x14ac:dyDescent="0.35">
      <c r="A17381" s="1" t="s">
        <v>63901</v>
      </c>
      <c r="B17381" s="1" t="s">
        <v>53796</v>
      </c>
      <c r="C17381" s="1" t="s">
        <v>115</v>
      </c>
      <c r="D17381" s="1" t="s">
        <v>63957</v>
      </c>
      <c r="E17381" s="1" t="s">
        <v>32384</v>
      </c>
      <c r="F17381" s="1" t="s">
        <v>63958</v>
      </c>
      <c r="G17381" s="1" t="s">
        <v>63903</v>
      </c>
      <c r="H17381" s="1" t="s">
        <v>63904</v>
      </c>
      <c r="I17381" s="1" t="s">
        <v>53800</v>
      </c>
      <c r="J17381" s="1" t="s">
        <v>63959</v>
      </c>
    </row>
    <row r="17382" spans="1:10" x14ac:dyDescent="0.35">
      <c r="A17382" s="1" t="s">
        <v>63901</v>
      </c>
      <c r="B17382" s="1" t="s">
        <v>53796</v>
      </c>
      <c r="C17382" s="1" t="s">
        <v>120</v>
      </c>
      <c r="D17382" s="1" t="s">
        <v>54214</v>
      </c>
      <c r="E17382" s="1" t="s">
        <v>21803</v>
      </c>
      <c r="F17382" s="1" t="s">
        <v>63499</v>
      </c>
      <c r="G17382" s="1" t="s">
        <v>63903</v>
      </c>
      <c r="H17382" s="1" t="s">
        <v>63904</v>
      </c>
      <c r="I17382" s="1" t="s">
        <v>53800</v>
      </c>
      <c r="J17382" s="1" t="s">
        <v>63960</v>
      </c>
    </row>
    <row r="17383" spans="1:10" x14ac:dyDescent="0.35">
      <c r="A17383" s="1" t="s">
        <v>63901</v>
      </c>
      <c r="B17383" s="1" t="s">
        <v>53796</v>
      </c>
      <c r="C17383" s="1" t="s">
        <v>125</v>
      </c>
      <c r="D17383" s="1" t="s">
        <v>63961</v>
      </c>
      <c r="E17383" s="1" t="s">
        <v>26552</v>
      </c>
      <c r="F17383" s="1" t="s">
        <v>59033</v>
      </c>
      <c r="G17383" s="1" t="s">
        <v>63903</v>
      </c>
      <c r="H17383" s="1" t="s">
        <v>63904</v>
      </c>
      <c r="I17383" s="1" t="s">
        <v>53800</v>
      </c>
      <c r="J17383" s="1" t="s">
        <v>63962</v>
      </c>
    </row>
    <row r="17384" spans="1:10" x14ac:dyDescent="0.35">
      <c r="A17384" s="1" t="s">
        <v>63901</v>
      </c>
      <c r="B17384" s="1" t="s">
        <v>53796</v>
      </c>
      <c r="C17384" s="1" t="s">
        <v>130</v>
      </c>
      <c r="D17384" s="1" t="s">
        <v>63963</v>
      </c>
      <c r="E17384" s="1" t="s">
        <v>32140</v>
      </c>
      <c r="F17384" s="1" t="s">
        <v>58735</v>
      </c>
      <c r="G17384" s="1" t="s">
        <v>63903</v>
      </c>
      <c r="H17384" s="1" t="s">
        <v>63904</v>
      </c>
      <c r="I17384" s="1" t="s">
        <v>53800</v>
      </c>
      <c r="J17384" s="1" t="s">
        <v>63964</v>
      </c>
    </row>
    <row r="17385" spans="1:10" x14ac:dyDescent="0.35">
      <c r="A17385" s="1" t="s">
        <v>63901</v>
      </c>
      <c r="B17385" s="1" t="s">
        <v>53796</v>
      </c>
      <c r="C17385" s="1" t="s">
        <v>135</v>
      </c>
      <c r="D17385" s="1" t="s">
        <v>63466</v>
      </c>
      <c r="E17385" s="1" t="s">
        <v>15841</v>
      </c>
      <c r="F17385" s="1" t="s">
        <v>63965</v>
      </c>
      <c r="G17385" s="1" t="s">
        <v>63903</v>
      </c>
      <c r="H17385" s="1" t="s">
        <v>63904</v>
      </c>
      <c r="I17385" s="1" t="s">
        <v>53800</v>
      </c>
      <c r="J17385" s="1" t="s">
        <v>63966</v>
      </c>
    </row>
    <row r="17386" spans="1:10" x14ac:dyDescent="0.35">
      <c r="A17386" s="1" t="s">
        <v>63901</v>
      </c>
      <c r="B17386" s="1" t="s">
        <v>53796</v>
      </c>
      <c r="C17386" s="1" t="s">
        <v>140</v>
      </c>
      <c r="D17386" s="1" t="s">
        <v>63967</v>
      </c>
      <c r="E17386" s="1" t="s">
        <v>15349</v>
      </c>
      <c r="F17386" s="1" t="s">
        <v>63968</v>
      </c>
      <c r="G17386" s="1" t="s">
        <v>63903</v>
      </c>
      <c r="H17386" s="1" t="s">
        <v>63904</v>
      </c>
      <c r="I17386" s="1" t="s">
        <v>53800</v>
      </c>
      <c r="J17386" s="1" t="s">
        <v>63969</v>
      </c>
    </row>
    <row r="17387" spans="1:10" x14ac:dyDescent="0.35">
      <c r="A17387" s="1" t="s">
        <v>63901</v>
      </c>
      <c r="B17387" s="1" t="s">
        <v>53796</v>
      </c>
      <c r="C17387" s="1" t="s">
        <v>145</v>
      </c>
      <c r="D17387" s="1" t="s">
        <v>26921</v>
      </c>
      <c r="E17387" s="1" t="s">
        <v>60798</v>
      </c>
      <c r="F17387" s="1" t="s">
        <v>63970</v>
      </c>
      <c r="G17387" s="1" t="s">
        <v>63903</v>
      </c>
      <c r="H17387" s="1" t="s">
        <v>63904</v>
      </c>
      <c r="I17387" s="1" t="s">
        <v>53800</v>
      </c>
      <c r="J17387" s="1" t="s">
        <v>63971</v>
      </c>
    </row>
    <row r="17388" spans="1:10" x14ac:dyDescent="0.35">
      <c r="A17388" s="1" t="s">
        <v>63901</v>
      </c>
      <c r="B17388" s="1" t="s">
        <v>53796</v>
      </c>
      <c r="C17388" s="1" t="s">
        <v>150</v>
      </c>
      <c r="D17388" s="1" t="s">
        <v>60697</v>
      </c>
      <c r="E17388" s="1" t="s">
        <v>31757</v>
      </c>
      <c r="F17388" s="1" t="s">
        <v>63972</v>
      </c>
      <c r="G17388" s="1" t="s">
        <v>63903</v>
      </c>
      <c r="H17388" s="1" t="s">
        <v>63904</v>
      </c>
      <c r="I17388" s="1" t="s">
        <v>53800</v>
      </c>
      <c r="J17388" s="1" t="s">
        <v>63973</v>
      </c>
    </row>
    <row r="17389" spans="1:10" x14ac:dyDescent="0.35">
      <c r="A17389" s="1" t="s">
        <v>63901</v>
      </c>
      <c r="B17389" s="1" t="s">
        <v>53796</v>
      </c>
      <c r="C17389" s="1" t="s">
        <v>155</v>
      </c>
      <c r="D17389" s="1" t="s">
        <v>63974</v>
      </c>
      <c r="E17389" s="1" t="s">
        <v>26503</v>
      </c>
      <c r="F17389" s="1" t="s">
        <v>63975</v>
      </c>
      <c r="G17389" s="1" t="s">
        <v>63903</v>
      </c>
      <c r="H17389" s="1" t="s">
        <v>63904</v>
      </c>
      <c r="I17389" s="1" t="s">
        <v>53800</v>
      </c>
      <c r="J17389" s="1" t="s">
        <v>63976</v>
      </c>
    </row>
    <row r="17390" spans="1:10" x14ac:dyDescent="0.35">
      <c r="A17390" s="1" t="s">
        <v>63901</v>
      </c>
      <c r="B17390" s="1" t="s">
        <v>53796</v>
      </c>
      <c r="C17390" s="1" t="s">
        <v>160</v>
      </c>
      <c r="D17390" s="1" t="s">
        <v>63977</v>
      </c>
      <c r="E17390" s="1" t="s">
        <v>63978</v>
      </c>
      <c r="F17390" s="1" t="s">
        <v>56070</v>
      </c>
      <c r="G17390" s="1" t="s">
        <v>63903</v>
      </c>
      <c r="H17390" s="1" t="s">
        <v>63904</v>
      </c>
      <c r="I17390" s="1" t="s">
        <v>53800</v>
      </c>
      <c r="J17390" s="1" t="s">
        <v>63979</v>
      </c>
    </row>
    <row r="17391" spans="1:10" x14ac:dyDescent="0.35">
      <c r="A17391" s="1" t="s">
        <v>63901</v>
      </c>
      <c r="B17391" s="1" t="s">
        <v>53796</v>
      </c>
      <c r="C17391" s="1" t="s">
        <v>165</v>
      </c>
      <c r="D17391" s="1" t="s">
        <v>63980</v>
      </c>
      <c r="E17391" s="1" t="s">
        <v>12786</v>
      </c>
      <c r="F17391" s="1" t="s">
        <v>59726</v>
      </c>
      <c r="G17391" s="1" t="s">
        <v>63903</v>
      </c>
      <c r="H17391" s="1" t="s">
        <v>63904</v>
      </c>
      <c r="I17391" s="1" t="s">
        <v>53800</v>
      </c>
      <c r="J17391" s="1" t="s">
        <v>63981</v>
      </c>
    </row>
    <row r="17392" spans="1:10" x14ac:dyDescent="0.35">
      <c r="A17392" s="1" t="s">
        <v>63901</v>
      </c>
      <c r="B17392" s="1" t="s">
        <v>53796</v>
      </c>
      <c r="C17392" s="1" t="s">
        <v>170</v>
      </c>
      <c r="D17392" s="1" t="s">
        <v>63982</v>
      </c>
      <c r="E17392" s="1" t="s">
        <v>54803</v>
      </c>
      <c r="F17392" s="1" t="s">
        <v>63983</v>
      </c>
      <c r="G17392" s="1" t="s">
        <v>63903</v>
      </c>
      <c r="H17392" s="1" t="s">
        <v>63904</v>
      </c>
      <c r="I17392" s="1" t="s">
        <v>53800</v>
      </c>
      <c r="J17392" s="1" t="s">
        <v>63984</v>
      </c>
    </row>
    <row r="17393" spans="1:10" x14ac:dyDescent="0.35">
      <c r="A17393" s="1" t="s">
        <v>63985</v>
      </c>
      <c r="B17393" s="1" t="s">
        <v>53796</v>
      </c>
      <c r="C17393" s="1" t="s">
        <v>8</v>
      </c>
      <c r="D17393" s="1" t="s">
        <v>63986</v>
      </c>
      <c r="E17393" s="1" t="s">
        <v>21830</v>
      </c>
      <c r="F17393" s="1" t="s">
        <v>58958</v>
      </c>
      <c r="G17393" s="1" t="s">
        <v>63987</v>
      </c>
      <c r="H17393" s="1" t="s">
        <v>63988</v>
      </c>
      <c r="I17393" s="1" t="s">
        <v>53800</v>
      </c>
      <c r="J17393" s="1" t="s">
        <v>13</v>
      </c>
    </row>
    <row r="17394" spans="1:10" x14ac:dyDescent="0.35">
      <c r="A17394" s="1" t="s">
        <v>63985</v>
      </c>
      <c r="B17394" s="1" t="s">
        <v>53796</v>
      </c>
      <c r="C17394" s="1" t="s">
        <v>15</v>
      </c>
      <c r="D17394" s="1" t="s">
        <v>63989</v>
      </c>
      <c r="E17394" s="1" t="s">
        <v>24373</v>
      </c>
      <c r="F17394" s="1" t="s">
        <v>63990</v>
      </c>
      <c r="G17394" s="1" t="s">
        <v>63987</v>
      </c>
      <c r="H17394" s="1" t="s">
        <v>63988</v>
      </c>
      <c r="I17394" s="1" t="s">
        <v>53800</v>
      </c>
      <c r="J17394" s="1" t="s">
        <v>63991</v>
      </c>
    </row>
    <row r="17395" spans="1:10" x14ac:dyDescent="0.35">
      <c r="A17395" s="1" t="s">
        <v>63985</v>
      </c>
      <c r="B17395" s="1" t="s">
        <v>53796</v>
      </c>
      <c r="C17395" s="1" t="s">
        <v>20</v>
      </c>
      <c r="D17395" s="1" t="s">
        <v>63992</v>
      </c>
      <c r="E17395" s="1" t="s">
        <v>54028</v>
      </c>
      <c r="F17395" s="1" t="s">
        <v>63993</v>
      </c>
      <c r="G17395" s="1" t="s">
        <v>63987</v>
      </c>
      <c r="H17395" s="1" t="s">
        <v>63988</v>
      </c>
      <c r="I17395" s="1" t="s">
        <v>53800</v>
      </c>
      <c r="J17395" s="1" t="s">
        <v>63994</v>
      </c>
    </row>
    <row r="17396" spans="1:10" x14ac:dyDescent="0.35">
      <c r="A17396" s="1" t="s">
        <v>63985</v>
      </c>
      <c r="B17396" s="1" t="s">
        <v>53796</v>
      </c>
      <c r="C17396" s="1" t="s">
        <v>25</v>
      </c>
      <c r="D17396" s="1" t="s">
        <v>63995</v>
      </c>
      <c r="E17396" s="1" t="s">
        <v>56221</v>
      </c>
      <c r="F17396" s="1" t="s">
        <v>63996</v>
      </c>
      <c r="G17396" s="1" t="s">
        <v>63987</v>
      </c>
      <c r="H17396" s="1" t="s">
        <v>63988</v>
      </c>
      <c r="I17396" s="1" t="s">
        <v>53800</v>
      </c>
      <c r="J17396" s="1" t="s">
        <v>63997</v>
      </c>
    </row>
    <row r="17397" spans="1:10" x14ac:dyDescent="0.35">
      <c r="A17397" s="1" t="s">
        <v>63985</v>
      </c>
      <c r="B17397" s="1" t="s">
        <v>53796</v>
      </c>
      <c r="C17397" s="1" t="s">
        <v>30</v>
      </c>
      <c r="D17397" s="1" t="s">
        <v>63998</v>
      </c>
      <c r="E17397" s="1" t="s">
        <v>31368</v>
      </c>
      <c r="F17397" s="1" t="s">
        <v>63999</v>
      </c>
      <c r="G17397" s="1" t="s">
        <v>63987</v>
      </c>
      <c r="H17397" s="1" t="s">
        <v>63988</v>
      </c>
      <c r="I17397" s="1" t="s">
        <v>53800</v>
      </c>
      <c r="J17397" s="1" t="s">
        <v>64000</v>
      </c>
    </row>
    <row r="17398" spans="1:10" x14ac:dyDescent="0.35">
      <c r="A17398" s="1" t="s">
        <v>63985</v>
      </c>
      <c r="B17398" s="1" t="s">
        <v>53796</v>
      </c>
      <c r="C17398" s="1" t="s">
        <v>35</v>
      </c>
      <c r="D17398" s="1" t="s">
        <v>64001</v>
      </c>
      <c r="E17398" s="1" t="s">
        <v>60733</v>
      </c>
      <c r="F17398" s="1" t="s">
        <v>64002</v>
      </c>
      <c r="G17398" s="1" t="s">
        <v>63987</v>
      </c>
      <c r="H17398" s="1" t="s">
        <v>63988</v>
      </c>
      <c r="I17398" s="1" t="s">
        <v>53800</v>
      </c>
      <c r="J17398" s="1" t="s">
        <v>64003</v>
      </c>
    </row>
    <row r="17399" spans="1:10" x14ac:dyDescent="0.35">
      <c r="A17399" s="1" t="s">
        <v>63985</v>
      </c>
      <c r="B17399" s="1" t="s">
        <v>53796</v>
      </c>
      <c r="C17399" s="1" t="s">
        <v>40</v>
      </c>
      <c r="D17399" s="1" t="s">
        <v>64004</v>
      </c>
      <c r="E17399" s="1" t="s">
        <v>21148</v>
      </c>
      <c r="F17399" s="1" t="s">
        <v>31473</v>
      </c>
      <c r="G17399" s="1" t="s">
        <v>63987</v>
      </c>
      <c r="H17399" s="1" t="s">
        <v>63988</v>
      </c>
      <c r="I17399" s="1" t="s">
        <v>53800</v>
      </c>
      <c r="J17399" s="1" t="s">
        <v>64005</v>
      </c>
    </row>
    <row r="17400" spans="1:10" x14ac:dyDescent="0.35">
      <c r="A17400" s="1" t="s">
        <v>63985</v>
      </c>
      <c r="B17400" s="1" t="s">
        <v>53796</v>
      </c>
      <c r="C17400" s="1" t="s">
        <v>45</v>
      </c>
      <c r="D17400" s="1" t="s">
        <v>64006</v>
      </c>
      <c r="E17400" s="1" t="s">
        <v>32310</v>
      </c>
      <c r="F17400" s="1" t="s">
        <v>64007</v>
      </c>
      <c r="G17400" s="1" t="s">
        <v>63987</v>
      </c>
      <c r="H17400" s="1" t="s">
        <v>63988</v>
      </c>
      <c r="I17400" s="1" t="s">
        <v>53800</v>
      </c>
      <c r="J17400" s="1" t="s">
        <v>64008</v>
      </c>
    </row>
    <row r="17401" spans="1:10" x14ac:dyDescent="0.35">
      <c r="A17401" s="1" t="s">
        <v>63985</v>
      </c>
      <c r="B17401" s="1" t="s">
        <v>53796</v>
      </c>
      <c r="C17401" s="1" t="s">
        <v>50</v>
      </c>
      <c r="D17401" s="1" t="s">
        <v>64009</v>
      </c>
      <c r="E17401" s="1" t="s">
        <v>55227</v>
      </c>
      <c r="F17401" s="1" t="s">
        <v>64010</v>
      </c>
      <c r="G17401" s="1" t="s">
        <v>63987</v>
      </c>
      <c r="H17401" s="1" t="s">
        <v>63988</v>
      </c>
      <c r="I17401" s="1" t="s">
        <v>53800</v>
      </c>
      <c r="J17401" s="1" t="s">
        <v>64011</v>
      </c>
    </row>
    <row r="17402" spans="1:10" x14ac:dyDescent="0.35">
      <c r="A17402" s="1" t="s">
        <v>63985</v>
      </c>
      <c r="B17402" s="1" t="s">
        <v>53796</v>
      </c>
      <c r="C17402" s="1" t="s">
        <v>55</v>
      </c>
      <c r="D17402" s="1" t="s">
        <v>64012</v>
      </c>
      <c r="E17402" s="1" t="s">
        <v>15332</v>
      </c>
      <c r="F17402" s="1" t="s">
        <v>23199</v>
      </c>
      <c r="G17402" s="1" t="s">
        <v>63987</v>
      </c>
      <c r="H17402" s="1" t="s">
        <v>63988</v>
      </c>
      <c r="I17402" s="1" t="s">
        <v>53800</v>
      </c>
      <c r="J17402" s="1" t="s">
        <v>64013</v>
      </c>
    </row>
    <row r="17403" spans="1:10" x14ac:dyDescent="0.35">
      <c r="A17403" s="1" t="s">
        <v>63985</v>
      </c>
      <c r="B17403" s="1" t="s">
        <v>53796</v>
      </c>
      <c r="C17403" s="1" t="s">
        <v>60</v>
      </c>
      <c r="D17403" s="1" t="s">
        <v>64014</v>
      </c>
      <c r="E17403" s="1" t="s">
        <v>54099</v>
      </c>
      <c r="F17403" s="1" t="s">
        <v>64015</v>
      </c>
      <c r="G17403" s="1" t="s">
        <v>63987</v>
      </c>
      <c r="H17403" s="1" t="s">
        <v>63988</v>
      </c>
      <c r="I17403" s="1" t="s">
        <v>53800</v>
      </c>
      <c r="J17403" s="1" t="s">
        <v>64016</v>
      </c>
    </row>
    <row r="17404" spans="1:10" x14ac:dyDescent="0.35">
      <c r="A17404" s="1" t="s">
        <v>63985</v>
      </c>
      <c r="B17404" s="1" t="s">
        <v>53796</v>
      </c>
      <c r="C17404" s="1" t="s">
        <v>65</v>
      </c>
      <c r="D17404" s="1" t="s">
        <v>64017</v>
      </c>
      <c r="E17404" s="1" t="s">
        <v>54038</v>
      </c>
      <c r="F17404" s="1" t="s">
        <v>64018</v>
      </c>
      <c r="G17404" s="1" t="s">
        <v>63987</v>
      </c>
      <c r="H17404" s="1" t="s">
        <v>63988</v>
      </c>
      <c r="I17404" s="1" t="s">
        <v>53800</v>
      </c>
      <c r="J17404" s="1" t="s">
        <v>64019</v>
      </c>
    </row>
    <row r="17405" spans="1:10" x14ac:dyDescent="0.35">
      <c r="A17405" s="1" t="s">
        <v>63985</v>
      </c>
      <c r="B17405" s="1" t="s">
        <v>53796</v>
      </c>
      <c r="C17405" s="1" t="s">
        <v>70</v>
      </c>
      <c r="D17405" s="1" t="s">
        <v>64020</v>
      </c>
      <c r="E17405" s="1" t="s">
        <v>22080</v>
      </c>
      <c r="F17405" s="1" t="s">
        <v>60693</v>
      </c>
      <c r="G17405" s="1" t="s">
        <v>63987</v>
      </c>
      <c r="H17405" s="1" t="s">
        <v>63988</v>
      </c>
      <c r="I17405" s="1" t="s">
        <v>53800</v>
      </c>
      <c r="J17405" s="1" t="s">
        <v>64021</v>
      </c>
    </row>
    <row r="17406" spans="1:10" x14ac:dyDescent="0.35">
      <c r="A17406" s="1" t="s">
        <v>63985</v>
      </c>
      <c r="B17406" s="1" t="s">
        <v>53796</v>
      </c>
      <c r="C17406" s="1" t="s">
        <v>75</v>
      </c>
      <c r="D17406" s="1" t="s">
        <v>64022</v>
      </c>
      <c r="E17406" s="1" t="s">
        <v>24401</v>
      </c>
      <c r="F17406" s="1" t="s">
        <v>64023</v>
      </c>
      <c r="G17406" s="1" t="s">
        <v>63987</v>
      </c>
      <c r="H17406" s="1" t="s">
        <v>63988</v>
      </c>
      <c r="I17406" s="1" t="s">
        <v>53800</v>
      </c>
      <c r="J17406" s="1" t="s">
        <v>64024</v>
      </c>
    </row>
    <row r="17407" spans="1:10" x14ac:dyDescent="0.35">
      <c r="A17407" s="1" t="s">
        <v>63985</v>
      </c>
      <c r="B17407" s="1" t="s">
        <v>53796</v>
      </c>
      <c r="C17407" s="1" t="s">
        <v>80</v>
      </c>
      <c r="D17407" s="1" t="s">
        <v>53742</v>
      </c>
      <c r="E17407" s="1" t="s">
        <v>12809</v>
      </c>
      <c r="F17407" s="1" t="s">
        <v>64025</v>
      </c>
      <c r="G17407" s="1" t="s">
        <v>63987</v>
      </c>
      <c r="H17407" s="1" t="s">
        <v>63988</v>
      </c>
      <c r="I17407" s="1" t="s">
        <v>53800</v>
      </c>
      <c r="J17407" s="1" t="s">
        <v>64026</v>
      </c>
    </row>
    <row r="17408" spans="1:10" x14ac:dyDescent="0.35">
      <c r="A17408" s="1" t="s">
        <v>63985</v>
      </c>
      <c r="B17408" s="1" t="s">
        <v>53796</v>
      </c>
      <c r="C17408" s="1" t="s">
        <v>85</v>
      </c>
      <c r="D17408" s="1" t="s">
        <v>64027</v>
      </c>
      <c r="E17408" s="1" t="s">
        <v>56221</v>
      </c>
      <c r="F17408" s="1" t="s">
        <v>64028</v>
      </c>
      <c r="G17408" s="1" t="s">
        <v>63987</v>
      </c>
      <c r="H17408" s="1" t="s">
        <v>63988</v>
      </c>
      <c r="I17408" s="1" t="s">
        <v>53800</v>
      </c>
      <c r="J17408" s="1" t="s">
        <v>64029</v>
      </c>
    </row>
    <row r="17409" spans="1:10" x14ac:dyDescent="0.35">
      <c r="A17409" s="1" t="s">
        <v>63985</v>
      </c>
      <c r="B17409" s="1" t="s">
        <v>53796</v>
      </c>
      <c r="C17409" s="1" t="s">
        <v>90</v>
      </c>
      <c r="D17409" s="1" t="s">
        <v>64030</v>
      </c>
      <c r="E17409" s="1" t="s">
        <v>64031</v>
      </c>
      <c r="F17409" s="1" t="s">
        <v>64032</v>
      </c>
      <c r="G17409" s="1" t="s">
        <v>63987</v>
      </c>
      <c r="H17409" s="1" t="s">
        <v>63988</v>
      </c>
      <c r="I17409" s="1" t="s">
        <v>53800</v>
      </c>
      <c r="J17409" s="1" t="s">
        <v>64033</v>
      </c>
    </row>
    <row r="17410" spans="1:10" x14ac:dyDescent="0.35">
      <c r="A17410" s="1" t="s">
        <v>63985</v>
      </c>
      <c r="B17410" s="1" t="s">
        <v>53796</v>
      </c>
      <c r="C17410" s="1" t="s">
        <v>95</v>
      </c>
      <c r="D17410" s="1" t="s">
        <v>64034</v>
      </c>
      <c r="E17410" s="1" t="s">
        <v>26478</v>
      </c>
      <c r="F17410" s="1" t="s">
        <v>64035</v>
      </c>
      <c r="G17410" s="1" t="s">
        <v>63987</v>
      </c>
      <c r="H17410" s="1" t="s">
        <v>63988</v>
      </c>
      <c r="I17410" s="1" t="s">
        <v>53800</v>
      </c>
      <c r="J17410" s="1" t="s">
        <v>64036</v>
      </c>
    </row>
    <row r="17411" spans="1:10" x14ac:dyDescent="0.35">
      <c r="A17411" s="1" t="s">
        <v>63985</v>
      </c>
      <c r="B17411" s="1" t="s">
        <v>53796</v>
      </c>
      <c r="C17411" s="1" t="s">
        <v>100</v>
      </c>
      <c r="D17411" s="1" t="s">
        <v>64037</v>
      </c>
      <c r="E17411" s="1" t="s">
        <v>15328</v>
      </c>
      <c r="F17411" s="1" t="s">
        <v>64038</v>
      </c>
      <c r="G17411" s="1" t="s">
        <v>63987</v>
      </c>
      <c r="H17411" s="1" t="s">
        <v>63988</v>
      </c>
      <c r="I17411" s="1" t="s">
        <v>53800</v>
      </c>
      <c r="J17411" s="1" t="s">
        <v>64039</v>
      </c>
    </row>
    <row r="17412" spans="1:10" x14ac:dyDescent="0.35">
      <c r="A17412" s="1" t="s">
        <v>63985</v>
      </c>
      <c r="B17412" s="1" t="s">
        <v>53796</v>
      </c>
      <c r="C17412" s="1" t="s">
        <v>105</v>
      </c>
      <c r="D17412" s="1" t="s">
        <v>64040</v>
      </c>
      <c r="E17412" s="1" t="s">
        <v>26552</v>
      </c>
      <c r="F17412" s="1" t="s">
        <v>64041</v>
      </c>
      <c r="G17412" s="1" t="s">
        <v>63987</v>
      </c>
      <c r="H17412" s="1" t="s">
        <v>63988</v>
      </c>
      <c r="I17412" s="1" t="s">
        <v>53800</v>
      </c>
      <c r="J17412" s="1" t="s">
        <v>64042</v>
      </c>
    </row>
    <row r="17413" spans="1:10" x14ac:dyDescent="0.35">
      <c r="A17413" s="1" t="s">
        <v>63985</v>
      </c>
      <c r="B17413" s="1" t="s">
        <v>53796</v>
      </c>
      <c r="C17413" s="1" t="s">
        <v>110</v>
      </c>
      <c r="D17413" s="1" t="s">
        <v>57324</v>
      </c>
      <c r="E17413" s="1" t="s">
        <v>22072</v>
      </c>
      <c r="F17413" s="1" t="s">
        <v>64043</v>
      </c>
      <c r="G17413" s="1" t="s">
        <v>63987</v>
      </c>
      <c r="H17413" s="1" t="s">
        <v>63988</v>
      </c>
      <c r="I17413" s="1" t="s">
        <v>53800</v>
      </c>
      <c r="J17413" s="1" t="s">
        <v>64044</v>
      </c>
    </row>
    <row r="17414" spans="1:10" x14ac:dyDescent="0.35">
      <c r="A17414" s="1" t="s">
        <v>63985</v>
      </c>
      <c r="B17414" s="1" t="s">
        <v>53796</v>
      </c>
      <c r="C17414" s="1" t="s">
        <v>115</v>
      </c>
      <c r="D17414" s="1" t="s">
        <v>64045</v>
      </c>
      <c r="E17414" s="1" t="s">
        <v>59709</v>
      </c>
      <c r="F17414" s="1" t="s">
        <v>62617</v>
      </c>
      <c r="G17414" s="1" t="s">
        <v>63987</v>
      </c>
      <c r="H17414" s="1" t="s">
        <v>63988</v>
      </c>
      <c r="I17414" s="1" t="s">
        <v>53800</v>
      </c>
      <c r="J17414" s="1" t="s">
        <v>64046</v>
      </c>
    </row>
    <row r="17415" spans="1:10" x14ac:dyDescent="0.35">
      <c r="A17415" s="1" t="s">
        <v>63985</v>
      </c>
      <c r="B17415" s="1" t="s">
        <v>53796</v>
      </c>
      <c r="C17415" s="1" t="s">
        <v>120</v>
      </c>
      <c r="D17415" s="1" t="s">
        <v>22407</v>
      </c>
      <c r="E17415" s="1" t="s">
        <v>21803</v>
      </c>
      <c r="F17415" s="1" t="s">
        <v>64047</v>
      </c>
      <c r="G17415" s="1" t="s">
        <v>63987</v>
      </c>
      <c r="H17415" s="1" t="s">
        <v>63988</v>
      </c>
      <c r="I17415" s="1" t="s">
        <v>53800</v>
      </c>
      <c r="J17415" s="1" t="s">
        <v>64048</v>
      </c>
    </row>
    <row r="17416" spans="1:10" x14ac:dyDescent="0.35">
      <c r="A17416" s="1" t="s">
        <v>63985</v>
      </c>
      <c r="B17416" s="1" t="s">
        <v>53796</v>
      </c>
      <c r="C17416" s="1" t="s">
        <v>125</v>
      </c>
      <c r="D17416" s="1" t="s">
        <v>64049</v>
      </c>
      <c r="E17416" s="1" t="s">
        <v>12868</v>
      </c>
      <c r="F17416" s="1" t="s">
        <v>64050</v>
      </c>
      <c r="G17416" s="1" t="s">
        <v>63987</v>
      </c>
      <c r="H17416" s="1" t="s">
        <v>63988</v>
      </c>
      <c r="I17416" s="1" t="s">
        <v>53800</v>
      </c>
      <c r="J17416" s="1" t="s">
        <v>64051</v>
      </c>
    </row>
    <row r="17417" spans="1:10" x14ac:dyDescent="0.35">
      <c r="A17417" s="1" t="s">
        <v>63985</v>
      </c>
      <c r="B17417" s="1" t="s">
        <v>53796</v>
      </c>
      <c r="C17417" s="1" t="s">
        <v>130</v>
      </c>
      <c r="D17417" s="1" t="s">
        <v>64052</v>
      </c>
      <c r="E17417" s="1" t="s">
        <v>15315</v>
      </c>
      <c r="F17417" s="1" t="s">
        <v>64053</v>
      </c>
      <c r="G17417" s="1" t="s">
        <v>63987</v>
      </c>
      <c r="H17417" s="1" t="s">
        <v>63988</v>
      </c>
      <c r="I17417" s="1" t="s">
        <v>53800</v>
      </c>
      <c r="J17417" s="1" t="s">
        <v>64054</v>
      </c>
    </row>
    <row r="17418" spans="1:10" x14ac:dyDescent="0.35">
      <c r="A17418" s="1" t="s">
        <v>63985</v>
      </c>
      <c r="B17418" s="1" t="s">
        <v>53796</v>
      </c>
      <c r="C17418" s="1" t="s">
        <v>135</v>
      </c>
      <c r="D17418" s="1" t="s">
        <v>64055</v>
      </c>
      <c r="E17418" s="1" t="s">
        <v>26478</v>
      </c>
      <c r="F17418" s="1" t="s">
        <v>64056</v>
      </c>
      <c r="G17418" s="1" t="s">
        <v>63987</v>
      </c>
      <c r="H17418" s="1" t="s">
        <v>63988</v>
      </c>
      <c r="I17418" s="1" t="s">
        <v>53800</v>
      </c>
      <c r="J17418" s="1" t="s">
        <v>64057</v>
      </c>
    </row>
    <row r="17419" spans="1:10" x14ac:dyDescent="0.35">
      <c r="A17419" s="1" t="s">
        <v>63985</v>
      </c>
      <c r="B17419" s="1" t="s">
        <v>53796</v>
      </c>
      <c r="C17419" s="1" t="s">
        <v>140</v>
      </c>
      <c r="D17419" s="1" t="s">
        <v>64058</v>
      </c>
      <c r="E17419" s="1" t="s">
        <v>58768</v>
      </c>
      <c r="F17419" s="1" t="s">
        <v>64059</v>
      </c>
      <c r="G17419" s="1" t="s">
        <v>63987</v>
      </c>
      <c r="H17419" s="1" t="s">
        <v>63988</v>
      </c>
      <c r="I17419" s="1" t="s">
        <v>53800</v>
      </c>
      <c r="J17419" s="1" t="s">
        <v>64060</v>
      </c>
    </row>
    <row r="17420" spans="1:10" x14ac:dyDescent="0.35">
      <c r="A17420" s="1" t="s">
        <v>63985</v>
      </c>
      <c r="B17420" s="1" t="s">
        <v>53796</v>
      </c>
      <c r="C17420" s="1" t="s">
        <v>145</v>
      </c>
      <c r="D17420" s="1" t="s">
        <v>64061</v>
      </c>
      <c r="E17420" s="1" t="s">
        <v>15278</v>
      </c>
      <c r="F17420" s="1" t="s">
        <v>64062</v>
      </c>
      <c r="G17420" s="1" t="s">
        <v>63987</v>
      </c>
      <c r="H17420" s="1" t="s">
        <v>63988</v>
      </c>
      <c r="I17420" s="1" t="s">
        <v>53800</v>
      </c>
      <c r="J17420" s="1" t="s">
        <v>64063</v>
      </c>
    </row>
    <row r="17421" spans="1:10" x14ac:dyDescent="0.35">
      <c r="A17421" s="1" t="s">
        <v>63985</v>
      </c>
      <c r="B17421" s="1" t="s">
        <v>53796</v>
      </c>
      <c r="C17421" s="1" t="s">
        <v>150</v>
      </c>
      <c r="D17421" s="1" t="s">
        <v>63086</v>
      </c>
      <c r="E17421" s="1" t="s">
        <v>27074</v>
      </c>
      <c r="F17421" s="1" t="s">
        <v>64064</v>
      </c>
      <c r="G17421" s="1" t="s">
        <v>63987</v>
      </c>
      <c r="H17421" s="1" t="s">
        <v>63988</v>
      </c>
      <c r="I17421" s="1" t="s">
        <v>53800</v>
      </c>
      <c r="J17421" s="1" t="s">
        <v>64065</v>
      </c>
    </row>
    <row r="17422" spans="1:10" x14ac:dyDescent="0.35">
      <c r="A17422" s="1" t="s">
        <v>63985</v>
      </c>
      <c r="B17422" s="1" t="s">
        <v>53796</v>
      </c>
      <c r="C17422" s="1" t="s">
        <v>155</v>
      </c>
      <c r="D17422" s="1" t="s">
        <v>64066</v>
      </c>
      <c r="E17422" s="1" t="s">
        <v>32604</v>
      </c>
      <c r="F17422" s="1" t="s">
        <v>64067</v>
      </c>
      <c r="G17422" s="1" t="s">
        <v>63987</v>
      </c>
      <c r="H17422" s="1" t="s">
        <v>63988</v>
      </c>
      <c r="I17422" s="1" t="s">
        <v>53800</v>
      </c>
      <c r="J17422" s="1" t="s">
        <v>64068</v>
      </c>
    </row>
    <row r="17423" spans="1:10" x14ac:dyDescent="0.35">
      <c r="A17423" s="1" t="s">
        <v>63985</v>
      </c>
      <c r="B17423" s="1" t="s">
        <v>53796</v>
      </c>
      <c r="C17423" s="1" t="s">
        <v>160</v>
      </c>
      <c r="D17423" s="1" t="s">
        <v>61387</v>
      </c>
      <c r="E17423" s="1" t="s">
        <v>56560</v>
      </c>
      <c r="F17423" s="1" t="s">
        <v>64069</v>
      </c>
      <c r="G17423" s="1" t="s">
        <v>63987</v>
      </c>
      <c r="H17423" s="1" t="s">
        <v>63988</v>
      </c>
      <c r="I17423" s="1" t="s">
        <v>53800</v>
      </c>
      <c r="J17423" s="1" t="s">
        <v>64070</v>
      </c>
    </row>
    <row r="17424" spans="1:10" x14ac:dyDescent="0.35">
      <c r="A17424" s="1" t="s">
        <v>63985</v>
      </c>
      <c r="B17424" s="1" t="s">
        <v>53796</v>
      </c>
      <c r="C17424" s="1" t="s">
        <v>165</v>
      </c>
      <c r="D17424" s="1" t="s">
        <v>64071</v>
      </c>
      <c r="E17424" s="1" t="s">
        <v>59567</v>
      </c>
      <c r="F17424" s="1" t="s">
        <v>64072</v>
      </c>
      <c r="G17424" s="1" t="s">
        <v>63987</v>
      </c>
      <c r="H17424" s="1" t="s">
        <v>63988</v>
      </c>
      <c r="I17424" s="1" t="s">
        <v>53800</v>
      </c>
      <c r="J17424" s="1" t="s">
        <v>64073</v>
      </c>
    </row>
    <row r="17425" spans="1:10" x14ac:dyDescent="0.35">
      <c r="A17425" s="1" t="s">
        <v>63985</v>
      </c>
      <c r="B17425" s="1" t="s">
        <v>53796</v>
      </c>
      <c r="C17425" s="1" t="s">
        <v>170</v>
      </c>
      <c r="D17425" s="1" t="s">
        <v>56907</v>
      </c>
      <c r="E17425" s="1" t="s">
        <v>64074</v>
      </c>
      <c r="F17425" s="1" t="s">
        <v>64075</v>
      </c>
      <c r="G17425" s="1" t="s">
        <v>63987</v>
      </c>
      <c r="H17425" s="1" t="s">
        <v>63988</v>
      </c>
      <c r="I17425" s="1" t="s">
        <v>53800</v>
      </c>
      <c r="J17425" s="1" t="s">
        <v>64076</v>
      </c>
    </row>
    <row r="17426" spans="1:10" x14ac:dyDescent="0.35">
      <c r="A17426" s="1" t="s">
        <v>1344</v>
      </c>
      <c r="B17426" s="1" t="s">
        <v>53796</v>
      </c>
      <c r="C17426" s="1" t="s">
        <v>8</v>
      </c>
      <c r="D17426" s="1" t="s">
        <v>64077</v>
      </c>
      <c r="E17426" s="1" t="s">
        <v>64078</v>
      </c>
      <c r="F17426" s="1" t="s">
        <v>64079</v>
      </c>
      <c r="G17426" s="1" t="s">
        <v>64080</v>
      </c>
      <c r="H17426" s="1" t="s">
        <v>64081</v>
      </c>
      <c r="I17426" s="1" t="s">
        <v>53800</v>
      </c>
      <c r="J17426" s="1" t="s">
        <v>13</v>
      </c>
    </row>
    <row r="17427" spans="1:10" x14ac:dyDescent="0.35">
      <c r="A17427" s="1" t="s">
        <v>1344</v>
      </c>
      <c r="B17427" s="1" t="s">
        <v>53796</v>
      </c>
      <c r="C17427" s="1" t="s">
        <v>15</v>
      </c>
      <c r="D17427" s="1" t="s">
        <v>64082</v>
      </c>
      <c r="E17427" s="1" t="s">
        <v>64083</v>
      </c>
      <c r="F17427" s="1" t="s">
        <v>64084</v>
      </c>
      <c r="G17427" s="1" t="s">
        <v>64080</v>
      </c>
      <c r="H17427" s="1" t="s">
        <v>64081</v>
      </c>
      <c r="I17427" s="1" t="s">
        <v>53800</v>
      </c>
      <c r="J17427" s="1" t="s">
        <v>64085</v>
      </c>
    </row>
    <row r="17428" spans="1:10" x14ac:dyDescent="0.35">
      <c r="A17428" s="1" t="s">
        <v>1344</v>
      </c>
      <c r="B17428" s="1" t="s">
        <v>53796</v>
      </c>
      <c r="C17428" s="1" t="s">
        <v>20</v>
      </c>
      <c r="D17428" s="1" t="s">
        <v>61020</v>
      </c>
      <c r="E17428" s="1" t="s">
        <v>64086</v>
      </c>
      <c r="F17428" s="1" t="s">
        <v>64087</v>
      </c>
      <c r="G17428" s="1" t="s">
        <v>64080</v>
      </c>
      <c r="H17428" s="1" t="s">
        <v>64081</v>
      </c>
      <c r="I17428" s="1" t="s">
        <v>53800</v>
      </c>
      <c r="J17428" s="1" t="s">
        <v>64088</v>
      </c>
    </row>
    <row r="17429" spans="1:10" x14ac:dyDescent="0.35">
      <c r="A17429" s="1" t="s">
        <v>1344</v>
      </c>
      <c r="B17429" s="1" t="s">
        <v>53796</v>
      </c>
      <c r="C17429" s="1" t="s">
        <v>25</v>
      </c>
      <c r="D17429" s="1" t="s">
        <v>54343</v>
      </c>
      <c r="E17429" s="1" t="s">
        <v>64089</v>
      </c>
      <c r="F17429" s="1" t="s">
        <v>64090</v>
      </c>
      <c r="G17429" s="1" t="s">
        <v>64080</v>
      </c>
      <c r="H17429" s="1" t="s">
        <v>64081</v>
      </c>
      <c r="I17429" s="1" t="s">
        <v>53800</v>
      </c>
      <c r="J17429" s="1" t="s">
        <v>64091</v>
      </c>
    </row>
    <row r="17430" spans="1:10" x14ac:dyDescent="0.35">
      <c r="A17430" s="1" t="s">
        <v>1344</v>
      </c>
      <c r="B17430" s="1" t="s">
        <v>53796</v>
      </c>
      <c r="C17430" s="1" t="s">
        <v>30</v>
      </c>
      <c r="D17430" s="1" t="s">
        <v>64092</v>
      </c>
      <c r="E17430" s="1" t="s">
        <v>64093</v>
      </c>
      <c r="F17430" s="1" t="s">
        <v>64094</v>
      </c>
      <c r="G17430" s="1" t="s">
        <v>64080</v>
      </c>
      <c r="H17430" s="1" t="s">
        <v>64081</v>
      </c>
      <c r="I17430" s="1" t="s">
        <v>53800</v>
      </c>
      <c r="J17430" s="1" t="s">
        <v>64095</v>
      </c>
    </row>
    <row r="17431" spans="1:10" x14ac:dyDescent="0.35">
      <c r="A17431" s="1" t="s">
        <v>1344</v>
      </c>
      <c r="B17431" s="1" t="s">
        <v>53796</v>
      </c>
      <c r="C17431" s="1" t="s">
        <v>35</v>
      </c>
      <c r="D17431" s="1" t="s">
        <v>64096</v>
      </c>
      <c r="E17431" s="1" t="s">
        <v>64097</v>
      </c>
      <c r="F17431" s="1" t="s">
        <v>64098</v>
      </c>
      <c r="G17431" s="1" t="s">
        <v>64080</v>
      </c>
      <c r="H17431" s="1" t="s">
        <v>64081</v>
      </c>
      <c r="I17431" s="1" t="s">
        <v>53800</v>
      </c>
      <c r="J17431" s="1" t="s">
        <v>64099</v>
      </c>
    </row>
    <row r="17432" spans="1:10" x14ac:dyDescent="0.35">
      <c r="A17432" s="1" t="s">
        <v>1344</v>
      </c>
      <c r="B17432" s="1" t="s">
        <v>53796</v>
      </c>
      <c r="C17432" s="1" t="s">
        <v>40</v>
      </c>
      <c r="D17432" s="1" t="s">
        <v>64100</v>
      </c>
      <c r="E17432" s="1" t="s">
        <v>64101</v>
      </c>
      <c r="F17432" s="1" t="s">
        <v>64102</v>
      </c>
      <c r="G17432" s="1" t="s">
        <v>64080</v>
      </c>
      <c r="H17432" s="1" t="s">
        <v>64081</v>
      </c>
      <c r="I17432" s="1" t="s">
        <v>53800</v>
      </c>
      <c r="J17432" s="1" t="s">
        <v>64103</v>
      </c>
    </row>
    <row r="17433" spans="1:10" x14ac:dyDescent="0.35">
      <c r="A17433" s="1" t="s">
        <v>1344</v>
      </c>
      <c r="B17433" s="1" t="s">
        <v>53796</v>
      </c>
      <c r="C17433" s="1" t="s">
        <v>45</v>
      </c>
      <c r="D17433" s="1" t="s">
        <v>64104</v>
      </c>
      <c r="E17433" s="1" t="s">
        <v>64105</v>
      </c>
      <c r="F17433" s="1" t="s">
        <v>64106</v>
      </c>
      <c r="G17433" s="1" t="s">
        <v>64080</v>
      </c>
      <c r="H17433" s="1" t="s">
        <v>64081</v>
      </c>
      <c r="I17433" s="1" t="s">
        <v>53800</v>
      </c>
      <c r="J17433" s="1" t="s">
        <v>64107</v>
      </c>
    </row>
    <row r="17434" spans="1:10" x14ac:dyDescent="0.35">
      <c r="A17434" s="1" t="s">
        <v>1344</v>
      </c>
      <c r="B17434" s="1" t="s">
        <v>53796</v>
      </c>
      <c r="C17434" s="1" t="s">
        <v>50</v>
      </c>
      <c r="D17434" s="1" t="s">
        <v>64108</v>
      </c>
      <c r="E17434" s="1" t="s">
        <v>64109</v>
      </c>
      <c r="F17434" s="1" t="s">
        <v>64110</v>
      </c>
      <c r="G17434" s="1" t="s">
        <v>64080</v>
      </c>
      <c r="H17434" s="1" t="s">
        <v>64081</v>
      </c>
      <c r="I17434" s="1" t="s">
        <v>53800</v>
      </c>
      <c r="J17434" s="1" t="s">
        <v>64111</v>
      </c>
    </row>
    <row r="17435" spans="1:10" x14ac:dyDescent="0.35">
      <c r="A17435" s="1" t="s">
        <v>1344</v>
      </c>
      <c r="B17435" s="1" t="s">
        <v>53796</v>
      </c>
      <c r="C17435" s="1" t="s">
        <v>55</v>
      </c>
      <c r="D17435" s="1" t="s">
        <v>64112</v>
      </c>
      <c r="E17435" s="1" t="s">
        <v>64113</v>
      </c>
      <c r="F17435" s="1" t="s">
        <v>64114</v>
      </c>
      <c r="G17435" s="1" t="s">
        <v>64080</v>
      </c>
      <c r="H17435" s="1" t="s">
        <v>64081</v>
      </c>
      <c r="I17435" s="1" t="s">
        <v>53800</v>
      </c>
      <c r="J17435" s="1" t="s">
        <v>64115</v>
      </c>
    </row>
    <row r="17436" spans="1:10" x14ac:dyDescent="0.35">
      <c r="A17436" s="1" t="s">
        <v>1344</v>
      </c>
      <c r="B17436" s="1" t="s">
        <v>53796</v>
      </c>
      <c r="C17436" s="1" t="s">
        <v>60</v>
      </c>
      <c r="D17436" s="1" t="s">
        <v>64116</v>
      </c>
      <c r="E17436" s="1" t="s">
        <v>64117</v>
      </c>
      <c r="F17436" s="1" t="s">
        <v>64118</v>
      </c>
      <c r="G17436" s="1" t="s">
        <v>64080</v>
      </c>
      <c r="H17436" s="1" t="s">
        <v>64081</v>
      </c>
      <c r="I17436" s="1" t="s">
        <v>53800</v>
      </c>
      <c r="J17436" s="1" t="s">
        <v>64119</v>
      </c>
    </row>
    <row r="17437" spans="1:10" x14ac:dyDescent="0.35">
      <c r="A17437" s="1" t="s">
        <v>1344</v>
      </c>
      <c r="B17437" s="1" t="s">
        <v>53796</v>
      </c>
      <c r="C17437" s="1" t="s">
        <v>65</v>
      </c>
      <c r="D17437" s="1" t="s">
        <v>64120</v>
      </c>
      <c r="E17437" s="1" t="s">
        <v>64121</v>
      </c>
      <c r="F17437" s="1" t="s">
        <v>64122</v>
      </c>
      <c r="G17437" s="1" t="s">
        <v>64080</v>
      </c>
      <c r="H17437" s="1" t="s">
        <v>64081</v>
      </c>
      <c r="I17437" s="1" t="s">
        <v>53800</v>
      </c>
      <c r="J17437" s="1" t="s">
        <v>64123</v>
      </c>
    </row>
    <row r="17438" spans="1:10" x14ac:dyDescent="0.35">
      <c r="A17438" s="1" t="s">
        <v>1344</v>
      </c>
      <c r="B17438" s="1" t="s">
        <v>53796</v>
      </c>
      <c r="C17438" s="1" t="s">
        <v>70</v>
      </c>
      <c r="D17438" s="1" t="s">
        <v>40898</v>
      </c>
      <c r="E17438" s="1" t="s">
        <v>64124</v>
      </c>
      <c r="F17438" s="1" t="s">
        <v>64125</v>
      </c>
      <c r="G17438" s="1" t="s">
        <v>64080</v>
      </c>
      <c r="H17438" s="1" t="s">
        <v>64081</v>
      </c>
      <c r="I17438" s="1" t="s">
        <v>53800</v>
      </c>
      <c r="J17438" s="1" t="s">
        <v>64126</v>
      </c>
    </row>
    <row r="17439" spans="1:10" x14ac:dyDescent="0.35">
      <c r="A17439" s="1" t="s">
        <v>1344</v>
      </c>
      <c r="B17439" s="1" t="s">
        <v>53796</v>
      </c>
      <c r="C17439" s="1" t="s">
        <v>75</v>
      </c>
      <c r="D17439" s="1" t="s">
        <v>64127</v>
      </c>
      <c r="E17439" s="1" t="s">
        <v>64128</v>
      </c>
      <c r="F17439" s="1" t="s">
        <v>64129</v>
      </c>
      <c r="G17439" s="1" t="s">
        <v>64080</v>
      </c>
      <c r="H17439" s="1" t="s">
        <v>64081</v>
      </c>
      <c r="I17439" s="1" t="s">
        <v>53800</v>
      </c>
      <c r="J17439" s="1" t="s">
        <v>64130</v>
      </c>
    </row>
    <row r="17440" spans="1:10" x14ac:dyDescent="0.35">
      <c r="A17440" s="1" t="s">
        <v>1344</v>
      </c>
      <c r="B17440" s="1" t="s">
        <v>53796</v>
      </c>
      <c r="C17440" s="1" t="s">
        <v>80</v>
      </c>
      <c r="D17440" s="1" t="s">
        <v>64131</v>
      </c>
      <c r="E17440" s="1" t="s">
        <v>64132</v>
      </c>
      <c r="F17440" s="1" t="s">
        <v>64133</v>
      </c>
      <c r="G17440" s="1" t="s">
        <v>64080</v>
      </c>
      <c r="H17440" s="1" t="s">
        <v>64081</v>
      </c>
      <c r="I17440" s="1" t="s">
        <v>53800</v>
      </c>
      <c r="J17440" s="1" t="s">
        <v>64134</v>
      </c>
    </row>
    <row r="17441" spans="1:10" x14ac:dyDescent="0.35">
      <c r="A17441" s="1" t="s">
        <v>1344</v>
      </c>
      <c r="B17441" s="1" t="s">
        <v>53796</v>
      </c>
      <c r="C17441" s="1" t="s">
        <v>85</v>
      </c>
      <c r="D17441" s="1" t="s">
        <v>64135</v>
      </c>
      <c r="E17441" s="1" t="s">
        <v>64136</v>
      </c>
      <c r="F17441" s="1" t="s">
        <v>64137</v>
      </c>
      <c r="G17441" s="1" t="s">
        <v>64080</v>
      </c>
      <c r="H17441" s="1" t="s">
        <v>64081</v>
      </c>
      <c r="I17441" s="1" t="s">
        <v>53800</v>
      </c>
      <c r="J17441" s="1" t="s">
        <v>64138</v>
      </c>
    </row>
    <row r="17442" spans="1:10" x14ac:dyDescent="0.35">
      <c r="A17442" s="1" t="s">
        <v>1344</v>
      </c>
      <c r="B17442" s="1" t="s">
        <v>53796</v>
      </c>
      <c r="C17442" s="1" t="s">
        <v>90</v>
      </c>
      <c r="D17442" s="1" t="s">
        <v>64139</v>
      </c>
      <c r="E17442" s="1" t="s">
        <v>64140</v>
      </c>
      <c r="F17442" s="1" t="s">
        <v>64141</v>
      </c>
      <c r="G17442" s="1" t="s">
        <v>64080</v>
      </c>
      <c r="H17442" s="1" t="s">
        <v>64081</v>
      </c>
      <c r="I17442" s="1" t="s">
        <v>53800</v>
      </c>
      <c r="J17442" s="1" t="s">
        <v>64142</v>
      </c>
    </row>
    <row r="17443" spans="1:10" x14ac:dyDescent="0.35">
      <c r="A17443" s="1" t="s">
        <v>1344</v>
      </c>
      <c r="B17443" s="1" t="s">
        <v>53796</v>
      </c>
      <c r="C17443" s="1" t="s">
        <v>95</v>
      </c>
      <c r="D17443" s="1" t="s">
        <v>64143</v>
      </c>
      <c r="E17443" s="1" t="s">
        <v>64144</v>
      </c>
      <c r="F17443" s="1" t="s">
        <v>64145</v>
      </c>
      <c r="G17443" s="1" t="s">
        <v>64080</v>
      </c>
      <c r="H17443" s="1" t="s">
        <v>64081</v>
      </c>
      <c r="I17443" s="1" t="s">
        <v>53800</v>
      </c>
      <c r="J17443" s="1" t="s">
        <v>64146</v>
      </c>
    </row>
    <row r="17444" spans="1:10" x14ac:dyDescent="0.35">
      <c r="A17444" s="1" t="s">
        <v>1344</v>
      </c>
      <c r="B17444" s="1" t="s">
        <v>53796</v>
      </c>
      <c r="C17444" s="1" t="s">
        <v>100</v>
      </c>
      <c r="D17444" s="1" t="s">
        <v>64147</v>
      </c>
      <c r="E17444" s="1" t="s">
        <v>64148</v>
      </c>
      <c r="F17444" s="1" t="s">
        <v>64149</v>
      </c>
      <c r="G17444" s="1" t="s">
        <v>64080</v>
      </c>
      <c r="H17444" s="1" t="s">
        <v>64081</v>
      </c>
      <c r="I17444" s="1" t="s">
        <v>53800</v>
      </c>
      <c r="J17444" s="1" t="s">
        <v>64150</v>
      </c>
    </row>
    <row r="17445" spans="1:10" x14ac:dyDescent="0.35">
      <c r="A17445" s="1" t="s">
        <v>1344</v>
      </c>
      <c r="B17445" s="1" t="s">
        <v>53796</v>
      </c>
      <c r="C17445" s="1" t="s">
        <v>105</v>
      </c>
      <c r="D17445" s="1" t="s">
        <v>64151</v>
      </c>
      <c r="E17445" s="1" t="s">
        <v>64152</v>
      </c>
      <c r="F17445" s="1" t="s">
        <v>64153</v>
      </c>
      <c r="G17445" s="1" t="s">
        <v>64080</v>
      </c>
      <c r="H17445" s="1" t="s">
        <v>64081</v>
      </c>
      <c r="I17445" s="1" t="s">
        <v>53800</v>
      </c>
      <c r="J17445" s="1" t="s">
        <v>64154</v>
      </c>
    </row>
    <row r="17446" spans="1:10" x14ac:dyDescent="0.35">
      <c r="A17446" s="1" t="s">
        <v>1344</v>
      </c>
      <c r="B17446" s="1" t="s">
        <v>53796</v>
      </c>
      <c r="C17446" s="1" t="s">
        <v>110</v>
      </c>
      <c r="D17446" s="1" t="s">
        <v>64155</v>
      </c>
      <c r="E17446" s="1" t="s">
        <v>64156</v>
      </c>
      <c r="F17446" s="1" t="s">
        <v>64157</v>
      </c>
      <c r="G17446" s="1" t="s">
        <v>64080</v>
      </c>
      <c r="H17446" s="1" t="s">
        <v>64081</v>
      </c>
      <c r="I17446" s="1" t="s">
        <v>53800</v>
      </c>
      <c r="J17446" s="1" t="s">
        <v>64158</v>
      </c>
    </row>
    <row r="17447" spans="1:10" x14ac:dyDescent="0.35">
      <c r="A17447" s="1" t="s">
        <v>1344</v>
      </c>
      <c r="B17447" s="1" t="s">
        <v>53796</v>
      </c>
      <c r="C17447" s="1" t="s">
        <v>115</v>
      </c>
      <c r="D17447" s="1" t="s">
        <v>64159</v>
      </c>
      <c r="E17447" s="1" t="s">
        <v>64160</v>
      </c>
      <c r="F17447" s="1" t="s">
        <v>64161</v>
      </c>
      <c r="G17447" s="1" t="s">
        <v>64080</v>
      </c>
      <c r="H17447" s="1" t="s">
        <v>64081</v>
      </c>
      <c r="I17447" s="1" t="s">
        <v>53800</v>
      </c>
      <c r="J17447" s="1" t="s">
        <v>64162</v>
      </c>
    </row>
    <row r="17448" spans="1:10" x14ac:dyDescent="0.35">
      <c r="A17448" s="1" t="s">
        <v>1344</v>
      </c>
      <c r="B17448" s="1" t="s">
        <v>53796</v>
      </c>
      <c r="C17448" s="1" t="s">
        <v>120</v>
      </c>
      <c r="D17448" s="1" t="s">
        <v>64163</v>
      </c>
      <c r="E17448" s="1" t="s">
        <v>64164</v>
      </c>
      <c r="F17448" s="1" t="s">
        <v>64165</v>
      </c>
      <c r="G17448" s="1" t="s">
        <v>64080</v>
      </c>
      <c r="H17448" s="1" t="s">
        <v>64081</v>
      </c>
      <c r="I17448" s="1" t="s">
        <v>53800</v>
      </c>
      <c r="J17448" s="1" t="s">
        <v>64166</v>
      </c>
    </row>
    <row r="17449" spans="1:10" x14ac:dyDescent="0.35">
      <c r="A17449" s="1" t="s">
        <v>1344</v>
      </c>
      <c r="B17449" s="1" t="s">
        <v>53796</v>
      </c>
      <c r="C17449" s="1" t="s">
        <v>125</v>
      </c>
      <c r="D17449" s="1" t="s">
        <v>64167</v>
      </c>
      <c r="E17449" s="1" t="s">
        <v>64168</v>
      </c>
      <c r="F17449" s="1" t="s">
        <v>64169</v>
      </c>
      <c r="G17449" s="1" t="s">
        <v>64080</v>
      </c>
      <c r="H17449" s="1" t="s">
        <v>64081</v>
      </c>
      <c r="I17449" s="1" t="s">
        <v>53800</v>
      </c>
      <c r="J17449" s="1" t="s">
        <v>64170</v>
      </c>
    </row>
    <row r="17450" spans="1:10" x14ac:dyDescent="0.35">
      <c r="A17450" s="1" t="s">
        <v>1344</v>
      </c>
      <c r="B17450" s="1" t="s">
        <v>53796</v>
      </c>
      <c r="C17450" s="1" t="s">
        <v>130</v>
      </c>
      <c r="D17450" s="1" t="s">
        <v>64171</v>
      </c>
      <c r="E17450" s="1" t="s">
        <v>64172</v>
      </c>
      <c r="F17450" s="1" t="s">
        <v>64173</v>
      </c>
      <c r="G17450" s="1" t="s">
        <v>64080</v>
      </c>
      <c r="H17450" s="1" t="s">
        <v>64081</v>
      </c>
      <c r="I17450" s="1" t="s">
        <v>53800</v>
      </c>
      <c r="J17450" s="1" t="s">
        <v>64174</v>
      </c>
    </row>
    <row r="17451" spans="1:10" x14ac:dyDescent="0.35">
      <c r="A17451" s="1" t="s">
        <v>1344</v>
      </c>
      <c r="B17451" s="1" t="s">
        <v>53796</v>
      </c>
      <c r="C17451" s="1" t="s">
        <v>135</v>
      </c>
      <c r="D17451" s="1" t="s">
        <v>64175</v>
      </c>
      <c r="E17451" s="1" t="s">
        <v>64176</v>
      </c>
      <c r="F17451" s="1" t="s">
        <v>64177</v>
      </c>
      <c r="G17451" s="1" t="s">
        <v>64080</v>
      </c>
      <c r="H17451" s="1" t="s">
        <v>64081</v>
      </c>
      <c r="I17451" s="1" t="s">
        <v>53800</v>
      </c>
      <c r="J17451" s="1" t="s">
        <v>64178</v>
      </c>
    </row>
    <row r="17452" spans="1:10" x14ac:dyDescent="0.35">
      <c r="A17452" s="1" t="s">
        <v>1344</v>
      </c>
      <c r="B17452" s="1" t="s">
        <v>53796</v>
      </c>
      <c r="C17452" s="1" t="s">
        <v>140</v>
      </c>
      <c r="D17452" s="1" t="s">
        <v>64179</v>
      </c>
      <c r="E17452" s="1" t="s">
        <v>64180</v>
      </c>
      <c r="F17452" s="1" t="s">
        <v>64181</v>
      </c>
      <c r="G17452" s="1" t="s">
        <v>64080</v>
      </c>
      <c r="H17452" s="1" t="s">
        <v>64081</v>
      </c>
      <c r="I17452" s="1" t="s">
        <v>53800</v>
      </c>
      <c r="J17452" s="1" t="s">
        <v>64182</v>
      </c>
    </row>
    <row r="17453" spans="1:10" x14ac:dyDescent="0.35">
      <c r="A17453" s="1" t="s">
        <v>1344</v>
      </c>
      <c r="B17453" s="1" t="s">
        <v>53796</v>
      </c>
      <c r="C17453" s="1" t="s">
        <v>145</v>
      </c>
      <c r="D17453" s="1" t="s">
        <v>64183</v>
      </c>
      <c r="E17453" s="1" t="s">
        <v>64184</v>
      </c>
      <c r="F17453" s="1" t="s">
        <v>64185</v>
      </c>
      <c r="G17453" s="1" t="s">
        <v>64080</v>
      </c>
      <c r="H17453" s="1" t="s">
        <v>64081</v>
      </c>
      <c r="I17453" s="1" t="s">
        <v>53800</v>
      </c>
      <c r="J17453" s="1" t="s">
        <v>64186</v>
      </c>
    </row>
    <row r="17454" spans="1:10" x14ac:dyDescent="0.35">
      <c r="A17454" s="1" t="s">
        <v>1344</v>
      </c>
      <c r="B17454" s="1" t="s">
        <v>53796</v>
      </c>
      <c r="C17454" s="1" t="s">
        <v>150</v>
      </c>
      <c r="D17454" s="1" t="s">
        <v>64187</v>
      </c>
      <c r="E17454" s="1" t="s">
        <v>64188</v>
      </c>
      <c r="F17454" s="1" t="s">
        <v>64189</v>
      </c>
      <c r="G17454" s="1" t="s">
        <v>64080</v>
      </c>
      <c r="H17454" s="1" t="s">
        <v>64081</v>
      </c>
      <c r="I17454" s="1" t="s">
        <v>53800</v>
      </c>
      <c r="J17454" s="1" t="s">
        <v>64190</v>
      </c>
    </row>
    <row r="17455" spans="1:10" x14ac:dyDescent="0.35">
      <c r="A17455" s="1" t="s">
        <v>1344</v>
      </c>
      <c r="B17455" s="1" t="s">
        <v>53796</v>
      </c>
      <c r="C17455" s="1" t="s">
        <v>155</v>
      </c>
      <c r="D17455" s="1" t="s">
        <v>64191</v>
      </c>
      <c r="E17455" s="1" t="s">
        <v>64192</v>
      </c>
      <c r="F17455" s="1" t="s">
        <v>64193</v>
      </c>
      <c r="G17455" s="1" t="s">
        <v>64080</v>
      </c>
      <c r="H17455" s="1" t="s">
        <v>64081</v>
      </c>
      <c r="I17455" s="1" t="s">
        <v>53800</v>
      </c>
      <c r="J17455" s="1" t="s">
        <v>64194</v>
      </c>
    </row>
    <row r="17456" spans="1:10" x14ac:dyDescent="0.35">
      <c r="A17456" s="1" t="s">
        <v>1344</v>
      </c>
      <c r="B17456" s="1" t="s">
        <v>53796</v>
      </c>
      <c r="C17456" s="1" t="s">
        <v>160</v>
      </c>
      <c r="D17456" s="1" t="s">
        <v>64195</v>
      </c>
      <c r="E17456" s="1" t="s">
        <v>64196</v>
      </c>
      <c r="F17456" s="1" t="s">
        <v>64197</v>
      </c>
      <c r="G17456" s="1" t="s">
        <v>64080</v>
      </c>
      <c r="H17456" s="1" t="s">
        <v>64081</v>
      </c>
      <c r="I17456" s="1" t="s">
        <v>53800</v>
      </c>
      <c r="J17456" s="1" t="s">
        <v>64198</v>
      </c>
    </row>
    <row r="17457" spans="1:10" x14ac:dyDescent="0.35">
      <c r="A17457" s="1" t="s">
        <v>1344</v>
      </c>
      <c r="B17457" s="1" t="s">
        <v>53796</v>
      </c>
      <c r="C17457" s="1" t="s">
        <v>165</v>
      </c>
      <c r="D17457" s="1" t="s">
        <v>64199</v>
      </c>
      <c r="E17457" s="1" t="s">
        <v>64200</v>
      </c>
      <c r="F17457" s="1" t="s">
        <v>64201</v>
      </c>
      <c r="G17457" s="1" t="s">
        <v>64080</v>
      </c>
      <c r="H17457" s="1" t="s">
        <v>64081</v>
      </c>
      <c r="I17457" s="1" t="s">
        <v>53800</v>
      </c>
      <c r="J17457" s="1" t="s">
        <v>64202</v>
      </c>
    </row>
    <row r="17458" spans="1:10" x14ac:dyDescent="0.35">
      <c r="A17458" s="1" t="s">
        <v>1344</v>
      </c>
      <c r="B17458" s="1" t="s">
        <v>53796</v>
      </c>
      <c r="C17458" s="1" t="s">
        <v>170</v>
      </c>
      <c r="D17458" s="1" t="s">
        <v>64203</v>
      </c>
      <c r="E17458" s="1" t="s">
        <v>64204</v>
      </c>
      <c r="F17458" s="1" t="s">
        <v>64205</v>
      </c>
      <c r="G17458" s="1" t="s">
        <v>64080</v>
      </c>
      <c r="H17458" s="1" t="s">
        <v>64081</v>
      </c>
      <c r="I17458" s="1" t="s">
        <v>53800</v>
      </c>
      <c r="J17458" s="1" t="s">
        <v>64206</v>
      </c>
    </row>
    <row r="17459" spans="1:10" x14ac:dyDescent="0.35">
      <c r="A17459" s="1" t="s">
        <v>25344</v>
      </c>
      <c r="B17459" s="1" t="s">
        <v>53796</v>
      </c>
      <c r="C17459" s="1" t="s">
        <v>8</v>
      </c>
      <c r="D17459" s="1" t="s">
        <v>64207</v>
      </c>
      <c r="E17459" s="1" t="s">
        <v>23450</v>
      </c>
      <c r="F17459" s="1" t="s">
        <v>61380</v>
      </c>
      <c r="G17459" s="1" t="s">
        <v>64208</v>
      </c>
      <c r="H17459" s="1" t="s">
        <v>64209</v>
      </c>
      <c r="I17459" s="1" t="s">
        <v>53800</v>
      </c>
      <c r="J17459" s="1" t="s">
        <v>13</v>
      </c>
    </row>
    <row r="17460" spans="1:10" x14ac:dyDescent="0.35">
      <c r="A17460" s="1" t="s">
        <v>25344</v>
      </c>
      <c r="B17460" s="1" t="s">
        <v>53796</v>
      </c>
      <c r="C17460" s="1" t="s">
        <v>15</v>
      </c>
      <c r="D17460" s="1" t="s">
        <v>64210</v>
      </c>
      <c r="E17460" s="1" t="s">
        <v>21737</v>
      </c>
      <c r="F17460" s="1" t="s">
        <v>64211</v>
      </c>
      <c r="G17460" s="1" t="s">
        <v>64208</v>
      </c>
      <c r="H17460" s="1" t="s">
        <v>64209</v>
      </c>
      <c r="I17460" s="1" t="s">
        <v>53800</v>
      </c>
      <c r="J17460" s="1" t="s">
        <v>64212</v>
      </c>
    </row>
    <row r="17461" spans="1:10" x14ac:dyDescent="0.35">
      <c r="A17461" s="1" t="s">
        <v>25344</v>
      </c>
      <c r="B17461" s="1" t="s">
        <v>53796</v>
      </c>
      <c r="C17461" s="1" t="s">
        <v>20</v>
      </c>
      <c r="D17461" s="1" t="s">
        <v>64213</v>
      </c>
      <c r="E17461" s="1" t="s">
        <v>23232</v>
      </c>
      <c r="F17461" s="1" t="s">
        <v>64214</v>
      </c>
      <c r="G17461" s="1" t="s">
        <v>64208</v>
      </c>
      <c r="H17461" s="1" t="s">
        <v>64209</v>
      </c>
      <c r="I17461" s="1" t="s">
        <v>53800</v>
      </c>
      <c r="J17461" s="1" t="s">
        <v>64215</v>
      </c>
    </row>
    <row r="17462" spans="1:10" x14ac:dyDescent="0.35">
      <c r="A17462" s="1" t="s">
        <v>25344</v>
      </c>
      <c r="B17462" s="1" t="s">
        <v>53796</v>
      </c>
      <c r="C17462" s="1" t="s">
        <v>25</v>
      </c>
      <c r="D17462" s="1" t="s">
        <v>24563</v>
      </c>
      <c r="E17462" s="1" t="s">
        <v>22036</v>
      </c>
      <c r="F17462" s="1" t="s">
        <v>64216</v>
      </c>
      <c r="G17462" s="1" t="s">
        <v>64208</v>
      </c>
      <c r="H17462" s="1" t="s">
        <v>64209</v>
      </c>
      <c r="I17462" s="1" t="s">
        <v>53800</v>
      </c>
      <c r="J17462" s="1" t="s">
        <v>64217</v>
      </c>
    </row>
    <row r="17463" spans="1:10" x14ac:dyDescent="0.35">
      <c r="A17463" s="1" t="s">
        <v>25344</v>
      </c>
      <c r="B17463" s="1" t="s">
        <v>53796</v>
      </c>
      <c r="C17463" s="1" t="s">
        <v>30</v>
      </c>
      <c r="D17463" s="1" t="s">
        <v>64218</v>
      </c>
      <c r="E17463" s="1" t="s">
        <v>22080</v>
      </c>
      <c r="F17463" s="1" t="s">
        <v>64219</v>
      </c>
      <c r="G17463" s="1" t="s">
        <v>64208</v>
      </c>
      <c r="H17463" s="1" t="s">
        <v>64209</v>
      </c>
      <c r="I17463" s="1" t="s">
        <v>53800</v>
      </c>
      <c r="J17463" s="1" t="s">
        <v>64220</v>
      </c>
    </row>
    <row r="17464" spans="1:10" x14ac:dyDescent="0.35">
      <c r="A17464" s="1" t="s">
        <v>25344</v>
      </c>
      <c r="B17464" s="1" t="s">
        <v>53796</v>
      </c>
      <c r="C17464" s="1" t="s">
        <v>35</v>
      </c>
      <c r="D17464" s="1" t="s">
        <v>64221</v>
      </c>
      <c r="E17464" s="1" t="s">
        <v>41262</v>
      </c>
      <c r="F17464" s="1" t="s">
        <v>64222</v>
      </c>
      <c r="G17464" s="1" t="s">
        <v>64208</v>
      </c>
      <c r="H17464" s="1" t="s">
        <v>64209</v>
      </c>
      <c r="I17464" s="1" t="s">
        <v>53800</v>
      </c>
      <c r="J17464" s="1" t="s">
        <v>64223</v>
      </c>
    </row>
    <row r="17465" spans="1:10" x14ac:dyDescent="0.35">
      <c r="A17465" s="1" t="s">
        <v>25344</v>
      </c>
      <c r="B17465" s="1" t="s">
        <v>53796</v>
      </c>
      <c r="C17465" s="1" t="s">
        <v>40</v>
      </c>
      <c r="D17465" s="1" t="s">
        <v>64224</v>
      </c>
      <c r="E17465" s="1" t="s">
        <v>55500</v>
      </c>
      <c r="F17465" s="1" t="s">
        <v>64225</v>
      </c>
      <c r="G17465" s="1" t="s">
        <v>64208</v>
      </c>
      <c r="H17465" s="1" t="s">
        <v>64209</v>
      </c>
      <c r="I17465" s="1" t="s">
        <v>53800</v>
      </c>
      <c r="J17465" s="1" t="s">
        <v>64226</v>
      </c>
    </row>
    <row r="17466" spans="1:10" x14ac:dyDescent="0.35">
      <c r="A17466" s="1" t="s">
        <v>25344</v>
      </c>
      <c r="B17466" s="1" t="s">
        <v>53796</v>
      </c>
      <c r="C17466" s="1" t="s">
        <v>45</v>
      </c>
      <c r="D17466" s="1" t="s">
        <v>64227</v>
      </c>
      <c r="E17466" s="1" t="s">
        <v>21834</v>
      </c>
      <c r="F17466" s="1" t="s">
        <v>32581</v>
      </c>
      <c r="G17466" s="1" t="s">
        <v>64208</v>
      </c>
      <c r="H17466" s="1" t="s">
        <v>64209</v>
      </c>
      <c r="I17466" s="1" t="s">
        <v>53800</v>
      </c>
      <c r="J17466" s="1" t="s">
        <v>64228</v>
      </c>
    </row>
    <row r="17467" spans="1:10" x14ac:dyDescent="0.35">
      <c r="A17467" s="1" t="s">
        <v>25344</v>
      </c>
      <c r="B17467" s="1" t="s">
        <v>53796</v>
      </c>
      <c r="C17467" s="1" t="s">
        <v>50</v>
      </c>
      <c r="D17467" s="1" t="s">
        <v>52900</v>
      </c>
      <c r="E17467" s="1" t="s">
        <v>15853</v>
      </c>
      <c r="F17467" s="1" t="s">
        <v>63850</v>
      </c>
      <c r="G17467" s="1" t="s">
        <v>64208</v>
      </c>
      <c r="H17467" s="1" t="s">
        <v>64209</v>
      </c>
      <c r="I17467" s="1" t="s">
        <v>53800</v>
      </c>
      <c r="J17467" s="1" t="s">
        <v>64229</v>
      </c>
    </row>
    <row r="17468" spans="1:10" x14ac:dyDescent="0.35">
      <c r="A17468" s="1" t="s">
        <v>25344</v>
      </c>
      <c r="B17468" s="1" t="s">
        <v>53796</v>
      </c>
      <c r="C17468" s="1" t="s">
        <v>55</v>
      </c>
      <c r="D17468" s="1" t="s">
        <v>64230</v>
      </c>
      <c r="E17468" s="1" t="s">
        <v>54659</v>
      </c>
      <c r="F17468" s="1" t="s">
        <v>64231</v>
      </c>
      <c r="G17468" s="1" t="s">
        <v>64208</v>
      </c>
      <c r="H17468" s="1" t="s">
        <v>64209</v>
      </c>
      <c r="I17468" s="1" t="s">
        <v>53800</v>
      </c>
      <c r="J17468" s="1" t="s">
        <v>64232</v>
      </c>
    </row>
    <row r="17469" spans="1:10" x14ac:dyDescent="0.35">
      <c r="A17469" s="1" t="s">
        <v>25344</v>
      </c>
      <c r="B17469" s="1" t="s">
        <v>53796</v>
      </c>
      <c r="C17469" s="1" t="s">
        <v>60</v>
      </c>
      <c r="D17469" s="1" t="s">
        <v>64233</v>
      </c>
      <c r="E17469" s="1" t="s">
        <v>55452</v>
      </c>
      <c r="F17469" s="1" t="s">
        <v>64234</v>
      </c>
      <c r="G17469" s="1" t="s">
        <v>64208</v>
      </c>
      <c r="H17469" s="1" t="s">
        <v>64209</v>
      </c>
      <c r="I17469" s="1" t="s">
        <v>53800</v>
      </c>
      <c r="J17469" s="1" t="s">
        <v>64235</v>
      </c>
    </row>
    <row r="17470" spans="1:10" x14ac:dyDescent="0.35">
      <c r="A17470" s="1" t="s">
        <v>25344</v>
      </c>
      <c r="B17470" s="1" t="s">
        <v>53796</v>
      </c>
      <c r="C17470" s="1" t="s">
        <v>65</v>
      </c>
      <c r="D17470" s="1" t="s">
        <v>54820</v>
      </c>
      <c r="E17470" s="1" t="s">
        <v>59335</v>
      </c>
      <c r="F17470" s="1" t="s">
        <v>64236</v>
      </c>
      <c r="G17470" s="1" t="s">
        <v>64208</v>
      </c>
      <c r="H17470" s="1" t="s">
        <v>64209</v>
      </c>
      <c r="I17470" s="1" t="s">
        <v>53800</v>
      </c>
      <c r="J17470" s="1" t="s">
        <v>64237</v>
      </c>
    </row>
    <row r="17471" spans="1:10" x14ac:dyDescent="0.35">
      <c r="A17471" s="1" t="s">
        <v>25344</v>
      </c>
      <c r="B17471" s="1" t="s">
        <v>53796</v>
      </c>
      <c r="C17471" s="1" t="s">
        <v>70</v>
      </c>
      <c r="D17471" s="1" t="s">
        <v>64238</v>
      </c>
      <c r="E17471" s="1" t="s">
        <v>24225</v>
      </c>
      <c r="F17471" s="1" t="s">
        <v>56260</v>
      </c>
      <c r="G17471" s="1" t="s">
        <v>64208</v>
      </c>
      <c r="H17471" s="1" t="s">
        <v>64209</v>
      </c>
      <c r="I17471" s="1" t="s">
        <v>53800</v>
      </c>
      <c r="J17471" s="1" t="s">
        <v>64239</v>
      </c>
    </row>
    <row r="17472" spans="1:10" x14ac:dyDescent="0.35">
      <c r="A17472" s="1" t="s">
        <v>25344</v>
      </c>
      <c r="B17472" s="1" t="s">
        <v>53796</v>
      </c>
      <c r="C17472" s="1" t="s">
        <v>75</v>
      </c>
      <c r="D17472" s="1" t="s">
        <v>64240</v>
      </c>
      <c r="E17472" s="1" t="s">
        <v>53965</v>
      </c>
      <c r="F17472" s="1" t="s">
        <v>64241</v>
      </c>
      <c r="G17472" s="1" t="s">
        <v>64208</v>
      </c>
      <c r="H17472" s="1" t="s">
        <v>64209</v>
      </c>
      <c r="I17472" s="1" t="s">
        <v>53800</v>
      </c>
      <c r="J17472" s="1" t="s">
        <v>64242</v>
      </c>
    </row>
    <row r="17473" spans="1:10" x14ac:dyDescent="0.35">
      <c r="A17473" s="1" t="s">
        <v>25344</v>
      </c>
      <c r="B17473" s="1" t="s">
        <v>53796</v>
      </c>
      <c r="C17473" s="1" t="s">
        <v>80</v>
      </c>
      <c r="D17473" s="1" t="s">
        <v>64243</v>
      </c>
      <c r="E17473" s="1" t="s">
        <v>56351</v>
      </c>
      <c r="F17473" s="1" t="s">
        <v>64244</v>
      </c>
      <c r="G17473" s="1" t="s">
        <v>64208</v>
      </c>
      <c r="H17473" s="1" t="s">
        <v>64209</v>
      </c>
      <c r="I17473" s="1" t="s">
        <v>53800</v>
      </c>
      <c r="J17473" s="1" t="s">
        <v>64245</v>
      </c>
    </row>
    <row r="17474" spans="1:10" x14ac:dyDescent="0.35">
      <c r="A17474" s="1" t="s">
        <v>25344</v>
      </c>
      <c r="B17474" s="1" t="s">
        <v>53796</v>
      </c>
      <c r="C17474" s="1" t="s">
        <v>85</v>
      </c>
      <c r="D17474" s="1" t="s">
        <v>64246</v>
      </c>
      <c r="E17474" s="1" t="s">
        <v>62221</v>
      </c>
      <c r="F17474" s="1" t="s">
        <v>64247</v>
      </c>
      <c r="G17474" s="1" t="s">
        <v>64208</v>
      </c>
      <c r="H17474" s="1" t="s">
        <v>64209</v>
      </c>
      <c r="I17474" s="1" t="s">
        <v>53800</v>
      </c>
      <c r="J17474" s="1" t="s">
        <v>64248</v>
      </c>
    </row>
    <row r="17475" spans="1:10" x14ac:dyDescent="0.35">
      <c r="A17475" s="1" t="s">
        <v>25344</v>
      </c>
      <c r="B17475" s="1" t="s">
        <v>53796</v>
      </c>
      <c r="C17475" s="1" t="s">
        <v>90</v>
      </c>
      <c r="D17475" s="1" t="s">
        <v>64249</v>
      </c>
      <c r="E17475" s="1" t="s">
        <v>54697</v>
      </c>
      <c r="F17475" s="1" t="s">
        <v>60503</v>
      </c>
      <c r="G17475" s="1" t="s">
        <v>64208</v>
      </c>
      <c r="H17475" s="1" t="s">
        <v>64209</v>
      </c>
      <c r="I17475" s="1" t="s">
        <v>53800</v>
      </c>
      <c r="J17475" s="1" t="s">
        <v>64250</v>
      </c>
    </row>
    <row r="17476" spans="1:10" x14ac:dyDescent="0.35">
      <c r="A17476" s="1" t="s">
        <v>25344</v>
      </c>
      <c r="B17476" s="1" t="s">
        <v>53796</v>
      </c>
      <c r="C17476" s="1" t="s">
        <v>95</v>
      </c>
      <c r="D17476" s="1" t="s">
        <v>64251</v>
      </c>
      <c r="E17476" s="1" t="s">
        <v>26202</v>
      </c>
      <c r="F17476" s="1" t="s">
        <v>24709</v>
      </c>
      <c r="G17476" s="1" t="s">
        <v>64208</v>
      </c>
      <c r="H17476" s="1" t="s">
        <v>64209</v>
      </c>
      <c r="I17476" s="1" t="s">
        <v>53800</v>
      </c>
      <c r="J17476" s="1" t="s">
        <v>64252</v>
      </c>
    </row>
    <row r="17477" spans="1:10" x14ac:dyDescent="0.35">
      <c r="A17477" s="1" t="s">
        <v>25344</v>
      </c>
      <c r="B17477" s="1" t="s">
        <v>53796</v>
      </c>
      <c r="C17477" s="1" t="s">
        <v>100</v>
      </c>
      <c r="D17477" s="1" t="s">
        <v>61753</v>
      </c>
      <c r="E17477" s="1" t="s">
        <v>32065</v>
      </c>
      <c r="F17477" s="1" t="s">
        <v>64253</v>
      </c>
      <c r="G17477" s="1" t="s">
        <v>64208</v>
      </c>
      <c r="H17477" s="1" t="s">
        <v>64209</v>
      </c>
      <c r="I17477" s="1" t="s">
        <v>53800</v>
      </c>
      <c r="J17477" s="1" t="s">
        <v>64254</v>
      </c>
    </row>
    <row r="17478" spans="1:10" x14ac:dyDescent="0.35">
      <c r="A17478" s="1" t="s">
        <v>25344</v>
      </c>
      <c r="B17478" s="1" t="s">
        <v>53796</v>
      </c>
      <c r="C17478" s="1" t="s">
        <v>105</v>
      </c>
      <c r="D17478" s="1" t="s">
        <v>54214</v>
      </c>
      <c r="E17478" s="1" t="s">
        <v>64255</v>
      </c>
      <c r="F17478" s="1" t="s">
        <v>64256</v>
      </c>
      <c r="G17478" s="1" t="s">
        <v>64208</v>
      </c>
      <c r="H17478" s="1" t="s">
        <v>64209</v>
      </c>
      <c r="I17478" s="1" t="s">
        <v>53800</v>
      </c>
      <c r="J17478" s="1" t="s">
        <v>64257</v>
      </c>
    </row>
    <row r="17479" spans="1:10" x14ac:dyDescent="0.35">
      <c r="A17479" s="1" t="s">
        <v>25344</v>
      </c>
      <c r="B17479" s="1" t="s">
        <v>53796</v>
      </c>
      <c r="C17479" s="1" t="s">
        <v>110</v>
      </c>
      <c r="D17479" s="1" t="s">
        <v>58815</v>
      </c>
      <c r="E17479" s="1" t="s">
        <v>41144</v>
      </c>
      <c r="F17479" s="1" t="s">
        <v>64258</v>
      </c>
      <c r="G17479" s="1" t="s">
        <v>64208</v>
      </c>
      <c r="H17479" s="1" t="s">
        <v>64209</v>
      </c>
      <c r="I17479" s="1" t="s">
        <v>53800</v>
      </c>
      <c r="J17479" s="1" t="s">
        <v>64259</v>
      </c>
    </row>
    <row r="17480" spans="1:10" x14ac:dyDescent="0.35">
      <c r="A17480" s="1" t="s">
        <v>25344</v>
      </c>
      <c r="B17480" s="1" t="s">
        <v>53796</v>
      </c>
      <c r="C17480" s="1" t="s">
        <v>115</v>
      </c>
      <c r="D17480" s="1" t="s">
        <v>54320</v>
      </c>
      <c r="E17480" s="1" t="s">
        <v>64260</v>
      </c>
      <c r="F17480" s="1" t="s">
        <v>64261</v>
      </c>
      <c r="G17480" s="1" t="s">
        <v>64208</v>
      </c>
      <c r="H17480" s="1" t="s">
        <v>64209</v>
      </c>
      <c r="I17480" s="1" t="s">
        <v>53800</v>
      </c>
      <c r="J17480" s="1" t="s">
        <v>64262</v>
      </c>
    </row>
    <row r="17481" spans="1:10" x14ac:dyDescent="0.35">
      <c r="A17481" s="1" t="s">
        <v>25344</v>
      </c>
      <c r="B17481" s="1" t="s">
        <v>53796</v>
      </c>
      <c r="C17481" s="1" t="s">
        <v>120</v>
      </c>
      <c r="D17481" s="1" t="s">
        <v>64263</v>
      </c>
      <c r="E17481" s="1" t="s">
        <v>26552</v>
      </c>
      <c r="F17481" s="1" t="s">
        <v>64264</v>
      </c>
      <c r="G17481" s="1" t="s">
        <v>64208</v>
      </c>
      <c r="H17481" s="1" t="s">
        <v>64209</v>
      </c>
      <c r="I17481" s="1" t="s">
        <v>53800</v>
      </c>
      <c r="J17481" s="1" t="s">
        <v>64265</v>
      </c>
    </row>
    <row r="17482" spans="1:10" x14ac:dyDescent="0.35">
      <c r="A17482" s="1" t="s">
        <v>25344</v>
      </c>
      <c r="B17482" s="1" t="s">
        <v>53796</v>
      </c>
      <c r="C17482" s="1" t="s">
        <v>125</v>
      </c>
      <c r="D17482" s="1" t="s">
        <v>64266</v>
      </c>
      <c r="E17482" s="1" t="s">
        <v>26552</v>
      </c>
      <c r="F17482" s="1" t="s">
        <v>64267</v>
      </c>
      <c r="G17482" s="1" t="s">
        <v>64208</v>
      </c>
      <c r="H17482" s="1" t="s">
        <v>64209</v>
      </c>
      <c r="I17482" s="1" t="s">
        <v>53800</v>
      </c>
      <c r="J17482" s="1" t="s">
        <v>64268</v>
      </c>
    </row>
    <row r="17483" spans="1:10" x14ac:dyDescent="0.35">
      <c r="A17483" s="1" t="s">
        <v>25344</v>
      </c>
      <c r="B17483" s="1" t="s">
        <v>53796</v>
      </c>
      <c r="C17483" s="1" t="s">
        <v>130</v>
      </c>
      <c r="D17483" s="1" t="s">
        <v>64269</v>
      </c>
      <c r="E17483" s="1" t="s">
        <v>64270</v>
      </c>
      <c r="F17483" s="1" t="s">
        <v>64271</v>
      </c>
      <c r="G17483" s="1" t="s">
        <v>64208</v>
      </c>
      <c r="H17483" s="1" t="s">
        <v>64209</v>
      </c>
      <c r="I17483" s="1" t="s">
        <v>53800</v>
      </c>
      <c r="J17483" s="1" t="s">
        <v>64272</v>
      </c>
    </row>
    <row r="17484" spans="1:10" x14ac:dyDescent="0.35">
      <c r="A17484" s="1" t="s">
        <v>25344</v>
      </c>
      <c r="B17484" s="1" t="s">
        <v>53796</v>
      </c>
      <c r="C17484" s="1" t="s">
        <v>135</v>
      </c>
      <c r="D17484" s="1" t="s">
        <v>64273</v>
      </c>
      <c r="E17484" s="1" t="s">
        <v>54634</v>
      </c>
      <c r="F17484" s="1" t="s">
        <v>58599</v>
      </c>
      <c r="G17484" s="1" t="s">
        <v>64208</v>
      </c>
      <c r="H17484" s="1" t="s">
        <v>64209</v>
      </c>
      <c r="I17484" s="1" t="s">
        <v>53800</v>
      </c>
      <c r="J17484" s="1" t="s">
        <v>64274</v>
      </c>
    </row>
    <row r="17485" spans="1:10" x14ac:dyDescent="0.35">
      <c r="A17485" s="1" t="s">
        <v>25344</v>
      </c>
      <c r="B17485" s="1" t="s">
        <v>53796</v>
      </c>
      <c r="C17485" s="1" t="s">
        <v>140</v>
      </c>
      <c r="D17485" s="1" t="s">
        <v>56366</v>
      </c>
      <c r="E17485" s="1" t="s">
        <v>64275</v>
      </c>
      <c r="F17485" s="1" t="s">
        <v>64276</v>
      </c>
      <c r="G17485" s="1" t="s">
        <v>64208</v>
      </c>
      <c r="H17485" s="1" t="s">
        <v>64209</v>
      </c>
      <c r="I17485" s="1" t="s">
        <v>53800</v>
      </c>
      <c r="J17485" s="1" t="s">
        <v>64277</v>
      </c>
    </row>
    <row r="17486" spans="1:10" x14ac:dyDescent="0.35">
      <c r="A17486" s="1" t="s">
        <v>25344</v>
      </c>
      <c r="B17486" s="1" t="s">
        <v>53796</v>
      </c>
      <c r="C17486" s="1" t="s">
        <v>145</v>
      </c>
      <c r="D17486" s="1" t="s">
        <v>64278</v>
      </c>
      <c r="E17486" s="1" t="s">
        <v>26269</v>
      </c>
      <c r="F17486" s="1" t="s">
        <v>64279</v>
      </c>
      <c r="G17486" s="1" t="s">
        <v>64208</v>
      </c>
      <c r="H17486" s="1" t="s">
        <v>64209</v>
      </c>
      <c r="I17486" s="1" t="s">
        <v>53800</v>
      </c>
      <c r="J17486" s="1" t="s">
        <v>64280</v>
      </c>
    </row>
    <row r="17487" spans="1:10" x14ac:dyDescent="0.35">
      <c r="A17487" s="1" t="s">
        <v>25344</v>
      </c>
      <c r="B17487" s="1" t="s">
        <v>53796</v>
      </c>
      <c r="C17487" s="1" t="s">
        <v>150</v>
      </c>
      <c r="D17487" s="1" t="s">
        <v>64281</v>
      </c>
      <c r="E17487" s="1" t="s">
        <v>64282</v>
      </c>
      <c r="F17487" s="1" t="s">
        <v>64283</v>
      </c>
      <c r="G17487" s="1" t="s">
        <v>64208</v>
      </c>
      <c r="H17487" s="1" t="s">
        <v>64209</v>
      </c>
      <c r="I17487" s="1" t="s">
        <v>53800</v>
      </c>
      <c r="J17487" s="1" t="s">
        <v>64284</v>
      </c>
    </row>
    <row r="17488" spans="1:10" x14ac:dyDescent="0.35">
      <c r="A17488" s="1" t="s">
        <v>25344</v>
      </c>
      <c r="B17488" s="1" t="s">
        <v>53796</v>
      </c>
      <c r="C17488" s="1" t="s">
        <v>155</v>
      </c>
      <c r="D17488" s="1" t="s">
        <v>64285</v>
      </c>
      <c r="E17488" s="1" t="s">
        <v>31497</v>
      </c>
      <c r="F17488" s="1" t="s">
        <v>64286</v>
      </c>
      <c r="G17488" s="1" t="s">
        <v>64208</v>
      </c>
      <c r="H17488" s="1" t="s">
        <v>64209</v>
      </c>
      <c r="I17488" s="1" t="s">
        <v>53800</v>
      </c>
      <c r="J17488" s="1" t="s">
        <v>64287</v>
      </c>
    </row>
    <row r="17489" spans="1:10" x14ac:dyDescent="0.35">
      <c r="A17489" s="1" t="s">
        <v>25344</v>
      </c>
      <c r="B17489" s="1" t="s">
        <v>53796</v>
      </c>
      <c r="C17489" s="1" t="s">
        <v>160</v>
      </c>
      <c r="D17489" s="1" t="s">
        <v>64288</v>
      </c>
      <c r="E17489" s="1" t="s">
        <v>64289</v>
      </c>
      <c r="F17489" s="1" t="s">
        <v>64290</v>
      </c>
      <c r="G17489" s="1" t="s">
        <v>64208</v>
      </c>
      <c r="H17489" s="1" t="s">
        <v>64209</v>
      </c>
      <c r="I17489" s="1" t="s">
        <v>53800</v>
      </c>
      <c r="J17489" s="1" t="s">
        <v>64291</v>
      </c>
    </row>
    <row r="17490" spans="1:10" x14ac:dyDescent="0.35">
      <c r="A17490" s="1" t="s">
        <v>25344</v>
      </c>
      <c r="B17490" s="1" t="s">
        <v>53796</v>
      </c>
      <c r="C17490" s="1" t="s">
        <v>165</v>
      </c>
      <c r="D17490" s="1" t="s">
        <v>64292</v>
      </c>
      <c r="E17490" s="1" t="s">
        <v>64293</v>
      </c>
      <c r="F17490" s="1" t="s">
        <v>62747</v>
      </c>
      <c r="G17490" s="1" t="s">
        <v>64208</v>
      </c>
      <c r="H17490" s="1" t="s">
        <v>64209</v>
      </c>
      <c r="I17490" s="1" t="s">
        <v>53800</v>
      </c>
      <c r="J17490" s="1" t="s">
        <v>64294</v>
      </c>
    </row>
    <row r="17491" spans="1:10" x14ac:dyDescent="0.35">
      <c r="A17491" s="1" t="s">
        <v>25344</v>
      </c>
      <c r="B17491" s="1" t="s">
        <v>53796</v>
      </c>
      <c r="C17491" s="1" t="s">
        <v>170</v>
      </c>
      <c r="D17491" s="1" t="s">
        <v>64295</v>
      </c>
      <c r="E17491" s="1" t="s">
        <v>54803</v>
      </c>
      <c r="F17491" s="1" t="s">
        <v>64296</v>
      </c>
      <c r="G17491" s="1" t="s">
        <v>64208</v>
      </c>
      <c r="H17491" s="1" t="s">
        <v>64209</v>
      </c>
      <c r="I17491" s="1" t="s">
        <v>53800</v>
      </c>
      <c r="J17491" s="1" t="s">
        <v>64297</v>
      </c>
    </row>
    <row r="17492" spans="1:10" x14ac:dyDescent="0.35">
      <c r="A17492" s="1" t="s">
        <v>2214</v>
      </c>
      <c r="B17492" s="1" t="s">
        <v>53796</v>
      </c>
      <c r="C17492" s="1" t="s">
        <v>8</v>
      </c>
      <c r="D17492" s="1" t="s">
        <v>57346</v>
      </c>
      <c r="E17492" s="1" t="s">
        <v>55916</v>
      </c>
      <c r="F17492" s="1" t="s">
        <v>64298</v>
      </c>
      <c r="G17492" s="1" t="s">
        <v>64299</v>
      </c>
      <c r="H17492" s="1" t="s">
        <v>64300</v>
      </c>
      <c r="I17492" s="1" t="s">
        <v>53800</v>
      </c>
      <c r="J17492" s="1" t="s">
        <v>13</v>
      </c>
    </row>
    <row r="17493" spans="1:10" x14ac:dyDescent="0.35">
      <c r="A17493" s="1" t="s">
        <v>2214</v>
      </c>
      <c r="B17493" s="1" t="s">
        <v>53796</v>
      </c>
      <c r="C17493" s="1" t="s">
        <v>15</v>
      </c>
      <c r="D17493" s="1" t="s">
        <v>64301</v>
      </c>
      <c r="E17493" s="1" t="s">
        <v>60283</v>
      </c>
      <c r="F17493" s="1" t="s">
        <v>64302</v>
      </c>
      <c r="G17493" s="1" t="s">
        <v>64299</v>
      </c>
      <c r="H17493" s="1" t="s">
        <v>64300</v>
      </c>
      <c r="I17493" s="1" t="s">
        <v>53800</v>
      </c>
      <c r="J17493" s="1" t="s">
        <v>64303</v>
      </c>
    </row>
    <row r="17494" spans="1:10" x14ac:dyDescent="0.35">
      <c r="A17494" s="1" t="s">
        <v>2214</v>
      </c>
      <c r="B17494" s="1" t="s">
        <v>53796</v>
      </c>
      <c r="C17494" s="1" t="s">
        <v>20</v>
      </c>
      <c r="D17494" s="1" t="s">
        <v>64304</v>
      </c>
      <c r="E17494" s="1" t="s">
        <v>23114</v>
      </c>
      <c r="F17494" s="1" t="s">
        <v>21911</v>
      </c>
      <c r="G17494" s="1" t="s">
        <v>64299</v>
      </c>
      <c r="H17494" s="1" t="s">
        <v>64300</v>
      </c>
      <c r="I17494" s="1" t="s">
        <v>53800</v>
      </c>
      <c r="J17494" s="1" t="s">
        <v>64305</v>
      </c>
    </row>
    <row r="17495" spans="1:10" x14ac:dyDescent="0.35">
      <c r="A17495" s="1" t="s">
        <v>2214</v>
      </c>
      <c r="B17495" s="1" t="s">
        <v>53796</v>
      </c>
      <c r="C17495" s="1" t="s">
        <v>25</v>
      </c>
      <c r="D17495" s="1" t="s">
        <v>64306</v>
      </c>
      <c r="E17495" s="1" t="s">
        <v>64307</v>
      </c>
      <c r="F17495" s="1" t="s">
        <v>64308</v>
      </c>
      <c r="G17495" s="1" t="s">
        <v>64299</v>
      </c>
      <c r="H17495" s="1" t="s">
        <v>64300</v>
      </c>
      <c r="I17495" s="1" t="s">
        <v>53800</v>
      </c>
      <c r="J17495" s="1" t="s">
        <v>64309</v>
      </c>
    </row>
    <row r="17496" spans="1:10" x14ac:dyDescent="0.35">
      <c r="A17496" s="1" t="s">
        <v>2214</v>
      </c>
      <c r="B17496" s="1" t="s">
        <v>53796</v>
      </c>
      <c r="C17496" s="1" t="s">
        <v>30</v>
      </c>
      <c r="D17496" s="1" t="s">
        <v>64310</v>
      </c>
      <c r="E17496" s="1" t="s">
        <v>21764</v>
      </c>
      <c r="F17496" s="1" t="s">
        <v>64311</v>
      </c>
      <c r="G17496" s="1" t="s">
        <v>64299</v>
      </c>
      <c r="H17496" s="1" t="s">
        <v>64300</v>
      </c>
      <c r="I17496" s="1" t="s">
        <v>53800</v>
      </c>
      <c r="J17496" s="1" t="s">
        <v>64312</v>
      </c>
    </row>
    <row r="17497" spans="1:10" x14ac:dyDescent="0.35">
      <c r="A17497" s="1" t="s">
        <v>2214</v>
      </c>
      <c r="B17497" s="1" t="s">
        <v>53796</v>
      </c>
      <c r="C17497" s="1" t="s">
        <v>35</v>
      </c>
      <c r="D17497" s="1" t="s">
        <v>64313</v>
      </c>
      <c r="E17497" s="1" t="s">
        <v>64314</v>
      </c>
      <c r="F17497" s="1" t="s">
        <v>64315</v>
      </c>
      <c r="G17497" s="1" t="s">
        <v>64299</v>
      </c>
      <c r="H17497" s="1" t="s">
        <v>64300</v>
      </c>
      <c r="I17497" s="1" t="s">
        <v>53800</v>
      </c>
      <c r="J17497" s="1" t="s">
        <v>64316</v>
      </c>
    </row>
    <row r="17498" spans="1:10" x14ac:dyDescent="0.35">
      <c r="A17498" s="1" t="s">
        <v>2214</v>
      </c>
      <c r="B17498" s="1" t="s">
        <v>53796</v>
      </c>
      <c r="C17498" s="1" t="s">
        <v>40</v>
      </c>
      <c r="D17498" s="1" t="s">
        <v>64317</v>
      </c>
      <c r="E17498" s="1" t="s">
        <v>64318</v>
      </c>
      <c r="F17498" s="1" t="s">
        <v>64319</v>
      </c>
      <c r="G17498" s="1" t="s">
        <v>64299</v>
      </c>
      <c r="H17498" s="1" t="s">
        <v>64300</v>
      </c>
      <c r="I17498" s="1" t="s">
        <v>53800</v>
      </c>
      <c r="J17498" s="1" t="s">
        <v>64320</v>
      </c>
    </row>
    <row r="17499" spans="1:10" x14ac:dyDescent="0.35">
      <c r="A17499" s="1" t="s">
        <v>2214</v>
      </c>
      <c r="B17499" s="1" t="s">
        <v>53796</v>
      </c>
      <c r="C17499" s="1" t="s">
        <v>45</v>
      </c>
      <c r="D17499" s="1" t="s">
        <v>64321</v>
      </c>
      <c r="E17499" s="1" t="s">
        <v>22044</v>
      </c>
      <c r="F17499" s="1" t="s">
        <v>64322</v>
      </c>
      <c r="G17499" s="1" t="s">
        <v>64299</v>
      </c>
      <c r="H17499" s="1" t="s">
        <v>64300</v>
      </c>
      <c r="I17499" s="1" t="s">
        <v>53800</v>
      </c>
      <c r="J17499" s="1" t="s">
        <v>64323</v>
      </c>
    </row>
    <row r="17500" spans="1:10" x14ac:dyDescent="0.35">
      <c r="A17500" s="1" t="s">
        <v>2214</v>
      </c>
      <c r="B17500" s="1" t="s">
        <v>53796</v>
      </c>
      <c r="C17500" s="1" t="s">
        <v>50</v>
      </c>
      <c r="D17500" s="1" t="s">
        <v>64324</v>
      </c>
      <c r="E17500" s="1" t="s">
        <v>52543</v>
      </c>
      <c r="F17500" s="1" t="s">
        <v>64325</v>
      </c>
      <c r="G17500" s="1" t="s">
        <v>64299</v>
      </c>
      <c r="H17500" s="1" t="s">
        <v>64300</v>
      </c>
      <c r="I17500" s="1" t="s">
        <v>53800</v>
      </c>
      <c r="J17500" s="1" t="s">
        <v>64326</v>
      </c>
    </row>
    <row r="17501" spans="1:10" x14ac:dyDescent="0.35">
      <c r="A17501" s="1" t="s">
        <v>2214</v>
      </c>
      <c r="B17501" s="1" t="s">
        <v>53796</v>
      </c>
      <c r="C17501" s="1" t="s">
        <v>55</v>
      </c>
      <c r="D17501" s="1" t="s">
        <v>64327</v>
      </c>
      <c r="E17501" s="1" t="s">
        <v>64328</v>
      </c>
      <c r="F17501" s="1" t="s">
        <v>64329</v>
      </c>
      <c r="G17501" s="1" t="s">
        <v>64299</v>
      </c>
      <c r="H17501" s="1" t="s">
        <v>64300</v>
      </c>
      <c r="I17501" s="1" t="s">
        <v>53800</v>
      </c>
      <c r="J17501" s="1" t="s">
        <v>64330</v>
      </c>
    </row>
    <row r="17502" spans="1:10" x14ac:dyDescent="0.35">
      <c r="A17502" s="1" t="s">
        <v>2214</v>
      </c>
      <c r="B17502" s="1" t="s">
        <v>53796</v>
      </c>
      <c r="C17502" s="1" t="s">
        <v>60</v>
      </c>
      <c r="D17502" s="1" t="s">
        <v>64331</v>
      </c>
      <c r="E17502" s="1" t="s">
        <v>54729</v>
      </c>
      <c r="F17502" s="1" t="s">
        <v>24394</v>
      </c>
      <c r="G17502" s="1" t="s">
        <v>64299</v>
      </c>
      <c r="H17502" s="1" t="s">
        <v>64300</v>
      </c>
      <c r="I17502" s="1" t="s">
        <v>53800</v>
      </c>
      <c r="J17502" s="1" t="s">
        <v>64332</v>
      </c>
    </row>
    <row r="17503" spans="1:10" x14ac:dyDescent="0.35">
      <c r="A17503" s="1" t="s">
        <v>2214</v>
      </c>
      <c r="B17503" s="1" t="s">
        <v>53796</v>
      </c>
      <c r="C17503" s="1" t="s">
        <v>65</v>
      </c>
      <c r="D17503" s="1" t="s">
        <v>23982</v>
      </c>
      <c r="E17503" s="1" t="s">
        <v>62864</v>
      </c>
      <c r="F17503" s="1" t="s">
        <v>64333</v>
      </c>
      <c r="G17503" s="1" t="s">
        <v>64299</v>
      </c>
      <c r="H17503" s="1" t="s">
        <v>64300</v>
      </c>
      <c r="I17503" s="1" t="s">
        <v>53800</v>
      </c>
      <c r="J17503" s="1" t="s">
        <v>64334</v>
      </c>
    </row>
    <row r="17504" spans="1:10" x14ac:dyDescent="0.35">
      <c r="A17504" s="1" t="s">
        <v>2214</v>
      </c>
      <c r="B17504" s="1" t="s">
        <v>53796</v>
      </c>
      <c r="C17504" s="1" t="s">
        <v>70</v>
      </c>
      <c r="D17504" s="1" t="s">
        <v>64335</v>
      </c>
      <c r="E17504" s="1" t="s">
        <v>59885</v>
      </c>
      <c r="F17504" s="1" t="s">
        <v>55507</v>
      </c>
      <c r="G17504" s="1" t="s">
        <v>64299</v>
      </c>
      <c r="H17504" s="1" t="s">
        <v>64300</v>
      </c>
      <c r="I17504" s="1" t="s">
        <v>53800</v>
      </c>
      <c r="J17504" s="1" t="s">
        <v>64336</v>
      </c>
    </row>
    <row r="17505" spans="1:10" x14ac:dyDescent="0.35">
      <c r="A17505" s="1" t="s">
        <v>2214</v>
      </c>
      <c r="B17505" s="1" t="s">
        <v>53796</v>
      </c>
      <c r="C17505" s="1" t="s">
        <v>75</v>
      </c>
      <c r="D17505" s="1" t="s">
        <v>64337</v>
      </c>
      <c r="E17505" s="1" t="s">
        <v>23399</v>
      </c>
      <c r="F17505" s="1" t="s">
        <v>64338</v>
      </c>
      <c r="G17505" s="1" t="s">
        <v>64299</v>
      </c>
      <c r="H17505" s="1" t="s">
        <v>64300</v>
      </c>
      <c r="I17505" s="1" t="s">
        <v>53800</v>
      </c>
      <c r="J17505" s="1" t="s">
        <v>64339</v>
      </c>
    </row>
    <row r="17506" spans="1:10" x14ac:dyDescent="0.35">
      <c r="A17506" s="1" t="s">
        <v>2214</v>
      </c>
      <c r="B17506" s="1" t="s">
        <v>53796</v>
      </c>
      <c r="C17506" s="1" t="s">
        <v>80</v>
      </c>
      <c r="D17506" s="1" t="s">
        <v>64340</v>
      </c>
      <c r="E17506" s="1" t="s">
        <v>64341</v>
      </c>
      <c r="F17506" s="1" t="s">
        <v>64342</v>
      </c>
      <c r="G17506" s="1" t="s">
        <v>64299</v>
      </c>
      <c r="H17506" s="1" t="s">
        <v>64300</v>
      </c>
      <c r="I17506" s="1" t="s">
        <v>53800</v>
      </c>
      <c r="J17506" s="1" t="s">
        <v>64343</v>
      </c>
    </row>
    <row r="17507" spans="1:10" x14ac:dyDescent="0.35">
      <c r="A17507" s="1" t="s">
        <v>2214</v>
      </c>
      <c r="B17507" s="1" t="s">
        <v>53796</v>
      </c>
      <c r="C17507" s="1" t="s">
        <v>85</v>
      </c>
      <c r="D17507" s="1" t="s">
        <v>64344</v>
      </c>
      <c r="E17507" s="1" t="s">
        <v>64345</v>
      </c>
      <c r="F17507" s="1" t="s">
        <v>62588</v>
      </c>
      <c r="G17507" s="1" t="s">
        <v>64299</v>
      </c>
      <c r="H17507" s="1" t="s">
        <v>64300</v>
      </c>
      <c r="I17507" s="1" t="s">
        <v>53800</v>
      </c>
      <c r="J17507" s="1" t="s">
        <v>64346</v>
      </c>
    </row>
    <row r="17508" spans="1:10" x14ac:dyDescent="0.35">
      <c r="A17508" s="1" t="s">
        <v>2214</v>
      </c>
      <c r="B17508" s="1" t="s">
        <v>53796</v>
      </c>
      <c r="C17508" s="1" t="s">
        <v>90</v>
      </c>
      <c r="D17508" s="1" t="s">
        <v>64347</v>
      </c>
      <c r="E17508" s="1" t="s">
        <v>64348</v>
      </c>
      <c r="F17508" s="1" t="s">
        <v>64349</v>
      </c>
      <c r="G17508" s="1" t="s">
        <v>64299</v>
      </c>
      <c r="H17508" s="1" t="s">
        <v>64300</v>
      </c>
      <c r="I17508" s="1" t="s">
        <v>53800</v>
      </c>
      <c r="J17508" s="1" t="s">
        <v>64350</v>
      </c>
    </row>
    <row r="17509" spans="1:10" x14ac:dyDescent="0.35">
      <c r="A17509" s="1" t="s">
        <v>2214</v>
      </c>
      <c r="B17509" s="1" t="s">
        <v>53796</v>
      </c>
      <c r="C17509" s="1" t="s">
        <v>95</v>
      </c>
      <c r="D17509" s="1" t="s">
        <v>64351</v>
      </c>
      <c r="E17509" s="1" t="s">
        <v>41582</v>
      </c>
      <c r="F17509" s="1" t="s">
        <v>64352</v>
      </c>
      <c r="G17509" s="1" t="s">
        <v>64299</v>
      </c>
      <c r="H17509" s="1" t="s">
        <v>64300</v>
      </c>
      <c r="I17509" s="1" t="s">
        <v>53800</v>
      </c>
      <c r="J17509" s="1" t="s">
        <v>64353</v>
      </c>
    </row>
    <row r="17510" spans="1:10" x14ac:dyDescent="0.35">
      <c r="A17510" s="1" t="s">
        <v>2214</v>
      </c>
      <c r="B17510" s="1" t="s">
        <v>53796</v>
      </c>
      <c r="C17510" s="1" t="s">
        <v>100</v>
      </c>
      <c r="D17510" s="1" t="s">
        <v>64354</v>
      </c>
      <c r="E17510" s="1" t="s">
        <v>41502</v>
      </c>
      <c r="F17510" s="1" t="s">
        <v>64355</v>
      </c>
      <c r="G17510" s="1" t="s">
        <v>64299</v>
      </c>
      <c r="H17510" s="1" t="s">
        <v>64300</v>
      </c>
      <c r="I17510" s="1" t="s">
        <v>53800</v>
      </c>
      <c r="J17510" s="1" t="s">
        <v>64356</v>
      </c>
    </row>
    <row r="17511" spans="1:10" x14ac:dyDescent="0.35">
      <c r="A17511" s="1" t="s">
        <v>2214</v>
      </c>
      <c r="B17511" s="1" t="s">
        <v>53796</v>
      </c>
      <c r="C17511" s="1" t="s">
        <v>105</v>
      </c>
      <c r="D17511" s="1" t="s">
        <v>64357</v>
      </c>
      <c r="E17511" s="1" t="s">
        <v>23083</v>
      </c>
      <c r="F17511" s="1" t="s">
        <v>64358</v>
      </c>
      <c r="G17511" s="1" t="s">
        <v>64299</v>
      </c>
      <c r="H17511" s="1" t="s">
        <v>64300</v>
      </c>
      <c r="I17511" s="1" t="s">
        <v>53800</v>
      </c>
      <c r="J17511" s="1" t="s">
        <v>64359</v>
      </c>
    </row>
    <row r="17512" spans="1:10" x14ac:dyDescent="0.35">
      <c r="A17512" s="1" t="s">
        <v>2214</v>
      </c>
      <c r="B17512" s="1" t="s">
        <v>53796</v>
      </c>
      <c r="C17512" s="1" t="s">
        <v>110</v>
      </c>
      <c r="D17512" s="1" t="s">
        <v>64360</v>
      </c>
      <c r="E17512" s="1" t="s">
        <v>64361</v>
      </c>
      <c r="F17512" s="1" t="s">
        <v>64362</v>
      </c>
      <c r="G17512" s="1" t="s">
        <v>64299</v>
      </c>
      <c r="H17512" s="1" t="s">
        <v>64300</v>
      </c>
      <c r="I17512" s="1" t="s">
        <v>53800</v>
      </c>
      <c r="J17512" s="1" t="s">
        <v>64363</v>
      </c>
    </row>
    <row r="17513" spans="1:10" x14ac:dyDescent="0.35">
      <c r="A17513" s="1" t="s">
        <v>2214</v>
      </c>
      <c r="B17513" s="1" t="s">
        <v>53796</v>
      </c>
      <c r="C17513" s="1" t="s">
        <v>115</v>
      </c>
      <c r="D17513" s="1" t="s">
        <v>64364</v>
      </c>
      <c r="E17513" s="1" t="s">
        <v>41210</v>
      </c>
      <c r="F17513" s="1" t="s">
        <v>64365</v>
      </c>
      <c r="G17513" s="1" t="s">
        <v>64299</v>
      </c>
      <c r="H17513" s="1" t="s">
        <v>64300</v>
      </c>
      <c r="I17513" s="1" t="s">
        <v>53800</v>
      </c>
      <c r="J17513" s="1" t="s">
        <v>64366</v>
      </c>
    </row>
    <row r="17514" spans="1:10" x14ac:dyDescent="0.35">
      <c r="A17514" s="1" t="s">
        <v>2214</v>
      </c>
      <c r="B17514" s="1" t="s">
        <v>53796</v>
      </c>
      <c r="C17514" s="1" t="s">
        <v>120</v>
      </c>
      <c r="D17514" s="1" t="s">
        <v>24794</v>
      </c>
      <c r="E17514" s="1" t="s">
        <v>64367</v>
      </c>
      <c r="F17514" s="1" t="s">
        <v>23768</v>
      </c>
      <c r="G17514" s="1" t="s">
        <v>64299</v>
      </c>
      <c r="H17514" s="1" t="s">
        <v>64300</v>
      </c>
      <c r="I17514" s="1" t="s">
        <v>53800</v>
      </c>
      <c r="J17514" s="1" t="s">
        <v>64368</v>
      </c>
    </row>
    <row r="17515" spans="1:10" x14ac:dyDescent="0.35">
      <c r="A17515" s="1" t="s">
        <v>2214</v>
      </c>
      <c r="B17515" s="1" t="s">
        <v>53796</v>
      </c>
      <c r="C17515" s="1" t="s">
        <v>125</v>
      </c>
      <c r="D17515" s="1" t="s">
        <v>64369</v>
      </c>
      <c r="E17515" s="1" t="s">
        <v>21742</v>
      </c>
      <c r="F17515" s="1" t="s">
        <v>64370</v>
      </c>
      <c r="G17515" s="1" t="s">
        <v>64299</v>
      </c>
      <c r="H17515" s="1" t="s">
        <v>64300</v>
      </c>
      <c r="I17515" s="1" t="s">
        <v>53800</v>
      </c>
      <c r="J17515" s="1" t="s">
        <v>64371</v>
      </c>
    </row>
    <row r="17516" spans="1:10" x14ac:dyDescent="0.35">
      <c r="A17516" s="1" t="s">
        <v>2214</v>
      </c>
      <c r="B17516" s="1" t="s">
        <v>53796</v>
      </c>
      <c r="C17516" s="1" t="s">
        <v>130</v>
      </c>
      <c r="D17516" s="1" t="s">
        <v>64372</v>
      </c>
      <c r="E17516" s="1" t="s">
        <v>41445</v>
      </c>
      <c r="F17516" s="1" t="s">
        <v>64373</v>
      </c>
      <c r="G17516" s="1" t="s">
        <v>64299</v>
      </c>
      <c r="H17516" s="1" t="s">
        <v>64300</v>
      </c>
      <c r="I17516" s="1" t="s">
        <v>53800</v>
      </c>
      <c r="J17516" s="1" t="s">
        <v>64374</v>
      </c>
    </row>
    <row r="17517" spans="1:10" x14ac:dyDescent="0.35">
      <c r="A17517" s="1" t="s">
        <v>2214</v>
      </c>
      <c r="B17517" s="1" t="s">
        <v>53796</v>
      </c>
      <c r="C17517" s="1" t="s">
        <v>135</v>
      </c>
      <c r="D17517" s="1" t="s">
        <v>64375</v>
      </c>
      <c r="E17517" s="1" t="s">
        <v>24377</v>
      </c>
      <c r="F17517" s="1" t="s">
        <v>64342</v>
      </c>
      <c r="G17517" s="1" t="s">
        <v>64299</v>
      </c>
      <c r="H17517" s="1" t="s">
        <v>64300</v>
      </c>
      <c r="I17517" s="1" t="s">
        <v>53800</v>
      </c>
      <c r="J17517" s="1" t="s">
        <v>64376</v>
      </c>
    </row>
    <row r="17518" spans="1:10" x14ac:dyDescent="0.35">
      <c r="A17518" s="1" t="s">
        <v>2214</v>
      </c>
      <c r="B17518" s="1" t="s">
        <v>53796</v>
      </c>
      <c r="C17518" s="1" t="s">
        <v>140</v>
      </c>
      <c r="D17518" s="1" t="s">
        <v>64377</v>
      </c>
      <c r="E17518" s="1" t="s">
        <v>54426</v>
      </c>
      <c r="F17518" s="1" t="s">
        <v>64378</v>
      </c>
      <c r="G17518" s="1" t="s">
        <v>64299</v>
      </c>
      <c r="H17518" s="1" t="s">
        <v>64300</v>
      </c>
      <c r="I17518" s="1" t="s">
        <v>53800</v>
      </c>
      <c r="J17518" s="1" t="s">
        <v>64379</v>
      </c>
    </row>
    <row r="17519" spans="1:10" x14ac:dyDescent="0.35">
      <c r="A17519" s="1" t="s">
        <v>2214</v>
      </c>
      <c r="B17519" s="1" t="s">
        <v>53796</v>
      </c>
      <c r="C17519" s="1" t="s">
        <v>145</v>
      </c>
      <c r="D17519" s="1" t="s">
        <v>21234</v>
      </c>
      <c r="E17519" s="1" t="s">
        <v>16094</v>
      </c>
      <c r="F17519" s="1" t="s">
        <v>64380</v>
      </c>
      <c r="G17519" s="1" t="s">
        <v>64299</v>
      </c>
      <c r="H17519" s="1" t="s">
        <v>64300</v>
      </c>
      <c r="I17519" s="1" t="s">
        <v>53800</v>
      </c>
      <c r="J17519" s="1" t="s">
        <v>64381</v>
      </c>
    </row>
    <row r="17520" spans="1:10" x14ac:dyDescent="0.35">
      <c r="A17520" s="1" t="s">
        <v>2214</v>
      </c>
      <c r="B17520" s="1" t="s">
        <v>53796</v>
      </c>
      <c r="C17520" s="1" t="s">
        <v>150</v>
      </c>
      <c r="D17520" s="1" t="s">
        <v>64382</v>
      </c>
      <c r="E17520" s="1" t="s">
        <v>21787</v>
      </c>
      <c r="F17520" s="1" t="s">
        <v>52443</v>
      </c>
      <c r="G17520" s="1" t="s">
        <v>64299</v>
      </c>
      <c r="H17520" s="1" t="s">
        <v>64300</v>
      </c>
      <c r="I17520" s="1" t="s">
        <v>53800</v>
      </c>
      <c r="J17520" s="1" t="s">
        <v>64383</v>
      </c>
    </row>
    <row r="17521" spans="1:10" x14ac:dyDescent="0.35">
      <c r="A17521" s="1" t="s">
        <v>2214</v>
      </c>
      <c r="B17521" s="1" t="s">
        <v>53796</v>
      </c>
      <c r="C17521" s="1" t="s">
        <v>155</v>
      </c>
      <c r="D17521" s="1" t="s">
        <v>64384</v>
      </c>
      <c r="E17521" s="1" t="s">
        <v>32351</v>
      </c>
      <c r="F17521" s="1" t="s">
        <v>64385</v>
      </c>
      <c r="G17521" s="1" t="s">
        <v>64299</v>
      </c>
      <c r="H17521" s="1" t="s">
        <v>64300</v>
      </c>
      <c r="I17521" s="1" t="s">
        <v>53800</v>
      </c>
      <c r="J17521" s="1" t="s">
        <v>64386</v>
      </c>
    </row>
    <row r="17522" spans="1:10" x14ac:dyDescent="0.35">
      <c r="A17522" s="1" t="s">
        <v>2214</v>
      </c>
      <c r="B17522" s="1" t="s">
        <v>53796</v>
      </c>
      <c r="C17522" s="1" t="s">
        <v>160</v>
      </c>
      <c r="D17522" s="1" t="s">
        <v>64387</v>
      </c>
      <c r="E17522" s="1" t="s">
        <v>21190</v>
      </c>
      <c r="F17522" s="1" t="s">
        <v>64388</v>
      </c>
      <c r="G17522" s="1" t="s">
        <v>64299</v>
      </c>
      <c r="H17522" s="1" t="s">
        <v>64300</v>
      </c>
      <c r="I17522" s="1" t="s">
        <v>53800</v>
      </c>
      <c r="J17522" s="1" t="s">
        <v>64389</v>
      </c>
    </row>
    <row r="17523" spans="1:10" x14ac:dyDescent="0.35">
      <c r="A17523" s="1" t="s">
        <v>2214</v>
      </c>
      <c r="B17523" s="1" t="s">
        <v>53796</v>
      </c>
      <c r="C17523" s="1" t="s">
        <v>165</v>
      </c>
      <c r="D17523" s="1" t="s">
        <v>64390</v>
      </c>
      <c r="E17523" s="1" t="s">
        <v>40644</v>
      </c>
      <c r="F17523" s="1" t="s">
        <v>4247</v>
      </c>
      <c r="G17523" s="1" t="s">
        <v>64299</v>
      </c>
      <c r="H17523" s="1" t="s">
        <v>64300</v>
      </c>
      <c r="I17523" s="1" t="s">
        <v>53800</v>
      </c>
      <c r="J17523" s="1" t="s">
        <v>64391</v>
      </c>
    </row>
    <row r="17524" spans="1:10" x14ac:dyDescent="0.35">
      <c r="A17524" s="1" t="s">
        <v>2214</v>
      </c>
      <c r="B17524" s="1" t="s">
        <v>53796</v>
      </c>
      <c r="C17524" s="1" t="s">
        <v>170</v>
      </c>
      <c r="D17524" s="1" t="s">
        <v>64392</v>
      </c>
      <c r="E17524" s="1" t="s">
        <v>64393</v>
      </c>
      <c r="F17524" s="1" t="s">
        <v>64394</v>
      </c>
      <c r="G17524" s="1" t="s">
        <v>64299</v>
      </c>
      <c r="H17524" s="1" t="s">
        <v>64300</v>
      </c>
      <c r="I17524" s="1" t="s">
        <v>53800</v>
      </c>
      <c r="J17524" s="1" t="s">
        <v>64395</v>
      </c>
    </row>
    <row r="17525" spans="1:10" x14ac:dyDescent="0.35">
      <c r="A17525" s="1" t="s">
        <v>3526</v>
      </c>
      <c r="B17525" s="1" t="s">
        <v>53796</v>
      </c>
      <c r="C17525" s="1" t="s">
        <v>8</v>
      </c>
      <c r="D17525" s="1" t="s">
        <v>64396</v>
      </c>
      <c r="E17525" s="1" t="s">
        <v>22099</v>
      </c>
      <c r="F17525" s="1" t="s">
        <v>64397</v>
      </c>
      <c r="G17525" s="1" t="s">
        <v>64398</v>
      </c>
      <c r="H17525" s="1" t="s">
        <v>64399</v>
      </c>
      <c r="I17525" s="1" t="s">
        <v>53800</v>
      </c>
      <c r="J17525" s="1" t="s">
        <v>13</v>
      </c>
    </row>
    <row r="17526" spans="1:10" x14ac:dyDescent="0.35">
      <c r="A17526" s="1" t="s">
        <v>3526</v>
      </c>
      <c r="B17526" s="1" t="s">
        <v>53796</v>
      </c>
      <c r="C17526" s="1" t="s">
        <v>15</v>
      </c>
      <c r="D17526" s="1" t="s">
        <v>64400</v>
      </c>
      <c r="E17526" s="1" t="s">
        <v>23016</v>
      </c>
      <c r="F17526" s="1" t="s">
        <v>64401</v>
      </c>
      <c r="G17526" s="1" t="s">
        <v>64398</v>
      </c>
      <c r="H17526" s="1" t="s">
        <v>64399</v>
      </c>
      <c r="I17526" s="1" t="s">
        <v>53800</v>
      </c>
      <c r="J17526" s="1" t="s">
        <v>64402</v>
      </c>
    </row>
    <row r="17527" spans="1:10" x14ac:dyDescent="0.35">
      <c r="A17527" s="1" t="s">
        <v>3526</v>
      </c>
      <c r="B17527" s="1" t="s">
        <v>53796</v>
      </c>
      <c r="C17527" s="1" t="s">
        <v>20</v>
      </c>
      <c r="D17527" s="1" t="s">
        <v>64403</v>
      </c>
      <c r="E17527" s="1" t="s">
        <v>54070</v>
      </c>
      <c r="F17527" s="1" t="s">
        <v>64404</v>
      </c>
      <c r="G17527" s="1" t="s">
        <v>64398</v>
      </c>
      <c r="H17527" s="1" t="s">
        <v>64399</v>
      </c>
      <c r="I17527" s="1" t="s">
        <v>53800</v>
      </c>
      <c r="J17527" s="1" t="s">
        <v>64405</v>
      </c>
    </row>
    <row r="17528" spans="1:10" x14ac:dyDescent="0.35">
      <c r="A17528" s="1" t="s">
        <v>3526</v>
      </c>
      <c r="B17528" s="1" t="s">
        <v>53796</v>
      </c>
      <c r="C17528" s="1" t="s">
        <v>25</v>
      </c>
      <c r="D17528" s="1" t="s">
        <v>64406</v>
      </c>
      <c r="E17528" s="1" t="s">
        <v>23016</v>
      </c>
      <c r="F17528" s="1" t="s">
        <v>64407</v>
      </c>
      <c r="G17528" s="1" t="s">
        <v>64398</v>
      </c>
      <c r="H17528" s="1" t="s">
        <v>64399</v>
      </c>
      <c r="I17528" s="1" t="s">
        <v>53800</v>
      </c>
      <c r="J17528" s="1" t="s">
        <v>64408</v>
      </c>
    </row>
    <row r="17529" spans="1:10" x14ac:dyDescent="0.35">
      <c r="A17529" s="1" t="s">
        <v>3526</v>
      </c>
      <c r="B17529" s="1" t="s">
        <v>53796</v>
      </c>
      <c r="C17529" s="1" t="s">
        <v>30</v>
      </c>
      <c r="D17529" s="1" t="s">
        <v>64409</v>
      </c>
      <c r="E17529" s="1" t="s">
        <v>64410</v>
      </c>
      <c r="F17529" s="1" t="s">
        <v>64411</v>
      </c>
      <c r="G17529" s="1" t="s">
        <v>64398</v>
      </c>
      <c r="H17529" s="1" t="s">
        <v>64399</v>
      </c>
      <c r="I17529" s="1" t="s">
        <v>53800</v>
      </c>
      <c r="J17529" s="1" t="s">
        <v>64412</v>
      </c>
    </row>
    <row r="17530" spans="1:10" x14ac:dyDescent="0.35">
      <c r="A17530" s="1" t="s">
        <v>3526</v>
      </c>
      <c r="B17530" s="1" t="s">
        <v>53796</v>
      </c>
      <c r="C17530" s="1" t="s">
        <v>35</v>
      </c>
      <c r="D17530" s="1" t="s">
        <v>64413</v>
      </c>
      <c r="E17530" s="1" t="s">
        <v>16094</v>
      </c>
      <c r="F17530" s="1" t="s">
        <v>31398</v>
      </c>
      <c r="G17530" s="1" t="s">
        <v>64398</v>
      </c>
      <c r="H17530" s="1" t="s">
        <v>64399</v>
      </c>
      <c r="I17530" s="1" t="s">
        <v>53800</v>
      </c>
      <c r="J17530" s="1" t="s">
        <v>64414</v>
      </c>
    </row>
    <row r="17531" spans="1:10" x14ac:dyDescent="0.35">
      <c r="A17531" s="1" t="s">
        <v>3526</v>
      </c>
      <c r="B17531" s="1" t="s">
        <v>53796</v>
      </c>
      <c r="C17531" s="1" t="s">
        <v>40</v>
      </c>
      <c r="D17531" s="1" t="s">
        <v>64415</v>
      </c>
      <c r="E17531" s="1" t="s">
        <v>62713</v>
      </c>
      <c r="F17531" s="1" t="s">
        <v>64241</v>
      </c>
      <c r="G17531" s="1" t="s">
        <v>64398</v>
      </c>
      <c r="H17531" s="1" t="s">
        <v>64399</v>
      </c>
      <c r="I17531" s="1" t="s">
        <v>53800</v>
      </c>
      <c r="J17531" s="1" t="s">
        <v>64416</v>
      </c>
    </row>
    <row r="17532" spans="1:10" x14ac:dyDescent="0.35">
      <c r="A17532" s="1" t="s">
        <v>3526</v>
      </c>
      <c r="B17532" s="1" t="s">
        <v>53796</v>
      </c>
      <c r="C17532" s="1" t="s">
        <v>45</v>
      </c>
      <c r="D17532" s="1" t="s">
        <v>64417</v>
      </c>
      <c r="E17532" s="1" t="s">
        <v>15200</v>
      </c>
      <c r="F17532" s="1" t="s">
        <v>64418</v>
      </c>
      <c r="G17532" s="1" t="s">
        <v>64398</v>
      </c>
      <c r="H17532" s="1" t="s">
        <v>64399</v>
      </c>
      <c r="I17532" s="1" t="s">
        <v>53800</v>
      </c>
      <c r="J17532" s="1" t="s">
        <v>64419</v>
      </c>
    </row>
    <row r="17533" spans="1:10" x14ac:dyDescent="0.35">
      <c r="A17533" s="1" t="s">
        <v>3526</v>
      </c>
      <c r="B17533" s="1" t="s">
        <v>53796</v>
      </c>
      <c r="C17533" s="1" t="s">
        <v>50</v>
      </c>
      <c r="D17533" s="1" t="s">
        <v>64420</v>
      </c>
      <c r="E17533" s="1" t="s">
        <v>60418</v>
      </c>
      <c r="F17533" s="1" t="s">
        <v>64421</v>
      </c>
      <c r="G17533" s="1" t="s">
        <v>64398</v>
      </c>
      <c r="H17533" s="1" t="s">
        <v>64399</v>
      </c>
      <c r="I17533" s="1" t="s">
        <v>53800</v>
      </c>
      <c r="J17533" s="1" t="s">
        <v>64422</v>
      </c>
    </row>
    <row r="17534" spans="1:10" x14ac:dyDescent="0.35">
      <c r="A17534" s="1" t="s">
        <v>3526</v>
      </c>
      <c r="B17534" s="1" t="s">
        <v>53796</v>
      </c>
      <c r="C17534" s="1" t="s">
        <v>55</v>
      </c>
      <c r="D17534" s="1" t="s">
        <v>64423</v>
      </c>
      <c r="E17534" s="1" t="s">
        <v>64424</v>
      </c>
      <c r="F17534" s="1" t="s">
        <v>64425</v>
      </c>
      <c r="G17534" s="1" t="s">
        <v>64398</v>
      </c>
      <c r="H17534" s="1" t="s">
        <v>64399</v>
      </c>
      <c r="I17534" s="1" t="s">
        <v>53800</v>
      </c>
      <c r="J17534" s="1" t="s">
        <v>64426</v>
      </c>
    </row>
    <row r="17535" spans="1:10" x14ac:dyDescent="0.35">
      <c r="A17535" s="1" t="s">
        <v>3526</v>
      </c>
      <c r="B17535" s="1" t="s">
        <v>53796</v>
      </c>
      <c r="C17535" s="1" t="s">
        <v>60</v>
      </c>
      <c r="D17535" s="1" t="s">
        <v>64427</v>
      </c>
      <c r="E17535" s="1" t="s">
        <v>15872</v>
      </c>
      <c r="F17535" s="1" t="s">
        <v>64428</v>
      </c>
      <c r="G17535" s="1" t="s">
        <v>64398</v>
      </c>
      <c r="H17535" s="1" t="s">
        <v>64399</v>
      </c>
      <c r="I17535" s="1" t="s">
        <v>53800</v>
      </c>
      <c r="J17535" s="1" t="s">
        <v>64429</v>
      </c>
    </row>
    <row r="17536" spans="1:10" x14ac:dyDescent="0.35">
      <c r="A17536" s="1" t="s">
        <v>3526</v>
      </c>
      <c r="B17536" s="1" t="s">
        <v>53796</v>
      </c>
      <c r="C17536" s="1" t="s">
        <v>65</v>
      </c>
      <c r="D17536" s="1" t="s">
        <v>64430</v>
      </c>
      <c r="E17536" s="1" t="s">
        <v>41202</v>
      </c>
      <c r="F17536" s="1" t="s">
        <v>64431</v>
      </c>
      <c r="G17536" s="1" t="s">
        <v>64398</v>
      </c>
      <c r="H17536" s="1" t="s">
        <v>64399</v>
      </c>
      <c r="I17536" s="1" t="s">
        <v>53800</v>
      </c>
      <c r="J17536" s="1" t="s">
        <v>64432</v>
      </c>
    </row>
    <row r="17537" spans="1:10" x14ac:dyDescent="0.35">
      <c r="A17537" s="1" t="s">
        <v>3526</v>
      </c>
      <c r="B17537" s="1" t="s">
        <v>53796</v>
      </c>
      <c r="C17537" s="1" t="s">
        <v>70</v>
      </c>
      <c r="D17537" s="1" t="s">
        <v>64433</v>
      </c>
      <c r="E17537" s="1" t="s">
        <v>12864</v>
      </c>
      <c r="F17537" s="1" t="s">
        <v>64434</v>
      </c>
      <c r="G17537" s="1" t="s">
        <v>64398</v>
      </c>
      <c r="H17537" s="1" t="s">
        <v>64399</v>
      </c>
      <c r="I17537" s="1" t="s">
        <v>53800</v>
      </c>
      <c r="J17537" s="1" t="s">
        <v>64435</v>
      </c>
    </row>
    <row r="17538" spans="1:10" x14ac:dyDescent="0.35">
      <c r="A17538" s="1" t="s">
        <v>3526</v>
      </c>
      <c r="B17538" s="1" t="s">
        <v>53796</v>
      </c>
      <c r="C17538" s="1" t="s">
        <v>75</v>
      </c>
      <c r="D17538" s="1" t="s">
        <v>64436</v>
      </c>
      <c r="E17538" s="1" t="s">
        <v>12790</v>
      </c>
      <c r="F17538" s="1" t="s">
        <v>64437</v>
      </c>
      <c r="G17538" s="1" t="s">
        <v>64398</v>
      </c>
      <c r="H17538" s="1" t="s">
        <v>64399</v>
      </c>
      <c r="I17538" s="1" t="s">
        <v>53800</v>
      </c>
      <c r="J17538" s="1" t="s">
        <v>64438</v>
      </c>
    </row>
    <row r="17539" spans="1:10" x14ac:dyDescent="0.35">
      <c r="A17539" s="1" t="s">
        <v>3526</v>
      </c>
      <c r="B17539" s="1" t="s">
        <v>53796</v>
      </c>
      <c r="C17539" s="1" t="s">
        <v>80</v>
      </c>
      <c r="D17539" s="1" t="s">
        <v>64439</v>
      </c>
      <c r="E17539" s="1" t="s">
        <v>15245</v>
      </c>
      <c r="F17539" s="1" t="s">
        <v>58121</v>
      </c>
      <c r="G17539" s="1" t="s">
        <v>64398</v>
      </c>
      <c r="H17539" s="1" t="s">
        <v>64399</v>
      </c>
      <c r="I17539" s="1" t="s">
        <v>53800</v>
      </c>
      <c r="J17539" s="1" t="s">
        <v>64440</v>
      </c>
    </row>
    <row r="17540" spans="1:10" x14ac:dyDescent="0.35">
      <c r="A17540" s="1" t="s">
        <v>3526</v>
      </c>
      <c r="B17540" s="1" t="s">
        <v>53796</v>
      </c>
      <c r="C17540" s="1" t="s">
        <v>85</v>
      </c>
      <c r="D17540" s="1" t="s">
        <v>64441</v>
      </c>
      <c r="E17540" s="1" t="s">
        <v>31401</v>
      </c>
      <c r="F17540" s="1" t="s">
        <v>64442</v>
      </c>
      <c r="G17540" s="1" t="s">
        <v>64398</v>
      </c>
      <c r="H17540" s="1" t="s">
        <v>64399</v>
      </c>
      <c r="I17540" s="1" t="s">
        <v>53800</v>
      </c>
      <c r="J17540" s="1" t="s">
        <v>64443</v>
      </c>
    </row>
    <row r="17541" spans="1:10" x14ac:dyDescent="0.35">
      <c r="A17541" s="1" t="s">
        <v>3526</v>
      </c>
      <c r="B17541" s="1" t="s">
        <v>53796</v>
      </c>
      <c r="C17541" s="1" t="s">
        <v>90</v>
      </c>
      <c r="D17541" s="1" t="s">
        <v>43523</v>
      </c>
      <c r="E17541" s="1" t="s">
        <v>26576</v>
      </c>
      <c r="F17541" s="1" t="s">
        <v>22325</v>
      </c>
      <c r="G17541" s="1" t="s">
        <v>64398</v>
      </c>
      <c r="H17541" s="1" t="s">
        <v>64399</v>
      </c>
      <c r="I17541" s="1" t="s">
        <v>53800</v>
      </c>
      <c r="J17541" s="1" t="s">
        <v>64444</v>
      </c>
    </row>
    <row r="17542" spans="1:10" x14ac:dyDescent="0.35">
      <c r="A17542" s="1" t="s">
        <v>3526</v>
      </c>
      <c r="B17542" s="1" t="s">
        <v>53796</v>
      </c>
      <c r="C17542" s="1" t="s">
        <v>95</v>
      </c>
      <c r="D17542" s="1" t="s">
        <v>64445</v>
      </c>
      <c r="E17542" s="1" t="s">
        <v>21849</v>
      </c>
      <c r="F17542" s="1" t="s">
        <v>64446</v>
      </c>
      <c r="G17542" s="1" t="s">
        <v>64398</v>
      </c>
      <c r="H17542" s="1" t="s">
        <v>64399</v>
      </c>
      <c r="I17542" s="1" t="s">
        <v>53800</v>
      </c>
      <c r="J17542" s="1" t="s">
        <v>64447</v>
      </c>
    </row>
    <row r="17543" spans="1:10" x14ac:dyDescent="0.35">
      <c r="A17543" s="1" t="s">
        <v>3526</v>
      </c>
      <c r="B17543" s="1" t="s">
        <v>53796</v>
      </c>
      <c r="C17543" s="1" t="s">
        <v>100</v>
      </c>
      <c r="D17543" s="1" t="s">
        <v>22507</v>
      </c>
      <c r="E17543" s="1" t="s">
        <v>31368</v>
      </c>
      <c r="F17543" s="1" t="s">
        <v>64448</v>
      </c>
      <c r="G17543" s="1" t="s">
        <v>64398</v>
      </c>
      <c r="H17543" s="1" t="s">
        <v>64399</v>
      </c>
      <c r="I17543" s="1" t="s">
        <v>53800</v>
      </c>
      <c r="J17543" s="1" t="s">
        <v>64449</v>
      </c>
    </row>
    <row r="17544" spans="1:10" x14ac:dyDescent="0.35">
      <c r="A17544" s="1" t="s">
        <v>3526</v>
      </c>
      <c r="B17544" s="1" t="s">
        <v>53796</v>
      </c>
      <c r="C17544" s="1" t="s">
        <v>105</v>
      </c>
      <c r="D17544" s="1" t="s">
        <v>64450</v>
      </c>
      <c r="E17544" s="1" t="s">
        <v>62981</v>
      </c>
      <c r="F17544" s="1" t="s">
        <v>64451</v>
      </c>
      <c r="G17544" s="1" t="s">
        <v>64398</v>
      </c>
      <c r="H17544" s="1" t="s">
        <v>64399</v>
      </c>
      <c r="I17544" s="1" t="s">
        <v>53800</v>
      </c>
      <c r="J17544" s="1" t="s">
        <v>64452</v>
      </c>
    </row>
    <row r="17545" spans="1:10" x14ac:dyDescent="0.35">
      <c r="A17545" s="1" t="s">
        <v>3526</v>
      </c>
      <c r="B17545" s="1" t="s">
        <v>53796</v>
      </c>
      <c r="C17545" s="1" t="s">
        <v>110</v>
      </c>
      <c r="D17545" s="1" t="s">
        <v>64453</v>
      </c>
      <c r="E17545" s="1" t="s">
        <v>32329</v>
      </c>
      <c r="F17545" s="1" t="s">
        <v>64454</v>
      </c>
      <c r="G17545" s="1" t="s">
        <v>64398</v>
      </c>
      <c r="H17545" s="1" t="s">
        <v>64399</v>
      </c>
      <c r="I17545" s="1" t="s">
        <v>53800</v>
      </c>
      <c r="J17545" s="1" t="s">
        <v>64455</v>
      </c>
    </row>
    <row r="17546" spans="1:10" x14ac:dyDescent="0.35">
      <c r="A17546" s="1" t="s">
        <v>3526</v>
      </c>
      <c r="B17546" s="1" t="s">
        <v>53796</v>
      </c>
      <c r="C17546" s="1" t="s">
        <v>115</v>
      </c>
      <c r="D17546" s="1" t="s">
        <v>64456</v>
      </c>
      <c r="E17546" s="1" t="s">
        <v>54659</v>
      </c>
      <c r="F17546" s="1" t="s">
        <v>64457</v>
      </c>
      <c r="G17546" s="1" t="s">
        <v>64398</v>
      </c>
      <c r="H17546" s="1" t="s">
        <v>64399</v>
      </c>
      <c r="I17546" s="1" t="s">
        <v>53800</v>
      </c>
      <c r="J17546" s="1" t="s">
        <v>64458</v>
      </c>
    </row>
    <row r="17547" spans="1:10" x14ac:dyDescent="0.35">
      <c r="A17547" s="1" t="s">
        <v>3526</v>
      </c>
      <c r="B17547" s="1" t="s">
        <v>53796</v>
      </c>
      <c r="C17547" s="1" t="s">
        <v>120</v>
      </c>
      <c r="D17547" s="1" t="s">
        <v>64459</v>
      </c>
      <c r="E17547" s="1" t="s">
        <v>54379</v>
      </c>
      <c r="F17547" s="1" t="s">
        <v>64460</v>
      </c>
      <c r="G17547" s="1" t="s">
        <v>64398</v>
      </c>
      <c r="H17547" s="1" t="s">
        <v>64399</v>
      </c>
      <c r="I17547" s="1" t="s">
        <v>53800</v>
      </c>
      <c r="J17547" s="1" t="s">
        <v>64461</v>
      </c>
    </row>
    <row r="17548" spans="1:10" x14ac:dyDescent="0.35">
      <c r="A17548" s="1" t="s">
        <v>3526</v>
      </c>
      <c r="B17548" s="1" t="s">
        <v>53796</v>
      </c>
      <c r="C17548" s="1" t="s">
        <v>125</v>
      </c>
      <c r="D17548" s="1" t="s">
        <v>64462</v>
      </c>
      <c r="E17548" s="1" t="s">
        <v>12798</v>
      </c>
      <c r="F17548" s="1" t="s">
        <v>64463</v>
      </c>
      <c r="G17548" s="1" t="s">
        <v>64398</v>
      </c>
      <c r="H17548" s="1" t="s">
        <v>64399</v>
      </c>
      <c r="I17548" s="1" t="s">
        <v>53800</v>
      </c>
      <c r="J17548" s="1" t="s">
        <v>64464</v>
      </c>
    </row>
    <row r="17549" spans="1:10" x14ac:dyDescent="0.35">
      <c r="A17549" s="1" t="s">
        <v>3526</v>
      </c>
      <c r="B17549" s="1" t="s">
        <v>53796</v>
      </c>
      <c r="C17549" s="1" t="s">
        <v>130</v>
      </c>
      <c r="D17549" s="1" t="s">
        <v>57475</v>
      </c>
      <c r="E17549" s="1" t="s">
        <v>22247</v>
      </c>
      <c r="F17549" s="1" t="s">
        <v>64465</v>
      </c>
      <c r="G17549" s="1" t="s">
        <v>64398</v>
      </c>
      <c r="H17549" s="1" t="s">
        <v>64399</v>
      </c>
      <c r="I17549" s="1" t="s">
        <v>53800</v>
      </c>
      <c r="J17549" s="1" t="s">
        <v>64466</v>
      </c>
    </row>
    <row r="17550" spans="1:10" x14ac:dyDescent="0.35">
      <c r="A17550" s="1" t="s">
        <v>3526</v>
      </c>
      <c r="B17550" s="1" t="s">
        <v>53796</v>
      </c>
      <c r="C17550" s="1" t="s">
        <v>135</v>
      </c>
      <c r="D17550" s="1" t="s">
        <v>64467</v>
      </c>
      <c r="E17550" s="1" t="s">
        <v>26239</v>
      </c>
      <c r="F17550" s="1" t="s">
        <v>64468</v>
      </c>
      <c r="G17550" s="1" t="s">
        <v>64398</v>
      </c>
      <c r="H17550" s="1" t="s">
        <v>64399</v>
      </c>
      <c r="I17550" s="1" t="s">
        <v>53800</v>
      </c>
      <c r="J17550" s="1" t="s">
        <v>64469</v>
      </c>
    </row>
    <row r="17551" spans="1:10" x14ac:dyDescent="0.35">
      <c r="A17551" s="1" t="s">
        <v>3526</v>
      </c>
      <c r="B17551" s="1" t="s">
        <v>53796</v>
      </c>
      <c r="C17551" s="1" t="s">
        <v>140</v>
      </c>
      <c r="D17551" s="1" t="s">
        <v>64470</v>
      </c>
      <c r="E17551" s="1" t="s">
        <v>26614</v>
      </c>
      <c r="F17551" s="1" t="s">
        <v>62202</v>
      </c>
      <c r="G17551" s="1" t="s">
        <v>64398</v>
      </c>
      <c r="H17551" s="1" t="s">
        <v>64399</v>
      </c>
      <c r="I17551" s="1" t="s">
        <v>53800</v>
      </c>
      <c r="J17551" s="1" t="s">
        <v>64471</v>
      </c>
    </row>
    <row r="17552" spans="1:10" x14ac:dyDescent="0.35">
      <c r="A17552" s="1" t="s">
        <v>3526</v>
      </c>
      <c r="B17552" s="1" t="s">
        <v>53796</v>
      </c>
      <c r="C17552" s="1" t="s">
        <v>145</v>
      </c>
      <c r="D17552" s="1" t="s">
        <v>64472</v>
      </c>
      <c r="E17552" s="1" t="s">
        <v>54178</v>
      </c>
      <c r="F17552" s="1" t="s">
        <v>64473</v>
      </c>
      <c r="G17552" s="1" t="s">
        <v>64398</v>
      </c>
      <c r="H17552" s="1" t="s">
        <v>64399</v>
      </c>
      <c r="I17552" s="1" t="s">
        <v>53800</v>
      </c>
      <c r="J17552" s="1" t="s">
        <v>64474</v>
      </c>
    </row>
    <row r="17553" spans="1:10" x14ac:dyDescent="0.35">
      <c r="A17553" s="1" t="s">
        <v>3526</v>
      </c>
      <c r="B17553" s="1" t="s">
        <v>53796</v>
      </c>
      <c r="C17553" s="1" t="s">
        <v>150</v>
      </c>
      <c r="D17553" s="1" t="s">
        <v>64475</v>
      </c>
      <c r="E17553" s="1" t="s">
        <v>54118</v>
      </c>
      <c r="F17553" s="1" t="s">
        <v>64476</v>
      </c>
      <c r="G17553" s="1" t="s">
        <v>64398</v>
      </c>
      <c r="H17553" s="1" t="s">
        <v>64399</v>
      </c>
      <c r="I17553" s="1" t="s">
        <v>53800</v>
      </c>
      <c r="J17553" s="1" t="s">
        <v>64477</v>
      </c>
    </row>
    <row r="17554" spans="1:10" x14ac:dyDescent="0.35">
      <c r="A17554" s="1" t="s">
        <v>3526</v>
      </c>
      <c r="B17554" s="1" t="s">
        <v>53796</v>
      </c>
      <c r="C17554" s="1" t="s">
        <v>155</v>
      </c>
      <c r="D17554" s="1" t="s">
        <v>64478</v>
      </c>
      <c r="E17554" s="1" t="s">
        <v>64479</v>
      </c>
      <c r="F17554" s="1" t="s">
        <v>64480</v>
      </c>
      <c r="G17554" s="1" t="s">
        <v>64398</v>
      </c>
      <c r="H17554" s="1" t="s">
        <v>64399</v>
      </c>
      <c r="I17554" s="1" t="s">
        <v>53800</v>
      </c>
      <c r="J17554" s="1" t="s">
        <v>64481</v>
      </c>
    </row>
    <row r="17555" spans="1:10" x14ac:dyDescent="0.35">
      <c r="A17555" s="1" t="s">
        <v>3526</v>
      </c>
      <c r="B17555" s="1" t="s">
        <v>53796</v>
      </c>
      <c r="C17555" s="1" t="s">
        <v>160</v>
      </c>
      <c r="D17555" s="1" t="s">
        <v>64482</v>
      </c>
      <c r="E17555" s="1" t="s">
        <v>26474</v>
      </c>
      <c r="F17555" s="1" t="s">
        <v>64483</v>
      </c>
      <c r="G17555" s="1" t="s">
        <v>64398</v>
      </c>
      <c r="H17555" s="1" t="s">
        <v>64399</v>
      </c>
      <c r="I17555" s="1" t="s">
        <v>53800</v>
      </c>
      <c r="J17555" s="1" t="s">
        <v>64484</v>
      </c>
    </row>
    <row r="17556" spans="1:10" x14ac:dyDescent="0.35">
      <c r="A17556" s="1" t="s">
        <v>3526</v>
      </c>
      <c r="B17556" s="1" t="s">
        <v>53796</v>
      </c>
      <c r="C17556" s="1" t="s">
        <v>165</v>
      </c>
      <c r="D17556" s="1" t="s">
        <v>64485</v>
      </c>
      <c r="E17556" s="1" t="s">
        <v>64424</v>
      </c>
      <c r="F17556" s="1" t="s">
        <v>64486</v>
      </c>
      <c r="G17556" s="1" t="s">
        <v>64398</v>
      </c>
      <c r="H17556" s="1" t="s">
        <v>64399</v>
      </c>
      <c r="I17556" s="1" t="s">
        <v>53800</v>
      </c>
      <c r="J17556" s="1" t="s">
        <v>64487</v>
      </c>
    </row>
    <row r="17557" spans="1:10" x14ac:dyDescent="0.35">
      <c r="A17557" s="1" t="s">
        <v>3526</v>
      </c>
      <c r="B17557" s="1" t="s">
        <v>53796</v>
      </c>
      <c r="C17557" s="1" t="s">
        <v>170</v>
      </c>
      <c r="D17557" s="1" t="s">
        <v>64488</v>
      </c>
      <c r="E17557" s="1" t="s">
        <v>54714</v>
      </c>
      <c r="F17557" s="1" t="s">
        <v>64489</v>
      </c>
      <c r="G17557" s="1" t="s">
        <v>64398</v>
      </c>
      <c r="H17557" s="1" t="s">
        <v>64399</v>
      </c>
      <c r="I17557" s="1" t="s">
        <v>53800</v>
      </c>
      <c r="J17557" s="1" t="s">
        <v>64490</v>
      </c>
    </row>
    <row r="17558" spans="1:10" x14ac:dyDescent="0.35">
      <c r="A17558" s="1" t="s">
        <v>64491</v>
      </c>
      <c r="B17558" s="1" t="s">
        <v>53796</v>
      </c>
      <c r="C17558" s="1" t="s">
        <v>8</v>
      </c>
      <c r="D17558" s="1" t="s">
        <v>39318</v>
      </c>
      <c r="E17558" s="1" t="s">
        <v>31394</v>
      </c>
      <c r="F17558" s="1" t="s">
        <v>64492</v>
      </c>
      <c r="G17558" s="1" t="s">
        <v>64493</v>
      </c>
      <c r="H17558" s="1" t="s">
        <v>64494</v>
      </c>
      <c r="I17558" s="1" t="s">
        <v>53800</v>
      </c>
      <c r="J17558" s="1" t="s">
        <v>13</v>
      </c>
    </row>
    <row r="17559" spans="1:10" x14ac:dyDescent="0.35">
      <c r="A17559" s="1" t="s">
        <v>64491</v>
      </c>
      <c r="B17559" s="1" t="s">
        <v>53796</v>
      </c>
      <c r="C17559" s="1" t="s">
        <v>15</v>
      </c>
      <c r="D17559" s="1" t="s">
        <v>64495</v>
      </c>
      <c r="E17559" s="1" t="s">
        <v>64496</v>
      </c>
      <c r="F17559" s="1" t="s">
        <v>54140</v>
      </c>
      <c r="G17559" s="1" t="s">
        <v>64493</v>
      </c>
      <c r="H17559" s="1" t="s">
        <v>64494</v>
      </c>
      <c r="I17559" s="1" t="s">
        <v>53800</v>
      </c>
      <c r="J17559" s="1" t="s">
        <v>64497</v>
      </c>
    </row>
    <row r="17560" spans="1:10" x14ac:dyDescent="0.35">
      <c r="A17560" s="1" t="s">
        <v>64491</v>
      </c>
      <c r="B17560" s="1" t="s">
        <v>53796</v>
      </c>
      <c r="C17560" s="1" t="s">
        <v>20</v>
      </c>
      <c r="D17560" s="1" t="s">
        <v>64498</v>
      </c>
      <c r="E17560" s="1" t="s">
        <v>54059</v>
      </c>
      <c r="F17560" s="1" t="s">
        <v>64499</v>
      </c>
      <c r="G17560" s="1" t="s">
        <v>64493</v>
      </c>
      <c r="H17560" s="1" t="s">
        <v>64494</v>
      </c>
      <c r="I17560" s="1" t="s">
        <v>53800</v>
      </c>
      <c r="J17560" s="1" t="s">
        <v>64500</v>
      </c>
    </row>
    <row r="17561" spans="1:10" x14ac:dyDescent="0.35">
      <c r="A17561" s="1" t="s">
        <v>64491</v>
      </c>
      <c r="B17561" s="1" t="s">
        <v>53796</v>
      </c>
      <c r="C17561" s="1" t="s">
        <v>25</v>
      </c>
      <c r="D17561" s="1" t="s">
        <v>64501</v>
      </c>
      <c r="E17561" s="1" t="s">
        <v>55913</v>
      </c>
      <c r="F17561" s="1" t="s">
        <v>64502</v>
      </c>
      <c r="G17561" s="1" t="s">
        <v>64493</v>
      </c>
      <c r="H17561" s="1" t="s">
        <v>64494</v>
      </c>
      <c r="I17561" s="1" t="s">
        <v>53800</v>
      </c>
      <c r="J17561" s="1" t="s">
        <v>64503</v>
      </c>
    </row>
    <row r="17562" spans="1:10" x14ac:dyDescent="0.35">
      <c r="A17562" s="1" t="s">
        <v>64491</v>
      </c>
      <c r="B17562" s="1" t="s">
        <v>53796</v>
      </c>
      <c r="C17562" s="1" t="s">
        <v>30</v>
      </c>
      <c r="D17562" s="1" t="s">
        <v>64504</v>
      </c>
      <c r="E17562" s="1" t="s">
        <v>56131</v>
      </c>
      <c r="F17562" s="1" t="s">
        <v>64505</v>
      </c>
      <c r="G17562" s="1" t="s">
        <v>64493</v>
      </c>
      <c r="H17562" s="1" t="s">
        <v>64494</v>
      </c>
      <c r="I17562" s="1" t="s">
        <v>53800</v>
      </c>
      <c r="J17562" s="1" t="s">
        <v>64506</v>
      </c>
    </row>
    <row r="17563" spans="1:10" x14ac:dyDescent="0.35">
      <c r="A17563" s="1" t="s">
        <v>64491</v>
      </c>
      <c r="B17563" s="1" t="s">
        <v>53796</v>
      </c>
      <c r="C17563" s="1" t="s">
        <v>35</v>
      </c>
      <c r="D17563" s="1" t="s">
        <v>64507</v>
      </c>
      <c r="E17563" s="1" t="s">
        <v>21898</v>
      </c>
      <c r="F17563" s="1" t="s">
        <v>64508</v>
      </c>
      <c r="G17563" s="1" t="s">
        <v>64493</v>
      </c>
      <c r="H17563" s="1" t="s">
        <v>64494</v>
      </c>
      <c r="I17563" s="1" t="s">
        <v>53800</v>
      </c>
      <c r="J17563" s="1" t="s">
        <v>64509</v>
      </c>
    </row>
    <row r="17564" spans="1:10" x14ac:dyDescent="0.35">
      <c r="A17564" s="1" t="s">
        <v>64491</v>
      </c>
      <c r="B17564" s="1" t="s">
        <v>53796</v>
      </c>
      <c r="C17564" s="1" t="s">
        <v>40</v>
      </c>
      <c r="D17564" s="1" t="s">
        <v>64510</v>
      </c>
      <c r="E17564" s="1" t="s">
        <v>64511</v>
      </c>
      <c r="F17564" s="1" t="s">
        <v>64512</v>
      </c>
      <c r="G17564" s="1" t="s">
        <v>64493</v>
      </c>
      <c r="H17564" s="1" t="s">
        <v>64494</v>
      </c>
      <c r="I17564" s="1" t="s">
        <v>53800</v>
      </c>
      <c r="J17564" s="1" t="s">
        <v>64513</v>
      </c>
    </row>
    <row r="17565" spans="1:10" x14ac:dyDescent="0.35">
      <c r="A17565" s="1" t="s">
        <v>64491</v>
      </c>
      <c r="B17565" s="1" t="s">
        <v>53796</v>
      </c>
      <c r="C17565" s="1" t="s">
        <v>45</v>
      </c>
      <c r="D17565" s="1" t="s">
        <v>64514</v>
      </c>
      <c r="E17565" s="1" t="s">
        <v>21822</v>
      </c>
      <c r="F17565" s="1" t="s">
        <v>64515</v>
      </c>
      <c r="G17565" s="1" t="s">
        <v>64493</v>
      </c>
      <c r="H17565" s="1" t="s">
        <v>64494</v>
      </c>
      <c r="I17565" s="1" t="s">
        <v>53800</v>
      </c>
      <c r="J17565" s="1" t="s">
        <v>64516</v>
      </c>
    </row>
    <row r="17566" spans="1:10" x14ac:dyDescent="0.35">
      <c r="A17566" s="1" t="s">
        <v>64491</v>
      </c>
      <c r="B17566" s="1" t="s">
        <v>53796</v>
      </c>
      <c r="C17566" s="1" t="s">
        <v>50</v>
      </c>
      <c r="D17566" s="1" t="s">
        <v>54489</v>
      </c>
      <c r="E17566" s="1" t="s">
        <v>64517</v>
      </c>
      <c r="F17566" s="1" t="s">
        <v>64518</v>
      </c>
      <c r="G17566" s="1" t="s">
        <v>64493</v>
      </c>
      <c r="H17566" s="1" t="s">
        <v>64494</v>
      </c>
      <c r="I17566" s="1" t="s">
        <v>53800</v>
      </c>
      <c r="J17566" s="1" t="s">
        <v>64519</v>
      </c>
    </row>
    <row r="17567" spans="1:10" x14ac:dyDescent="0.35">
      <c r="A17567" s="1" t="s">
        <v>64491</v>
      </c>
      <c r="B17567" s="1" t="s">
        <v>53796</v>
      </c>
      <c r="C17567" s="1" t="s">
        <v>55</v>
      </c>
      <c r="D17567" s="1" t="s">
        <v>24283</v>
      </c>
      <c r="E17567" s="1" t="s">
        <v>54796</v>
      </c>
      <c r="F17567" s="1" t="s">
        <v>64520</v>
      </c>
      <c r="G17567" s="1" t="s">
        <v>64493</v>
      </c>
      <c r="H17567" s="1" t="s">
        <v>64494</v>
      </c>
      <c r="I17567" s="1" t="s">
        <v>53800</v>
      </c>
      <c r="J17567" s="1" t="s">
        <v>64521</v>
      </c>
    </row>
    <row r="17568" spans="1:10" x14ac:dyDescent="0.35">
      <c r="A17568" s="1" t="s">
        <v>64491</v>
      </c>
      <c r="B17568" s="1" t="s">
        <v>53796</v>
      </c>
      <c r="C17568" s="1" t="s">
        <v>60</v>
      </c>
      <c r="D17568" s="1" t="s">
        <v>64522</v>
      </c>
      <c r="E17568" s="1" t="s">
        <v>15245</v>
      </c>
      <c r="F17568" s="1" t="s">
        <v>64523</v>
      </c>
      <c r="G17568" s="1" t="s">
        <v>64493</v>
      </c>
      <c r="H17568" s="1" t="s">
        <v>64494</v>
      </c>
      <c r="I17568" s="1" t="s">
        <v>53800</v>
      </c>
      <c r="J17568" s="1" t="s">
        <v>64524</v>
      </c>
    </row>
    <row r="17569" spans="1:10" x14ac:dyDescent="0.35">
      <c r="A17569" s="1" t="s">
        <v>64491</v>
      </c>
      <c r="B17569" s="1" t="s">
        <v>53796</v>
      </c>
      <c r="C17569" s="1" t="s">
        <v>65</v>
      </c>
      <c r="D17569" s="1" t="s">
        <v>64525</v>
      </c>
      <c r="E17569" s="1" t="s">
        <v>53920</v>
      </c>
      <c r="F17569" s="1" t="s">
        <v>23263</v>
      </c>
      <c r="G17569" s="1" t="s">
        <v>64493</v>
      </c>
      <c r="H17569" s="1" t="s">
        <v>64494</v>
      </c>
      <c r="I17569" s="1" t="s">
        <v>53800</v>
      </c>
      <c r="J17569" s="1" t="s">
        <v>64526</v>
      </c>
    </row>
    <row r="17570" spans="1:10" x14ac:dyDescent="0.35">
      <c r="A17570" s="1" t="s">
        <v>64491</v>
      </c>
      <c r="B17570" s="1" t="s">
        <v>53796</v>
      </c>
      <c r="C17570" s="1" t="s">
        <v>70</v>
      </c>
      <c r="D17570" s="1" t="s">
        <v>54278</v>
      </c>
      <c r="E17570" s="1" t="s">
        <v>56917</v>
      </c>
      <c r="F17570" s="1" t="s">
        <v>31371</v>
      </c>
      <c r="G17570" s="1" t="s">
        <v>64493</v>
      </c>
      <c r="H17570" s="1" t="s">
        <v>64494</v>
      </c>
      <c r="I17570" s="1" t="s">
        <v>53800</v>
      </c>
      <c r="J17570" s="1" t="s">
        <v>64527</v>
      </c>
    </row>
    <row r="17571" spans="1:10" x14ac:dyDescent="0.35">
      <c r="A17571" s="1" t="s">
        <v>64491</v>
      </c>
      <c r="B17571" s="1" t="s">
        <v>53796</v>
      </c>
      <c r="C17571" s="1" t="s">
        <v>75</v>
      </c>
      <c r="D17571" s="1" t="s">
        <v>64528</v>
      </c>
      <c r="E17571" s="1" t="s">
        <v>15221</v>
      </c>
      <c r="F17571" s="1" t="s">
        <v>64529</v>
      </c>
      <c r="G17571" s="1" t="s">
        <v>64493</v>
      </c>
      <c r="H17571" s="1" t="s">
        <v>64494</v>
      </c>
      <c r="I17571" s="1" t="s">
        <v>53800</v>
      </c>
      <c r="J17571" s="1" t="s">
        <v>64530</v>
      </c>
    </row>
    <row r="17572" spans="1:10" x14ac:dyDescent="0.35">
      <c r="A17572" s="1" t="s">
        <v>64491</v>
      </c>
      <c r="B17572" s="1" t="s">
        <v>53796</v>
      </c>
      <c r="C17572" s="1" t="s">
        <v>80</v>
      </c>
      <c r="D17572" s="1" t="s">
        <v>64531</v>
      </c>
      <c r="E17572" s="1" t="s">
        <v>40741</v>
      </c>
      <c r="F17572" s="1" t="s">
        <v>64532</v>
      </c>
      <c r="G17572" s="1" t="s">
        <v>64493</v>
      </c>
      <c r="H17572" s="1" t="s">
        <v>64494</v>
      </c>
      <c r="I17572" s="1" t="s">
        <v>53800</v>
      </c>
      <c r="J17572" s="1" t="s">
        <v>64533</v>
      </c>
    </row>
    <row r="17573" spans="1:10" x14ac:dyDescent="0.35">
      <c r="A17573" s="1" t="s">
        <v>64491</v>
      </c>
      <c r="B17573" s="1" t="s">
        <v>53796</v>
      </c>
      <c r="C17573" s="1" t="s">
        <v>85</v>
      </c>
      <c r="D17573" s="1" t="s">
        <v>22055</v>
      </c>
      <c r="E17573" s="1" t="s">
        <v>21768</v>
      </c>
      <c r="F17573" s="1" t="s">
        <v>59541</v>
      </c>
      <c r="G17573" s="1" t="s">
        <v>64493</v>
      </c>
      <c r="H17573" s="1" t="s">
        <v>64494</v>
      </c>
      <c r="I17573" s="1" t="s">
        <v>53800</v>
      </c>
      <c r="J17573" s="1" t="s">
        <v>64534</v>
      </c>
    </row>
    <row r="17574" spans="1:10" x14ac:dyDescent="0.35">
      <c r="A17574" s="1" t="s">
        <v>64491</v>
      </c>
      <c r="B17574" s="1" t="s">
        <v>53796</v>
      </c>
      <c r="C17574" s="1" t="s">
        <v>90</v>
      </c>
      <c r="D17574" s="1" t="s">
        <v>64535</v>
      </c>
      <c r="E17574" s="1" t="s">
        <v>54474</v>
      </c>
      <c r="F17574" s="1" t="s">
        <v>64536</v>
      </c>
      <c r="G17574" s="1" t="s">
        <v>64493</v>
      </c>
      <c r="H17574" s="1" t="s">
        <v>64494</v>
      </c>
      <c r="I17574" s="1" t="s">
        <v>53800</v>
      </c>
      <c r="J17574" s="1" t="s">
        <v>64537</v>
      </c>
    </row>
    <row r="17575" spans="1:10" x14ac:dyDescent="0.35">
      <c r="A17575" s="1" t="s">
        <v>64491</v>
      </c>
      <c r="B17575" s="1" t="s">
        <v>53796</v>
      </c>
      <c r="C17575" s="1" t="s">
        <v>95</v>
      </c>
      <c r="D17575" s="1" t="s">
        <v>64538</v>
      </c>
      <c r="E17575" s="1" t="s">
        <v>31394</v>
      </c>
      <c r="F17575" s="1" t="s">
        <v>64539</v>
      </c>
      <c r="G17575" s="1" t="s">
        <v>64493</v>
      </c>
      <c r="H17575" s="1" t="s">
        <v>64494</v>
      </c>
      <c r="I17575" s="1" t="s">
        <v>53800</v>
      </c>
      <c r="J17575" s="1" t="s">
        <v>64540</v>
      </c>
    </row>
    <row r="17576" spans="1:10" x14ac:dyDescent="0.35">
      <c r="A17576" s="1" t="s">
        <v>64491</v>
      </c>
      <c r="B17576" s="1" t="s">
        <v>53796</v>
      </c>
      <c r="C17576" s="1" t="s">
        <v>100</v>
      </c>
      <c r="D17576" s="1" t="s">
        <v>64541</v>
      </c>
      <c r="E17576" s="1" t="s">
        <v>54013</v>
      </c>
      <c r="F17576" s="1" t="s">
        <v>64542</v>
      </c>
      <c r="G17576" s="1" t="s">
        <v>64493</v>
      </c>
      <c r="H17576" s="1" t="s">
        <v>64494</v>
      </c>
      <c r="I17576" s="1" t="s">
        <v>53800</v>
      </c>
      <c r="J17576" s="1" t="s">
        <v>64543</v>
      </c>
    </row>
    <row r="17577" spans="1:10" x14ac:dyDescent="0.35">
      <c r="A17577" s="1" t="s">
        <v>64491</v>
      </c>
      <c r="B17577" s="1" t="s">
        <v>53796</v>
      </c>
      <c r="C17577" s="1" t="s">
        <v>105</v>
      </c>
      <c r="D17577" s="1" t="s">
        <v>64544</v>
      </c>
      <c r="E17577" s="1" t="s">
        <v>23016</v>
      </c>
      <c r="F17577" s="1" t="s">
        <v>64545</v>
      </c>
      <c r="G17577" s="1" t="s">
        <v>64493</v>
      </c>
      <c r="H17577" s="1" t="s">
        <v>64494</v>
      </c>
      <c r="I17577" s="1" t="s">
        <v>53800</v>
      </c>
      <c r="J17577" s="1" t="s">
        <v>64546</v>
      </c>
    </row>
    <row r="17578" spans="1:10" x14ac:dyDescent="0.35">
      <c r="A17578" s="1" t="s">
        <v>64491</v>
      </c>
      <c r="B17578" s="1" t="s">
        <v>53796</v>
      </c>
      <c r="C17578" s="1" t="s">
        <v>110</v>
      </c>
      <c r="D17578" s="1" t="s">
        <v>55503</v>
      </c>
      <c r="E17578" s="1" t="s">
        <v>21742</v>
      </c>
      <c r="F17578" s="1" t="s">
        <v>64547</v>
      </c>
      <c r="G17578" s="1" t="s">
        <v>64493</v>
      </c>
      <c r="H17578" s="1" t="s">
        <v>64494</v>
      </c>
      <c r="I17578" s="1" t="s">
        <v>53800</v>
      </c>
      <c r="J17578" s="1" t="s">
        <v>64548</v>
      </c>
    </row>
    <row r="17579" spans="1:10" x14ac:dyDescent="0.35">
      <c r="A17579" s="1" t="s">
        <v>64491</v>
      </c>
      <c r="B17579" s="1" t="s">
        <v>53796</v>
      </c>
      <c r="C17579" s="1" t="s">
        <v>115</v>
      </c>
      <c r="D17579" s="1" t="s">
        <v>64549</v>
      </c>
      <c r="E17579" s="1" t="s">
        <v>21960</v>
      </c>
      <c r="F17579" s="1" t="s">
        <v>64550</v>
      </c>
      <c r="G17579" s="1" t="s">
        <v>64493</v>
      </c>
      <c r="H17579" s="1" t="s">
        <v>64494</v>
      </c>
      <c r="I17579" s="1" t="s">
        <v>53800</v>
      </c>
      <c r="J17579" s="1" t="s">
        <v>64551</v>
      </c>
    </row>
    <row r="17580" spans="1:10" x14ac:dyDescent="0.35">
      <c r="A17580" s="1" t="s">
        <v>64491</v>
      </c>
      <c r="B17580" s="1" t="s">
        <v>53796</v>
      </c>
      <c r="C17580" s="1" t="s">
        <v>120</v>
      </c>
      <c r="D17580" s="1" t="s">
        <v>64552</v>
      </c>
      <c r="E17580" s="1" t="s">
        <v>56304</v>
      </c>
      <c r="F17580" s="1" t="s">
        <v>64553</v>
      </c>
      <c r="G17580" s="1" t="s">
        <v>64493</v>
      </c>
      <c r="H17580" s="1" t="s">
        <v>64494</v>
      </c>
      <c r="I17580" s="1" t="s">
        <v>53800</v>
      </c>
      <c r="J17580" s="1" t="s">
        <v>64554</v>
      </c>
    </row>
    <row r="17581" spans="1:10" x14ac:dyDescent="0.35">
      <c r="A17581" s="1" t="s">
        <v>64491</v>
      </c>
      <c r="B17581" s="1" t="s">
        <v>53796</v>
      </c>
      <c r="C17581" s="1" t="s">
        <v>125</v>
      </c>
      <c r="D17581" s="1" t="s">
        <v>64555</v>
      </c>
      <c r="E17581" s="1" t="s">
        <v>54032</v>
      </c>
      <c r="F17581" s="1" t="s">
        <v>64556</v>
      </c>
      <c r="G17581" s="1" t="s">
        <v>64493</v>
      </c>
      <c r="H17581" s="1" t="s">
        <v>64494</v>
      </c>
      <c r="I17581" s="1" t="s">
        <v>53800</v>
      </c>
      <c r="J17581" s="1" t="s">
        <v>64557</v>
      </c>
    </row>
    <row r="17582" spans="1:10" x14ac:dyDescent="0.35">
      <c r="A17582" s="1" t="s">
        <v>64491</v>
      </c>
      <c r="B17582" s="1" t="s">
        <v>53796</v>
      </c>
      <c r="C17582" s="1" t="s">
        <v>130</v>
      </c>
      <c r="D17582" s="1" t="s">
        <v>40196</v>
      </c>
      <c r="E17582" s="1" t="s">
        <v>54817</v>
      </c>
      <c r="F17582" s="1" t="s">
        <v>64558</v>
      </c>
      <c r="G17582" s="1" t="s">
        <v>64493</v>
      </c>
      <c r="H17582" s="1" t="s">
        <v>64494</v>
      </c>
      <c r="I17582" s="1" t="s">
        <v>53800</v>
      </c>
      <c r="J17582" s="1" t="s">
        <v>64559</v>
      </c>
    </row>
    <row r="17583" spans="1:10" x14ac:dyDescent="0.35">
      <c r="A17583" s="1" t="s">
        <v>64491</v>
      </c>
      <c r="B17583" s="1" t="s">
        <v>53796</v>
      </c>
      <c r="C17583" s="1" t="s">
        <v>135</v>
      </c>
      <c r="D17583" s="1" t="s">
        <v>64560</v>
      </c>
      <c r="E17583" s="1" t="s">
        <v>64561</v>
      </c>
      <c r="F17583" s="1" t="s">
        <v>64562</v>
      </c>
      <c r="G17583" s="1" t="s">
        <v>64493</v>
      </c>
      <c r="H17583" s="1" t="s">
        <v>64494</v>
      </c>
      <c r="I17583" s="1" t="s">
        <v>53800</v>
      </c>
      <c r="J17583" s="1" t="s">
        <v>64563</v>
      </c>
    </row>
    <row r="17584" spans="1:10" x14ac:dyDescent="0.35">
      <c r="A17584" s="1" t="s">
        <v>64491</v>
      </c>
      <c r="B17584" s="1" t="s">
        <v>53796</v>
      </c>
      <c r="C17584" s="1" t="s">
        <v>140</v>
      </c>
      <c r="D17584" s="1" t="s">
        <v>62476</v>
      </c>
      <c r="E17584" s="1" t="s">
        <v>53928</v>
      </c>
      <c r="F17584" s="1" t="s">
        <v>64564</v>
      </c>
      <c r="G17584" s="1" t="s">
        <v>64493</v>
      </c>
      <c r="H17584" s="1" t="s">
        <v>64494</v>
      </c>
      <c r="I17584" s="1" t="s">
        <v>53800</v>
      </c>
      <c r="J17584" s="1" t="s">
        <v>64565</v>
      </c>
    </row>
    <row r="17585" spans="1:10" x14ac:dyDescent="0.35">
      <c r="A17585" s="1" t="s">
        <v>64491</v>
      </c>
      <c r="B17585" s="1" t="s">
        <v>53796</v>
      </c>
      <c r="C17585" s="1" t="s">
        <v>145</v>
      </c>
      <c r="D17585" s="1" t="s">
        <v>64566</v>
      </c>
      <c r="E17585" s="1" t="s">
        <v>15345</v>
      </c>
      <c r="F17585" s="1" t="s">
        <v>64567</v>
      </c>
      <c r="G17585" s="1" t="s">
        <v>64493</v>
      </c>
      <c r="H17585" s="1" t="s">
        <v>64494</v>
      </c>
      <c r="I17585" s="1" t="s">
        <v>53800</v>
      </c>
      <c r="J17585" s="1" t="s">
        <v>64568</v>
      </c>
    </row>
    <row r="17586" spans="1:10" x14ac:dyDescent="0.35">
      <c r="A17586" s="1" t="s">
        <v>64491</v>
      </c>
      <c r="B17586" s="1" t="s">
        <v>53796</v>
      </c>
      <c r="C17586" s="1" t="s">
        <v>150</v>
      </c>
      <c r="D17586" s="1" t="s">
        <v>39872</v>
      </c>
      <c r="E17586" s="1" t="s">
        <v>23195</v>
      </c>
      <c r="F17586" s="1" t="s">
        <v>64569</v>
      </c>
      <c r="G17586" s="1" t="s">
        <v>64493</v>
      </c>
      <c r="H17586" s="1" t="s">
        <v>64494</v>
      </c>
      <c r="I17586" s="1" t="s">
        <v>53800</v>
      </c>
      <c r="J17586" s="1" t="s">
        <v>64570</v>
      </c>
    </row>
    <row r="17587" spans="1:10" x14ac:dyDescent="0.35">
      <c r="A17587" s="1" t="s">
        <v>64491</v>
      </c>
      <c r="B17587" s="1" t="s">
        <v>53796</v>
      </c>
      <c r="C17587" s="1" t="s">
        <v>155</v>
      </c>
      <c r="D17587" s="1" t="s">
        <v>64571</v>
      </c>
      <c r="E17587" s="1" t="s">
        <v>54110</v>
      </c>
      <c r="F17587" s="1" t="s">
        <v>64572</v>
      </c>
      <c r="G17587" s="1" t="s">
        <v>64493</v>
      </c>
      <c r="H17587" s="1" t="s">
        <v>64494</v>
      </c>
      <c r="I17587" s="1" t="s">
        <v>53800</v>
      </c>
      <c r="J17587" s="1" t="s">
        <v>64573</v>
      </c>
    </row>
    <row r="17588" spans="1:10" x14ac:dyDescent="0.35">
      <c r="A17588" s="1" t="s">
        <v>64491</v>
      </c>
      <c r="B17588" s="1" t="s">
        <v>53796</v>
      </c>
      <c r="C17588" s="1" t="s">
        <v>160</v>
      </c>
      <c r="D17588" s="1" t="s">
        <v>64574</v>
      </c>
      <c r="E17588" s="1" t="s">
        <v>15214</v>
      </c>
      <c r="F17588" s="1" t="s">
        <v>55255</v>
      </c>
      <c r="G17588" s="1" t="s">
        <v>64493</v>
      </c>
      <c r="H17588" s="1" t="s">
        <v>64494</v>
      </c>
      <c r="I17588" s="1" t="s">
        <v>53800</v>
      </c>
      <c r="J17588" s="1" t="s">
        <v>64575</v>
      </c>
    </row>
    <row r="17589" spans="1:10" x14ac:dyDescent="0.35">
      <c r="A17589" s="1" t="s">
        <v>64491</v>
      </c>
      <c r="B17589" s="1" t="s">
        <v>53796</v>
      </c>
      <c r="C17589" s="1" t="s">
        <v>165</v>
      </c>
      <c r="D17589" s="1" t="s">
        <v>64576</v>
      </c>
      <c r="E17589" s="1" t="s">
        <v>21799</v>
      </c>
      <c r="F17589" s="1" t="s">
        <v>63154</v>
      </c>
      <c r="G17589" s="1" t="s">
        <v>64493</v>
      </c>
      <c r="H17589" s="1" t="s">
        <v>64494</v>
      </c>
      <c r="I17589" s="1" t="s">
        <v>53800</v>
      </c>
      <c r="J17589" s="1" t="s">
        <v>64577</v>
      </c>
    </row>
    <row r="17590" spans="1:10" x14ac:dyDescent="0.35">
      <c r="A17590" s="1" t="s">
        <v>64491</v>
      </c>
      <c r="B17590" s="1" t="s">
        <v>53796</v>
      </c>
      <c r="C17590" s="1" t="s">
        <v>170</v>
      </c>
      <c r="D17590" s="1" t="s">
        <v>62503</v>
      </c>
      <c r="E17590" s="1" t="s">
        <v>60525</v>
      </c>
      <c r="F17590" s="1" t="s">
        <v>64225</v>
      </c>
      <c r="G17590" s="1" t="s">
        <v>64493</v>
      </c>
      <c r="H17590" s="1" t="s">
        <v>64494</v>
      </c>
      <c r="I17590" s="1" t="s">
        <v>53800</v>
      </c>
      <c r="J17590" s="1" t="s">
        <v>64578</v>
      </c>
    </row>
    <row r="17591" spans="1:10" x14ac:dyDescent="0.35">
      <c r="A17591" s="1" t="s">
        <v>64579</v>
      </c>
      <c r="B17591" s="1" t="s">
        <v>53796</v>
      </c>
      <c r="C17591" s="1" t="s">
        <v>8</v>
      </c>
      <c r="D17591" s="1" t="s">
        <v>64560</v>
      </c>
      <c r="E17591" s="1" t="s">
        <v>64410</v>
      </c>
      <c r="F17591" s="1" t="s">
        <v>61453</v>
      </c>
      <c r="G17591" s="1" t="s">
        <v>64580</v>
      </c>
      <c r="H17591" s="1" t="s">
        <v>64581</v>
      </c>
      <c r="I17591" s="1" t="s">
        <v>53800</v>
      </c>
      <c r="J17591" s="1" t="s">
        <v>13</v>
      </c>
    </row>
    <row r="17592" spans="1:10" x14ac:dyDescent="0.35">
      <c r="A17592" s="1" t="s">
        <v>64579</v>
      </c>
      <c r="B17592" s="1" t="s">
        <v>53796</v>
      </c>
      <c r="C17592" s="1" t="s">
        <v>15</v>
      </c>
      <c r="D17592" s="1" t="s">
        <v>61358</v>
      </c>
      <c r="E17592" s="1" t="s">
        <v>26572</v>
      </c>
      <c r="F17592" s="1" t="s">
        <v>56083</v>
      </c>
      <c r="G17592" s="1" t="s">
        <v>64580</v>
      </c>
      <c r="H17592" s="1" t="s">
        <v>64581</v>
      </c>
      <c r="I17592" s="1" t="s">
        <v>53800</v>
      </c>
      <c r="J17592" s="1" t="s">
        <v>64582</v>
      </c>
    </row>
    <row r="17593" spans="1:10" x14ac:dyDescent="0.35">
      <c r="A17593" s="1" t="s">
        <v>64579</v>
      </c>
      <c r="B17593" s="1" t="s">
        <v>53796</v>
      </c>
      <c r="C17593" s="1" t="s">
        <v>20</v>
      </c>
      <c r="D17593" s="1" t="s">
        <v>64583</v>
      </c>
      <c r="E17593" s="1" t="s">
        <v>41184</v>
      </c>
      <c r="F17593" s="1" t="s">
        <v>64584</v>
      </c>
      <c r="G17593" s="1" t="s">
        <v>64580</v>
      </c>
      <c r="H17593" s="1" t="s">
        <v>64581</v>
      </c>
      <c r="I17593" s="1" t="s">
        <v>53800</v>
      </c>
      <c r="J17593" s="1" t="s">
        <v>64585</v>
      </c>
    </row>
    <row r="17594" spans="1:10" x14ac:dyDescent="0.35">
      <c r="A17594" s="1" t="s">
        <v>64579</v>
      </c>
      <c r="B17594" s="1" t="s">
        <v>53796</v>
      </c>
      <c r="C17594" s="1" t="s">
        <v>25</v>
      </c>
      <c r="D17594" s="1" t="s">
        <v>64586</v>
      </c>
      <c r="E17594" s="1" t="s">
        <v>41429</v>
      </c>
      <c r="F17594" s="1" t="s">
        <v>64587</v>
      </c>
      <c r="G17594" s="1" t="s">
        <v>64580</v>
      </c>
      <c r="H17594" s="1" t="s">
        <v>64581</v>
      </c>
      <c r="I17594" s="1" t="s">
        <v>53800</v>
      </c>
      <c r="J17594" s="1" t="s">
        <v>64588</v>
      </c>
    </row>
    <row r="17595" spans="1:10" x14ac:dyDescent="0.35">
      <c r="A17595" s="1" t="s">
        <v>64579</v>
      </c>
      <c r="B17595" s="1" t="s">
        <v>53796</v>
      </c>
      <c r="C17595" s="1" t="s">
        <v>30</v>
      </c>
      <c r="D17595" s="1" t="s">
        <v>64589</v>
      </c>
      <c r="E17595" s="1" t="s">
        <v>54059</v>
      </c>
      <c r="F17595" s="1" t="s">
        <v>64590</v>
      </c>
      <c r="G17595" s="1" t="s">
        <v>64580</v>
      </c>
      <c r="H17595" s="1" t="s">
        <v>64581</v>
      </c>
      <c r="I17595" s="1" t="s">
        <v>53800</v>
      </c>
      <c r="J17595" s="1" t="s">
        <v>64591</v>
      </c>
    </row>
    <row r="17596" spans="1:10" x14ac:dyDescent="0.35">
      <c r="A17596" s="1" t="s">
        <v>64579</v>
      </c>
      <c r="B17596" s="1" t="s">
        <v>53796</v>
      </c>
      <c r="C17596" s="1" t="s">
        <v>35</v>
      </c>
      <c r="D17596" s="1" t="s">
        <v>64592</v>
      </c>
      <c r="E17596" s="1" t="s">
        <v>41294</v>
      </c>
      <c r="F17596" s="1" t="s">
        <v>64593</v>
      </c>
      <c r="G17596" s="1" t="s">
        <v>64580</v>
      </c>
      <c r="H17596" s="1" t="s">
        <v>64581</v>
      </c>
      <c r="I17596" s="1" t="s">
        <v>53800</v>
      </c>
      <c r="J17596" s="1" t="s">
        <v>64594</v>
      </c>
    </row>
    <row r="17597" spans="1:10" x14ac:dyDescent="0.35">
      <c r="A17597" s="1" t="s">
        <v>64579</v>
      </c>
      <c r="B17597" s="1" t="s">
        <v>53796</v>
      </c>
      <c r="C17597" s="1" t="s">
        <v>40</v>
      </c>
      <c r="D17597" s="1" t="s">
        <v>64595</v>
      </c>
      <c r="E17597" s="1" t="s">
        <v>23076</v>
      </c>
      <c r="F17597" s="1" t="s">
        <v>31901</v>
      </c>
      <c r="G17597" s="1" t="s">
        <v>64580</v>
      </c>
      <c r="H17597" s="1" t="s">
        <v>64581</v>
      </c>
      <c r="I17597" s="1" t="s">
        <v>53800</v>
      </c>
      <c r="J17597" s="1" t="s">
        <v>64596</v>
      </c>
    </row>
    <row r="17598" spans="1:10" x14ac:dyDescent="0.35">
      <c r="A17598" s="1" t="s">
        <v>64579</v>
      </c>
      <c r="B17598" s="1" t="s">
        <v>53796</v>
      </c>
      <c r="C17598" s="1" t="s">
        <v>45</v>
      </c>
      <c r="D17598" s="1" t="s">
        <v>64597</v>
      </c>
      <c r="E17598" s="1" t="s">
        <v>41202</v>
      </c>
      <c r="F17598" s="1" t="s">
        <v>64598</v>
      </c>
      <c r="G17598" s="1" t="s">
        <v>64580</v>
      </c>
      <c r="H17598" s="1" t="s">
        <v>64581</v>
      </c>
      <c r="I17598" s="1" t="s">
        <v>53800</v>
      </c>
      <c r="J17598" s="1" t="s">
        <v>64599</v>
      </c>
    </row>
    <row r="17599" spans="1:10" x14ac:dyDescent="0.35">
      <c r="A17599" s="1" t="s">
        <v>64579</v>
      </c>
      <c r="B17599" s="1" t="s">
        <v>53796</v>
      </c>
      <c r="C17599" s="1" t="s">
        <v>50</v>
      </c>
      <c r="D17599" s="1" t="s">
        <v>64600</v>
      </c>
      <c r="E17599" s="1" t="s">
        <v>56917</v>
      </c>
      <c r="F17599" s="1" t="s">
        <v>64601</v>
      </c>
      <c r="G17599" s="1" t="s">
        <v>64580</v>
      </c>
      <c r="H17599" s="1" t="s">
        <v>64581</v>
      </c>
      <c r="I17599" s="1" t="s">
        <v>53800</v>
      </c>
      <c r="J17599" s="1" t="s">
        <v>64602</v>
      </c>
    </row>
    <row r="17600" spans="1:10" x14ac:dyDescent="0.35">
      <c r="A17600" s="1" t="s">
        <v>64579</v>
      </c>
      <c r="B17600" s="1" t="s">
        <v>53796</v>
      </c>
      <c r="C17600" s="1" t="s">
        <v>55</v>
      </c>
      <c r="D17600" s="1" t="s">
        <v>64603</v>
      </c>
      <c r="E17600" s="1" t="s">
        <v>31368</v>
      </c>
      <c r="F17600" s="1" t="s">
        <v>64604</v>
      </c>
      <c r="G17600" s="1" t="s">
        <v>64580</v>
      </c>
      <c r="H17600" s="1" t="s">
        <v>64581</v>
      </c>
      <c r="I17600" s="1" t="s">
        <v>53800</v>
      </c>
      <c r="J17600" s="1" t="s">
        <v>64605</v>
      </c>
    </row>
    <row r="17601" spans="1:10" x14ac:dyDescent="0.35">
      <c r="A17601" s="1" t="s">
        <v>64579</v>
      </c>
      <c r="B17601" s="1" t="s">
        <v>53796</v>
      </c>
      <c r="C17601" s="1" t="s">
        <v>60</v>
      </c>
      <c r="D17601" s="1" t="s">
        <v>64606</v>
      </c>
      <c r="E17601" s="1" t="s">
        <v>23248</v>
      </c>
      <c r="F17601" s="1" t="s">
        <v>64607</v>
      </c>
      <c r="G17601" s="1" t="s">
        <v>64580</v>
      </c>
      <c r="H17601" s="1" t="s">
        <v>64581</v>
      </c>
      <c r="I17601" s="1" t="s">
        <v>53800</v>
      </c>
      <c r="J17601" s="1" t="s">
        <v>64608</v>
      </c>
    </row>
    <row r="17602" spans="1:10" x14ac:dyDescent="0.35">
      <c r="A17602" s="1" t="s">
        <v>64579</v>
      </c>
      <c r="B17602" s="1" t="s">
        <v>53796</v>
      </c>
      <c r="C17602" s="1" t="s">
        <v>65</v>
      </c>
      <c r="D17602" s="1" t="s">
        <v>64609</v>
      </c>
      <c r="E17602" s="1" t="s">
        <v>24377</v>
      </c>
      <c r="F17602" s="1" t="s">
        <v>64610</v>
      </c>
      <c r="G17602" s="1" t="s">
        <v>64580</v>
      </c>
      <c r="H17602" s="1" t="s">
        <v>64581</v>
      </c>
      <c r="I17602" s="1" t="s">
        <v>53800</v>
      </c>
      <c r="J17602" s="1" t="s">
        <v>64611</v>
      </c>
    </row>
    <row r="17603" spans="1:10" x14ac:dyDescent="0.35">
      <c r="A17603" s="1" t="s">
        <v>64579</v>
      </c>
      <c r="B17603" s="1" t="s">
        <v>53796</v>
      </c>
      <c r="C17603" s="1" t="s">
        <v>70</v>
      </c>
      <c r="D17603" s="1" t="s">
        <v>64612</v>
      </c>
      <c r="E17603" s="1" t="s">
        <v>32061</v>
      </c>
      <c r="F17603" s="1" t="s">
        <v>64613</v>
      </c>
      <c r="G17603" s="1" t="s">
        <v>64580</v>
      </c>
      <c r="H17603" s="1" t="s">
        <v>64581</v>
      </c>
      <c r="I17603" s="1" t="s">
        <v>53800</v>
      </c>
      <c r="J17603" s="1" t="s">
        <v>64614</v>
      </c>
    </row>
    <row r="17604" spans="1:10" x14ac:dyDescent="0.35">
      <c r="A17604" s="1" t="s">
        <v>64579</v>
      </c>
      <c r="B17604" s="1" t="s">
        <v>53796</v>
      </c>
      <c r="C17604" s="1" t="s">
        <v>75</v>
      </c>
      <c r="D17604" s="1" t="s">
        <v>64615</v>
      </c>
      <c r="E17604" s="1" t="s">
        <v>40741</v>
      </c>
      <c r="F17604" s="1" t="s">
        <v>59839</v>
      </c>
      <c r="G17604" s="1" t="s">
        <v>64580</v>
      </c>
      <c r="H17604" s="1" t="s">
        <v>64581</v>
      </c>
      <c r="I17604" s="1" t="s">
        <v>53800</v>
      </c>
      <c r="J17604" s="1" t="s">
        <v>64616</v>
      </c>
    </row>
    <row r="17605" spans="1:10" x14ac:dyDescent="0.35">
      <c r="A17605" s="1" t="s">
        <v>64579</v>
      </c>
      <c r="B17605" s="1" t="s">
        <v>53796</v>
      </c>
      <c r="C17605" s="1" t="s">
        <v>80</v>
      </c>
      <c r="D17605" s="1" t="s">
        <v>64617</v>
      </c>
      <c r="E17605" s="1" t="s">
        <v>54038</v>
      </c>
      <c r="F17605" s="1" t="s">
        <v>64618</v>
      </c>
      <c r="G17605" s="1" t="s">
        <v>64580</v>
      </c>
      <c r="H17605" s="1" t="s">
        <v>64581</v>
      </c>
      <c r="I17605" s="1" t="s">
        <v>53800</v>
      </c>
      <c r="J17605" s="1" t="s">
        <v>64619</v>
      </c>
    </row>
    <row r="17606" spans="1:10" x14ac:dyDescent="0.35">
      <c r="A17606" s="1" t="s">
        <v>64579</v>
      </c>
      <c r="B17606" s="1" t="s">
        <v>53796</v>
      </c>
      <c r="C17606" s="1" t="s">
        <v>85</v>
      </c>
      <c r="D17606" s="1" t="s">
        <v>64620</v>
      </c>
      <c r="E17606" s="1" t="s">
        <v>55069</v>
      </c>
      <c r="F17606" s="1" t="s">
        <v>64621</v>
      </c>
      <c r="G17606" s="1" t="s">
        <v>64580</v>
      </c>
      <c r="H17606" s="1" t="s">
        <v>64581</v>
      </c>
      <c r="I17606" s="1" t="s">
        <v>53800</v>
      </c>
      <c r="J17606" s="1" t="s">
        <v>64622</v>
      </c>
    </row>
    <row r="17607" spans="1:10" x14ac:dyDescent="0.35">
      <c r="A17607" s="1" t="s">
        <v>64579</v>
      </c>
      <c r="B17607" s="1" t="s">
        <v>53796</v>
      </c>
      <c r="C17607" s="1" t="s">
        <v>90</v>
      </c>
      <c r="D17607" s="1" t="s">
        <v>11151</v>
      </c>
      <c r="E17607" s="1" t="s">
        <v>15263</v>
      </c>
      <c r="F17607" s="1" t="s">
        <v>59876</v>
      </c>
      <c r="G17607" s="1" t="s">
        <v>64580</v>
      </c>
      <c r="H17607" s="1" t="s">
        <v>64581</v>
      </c>
      <c r="I17607" s="1" t="s">
        <v>53800</v>
      </c>
      <c r="J17607" s="1" t="s">
        <v>64623</v>
      </c>
    </row>
    <row r="17608" spans="1:10" x14ac:dyDescent="0.35">
      <c r="A17608" s="1" t="s">
        <v>64579</v>
      </c>
      <c r="B17608" s="1" t="s">
        <v>53796</v>
      </c>
      <c r="C17608" s="1" t="s">
        <v>95</v>
      </c>
      <c r="D17608" s="1" t="s">
        <v>64624</v>
      </c>
      <c r="E17608" s="1" t="s">
        <v>12786</v>
      </c>
      <c r="F17608" s="1" t="s">
        <v>64625</v>
      </c>
      <c r="G17608" s="1" t="s">
        <v>64580</v>
      </c>
      <c r="H17608" s="1" t="s">
        <v>64581</v>
      </c>
      <c r="I17608" s="1" t="s">
        <v>53800</v>
      </c>
      <c r="J17608" s="1" t="s">
        <v>64626</v>
      </c>
    </row>
    <row r="17609" spans="1:10" x14ac:dyDescent="0.35">
      <c r="A17609" s="1" t="s">
        <v>64579</v>
      </c>
      <c r="B17609" s="1" t="s">
        <v>53796</v>
      </c>
      <c r="C17609" s="1" t="s">
        <v>100</v>
      </c>
      <c r="D17609" s="1" t="s">
        <v>64627</v>
      </c>
      <c r="E17609" s="1" t="s">
        <v>62221</v>
      </c>
      <c r="F17609" s="1" t="s">
        <v>57947</v>
      </c>
      <c r="G17609" s="1" t="s">
        <v>64580</v>
      </c>
      <c r="H17609" s="1" t="s">
        <v>64581</v>
      </c>
      <c r="I17609" s="1" t="s">
        <v>53800</v>
      </c>
      <c r="J17609" s="1" t="s">
        <v>64628</v>
      </c>
    </row>
    <row r="17610" spans="1:10" x14ac:dyDescent="0.35">
      <c r="A17610" s="1" t="s">
        <v>64579</v>
      </c>
      <c r="B17610" s="1" t="s">
        <v>53796</v>
      </c>
      <c r="C17610" s="1" t="s">
        <v>105</v>
      </c>
      <c r="D17610" s="1" t="s">
        <v>64629</v>
      </c>
      <c r="E17610" s="1" t="s">
        <v>12766</v>
      </c>
      <c r="F17610" s="1" t="s">
        <v>64630</v>
      </c>
      <c r="G17610" s="1" t="s">
        <v>64580</v>
      </c>
      <c r="H17610" s="1" t="s">
        <v>64581</v>
      </c>
      <c r="I17610" s="1" t="s">
        <v>53800</v>
      </c>
      <c r="J17610" s="1" t="s">
        <v>64631</v>
      </c>
    </row>
    <row r="17611" spans="1:10" x14ac:dyDescent="0.35">
      <c r="A17611" s="1" t="s">
        <v>64579</v>
      </c>
      <c r="B17611" s="1" t="s">
        <v>53796</v>
      </c>
      <c r="C17611" s="1" t="s">
        <v>110</v>
      </c>
      <c r="D17611" s="1" t="s">
        <v>64632</v>
      </c>
      <c r="E17611" s="1" t="s">
        <v>64633</v>
      </c>
      <c r="F17611" s="1" t="s">
        <v>64634</v>
      </c>
      <c r="G17611" s="1" t="s">
        <v>64580</v>
      </c>
      <c r="H17611" s="1" t="s">
        <v>64581</v>
      </c>
      <c r="I17611" s="1" t="s">
        <v>53800</v>
      </c>
      <c r="J17611" s="1" t="s">
        <v>64635</v>
      </c>
    </row>
    <row r="17612" spans="1:10" x14ac:dyDescent="0.35">
      <c r="A17612" s="1" t="s">
        <v>64579</v>
      </c>
      <c r="B17612" s="1" t="s">
        <v>53796</v>
      </c>
      <c r="C17612" s="1" t="s">
        <v>115</v>
      </c>
      <c r="D17612" s="1" t="s">
        <v>64636</v>
      </c>
      <c r="E17612" s="1" t="s">
        <v>32065</v>
      </c>
      <c r="F17612" s="1" t="s">
        <v>63467</v>
      </c>
      <c r="G17612" s="1" t="s">
        <v>64580</v>
      </c>
      <c r="H17612" s="1" t="s">
        <v>64581</v>
      </c>
      <c r="I17612" s="1" t="s">
        <v>53800</v>
      </c>
      <c r="J17612" s="1" t="s">
        <v>64637</v>
      </c>
    </row>
    <row r="17613" spans="1:10" x14ac:dyDescent="0.35">
      <c r="A17613" s="1" t="s">
        <v>64579</v>
      </c>
      <c r="B17613" s="1" t="s">
        <v>53796</v>
      </c>
      <c r="C17613" s="1" t="s">
        <v>120</v>
      </c>
      <c r="D17613" s="1" t="s">
        <v>64638</v>
      </c>
      <c r="E17613" s="1" t="s">
        <v>61076</v>
      </c>
      <c r="F17613" s="1" t="s">
        <v>64639</v>
      </c>
      <c r="G17613" s="1" t="s">
        <v>64580</v>
      </c>
      <c r="H17613" s="1" t="s">
        <v>64581</v>
      </c>
      <c r="I17613" s="1" t="s">
        <v>53800</v>
      </c>
      <c r="J17613" s="1" t="s">
        <v>64640</v>
      </c>
    </row>
    <row r="17614" spans="1:10" x14ac:dyDescent="0.35">
      <c r="A17614" s="1" t="s">
        <v>64579</v>
      </c>
      <c r="B17614" s="1" t="s">
        <v>53796</v>
      </c>
      <c r="C17614" s="1" t="s">
        <v>125</v>
      </c>
      <c r="D17614" s="1" t="s">
        <v>64641</v>
      </c>
      <c r="E17614" s="1" t="s">
        <v>56990</v>
      </c>
      <c r="F17614" s="1" t="s">
        <v>55439</v>
      </c>
      <c r="G17614" s="1" t="s">
        <v>64580</v>
      </c>
      <c r="H17614" s="1" t="s">
        <v>64581</v>
      </c>
      <c r="I17614" s="1" t="s">
        <v>53800</v>
      </c>
      <c r="J17614" s="1" t="s">
        <v>64642</v>
      </c>
    </row>
    <row r="17615" spans="1:10" x14ac:dyDescent="0.35">
      <c r="A17615" s="1" t="s">
        <v>64579</v>
      </c>
      <c r="B17615" s="1" t="s">
        <v>53796</v>
      </c>
      <c r="C17615" s="1" t="s">
        <v>130</v>
      </c>
      <c r="D17615" s="1" t="s">
        <v>64643</v>
      </c>
      <c r="E17615" s="1" t="s">
        <v>15235</v>
      </c>
      <c r="F17615" s="1" t="s">
        <v>64486</v>
      </c>
      <c r="G17615" s="1" t="s">
        <v>64580</v>
      </c>
      <c r="H17615" s="1" t="s">
        <v>64581</v>
      </c>
      <c r="I17615" s="1" t="s">
        <v>53800</v>
      </c>
      <c r="J17615" s="1" t="s">
        <v>64644</v>
      </c>
    </row>
    <row r="17616" spans="1:10" x14ac:dyDescent="0.35">
      <c r="A17616" s="1" t="s">
        <v>64579</v>
      </c>
      <c r="B17616" s="1" t="s">
        <v>53796</v>
      </c>
      <c r="C17616" s="1" t="s">
        <v>135</v>
      </c>
      <c r="D17616" s="1" t="s">
        <v>64645</v>
      </c>
      <c r="E17616" s="1" t="s">
        <v>21970</v>
      </c>
      <c r="F17616" s="1" t="s">
        <v>64646</v>
      </c>
      <c r="G17616" s="1" t="s">
        <v>64580</v>
      </c>
      <c r="H17616" s="1" t="s">
        <v>64581</v>
      </c>
      <c r="I17616" s="1" t="s">
        <v>53800</v>
      </c>
      <c r="J17616" s="1" t="s">
        <v>64647</v>
      </c>
    </row>
    <row r="17617" spans="1:10" x14ac:dyDescent="0.35">
      <c r="A17617" s="1" t="s">
        <v>64579</v>
      </c>
      <c r="B17617" s="1" t="s">
        <v>53796</v>
      </c>
      <c r="C17617" s="1" t="s">
        <v>140</v>
      </c>
      <c r="D17617" s="1" t="s">
        <v>64648</v>
      </c>
      <c r="E17617" s="1" t="s">
        <v>64649</v>
      </c>
      <c r="F17617" s="1" t="s">
        <v>64650</v>
      </c>
      <c r="G17617" s="1" t="s">
        <v>64580</v>
      </c>
      <c r="H17617" s="1" t="s">
        <v>64581</v>
      </c>
      <c r="I17617" s="1" t="s">
        <v>53800</v>
      </c>
      <c r="J17617" s="1" t="s">
        <v>64651</v>
      </c>
    </row>
    <row r="17618" spans="1:10" x14ac:dyDescent="0.35">
      <c r="A17618" s="1" t="s">
        <v>64579</v>
      </c>
      <c r="B17618" s="1" t="s">
        <v>53796</v>
      </c>
      <c r="C17618" s="1" t="s">
        <v>145</v>
      </c>
      <c r="D17618" s="1" t="s">
        <v>64652</v>
      </c>
      <c r="E17618" s="1" t="s">
        <v>26629</v>
      </c>
      <c r="F17618" s="1" t="s">
        <v>64653</v>
      </c>
      <c r="G17618" s="1" t="s">
        <v>64580</v>
      </c>
      <c r="H17618" s="1" t="s">
        <v>64581</v>
      </c>
      <c r="I17618" s="1" t="s">
        <v>53800</v>
      </c>
      <c r="J17618" s="1" t="s">
        <v>64654</v>
      </c>
    </row>
    <row r="17619" spans="1:10" x14ac:dyDescent="0.35">
      <c r="A17619" s="1" t="s">
        <v>64579</v>
      </c>
      <c r="B17619" s="1" t="s">
        <v>53796</v>
      </c>
      <c r="C17619" s="1" t="s">
        <v>150</v>
      </c>
      <c r="D17619" s="1" t="s">
        <v>64655</v>
      </c>
      <c r="E17619" s="1" t="s">
        <v>62764</v>
      </c>
      <c r="F17619" s="1" t="s">
        <v>64656</v>
      </c>
      <c r="G17619" s="1" t="s">
        <v>64580</v>
      </c>
      <c r="H17619" s="1" t="s">
        <v>64581</v>
      </c>
      <c r="I17619" s="1" t="s">
        <v>53800</v>
      </c>
      <c r="J17619" s="1" t="s">
        <v>64657</v>
      </c>
    </row>
    <row r="17620" spans="1:10" x14ac:dyDescent="0.35">
      <c r="A17620" s="1" t="s">
        <v>64579</v>
      </c>
      <c r="B17620" s="1" t="s">
        <v>53796</v>
      </c>
      <c r="C17620" s="1" t="s">
        <v>155</v>
      </c>
      <c r="D17620" s="1" t="s">
        <v>64658</v>
      </c>
      <c r="E17620" s="1" t="s">
        <v>31449</v>
      </c>
      <c r="F17620" s="1" t="s">
        <v>64659</v>
      </c>
      <c r="G17620" s="1" t="s">
        <v>64580</v>
      </c>
      <c r="H17620" s="1" t="s">
        <v>64581</v>
      </c>
      <c r="I17620" s="1" t="s">
        <v>53800</v>
      </c>
      <c r="J17620" s="1" t="s">
        <v>64660</v>
      </c>
    </row>
    <row r="17621" spans="1:10" x14ac:dyDescent="0.35">
      <c r="A17621" s="1" t="s">
        <v>64579</v>
      </c>
      <c r="B17621" s="1" t="s">
        <v>53796</v>
      </c>
      <c r="C17621" s="1" t="s">
        <v>160</v>
      </c>
      <c r="D17621" s="1" t="s">
        <v>64661</v>
      </c>
      <c r="E17621" s="1" t="s">
        <v>31388</v>
      </c>
      <c r="F17621" s="1" t="s">
        <v>64662</v>
      </c>
      <c r="G17621" s="1" t="s">
        <v>64580</v>
      </c>
      <c r="H17621" s="1" t="s">
        <v>64581</v>
      </c>
      <c r="I17621" s="1" t="s">
        <v>53800</v>
      </c>
      <c r="J17621" s="1" t="s">
        <v>64663</v>
      </c>
    </row>
    <row r="17622" spans="1:10" x14ac:dyDescent="0.35">
      <c r="A17622" s="1" t="s">
        <v>64579</v>
      </c>
      <c r="B17622" s="1" t="s">
        <v>53796</v>
      </c>
      <c r="C17622" s="1" t="s">
        <v>165</v>
      </c>
      <c r="D17622" s="1" t="s">
        <v>64664</v>
      </c>
      <c r="E17622" s="1" t="s">
        <v>15853</v>
      </c>
      <c r="F17622" s="1" t="s">
        <v>16273</v>
      </c>
      <c r="G17622" s="1" t="s">
        <v>64580</v>
      </c>
      <c r="H17622" s="1" t="s">
        <v>64581</v>
      </c>
      <c r="I17622" s="1" t="s">
        <v>53800</v>
      </c>
      <c r="J17622" s="1" t="s">
        <v>64665</v>
      </c>
    </row>
    <row r="17623" spans="1:10" x14ac:dyDescent="0.35">
      <c r="A17623" s="1" t="s">
        <v>64579</v>
      </c>
      <c r="B17623" s="1" t="s">
        <v>53796</v>
      </c>
      <c r="C17623" s="1" t="s">
        <v>170</v>
      </c>
      <c r="D17623" s="1" t="s">
        <v>22819</v>
      </c>
      <c r="E17623" s="1" t="s">
        <v>26539</v>
      </c>
      <c r="F17623" s="1" t="s">
        <v>64666</v>
      </c>
      <c r="G17623" s="1" t="s">
        <v>64580</v>
      </c>
      <c r="H17623" s="1" t="s">
        <v>64581</v>
      </c>
      <c r="I17623" s="1" t="s">
        <v>53800</v>
      </c>
      <c r="J17623" s="1" t="s">
        <v>64667</v>
      </c>
    </row>
    <row r="17624" spans="1:10" x14ac:dyDescent="0.35">
      <c r="A17624" s="1" t="s">
        <v>64668</v>
      </c>
      <c r="B17624" s="1" t="s">
        <v>53796</v>
      </c>
      <c r="C17624" s="1" t="s">
        <v>8</v>
      </c>
      <c r="D17624" s="1" t="s">
        <v>64669</v>
      </c>
      <c r="E17624" s="1" t="s">
        <v>32359</v>
      </c>
      <c r="F17624" s="1" t="s">
        <v>64670</v>
      </c>
      <c r="G17624" s="1" t="s">
        <v>64671</v>
      </c>
      <c r="H17624" s="1" t="s">
        <v>64672</v>
      </c>
      <c r="I17624" s="1" t="s">
        <v>53800</v>
      </c>
      <c r="J17624" s="1" t="s">
        <v>13</v>
      </c>
    </row>
    <row r="17625" spans="1:10" x14ac:dyDescent="0.35">
      <c r="A17625" s="1" t="s">
        <v>64668</v>
      </c>
      <c r="B17625" s="1" t="s">
        <v>53796</v>
      </c>
      <c r="C17625" s="1" t="s">
        <v>15</v>
      </c>
      <c r="D17625" s="1" t="s">
        <v>53939</v>
      </c>
      <c r="E17625" s="1" t="s">
        <v>41305</v>
      </c>
      <c r="F17625" s="1" t="s">
        <v>31954</v>
      </c>
      <c r="G17625" s="1" t="s">
        <v>64671</v>
      </c>
      <c r="H17625" s="1" t="s">
        <v>64672</v>
      </c>
      <c r="I17625" s="1" t="s">
        <v>53800</v>
      </c>
      <c r="J17625" s="1" t="s">
        <v>64673</v>
      </c>
    </row>
    <row r="17626" spans="1:10" x14ac:dyDescent="0.35">
      <c r="A17626" s="1" t="s">
        <v>64668</v>
      </c>
      <c r="B17626" s="1" t="s">
        <v>53796</v>
      </c>
      <c r="C17626" s="1" t="s">
        <v>20</v>
      </c>
      <c r="D17626" s="1" t="s">
        <v>64674</v>
      </c>
      <c r="E17626" s="1" t="s">
        <v>57099</v>
      </c>
      <c r="F17626" s="1" t="s">
        <v>64675</v>
      </c>
      <c r="G17626" s="1" t="s">
        <v>64671</v>
      </c>
      <c r="H17626" s="1" t="s">
        <v>64672</v>
      </c>
      <c r="I17626" s="1" t="s">
        <v>53800</v>
      </c>
      <c r="J17626" s="1" t="s">
        <v>64676</v>
      </c>
    </row>
    <row r="17627" spans="1:10" x14ac:dyDescent="0.35">
      <c r="A17627" s="1" t="s">
        <v>64668</v>
      </c>
      <c r="B17627" s="1" t="s">
        <v>53796</v>
      </c>
      <c r="C17627" s="1" t="s">
        <v>25</v>
      </c>
      <c r="D17627" s="1" t="s">
        <v>64677</v>
      </c>
      <c r="E17627" s="1" t="s">
        <v>21201</v>
      </c>
      <c r="F17627" s="1" t="s">
        <v>63888</v>
      </c>
      <c r="G17627" s="1" t="s">
        <v>64671</v>
      </c>
      <c r="H17627" s="1" t="s">
        <v>64672</v>
      </c>
      <c r="I17627" s="1" t="s">
        <v>53800</v>
      </c>
      <c r="J17627" s="1" t="s">
        <v>64678</v>
      </c>
    </row>
    <row r="17628" spans="1:10" x14ac:dyDescent="0.35">
      <c r="A17628" s="1" t="s">
        <v>64668</v>
      </c>
      <c r="B17628" s="1" t="s">
        <v>53796</v>
      </c>
      <c r="C17628" s="1" t="s">
        <v>30</v>
      </c>
      <c r="D17628" s="1" t="s">
        <v>52537</v>
      </c>
      <c r="E17628" s="1" t="s">
        <v>15345</v>
      </c>
      <c r="F17628" s="1" t="s">
        <v>64679</v>
      </c>
      <c r="G17628" s="1" t="s">
        <v>64671</v>
      </c>
      <c r="H17628" s="1" t="s">
        <v>64672</v>
      </c>
      <c r="I17628" s="1" t="s">
        <v>53800</v>
      </c>
      <c r="J17628" s="1" t="s">
        <v>64680</v>
      </c>
    </row>
    <row r="17629" spans="1:10" x14ac:dyDescent="0.35">
      <c r="A17629" s="1" t="s">
        <v>64668</v>
      </c>
      <c r="B17629" s="1" t="s">
        <v>53796</v>
      </c>
      <c r="C17629" s="1" t="s">
        <v>35</v>
      </c>
      <c r="D17629" s="1" t="s">
        <v>64681</v>
      </c>
      <c r="E17629" s="1" t="s">
        <v>24373</v>
      </c>
      <c r="F17629" s="1" t="s">
        <v>64682</v>
      </c>
      <c r="G17629" s="1" t="s">
        <v>64671</v>
      </c>
      <c r="H17629" s="1" t="s">
        <v>64672</v>
      </c>
      <c r="I17629" s="1" t="s">
        <v>53800</v>
      </c>
      <c r="J17629" s="1" t="s">
        <v>64683</v>
      </c>
    </row>
    <row r="17630" spans="1:10" x14ac:dyDescent="0.35">
      <c r="A17630" s="1" t="s">
        <v>64668</v>
      </c>
      <c r="B17630" s="1" t="s">
        <v>53796</v>
      </c>
      <c r="C17630" s="1" t="s">
        <v>40</v>
      </c>
      <c r="D17630" s="1" t="s">
        <v>64684</v>
      </c>
      <c r="E17630" s="1" t="s">
        <v>22918</v>
      </c>
      <c r="F17630" s="1" t="s">
        <v>64685</v>
      </c>
      <c r="G17630" s="1" t="s">
        <v>64671</v>
      </c>
      <c r="H17630" s="1" t="s">
        <v>64672</v>
      </c>
      <c r="I17630" s="1" t="s">
        <v>53800</v>
      </c>
      <c r="J17630" s="1" t="s">
        <v>64686</v>
      </c>
    </row>
    <row r="17631" spans="1:10" x14ac:dyDescent="0.35">
      <c r="A17631" s="1" t="s">
        <v>64668</v>
      </c>
      <c r="B17631" s="1" t="s">
        <v>53796</v>
      </c>
      <c r="C17631" s="1" t="s">
        <v>45</v>
      </c>
      <c r="D17631" s="1" t="s">
        <v>64687</v>
      </c>
      <c r="E17631" s="1" t="s">
        <v>54136</v>
      </c>
      <c r="F17631" s="1" t="s">
        <v>64688</v>
      </c>
      <c r="G17631" s="1" t="s">
        <v>64671</v>
      </c>
      <c r="H17631" s="1" t="s">
        <v>64672</v>
      </c>
      <c r="I17631" s="1" t="s">
        <v>53800</v>
      </c>
      <c r="J17631" s="1" t="s">
        <v>64689</v>
      </c>
    </row>
    <row r="17632" spans="1:10" x14ac:dyDescent="0.35">
      <c r="A17632" s="1" t="s">
        <v>64668</v>
      </c>
      <c r="B17632" s="1" t="s">
        <v>53796</v>
      </c>
      <c r="C17632" s="1" t="s">
        <v>50</v>
      </c>
      <c r="D17632" s="1" t="s">
        <v>64690</v>
      </c>
      <c r="E17632" s="1" t="s">
        <v>62981</v>
      </c>
      <c r="F17632" s="1" t="s">
        <v>64691</v>
      </c>
      <c r="G17632" s="1" t="s">
        <v>64671</v>
      </c>
      <c r="H17632" s="1" t="s">
        <v>64672</v>
      </c>
      <c r="I17632" s="1" t="s">
        <v>53800</v>
      </c>
      <c r="J17632" s="1" t="s">
        <v>64692</v>
      </c>
    </row>
    <row r="17633" spans="1:10" x14ac:dyDescent="0.35">
      <c r="A17633" s="1" t="s">
        <v>64668</v>
      </c>
      <c r="B17633" s="1" t="s">
        <v>53796</v>
      </c>
      <c r="C17633" s="1" t="s">
        <v>55</v>
      </c>
      <c r="D17633" s="1" t="s">
        <v>64693</v>
      </c>
      <c r="E17633" s="1" t="s">
        <v>23248</v>
      </c>
      <c r="F17633" s="1" t="s">
        <v>64694</v>
      </c>
      <c r="G17633" s="1" t="s">
        <v>64671</v>
      </c>
      <c r="H17633" s="1" t="s">
        <v>64672</v>
      </c>
      <c r="I17633" s="1" t="s">
        <v>53800</v>
      </c>
      <c r="J17633" s="1" t="s">
        <v>64695</v>
      </c>
    </row>
    <row r="17634" spans="1:10" x14ac:dyDescent="0.35">
      <c r="A17634" s="1" t="s">
        <v>64668</v>
      </c>
      <c r="B17634" s="1" t="s">
        <v>53796</v>
      </c>
      <c r="C17634" s="1" t="s">
        <v>60</v>
      </c>
      <c r="D17634" s="1" t="s">
        <v>64696</v>
      </c>
      <c r="E17634" s="1" t="s">
        <v>27137</v>
      </c>
      <c r="F17634" s="1" t="s">
        <v>63472</v>
      </c>
      <c r="G17634" s="1" t="s">
        <v>64671</v>
      </c>
      <c r="H17634" s="1" t="s">
        <v>64672</v>
      </c>
      <c r="I17634" s="1" t="s">
        <v>53800</v>
      </c>
      <c r="J17634" s="1" t="s">
        <v>64697</v>
      </c>
    </row>
    <row r="17635" spans="1:10" x14ac:dyDescent="0.35">
      <c r="A17635" s="1" t="s">
        <v>64668</v>
      </c>
      <c r="B17635" s="1" t="s">
        <v>53796</v>
      </c>
      <c r="C17635" s="1" t="s">
        <v>65</v>
      </c>
      <c r="D17635" s="1" t="s">
        <v>64698</v>
      </c>
      <c r="E17635" s="1" t="s">
        <v>54799</v>
      </c>
      <c r="F17635" s="1" t="s">
        <v>64699</v>
      </c>
      <c r="G17635" s="1" t="s">
        <v>64671</v>
      </c>
      <c r="H17635" s="1" t="s">
        <v>64672</v>
      </c>
      <c r="I17635" s="1" t="s">
        <v>53800</v>
      </c>
      <c r="J17635" s="1" t="s">
        <v>64700</v>
      </c>
    </row>
    <row r="17636" spans="1:10" x14ac:dyDescent="0.35">
      <c r="A17636" s="1" t="s">
        <v>64668</v>
      </c>
      <c r="B17636" s="1" t="s">
        <v>53796</v>
      </c>
      <c r="C17636" s="1" t="s">
        <v>70</v>
      </c>
      <c r="D17636" s="1" t="s">
        <v>22380</v>
      </c>
      <c r="E17636" s="1" t="s">
        <v>56541</v>
      </c>
      <c r="F17636" s="1" t="s">
        <v>64701</v>
      </c>
      <c r="G17636" s="1" t="s">
        <v>64671</v>
      </c>
      <c r="H17636" s="1" t="s">
        <v>64672</v>
      </c>
      <c r="I17636" s="1" t="s">
        <v>53800</v>
      </c>
      <c r="J17636" s="1" t="s">
        <v>64702</v>
      </c>
    </row>
    <row r="17637" spans="1:10" x14ac:dyDescent="0.35">
      <c r="A17637" s="1" t="s">
        <v>64668</v>
      </c>
      <c r="B17637" s="1" t="s">
        <v>53796</v>
      </c>
      <c r="C17637" s="1" t="s">
        <v>75</v>
      </c>
      <c r="D17637" s="1" t="s">
        <v>11567</v>
      </c>
      <c r="E17637" s="1" t="s">
        <v>12817</v>
      </c>
      <c r="F17637" s="1" t="s">
        <v>64703</v>
      </c>
      <c r="G17637" s="1" t="s">
        <v>64671</v>
      </c>
      <c r="H17637" s="1" t="s">
        <v>64672</v>
      </c>
      <c r="I17637" s="1" t="s">
        <v>53800</v>
      </c>
      <c r="J17637" s="1" t="s">
        <v>64704</v>
      </c>
    </row>
    <row r="17638" spans="1:10" x14ac:dyDescent="0.35">
      <c r="A17638" s="1" t="s">
        <v>64668</v>
      </c>
      <c r="B17638" s="1" t="s">
        <v>53796</v>
      </c>
      <c r="C17638" s="1" t="s">
        <v>80</v>
      </c>
      <c r="D17638" s="1" t="s">
        <v>64705</v>
      </c>
      <c r="E17638" s="1" t="s">
        <v>64410</v>
      </c>
      <c r="F17638" s="1" t="s">
        <v>64706</v>
      </c>
      <c r="G17638" s="1" t="s">
        <v>64671</v>
      </c>
      <c r="H17638" s="1" t="s">
        <v>64672</v>
      </c>
      <c r="I17638" s="1" t="s">
        <v>53800</v>
      </c>
      <c r="J17638" s="1" t="s">
        <v>64707</v>
      </c>
    </row>
    <row r="17639" spans="1:10" x14ac:dyDescent="0.35">
      <c r="A17639" s="1" t="s">
        <v>64668</v>
      </c>
      <c r="B17639" s="1" t="s">
        <v>53796</v>
      </c>
      <c r="C17639" s="1" t="s">
        <v>85</v>
      </c>
      <c r="D17639" s="1" t="s">
        <v>61296</v>
      </c>
      <c r="E17639" s="1" t="s">
        <v>12762</v>
      </c>
      <c r="F17639" s="1" t="s">
        <v>64708</v>
      </c>
      <c r="G17639" s="1" t="s">
        <v>64671</v>
      </c>
      <c r="H17639" s="1" t="s">
        <v>64672</v>
      </c>
      <c r="I17639" s="1" t="s">
        <v>53800</v>
      </c>
      <c r="J17639" s="1" t="s">
        <v>64709</v>
      </c>
    </row>
    <row r="17640" spans="1:10" x14ac:dyDescent="0.35">
      <c r="A17640" s="1" t="s">
        <v>64668</v>
      </c>
      <c r="B17640" s="1" t="s">
        <v>53796</v>
      </c>
      <c r="C17640" s="1" t="s">
        <v>90</v>
      </c>
      <c r="D17640" s="1" t="s">
        <v>64710</v>
      </c>
      <c r="E17640" s="1" t="s">
        <v>31472</v>
      </c>
      <c r="F17640" s="1" t="s">
        <v>23266</v>
      </c>
      <c r="G17640" s="1" t="s">
        <v>64671</v>
      </c>
      <c r="H17640" s="1" t="s">
        <v>64672</v>
      </c>
      <c r="I17640" s="1" t="s">
        <v>53800</v>
      </c>
      <c r="J17640" s="1" t="s">
        <v>64711</v>
      </c>
    </row>
    <row r="17641" spans="1:10" x14ac:dyDescent="0.35">
      <c r="A17641" s="1" t="s">
        <v>64668</v>
      </c>
      <c r="B17641" s="1" t="s">
        <v>53796</v>
      </c>
      <c r="C17641" s="1" t="s">
        <v>95</v>
      </c>
      <c r="D17641" s="1" t="s">
        <v>64712</v>
      </c>
      <c r="E17641" s="1" t="s">
        <v>21860</v>
      </c>
      <c r="F17641" s="1" t="s">
        <v>64713</v>
      </c>
      <c r="G17641" s="1" t="s">
        <v>64671</v>
      </c>
      <c r="H17641" s="1" t="s">
        <v>64672</v>
      </c>
      <c r="I17641" s="1" t="s">
        <v>53800</v>
      </c>
      <c r="J17641" s="1" t="s">
        <v>64714</v>
      </c>
    </row>
    <row r="17642" spans="1:10" x14ac:dyDescent="0.35">
      <c r="A17642" s="1" t="s">
        <v>64668</v>
      </c>
      <c r="B17642" s="1" t="s">
        <v>53796</v>
      </c>
      <c r="C17642" s="1" t="s">
        <v>100</v>
      </c>
      <c r="D17642" s="1" t="s">
        <v>64715</v>
      </c>
      <c r="E17642" s="1" t="s">
        <v>15245</v>
      </c>
      <c r="F17642" s="1" t="s">
        <v>31711</v>
      </c>
      <c r="G17642" s="1" t="s">
        <v>64671</v>
      </c>
      <c r="H17642" s="1" t="s">
        <v>64672</v>
      </c>
      <c r="I17642" s="1" t="s">
        <v>53800</v>
      </c>
      <c r="J17642" s="1" t="s">
        <v>64716</v>
      </c>
    </row>
    <row r="17643" spans="1:10" x14ac:dyDescent="0.35">
      <c r="A17643" s="1" t="s">
        <v>64668</v>
      </c>
      <c r="B17643" s="1" t="s">
        <v>53796</v>
      </c>
      <c r="C17643" s="1" t="s">
        <v>105</v>
      </c>
      <c r="D17643" s="1" t="s">
        <v>64717</v>
      </c>
      <c r="E17643" s="1" t="s">
        <v>54379</v>
      </c>
      <c r="F17643" s="1" t="s">
        <v>64718</v>
      </c>
      <c r="G17643" s="1" t="s">
        <v>64671</v>
      </c>
      <c r="H17643" s="1" t="s">
        <v>64672</v>
      </c>
      <c r="I17643" s="1" t="s">
        <v>53800</v>
      </c>
      <c r="J17643" s="1" t="s">
        <v>64719</v>
      </c>
    </row>
    <row r="17644" spans="1:10" x14ac:dyDescent="0.35">
      <c r="A17644" s="1" t="s">
        <v>64668</v>
      </c>
      <c r="B17644" s="1" t="s">
        <v>53796</v>
      </c>
      <c r="C17644" s="1" t="s">
        <v>110</v>
      </c>
      <c r="D17644" s="1" t="s">
        <v>64498</v>
      </c>
      <c r="E17644" s="1" t="s">
        <v>21170</v>
      </c>
      <c r="F17644" s="1" t="s">
        <v>64720</v>
      </c>
      <c r="G17644" s="1" t="s">
        <v>64671</v>
      </c>
      <c r="H17644" s="1" t="s">
        <v>64672</v>
      </c>
      <c r="I17644" s="1" t="s">
        <v>53800</v>
      </c>
      <c r="J17644" s="1" t="s">
        <v>64721</v>
      </c>
    </row>
    <row r="17645" spans="1:10" x14ac:dyDescent="0.35">
      <c r="A17645" s="1" t="s">
        <v>64668</v>
      </c>
      <c r="B17645" s="1" t="s">
        <v>53796</v>
      </c>
      <c r="C17645" s="1" t="s">
        <v>115</v>
      </c>
      <c r="D17645" s="1" t="s">
        <v>54401</v>
      </c>
      <c r="E17645" s="1" t="s">
        <v>64275</v>
      </c>
      <c r="F17645" s="1" t="s">
        <v>64722</v>
      </c>
      <c r="G17645" s="1" t="s">
        <v>64671</v>
      </c>
      <c r="H17645" s="1" t="s">
        <v>64672</v>
      </c>
      <c r="I17645" s="1" t="s">
        <v>53800</v>
      </c>
      <c r="J17645" s="1" t="s">
        <v>64723</v>
      </c>
    </row>
    <row r="17646" spans="1:10" x14ac:dyDescent="0.35">
      <c r="A17646" s="1" t="s">
        <v>64668</v>
      </c>
      <c r="B17646" s="1" t="s">
        <v>53796</v>
      </c>
      <c r="C17646" s="1" t="s">
        <v>120</v>
      </c>
      <c r="D17646" s="1" t="s">
        <v>57487</v>
      </c>
      <c r="E17646" s="1" t="s">
        <v>54059</v>
      </c>
      <c r="F17646" s="1" t="s">
        <v>60626</v>
      </c>
      <c r="G17646" s="1" t="s">
        <v>64671</v>
      </c>
      <c r="H17646" s="1" t="s">
        <v>64672</v>
      </c>
      <c r="I17646" s="1" t="s">
        <v>53800</v>
      </c>
      <c r="J17646" s="1" t="s">
        <v>64724</v>
      </c>
    </row>
    <row r="17647" spans="1:10" x14ac:dyDescent="0.35">
      <c r="A17647" s="1" t="s">
        <v>64668</v>
      </c>
      <c r="B17647" s="1" t="s">
        <v>53796</v>
      </c>
      <c r="C17647" s="1" t="s">
        <v>125</v>
      </c>
      <c r="D17647" s="1" t="s">
        <v>64725</v>
      </c>
      <c r="E17647" s="1" t="s">
        <v>58217</v>
      </c>
      <c r="F17647" s="1" t="s">
        <v>64726</v>
      </c>
      <c r="G17647" s="1" t="s">
        <v>64671</v>
      </c>
      <c r="H17647" s="1" t="s">
        <v>64672</v>
      </c>
      <c r="I17647" s="1" t="s">
        <v>53800</v>
      </c>
      <c r="J17647" s="1" t="s">
        <v>64727</v>
      </c>
    </row>
    <row r="17648" spans="1:10" x14ac:dyDescent="0.35">
      <c r="A17648" s="1" t="s">
        <v>64668</v>
      </c>
      <c r="B17648" s="1" t="s">
        <v>53796</v>
      </c>
      <c r="C17648" s="1" t="s">
        <v>130</v>
      </c>
      <c r="D17648" s="1" t="s">
        <v>64728</v>
      </c>
      <c r="E17648" s="1" t="s">
        <v>27104</v>
      </c>
      <c r="F17648" s="1" t="s">
        <v>64729</v>
      </c>
      <c r="G17648" s="1" t="s">
        <v>64671</v>
      </c>
      <c r="H17648" s="1" t="s">
        <v>64672</v>
      </c>
      <c r="I17648" s="1" t="s">
        <v>53800</v>
      </c>
      <c r="J17648" s="1" t="s">
        <v>64730</v>
      </c>
    </row>
    <row r="17649" spans="1:10" x14ac:dyDescent="0.35">
      <c r="A17649" s="1" t="s">
        <v>64668</v>
      </c>
      <c r="B17649" s="1" t="s">
        <v>53796</v>
      </c>
      <c r="C17649" s="1" t="s">
        <v>135</v>
      </c>
      <c r="D17649" s="1" t="s">
        <v>64731</v>
      </c>
      <c r="E17649" s="1" t="s">
        <v>16168</v>
      </c>
      <c r="F17649" s="1" t="s">
        <v>64732</v>
      </c>
      <c r="G17649" s="1" t="s">
        <v>64671</v>
      </c>
      <c r="H17649" s="1" t="s">
        <v>64672</v>
      </c>
      <c r="I17649" s="1" t="s">
        <v>53800</v>
      </c>
      <c r="J17649" s="1" t="s">
        <v>64733</v>
      </c>
    </row>
    <row r="17650" spans="1:10" x14ac:dyDescent="0.35">
      <c r="A17650" s="1" t="s">
        <v>64668</v>
      </c>
      <c r="B17650" s="1" t="s">
        <v>53796</v>
      </c>
      <c r="C17650" s="1" t="s">
        <v>140</v>
      </c>
      <c r="D17650" s="1" t="s">
        <v>64734</v>
      </c>
      <c r="E17650" s="1" t="s">
        <v>60740</v>
      </c>
      <c r="F17650" s="1" t="s">
        <v>64735</v>
      </c>
      <c r="G17650" s="1" t="s">
        <v>64671</v>
      </c>
      <c r="H17650" s="1" t="s">
        <v>64672</v>
      </c>
      <c r="I17650" s="1" t="s">
        <v>53800</v>
      </c>
      <c r="J17650" s="1" t="s">
        <v>64736</v>
      </c>
    </row>
    <row r="17651" spans="1:10" x14ac:dyDescent="0.35">
      <c r="A17651" s="1" t="s">
        <v>64668</v>
      </c>
      <c r="B17651" s="1" t="s">
        <v>53796</v>
      </c>
      <c r="C17651" s="1" t="s">
        <v>145</v>
      </c>
      <c r="D17651" s="1" t="s">
        <v>64737</v>
      </c>
      <c r="E17651" s="1" t="s">
        <v>31510</v>
      </c>
      <c r="F17651" s="1" t="s">
        <v>64738</v>
      </c>
      <c r="G17651" s="1" t="s">
        <v>64671</v>
      </c>
      <c r="H17651" s="1" t="s">
        <v>64672</v>
      </c>
      <c r="I17651" s="1" t="s">
        <v>53800</v>
      </c>
      <c r="J17651" s="1" t="s">
        <v>64739</v>
      </c>
    </row>
    <row r="17652" spans="1:10" x14ac:dyDescent="0.35">
      <c r="A17652" s="1" t="s">
        <v>64668</v>
      </c>
      <c r="B17652" s="1" t="s">
        <v>53796</v>
      </c>
      <c r="C17652" s="1" t="s">
        <v>150</v>
      </c>
      <c r="D17652" s="1" t="s">
        <v>3296</v>
      </c>
      <c r="E17652" s="1" t="s">
        <v>27126</v>
      </c>
      <c r="F17652" s="1" t="s">
        <v>64740</v>
      </c>
      <c r="G17652" s="1" t="s">
        <v>64671</v>
      </c>
      <c r="H17652" s="1" t="s">
        <v>64672</v>
      </c>
      <c r="I17652" s="1" t="s">
        <v>53800</v>
      </c>
      <c r="J17652" s="1" t="s">
        <v>64741</v>
      </c>
    </row>
    <row r="17653" spans="1:10" x14ac:dyDescent="0.35">
      <c r="A17653" s="1" t="s">
        <v>64668</v>
      </c>
      <c r="B17653" s="1" t="s">
        <v>53796</v>
      </c>
      <c r="C17653" s="1" t="s">
        <v>155</v>
      </c>
      <c r="D17653" s="1" t="s">
        <v>64742</v>
      </c>
      <c r="E17653" s="1" t="s">
        <v>64743</v>
      </c>
      <c r="F17653" s="1" t="s">
        <v>59706</v>
      </c>
      <c r="G17653" s="1" t="s">
        <v>64671</v>
      </c>
      <c r="H17653" s="1" t="s">
        <v>64672</v>
      </c>
      <c r="I17653" s="1" t="s">
        <v>53800</v>
      </c>
      <c r="J17653" s="1" t="s">
        <v>64744</v>
      </c>
    </row>
    <row r="17654" spans="1:10" x14ac:dyDescent="0.35">
      <c r="A17654" s="1" t="s">
        <v>64668</v>
      </c>
      <c r="B17654" s="1" t="s">
        <v>53796</v>
      </c>
      <c r="C17654" s="1" t="s">
        <v>160</v>
      </c>
      <c r="D17654" s="1" t="s">
        <v>56783</v>
      </c>
      <c r="E17654" s="1" t="s">
        <v>64745</v>
      </c>
      <c r="F17654" s="1" t="s">
        <v>64746</v>
      </c>
      <c r="G17654" s="1" t="s">
        <v>64671</v>
      </c>
      <c r="H17654" s="1" t="s">
        <v>64672</v>
      </c>
      <c r="I17654" s="1" t="s">
        <v>53800</v>
      </c>
      <c r="J17654" s="1" t="s">
        <v>64747</v>
      </c>
    </row>
    <row r="17655" spans="1:10" x14ac:dyDescent="0.35">
      <c r="A17655" s="1" t="s">
        <v>64668</v>
      </c>
      <c r="B17655" s="1" t="s">
        <v>53796</v>
      </c>
      <c r="C17655" s="1" t="s">
        <v>165</v>
      </c>
      <c r="D17655" s="1" t="s">
        <v>61721</v>
      </c>
      <c r="E17655" s="1" t="s">
        <v>32317</v>
      </c>
      <c r="F17655" s="1" t="s">
        <v>64748</v>
      </c>
      <c r="G17655" s="1" t="s">
        <v>64671</v>
      </c>
      <c r="H17655" s="1" t="s">
        <v>64672</v>
      </c>
      <c r="I17655" s="1" t="s">
        <v>53800</v>
      </c>
      <c r="J17655" s="1" t="s">
        <v>64749</v>
      </c>
    </row>
    <row r="17656" spans="1:10" x14ac:dyDescent="0.35">
      <c r="A17656" s="1" t="s">
        <v>64668</v>
      </c>
      <c r="B17656" s="1" t="s">
        <v>53796</v>
      </c>
      <c r="C17656" s="1" t="s">
        <v>170</v>
      </c>
      <c r="D17656" s="1" t="s">
        <v>64750</v>
      </c>
      <c r="E17656" s="1" t="s">
        <v>23187</v>
      </c>
      <c r="F17656" s="1" t="s">
        <v>59571</v>
      </c>
      <c r="G17656" s="1" t="s">
        <v>64671</v>
      </c>
      <c r="H17656" s="1" t="s">
        <v>64672</v>
      </c>
      <c r="I17656" s="1" t="s">
        <v>53800</v>
      </c>
      <c r="J17656" s="1" t="s">
        <v>64751</v>
      </c>
    </row>
    <row r="17657" spans="1:10" x14ac:dyDescent="0.35">
      <c r="A17657" s="1" t="s">
        <v>1340</v>
      </c>
      <c r="B17657" s="1" t="s">
        <v>53796</v>
      </c>
      <c r="C17657" s="1" t="s">
        <v>8</v>
      </c>
      <c r="D17657" s="1" t="s">
        <v>64752</v>
      </c>
      <c r="E17657" s="1" t="s">
        <v>31394</v>
      </c>
      <c r="F17657" s="1" t="s">
        <v>64753</v>
      </c>
      <c r="G17657" s="1" t="s">
        <v>64754</v>
      </c>
      <c r="H17657" s="1" t="s">
        <v>64755</v>
      </c>
      <c r="I17657" s="1" t="s">
        <v>53800</v>
      </c>
      <c r="J17657" s="1" t="s">
        <v>13</v>
      </c>
    </row>
    <row r="17658" spans="1:10" x14ac:dyDescent="0.35">
      <c r="A17658" s="1" t="s">
        <v>1340</v>
      </c>
      <c r="B17658" s="1" t="s">
        <v>53796</v>
      </c>
      <c r="C17658" s="1" t="s">
        <v>15</v>
      </c>
      <c r="D17658" s="1" t="s">
        <v>64756</v>
      </c>
      <c r="E17658" s="1" t="s">
        <v>55230</v>
      </c>
      <c r="F17658" s="1" t="s">
        <v>64757</v>
      </c>
      <c r="G17658" s="1" t="s">
        <v>64754</v>
      </c>
      <c r="H17658" s="1" t="s">
        <v>64755</v>
      </c>
      <c r="I17658" s="1" t="s">
        <v>53800</v>
      </c>
      <c r="J17658" s="1" t="s">
        <v>64758</v>
      </c>
    </row>
    <row r="17659" spans="1:10" x14ac:dyDescent="0.35">
      <c r="A17659" s="1" t="s">
        <v>1340</v>
      </c>
      <c r="B17659" s="1" t="s">
        <v>53796</v>
      </c>
      <c r="C17659" s="1" t="s">
        <v>20</v>
      </c>
      <c r="D17659" s="1" t="s">
        <v>61673</v>
      </c>
      <c r="E17659" s="1" t="s">
        <v>15340</v>
      </c>
      <c r="F17659" s="1" t="s">
        <v>64759</v>
      </c>
      <c r="G17659" s="1" t="s">
        <v>64754</v>
      </c>
      <c r="H17659" s="1" t="s">
        <v>64755</v>
      </c>
      <c r="I17659" s="1" t="s">
        <v>53800</v>
      </c>
      <c r="J17659" s="1" t="s">
        <v>64760</v>
      </c>
    </row>
    <row r="17660" spans="1:10" x14ac:dyDescent="0.35">
      <c r="A17660" s="1" t="s">
        <v>1340</v>
      </c>
      <c r="B17660" s="1" t="s">
        <v>53796</v>
      </c>
      <c r="C17660" s="1" t="s">
        <v>25</v>
      </c>
      <c r="D17660" s="1" t="s">
        <v>22682</v>
      </c>
      <c r="E17660" s="1" t="s">
        <v>55230</v>
      </c>
      <c r="F17660" s="1" t="s">
        <v>64761</v>
      </c>
      <c r="G17660" s="1" t="s">
        <v>64754</v>
      </c>
      <c r="H17660" s="1" t="s">
        <v>64755</v>
      </c>
      <c r="I17660" s="1" t="s">
        <v>53800</v>
      </c>
      <c r="J17660" s="1" t="s">
        <v>64762</v>
      </c>
    </row>
    <row r="17661" spans="1:10" x14ac:dyDescent="0.35">
      <c r="A17661" s="1" t="s">
        <v>1340</v>
      </c>
      <c r="B17661" s="1" t="s">
        <v>53796</v>
      </c>
      <c r="C17661" s="1" t="s">
        <v>30</v>
      </c>
      <c r="D17661" s="1" t="s">
        <v>64763</v>
      </c>
      <c r="E17661" s="1" t="s">
        <v>54751</v>
      </c>
      <c r="F17661" s="1" t="s">
        <v>64764</v>
      </c>
      <c r="G17661" s="1" t="s">
        <v>64754</v>
      </c>
      <c r="H17661" s="1" t="s">
        <v>64755</v>
      </c>
      <c r="I17661" s="1" t="s">
        <v>53800</v>
      </c>
      <c r="J17661" s="1" t="s">
        <v>64765</v>
      </c>
    </row>
    <row r="17662" spans="1:10" x14ac:dyDescent="0.35">
      <c r="A17662" s="1" t="s">
        <v>1340</v>
      </c>
      <c r="B17662" s="1" t="s">
        <v>53796</v>
      </c>
      <c r="C17662" s="1" t="s">
        <v>35</v>
      </c>
      <c r="D17662" s="1" t="s">
        <v>64766</v>
      </c>
      <c r="E17662" s="1" t="s">
        <v>41395</v>
      </c>
      <c r="F17662" s="1" t="s">
        <v>64767</v>
      </c>
      <c r="G17662" s="1" t="s">
        <v>64754</v>
      </c>
      <c r="H17662" s="1" t="s">
        <v>64755</v>
      </c>
      <c r="I17662" s="1" t="s">
        <v>53800</v>
      </c>
      <c r="J17662" s="1" t="s">
        <v>64768</v>
      </c>
    </row>
    <row r="17663" spans="1:10" x14ac:dyDescent="0.35">
      <c r="A17663" s="1" t="s">
        <v>1340</v>
      </c>
      <c r="B17663" s="1" t="s">
        <v>53796</v>
      </c>
      <c r="C17663" s="1" t="s">
        <v>40</v>
      </c>
      <c r="D17663" s="1" t="s">
        <v>40266</v>
      </c>
      <c r="E17663" s="1" t="s">
        <v>64769</v>
      </c>
      <c r="F17663" s="1" t="s">
        <v>31430</v>
      </c>
      <c r="G17663" s="1" t="s">
        <v>64754</v>
      </c>
      <c r="H17663" s="1" t="s">
        <v>64755</v>
      </c>
      <c r="I17663" s="1" t="s">
        <v>53800</v>
      </c>
      <c r="J17663" s="1" t="s">
        <v>64770</v>
      </c>
    </row>
    <row r="17664" spans="1:10" x14ac:dyDescent="0.35">
      <c r="A17664" s="1" t="s">
        <v>1340</v>
      </c>
      <c r="B17664" s="1" t="s">
        <v>53796</v>
      </c>
      <c r="C17664" s="1" t="s">
        <v>45</v>
      </c>
      <c r="D17664" s="1" t="s">
        <v>64771</v>
      </c>
      <c r="E17664" s="1" t="s">
        <v>54379</v>
      </c>
      <c r="F17664" s="1" t="s">
        <v>55449</v>
      </c>
      <c r="G17664" s="1" t="s">
        <v>64754</v>
      </c>
      <c r="H17664" s="1" t="s">
        <v>64755</v>
      </c>
      <c r="I17664" s="1" t="s">
        <v>53800</v>
      </c>
      <c r="J17664" s="1" t="s">
        <v>64772</v>
      </c>
    </row>
    <row r="17665" spans="1:10" x14ac:dyDescent="0.35">
      <c r="A17665" s="1" t="s">
        <v>1340</v>
      </c>
      <c r="B17665" s="1" t="s">
        <v>53796</v>
      </c>
      <c r="C17665" s="1" t="s">
        <v>50</v>
      </c>
      <c r="D17665" s="1" t="s">
        <v>64773</v>
      </c>
      <c r="E17665" s="1" t="s">
        <v>58217</v>
      </c>
      <c r="F17665" s="1" t="s">
        <v>64774</v>
      </c>
      <c r="G17665" s="1" t="s">
        <v>64754</v>
      </c>
      <c r="H17665" s="1" t="s">
        <v>64755</v>
      </c>
      <c r="I17665" s="1" t="s">
        <v>53800</v>
      </c>
      <c r="J17665" s="1" t="s">
        <v>64775</v>
      </c>
    </row>
    <row r="17666" spans="1:10" x14ac:dyDescent="0.35">
      <c r="A17666" s="1" t="s">
        <v>1340</v>
      </c>
      <c r="B17666" s="1" t="s">
        <v>53796</v>
      </c>
      <c r="C17666" s="1" t="s">
        <v>55</v>
      </c>
      <c r="D17666" s="1" t="s">
        <v>64776</v>
      </c>
      <c r="E17666" s="1" t="s">
        <v>22080</v>
      </c>
      <c r="F17666" s="1" t="s">
        <v>58851</v>
      </c>
      <c r="G17666" s="1" t="s">
        <v>64754</v>
      </c>
      <c r="H17666" s="1" t="s">
        <v>64755</v>
      </c>
      <c r="I17666" s="1" t="s">
        <v>53800</v>
      </c>
      <c r="J17666" s="1" t="s">
        <v>64777</v>
      </c>
    </row>
    <row r="17667" spans="1:10" x14ac:dyDescent="0.35">
      <c r="A17667" s="1" t="s">
        <v>1340</v>
      </c>
      <c r="B17667" s="1" t="s">
        <v>53796</v>
      </c>
      <c r="C17667" s="1" t="s">
        <v>60</v>
      </c>
      <c r="D17667" s="1" t="s">
        <v>24615</v>
      </c>
      <c r="E17667" s="1" t="s">
        <v>61432</v>
      </c>
      <c r="F17667" s="1" t="s">
        <v>64778</v>
      </c>
      <c r="G17667" s="1" t="s">
        <v>64754</v>
      </c>
      <c r="H17667" s="1" t="s">
        <v>64755</v>
      </c>
      <c r="I17667" s="1" t="s">
        <v>53800</v>
      </c>
      <c r="J17667" s="1" t="s">
        <v>64779</v>
      </c>
    </row>
    <row r="17668" spans="1:10" x14ac:dyDescent="0.35">
      <c r="A17668" s="1" t="s">
        <v>1340</v>
      </c>
      <c r="B17668" s="1" t="s">
        <v>53796</v>
      </c>
      <c r="C17668" s="1" t="s">
        <v>65</v>
      </c>
      <c r="D17668" s="1" t="s">
        <v>64780</v>
      </c>
      <c r="E17668" s="1" t="s">
        <v>62042</v>
      </c>
      <c r="F17668" s="1" t="s">
        <v>64781</v>
      </c>
      <c r="G17668" s="1" t="s">
        <v>64754</v>
      </c>
      <c r="H17668" s="1" t="s">
        <v>64755</v>
      </c>
      <c r="I17668" s="1" t="s">
        <v>53800</v>
      </c>
      <c r="J17668" s="1" t="s">
        <v>64782</v>
      </c>
    </row>
    <row r="17669" spans="1:10" x14ac:dyDescent="0.35">
      <c r="A17669" s="1" t="s">
        <v>1340</v>
      </c>
      <c r="B17669" s="1" t="s">
        <v>53796</v>
      </c>
      <c r="C17669" s="1" t="s">
        <v>70</v>
      </c>
      <c r="D17669" s="1" t="s">
        <v>64783</v>
      </c>
      <c r="E17669" s="1" t="s">
        <v>23160</v>
      </c>
      <c r="F17669" s="1" t="s">
        <v>64784</v>
      </c>
      <c r="G17669" s="1" t="s">
        <v>64754</v>
      </c>
      <c r="H17669" s="1" t="s">
        <v>64755</v>
      </c>
      <c r="I17669" s="1" t="s">
        <v>53800</v>
      </c>
      <c r="J17669" s="1" t="s">
        <v>64785</v>
      </c>
    </row>
    <row r="17670" spans="1:10" x14ac:dyDescent="0.35">
      <c r="A17670" s="1" t="s">
        <v>1340</v>
      </c>
      <c r="B17670" s="1" t="s">
        <v>53796</v>
      </c>
      <c r="C17670" s="1" t="s">
        <v>75</v>
      </c>
      <c r="D17670" s="1" t="s">
        <v>7412</v>
      </c>
      <c r="E17670" s="1" t="s">
        <v>32061</v>
      </c>
      <c r="F17670" s="1" t="s">
        <v>64786</v>
      </c>
      <c r="G17670" s="1" t="s">
        <v>64754</v>
      </c>
      <c r="H17670" s="1" t="s">
        <v>64755</v>
      </c>
      <c r="I17670" s="1" t="s">
        <v>53800</v>
      </c>
      <c r="J17670" s="1" t="s">
        <v>64787</v>
      </c>
    </row>
    <row r="17671" spans="1:10" x14ac:dyDescent="0.35">
      <c r="A17671" s="1" t="s">
        <v>1340</v>
      </c>
      <c r="B17671" s="1" t="s">
        <v>53796</v>
      </c>
      <c r="C17671" s="1" t="s">
        <v>80</v>
      </c>
      <c r="D17671" s="1" t="s">
        <v>61387</v>
      </c>
      <c r="E17671" s="1" t="s">
        <v>12875</v>
      </c>
      <c r="F17671" s="1" t="s">
        <v>64788</v>
      </c>
      <c r="G17671" s="1" t="s">
        <v>64754</v>
      </c>
      <c r="H17671" s="1" t="s">
        <v>64755</v>
      </c>
      <c r="I17671" s="1" t="s">
        <v>53800</v>
      </c>
      <c r="J17671" s="1" t="s">
        <v>64789</v>
      </c>
    </row>
    <row r="17672" spans="1:10" x14ac:dyDescent="0.35">
      <c r="A17672" s="1" t="s">
        <v>1340</v>
      </c>
      <c r="B17672" s="1" t="s">
        <v>53796</v>
      </c>
      <c r="C17672" s="1" t="s">
        <v>85</v>
      </c>
      <c r="D17672" s="1" t="s">
        <v>64790</v>
      </c>
      <c r="E17672" s="1" t="s">
        <v>64791</v>
      </c>
      <c r="F17672" s="1" t="s">
        <v>64792</v>
      </c>
      <c r="G17672" s="1" t="s">
        <v>64754</v>
      </c>
      <c r="H17672" s="1" t="s">
        <v>64755</v>
      </c>
      <c r="I17672" s="1" t="s">
        <v>53800</v>
      </c>
      <c r="J17672" s="1" t="s">
        <v>64793</v>
      </c>
    </row>
    <row r="17673" spans="1:10" x14ac:dyDescent="0.35">
      <c r="A17673" s="1" t="s">
        <v>1340</v>
      </c>
      <c r="B17673" s="1" t="s">
        <v>53796</v>
      </c>
      <c r="C17673" s="1" t="s">
        <v>90</v>
      </c>
      <c r="D17673" s="1" t="s">
        <v>64794</v>
      </c>
      <c r="E17673" s="1" t="s">
        <v>56134</v>
      </c>
      <c r="F17673" s="1" t="s">
        <v>31381</v>
      </c>
      <c r="G17673" s="1" t="s">
        <v>64754</v>
      </c>
      <c r="H17673" s="1" t="s">
        <v>64755</v>
      </c>
      <c r="I17673" s="1" t="s">
        <v>53800</v>
      </c>
      <c r="J17673" s="1" t="s">
        <v>64795</v>
      </c>
    </row>
    <row r="17674" spans="1:10" x14ac:dyDescent="0.35">
      <c r="A17674" s="1" t="s">
        <v>1340</v>
      </c>
      <c r="B17674" s="1" t="s">
        <v>53796</v>
      </c>
      <c r="C17674" s="1" t="s">
        <v>95</v>
      </c>
      <c r="D17674" s="1" t="s">
        <v>64796</v>
      </c>
      <c r="E17674" s="1" t="s">
        <v>23232</v>
      </c>
      <c r="F17674" s="1" t="s">
        <v>64797</v>
      </c>
      <c r="G17674" s="1" t="s">
        <v>64754</v>
      </c>
      <c r="H17674" s="1" t="s">
        <v>64755</v>
      </c>
      <c r="I17674" s="1" t="s">
        <v>53800</v>
      </c>
      <c r="J17674" s="1" t="s">
        <v>64798</v>
      </c>
    </row>
    <row r="17675" spans="1:10" x14ac:dyDescent="0.35">
      <c r="A17675" s="1" t="s">
        <v>1340</v>
      </c>
      <c r="B17675" s="1" t="s">
        <v>53796</v>
      </c>
      <c r="C17675" s="1" t="s">
        <v>100</v>
      </c>
      <c r="D17675" s="1" t="s">
        <v>64799</v>
      </c>
      <c r="E17675" s="1" t="s">
        <v>26552</v>
      </c>
      <c r="F17675" s="1" t="s">
        <v>64800</v>
      </c>
      <c r="G17675" s="1" t="s">
        <v>64754</v>
      </c>
      <c r="H17675" s="1" t="s">
        <v>64755</v>
      </c>
      <c r="I17675" s="1" t="s">
        <v>53800</v>
      </c>
      <c r="J17675" s="1" t="s">
        <v>64801</v>
      </c>
    </row>
    <row r="17676" spans="1:10" x14ac:dyDescent="0.35">
      <c r="A17676" s="1" t="s">
        <v>1340</v>
      </c>
      <c r="B17676" s="1" t="s">
        <v>53796</v>
      </c>
      <c r="C17676" s="1" t="s">
        <v>105</v>
      </c>
      <c r="D17676" s="1" t="s">
        <v>64802</v>
      </c>
      <c r="E17676" s="1" t="s">
        <v>56345</v>
      </c>
      <c r="F17676" s="1" t="s">
        <v>26289</v>
      </c>
      <c r="G17676" s="1" t="s">
        <v>64754</v>
      </c>
      <c r="H17676" s="1" t="s">
        <v>64755</v>
      </c>
      <c r="I17676" s="1" t="s">
        <v>53800</v>
      </c>
      <c r="J17676" s="1" t="s">
        <v>64803</v>
      </c>
    </row>
    <row r="17677" spans="1:10" x14ac:dyDescent="0.35">
      <c r="A17677" s="1" t="s">
        <v>1340</v>
      </c>
      <c r="B17677" s="1" t="s">
        <v>53796</v>
      </c>
      <c r="C17677" s="1" t="s">
        <v>110</v>
      </c>
      <c r="D17677" s="1" t="s">
        <v>64804</v>
      </c>
      <c r="E17677" s="1" t="s">
        <v>41586</v>
      </c>
      <c r="F17677" s="1" t="s">
        <v>64805</v>
      </c>
      <c r="G17677" s="1" t="s">
        <v>64754</v>
      </c>
      <c r="H17677" s="1" t="s">
        <v>64755</v>
      </c>
      <c r="I17677" s="1" t="s">
        <v>53800</v>
      </c>
      <c r="J17677" s="1" t="s">
        <v>64806</v>
      </c>
    </row>
    <row r="17678" spans="1:10" x14ac:dyDescent="0.35">
      <c r="A17678" s="1" t="s">
        <v>1340</v>
      </c>
      <c r="B17678" s="1" t="s">
        <v>53796</v>
      </c>
      <c r="C17678" s="1" t="s">
        <v>115</v>
      </c>
      <c r="D17678" s="1" t="s">
        <v>64807</v>
      </c>
      <c r="E17678" s="1" t="s">
        <v>21845</v>
      </c>
      <c r="F17678" s="1" t="s">
        <v>57964</v>
      </c>
      <c r="G17678" s="1" t="s">
        <v>64754</v>
      </c>
      <c r="H17678" s="1" t="s">
        <v>64755</v>
      </c>
      <c r="I17678" s="1" t="s">
        <v>53800</v>
      </c>
      <c r="J17678" s="1" t="s">
        <v>64808</v>
      </c>
    </row>
    <row r="17679" spans="1:10" x14ac:dyDescent="0.35">
      <c r="A17679" s="1" t="s">
        <v>1340</v>
      </c>
      <c r="B17679" s="1" t="s">
        <v>53796</v>
      </c>
      <c r="C17679" s="1" t="s">
        <v>120</v>
      </c>
      <c r="D17679" s="1" t="s">
        <v>64807</v>
      </c>
      <c r="E17679" s="1" t="s">
        <v>57638</v>
      </c>
      <c r="F17679" s="1" t="s">
        <v>64809</v>
      </c>
      <c r="G17679" s="1" t="s">
        <v>64754</v>
      </c>
      <c r="H17679" s="1" t="s">
        <v>64755</v>
      </c>
      <c r="I17679" s="1" t="s">
        <v>53800</v>
      </c>
      <c r="J17679" s="1" t="s">
        <v>1180</v>
      </c>
    </row>
    <row r="17680" spans="1:10" x14ac:dyDescent="0.35">
      <c r="A17680" s="1" t="s">
        <v>1340</v>
      </c>
      <c r="B17680" s="1" t="s">
        <v>53796</v>
      </c>
      <c r="C17680" s="1" t="s">
        <v>125</v>
      </c>
      <c r="D17680" s="1" t="s">
        <v>64810</v>
      </c>
      <c r="E17680" s="1" t="s">
        <v>41425</v>
      </c>
      <c r="F17680" s="1" t="s">
        <v>64811</v>
      </c>
      <c r="G17680" s="1" t="s">
        <v>64754</v>
      </c>
      <c r="H17680" s="1" t="s">
        <v>64755</v>
      </c>
      <c r="I17680" s="1" t="s">
        <v>53800</v>
      </c>
      <c r="J17680" s="1" t="s">
        <v>64812</v>
      </c>
    </row>
    <row r="17681" spans="1:10" x14ac:dyDescent="0.35">
      <c r="A17681" s="1" t="s">
        <v>1340</v>
      </c>
      <c r="B17681" s="1" t="s">
        <v>53796</v>
      </c>
      <c r="C17681" s="1" t="s">
        <v>130</v>
      </c>
      <c r="D17681" s="1" t="s">
        <v>64813</v>
      </c>
      <c r="E17681" s="1" t="s">
        <v>15392</v>
      </c>
      <c r="F17681" s="1" t="s">
        <v>64814</v>
      </c>
      <c r="G17681" s="1" t="s">
        <v>64754</v>
      </c>
      <c r="H17681" s="1" t="s">
        <v>64755</v>
      </c>
      <c r="I17681" s="1" t="s">
        <v>53800</v>
      </c>
      <c r="J17681" s="1" t="s">
        <v>64815</v>
      </c>
    </row>
    <row r="17682" spans="1:10" x14ac:dyDescent="0.35">
      <c r="A17682" s="1" t="s">
        <v>1340</v>
      </c>
      <c r="B17682" s="1" t="s">
        <v>53796</v>
      </c>
      <c r="C17682" s="1" t="s">
        <v>135</v>
      </c>
      <c r="D17682" s="1" t="s">
        <v>40324</v>
      </c>
      <c r="E17682" s="1" t="s">
        <v>32076</v>
      </c>
      <c r="F17682" s="1" t="s">
        <v>64816</v>
      </c>
      <c r="G17682" s="1" t="s">
        <v>64754</v>
      </c>
      <c r="H17682" s="1" t="s">
        <v>64755</v>
      </c>
      <c r="I17682" s="1" t="s">
        <v>53800</v>
      </c>
      <c r="J17682" s="1" t="s">
        <v>64817</v>
      </c>
    </row>
    <row r="17683" spans="1:10" x14ac:dyDescent="0.35">
      <c r="A17683" s="1" t="s">
        <v>1340</v>
      </c>
      <c r="B17683" s="1" t="s">
        <v>53796</v>
      </c>
      <c r="C17683" s="1" t="s">
        <v>140</v>
      </c>
      <c r="D17683" s="1" t="s">
        <v>64818</v>
      </c>
      <c r="E17683" s="1" t="s">
        <v>15245</v>
      </c>
      <c r="F17683" s="1" t="s">
        <v>64819</v>
      </c>
      <c r="G17683" s="1" t="s">
        <v>64754</v>
      </c>
      <c r="H17683" s="1" t="s">
        <v>64755</v>
      </c>
      <c r="I17683" s="1" t="s">
        <v>53800</v>
      </c>
      <c r="J17683" s="1" t="s">
        <v>64820</v>
      </c>
    </row>
    <row r="17684" spans="1:10" x14ac:dyDescent="0.35">
      <c r="A17684" s="1" t="s">
        <v>1340</v>
      </c>
      <c r="B17684" s="1" t="s">
        <v>53796</v>
      </c>
      <c r="C17684" s="1" t="s">
        <v>145</v>
      </c>
      <c r="D17684" s="1" t="s">
        <v>64821</v>
      </c>
      <c r="E17684" s="1" t="s">
        <v>23164</v>
      </c>
      <c r="F17684" s="1" t="s">
        <v>64822</v>
      </c>
      <c r="G17684" s="1" t="s">
        <v>64754</v>
      </c>
      <c r="H17684" s="1" t="s">
        <v>64755</v>
      </c>
      <c r="I17684" s="1" t="s">
        <v>53800</v>
      </c>
      <c r="J17684" s="1" t="s">
        <v>64823</v>
      </c>
    </row>
    <row r="17685" spans="1:10" x14ac:dyDescent="0.35">
      <c r="A17685" s="1" t="s">
        <v>1340</v>
      </c>
      <c r="B17685" s="1" t="s">
        <v>53796</v>
      </c>
      <c r="C17685" s="1" t="s">
        <v>150</v>
      </c>
      <c r="D17685" s="1" t="s">
        <v>64824</v>
      </c>
      <c r="E17685" s="1" t="s">
        <v>58108</v>
      </c>
      <c r="F17685" s="1" t="s">
        <v>64825</v>
      </c>
      <c r="G17685" s="1" t="s">
        <v>64754</v>
      </c>
      <c r="H17685" s="1" t="s">
        <v>64755</v>
      </c>
      <c r="I17685" s="1" t="s">
        <v>53800</v>
      </c>
      <c r="J17685" s="1" t="s">
        <v>64826</v>
      </c>
    </row>
    <row r="17686" spans="1:10" x14ac:dyDescent="0.35">
      <c r="A17686" s="1" t="s">
        <v>1340</v>
      </c>
      <c r="B17686" s="1" t="s">
        <v>53796</v>
      </c>
      <c r="C17686" s="1" t="s">
        <v>155</v>
      </c>
      <c r="D17686" s="1" t="s">
        <v>20051</v>
      </c>
      <c r="E17686" s="1" t="s">
        <v>26586</v>
      </c>
      <c r="F17686" s="1" t="s">
        <v>64827</v>
      </c>
      <c r="G17686" s="1" t="s">
        <v>64754</v>
      </c>
      <c r="H17686" s="1" t="s">
        <v>64755</v>
      </c>
      <c r="I17686" s="1" t="s">
        <v>53800</v>
      </c>
      <c r="J17686" s="1" t="s">
        <v>64828</v>
      </c>
    </row>
    <row r="17687" spans="1:10" x14ac:dyDescent="0.35">
      <c r="A17687" s="1" t="s">
        <v>1340</v>
      </c>
      <c r="B17687" s="1" t="s">
        <v>53796</v>
      </c>
      <c r="C17687" s="1" t="s">
        <v>160</v>
      </c>
      <c r="D17687" s="1" t="s">
        <v>64829</v>
      </c>
      <c r="E17687" s="1" t="s">
        <v>26214</v>
      </c>
      <c r="F17687" s="1" t="s">
        <v>63925</v>
      </c>
      <c r="G17687" s="1" t="s">
        <v>64754</v>
      </c>
      <c r="H17687" s="1" t="s">
        <v>64755</v>
      </c>
      <c r="I17687" s="1" t="s">
        <v>53800</v>
      </c>
      <c r="J17687" s="1" t="s">
        <v>64830</v>
      </c>
    </row>
    <row r="17688" spans="1:10" x14ac:dyDescent="0.35">
      <c r="A17688" s="1" t="s">
        <v>1340</v>
      </c>
      <c r="B17688" s="1" t="s">
        <v>53796</v>
      </c>
      <c r="C17688" s="1" t="s">
        <v>165</v>
      </c>
      <c r="D17688" s="1" t="s">
        <v>64831</v>
      </c>
      <c r="E17688" s="1" t="s">
        <v>54074</v>
      </c>
      <c r="F17688" s="1" t="s">
        <v>64832</v>
      </c>
      <c r="G17688" s="1" t="s">
        <v>64754</v>
      </c>
      <c r="H17688" s="1" t="s">
        <v>64755</v>
      </c>
      <c r="I17688" s="1" t="s">
        <v>53800</v>
      </c>
      <c r="J17688" s="1" t="s">
        <v>64833</v>
      </c>
    </row>
    <row r="17689" spans="1:10" x14ac:dyDescent="0.35">
      <c r="A17689" s="1" t="s">
        <v>1340</v>
      </c>
      <c r="B17689" s="1" t="s">
        <v>53796</v>
      </c>
      <c r="C17689" s="1" t="s">
        <v>170</v>
      </c>
      <c r="D17689" s="1" t="s">
        <v>64834</v>
      </c>
      <c r="E17689" s="1" t="s">
        <v>31757</v>
      </c>
      <c r="F17689" s="1" t="s">
        <v>64835</v>
      </c>
      <c r="G17689" s="1" t="s">
        <v>64754</v>
      </c>
      <c r="H17689" s="1" t="s">
        <v>64755</v>
      </c>
      <c r="I17689" s="1" t="s">
        <v>53800</v>
      </c>
      <c r="J17689" s="1" t="s">
        <v>64836</v>
      </c>
    </row>
    <row r="17690" spans="1:10" x14ac:dyDescent="0.35">
      <c r="A17690" s="1" t="s">
        <v>64837</v>
      </c>
      <c r="B17690" s="1" t="s">
        <v>53796</v>
      </c>
      <c r="C17690" s="1" t="s">
        <v>8</v>
      </c>
      <c r="D17690" s="1" t="s">
        <v>64838</v>
      </c>
      <c r="E17690" s="1" t="s">
        <v>54783</v>
      </c>
      <c r="F17690" s="1" t="s">
        <v>64839</v>
      </c>
      <c r="G17690" s="1" t="s">
        <v>64840</v>
      </c>
      <c r="H17690" s="1" t="s">
        <v>64841</v>
      </c>
      <c r="I17690" s="1" t="s">
        <v>53800</v>
      </c>
      <c r="J17690" s="1" t="s">
        <v>13</v>
      </c>
    </row>
    <row r="17691" spans="1:10" x14ac:dyDescent="0.35">
      <c r="A17691" s="1" t="s">
        <v>64837</v>
      </c>
      <c r="B17691" s="1" t="s">
        <v>53796</v>
      </c>
      <c r="C17691" s="1" t="s">
        <v>15</v>
      </c>
      <c r="D17691" s="1" t="s">
        <v>64842</v>
      </c>
      <c r="E17691" s="1" t="s">
        <v>58221</v>
      </c>
      <c r="F17691" s="1" t="s">
        <v>64843</v>
      </c>
      <c r="G17691" s="1" t="s">
        <v>64840</v>
      </c>
      <c r="H17691" s="1" t="s">
        <v>64841</v>
      </c>
      <c r="I17691" s="1" t="s">
        <v>53800</v>
      </c>
      <c r="J17691" s="1" t="s">
        <v>64844</v>
      </c>
    </row>
    <row r="17692" spans="1:10" x14ac:dyDescent="0.35">
      <c r="A17692" s="1" t="s">
        <v>64837</v>
      </c>
      <c r="B17692" s="1" t="s">
        <v>53796</v>
      </c>
      <c r="C17692" s="1" t="s">
        <v>20</v>
      </c>
      <c r="D17692" s="1" t="s">
        <v>6824</v>
      </c>
      <c r="E17692" s="1" t="s">
        <v>21925</v>
      </c>
      <c r="F17692" s="1" t="s">
        <v>64845</v>
      </c>
      <c r="G17692" s="1" t="s">
        <v>64840</v>
      </c>
      <c r="H17692" s="1" t="s">
        <v>64841</v>
      </c>
      <c r="I17692" s="1" t="s">
        <v>53800</v>
      </c>
      <c r="J17692" s="1" t="s">
        <v>64846</v>
      </c>
    </row>
    <row r="17693" spans="1:10" x14ac:dyDescent="0.35">
      <c r="A17693" s="1" t="s">
        <v>64837</v>
      </c>
      <c r="B17693" s="1" t="s">
        <v>53796</v>
      </c>
      <c r="C17693" s="1" t="s">
        <v>25</v>
      </c>
      <c r="D17693" s="1" t="s">
        <v>64847</v>
      </c>
      <c r="E17693" s="1" t="s">
        <v>63843</v>
      </c>
      <c r="F17693" s="1" t="s">
        <v>64848</v>
      </c>
      <c r="G17693" s="1" t="s">
        <v>64840</v>
      </c>
      <c r="H17693" s="1" t="s">
        <v>64841</v>
      </c>
      <c r="I17693" s="1" t="s">
        <v>53800</v>
      </c>
      <c r="J17693" s="1" t="s">
        <v>64849</v>
      </c>
    </row>
    <row r="17694" spans="1:10" x14ac:dyDescent="0.35">
      <c r="A17694" s="1" t="s">
        <v>64837</v>
      </c>
      <c r="B17694" s="1" t="s">
        <v>53796</v>
      </c>
      <c r="C17694" s="1" t="s">
        <v>30</v>
      </c>
      <c r="D17694" s="1" t="s">
        <v>64850</v>
      </c>
      <c r="E17694" s="1" t="s">
        <v>41210</v>
      </c>
      <c r="F17694" s="1" t="s">
        <v>64851</v>
      </c>
      <c r="G17694" s="1" t="s">
        <v>64840</v>
      </c>
      <c r="H17694" s="1" t="s">
        <v>64841</v>
      </c>
      <c r="I17694" s="1" t="s">
        <v>53800</v>
      </c>
      <c r="J17694" s="1" t="s">
        <v>64852</v>
      </c>
    </row>
    <row r="17695" spans="1:10" x14ac:dyDescent="0.35">
      <c r="A17695" s="1" t="s">
        <v>64837</v>
      </c>
      <c r="B17695" s="1" t="s">
        <v>53796</v>
      </c>
      <c r="C17695" s="1" t="s">
        <v>35</v>
      </c>
      <c r="D17695" s="1" t="s">
        <v>64853</v>
      </c>
      <c r="E17695" s="1" t="s">
        <v>21894</v>
      </c>
      <c r="F17695" s="1" t="s">
        <v>64854</v>
      </c>
      <c r="G17695" s="1" t="s">
        <v>64840</v>
      </c>
      <c r="H17695" s="1" t="s">
        <v>64841</v>
      </c>
      <c r="I17695" s="1" t="s">
        <v>53800</v>
      </c>
      <c r="J17695" s="1" t="s">
        <v>64855</v>
      </c>
    </row>
    <row r="17696" spans="1:10" x14ac:dyDescent="0.35">
      <c r="A17696" s="1" t="s">
        <v>64837</v>
      </c>
      <c r="B17696" s="1" t="s">
        <v>53796</v>
      </c>
      <c r="C17696" s="1" t="s">
        <v>40</v>
      </c>
      <c r="D17696" s="1" t="s">
        <v>64856</v>
      </c>
      <c r="E17696" s="1" t="s">
        <v>21105</v>
      </c>
      <c r="F17696" s="1" t="s">
        <v>64857</v>
      </c>
      <c r="G17696" s="1" t="s">
        <v>64840</v>
      </c>
      <c r="H17696" s="1" t="s">
        <v>64841</v>
      </c>
      <c r="I17696" s="1" t="s">
        <v>53800</v>
      </c>
      <c r="J17696" s="1" t="s">
        <v>64858</v>
      </c>
    </row>
    <row r="17697" spans="1:10" x14ac:dyDescent="0.35">
      <c r="A17697" s="1" t="s">
        <v>64837</v>
      </c>
      <c r="B17697" s="1" t="s">
        <v>53796</v>
      </c>
      <c r="C17697" s="1" t="s">
        <v>45</v>
      </c>
      <c r="D17697" s="1" t="s">
        <v>64859</v>
      </c>
      <c r="E17697" s="1" t="s">
        <v>57937</v>
      </c>
      <c r="F17697" s="1" t="s">
        <v>64860</v>
      </c>
      <c r="G17697" s="1" t="s">
        <v>64840</v>
      </c>
      <c r="H17697" s="1" t="s">
        <v>64841</v>
      </c>
      <c r="I17697" s="1" t="s">
        <v>53800</v>
      </c>
      <c r="J17697" s="1" t="s">
        <v>64861</v>
      </c>
    </row>
    <row r="17698" spans="1:10" x14ac:dyDescent="0.35">
      <c r="A17698" s="1" t="s">
        <v>64837</v>
      </c>
      <c r="B17698" s="1" t="s">
        <v>53796</v>
      </c>
      <c r="C17698" s="1" t="s">
        <v>50</v>
      </c>
      <c r="D17698" s="1" t="s">
        <v>64862</v>
      </c>
      <c r="E17698" s="1" t="s">
        <v>41320</v>
      </c>
      <c r="F17698" s="1" t="s">
        <v>26188</v>
      </c>
      <c r="G17698" s="1" t="s">
        <v>64840</v>
      </c>
      <c r="H17698" s="1" t="s">
        <v>64841</v>
      </c>
      <c r="I17698" s="1" t="s">
        <v>53800</v>
      </c>
      <c r="J17698" s="1" t="s">
        <v>64863</v>
      </c>
    </row>
    <row r="17699" spans="1:10" x14ac:dyDescent="0.35">
      <c r="A17699" s="1" t="s">
        <v>64837</v>
      </c>
      <c r="B17699" s="1" t="s">
        <v>53796</v>
      </c>
      <c r="C17699" s="1" t="s">
        <v>55</v>
      </c>
      <c r="D17699" s="1" t="s">
        <v>64864</v>
      </c>
      <c r="E17699" s="1" t="s">
        <v>60199</v>
      </c>
      <c r="F17699" s="1" t="s">
        <v>64865</v>
      </c>
      <c r="G17699" s="1" t="s">
        <v>64840</v>
      </c>
      <c r="H17699" s="1" t="s">
        <v>64841</v>
      </c>
      <c r="I17699" s="1" t="s">
        <v>53800</v>
      </c>
      <c r="J17699" s="1" t="s">
        <v>64866</v>
      </c>
    </row>
    <row r="17700" spans="1:10" x14ac:dyDescent="0.35">
      <c r="A17700" s="1" t="s">
        <v>64837</v>
      </c>
      <c r="B17700" s="1" t="s">
        <v>53796</v>
      </c>
      <c r="C17700" s="1" t="s">
        <v>60</v>
      </c>
      <c r="D17700" s="1" t="s">
        <v>64867</v>
      </c>
      <c r="E17700" s="1" t="s">
        <v>24246</v>
      </c>
      <c r="F17700" s="1" t="s">
        <v>64868</v>
      </c>
      <c r="G17700" s="1" t="s">
        <v>64840</v>
      </c>
      <c r="H17700" s="1" t="s">
        <v>64841</v>
      </c>
      <c r="I17700" s="1" t="s">
        <v>53800</v>
      </c>
      <c r="J17700" s="1" t="s">
        <v>64869</v>
      </c>
    </row>
    <row r="17701" spans="1:10" x14ac:dyDescent="0.35">
      <c r="A17701" s="1" t="s">
        <v>64837</v>
      </c>
      <c r="B17701" s="1" t="s">
        <v>53796</v>
      </c>
      <c r="C17701" s="1" t="s">
        <v>65</v>
      </c>
      <c r="D17701" s="1" t="s">
        <v>64870</v>
      </c>
      <c r="E17701" s="1" t="s">
        <v>41305</v>
      </c>
      <c r="F17701" s="1" t="s">
        <v>64871</v>
      </c>
      <c r="G17701" s="1" t="s">
        <v>64840</v>
      </c>
      <c r="H17701" s="1" t="s">
        <v>64841</v>
      </c>
      <c r="I17701" s="1" t="s">
        <v>53800</v>
      </c>
      <c r="J17701" s="1" t="s">
        <v>64872</v>
      </c>
    </row>
    <row r="17702" spans="1:10" x14ac:dyDescent="0.35">
      <c r="A17702" s="1" t="s">
        <v>64837</v>
      </c>
      <c r="B17702" s="1" t="s">
        <v>53796</v>
      </c>
      <c r="C17702" s="1" t="s">
        <v>70</v>
      </c>
      <c r="D17702" s="1" t="s">
        <v>64873</v>
      </c>
      <c r="E17702" s="1" t="s">
        <v>12829</v>
      </c>
      <c r="F17702" s="1" t="s">
        <v>64874</v>
      </c>
      <c r="G17702" s="1" t="s">
        <v>64840</v>
      </c>
      <c r="H17702" s="1" t="s">
        <v>64841</v>
      </c>
      <c r="I17702" s="1" t="s">
        <v>53800</v>
      </c>
      <c r="J17702" s="1" t="s">
        <v>64875</v>
      </c>
    </row>
    <row r="17703" spans="1:10" x14ac:dyDescent="0.35">
      <c r="A17703" s="1" t="s">
        <v>64837</v>
      </c>
      <c r="B17703" s="1" t="s">
        <v>53796</v>
      </c>
      <c r="C17703" s="1" t="s">
        <v>75</v>
      </c>
      <c r="D17703" s="1" t="s">
        <v>64876</v>
      </c>
      <c r="E17703" s="1" t="s">
        <v>21865</v>
      </c>
      <c r="F17703" s="1" t="s">
        <v>24247</v>
      </c>
      <c r="G17703" s="1" t="s">
        <v>64840</v>
      </c>
      <c r="H17703" s="1" t="s">
        <v>64841</v>
      </c>
      <c r="I17703" s="1" t="s">
        <v>53800</v>
      </c>
      <c r="J17703" s="1" t="s">
        <v>64877</v>
      </c>
    </row>
    <row r="17704" spans="1:10" x14ac:dyDescent="0.35">
      <c r="A17704" s="1" t="s">
        <v>64837</v>
      </c>
      <c r="B17704" s="1" t="s">
        <v>53796</v>
      </c>
      <c r="C17704" s="1" t="s">
        <v>80</v>
      </c>
      <c r="D17704" s="1" t="s">
        <v>64878</v>
      </c>
      <c r="E17704" s="1" t="s">
        <v>55182</v>
      </c>
      <c r="F17704" s="1" t="s">
        <v>64879</v>
      </c>
      <c r="G17704" s="1" t="s">
        <v>64840</v>
      </c>
      <c r="H17704" s="1" t="s">
        <v>64841</v>
      </c>
      <c r="I17704" s="1" t="s">
        <v>53800</v>
      </c>
      <c r="J17704" s="1" t="s">
        <v>64880</v>
      </c>
    </row>
    <row r="17705" spans="1:10" x14ac:dyDescent="0.35">
      <c r="A17705" s="1" t="s">
        <v>64837</v>
      </c>
      <c r="B17705" s="1" t="s">
        <v>53796</v>
      </c>
      <c r="C17705" s="1" t="s">
        <v>85</v>
      </c>
      <c r="D17705" s="1" t="s">
        <v>64881</v>
      </c>
      <c r="E17705" s="1" t="s">
        <v>41395</v>
      </c>
      <c r="F17705" s="1" t="s">
        <v>64882</v>
      </c>
      <c r="G17705" s="1" t="s">
        <v>64840</v>
      </c>
      <c r="H17705" s="1" t="s">
        <v>64841</v>
      </c>
      <c r="I17705" s="1" t="s">
        <v>53800</v>
      </c>
      <c r="J17705" s="1" t="s">
        <v>64883</v>
      </c>
    </row>
    <row r="17706" spans="1:10" x14ac:dyDescent="0.35">
      <c r="A17706" s="1" t="s">
        <v>64837</v>
      </c>
      <c r="B17706" s="1" t="s">
        <v>53796</v>
      </c>
      <c r="C17706" s="1" t="s">
        <v>90</v>
      </c>
      <c r="D17706" s="1" t="s">
        <v>64884</v>
      </c>
      <c r="E17706" s="1" t="s">
        <v>60525</v>
      </c>
      <c r="F17706" s="1" t="s">
        <v>64885</v>
      </c>
      <c r="G17706" s="1" t="s">
        <v>64840</v>
      </c>
      <c r="H17706" s="1" t="s">
        <v>64841</v>
      </c>
      <c r="I17706" s="1" t="s">
        <v>53800</v>
      </c>
      <c r="J17706" s="1" t="s">
        <v>64886</v>
      </c>
    </row>
    <row r="17707" spans="1:10" x14ac:dyDescent="0.35">
      <c r="A17707" s="1" t="s">
        <v>64837</v>
      </c>
      <c r="B17707" s="1" t="s">
        <v>53796</v>
      </c>
      <c r="C17707" s="1" t="s">
        <v>95</v>
      </c>
      <c r="D17707" s="1" t="s">
        <v>64887</v>
      </c>
      <c r="E17707" s="1" t="s">
        <v>16113</v>
      </c>
      <c r="F17707" s="1" t="s">
        <v>64888</v>
      </c>
      <c r="G17707" s="1" t="s">
        <v>64840</v>
      </c>
      <c r="H17707" s="1" t="s">
        <v>64841</v>
      </c>
      <c r="I17707" s="1" t="s">
        <v>53800</v>
      </c>
      <c r="J17707" s="1" t="s">
        <v>64889</v>
      </c>
    </row>
    <row r="17708" spans="1:10" x14ac:dyDescent="0.35">
      <c r="A17708" s="1" t="s">
        <v>64837</v>
      </c>
      <c r="B17708" s="1" t="s">
        <v>53796</v>
      </c>
      <c r="C17708" s="1" t="s">
        <v>100</v>
      </c>
      <c r="D17708" s="1" t="s">
        <v>64890</v>
      </c>
      <c r="E17708" s="1" t="s">
        <v>56032</v>
      </c>
      <c r="F17708" s="1" t="s">
        <v>64891</v>
      </c>
      <c r="G17708" s="1" t="s">
        <v>64840</v>
      </c>
      <c r="H17708" s="1" t="s">
        <v>64841</v>
      </c>
      <c r="I17708" s="1" t="s">
        <v>53800</v>
      </c>
      <c r="J17708" s="1" t="s">
        <v>64892</v>
      </c>
    </row>
    <row r="17709" spans="1:10" x14ac:dyDescent="0.35">
      <c r="A17709" s="1" t="s">
        <v>64837</v>
      </c>
      <c r="B17709" s="1" t="s">
        <v>53796</v>
      </c>
      <c r="C17709" s="1" t="s">
        <v>105</v>
      </c>
      <c r="D17709" s="1" t="s">
        <v>64893</v>
      </c>
      <c r="E17709" s="1" t="s">
        <v>56942</v>
      </c>
      <c r="F17709" s="1" t="s">
        <v>64894</v>
      </c>
      <c r="G17709" s="1" t="s">
        <v>64840</v>
      </c>
      <c r="H17709" s="1" t="s">
        <v>64841</v>
      </c>
      <c r="I17709" s="1" t="s">
        <v>53800</v>
      </c>
      <c r="J17709" s="1" t="s">
        <v>64895</v>
      </c>
    </row>
    <row r="17710" spans="1:10" x14ac:dyDescent="0.35">
      <c r="A17710" s="1" t="s">
        <v>64837</v>
      </c>
      <c r="B17710" s="1" t="s">
        <v>53796</v>
      </c>
      <c r="C17710" s="1" t="s">
        <v>110</v>
      </c>
      <c r="D17710" s="1" t="s">
        <v>64896</v>
      </c>
      <c r="E17710" s="1" t="s">
        <v>64897</v>
      </c>
      <c r="F17710" s="1" t="s">
        <v>64898</v>
      </c>
      <c r="G17710" s="1" t="s">
        <v>64840</v>
      </c>
      <c r="H17710" s="1" t="s">
        <v>64841</v>
      </c>
      <c r="I17710" s="1" t="s">
        <v>53800</v>
      </c>
      <c r="J17710" s="1" t="s">
        <v>64899</v>
      </c>
    </row>
    <row r="17711" spans="1:10" x14ac:dyDescent="0.35">
      <c r="A17711" s="1" t="s">
        <v>64837</v>
      </c>
      <c r="B17711" s="1" t="s">
        <v>53796</v>
      </c>
      <c r="C17711" s="1" t="s">
        <v>115</v>
      </c>
      <c r="D17711" s="1" t="s">
        <v>64900</v>
      </c>
      <c r="E17711" s="1" t="s">
        <v>12805</v>
      </c>
      <c r="F17711" s="1" t="s">
        <v>64901</v>
      </c>
      <c r="G17711" s="1" t="s">
        <v>64840</v>
      </c>
      <c r="H17711" s="1" t="s">
        <v>64841</v>
      </c>
      <c r="I17711" s="1" t="s">
        <v>53800</v>
      </c>
      <c r="J17711" s="1" t="s">
        <v>64902</v>
      </c>
    </row>
    <row r="17712" spans="1:10" x14ac:dyDescent="0.35">
      <c r="A17712" s="1" t="s">
        <v>64837</v>
      </c>
      <c r="B17712" s="1" t="s">
        <v>53796</v>
      </c>
      <c r="C17712" s="1" t="s">
        <v>120</v>
      </c>
      <c r="D17712" s="1" t="s">
        <v>61282</v>
      </c>
      <c r="E17712" s="1" t="s">
        <v>41294</v>
      </c>
      <c r="F17712" s="1" t="s">
        <v>32037</v>
      </c>
      <c r="G17712" s="1" t="s">
        <v>64840</v>
      </c>
      <c r="H17712" s="1" t="s">
        <v>64841</v>
      </c>
      <c r="I17712" s="1" t="s">
        <v>53800</v>
      </c>
      <c r="J17712" s="1" t="s">
        <v>64903</v>
      </c>
    </row>
    <row r="17713" spans="1:10" x14ac:dyDescent="0.35">
      <c r="A17713" s="1" t="s">
        <v>64837</v>
      </c>
      <c r="B17713" s="1" t="s">
        <v>53796</v>
      </c>
      <c r="C17713" s="1" t="s">
        <v>125</v>
      </c>
      <c r="D17713" s="1" t="s">
        <v>64904</v>
      </c>
      <c r="E17713" s="1" t="s">
        <v>31401</v>
      </c>
      <c r="F17713" s="1" t="s">
        <v>64905</v>
      </c>
      <c r="G17713" s="1" t="s">
        <v>64840</v>
      </c>
      <c r="H17713" s="1" t="s">
        <v>64841</v>
      </c>
      <c r="I17713" s="1" t="s">
        <v>53800</v>
      </c>
      <c r="J17713" s="1" t="s">
        <v>64906</v>
      </c>
    </row>
    <row r="17714" spans="1:10" x14ac:dyDescent="0.35">
      <c r="A17714" s="1" t="s">
        <v>64837</v>
      </c>
      <c r="B17714" s="1" t="s">
        <v>53796</v>
      </c>
      <c r="C17714" s="1" t="s">
        <v>130</v>
      </c>
      <c r="D17714" s="1" t="s">
        <v>24245</v>
      </c>
      <c r="E17714" s="1" t="s">
        <v>53890</v>
      </c>
      <c r="F17714" s="1" t="s">
        <v>64907</v>
      </c>
      <c r="G17714" s="1" t="s">
        <v>64840</v>
      </c>
      <c r="H17714" s="1" t="s">
        <v>64841</v>
      </c>
      <c r="I17714" s="1" t="s">
        <v>53800</v>
      </c>
      <c r="J17714" s="1" t="s">
        <v>64908</v>
      </c>
    </row>
    <row r="17715" spans="1:10" x14ac:dyDescent="0.35">
      <c r="A17715" s="1" t="s">
        <v>64837</v>
      </c>
      <c r="B17715" s="1" t="s">
        <v>53796</v>
      </c>
      <c r="C17715" s="1" t="s">
        <v>135</v>
      </c>
      <c r="D17715" s="1" t="s">
        <v>64909</v>
      </c>
      <c r="E17715" s="1" t="s">
        <v>59223</v>
      </c>
      <c r="F17715" s="1" t="s">
        <v>64910</v>
      </c>
      <c r="G17715" s="1" t="s">
        <v>64840</v>
      </c>
      <c r="H17715" s="1" t="s">
        <v>64841</v>
      </c>
      <c r="I17715" s="1" t="s">
        <v>53800</v>
      </c>
      <c r="J17715" s="1" t="s">
        <v>64911</v>
      </c>
    </row>
    <row r="17716" spans="1:10" x14ac:dyDescent="0.35">
      <c r="A17716" s="1" t="s">
        <v>64837</v>
      </c>
      <c r="B17716" s="1" t="s">
        <v>53796</v>
      </c>
      <c r="C17716" s="1" t="s">
        <v>140</v>
      </c>
      <c r="D17716" s="1" t="s">
        <v>24314</v>
      </c>
      <c r="E17716" s="1" t="s">
        <v>23202</v>
      </c>
      <c r="F17716" s="1" t="s">
        <v>31735</v>
      </c>
      <c r="G17716" s="1" t="s">
        <v>64840</v>
      </c>
      <c r="H17716" s="1" t="s">
        <v>64841</v>
      </c>
      <c r="I17716" s="1" t="s">
        <v>53800</v>
      </c>
      <c r="J17716" s="1" t="s">
        <v>64912</v>
      </c>
    </row>
    <row r="17717" spans="1:10" x14ac:dyDescent="0.35">
      <c r="A17717" s="1" t="s">
        <v>64837</v>
      </c>
      <c r="B17717" s="1" t="s">
        <v>53796</v>
      </c>
      <c r="C17717" s="1" t="s">
        <v>145</v>
      </c>
      <c r="D17717" s="1" t="s">
        <v>64913</v>
      </c>
      <c r="E17717" s="1" t="s">
        <v>56950</v>
      </c>
      <c r="F17717" s="1" t="s">
        <v>64914</v>
      </c>
      <c r="G17717" s="1" t="s">
        <v>64840</v>
      </c>
      <c r="H17717" s="1" t="s">
        <v>64841</v>
      </c>
      <c r="I17717" s="1" t="s">
        <v>53800</v>
      </c>
      <c r="J17717" s="1" t="s">
        <v>64915</v>
      </c>
    </row>
    <row r="17718" spans="1:10" x14ac:dyDescent="0.35">
      <c r="A17718" s="1" t="s">
        <v>64837</v>
      </c>
      <c r="B17718" s="1" t="s">
        <v>53796</v>
      </c>
      <c r="C17718" s="1" t="s">
        <v>150</v>
      </c>
      <c r="D17718" s="1" t="s">
        <v>64916</v>
      </c>
      <c r="E17718" s="1" t="s">
        <v>23248</v>
      </c>
      <c r="F17718" s="1" t="s">
        <v>64917</v>
      </c>
      <c r="G17718" s="1" t="s">
        <v>64840</v>
      </c>
      <c r="H17718" s="1" t="s">
        <v>64841</v>
      </c>
      <c r="I17718" s="1" t="s">
        <v>53800</v>
      </c>
      <c r="J17718" s="1" t="s">
        <v>64918</v>
      </c>
    </row>
    <row r="17719" spans="1:10" x14ac:dyDescent="0.35">
      <c r="A17719" s="1" t="s">
        <v>64837</v>
      </c>
      <c r="B17719" s="1" t="s">
        <v>53796</v>
      </c>
      <c r="C17719" s="1" t="s">
        <v>155</v>
      </c>
      <c r="D17719" s="1" t="s">
        <v>64919</v>
      </c>
      <c r="E17719" s="1" t="s">
        <v>15289</v>
      </c>
      <c r="F17719" s="1" t="s">
        <v>64920</v>
      </c>
      <c r="G17719" s="1" t="s">
        <v>64840</v>
      </c>
      <c r="H17719" s="1" t="s">
        <v>64841</v>
      </c>
      <c r="I17719" s="1" t="s">
        <v>53800</v>
      </c>
      <c r="J17719" s="1" t="s">
        <v>64921</v>
      </c>
    </row>
    <row r="17720" spans="1:10" x14ac:dyDescent="0.35">
      <c r="A17720" s="1" t="s">
        <v>64837</v>
      </c>
      <c r="B17720" s="1" t="s">
        <v>53796</v>
      </c>
      <c r="C17720" s="1" t="s">
        <v>160</v>
      </c>
      <c r="D17720" s="1" t="s">
        <v>64922</v>
      </c>
      <c r="E17720" s="1" t="s">
        <v>32380</v>
      </c>
      <c r="F17720" s="1" t="s">
        <v>64923</v>
      </c>
      <c r="G17720" s="1" t="s">
        <v>64840</v>
      </c>
      <c r="H17720" s="1" t="s">
        <v>64841</v>
      </c>
      <c r="I17720" s="1" t="s">
        <v>53800</v>
      </c>
      <c r="J17720" s="1" t="s">
        <v>64924</v>
      </c>
    </row>
    <row r="17721" spans="1:10" x14ac:dyDescent="0.35">
      <c r="A17721" s="1" t="s">
        <v>64837</v>
      </c>
      <c r="B17721" s="1" t="s">
        <v>53796</v>
      </c>
      <c r="C17721" s="1" t="s">
        <v>165</v>
      </c>
      <c r="D17721" s="1" t="s">
        <v>64925</v>
      </c>
      <c r="E17721" s="1" t="s">
        <v>22103</v>
      </c>
      <c r="F17721" s="1" t="s">
        <v>64926</v>
      </c>
      <c r="G17721" s="1" t="s">
        <v>64840</v>
      </c>
      <c r="H17721" s="1" t="s">
        <v>64841</v>
      </c>
      <c r="I17721" s="1" t="s">
        <v>53800</v>
      </c>
      <c r="J17721" s="1" t="s">
        <v>64927</v>
      </c>
    </row>
    <row r="17722" spans="1:10" x14ac:dyDescent="0.35">
      <c r="A17722" s="1" t="s">
        <v>64837</v>
      </c>
      <c r="B17722" s="1" t="s">
        <v>53796</v>
      </c>
      <c r="C17722" s="1" t="s">
        <v>170</v>
      </c>
      <c r="D17722" s="1" t="s">
        <v>64928</v>
      </c>
      <c r="E17722" s="1" t="s">
        <v>64929</v>
      </c>
      <c r="F17722" s="1" t="s">
        <v>61236</v>
      </c>
      <c r="G17722" s="1" t="s">
        <v>64840</v>
      </c>
      <c r="H17722" s="1" t="s">
        <v>64841</v>
      </c>
      <c r="I17722" s="1" t="s">
        <v>53800</v>
      </c>
      <c r="J17722" s="1" t="s">
        <v>64930</v>
      </c>
    </row>
    <row r="17723" spans="1:10" x14ac:dyDescent="0.35">
      <c r="A17723" s="1" t="s">
        <v>64931</v>
      </c>
      <c r="B17723" s="1" t="s">
        <v>53796</v>
      </c>
      <c r="C17723" s="1" t="s">
        <v>8</v>
      </c>
      <c r="D17723" s="1" t="s">
        <v>64932</v>
      </c>
      <c r="E17723" s="1" t="s">
        <v>26492</v>
      </c>
      <c r="F17723" s="1" t="s">
        <v>64933</v>
      </c>
      <c r="G17723" s="1" t="s">
        <v>64934</v>
      </c>
      <c r="H17723" s="1" t="s">
        <v>64935</v>
      </c>
      <c r="I17723" s="1" t="s">
        <v>53800</v>
      </c>
      <c r="J17723" s="1" t="s">
        <v>13</v>
      </c>
    </row>
    <row r="17724" spans="1:10" x14ac:dyDescent="0.35">
      <c r="A17724" s="1" t="s">
        <v>64931</v>
      </c>
      <c r="B17724" s="1" t="s">
        <v>53796</v>
      </c>
      <c r="C17724" s="1" t="s">
        <v>15</v>
      </c>
      <c r="D17724" s="1" t="s">
        <v>14315</v>
      </c>
      <c r="E17724" s="1" t="s">
        <v>54482</v>
      </c>
      <c r="F17724" s="1" t="s">
        <v>64936</v>
      </c>
      <c r="G17724" s="1" t="s">
        <v>64934</v>
      </c>
      <c r="H17724" s="1" t="s">
        <v>64935</v>
      </c>
      <c r="I17724" s="1" t="s">
        <v>53800</v>
      </c>
      <c r="J17724" s="1" t="s">
        <v>64937</v>
      </c>
    </row>
    <row r="17725" spans="1:10" x14ac:dyDescent="0.35">
      <c r="A17725" s="1" t="s">
        <v>64931</v>
      </c>
      <c r="B17725" s="1" t="s">
        <v>53796</v>
      </c>
      <c r="C17725" s="1" t="s">
        <v>20</v>
      </c>
      <c r="D17725" s="1" t="s">
        <v>64938</v>
      </c>
      <c r="E17725" s="1" t="s">
        <v>15349</v>
      </c>
      <c r="F17725" s="1" t="s">
        <v>64939</v>
      </c>
      <c r="G17725" s="1" t="s">
        <v>64934</v>
      </c>
      <c r="H17725" s="1" t="s">
        <v>64935</v>
      </c>
      <c r="I17725" s="1" t="s">
        <v>53800</v>
      </c>
      <c r="J17725" s="1" t="s">
        <v>64940</v>
      </c>
    </row>
    <row r="17726" spans="1:10" x14ac:dyDescent="0.35">
      <c r="A17726" s="1" t="s">
        <v>64931</v>
      </c>
      <c r="B17726" s="1" t="s">
        <v>53796</v>
      </c>
      <c r="C17726" s="1" t="s">
        <v>25</v>
      </c>
      <c r="D17726" s="1" t="s">
        <v>64941</v>
      </c>
      <c r="E17726" s="1" t="s">
        <v>31401</v>
      </c>
      <c r="F17726" s="1" t="s">
        <v>59025</v>
      </c>
      <c r="G17726" s="1" t="s">
        <v>64934</v>
      </c>
      <c r="H17726" s="1" t="s">
        <v>64935</v>
      </c>
      <c r="I17726" s="1" t="s">
        <v>53800</v>
      </c>
      <c r="J17726" s="1" t="s">
        <v>57640</v>
      </c>
    </row>
    <row r="17727" spans="1:10" x14ac:dyDescent="0.35">
      <c r="A17727" s="1" t="s">
        <v>64931</v>
      </c>
      <c r="B17727" s="1" t="s">
        <v>53796</v>
      </c>
      <c r="C17727" s="1" t="s">
        <v>30</v>
      </c>
      <c r="D17727" s="1" t="s">
        <v>64942</v>
      </c>
      <c r="E17727" s="1" t="s">
        <v>21853</v>
      </c>
      <c r="F17727" s="1" t="s">
        <v>64943</v>
      </c>
      <c r="G17727" s="1" t="s">
        <v>64934</v>
      </c>
      <c r="H17727" s="1" t="s">
        <v>64935</v>
      </c>
      <c r="I17727" s="1" t="s">
        <v>53800</v>
      </c>
      <c r="J17727" s="1" t="s">
        <v>64944</v>
      </c>
    </row>
    <row r="17728" spans="1:10" x14ac:dyDescent="0.35">
      <c r="A17728" s="1" t="s">
        <v>64931</v>
      </c>
      <c r="B17728" s="1" t="s">
        <v>53796</v>
      </c>
      <c r="C17728" s="1" t="s">
        <v>35</v>
      </c>
      <c r="D17728" s="1" t="s">
        <v>64945</v>
      </c>
      <c r="E17728" s="1" t="s">
        <v>15252</v>
      </c>
      <c r="F17728" s="1" t="s">
        <v>64946</v>
      </c>
      <c r="G17728" s="1" t="s">
        <v>64934</v>
      </c>
      <c r="H17728" s="1" t="s">
        <v>64935</v>
      </c>
      <c r="I17728" s="1" t="s">
        <v>53800</v>
      </c>
      <c r="J17728" s="1" t="s">
        <v>64947</v>
      </c>
    </row>
    <row r="17729" spans="1:10" x14ac:dyDescent="0.35">
      <c r="A17729" s="1" t="s">
        <v>64931</v>
      </c>
      <c r="B17729" s="1" t="s">
        <v>53796</v>
      </c>
      <c r="C17729" s="1" t="s">
        <v>40</v>
      </c>
      <c r="D17729" s="1" t="s">
        <v>49309</v>
      </c>
      <c r="E17729" s="1" t="s">
        <v>24799</v>
      </c>
      <c r="F17729" s="1" t="s">
        <v>64948</v>
      </c>
      <c r="G17729" s="1" t="s">
        <v>64934</v>
      </c>
      <c r="H17729" s="1" t="s">
        <v>64935</v>
      </c>
      <c r="I17729" s="1" t="s">
        <v>53800</v>
      </c>
      <c r="J17729" s="1" t="s">
        <v>64949</v>
      </c>
    </row>
    <row r="17730" spans="1:10" x14ac:dyDescent="0.35">
      <c r="A17730" s="1" t="s">
        <v>64931</v>
      </c>
      <c r="B17730" s="1" t="s">
        <v>53796</v>
      </c>
      <c r="C17730" s="1" t="s">
        <v>45</v>
      </c>
      <c r="D17730" s="1" t="s">
        <v>64950</v>
      </c>
      <c r="E17730" s="1" t="s">
        <v>26247</v>
      </c>
      <c r="F17730" s="1" t="s">
        <v>64951</v>
      </c>
      <c r="G17730" s="1" t="s">
        <v>64934</v>
      </c>
      <c r="H17730" s="1" t="s">
        <v>64935</v>
      </c>
      <c r="I17730" s="1" t="s">
        <v>53800</v>
      </c>
      <c r="J17730" s="1" t="s">
        <v>64952</v>
      </c>
    </row>
    <row r="17731" spans="1:10" x14ac:dyDescent="0.35">
      <c r="A17731" s="1" t="s">
        <v>64931</v>
      </c>
      <c r="B17731" s="1" t="s">
        <v>53796</v>
      </c>
      <c r="C17731" s="1" t="s">
        <v>50</v>
      </c>
      <c r="D17731" s="1" t="s">
        <v>24555</v>
      </c>
      <c r="E17731" s="1" t="s">
        <v>24384</v>
      </c>
      <c r="F17731" s="1" t="s">
        <v>64953</v>
      </c>
      <c r="G17731" s="1" t="s">
        <v>64934</v>
      </c>
      <c r="H17731" s="1" t="s">
        <v>64935</v>
      </c>
      <c r="I17731" s="1" t="s">
        <v>53800</v>
      </c>
      <c r="J17731" s="1" t="s">
        <v>64954</v>
      </c>
    </row>
    <row r="17732" spans="1:10" x14ac:dyDescent="0.35">
      <c r="A17732" s="1" t="s">
        <v>64931</v>
      </c>
      <c r="B17732" s="1" t="s">
        <v>53796</v>
      </c>
      <c r="C17732" s="1" t="s">
        <v>55</v>
      </c>
      <c r="D17732" s="1" t="s">
        <v>64955</v>
      </c>
      <c r="E17732" s="1" t="s">
        <v>56254</v>
      </c>
      <c r="F17732" s="1" t="s">
        <v>64956</v>
      </c>
      <c r="G17732" s="1" t="s">
        <v>64934</v>
      </c>
      <c r="H17732" s="1" t="s">
        <v>64935</v>
      </c>
      <c r="I17732" s="1" t="s">
        <v>53800</v>
      </c>
      <c r="J17732" s="1" t="s">
        <v>64957</v>
      </c>
    </row>
    <row r="17733" spans="1:10" x14ac:dyDescent="0.35">
      <c r="A17733" s="1" t="s">
        <v>64931</v>
      </c>
      <c r="B17733" s="1" t="s">
        <v>53796</v>
      </c>
      <c r="C17733" s="1" t="s">
        <v>60</v>
      </c>
      <c r="D17733" s="1" t="s">
        <v>64958</v>
      </c>
      <c r="E17733" s="1" t="s">
        <v>31949</v>
      </c>
      <c r="F17733" s="1" t="s">
        <v>24179</v>
      </c>
      <c r="G17733" s="1" t="s">
        <v>64934</v>
      </c>
      <c r="H17733" s="1" t="s">
        <v>64935</v>
      </c>
      <c r="I17733" s="1" t="s">
        <v>53800</v>
      </c>
      <c r="J17733" s="1" t="s">
        <v>64959</v>
      </c>
    </row>
    <row r="17734" spans="1:10" x14ac:dyDescent="0.35">
      <c r="A17734" s="1" t="s">
        <v>64931</v>
      </c>
      <c r="B17734" s="1" t="s">
        <v>53796</v>
      </c>
      <c r="C17734" s="1" t="s">
        <v>65</v>
      </c>
      <c r="D17734" s="1" t="s">
        <v>64960</v>
      </c>
      <c r="E17734" s="1" t="s">
        <v>54081</v>
      </c>
      <c r="F17734" s="1" t="s">
        <v>64961</v>
      </c>
      <c r="G17734" s="1" t="s">
        <v>64934</v>
      </c>
      <c r="H17734" s="1" t="s">
        <v>64935</v>
      </c>
      <c r="I17734" s="1" t="s">
        <v>53800</v>
      </c>
      <c r="J17734" s="1" t="s">
        <v>64962</v>
      </c>
    </row>
    <row r="17735" spans="1:10" x14ac:dyDescent="0.35">
      <c r="A17735" s="1" t="s">
        <v>64931</v>
      </c>
      <c r="B17735" s="1" t="s">
        <v>53796</v>
      </c>
      <c r="C17735" s="1" t="s">
        <v>70</v>
      </c>
      <c r="D17735" s="1" t="s">
        <v>56236</v>
      </c>
      <c r="E17735" s="1" t="s">
        <v>53936</v>
      </c>
      <c r="F17735" s="1" t="s">
        <v>64532</v>
      </c>
      <c r="G17735" s="1" t="s">
        <v>64934</v>
      </c>
      <c r="H17735" s="1" t="s">
        <v>64935</v>
      </c>
      <c r="I17735" s="1" t="s">
        <v>53800</v>
      </c>
      <c r="J17735" s="1" t="s">
        <v>64963</v>
      </c>
    </row>
    <row r="17736" spans="1:10" x14ac:dyDescent="0.35">
      <c r="A17736" s="1" t="s">
        <v>64931</v>
      </c>
      <c r="B17736" s="1" t="s">
        <v>53796</v>
      </c>
      <c r="C17736" s="1" t="s">
        <v>75</v>
      </c>
      <c r="D17736" s="1" t="s">
        <v>61270</v>
      </c>
      <c r="E17736" s="1" t="s">
        <v>24246</v>
      </c>
      <c r="F17736" s="1" t="s">
        <v>64964</v>
      </c>
      <c r="G17736" s="1" t="s">
        <v>64934</v>
      </c>
      <c r="H17736" s="1" t="s">
        <v>64935</v>
      </c>
      <c r="I17736" s="1" t="s">
        <v>53800</v>
      </c>
      <c r="J17736" s="1" t="s">
        <v>64965</v>
      </c>
    </row>
    <row r="17737" spans="1:10" x14ac:dyDescent="0.35">
      <c r="A17737" s="1" t="s">
        <v>64931</v>
      </c>
      <c r="B17737" s="1" t="s">
        <v>53796</v>
      </c>
      <c r="C17737" s="1" t="s">
        <v>80</v>
      </c>
      <c r="D17737" s="1" t="s">
        <v>64966</v>
      </c>
      <c r="E17737" s="1" t="s">
        <v>24225</v>
      </c>
      <c r="F17737" s="1" t="s">
        <v>60407</v>
      </c>
      <c r="G17737" s="1" t="s">
        <v>64934</v>
      </c>
      <c r="H17737" s="1" t="s">
        <v>64935</v>
      </c>
      <c r="I17737" s="1" t="s">
        <v>53800</v>
      </c>
      <c r="J17737" s="1" t="s">
        <v>64967</v>
      </c>
    </row>
    <row r="17738" spans="1:10" x14ac:dyDescent="0.35">
      <c r="A17738" s="1" t="s">
        <v>64931</v>
      </c>
      <c r="B17738" s="1" t="s">
        <v>53796</v>
      </c>
      <c r="C17738" s="1" t="s">
        <v>85</v>
      </c>
      <c r="D17738" s="1" t="s">
        <v>64968</v>
      </c>
      <c r="E17738" s="1" t="s">
        <v>41425</v>
      </c>
      <c r="F17738" s="1" t="s">
        <v>64969</v>
      </c>
      <c r="G17738" s="1" t="s">
        <v>64934</v>
      </c>
      <c r="H17738" s="1" t="s">
        <v>64935</v>
      </c>
      <c r="I17738" s="1" t="s">
        <v>53800</v>
      </c>
      <c r="J17738" s="1" t="s">
        <v>64970</v>
      </c>
    </row>
    <row r="17739" spans="1:10" x14ac:dyDescent="0.35">
      <c r="A17739" s="1" t="s">
        <v>64931</v>
      </c>
      <c r="B17739" s="1" t="s">
        <v>53796</v>
      </c>
      <c r="C17739" s="1" t="s">
        <v>90</v>
      </c>
      <c r="D17739" s="1" t="s">
        <v>64971</v>
      </c>
      <c r="E17739" s="1" t="s">
        <v>15927</v>
      </c>
      <c r="F17739" s="1" t="s">
        <v>64972</v>
      </c>
      <c r="G17739" s="1" t="s">
        <v>64934</v>
      </c>
      <c r="H17739" s="1" t="s">
        <v>64935</v>
      </c>
      <c r="I17739" s="1" t="s">
        <v>53800</v>
      </c>
      <c r="J17739" s="1" t="s">
        <v>64973</v>
      </c>
    </row>
    <row r="17740" spans="1:10" x14ac:dyDescent="0.35">
      <c r="A17740" s="1" t="s">
        <v>64931</v>
      </c>
      <c r="B17740" s="1" t="s">
        <v>53796</v>
      </c>
      <c r="C17740" s="1" t="s">
        <v>95</v>
      </c>
      <c r="D17740" s="1" t="s">
        <v>64974</v>
      </c>
      <c r="E17740" s="1" t="s">
        <v>57707</v>
      </c>
      <c r="F17740" s="1" t="s">
        <v>64975</v>
      </c>
      <c r="G17740" s="1" t="s">
        <v>64934</v>
      </c>
      <c r="H17740" s="1" t="s">
        <v>64935</v>
      </c>
      <c r="I17740" s="1" t="s">
        <v>53800</v>
      </c>
      <c r="J17740" s="1" t="s">
        <v>64976</v>
      </c>
    </row>
    <row r="17741" spans="1:10" x14ac:dyDescent="0.35">
      <c r="A17741" s="1" t="s">
        <v>64931</v>
      </c>
      <c r="B17741" s="1" t="s">
        <v>53796</v>
      </c>
      <c r="C17741" s="1" t="s">
        <v>100</v>
      </c>
      <c r="D17741" s="1" t="s">
        <v>64977</v>
      </c>
      <c r="E17741" s="1" t="s">
        <v>56404</v>
      </c>
      <c r="F17741" s="1" t="s">
        <v>64978</v>
      </c>
      <c r="G17741" s="1" t="s">
        <v>64934</v>
      </c>
      <c r="H17741" s="1" t="s">
        <v>64935</v>
      </c>
      <c r="I17741" s="1" t="s">
        <v>53800</v>
      </c>
      <c r="J17741" s="1" t="s">
        <v>64979</v>
      </c>
    </row>
    <row r="17742" spans="1:10" x14ac:dyDescent="0.35">
      <c r="A17742" s="1" t="s">
        <v>64931</v>
      </c>
      <c r="B17742" s="1" t="s">
        <v>53796</v>
      </c>
      <c r="C17742" s="1" t="s">
        <v>105</v>
      </c>
      <c r="D17742" s="1" t="s">
        <v>64980</v>
      </c>
      <c r="E17742" s="1" t="s">
        <v>16090</v>
      </c>
      <c r="F17742" s="1" t="s">
        <v>64981</v>
      </c>
      <c r="G17742" s="1" t="s">
        <v>64934</v>
      </c>
      <c r="H17742" s="1" t="s">
        <v>64935</v>
      </c>
      <c r="I17742" s="1" t="s">
        <v>53800</v>
      </c>
      <c r="J17742" s="1" t="s">
        <v>64982</v>
      </c>
    </row>
    <row r="17743" spans="1:10" x14ac:dyDescent="0.35">
      <c r="A17743" s="1" t="s">
        <v>64931</v>
      </c>
      <c r="B17743" s="1" t="s">
        <v>53796</v>
      </c>
      <c r="C17743" s="1" t="s">
        <v>110</v>
      </c>
      <c r="D17743" s="1" t="s">
        <v>64983</v>
      </c>
      <c r="E17743" s="1" t="s">
        <v>55248</v>
      </c>
      <c r="F17743" s="1" t="s">
        <v>64984</v>
      </c>
      <c r="G17743" s="1" t="s">
        <v>64934</v>
      </c>
      <c r="H17743" s="1" t="s">
        <v>64935</v>
      </c>
      <c r="I17743" s="1" t="s">
        <v>53800</v>
      </c>
      <c r="J17743" s="1" t="s">
        <v>64985</v>
      </c>
    </row>
    <row r="17744" spans="1:10" x14ac:dyDescent="0.35">
      <c r="A17744" s="1" t="s">
        <v>64931</v>
      </c>
      <c r="B17744" s="1" t="s">
        <v>53796</v>
      </c>
      <c r="C17744" s="1" t="s">
        <v>115</v>
      </c>
      <c r="D17744" s="1" t="s">
        <v>42485</v>
      </c>
      <c r="E17744" s="1" t="s">
        <v>55452</v>
      </c>
      <c r="F17744" s="1" t="s">
        <v>64986</v>
      </c>
      <c r="G17744" s="1" t="s">
        <v>64934</v>
      </c>
      <c r="H17744" s="1" t="s">
        <v>64935</v>
      </c>
      <c r="I17744" s="1" t="s">
        <v>53800</v>
      </c>
      <c r="J17744" s="1" t="s">
        <v>64987</v>
      </c>
    </row>
    <row r="17745" spans="1:10" x14ac:dyDescent="0.35">
      <c r="A17745" s="1" t="s">
        <v>64931</v>
      </c>
      <c r="B17745" s="1" t="s">
        <v>53796</v>
      </c>
      <c r="C17745" s="1" t="s">
        <v>120</v>
      </c>
      <c r="D17745" s="1" t="s">
        <v>64988</v>
      </c>
      <c r="E17745" s="1" t="s">
        <v>21902</v>
      </c>
      <c r="F17745" s="1" t="s">
        <v>64989</v>
      </c>
      <c r="G17745" s="1" t="s">
        <v>64934</v>
      </c>
      <c r="H17745" s="1" t="s">
        <v>64935</v>
      </c>
      <c r="I17745" s="1" t="s">
        <v>53800</v>
      </c>
      <c r="J17745" s="1" t="s">
        <v>64990</v>
      </c>
    </row>
    <row r="17746" spans="1:10" x14ac:dyDescent="0.35">
      <c r="A17746" s="1" t="s">
        <v>64931</v>
      </c>
      <c r="B17746" s="1" t="s">
        <v>53796</v>
      </c>
      <c r="C17746" s="1" t="s">
        <v>125</v>
      </c>
      <c r="D17746" s="1" t="s">
        <v>57943</v>
      </c>
      <c r="E17746" s="1" t="s">
        <v>12805</v>
      </c>
      <c r="F17746" s="1" t="s">
        <v>64991</v>
      </c>
      <c r="G17746" s="1" t="s">
        <v>64934</v>
      </c>
      <c r="H17746" s="1" t="s">
        <v>64935</v>
      </c>
      <c r="I17746" s="1" t="s">
        <v>53800</v>
      </c>
      <c r="J17746" s="1" t="s">
        <v>64992</v>
      </c>
    </row>
    <row r="17747" spans="1:10" x14ac:dyDescent="0.35">
      <c r="A17747" s="1" t="s">
        <v>64931</v>
      </c>
      <c r="B17747" s="1" t="s">
        <v>53796</v>
      </c>
      <c r="C17747" s="1" t="s">
        <v>130</v>
      </c>
      <c r="D17747" s="1" t="s">
        <v>64993</v>
      </c>
      <c r="E17747" s="1" t="s">
        <v>15889</v>
      </c>
      <c r="F17747" s="1" t="s">
        <v>64994</v>
      </c>
      <c r="G17747" s="1" t="s">
        <v>64934</v>
      </c>
      <c r="H17747" s="1" t="s">
        <v>64935</v>
      </c>
      <c r="I17747" s="1" t="s">
        <v>53800</v>
      </c>
      <c r="J17747" s="1" t="s">
        <v>64995</v>
      </c>
    </row>
    <row r="17748" spans="1:10" x14ac:dyDescent="0.35">
      <c r="A17748" s="1" t="s">
        <v>64931</v>
      </c>
      <c r="B17748" s="1" t="s">
        <v>53796</v>
      </c>
      <c r="C17748" s="1" t="s">
        <v>135</v>
      </c>
      <c r="D17748" s="1" t="s">
        <v>64996</v>
      </c>
      <c r="E17748" s="1" t="s">
        <v>27111</v>
      </c>
      <c r="F17748" s="1" t="s">
        <v>64997</v>
      </c>
      <c r="G17748" s="1" t="s">
        <v>64934</v>
      </c>
      <c r="H17748" s="1" t="s">
        <v>64935</v>
      </c>
      <c r="I17748" s="1" t="s">
        <v>53800</v>
      </c>
      <c r="J17748" s="1" t="s">
        <v>64998</v>
      </c>
    </row>
    <row r="17749" spans="1:10" x14ac:dyDescent="0.35">
      <c r="A17749" s="1" t="s">
        <v>64931</v>
      </c>
      <c r="B17749" s="1" t="s">
        <v>53796</v>
      </c>
      <c r="C17749" s="1" t="s">
        <v>140</v>
      </c>
      <c r="D17749" s="1" t="s">
        <v>64999</v>
      </c>
      <c r="E17749" s="1" t="s">
        <v>15241</v>
      </c>
      <c r="F17749" s="1" t="s">
        <v>65000</v>
      </c>
      <c r="G17749" s="1" t="s">
        <v>64934</v>
      </c>
      <c r="H17749" s="1" t="s">
        <v>64935</v>
      </c>
      <c r="I17749" s="1" t="s">
        <v>53800</v>
      </c>
      <c r="J17749" s="1" t="s">
        <v>65001</v>
      </c>
    </row>
    <row r="17750" spans="1:10" x14ac:dyDescent="0.35">
      <c r="A17750" s="1" t="s">
        <v>64931</v>
      </c>
      <c r="B17750" s="1" t="s">
        <v>53796</v>
      </c>
      <c r="C17750" s="1" t="s">
        <v>145</v>
      </c>
      <c r="D17750" s="1" t="s">
        <v>65002</v>
      </c>
      <c r="E17750" s="1" t="s">
        <v>53997</v>
      </c>
      <c r="F17750" s="1" t="s">
        <v>65003</v>
      </c>
      <c r="G17750" s="1" t="s">
        <v>64934</v>
      </c>
      <c r="H17750" s="1" t="s">
        <v>64935</v>
      </c>
      <c r="I17750" s="1" t="s">
        <v>53800</v>
      </c>
      <c r="J17750" s="1" t="s">
        <v>65004</v>
      </c>
    </row>
    <row r="17751" spans="1:10" x14ac:dyDescent="0.35">
      <c r="A17751" s="1" t="s">
        <v>64931</v>
      </c>
      <c r="B17751" s="1" t="s">
        <v>53796</v>
      </c>
      <c r="C17751" s="1" t="s">
        <v>150</v>
      </c>
      <c r="D17751" s="1" t="s">
        <v>65005</v>
      </c>
      <c r="E17751" s="1" t="s">
        <v>23187</v>
      </c>
      <c r="F17751" s="1" t="s">
        <v>65006</v>
      </c>
      <c r="G17751" s="1" t="s">
        <v>64934</v>
      </c>
      <c r="H17751" s="1" t="s">
        <v>64935</v>
      </c>
      <c r="I17751" s="1" t="s">
        <v>53800</v>
      </c>
      <c r="J17751" s="1" t="s">
        <v>65007</v>
      </c>
    </row>
    <row r="17752" spans="1:10" x14ac:dyDescent="0.35">
      <c r="A17752" s="1" t="s">
        <v>64931</v>
      </c>
      <c r="B17752" s="1" t="s">
        <v>53796</v>
      </c>
      <c r="C17752" s="1" t="s">
        <v>155</v>
      </c>
      <c r="D17752" s="1" t="s">
        <v>65008</v>
      </c>
      <c r="E17752" s="1" t="s">
        <v>65009</v>
      </c>
      <c r="F17752" s="1" t="s">
        <v>65010</v>
      </c>
      <c r="G17752" s="1" t="s">
        <v>64934</v>
      </c>
      <c r="H17752" s="1" t="s">
        <v>64935</v>
      </c>
      <c r="I17752" s="1" t="s">
        <v>53800</v>
      </c>
      <c r="J17752" s="1" t="s">
        <v>65011</v>
      </c>
    </row>
    <row r="17753" spans="1:10" x14ac:dyDescent="0.35">
      <c r="A17753" s="1" t="s">
        <v>64931</v>
      </c>
      <c r="B17753" s="1" t="s">
        <v>53796</v>
      </c>
      <c r="C17753" s="1" t="s">
        <v>160</v>
      </c>
      <c r="D17753" s="1" t="s">
        <v>65012</v>
      </c>
      <c r="E17753" s="1" t="s">
        <v>22363</v>
      </c>
      <c r="F17753" s="1" t="s">
        <v>65013</v>
      </c>
      <c r="G17753" s="1" t="s">
        <v>64934</v>
      </c>
      <c r="H17753" s="1" t="s">
        <v>64935</v>
      </c>
      <c r="I17753" s="1" t="s">
        <v>53800</v>
      </c>
      <c r="J17753" s="1" t="s">
        <v>65014</v>
      </c>
    </row>
    <row r="17754" spans="1:10" x14ac:dyDescent="0.35">
      <c r="A17754" s="1" t="s">
        <v>64931</v>
      </c>
      <c r="B17754" s="1" t="s">
        <v>53796</v>
      </c>
      <c r="C17754" s="1" t="s">
        <v>165</v>
      </c>
      <c r="D17754" s="1" t="s">
        <v>65015</v>
      </c>
      <c r="E17754" s="1" t="s">
        <v>56043</v>
      </c>
      <c r="F17754" s="1" t="s">
        <v>58958</v>
      </c>
      <c r="G17754" s="1" t="s">
        <v>64934</v>
      </c>
      <c r="H17754" s="1" t="s">
        <v>64935</v>
      </c>
      <c r="I17754" s="1" t="s">
        <v>53800</v>
      </c>
      <c r="J17754" s="1" t="s">
        <v>65016</v>
      </c>
    </row>
    <row r="17755" spans="1:10" x14ac:dyDescent="0.35">
      <c r="A17755" s="1" t="s">
        <v>64931</v>
      </c>
      <c r="B17755" s="1" t="s">
        <v>53796</v>
      </c>
      <c r="C17755" s="1" t="s">
        <v>170</v>
      </c>
      <c r="D17755" s="1" t="s">
        <v>4968</v>
      </c>
      <c r="E17755" s="1" t="s">
        <v>64479</v>
      </c>
      <c r="F17755" s="1" t="s">
        <v>65017</v>
      </c>
      <c r="G17755" s="1" t="s">
        <v>64934</v>
      </c>
      <c r="H17755" s="1" t="s">
        <v>64935</v>
      </c>
      <c r="I17755" s="1" t="s">
        <v>53800</v>
      </c>
      <c r="J17755" s="1" t="s">
        <v>65018</v>
      </c>
    </row>
    <row r="17756" spans="1:10" x14ac:dyDescent="0.35">
      <c r="A17756" s="1" t="s">
        <v>65019</v>
      </c>
      <c r="B17756" s="1" t="s">
        <v>53796</v>
      </c>
      <c r="C17756" s="1" t="s">
        <v>8</v>
      </c>
      <c r="D17756" s="1" t="s">
        <v>65020</v>
      </c>
      <c r="E17756" s="1" t="s">
        <v>65021</v>
      </c>
      <c r="F17756" s="1" t="s">
        <v>65022</v>
      </c>
      <c r="G17756" s="1" t="s">
        <v>65023</v>
      </c>
      <c r="H17756" s="1" t="s">
        <v>65024</v>
      </c>
      <c r="I17756" s="1" t="s">
        <v>53800</v>
      </c>
      <c r="J17756" s="1" t="s">
        <v>13</v>
      </c>
    </row>
    <row r="17757" spans="1:10" x14ac:dyDescent="0.35">
      <c r="A17757" s="1" t="s">
        <v>65019</v>
      </c>
      <c r="B17757" s="1" t="s">
        <v>53796</v>
      </c>
      <c r="C17757" s="1" t="s">
        <v>15</v>
      </c>
      <c r="D17757" s="1" t="s">
        <v>65025</v>
      </c>
      <c r="E17757" s="1" t="s">
        <v>65026</v>
      </c>
      <c r="F17757" s="1" t="s">
        <v>65027</v>
      </c>
      <c r="G17757" s="1" t="s">
        <v>65023</v>
      </c>
      <c r="H17757" s="1" t="s">
        <v>65024</v>
      </c>
      <c r="I17757" s="1" t="s">
        <v>53800</v>
      </c>
      <c r="J17757" s="1" t="s">
        <v>65028</v>
      </c>
    </row>
    <row r="17758" spans="1:10" x14ac:dyDescent="0.35">
      <c r="A17758" s="1" t="s">
        <v>65019</v>
      </c>
      <c r="B17758" s="1" t="s">
        <v>53796</v>
      </c>
      <c r="C17758" s="1" t="s">
        <v>20</v>
      </c>
      <c r="D17758" s="1" t="s">
        <v>65029</v>
      </c>
      <c r="E17758" s="1" t="s">
        <v>65030</v>
      </c>
      <c r="F17758" s="1" t="s">
        <v>65031</v>
      </c>
      <c r="G17758" s="1" t="s">
        <v>65023</v>
      </c>
      <c r="H17758" s="1" t="s">
        <v>65024</v>
      </c>
      <c r="I17758" s="1" t="s">
        <v>53800</v>
      </c>
      <c r="J17758" s="1" t="s">
        <v>65032</v>
      </c>
    </row>
    <row r="17759" spans="1:10" x14ac:dyDescent="0.35">
      <c r="A17759" s="1" t="s">
        <v>65019</v>
      </c>
      <c r="B17759" s="1" t="s">
        <v>53796</v>
      </c>
      <c r="C17759" s="1" t="s">
        <v>25</v>
      </c>
      <c r="D17759" s="1" t="s">
        <v>65033</v>
      </c>
      <c r="E17759" s="1" t="s">
        <v>65034</v>
      </c>
      <c r="F17759" s="1" t="s">
        <v>65035</v>
      </c>
      <c r="G17759" s="1" t="s">
        <v>65023</v>
      </c>
      <c r="H17759" s="1" t="s">
        <v>65024</v>
      </c>
      <c r="I17759" s="1" t="s">
        <v>53800</v>
      </c>
      <c r="J17759" s="1" t="s">
        <v>65036</v>
      </c>
    </row>
    <row r="17760" spans="1:10" x14ac:dyDescent="0.35">
      <c r="A17760" s="1" t="s">
        <v>65019</v>
      </c>
      <c r="B17760" s="1" t="s">
        <v>53796</v>
      </c>
      <c r="C17760" s="1" t="s">
        <v>30</v>
      </c>
      <c r="D17760" s="1" t="s">
        <v>65037</v>
      </c>
      <c r="E17760" s="1" t="s">
        <v>65038</v>
      </c>
      <c r="F17760" s="1" t="s">
        <v>65039</v>
      </c>
      <c r="G17760" s="1" t="s">
        <v>65023</v>
      </c>
      <c r="H17760" s="1" t="s">
        <v>65024</v>
      </c>
      <c r="I17760" s="1" t="s">
        <v>53800</v>
      </c>
      <c r="J17760" s="1" t="s">
        <v>65040</v>
      </c>
    </row>
    <row r="17761" spans="1:10" x14ac:dyDescent="0.35">
      <c r="A17761" s="1" t="s">
        <v>65019</v>
      </c>
      <c r="B17761" s="1" t="s">
        <v>53796</v>
      </c>
      <c r="C17761" s="1" t="s">
        <v>35</v>
      </c>
      <c r="D17761" s="1" t="s">
        <v>65041</v>
      </c>
      <c r="E17761" s="1" t="s">
        <v>65042</v>
      </c>
      <c r="F17761" s="1" t="s">
        <v>65043</v>
      </c>
      <c r="G17761" s="1" t="s">
        <v>65023</v>
      </c>
      <c r="H17761" s="1" t="s">
        <v>65024</v>
      </c>
      <c r="I17761" s="1" t="s">
        <v>53800</v>
      </c>
      <c r="J17761" s="1" t="s">
        <v>65044</v>
      </c>
    </row>
    <row r="17762" spans="1:10" x14ac:dyDescent="0.35">
      <c r="A17762" s="1" t="s">
        <v>65019</v>
      </c>
      <c r="B17762" s="1" t="s">
        <v>53796</v>
      </c>
      <c r="C17762" s="1" t="s">
        <v>40</v>
      </c>
      <c r="D17762" s="1" t="s">
        <v>65045</v>
      </c>
      <c r="E17762" s="1" t="s">
        <v>65046</v>
      </c>
      <c r="F17762" s="1" t="s">
        <v>65047</v>
      </c>
      <c r="G17762" s="1" t="s">
        <v>65023</v>
      </c>
      <c r="H17762" s="1" t="s">
        <v>65024</v>
      </c>
      <c r="I17762" s="1" t="s">
        <v>53800</v>
      </c>
      <c r="J17762" s="1" t="s">
        <v>65048</v>
      </c>
    </row>
    <row r="17763" spans="1:10" x14ac:dyDescent="0.35">
      <c r="A17763" s="1" t="s">
        <v>65019</v>
      </c>
      <c r="B17763" s="1" t="s">
        <v>53796</v>
      </c>
      <c r="C17763" s="1" t="s">
        <v>45</v>
      </c>
      <c r="D17763" s="1" t="s">
        <v>65049</v>
      </c>
      <c r="E17763" s="1" t="s">
        <v>65050</v>
      </c>
      <c r="F17763" s="1" t="s">
        <v>65051</v>
      </c>
      <c r="G17763" s="1" t="s">
        <v>65023</v>
      </c>
      <c r="H17763" s="1" t="s">
        <v>65024</v>
      </c>
      <c r="I17763" s="1" t="s">
        <v>53800</v>
      </c>
      <c r="J17763" s="1" t="s">
        <v>65052</v>
      </c>
    </row>
    <row r="17764" spans="1:10" x14ac:dyDescent="0.35">
      <c r="A17764" s="1" t="s">
        <v>65019</v>
      </c>
      <c r="B17764" s="1" t="s">
        <v>53796</v>
      </c>
      <c r="C17764" s="1" t="s">
        <v>50</v>
      </c>
      <c r="D17764" s="1" t="s">
        <v>65053</v>
      </c>
      <c r="E17764" s="1" t="s">
        <v>65054</v>
      </c>
      <c r="F17764" s="1" t="s">
        <v>65055</v>
      </c>
      <c r="G17764" s="1" t="s">
        <v>65023</v>
      </c>
      <c r="H17764" s="1" t="s">
        <v>65024</v>
      </c>
      <c r="I17764" s="1" t="s">
        <v>53800</v>
      </c>
      <c r="J17764" s="1" t="s">
        <v>65056</v>
      </c>
    </row>
    <row r="17765" spans="1:10" x14ac:dyDescent="0.35">
      <c r="A17765" s="1" t="s">
        <v>65019</v>
      </c>
      <c r="B17765" s="1" t="s">
        <v>53796</v>
      </c>
      <c r="C17765" s="1" t="s">
        <v>55</v>
      </c>
      <c r="D17765" s="1" t="s">
        <v>65057</v>
      </c>
      <c r="E17765" s="1" t="s">
        <v>65058</v>
      </c>
      <c r="F17765" s="1" t="s">
        <v>65059</v>
      </c>
      <c r="G17765" s="1" t="s">
        <v>65023</v>
      </c>
      <c r="H17765" s="1" t="s">
        <v>65024</v>
      </c>
      <c r="I17765" s="1" t="s">
        <v>53800</v>
      </c>
      <c r="J17765" s="1" t="s">
        <v>65060</v>
      </c>
    </row>
    <row r="17766" spans="1:10" x14ac:dyDescent="0.35">
      <c r="A17766" s="1" t="s">
        <v>65019</v>
      </c>
      <c r="B17766" s="1" t="s">
        <v>53796</v>
      </c>
      <c r="C17766" s="1" t="s">
        <v>60</v>
      </c>
      <c r="D17766" s="1" t="s">
        <v>65061</v>
      </c>
      <c r="E17766" s="1" t="s">
        <v>65062</v>
      </c>
      <c r="F17766" s="1" t="s">
        <v>65063</v>
      </c>
      <c r="G17766" s="1" t="s">
        <v>65023</v>
      </c>
      <c r="H17766" s="1" t="s">
        <v>65024</v>
      </c>
      <c r="I17766" s="1" t="s">
        <v>53800</v>
      </c>
      <c r="J17766" s="1" t="s">
        <v>65064</v>
      </c>
    </row>
    <row r="17767" spans="1:10" x14ac:dyDescent="0.35">
      <c r="A17767" s="1" t="s">
        <v>65019</v>
      </c>
      <c r="B17767" s="1" t="s">
        <v>53796</v>
      </c>
      <c r="C17767" s="1" t="s">
        <v>65</v>
      </c>
      <c r="D17767" s="1" t="s">
        <v>65065</v>
      </c>
      <c r="E17767" s="1" t="s">
        <v>65066</v>
      </c>
      <c r="F17767" s="1" t="s">
        <v>65067</v>
      </c>
      <c r="G17767" s="1" t="s">
        <v>65023</v>
      </c>
      <c r="H17767" s="1" t="s">
        <v>65024</v>
      </c>
      <c r="I17767" s="1" t="s">
        <v>53800</v>
      </c>
      <c r="J17767" s="1" t="s">
        <v>65068</v>
      </c>
    </row>
    <row r="17768" spans="1:10" x14ac:dyDescent="0.35">
      <c r="A17768" s="1" t="s">
        <v>65019</v>
      </c>
      <c r="B17768" s="1" t="s">
        <v>53796</v>
      </c>
      <c r="C17768" s="1" t="s">
        <v>70</v>
      </c>
      <c r="D17768" s="1" t="s">
        <v>65069</v>
      </c>
      <c r="E17768" s="1" t="s">
        <v>65070</v>
      </c>
      <c r="F17768" s="1" t="s">
        <v>65071</v>
      </c>
      <c r="G17768" s="1" t="s">
        <v>65023</v>
      </c>
      <c r="H17768" s="1" t="s">
        <v>65024</v>
      </c>
      <c r="I17768" s="1" t="s">
        <v>53800</v>
      </c>
      <c r="J17768" s="1" t="s">
        <v>65072</v>
      </c>
    </row>
    <row r="17769" spans="1:10" x14ac:dyDescent="0.35">
      <c r="A17769" s="1" t="s">
        <v>65019</v>
      </c>
      <c r="B17769" s="1" t="s">
        <v>53796</v>
      </c>
      <c r="C17769" s="1" t="s">
        <v>75</v>
      </c>
      <c r="D17769" s="1" t="s">
        <v>22021</v>
      </c>
      <c r="E17769" s="1" t="s">
        <v>65073</v>
      </c>
      <c r="F17769" s="1" t="s">
        <v>65074</v>
      </c>
      <c r="G17769" s="1" t="s">
        <v>65023</v>
      </c>
      <c r="H17769" s="1" t="s">
        <v>65024</v>
      </c>
      <c r="I17769" s="1" t="s">
        <v>53800</v>
      </c>
      <c r="J17769" s="1" t="s">
        <v>65075</v>
      </c>
    </row>
    <row r="17770" spans="1:10" x14ac:dyDescent="0.35">
      <c r="A17770" s="1" t="s">
        <v>65019</v>
      </c>
      <c r="B17770" s="1" t="s">
        <v>53796</v>
      </c>
      <c r="C17770" s="1" t="s">
        <v>80</v>
      </c>
      <c r="D17770" s="1" t="s">
        <v>65076</v>
      </c>
      <c r="E17770" s="1" t="s">
        <v>65077</v>
      </c>
      <c r="F17770" s="1" t="s">
        <v>65078</v>
      </c>
      <c r="G17770" s="1" t="s">
        <v>65023</v>
      </c>
      <c r="H17770" s="1" t="s">
        <v>65024</v>
      </c>
      <c r="I17770" s="1" t="s">
        <v>53800</v>
      </c>
      <c r="J17770" s="1" t="s">
        <v>65079</v>
      </c>
    </row>
    <row r="17771" spans="1:10" x14ac:dyDescent="0.35">
      <c r="A17771" s="1" t="s">
        <v>65019</v>
      </c>
      <c r="B17771" s="1" t="s">
        <v>53796</v>
      </c>
      <c r="C17771" s="1" t="s">
        <v>85</v>
      </c>
      <c r="D17771" s="1" t="s">
        <v>65080</v>
      </c>
      <c r="E17771" s="1" t="s">
        <v>65081</v>
      </c>
      <c r="F17771" s="1" t="s">
        <v>65082</v>
      </c>
      <c r="G17771" s="1" t="s">
        <v>65023</v>
      </c>
      <c r="H17771" s="1" t="s">
        <v>65024</v>
      </c>
      <c r="I17771" s="1" t="s">
        <v>53800</v>
      </c>
      <c r="J17771" s="1" t="s">
        <v>65083</v>
      </c>
    </row>
    <row r="17772" spans="1:10" x14ac:dyDescent="0.35">
      <c r="A17772" s="1" t="s">
        <v>65019</v>
      </c>
      <c r="B17772" s="1" t="s">
        <v>53796</v>
      </c>
      <c r="C17772" s="1" t="s">
        <v>90</v>
      </c>
      <c r="D17772" s="1" t="s">
        <v>65084</v>
      </c>
      <c r="E17772" s="1" t="s">
        <v>65085</v>
      </c>
      <c r="F17772" s="1" t="s">
        <v>65086</v>
      </c>
      <c r="G17772" s="1" t="s">
        <v>65023</v>
      </c>
      <c r="H17772" s="1" t="s">
        <v>65024</v>
      </c>
      <c r="I17772" s="1" t="s">
        <v>53800</v>
      </c>
      <c r="J17772" s="1" t="s">
        <v>65087</v>
      </c>
    </row>
    <row r="17773" spans="1:10" x14ac:dyDescent="0.35">
      <c r="A17773" s="1" t="s">
        <v>65019</v>
      </c>
      <c r="B17773" s="1" t="s">
        <v>53796</v>
      </c>
      <c r="C17773" s="1" t="s">
        <v>95</v>
      </c>
      <c r="D17773" s="1" t="s">
        <v>65088</v>
      </c>
      <c r="E17773" s="1" t="s">
        <v>65089</v>
      </c>
      <c r="F17773" s="1" t="s">
        <v>65090</v>
      </c>
      <c r="G17773" s="1" t="s">
        <v>65023</v>
      </c>
      <c r="H17773" s="1" t="s">
        <v>65024</v>
      </c>
      <c r="I17773" s="1" t="s">
        <v>53800</v>
      </c>
      <c r="J17773" s="1" t="s">
        <v>65091</v>
      </c>
    </row>
    <row r="17774" spans="1:10" x14ac:dyDescent="0.35">
      <c r="A17774" s="1" t="s">
        <v>65019</v>
      </c>
      <c r="B17774" s="1" t="s">
        <v>53796</v>
      </c>
      <c r="C17774" s="1" t="s">
        <v>100</v>
      </c>
      <c r="D17774" s="1" t="s">
        <v>65092</v>
      </c>
      <c r="E17774" s="1" t="s">
        <v>65093</v>
      </c>
      <c r="F17774" s="1" t="s">
        <v>65094</v>
      </c>
      <c r="G17774" s="1" t="s">
        <v>65023</v>
      </c>
      <c r="H17774" s="1" t="s">
        <v>65024</v>
      </c>
      <c r="I17774" s="1" t="s">
        <v>53800</v>
      </c>
      <c r="J17774" s="1" t="s">
        <v>65095</v>
      </c>
    </row>
    <row r="17775" spans="1:10" x14ac:dyDescent="0.35">
      <c r="A17775" s="1" t="s">
        <v>65019</v>
      </c>
      <c r="B17775" s="1" t="s">
        <v>53796</v>
      </c>
      <c r="C17775" s="1" t="s">
        <v>105</v>
      </c>
      <c r="D17775" s="1" t="s">
        <v>54181</v>
      </c>
      <c r="E17775" s="1" t="s">
        <v>65096</v>
      </c>
      <c r="F17775" s="1" t="s">
        <v>65097</v>
      </c>
      <c r="G17775" s="1" t="s">
        <v>65023</v>
      </c>
      <c r="H17775" s="1" t="s">
        <v>65024</v>
      </c>
      <c r="I17775" s="1" t="s">
        <v>53800</v>
      </c>
      <c r="J17775" s="1" t="s">
        <v>65098</v>
      </c>
    </row>
    <row r="17776" spans="1:10" x14ac:dyDescent="0.35">
      <c r="A17776" s="1" t="s">
        <v>65019</v>
      </c>
      <c r="B17776" s="1" t="s">
        <v>53796</v>
      </c>
      <c r="C17776" s="1" t="s">
        <v>110</v>
      </c>
      <c r="D17776" s="1" t="s">
        <v>65099</v>
      </c>
      <c r="E17776" s="1" t="s">
        <v>65100</v>
      </c>
      <c r="F17776" s="1" t="s">
        <v>65101</v>
      </c>
      <c r="G17776" s="1" t="s">
        <v>65023</v>
      </c>
      <c r="H17776" s="1" t="s">
        <v>65024</v>
      </c>
      <c r="I17776" s="1" t="s">
        <v>53800</v>
      </c>
      <c r="J17776" s="1" t="s">
        <v>65102</v>
      </c>
    </row>
    <row r="17777" spans="1:10" x14ac:dyDescent="0.35">
      <c r="A17777" s="1" t="s">
        <v>65019</v>
      </c>
      <c r="B17777" s="1" t="s">
        <v>53796</v>
      </c>
      <c r="C17777" s="1" t="s">
        <v>115</v>
      </c>
      <c r="D17777" s="1" t="s">
        <v>65103</v>
      </c>
      <c r="E17777" s="1" t="s">
        <v>65104</v>
      </c>
      <c r="F17777" s="1" t="s">
        <v>65105</v>
      </c>
      <c r="G17777" s="1" t="s">
        <v>65023</v>
      </c>
      <c r="H17777" s="1" t="s">
        <v>65024</v>
      </c>
      <c r="I17777" s="1" t="s">
        <v>53800</v>
      </c>
      <c r="J17777" s="1" t="s">
        <v>65106</v>
      </c>
    </row>
    <row r="17778" spans="1:10" x14ac:dyDescent="0.35">
      <c r="A17778" s="1" t="s">
        <v>65019</v>
      </c>
      <c r="B17778" s="1" t="s">
        <v>53796</v>
      </c>
      <c r="C17778" s="1" t="s">
        <v>120</v>
      </c>
      <c r="D17778" s="1" t="s">
        <v>65107</v>
      </c>
      <c r="E17778" s="1" t="s">
        <v>65108</v>
      </c>
      <c r="F17778" s="1" t="s">
        <v>65109</v>
      </c>
      <c r="G17778" s="1" t="s">
        <v>65023</v>
      </c>
      <c r="H17778" s="1" t="s">
        <v>65024</v>
      </c>
      <c r="I17778" s="1" t="s">
        <v>53800</v>
      </c>
      <c r="J17778" s="1" t="s">
        <v>65110</v>
      </c>
    </row>
    <row r="17779" spans="1:10" x14ac:dyDescent="0.35">
      <c r="A17779" s="1" t="s">
        <v>65019</v>
      </c>
      <c r="B17779" s="1" t="s">
        <v>53796</v>
      </c>
      <c r="C17779" s="1" t="s">
        <v>125</v>
      </c>
      <c r="D17779" s="1" t="s">
        <v>65111</v>
      </c>
      <c r="E17779" s="1" t="s">
        <v>65112</v>
      </c>
      <c r="F17779" s="1" t="s">
        <v>65113</v>
      </c>
      <c r="G17779" s="1" t="s">
        <v>65023</v>
      </c>
      <c r="H17779" s="1" t="s">
        <v>65024</v>
      </c>
      <c r="I17779" s="1" t="s">
        <v>53800</v>
      </c>
      <c r="J17779" s="1" t="s">
        <v>65114</v>
      </c>
    </row>
    <row r="17780" spans="1:10" x14ac:dyDescent="0.35">
      <c r="A17780" s="1" t="s">
        <v>65019</v>
      </c>
      <c r="B17780" s="1" t="s">
        <v>53796</v>
      </c>
      <c r="C17780" s="1" t="s">
        <v>130</v>
      </c>
      <c r="D17780" s="1" t="s">
        <v>65115</v>
      </c>
      <c r="E17780" s="1" t="s">
        <v>65116</v>
      </c>
      <c r="F17780" s="1" t="s">
        <v>65117</v>
      </c>
      <c r="G17780" s="1" t="s">
        <v>65023</v>
      </c>
      <c r="H17780" s="1" t="s">
        <v>65024</v>
      </c>
      <c r="I17780" s="1" t="s">
        <v>53800</v>
      </c>
      <c r="J17780" s="1" t="s">
        <v>65118</v>
      </c>
    </row>
    <row r="17781" spans="1:10" x14ac:dyDescent="0.35">
      <c r="A17781" s="1" t="s">
        <v>65019</v>
      </c>
      <c r="B17781" s="1" t="s">
        <v>53796</v>
      </c>
      <c r="C17781" s="1" t="s">
        <v>135</v>
      </c>
      <c r="D17781" s="1" t="s">
        <v>23508</v>
      </c>
      <c r="E17781" s="1" t="s">
        <v>65119</v>
      </c>
      <c r="F17781" s="1" t="s">
        <v>65120</v>
      </c>
      <c r="G17781" s="1" t="s">
        <v>65023</v>
      </c>
      <c r="H17781" s="1" t="s">
        <v>65024</v>
      </c>
      <c r="I17781" s="1" t="s">
        <v>53800</v>
      </c>
      <c r="J17781" s="1" t="s">
        <v>65121</v>
      </c>
    </row>
    <row r="17782" spans="1:10" x14ac:dyDescent="0.35">
      <c r="A17782" s="1" t="s">
        <v>65019</v>
      </c>
      <c r="B17782" s="1" t="s">
        <v>53796</v>
      </c>
      <c r="C17782" s="1" t="s">
        <v>140</v>
      </c>
      <c r="D17782" s="1" t="s">
        <v>4823</v>
      </c>
      <c r="E17782" s="1" t="s">
        <v>65122</v>
      </c>
      <c r="F17782" s="1" t="s">
        <v>65123</v>
      </c>
      <c r="G17782" s="1" t="s">
        <v>65023</v>
      </c>
      <c r="H17782" s="1" t="s">
        <v>65024</v>
      </c>
      <c r="I17782" s="1" t="s">
        <v>53800</v>
      </c>
      <c r="J17782" s="1" t="s">
        <v>65124</v>
      </c>
    </row>
    <row r="17783" spans="1:10" x14ac:dyDescent="0.35">
      <c r="A17783" s="1" t="s">
        <v>65019</v>
      </c>
      <c r="B17783" s="1" t="s">
        <v>53796</v>
      </c>
      <c r="C17783" s="1" t="s">
        <v>145</v>
      </c>
      <c r="D17783" s="1" t="s">
        <v>22460</v>
      </c>
      <c r="E17783" s="1" t="s">
        <v>65125</v>
      </c>
      <c r="F17783" s="1" t="s">
        <v>65126</v>
      </c>
      <c r="G17783" s="1" t="s">
        <v>65023</v>
      </c>
      <c r="H17783" s="1" t="s">
        <v>65024</v>
      </c>
      <c r="I17783" s="1" t="s">
        <v>53800</v>
      </c>
      <c r="J17783" s="1" t="s">
        <v>65127</v>
      </c>
    </row>
    <row r="17784" spans="1:10" x14ac:dyDescent="0.35">
      <c r="A17784" s="1" t="s">
        <v>65019</v>
      </c>
      <c r="B17784" s="1" t="s">
        <v>53796</v>
      </c>
      <c r="C17784" s="1" t="s">
        <v>150</v>
      </c>
      <c r="D17784" s="1" t="s">
        <v>65128</v>
      </c>
      <c r="E17784" s="1" t="s">
        <v>65129</v>
      </c>
      <c r="F17784" s="1" t="s">
        <v>65130</v>
      </c>
      <c r="G17784" s="1" t="s">
        <v>65023</v>
      </c>
      <c r="H17784" s="1" t="s">
        <v>65024</v>
      </c>
      <c r="I17784" s="1" t="s">
        <v>53800</v>
      </c>
      <c r="J17784" s="1" t="s">
        <v>65131</v>
      </c>
    </row>
    <row r="17785" spans="1:10" x14ac:dyDescent="0.35">
      <c r="A17785" s="1" t="s">
        <v>65019</v>
      </c>
      <c r="B17785" s="1" t="s">
        <v>53796</v>
      </c>
      <c r="C17785" s="1" t="s">
        <v>155</v>
      </c>
      <c r="D17785" s="1" t="s">
        <v>65132</v>
      </c>
      <c r="E17785" s="1" t="s">
        <v>65133</v>
      </c>
      <c r="F17785" s="1" t="s">
        <v>65134</v>
      </c>
      <c r="G17785" s="1" t="s">
        <v>65023</v>
      </c>
      <c r="H17785" s="1" t="s">
        <v>65024</v>
      </c>
      <c r="I17785" s="1" t="s">
        <v>53800</v>
      </c>
      <c r="J17785" s="1" t="s">
        <v>65135</v>
      </c>
    </row>
    <row r="17786" spans="1:10" x14ac:dyDescent="0.35">
      <c r="A17786" s="1" t="s">
        <v>65019</v>
      </c>
      <c r="B17786" s="1" t="s">
        <v>53796</v>
      </c>
      <c r="C17786" s="1" t="s">
        <v>160</v>
      </c>
      <c r="D17786" s="1" t="s">
        <v>61692</v>
      </c>
      <c r="E17786" s="1" t="s">
        <v>65136</v>
      </c>
      <c r="F17786" s="1" t="s">
        <v>65137</v>
      </c>
      <c r="G17786" s="1" t="s">
        <v>65023</v>
      </c>
      <c r="H17786" s="1" t="s">
        <v>65024</v>
      </c>
      <c r="I17786" s="1" t="s">
        <v>53800</v>
      </c>
      <c r="J17786" s="1" t="s">
        <v>65138</v>
      </c>
    </row>
    <row r="17787" spans="1:10" x14ac:dyDescent="0.35">
      <c r="A17787" s="1" t="s">
        <v>65019</v>
      </c>
      <c r="B17787" s="1" t="s">
        <v>53796</v>
      </c>
      <c r="C17787" s="1" t="s">
        <v>165</v>
      </c>
      <c r="D17787" s="1" t="s">
        <v>65139</v>
      </c>
      <c r="E17787" s="1" t="s">
        <v>65140</v>
      </c>
      <c r="F17787" s="1" t="s">
        <v>65141</v>
      </c>
      <c r="G17787" s="1" t="s">
        <v>65023</v>
      </c>
      <c r="H17787" s="1" t="s">
        <v>65024</v>
      </c>
      <c r="I17787" s="1" t="s">
        <v>53800</v>
      </c>
      <c r="J17787" s="1" t="s">
        <v>65142</v>
      </c>
    </row>
    <row r="17788" spans="1:10" x14ac:dyDescent="0.35">
      <c r="A17788" s="1" t="s">
        <v>65019</v>
      </c>
      <c r="B17788" s="1" t="s">
        <v>53796</v>
      </c>
      <c r="C17788" s="1" t="s">
        <v>170</v>
      </c>
      <c r="D17788" s="1" t="s">
        <v>65143</v>
      </c>
      <c r="E17788" s="1" t="s">
        <v>65144</v>
      </c>
      <c r="F17788" s="1" t="s">
        <v>65145</v>
      </c>
      <c r="G17788" s="1" t="s">
        <v>65023</v>
      </c>
      <c r="H17788" s="1" t="s">
        <v>65024</v>
      </c>
      <c r="I17788" s="1" t="s">
        <v>53800</v>
      </c>
      <c r="J17788" s="1" t="s">
        <v>65146</v>
      </c>
    </row>
    <row r="17789" spans="1:10" x14ac:dyDescent="0.35">
      <c r="A17789" s="1" t="s">
        <v>2218</v>
      </c>
      <c r="B17789" s="1" t="s">
        <v>53796</v>
      </c>
      <c r="C17789" s="1" t="s">
        <v>8</v>
      </c>
      <c r="D17789" s="1" t="s">
        <v>65147</v>
      </c>
      <c r="E17789" s="1" t="s">
        <v>32584</v>
      </c>
      <c r="F17789" s="1" t="s">
        <v>65148</v>
      </c>
      <c r="G17789" s="1" t="s">
        <v>65149</v>
      </c>
      <c r="H17789" s="1" t="s">
        <v>65150</v>
      </c>
      <c r="I17789" s="1" t="s">
        <v>53800</v>
      </c>
      <c r="J17789" s="1" t="s">
        <v>13</v>
      </c>
    </row>
    <row r="17790" spans="1:10" x14ac:dyDescent="0.35">
      <c r="A17790" s="1" t="s">
        <v>2218</v>
      </c>
      <c r="B17790" s="1" t="s">
        <v>53796</v>
      </c>
      <c r="C17790" s="1" t="s">
        <v>15</v>
      </c>
      <c r="D17790" s="1" t="s">
        <v>65151</v>
      </c>
      <c r="E17790" s="1" t="s">
        <v>54032</v>
      </c>
      <c r="F17790" s="1" t="s">
        <v>65152</v>
      </c>
      <c r="G17790" s="1" t="s">
        <v>65149</v>
      </c>
      <c r="H17790" s="1" t="s">
        <v>65150</v>
      </c>
      <c r="I17790" s="1" t="s">
        <v>53800</v>
      </c>
      <c r="J17790" s="1" t="s">
        <v>65153</v>
      </c>
    </row>
    <row r="17791" spans="1:10" x14ac:dyDescent="0.35">
      <c r="A17791" s="1" t="s">
        <v>2218</v>
      </c>
      <c r="B17791" s="1" t="s">
        <v>53796</v>
      </c>
      <c r="C17791" s="1" t="s">
        <v>20</v>
      </c>
      <c r="D17791" s="1" t="s">
        <v>65154</v>
      </c>
      <c r="E17791" s="1" t="s">
        <v>65155</v>
      </c>
      <c r="F17791" s="1" t="s">
        <v>27123</v>
      </c>
      <c r="G17791" s="1" t="s">
        <v>65149</v>
      </c>
      <c r="H17791" s="1" t="s">
        <v>65150</v>
      </c>
      <c r="I17791" s="1" t="s">
        <v>53800</v>
      </c>
      <c r="J17791" s="1" t="s">
        <v>65156</v>
      </c>
    </row>
    <row r="17792" spans="1:10" x14ac:dyDescent="0.35">
      <c r="A17792" s="1" t="s">
        <v>2218</v>
      </c>
      <c r="B17792" s="1" t="s">
        <v>53796</v>
      </c>
      <c r="C17792" s="1" t="s">
        <v>25</v>
      </c>
      <c r="D17792" s="1" t="s">
        <v>65157</v>
      </c>
      <c r="E17792" s="1" t="s">
        <v>65158</v>
      </c>
      <c r="F17792" s="1" t="s">
        <v>65159</v>
      </c>
      <c r="G17792" s="1" t="s">
        <v>65149</v>
      </c>
      <c r="H17792" s="1" t="s">
        <v>65150</v>
      </c>
      <c r="I17792" s="1" t="s">
        <v>53800</v>
      </c>
      <c r="J17792" s="1" t="s">
        <v>65160</v>
      </c>
    </row>
    <row r="17793" spans="1:10" x14ac:dyDescent="0.35">
      <c r="A17793" s="1" t="s">
        <v>2218</v>
      </c>
      <c r="B17793" s="1" t="s">
        <v>53796</v>
      </c>
      <c r="C17793" s="1" t="s">
        <v>30</v>
      </c>
      <c r="D17793" s="1" t="s">
        <v>65161</v>
      </c>
      <c r="E17793" s="1" t="s">
        <v>22274</v>
      </c>
      <c r="F17793" s="1" t="s">
        <v>65162</v>
      </c>
      <c r="G17793" s="1" t="s">
        <v>65149</v>
      </c>
      <c r="H17793" s="1" t="s">
        <v>65150</v>
      </c>
      <c r="I17793" s="1" t="s">
        <v>53800</v>
      </c>
      <c r="J17793" s="1" t="s">
        <v>65163</v>
      </c>
    </row>
    <row r="17794" spans="1:10" x14ac:dyDescent="0.35">
      <c r="A17794" s="1" t="s">
        <v>2218</v>
      </c>
      <c r="B17794" s="1" t="s">
        <v>53796</v>
      </c>
      <c r="C17794" s="1" t="s">
        <v>35</v>
      </c>
      <c r="D17794" s="1" t="s">
        <v>65164</v>
      </c>
      <c r="E17794" s="1" t="s">
        <v>56448</v>
      </c>
      <c r="F17794" s="1" t="s">
        <v>57983</v>
      </c>
      <c r="G17794" s="1" t="s">
        <v>65149</v>
      </c>
      <c r="H17794" s="1" t="s">
        <v>65150</v>
      </c>
      <c r="I17794" s="1" t="s">
        <v>53800</v>
      </c>
      <c r="J17794" s="1" t="s">
        <v>65165</v>
      </c>
    </row>
    <row r="17795" spans="1:10" x14ac:dyDescent="0.35">
      <c r="A17795" s="1" t="s">
        <v>2218</v>
      </c>
      <c r="B17795" s="1" t="s">
        <v>53796</v>
      </c>
      <c r="C17795" s="1" t="s">
        <v>40</v>
      </c>
      <c r="D17795" s="1" t="s">
        <v>65166</v>
      </c>
      <c r="E17795" s="1" t="s">
        <v>21174</v>
      </c>
      <c r="F17795" s="1" t="s">
        <v>65167</v>
      </c>
      <c r="G17795" s="1" t="s">
        <v>65149</v>
      </c>
      <c r="H17795" s="1" t="s">
        <v>65150</v>
      </c>
      <c r="I17795" s="1" t="s">
        <v>53800</v>
      </c>
      <c r="J17795" s="1" t="s">
        <v>65168</v>
      </c>
    </row>
    <row r="17796" spans="1:10" x14ac:dyDescent="0.35">
      <c r="A17796" s="1" t="s">
        <v>2218</v>
      </c>
      <c r="B17796" s="1" t="s">
        <v>53796</v>
      </c>
      <c r="C17796" s="1" t="s">
        <v>45</v>
      </c>
      <c r="D17796" s="1" t="s">
        <v>65169</v>
      </c>
      <c r="E17796" s="1" t="s">
        <v>23491</v>
      </c>
      <c r="F17796" s="1" t="s">
        <v>65170</v>
      </c>
      <c r="G17796" s="1" t="s">
        <v>65149</v>
      </c>
      <c r="H17796" s="1" t="s">
        <v>65150</v>
      </c>
      <c r="I17796" s="1" t="s">
        <v>53800</v>
      </c>
      <c r="J17796" s="1" t="s">
        <v>65171</v>
      </c>
    </row>
    <row r="17797" spans="1:10" x14ac:dyDescent="0.35">
      <c r="A17797" s="1" t="s">
        <v>2218</v>
      </c>
      <c r="B17797" s="1" t="s">
        <v>53796</v>
      </c>
      <c r="C17797" s="1" t="s">
        <v>50</v>
      </c>
      <c r="D17797" s="1" t="s">
        <v>65172</v>
      </c>
      <c r="E17797" s="1" t="s">
        <v>56721</v>
      </c>
      <c r="F17797" s="1" t="s">
        <v>65173</v>
      </c>
      <c r="G17797" s="1" t="s">
        <v>65149</v>
      </c>
      <c r="H17797" s="1" t="s">
        <v>65150</v>
      </c>
      <c r="I17797" s="1" t="s">
        <v>53800</v>
      </c>
      <c r="J17797" s="1" t="s">
        <v>65174</v>
      </c>
    </row>
    <row r="17798" spans="1:10" x14ac:dyDescent="0.35">
      <c r="A17798" s="1" t="s">
        <v>2218</v>
      </c>
      <c r="B17798" s="1" t="s">
        <v>53796</v>
      </c>
      <c r="C17798" s="1" t="s">
        <v>55</v>
      </c>
      <c r="D17798" s="1" t="s">
        <v>65175</v>
      </c>
      <c r="E17798" s="1" t="s">
        <v>31394</v>
      </c>
      <c r="F17798" s="1" t="s">
        <v>61400</v>
      </c>
      <c r="G17798" s="1" t="s">
        <v>65149</v>
      </c>
      <c r="H17798" s="1" t="s">
        <v>65150</v>
      </c>
      <c r="I17798" s="1" t="s">
        <v>53800</v>
      </c>
      <c r="J17798" s="1" t="s">
        <v>65176</v>
      </c>
    </row>
    <row r="17799" spans="1:10" x14ac:dyDescent="0.35">
      <c r="A17799" s="1" t="s">
        <v>2218</v>
      </c>
      <c r="B17799" s="1" t="s">
        <v>53796</v>
      </c>
      <c r="C17799" s="1" t="s">
        <v>60</v>
      </c>
      <c r="D17799" s="1" t="s">
        <v>65177</v>
      </c>
      <c r="E17799" s="1" t="s">
        <v>15235</v>
      </c>
      <c r="F17799" s="1" t="s">
        <v>65178</v>
      </c>
      <c r="G17799" s="1" t="s">
        <v>65149</v>
      </c>
      <c r="H17799" s="1" t="s">
        <v>65150</v>
      </c>
      <c r="I17799" s="1" t="s">
        <v>53800</v>
      </c>
      <c r="J17799" s="1" t="s">
        <v>65179</v>
      </c>
    </row>
    <row r="17800" spans="1:10" x14ac:dyDescent="0.35">
      <c r="A17800" s="1" t="s">
        <v>2218</v>
      </c>
      <c r="B17800" s="1" t="s">
        <v>53796</v>
      </c>
      <c r="C17800" s="1" t="s">
        <v>65</v>
      </c>
      <c r="D17800" s="1" t="s">
        <v>39560</v>
      </c>
      <c r="E17800" s="1" t="s">
        <v>12809</v>
      </c>
      <c r="F17800" s="1" t="s">
        <v>65180</v>
      </c>
      <c r="G17800" s="1" t="s">
        <v>65149</v>
      </c>
      <c r="H17800" s="1" t="s">
        <v>65150</v>
      </c>
      <c r="I17800" s="1" t="s">
        <v>53800</v>
      </c>
      <c r="J17800" s="1" t="s">
        <v>65181</v>
      </c>
    </row>
    <row r="17801" spans="1:10" x14ac:dyDescent="0.35">
      <c r="A17801" s="1" t="s">
        <v>2218</v>
      </c>
      <c r="B17801" s="1" t="s">
        <v>53796</v>
      </c>
      <c r="C17801" s="1" t="s">
        <v>70</v>
      </c>
      <c r="D17801" s="1" t="s">
        <v>65182</v>
      </c>
      <c r="E17801" s="1" t="s">
        <v>53886</v>
      </c>
      <c r="F17801" s="1" t="s">
        <v>65183</v>
      </c>
      <c r="G17801" s="1" t="s">
        <v>65149</v>
      </c>
      <c r="H17801" s="1" t="s">
        <v>65150</v>
      </c>
      <c r="I17801" s="1" t="s">
        <v>53800</v>
      </c>
      <c r="J17801" s="1" t="s">
        <v>65184</v>
      </c>
    </row>
    <row r="17802" spans="1:10" x14ac:dyDescent="0.35">
      <c r="A17802" s="1" t="s">
        <v>2218</v>
      </c>
      <c r="B17802" s="1" t="s">
        <v>53796</v>
      </c>
      <c r="C17802" s="1" t="s">
        <v>75</v>
      </c>
      <c r="D17802" s="1" t="s">
        <v>65185</v>
      </c>
      <c r="E17802" s="1" t="s">
        <v>15319</v>
      </c>
      <c r="F17802" s="1" t="s">
        <v>65186</v>
      </c>
      <c r="G17802" s="1" t="s">
        <v>65149</v>
      </c>
      <c r="H17802" s="1" t="s">
        <v>65150</v>
      </c>
      <c r="I17802" s="1" t="s">
        <v>53800</v>
      </c>
      <c r="J17802" s="1" t="s">
        <v>65187</v>
      </c>
    </row>
    <row r="17803" spans="1:10" x14ac:dyDescent="0.35">
      <c r="A17803" s="1" t="s">
        <v>2218</v>
      </c>
      <c r="B17803" s="1" t="s">
        <v>53796</v>
      </c>
      <c r="C17803" s="1" t="s">
        <v>80</v>
      </c>
      <c r="D17803" s="1" t="s">
        <v>65188</v>
      </c>
      <c r="E17803" s="1" t="s">
        <v>12864</v>
      </c>
      <c r="F17803" s="1" t="s">
        <v>65189</v>
      </c>
      <c r="G17803" s="1" t="s">
        <v>65149</v>
      </c>
      <c r="H17803" s="1" t="s">
        <v>65150</v>
      </c>
      <c r="I17803" s="1" t="s">
        <v>53800</v>
      </c>
      <c r="J17803" s="1" t="s">
        <v>65190</v>
      </c>
    </row>
    <row r="17804" spans="1:10" x14ac:dyDescent="0.35">
      <c r="A17804" s="1" t="s">
        <v>2218</v>
      </c>
      <c r="B17804" s="1" t="s">
        <v>53796</v>
      </c>
      <c r="C17804" s="1" t="s">
        <v>85</v>
      </c>
      <c r="D17804" s="1" t="s">
        <v>65191</v>
      </c>
      <c r="E17804" s="1" t="s">
        <v>60442</v>
      </c>
      <c r="F17804" s="1" t="s">
        <v>65192</v>
      </c>
      <c r="G17804" s="1" t="s">
        <v>65149</v>
      </c>
      <c r="H17804" s="1" t="s">
        <v>65150</v>
      </c>
      <c r="I17804" s="1" t="s">
        <v>53800</v>
      </c>
      <c r="J17804" s="1" t="s">
        <v>65193</v>
      </c>
    </row>
    <row r="17805" spans="1:10" x14ac:dyDescent="0.35">
      <c r="A17805" s="1" t="s">
        <v>2218</v>
      </c>
      <c r="B17805" s="1" t="s">
        <v>53796</v>
      </c>
      <c r="C17805" s="1" t="s">
        <v>90</v>
      </c>
      <c r="D17805" s="1" t="s">
        <v>65194</v>
      </c>
      <c r="E17805" s="1" t="s">
        <v>26288</v>
      </c>
      <c r="F17805" s="1" t="s">
        <v>65195</v>
      </c>
      <c r="G17805" s="1" t="s">
        <v>65149</v>
      </c>
      <c r="H17805" s="1" t="s">
        <v>65150</v>
      </c>
      <c r="I17805" s="1" t="s">
        <v>53800</v>
      </c>
      <c r="J17805" s="1" t="s">
        <v>65196</v>
      </c>
    </row>
    <row r="17806" spans="1:10" x14ac:dyDescent="0.35">
      <c r="A17806" s="1" t="s">
        <v>2218</v>
      </c>
      <c r="B17806" s="1" t="s">
        <v>53796</v>
      </c>
      <c r="C17806" s="1" t="s">
        <v>95</v>
      </c>
      <c r="D17806" s="1" t="s">
        <v>65197</v>
      </c>
      <c r="E17806" s="1" t="s">
        <v>15241</v>
      </c>
      <c r="F17806" s="1" t="s">
        <v>65198</v>
      </c>
      <c r="G17806" s="1" t="s">
        <v>65149</v>
      </c>
      <c r="H17806" s="1" t="s">
        <v>65150</v>
      </c>
      <c r="I17806" s="1" t="s">
        <v>53800</v>
      </c>
      <c r="J17806" s="1" t="s">
        <v>65199</v>
      </c>
    </row>
    <row r="17807" spans="1:10" x14ac:dyDescent="0.35">
      <c r="A17807" s="1" t="s">
        <v>2218</v>
      </c>
      <c r="B17807" s="1" t="s">
        <v>53796</v>
      </c>
      <c r="C17807" s="1" t="s">
        <v>100</v>
      </c>
      <c r="D17807" s="1" t="s">
        <v>65200</v>
      </c>
      <c r="E17807" s="1" t="s">
        <v>54013</v>
      </c>
      <c r="F17807" s="1" t="s">
        <v>65201</v>
      </c>
      <c r="G17807" s="1" t="s">
        <v>65149</v>
      </c>
      <c r="H17807" s="1" t="s">
        <v>65150</v>
      </c>
      <c r="I17807" s="1" t="s">
        <v>53800</v>
      </c>
      <c r="J17807" s="1" t="s">
        <v>65202</v>
      </c>
    </row>
    <row r="17808" spans="1:10" x14ac:dyDescent="0.35">
      <c r="A17808" s="1" t="s">
        <v>2218</v>
      </c>
      <c r="B17808" s="1" t="s">
        <v>53796</v>
      </c>
      <c r="C17808" s="1" t="s">
        <v>105</v>
      </c>
      <c r="D17808" s="1" t="s">
        <v>39912</v>
      </c>
      <c r="E17808" s="1" t="s">
        <v>64929</v>
      </c>
      <c r="F17808" s="1" t="s">
        <v>65203</v>
      </c>
      <c r="G17808" s="1" t="s">
        <v>65149</v>
      </c>
      <c r="H17808" s="1" t="s">
        <v>65150</v>
      </c>
      <c r="I17808" s="1" t="s">
        <v>53800</v>
      </c>
      <c r="J17808" s="1" t="s">
        <v>65204</v>
      </c>
    </row>
    <row r="17809" spans="1:10" x14ac:dyDescent="0.35">
      <c r="A17809" s="1" t="s">
        <v>2218</v>
      </c>
      <c r="B17809" s="1" t="s">
        <v>53796</v>
      </c>
      <c r="C17809" s="1" t="s">
        <v>110</v>
      </c>
      <c r="D17809" s="1" t="s">
        <v>65205</v>
      </c>
      <c r="E17809" s="1" t="s">
        <v>54796</v>
      </c>
      <c r="F17809" s="1" t="s">
        <v>65206</v>
      </c>
      <c r="G17809" s="1" t="s">
        <v>65149</v>
      </c>
      <c r="H17809" s="1" t="s">
        <v>65150</v>
      </c>
      <c r="I17809" s="1" t="s">
        <v>53800</v>
      </c>
      <c r="J17809" s="1" t="s">
        <v>65207</v>
      </c>
    </row>
    <row r="17810" spans="1:10" x14ac:dyDescent="0.35">
      <c r="A17810" s="1" t="s">
        <v>2218</v>
      </c>
      <c r="B17810" s="1" t="s">
        <v>53796</v>
      </c>
      <c r="C17810" s="1" t="s">
        <v>115</v>
      </c>
      <c r="D17810" s="1" t="s">
        <v>65208</v>
      </c>
      <c r="E17810" s="1" t="s">
        <v>31869</v>
      </c>
      <c r="F17810" s="1" t="s">
        <v>23253</v>
      </c>
      <c r="G17810" s="1" t="s">
        <v>65149</v>
      </c>
      <c r="H17810" s="1" t="s">
        <v>65150</v>
      </c>
      <c r="I17810" s="1" t="s">
        <v>53800</v>
      </c>
      <c r="J17810" s="1" t="s">
        <v>65209</v>
      </c>
    </row>
    <row r="17811" spans="1:10" x14ac:dyDescent="0.35">
      <c r="A17811" s="1" t="s">
        <v>2218</v>
      </c>
      <c r="B17811" s="1" t="s">
        <v>53796</v>
      </c>
      <c r="C17811" s="1" t="s">
        <v>120</v>
      </c>
      <c r="D17811" s="1" t="s">
        <v>65210</v>
      </c>
      <c r="E17811" s="1" t="s">
        <v>57388</v>
      </c>
      <c r="F17811" s="1" t="s">
        <v>65211</v>
      </c>
      <c r="G17811" s="1" t="s">
        <v>65149</v>
      </c>
      <c r="H17811" s="1" t="s">
        <v>65150</v>
      </c>
      <c r="I17811" s="1" t="s">
        <v>53800</v>
      </c>
      <c r="J17811" s="1" t="s">
        <v>65212</v>
      </c>
    </row>
    <row r="17812" spans="1:10" x14ac:dyDescent="0.35">
      <c r="A17812" s="1" t="s">
        <v>2218</v>
      </c>
      <c r="B17812" s="1" t="s">
        <v>53796</v>
      </c>
      <c r="C17812" s="1" t="s">
        <v>125</v>
      </c>
      <c r="D17812" s="1" t="s">
        <v>65213</v>
      </c>
      <c r="E17812" s="1" t="s">
        <v>65214</v>
      </c>
      <c r="F17812" s="1" t="s">
        <v>65215</v>
      </c>
      <c r="G17812" s="1" t="s">
        <v>65149</v>
      </c>
      <c r="H17812" s="1" t="s">
        <v>65150</v>
      </c>
      <c r="I17812" s="1" t="s">
        <v>53800</v>
      </c>
      <c r="J17812" s="1" t="s">
        <v>65216</v>
      </c>
    </row>
    <row r="17813" spans="1:10" x14ac:dyDescent="0.35">
      <c r="A17813" s="1" t="s">
        <v>2218</v>
      </c>
      <c r="B17813" s="1" t="s">
        <v>53796</v>
      </c>
      <c r="C17813" s="1" t="s">
        <v>130</v>
      </c>
      <c r="D17813" s="1" t="s">
        <v>65217</v>
      </c>
      <c r="E17813" s="1" t="s">
        <v>15595</v>
      </c>
      <c r="F17813" s="1" t="s">
        <v>65218</v>
      </c>
      <c r="G17813" s="1" t="s">
        <v>65149</v>
      </c>
      <c r="H17813" s="1" t="s">
        <v>65150</v>
      </c>
      <c r="I17813" s="1" t="s">
        <v>53800</v>
      </c>
      <c r="J17813" s="1" t="s">
        <v>65219</v>
      </c>
    </row>
    <row r="17814" spans="1:10" x14ac:dyDescent="0.35">
      <c r="A17814" s="1" t="s">
        <v>2218</v>
      </c>
      <c r="B17814" s="1" t="s">
        <v>53796</v>
      </c>
      <c r="C17814" s="1" t="s">
        <v>135</v>
      </c>
      <c r="D17814" s="1" t="s">
        <v>65220</v>
      </c>
      <c r="E17814" s="1" t="s">
        <v>59636</v>
      </c>
      <c r="F17814" s="1" t="s">
        <v>65221</v>
      </c>
      <c r="G17814" s="1" t="s">
        <v>65149</v>
      </c>
      <c r="H17814" s="1" t="s">
        <v>65150</v>
      </c>
      <c r="I17814" s="1" t="s">
        <v>53800</v>
      </c>
      <c r="J17814" s="1" t="s">
        <v>65222</v>
      </c>
    </row>
    <row r="17815" spans="1:10" x14ac:dyDescent="0.35">
      <c r="A17815" s="1" t="s">
        <v>2218</v>
      </c>
      <c r="B17815" s="1" t="s">
        <v>53796</v>
      </c>
      <c r="C17815" s="1" t="s">
        <v>140</v>
      </c>
      <c r="D17815" s="1" t="s">
        <v>65223</v>
      </c>
      <c r="E17815" s="1" t="s">
        <v>53965</v>
      </c>
      <c r="F17815" s="1" t="s">
        <v>65224</v>
      </c>
      <c r="G17815" s="1" t="s">
        <v>65149</v>
      </c>
      <c r="H17815" s="1" t="s">
        <v>65150</v>
      </c>
      <c r="I17815" s="1" t="s">
        <v>53800</v>
      </c>
      <c r="J17815" s="1" t="s">
        <v>65225</v>
      </c>
    </row>
    <row r="17816" spans="1:10" x14ac:dyDescent="0.35">
      <c r="A17816" s="1" t="s">
        <v>2218</v>
      </c>
      <c r="B17816" s="1" t="s">
        <v>53796</v>
      </c>
      <c r="C17816" s="1" t="s">
        <v>145</v>
      </c>
      <c r="D17816" s="1" t="s">
        <v>65226</v>
      </c>
      <c r="E17816" s="1" t="s">
        <v>22247</v>
      </c>
      <c r="F17816" s="1" t="s">
        <v>65227</v>
      </c>
      <c r="G17816" s="1" t="s">
        <v>65149</v>
      </c>
      <c r="H17816" s="1" t="s">
        <v>65150</v>
      </c>
      <c r="I17816" s="1" t="s">
        <v>53800</v>
      </c>
      <c r="J17816" s="1" t="s">
        <v>65228</v>
      </c>
    </row>
    <row r="17817" spans="1:10" x14ac:dyDescent="0.35">
      <c r="A17817" s="1" t="s">
        <v>2218</v>
      </c>
      <c r="B17817" s="1" t="s">
        <v>53796</v>
      </c>
      <c r="C17817" s="1" t="s">
        <v>150</v>
      </c>
      <c r="D17817" s="1" t="s">
        <v>65229</v>
      </c>
      <c r="E17817" s="1" t="s">
        <v>56250</v>
      </c>
      <c r="F17817" s="1" t="s">
        <v>65230</v>
      </c>
      <c r="G17817" s="1" t="s">
        <v>65149</v>
      </c>
      <c r="H17817" s="1" t="s">
        <v>65150</v>
      </c>
      <c r="I17817" s="1" t="s">
        <v>53800</v>
      </c>
      <c r="J17817" s="1" t="s">
        <v>65231</v>
      </c>
    </row>
    <row r="17818" spans="1:10" x14ac:dyDescent="0.35">
      <c r="A17818" s="1" t="s">
        <v>2218</v>
      </c>
      <c r="B17818" s="1" t="s">
        <v>53796</v>
      </c>
      <c r="C17818" s="1" t="s">
        <v>155</v>
      </c>
      <c r="D17818" s="1" t="s">
        <v>65232</v>
      </c>
      <c r="E17818" s="1" t="s">
        <v>31972</v>
      </c>
      <c r="F17818" s="1" t="s">
        <v>65233</v>
      </c>
      <c r="G17818" s="1" t="s">
        <v>65149</v>
      </c>
      <c r="H17818" s="1" t="s">
        <v>65150</v>
      </c>
      <c r="I17818" s="1" t="s">
        <v>53800</v>
      </c>
      <c r="J17818" s="1" t="s">
        <v>65234</v>
      </c>
    </row>
    <row r="17819" spans="1:10" x14ac:dyDescent="0.35">
      <c r="A17819" s="1" t="s">
        <v>2218</v>
      </c>
      <c r="B17819" s="1" t="s">
        <v>53796</v>
      </c>
      <c r="C17819" s="1" t="s">
        <v>160</v>
      </c>
      <c r="D17819" s="1" t="s">
        <v>65235</v>
      </c>
      <c r="E17819" s="1" t="s">
        <v>56758</v>
      </c>
      <c r="F17819" s="1" t="s">
        <v>56098</v>
      </c>
      <c r="G17819" s="1" t="s">
        <v>65149</v>
      </c>
      <c r="H17819" s="1" t="s">
        <v>65150</v>
      </c>
      <c r="I17819" s="1" t="s">
        <v>53800</v>
      </c>
      <c r="J17819" s="1" t="s">
        <v>65236</v>
      </c>
    </row>
    <row r="17820" spans="1:10" x14ac:dyDescent="0.35">
      <c r="A17820" s="1" t="s">
        <v>2218</v>
      </c>
      <c r="B17820" s="1" t="s">
        <v>53796</v>
      </c>
      <c r="C17820" s="1" t="s">
        <v>165</v>
      </c>
      <c r="D17820" s="1" t="s">
        <v>65237</v>
      </c>
      <c r="E17820" s="1" t="s">
        <v>65238</v>
      </c>
      <c r="F17820" s="1" t="s">
        <v>65239</v>
      </c>
      <c r="G17820" s="1" t="s">
        <v>65149</v>
      </c>
      <c r="H17820" s="1" t="s">
        <v>65150</v>
      </c>
      <c r="I17820" s="1" t="s">
        <v>53800</v>
      </c>
      <c r="J17820" s="1" t="s">
        <v>65240</v>
      </c>
    </row>
    <row r="17821" spans="1:10" x14ac:dyDescent="0.35">
      <c r="A17821" s="1" t="s">
        <v>2218</v>
      </c>
      <c r="B17821" s="1" t="s">
        <v>53796</v>
      </c>
      <c r="C17821" s="1" t="s">
        <v>170</v>
      </c>
      <c r="D17821" s="1" t="s">
        <v>65241</v>
      </c>
      <c r="E17821" s="1" t="s">
        <v>60856</v>
      </c>
      <c r="F17821" s="1" t="s">
        <v>65242</v>
      </c>
      <c r="G17821" s="1" t="s">
        <v>65149</v>
      </c>
      <c r="H17821" s="1" t="s">
        <v>65150</v>
      </c>
      <c r="I17821" s="1" t="s">
        <v>53800</v>
      </c>
      <c r="J17821" s="1" t="s">
        <v>65243</v>
      </c>
    </row>
    <row r="17822" spans="1:10" x14ac:dyDescent="0.35">
      <c r="A17822" s="1" t="s">
        <v>65244</v>
      </c>
      <c r="B17822" s="1" t="s">
        <v>53796</v>
      </c>
      <c r="C17822" s="1" t="s">
        <v>8</v>
      </c>
      <c r="D17822" s="1" t="s">
        <v>65245</v>
      </c>
      <c r="E17822" s="1" t="s">
        <v>54095</v>
      </c>
      <c r="F17822" s="1" t="s">
        <v>65246</v>
      </c>
      <c r="G17822" s="1" t="s">
        <v>65247</v>
      </c>
      <c r="H17822" s="1" t="s">
        <v>65248</v>
      </c>
      <c r="I17822" s="1" t="s">
        <v>53800</v>
      </c>
      <c r="J17822" s="1" t="s">
        <v>13</v>
      </c>
    </row>
    <row r="17823" spans="1:10" x14ac:dyDescent="0.35">
      <c r="A17823" s="1" t="s">
        <v>65244</v>
      </c>
      <c r="B17823" s="1" t="s">
        <v>53796</v>
      </c>
      <c r="C17823" s="1" t="s">
        <v>15</v>
      </c>
      <c r="D17823" s="1" t="s">
        <v>65249</v>
      </c>
      <c r="E17823" s="1" t="s">
        <v>60967</v>
      </c>
      <c r="F17823" s="1" t="s">
        <v>65250</v>
      </c>
      <c r="G17823" s="1" t="s">
        <v>65247</v>
      </c>
      <c r="H17823" s="1" t="s">
        <v>65248</v>
      </c>
      <c r="I17823" s="1" t="s">
        <v>53800</v>
      </c>
      <c r="J17823" s="1" t="s">
        <v>65251</v>
      </c>
    </row>
    <row r="17824" spans="1:10" x14ac:dyDescent="0.35">
      <c r="A17824" s="1" t="s">
        <v>65244</v>
      </c>
      <c r="B17824" s="1" t="s">
        <v>53796</v>
      </c>
      <c r="C17824" s="1" t="s">
        <v>20</v>
      </c>
      <c r="D17824" s="1" t="s">
        <v>14709</v>
      </c>
      <c r="E17824" s="1" t="s">
        <v>12805</v>
      </c>
      <c r="F17824" s="1" t="s">
        <v>65252</v>
      </c>
      <c r="G17824" s="1" t="s">
        <v>65247</v>
      </c>
      <c r="H17824" s="1" t="s">
        <v>65248</v>
      </c>
      <c r="I17824" s="1" t="s">
        <v>53800</v>
      </c>
      <c r="J17824" s="1" t="s">
        <v>65253</v>
      </c>
    </row>
    <row r="17825" spans="1:10" x14ac:dyDescent="0.35">
      <c r="A17825" s="1" t="s">
        <v>65244</v>
      </c>
      <c r="B17825" s="1" t="s">
        <v>53796</v>
      </c>
      <c r="C17825" s="1" t="s">
        <v>25</v>
      </c>
      <c r="D17825" s="1" t="s">
        <v>40332</v>
      </c>
      <c r="E17825" s="1" t="s">
        <v>41294</v>
      </c>
      <c r="F17825" s="1" t="s">
        <v>65254</v>
      </c>
      <c r="G17825" s="1" t="s">
        <v>65247</v>
      </c>
      <c r="H17825" s="1" t="s">
        <v>65248</v>
      </c>
      <c r="I17825" s="1" t="s">
        <v>53800</v>
      </c>
      <c r="J17825" s="1" t="s">
        <v>65255</v>
      </c>
    </row>
    <row r="17826" spans="1:10" x14ac:dyDescent="0.35">
      <c r="A17826" s="1" t="s">
        <v>65244</v>
      </c>
      <c r="B17826" s="1" t="s">
        <v>53796</v>
      </c>
      <c r="C17826" s="1" t="s">
        <v>30</v>
      </c>
      <c r="D17826" s="1" t="s">
        <v>65256</v>
      </c>
      <c r="E17826" s="1" t="s">
        <v>12790</v>
      </c>
      <c r="F17826" s="1" t="s">
        <v>65257</v>
      </c>
      <c r="G17826" s="1" t="s">
        <v>65247</v>
      </c>
      <c r="H17826" s="1" t="s">
        <v>65248</v>
      </c>
      <c r="I17826" s="1" t="s">
        <v>53800</v>
      </c>
      <c r="J17826" s="1" t="s">
        <v>65258</v>
      </c>
    </row>
    <row r="17827" spans="1:10" x14ac:dyDescent="0.35">
      <c r="A17827" s="1" t="s">
        <v>65244</v>
      </c>
      <c r="B17827" s="1" t="s">
        <v>53796</v>
      </c>
      <c r="C17827" s="1" t="s">
        <v>35</v>
      </c>
      <c r="D17827" s="1" t="s">
        <v>65259</v>
      </c>
      <c r="E17827" s="1" t="s">
        <v>41305</v>
      </c>
      <c r="F17827" s="1" t="s">
        <v>65260</v>
      </c>
      <c r="G17827" s="1" t="s">
        <v>65247</v>
      </c>
      <c r="H17827" s="1" t="s">
        <v>65248</v>
      </c>
      <c r="I17827" s="1" t="s">
        <v>53800</v>
      </c>
      <c r="J17827" s="1" t="s">
        <v>65261</v>
      </c>
    </row>
    <row r="17828" spans="1:10" x14ac:dyDescent="0.35">
      <c r="A17828" s="1" t="s">
        <v>65244</v>
      </c>
      <c r="B17828" s="1" t="s">
        <v>53796</v>
      </c>
      <c r="C17828" s="1" t="s">
        <v>40</v>
      </c>
      <c r="D17828" s="1" t="s">
        <v>65169</v>
      </c>
      <c r="E17828" s="1" t="s">
        <v>56644</v>
      </c>
      <c r="F17828" s="1" t="s">
        <v>65262</v>
      </c>
      <c r="G17828" s="1" t="s">
        <v>65247</v>
      </c>
      <c r="H17828" s="1" t="s">
        <v>65248</v>
      </c>
      <c r="I17828" s="1" t="s">
        <v>53800</v>
      </c>
      <c r="J17828" s="1" t="s">
        <v>65263</v>
      </c>
    </row>
    <row r="17829" spans="1:10" x14ac:dyDescent="0.35">
      <c r="A17829" s="1" t="s">
        <v>65244</v>
      </c>
      <c r="B17829" s="1" t="s">
        <v>53796</v>
      </c>
      <c r="C17829" s="1" t="s">
        <v>45</v>
      </c>
      <c r="D17829" s="1" t="s">
        <v>65264</v>
      </c>
      <c r="E17829" s="1" t="s">
        <v>12829</v>
      </c>
      <c r="F17829" s="1" t="s">
        <v>65265</v>
      </c>
      <c r="G17829" s="1" t="s">
        <v>65247</v>
      </c>
      <c r="H17829" s="1" t="s">
        <v>65248</v>
      </c>
      <c r="I17829" s="1" t="s">
        <v>53800</v>
      </c>
      <c r="J17829" s="1" t="s">
        <v>65266</v>
      </c>
    </row>
    <row r="17830" spans="1:10" x14ac:dyDescent="0.35">
      <c r="A17830" s="1" t="s">
        <v>65244</v>
      </c>
      <c r="B17830" s="1" t="s">
        <v>53796</v>
      </c>
      <c r="C17830" s="1" t="s">
        <v>50</v>
      </c>
      <c r="D17830" s="1" t="s">
        <v>65267</v>
      </c>
      <c r="E17830" s="1" t="s">
        <v>15225</v>
      </c>
      <c r="F17830" s="1" t="s">
        <v>65268</v>
      </c>
      <c r="G17830" s="1" t="s">
        <v>65247</v>
      </c>
      <c r="H17830" s="1" t="s">
        <v>65248</v>
      </c>
      <c r="I17830" s="1" t="s">
        <v>53800</v>
      </c>
      <c r="J17830" s="1" t="s">
        <v>65269</v>
      </c>
    </row>
    <row r="17831" spans="1:10" x14ac:dyDescent="0.35">
      <c r="A17831" s="1" t="s">
        <v>65244</v>
      </c>
      <c r="B17831" s="1" t="s">
        <v>53796</v>
      </c>
      <c r="C17831" s="1" t="s">
        <v>55</v>
      </c>
      <c r="D17831" s="1" t="s">
        <v>20351</v>
      </c>
      <c r="E17831" s="1" t="s">
        <v>41283</v>
      </c>
      <c r="F17831" s="1" t="s">
        <v>65270</v>
      </c>
      <c r="G17831" s="1" t="s">
        <v>65247</v>
      </c>
      <c r="H17831" s="1" t="s">
        <v>65248</v>
      </c>
      <c r="I17831" s="1" t="s">
        <v>53800</v>
      </c>
      <c r="J17831" s="1" t="s">
        <v>65271</v>
      </c>
    </row>
    <row r="17832" spans="1:10" x14ac:dyDescent="0.35">
      <c r="A17832" s="1" t="s">
        <v>65244</v>
      </c>
      <c r="B17832" s="1" t="s">
        <v>53796</v>
      </c>
      <c r="C17832" s="1" t="s">
        <v>60</v>
      </c>
      <c r="D17832" s="1" t="s">
        <v>65272</v>
      </c>
      <c r="E17832" s="1" t="s">
        <v>23236</v>
      </c>
      <c r="F17832" s="1" t="s">
        <v>58296</v>
      </c>
      <c r="G17832" s="1" t="s">
        <v>65247</v>
      </c>
      <c r="H17832" s="1" t="s">
        <v>65248</v>
      </c>
      <c r="I17832" s="1" t="s">
        <v>53800</v>
      </c>
      <c r="J17832" s="1" t="s">
        <v>65273</v>
      </c>
    </row>
    <row r="17833" spans="1:10" x14ac:dyDescent="0.35">
      <c r="A17833" s="1" t="s">
        <v>65244</v>
      </c>
      <c r="B17833" s="1" t="s">
        <v>53796</v>
      </c>
      <c r="C17833" s="1" t="s">
        <v>65</v>
      </c>
      <c r="D17833" s="1" t="s">
        <v>65274</v>
      </c>
      <c r="E17833" s="1" t="s">
        <v>54624</v>
      </c>
      <c r="F17833" s="1" t="s">
        <v>63101</v>
      </c>
      <c r="G17833" s="1" t="s">
        <v>65247</v>
      </c>
      <c r="H17833" s="1" t="s">
        <v>65248</v>
      </c>
      <c r="I17833" s="1" t="s">
        <v>53800</v>
      </c>
      <c r="J17833" s="1" t="s">
        <v>65275</v>
      </c>
    </row>
    <row r="17834" spans="1:10" x14ac:dyDescent="0.35">
      <c r="A17834" s="1" t="s">
        <v>65244</v>
      </c>
      <c r="B17834" s="1" t="s">
        <v>53796</v>
      </c>
      <c r="C17834" s="1" t="s">
        <v>70</v>
      </c>
      <c r="D17834" s="1" t="s">
        <v>65276</v>
      </c>
      <c r="E17834" s="1" t="s">
        <v>21960</v>
      </c>
      <c r="F17834" s="1" t="s">
        <v>65277</v>
      </c>
      <c r="G17834" s="1" t="s">
        <v>65247</v>
      </c>
      <c r="H17834" s="1" t="s">
        <v>65248</v>
      </c>
      <c r="I17834" s="1" t="s">
        <v>53800</v>
      </c>
      <c r="J17834" s="1" t="s">
        <v>65278</v>
      </c>
    </row>
    <row r="17835" spans="1:10" x14ac:dyDescent="0.35">
      <c r="A17835" s="1" t="s">
        <v>65244</v>
      </c>
      <c r="B17835" s="1" t="s">
        <v>53796</v>
      </c>
      <c r="C17835" s="1" t="s">
        <v>75</v>
      </c>
      <c r="D17835" s="1" t="s">
        <v>65279</v>
      </c>
      <c r="E17835" s="1" t="s">
        <v>54038</v>
      </c>
      <c r="F17835" s="1" t="s">
        <v>65280</v>
      </c>
      <c r="G17835" s="1" t="s">
        <v>65247</v>
      </c>
      <c r="H17835" s="1" t="s">
        <v>65248</v>
      </c>
      <c r="I17835" s="1" t="s">
        <v>53800</v>
      </c>
      <c r="J17835" s="1" t="s">
        <v>65281</v>
      </c>
    </row>
    <row r="17836" spans="1:10" x14ac:dyDescent="0.35">
      <c r="A17836" s="1" t="s">
        <v>65244</v>
      </c>
      <c r="B17836" s="1" t="s">
        <v>53796</v>
      </c>
      <c r="C17836" s="1" t="s">
        <v>80</v>
      </c>
      <c r="D17836" s="1" t="s">
        <v>65282</v>
      </c>
      <c r="E17836" s="1" t="s">
        <v>63089</v>
      </c>
      <c r="F17836" s="1" t="s">
        <v>65283</v>
      </c>
      <c r="G17836" s="1" t="s">
        <v>65247</v>
      </c>
      <c r="H17836" s="1" t="s">
        <v>65248</v>
      </c>
      <c r="I17836" s="1" t="s">
        <v>53800</v>
      </c>
      <c r="J17836" s="1" t="s">
        <v>65284</v>
      </c>
    </row>
    <row r="17837" spans="1:10" x14ac:dyDescent="0.35">
      <c r="A17837" s="1" t="s">
        <v>65244</v>
      </c>
      <c r="B17837" s="1" t="s">
        <v>53796</v>
      </c>
      <c r="C17837" s="1" t="s">
        <v>85</v>
      </c>
      <c r="D17837" s="1" t="s">
        <v>65285</v>
      </c>
      <c r="E17837" s="1" t="s">
        <v>23006</v>
      </c>
      <c r="F17837" s="1" t="s">
        <v>59216</v>
      </c>
      <c r="G17837" s="1" t="s">
        <v>65247</v>
      </c>
      <c r="H17837" s="1" t="s">
        <v>65248</v>
      </c>
      <c r="I17837" s="1" t="s">
        <v>53800</v>
      </c>
      <c r="J17837" s="1" t="s">
        <v>65286</v>
      </c>
    </row>
    <row r="17838" spans="1:10" x14ac:dyDescent="0.35">
      <c r="A17838" s="1" t="s">
        <v>65244</v>
      </c>
      <c r="B17838" s="1" t="s">
        <v>53796</v>
      </c>
      <c r="C17838" s="1" t="s">
        <v>90</v>
      </c>
      <c r="D17838" s="1" t="s">
        <v>65287</v>
      </c>
      <c r="E17838" s="1" t="s">
        <v>58783</v>
      </c>
      <c r="F17838" s="1" t="s">
        <v>65288</v>
      </c>
      <c r="G17838" s="1" t="s">
        <v>65247</v>
      </c>
      <c r="H17838" s="1" t="s">
        <v>65248</v>
      </c>
      <c r="I17838" s="1" t="s">
        <v>53800</v>
      </c>
      <c r="J17838" s="1" t="s">
        <v>65289</v>
      </c>
    </row>
    <row r="17839" spans="1:10" x14ac:dyDescent="0.35">
      <c r="A17839" s="1" t="s">
        <v>65244</v>
      </c>
      <c r="B17839" s="1" t="s">
        <v>53796</v>
      </c>
      <c r="C17839" s="1" t="s">
        <v>95</v>
      </c>
      <c r="D17839" s="1" t="s">
        <v>65290</v>
      </c>
      <c r="E17839" s="1" t="s">
        <v>55325</v>
      </c>
      <c r="F17839" s="1" t="s">
        <v>65291</v>
      </c>
      <c r="G17839" s="1" t="s">
        <v>65247</v>
      </c>
      <c r="H17839" s="1" t="s">
        <v>65248</v>
      </c>
      <c r="I17839" s="1" t="s">
        <v>53800</v>
      </c>
      <c r="J17839" s="1" t="s">
        <v>65292</v>
      </c>
    </row>
    <row r="17840" spans="1:10" x14ac:dyDescent="0.35">
      <c r="A17840" s="1" t="s">
        <v>65244</v>
      </c>
      <c r="B17840" s="1" t="s">
        <v>53796</v>
      </c>
      <c r="C17840" s="1" t="s">
        <v>100</v>
      </c>
      <c r="D17840" s="1" t="s">
        <v>65293</v>
      </c>
      <c r="E17840" s="1" t="s">
        <v>24363</v>
      </c>
      <c r="F17840" s="1" t="s">
        <v>65294</v>
      </c>
      <c r="G17840" s="1" t="s">
        <v>65247</v>
      </c>
      <c r="H17840" s="1" t="s">
        <v>65248</v>
      </c>
      <c r="I17840" s="1" t="s">
        <v>53800</v>
      </c>
      <c r="J17840" s="1" t="s">
        <v>65295</v>
      </c>
    </row>
    <row r="17841" spans="1:10" x14ac:dyDescent="0.35">
      <c r="A17841" s="1" t="s">
        <v>65244</v>
      </c>
      <c r="B17841" s="1" t="s">
        <v>53796</v>
      </c>
      <c r="C17841" s="1" t="s">
        <v>105</v>
      </c>
      <c r="D17841" s="1" t="s">
        <v>65296</v>
      </c>
      <c r="E17841" s="1" t="s">
        <v>41598</v>
      </c>
      <c r="F17841" s="1" t="s">
        <v>65297</v>
      </c>
      <c r="G17841" s="1" t="s">
        <v>65247</v>
      </c>
      <c r="H17841" s="1" t="s">
        <v>65248</v>
      </c>
      <c r="I17841" s="1" t="s">
        <v>53800</v>
      </c>
      <c r="J17841" s="1" t="s">
        <v>65298</v>
      </c>
    </row>
    <row r="17842" spans="1:10" x14ac:dyDescent="0.35">
      <c r="A17842" s="1" t="s">
        <v>65244</v>
      </c>
      <c r="B17842" s="1" t="s">
        <v>53796</v>
      </c>
      <c r="C17842" s="1" t="s">
        <v>110</v>
      </c>
      <c r="D17842" s="1" t="s">
        <v>65299</v>
      </c>
      <c r="E17842" s="1" t="s">
        <v>41385</v>
      </c>
      <c r="F17842" s="1" t="s">
        <v>65300</v>
      </c>
      <c r="G17842" s="1" t="s">
        <v>65247</v>
      </c>
      <c r="H17842" s="1" t="s">
        <v>65248</v>
      </c>
      <c r="I17842" s="1" t="s">
        <v>53800</v>
      </c>
      <c r="J17842" s="1" t="s">
        <v>65301</v>
      </c>
    </row>
    <row r="17843" spans="1:10" x14ac:dyDescent="0.35">
      <c r="A17843" s="1" t="s">
        <v>65244</v>
      </c>
      <c r="B17843" s="1" t="s">
        <v>53796</v>
      </c>
      <c r="C17843" s="1" t="s">
        <v>115</v>
      </c>
      <c r="D17843" s="1" t="s">
        <v>65302</v>
      </c>
      <c r="E17843" s="1" t="s">
        <v>65303</v>
      </c>
      <c r="F17843" s="1" t="s">
        <v>65304</v>
      </c>
      <c r="G17843" s="1" t="s">
        <v>65247</v>
      </c>
      <c r="H17843" s="1" t="s">
        <v>65248</v>
      </c>
      <c r="I17843" s="1" t="s">
        <v>53800</v>
      </c>
      <c r="J17843" s="1" t="s">
        <v>65305</v>
      </c>
    </row>
    <row r="17844" spans="1:10" x14ac:dyDescent="0.35">
      <c r="A17844" s="1" t="s">
        <v>65244</v>
      </c>
      <c r="B17844" s="1" t="s">
        <v>53796</v>
      </c>
      <c r="C17844" s="1" t="s">
        <v>120</v>
      </c>
      <c r="D17844" s="1" t="s">
        <v>65306</v>
      </c>
      <c r="E17844" s="1" t="s">
        <v>41202</v>
      </c>
      <c r="F17844" s="1" t="s">
        <v>65307</v>
      </c>
      <c r="G17844" s="1" t="s">
        <v>65247</v>
      </c>
      <c r="H17844" s="1" t="s">
        <v>65248</v>
      </c>
      <c r="I17844" s="1" t="s">
        <v>53800</v>
      </c>
      <c r="J17844" s="1" t="s">
        <v>65308</v>
      </c>
    </row>
    <row r="17845" spans="1:10" x14ac:dyDescent="0.35">
      <c r="A17845" s="1" t="s">
        <v>65244</v>
      </c>
      <c r="B17845" s="1" t="s">
        <v>53796</v>
      </c>
      <c r="C17845" s="1" t="s">
        <v>125</v>
      </c>
      <c r="D17845" s="1" t="s">
        <v>26257</v>
      </c>
      <c r="E17845" s="1" t="s">
        <v>41442</v>
      </c>
      <c r="F17845" s="1" t="s">
        <v>62647</v>
      </c>
      <c r="G17845" s="1" t="s">
        <v>65247</v>
      </c>
      <c r="H17845" s="1" t="s">
        <v>65248</v>
      </c>
      <c r="I17845" s="1" t="s">
        <v>53800</v>
      </c>
      <c r="J17845" s="1" t="s">
        <v>65309</v>
      </c>
    </row>
    <row r="17846" spans="1:10" x14ac:dyDescent="0.35">
      <c r="A17846" s="1" t="s">
        <v>65244</v>
      </c>
      <c r="B17846" s="1" t="s">
        <v>53796</v>
      </c>
      <c r="C17846" s="1" t="s">
        <v>130</v>
      </c>
      <c r="D17846" s="1" t="s">
        <v>65310</v>
      </c>
      <c r="E17846" s="1" t="s">
        <v>32076</v>
      </c>
      <c r="F17846" s="1" t="s">
        <v>65311</v>
      </c>
      <c r="G17846" s="1" t="s">
        <v>65247</v>
      </c>
      <c r="H17846" s="1" t="s">
        <v>65248</v>
      </c>
      <c r="I17846" s="1" t="s">
        <v>53800</v>
      </c>
      <c r="J17846" s="1" t="s">
        <v>65312</v>
      </c>
    </row>
    <row r="17847" spans="1:10" x14ac:dyDescent="0.35">
      <c r="A17847" s="1" t="s">
        <v>65244</v>
      </c>
      <c r="B17847" s="1" t="s">
        <v>53796</v>
      </c>
      <c r="C17847" s="1" t="s">
        <v>135</v>
      </c>
      <c r="D17847" s="1" t="s">
        <v>65313</v>
      </c>
      <c r="E17847" s="1" t="s">
        <v>65314</v>
      </c>
      <c r="F17847" s="1" t="s">
        <v>65315</v>
      </c>
      <c r="G17847" s="1" t="s">
        <v>65247</v>
      </c>
      <c r="H17847" s="1" t="s">
        <v>65248</v>
      </c>
      <c r="I17847" s="1" t="s">
        <v>53800</v>
      </c>
      <c r="J17847" s="1" t="s">
        <v>65316</v>
      </c>
    </row>
    <row r="17848" spans="1:10" x14ac:dyDescent="0.35">
      <c r="A17848" s="1" t="s">
        <v>65244</v>
      </c>
      <c r="B17848" s="1" t="s">
        <v>53796</v>
      </c>
      <c r="C17848" s="1" t="s">
        <v>140</v>
      </c>
      <c r="D17848" s="1" t="s">
        <v>65317</v>
      </c>
      <c r="E17848" s="1" t="s">
        <v>56917</v>
      </c>
      <c r="F17848" s="1" t="s">
        <v>65318</v>
      </c>
      <c r="G17848" s="1" t="s">
        <v>65247</v>
      </c>
      <c r="H17848" s="1" t="s">
        <v>65248</v>
      </c>
      <c r="I17848" s="1" t="s">
        <v>53800</v>
      </c>
      <c r="J17848" s="1" t="s">
        <v>65319</v>
      </c>
    </row>
    <row r="17849" spans="1:10" x14ac:dyDescent="0.35">
      <c r="A17849" s="1" t="s">
        <v>65244</v>
      </c>
      <c r="B17849" s="1" t="s">
        <v>53796</v>
      </c>
      <c r="C17849" s="1" t="s">
        <v>145</v>
      </c>
      <c r="D17849" s="1" t="s">
        <v>65320</v>
      </c>
      <c r="E17849" s="1" t="s">
        <v>26629</v>
      </c>
      <c r="F17849" s="1" t="s">
        <v>65321</v>
      </c>
      <c r="G17849" s="1" t="s">
        <v>65247</v>
      </c>
      <c r="H17849" s="1" t="s">
        <v>65248</v>
      </c>
      <c r="I17849" s="1" t="s">
        <v>53800</v>
      </c>
      <c r="J17849" s="1" t="s">
        <v>65322</v>
      </c>
    </row>
    <row r="17850" spans="1:10" x14ac:dyDescent="0.35">
      <c r="A17850" s="1" t="s">
        <v>65244</v>
      </c>
      <c r="B17850" s="1" t="s">
        <v>53796</v>
      </c>
      <c r="C17850" s="1" t="s">
        <v>150</v>
      </c>
      <c r="D17850" s="1" t="s">
        <v>65323</v>
      </c>
      <c r="E17850" s="1" t="s">
        <v>12825</v>
      </c>
      <c r="F17850" s="1" t="s">
        <v>65324</v>
      </c>
      <c r="G17850" s="1" t="s">
        <v>65247</v>
      </c>
      <c r="H17850" s="1" t="s">
        <v>65248</v>
      </c>
      <c r="I17850" s="1" t="s">
        <v>53800</v>
      </c>
      <c r="J17850" s="1" t="s">
        <v>65325</v>
      </c>
    </row>
    <row r="17851" spans="1:10" x14ac:dyDescent="0.35">
      <c r="A17851" s="1" t="s">
        <v>65244</v>
      </c>
      <c r="B17851" s="1" t="s">
        <v>53796</v>
      </c>
      <c r="C17851" s="1" t="s">
        <v>155</v>
      </c>
      <c r="D17851" s="1" t="s">
        <v>65326</v>
      </c>
      <c r="E17851" s="1" t="s">
        <v>15263</v>
      </c>
      <c r="F17851" s="1" t="s">
        <v>65327</v>
      </c>
      <c r="G17851" s="1" t="s">
        <v>65247</v>
      </c>
      <c r="H17851" s="1" t="s">
        <v>65248</v>
      </c>
      <c r="I17851" s="1" t="s">
        <v>53800</v>
      </c>
      <c r="J17851" s="1" t="s">
        <v>65328</v>
      </c>
    </row>
    <row r="17852" spans="1:10" x14ac:dyDescent="0.35">
      <c r="A17852" s="1" t="s">
        <v>65244</v>
      </c>
      <c r="B17852" s="1" t="s">
        <v>53796</v>
      </c>
      <c r="C17852" s="1" t="s">
        <v>160</v>
      </c>
      <c r="D17852" s="1" t="s">
        <v>65329</v>
      </c>
      <c r="E17852" s="1" t="s">
        <v>23450</v>
      </c>
      <c r="F17852" s="1" t="s">
        <v>65330</v>
      </c>
      <c r="G17852" s="1" t="s">
        <v>65247</v>
      </c>
      <c r="H17852" s="1" t="s">
        <v>65248</v>
      </c>
      <c r="I17852" s="1" t="s">
        <v>53800</v>
      </c>
      <c r="J17852" s="1" t="s">
        <v>65331</v>
      </c>
    </row>
    <row r="17853" spans="1:10" x14ac:dyDescent="0.35">
      <c r="A17853" s="1" t="s">
        <v>65244</v>
      </c>
      <c r="B17853" s="1" t="s">
        <v>53796</v>
      </c>
      <c r="C17853" s="1" t="s">
        <v>165</v>
      </c>
      <c r="D17853" s="1" t="s">
        <v>65332</v>
      </c>
      <c r="E17853" s="1" t="s">
        <v>58534</v>
      </c>
      <c r="F17853" s="1" t="s">
        <v>65333</v>
      </c>
      <c r="G17853" s="1" t="s">
        <v>65247</v>
      </c>
      <c r="H17853" s="1" t="s">
        <v>65248</v>
      </c>
      <c r="I17853" s="1" t="s">
        <v>53800</v>
      </c>
      <c r="J17853" s="1" t="s">
        <v>65334</v>
      </c>
    </row>
    <row r="17854" spans="1:10" x14ac:dyDescent="0.35">
      <c r="A17854" s="1" t="s">
        <v>65244</v>
      </c>
      <c r="B17854" s="1" t="s">
        <v>53796</v>
      </c>
      <c r="C17854" s="1" t="s">
        <v>170</v>
      </c>
      <c r="D17854" s="1" t="s">
        <v>65335</v>
      </c>
      <c r="E17854" s="1" t="s">
        <v>56560</v>
      </c>
      <c r="F17854" s="1" t="s">
        <v>56807</v>
      </c>
      <c r="G17854" s="1" t="s">
        <v>65247</v>
      </c>
      <c r="H17854" s="1" t="s">
        <v>65248</v>
      </c>
      <c r="I17854" s="1" t="s">
        <v>53800</v>
      </c>
      <c r="J17854" s="1" t="s">
        <v>65336</v>
      </c>
    </row>
    <row r="17855" spans="1:10" x14ac:dyDescent="0.35">
      <c r="A17855" s="1" t="s">
        <v>65337</v>
      </c>
      <c r="B17855" s="1" t="s">
        <v>53796</v>
      </c>
      <c r="C17855" s="1" t="s">
        <v>8</v>
      </c>
      <c r="D17855" s="1" t="s">
        <v>65338</v>
      </c>
      <c r="E17855" s="1" t="s">
        <v>15576</v>
      </c>
      <c r="F17855" s="1" t="s">
        <v>65339</v>
      </c>
      <c r="G17855" s="1" t="s">
        <v>65340</v>
      </c>
      <c r="H17855" s="1" t="s">
        <v>65341</v>
      </c>
      <c r="I17855" s="1" t="s">
        <v>53800</v>
      </c>
      <c r="J17855" s="1" t="s">
        <v>13</v>
      </c>
    </row>
    <row r="17856" spans="1:10" x14ac:dyDescent="0.35">
      <c r="A17856" s="1" t="s">
        <v>65337</v>
      </c>
      <c r="B17856" s="1" t="s">
        <v>53796</v>
      </c>
      <c r="C17856" s="1" t="s">
        <v>15</v>
      </c>
      <c r="D17856" s="1" t="s">
        <v>65342</v>
      </c>
      <c r="E17856" s="1" t="s">
        <v>23417</v>
      </c>
      <c r="F17856" s="1" t="s">
        <v>65343</v>
      </c>
      <c r="G17856" s="1" t="s">
        <v>65340</v>
      </c>
      <c r="H17856" s="1" t="s">
        <v>65341</v>
      </c>
      <c r="I17856" s="1" t="s">
        <v>53800</v>
      </c>
      <c r="J17856" s="1" t="s">
        <v>65344</v>
      </c>
    </row>
    <row r="17857" spans="1:10" x14ac:dyDescent="0.35">
      <c r="A17857" s="1" t="s">
        <v>65337</v>
      </c>
      <c r="B17857" s="1" t="s">
        <v>53796</v>
      </c>
      <c r="C17857" s="1" t="s">
        <v>20</v>
      </c>
      <c r="D17857" s="1" t="s">
        <v>65345</v>
      </c>
      <c r="E17857" s="1" t="s">
        <v>15865</v>
      </c>
      <c r="F17857" s="1" t="s">
        <v>65346</v>
      </c>
      <c r="G17857" s="1" t="s">
        <v>65340</v>
      </c>
      <c r="H17857" s="1" t="s">
        <v>65341</v>
      </c>
      <c r="I17857" s="1" t="s">
        <v>53800</v>
      </c>
      <c r="J17857" s="1" t="s">
        <v>65347</v>
      </c>
    </row>
    <row r="17858" spans="1:10" x14ac:dyDescent="0.35">
      <c r="A17858" s="1" t="s">
        <v>65337</v>
      </c>
      <c r="B17858" s="1" t="s">
        <v>53796</v>
      </c>
      <c r="C17858" s="1" t="s">
        <v>25</v>
      </c>
      <c r="D17858" s="1" t="s">
        <v>65348</v>
      </c>
      <c r="E17858" s="1" t="s">
        <v>21799</v>
      </c>
      <c r="F17858" s="1" t="s">
        <v>65349</v>
      </c>
      <c r="G17858" s="1" t="s">
        <v>65340</v>
      </c>
      <c r="H17858" s="1" t="s">
        <v>65341</v>
      </c>
      <c r="I17858" s="1" t="s">
        <v>53800</v>
      </c>
      <c r="J17858" s="1" t="s">
        <v>65350</v>
      </c>
    </row>
    <row r="17859" spans="1:10" x14ac:dyDescent="0.35">
      <c r="A17859" s="1" t="s">
        <v>65337</v>
      </c>
      <c r="B17859" s="1" t="s">
        <v>53796</v>
      </c>
      <c r="C17859" s="1" t="s">
        <v>30</v>
      </c>
      <c r="D17859" s="1" t="s">
        <v>65351</v>
      </c>
      <c r="E17859" s="1" t="s">
        <v>58108</v>
      </c>
      <c r="F17859" s="1" t="s">
        <v>65352</v>
      </c>
      <c r="G17859" s="1" t="s">
        <v>65340</v>
      </c>
      <c r="H17859" s="1" t="s">
        <v>65341</v>
      </c>
      <c r="I17859" s="1" t="s">
        <v>53800</v>
      </c>
      <c r="J17859" s="1" t="s">
        <v>65353</v>
      </c>
    </row>
    <row r="17860" spans="1:10" x14ac:dyDescent="0.35">
      <c r="A17860" s="1" t="s">
        <v>65337</v>
      </c>
      <c r="B17860" s="1" t="s">
        <v>53796</v>
      </c>
      <c r="C17860" s="1" t="s">
        <v>35</v>
      </c>
      <c r="D17860" s="1" t="s">
        <v>65354</v>
      </c>
      <c r="E17860" s="1" t="s">
        <v>21956</v>
      </c>
      <c r="F17860" s="1" t="s">
        <v>65355</v>
      </c>
      <c r="G17860" s="1" t="s">
        <v>65340</v>
      </c>
      <c r="H17860" s="1" t="s">
        <v>65341</v>
      </c>
      <c r="I17860" s="1" t="s">
        <v>53800</v>
      </c>
      <c r="J17860" s="1" t="s">
        <v>65356</v>
      </c>
    </row>
    <row r="17861" spans="1:10" x14ac:dyDescent="0.35">
      <c r="A17861" s="1" t="s">
        <v>65337</v>
      </c>
      <c r="B17861" s="1" t="s">
        <v>53796</v>
      </c>
      <c r="C17861" s="1" t="s">
        <v>40</v>
      </c>
      <c r="D17861" s="1" t="s">
        <v>65357</v>
      </c>
      <c r="E17861" s="1" t="s">
        <v>55129</v>
      </c>
      <c r="F17861" s="1" t="s">
        <v>65358</v>
      </c>
      <c r="G17861" s="1" t="s">
        <v>65340</v>
      </c>
      <c r="H17861" s="1" t="s">
        <v>65341</v>
      </c>
      <c r="I17861" s="1" t="s">
        <v>53800</v>
      </c>
      <c r="J17861" s="1" t="s">
        <v>65359</v>
      </c>
    </row>
    <row r="17862" spans="1:10" x14ac:dyDescent="0.35">
      <c r="A17862" s="1" t="s">
        <v>65337</v>
      </c>
      <c r="B17862" s="1" t="s">
        <v>53796</v>
      </c>
      <c r="C17862" s="1" t="s">
        <v>45</v>
      </c>
      <c r="D17862" s="1" t="s">
        <v>65360</v>
      </c>
      <c r="E17862" s="1" t="s">
        <v>65361</v>
      </c>
      <c r="F17862" s="1" t="s">
        <v>65362</v>
      </c>
      <c r="G17862" s="1" t="s">
        <v>65340</v>
      </c>
      <c r="H17862" s="1" t="s">
        <v>65341</v>
      </c>
      <c r="I17862" s="1" t="s">
        <v>53800</v>
      </c>
      <c r="J17862" s="1" t="s">
        <v>65363</v>
      </c>
    </row>
    <row r="17863" spans="1:10" x14ac:dyDescent="0.35">
      <c r="A17863" s="1" t="s">
        <v>65337</v>
      </c>
      <c r="B17863" s="1" t="s">
        <v>53796</v>
      </c>
      <c r="C17863" s="1" t="s">
        <v>50</v>
      </c>
      <c r="D17863" s="1" t="s">
        <v>65364</v>
      </c>
      <c r="E17863" s="1" t="s">
        <v>54474</v>
      </c>
      <c r="F17863" s="1" t="s">
        <v>65365</v>
      </c>
      <c r="G17863" s="1" t="s">
        <v>65340</v>
      </c>
      <c r="H17863" s="1" t="s">
        <v>65341</v>
      </c>
      <c r="I17863" s="1" t="s">
        <v>53800</v>
      </c>
      <c r="J17863" s="1" t="s">
        <v>65366</v>
      </c>
    </row>
    <row r="17864" spans="1:10" x14ac:dyDescent="0.35">
      <c r="A17864" s="1" t="s">
        <v>65337</v>
      </c>
      <c r="B17864" s="1" t="s">
        <v>53796</v>
      </c>
      <c r="C17864" s="1" t="s">
        <v>55</v>
      </c>
      <c r="D17864" s="1" t="s">
        <v>65367</v>
      </c>
      <c r="E17864" s="1" t="s">
        <v>57156</v>
      </c>
      <c r="F17864" s="1" t="s">
        <v>65368</v>
      </c>
      <c r="G17864" s="1" t="s">
        <v>65340</v>
      </c>
      <c r="H17864" s="1" t="s">
        <v>65341</v>
      </c>
      <c r="I17864" s="1" t="s">
        <v>53800</v>
      </c>
      <c r="J17864" s="1" t="s">
        <v>65369</v>
      </c>
    </row>
    <row r="17865" spans="1:10" x14ac:dyDescent="0.35">
      <c r="A17865" s="1" t="s">
        <v>65337</v>
      </c>
      <c r="B17865" s="1" t="s">
        <v>53796</v>
      </c>
      <c r="C17865" s="1" t="s">
        <v>60</v>
      </c>
      <c r="D17865" s="1" t="s">
        <v>65370</v>
      </c>
      <c r="E17865" s="1" t="s">
        <v>15392</v>
      </c>
      <c r="F17865" s="1" t="s">
        <v>65371</v>
      </c>
      <c r="G17865" s="1" t="s">
        <v>65340</v>
      </c>
      <c r="H17865" s="1" t="s">
        <v>65341</v>
      </c>
      <c r="I17865" s="1" t="s">
        <v>53800</v>
      </c>
      <c r="J17865" s="1" t="s">
        <v>65372</v>
      </c>
    </row>
    <row r="17866" spans="1:10" x14ac:dyDescent="0.35">
      <c r="A17866" s="1" t="s">
        <v>65337</v>
      </c>
      <c r="B17866" s="1" t="s">
        <v>53796</v>
      </c>
      <c r="C17866" s="1" t="s">
        <v>65</v>
      </c>
      <c r="D17866" s="1" t="s">
        <v>65373</v>
      </c>
      <c r="E17866" s="1" t="s">
        <v>32557</v>
      </c>
      <c r="F17866" s="1" t="s">
        <v>65374</v>
      </c>
      <c r="G17866" s="1" t="s">
        <v>65340</v>
      </c>
      <c r="H17866" s="1" t="s">
        <v>65341</v>
      </c>
      <c r="I17866" s="1" t="s">
        <v>53800</v>
      </c>
      <c r="J17866" s="1" t="s">
        <v>65375</v>
      </c>
    </row>
    <row r="17867" spans="1:10" x14ac:dyDescent="0.35">
      <c r="A17867" s="1" t="s">
        <v>65337</v>
      </c>
      <c r="B17867" s="1" t="s">
        <v>53796</v>
      </c>
      <c r="C17867" s="1" t="s">
        <v>70</v>
      </c>
      <c r="D17867" s="1" t="s">
        <v>65376</v>
      </c>
      <c r="E17867" s="1" t="s">
        <v>54178</v>
      </c>
      <c r="F17867" s="1" t="s">
        <v>65377</v>
      </c>
      <c r="G17867" s="1" t="s">
        <v>65340</v>
      </c>
      <c r="H17867" s="1" t="s">
        <v>65341</v>
      </c>
      <c r="I17867" s="1" t="s">
        <v>53800</v>
      </c>
      <c r="J17867" s="1" t="s">
        <v>65378</v>
      </c>
    </row>
    <row r="17868" spans="1:10" x14ac:dyDescent="0.35">
      <c r="A17868" s="1" t="s">
        <v>65337</v>
      </c>
      <c r="B17868" s="1" t="s">
        <v>53796</v>
      </c>
      <c r="C17868" s="1" t="s">
        <v>75</v>
      </c>
      <c r="D17868" s="1" t="s">
        <v>65379</v>
      </c>
      <c r="E17868" s="1" t="s">
        <v>15865</v>
      </c>
      <c r="F17868" s="1" t="s">
        <v>65380</v>
      </c>
      <c r="G17868" s="1" t="s">
        <v>65340</v>
      </c>
      <c r="H17868" s="1" t="s">
        <v>65341</v>
      </c>
      <c r="I17868" s="1" t="s">
        <v>53800</v>
      </c>
      <c r="J17868" s="1" t="s">
        <v>65381</v>
      </c>
    </row>
    <row r="17869" spans="1:10" x14ac:dyDescent="0.35">
      <c r="A17869" s="1" t="s">
        <v>65337</v>
      </c>
      <c r="B17869" s="1" t="s">
        <v>53796</v>
      </c>
      <c r="C17869" s="1" t="s">
        <v>80</v>
      </c>
      <c r="D17869" s="1" t="s">
        <v>65382</v>
      </c>
      <c r="E17869" s="1" t="s">
        <v>31828</v>
      </c>
      <c r="F17869" s="1" t="s">
        <v>65383</v>
      </c>
      <c r="G17869" s="1" t="s">
        <v>65340</v>
      </c>
      <c r="H17869" s="1" t="s">
        <v>65341</v>
      </c>
      <c r="I17869" s="1" t="s">
        <v>53800</v>
      </c>
      <c r="J17869" s="1" t="s">
        <v>65384</v>
      </c>
    </row>
    <row r="17870" spans="1:10" x14ac:dyDescent="0.35">
      <c r="A17870" s="1" t="s">
        <v>65337</v>
      </c>
      <c r="B17870" s="1" t="s">
        <v>53796</v>
      </c>
      <c r="C17870" s="1" t="s">
        <v>85</v>
      </c>
      <c r="D17870" s="1" t="s">
        <v>65385</v>
      </c>
      <c r="E17870" s="1" t="s">
        <v>23521</v>
      </c>
      <c r="F17870" s="1" t="s">
        <v>65386</v>
      </c>
      <c r="G17870" s="1" t="s">
        <v>65340</v>
      </c>
      <c r="H17870" s="1" t="s">
        <v>65341</v>
      </c>
      <c r="I17870" s="1" t="s">
        <v>53800</v>
      </c>
      <c r="J17870" s="1" t="s">
        <v>65387</v>
      </c>
    </row>
    <row r="17871" spans="1:10" x14ac:dyDescent="0.35">
      <c r="A17871" s="1" t="s">
        <v>65337</v>
      </c>
      <c r="B17871" s="1" t="s">
        <v>53796</v>
      </c>
      <c r="C17871" s="1" t="s">
        <v>90</v>
      </c>
      <c r="D17871" s="1" t="s">
        <v>53362</v>
      </c>
      <c r="E17871" s="1" t="s">
        <v>24276</v>
      </c>
      <c r="F17871" s="1" t="s">
        <v>65388</v>
      </c>
      <c r="G17871" s="1" t="s">
        <v>65340</v>
      </c>
      <c r="H17871" s="1" t="s">
        <v>65341</v>
      </c>
      <c r="I17871" s="1" t="s">
        <v>53800</v>
      </c>
      <c r="J17871" s="1" t="s">
        <v>65389</v>
      </c>
    </row>
    <row r="17872" spans="1:10" x14ac:dyDescent="0.35">
      <c r="A17872" s="1" t="s">
        <v>65337</v>
      </c>
      <c r="B17872" s="1" t="s">
        <v>53796</v>
      </c>
      <c r="C17872" s="1" t="s">
        <v>95</v>
      </c>
      <c r="D17872" s="1" t="s">
        <v>65390</v>
      </c>
      <c r="E17872" s="1" t="s">
        <v>22363</v>
      </c>
      <c r="F17872" s="1" t="s">
        <v>65391</v>
      </c>
      <c r="G17872" s="1" t="s">
        <v>65340</v>
      </c>
      <c r="H17872" s="1" t="s">
        <v>65341</v>
      </c>
      <c r="I17872" s="1" t="s">
        <v>53800</v>
      </c>
      <c r="J17872" s="1" t="s">
        <v>65392</v>
      </c>
    </row>
    <row r="17873" spans="1:10" x14ac:dyDescent="0.35">
      <c r="A17873" s="1" t="s">
        <v>65337</v>
      </c>
      <c r="B17873" s="1" t="s">
        <v>53796</v>
      </c>
      <c r="C17873" s="1" t="s">
        <v>100</v>
      </c>
      <c r="D17873" s="1" t="s">
        <v>65393</v>
      </c>
      <c r="E17873" s="1" t="s">
        <v>12883</v>
      </c>
      <c r="F17873" s="1" t="s">
        <v>65394</v>
      </c>
      <c r="G17873" s="1" t="s">
        <v>65340</v>
      </c>
      <c r="H17873" s="1" t="s">
        <v>65341</v>
      </c>
      <c r="I17873" s="1" t="s">
        <v>53800</v>
      </c>
      <c r="J17873" s="1" t="s">
        <v>65395</v>
      </c>
    </row>
    <row r="17874" spans="1:10" x14ac:dyDescent="0.35">
      <c r="A17874" s="1" t="s">
        <v>65337</v>
      </c>
      <c r="B17874" s="1" t="s">
        <v>53796</v>
      </c>
      <c r="C17874" s="1" t="s">
        <v>105</v>
      </c>
      <c r="D17874" s="1" t="s">
        <v>65396</v>
      </c>
      <c r="E17874" s="1" t="s">
        <v>32557</v>
      </c>
      <c r="F17874" s="1" t="s">
        <v>65397</v>
      </c>
      <c r="G17874" s="1" t="s">
        <v>65340</v>
      </c>
      <c r="H17874" s="1" t="s">
        <v>65341</v>
      </c>
      <c r="I17874" s="1" t="s">
        <v>53800</v>
      </c>
      <c r="J17874" s="1" t="s">
        <v>65398</v>
      </c>
    </row>
    <row r="17875" spans="1:10" x14ac:dyDescent="0.35">
      <c r="A17875" s="1" t="s">
        <v>65337</v>
      </c>
      <c r="B17875" s="1" t="s">
        <v>53796</v>
      </c>
      <c r="C17875" s="1" t="s">
        <v>110</v>
      </c>
      <c r="D17875" s="1" t="s">
        <v>65399</v>
      </c>
      <c r="E17875" s="1" t="s">
        <v>57256</v>
      </c>
      <c r="F17875" s="1" t="s">
        <v>65400</v>
      </c>
      <c r="G17875" s="1" t="s">
        <v>65340</v>
      </c>
      <c r="H17875" s="1" t="s">
        <v>65341</v>
      </c>
      <c r="I17875" s="1" t="s">
        <v>53800</v>
      </c>
      <c r="J17875" s="1" t="s">
        <v>65401</v>
      </c>
    </row>
    <row r="17876" spans="1:10" x14ac:dyDescent="0.35">
      <c r="A17876" s="1" t="s">
        <v>65337</v>
      </c>
      <c r="B17876" s="1" t="s">
        <v>53796</v>
      </c>
      <c r="C17876" s="1" t="s">
        <v>115</v>
      </c>
      <c r="D17876" s="1" t="s">
        <v>65402</v>
      </c>
      <c r="E17876" s="1" t="s">
        <v>15388</v>
      </c>
      <c r="F17876" s="1" t="s">
        <v>65403</v>
      </c>
      <c r="G17876" s="1" t="s">
        <v>65340</v>
      </c>
      <c r="H17876" s="1" t="s">
        <v>65341</v>
      </c>
      <c r="I17876" s="1" t="s">
        <v>53800</v>
      </c>
      <c r="J17876" s="1" t="s">
        <v>65404</v>
      </c>
    </row>
    <row r="17877" spans="1:10" x14ac:dyDescent="0.35">
      <c r="A17877" s="1" t="s">
        <v>65337</v>
      </c>
      <c r="B17877" s="1" t="s">
        <v>53796</v>
      </c>
      <c r="C17877" s="1" t="s">
        <v>120</v>
      </c>
      <c r="D17877" s="1" t="s">
        <v>65405</v>
      </c>
      <c r="E17877" s="1" t="s">
        <v>31435</v>
      </c>
      <c r="F17877" s="1" t="s">
        <v>57266</v>
      </c>
      <c r="G17877" s="1" t="s">
        <v>65340</v>
      </c>
      <c r="H17877" s="1" t="s">
        <v>65341</v>
      </c>
      <c r="I17877" s="1" t="s">
        <v>53800</v>
      </c>
      <c r="J17877" s="1" t="s">
        <v>65406</v>
      </c>
    </row>
    <row r="17878" spans="1:10" x14ac:dyDescent="0.35">
      <c r="A17878" s="1" t="s">
        <v>65337</v>
      </c>
      <c r="B17878" s="1" t="s">
        <v>53796</v>
      </c>
      <c r="C17878" s="1" t="s">
        <v>125</v>
      </c>
      <c r="D17878" s="1" t="s">
        <v>65407</v>
      </c>
      <c r="E17878" s="1" t="s">
        <v>24201</v>
      </c>
      <c r="F17878" s="1" t="s">
        <v>65408</v>
      </c>
      <c r="G17878" s="1" t="s">
        <v>65340</v>
      </c>
      <c r="H17878" s="1" t="s">
        <v>65341</v>
      </c>
      <c r="I17878" s="1" t="s">
        <v>53800</v>
      </c>
      <c r="J17878" s="1" t="s">
        <v>65409</v>
      </c>
    </row>
    <row r="17879" spans="1:10" x14ac:dyDescent="0.35">
      <c r="A17879" s="1" t="s">
        <v>65337</v>
      </c>
      <c r="B17879" s="1" t="s">
        <v>53796</v>
      </c>
      <c r="C17879" s="1" t="s">
        <v>130</v>
      </c>
      <c r="D17879" s="1" t="s">
        <v>65410</v>
      </c>
      <c r="E17879" s="1" t="s">
        <v>26524</v>
      </c>
      <c r="F17879" s="1" t="s">
        <v>65411</v>
      </c>
      <c r="G17879" s="1" t="s">
        <v>65340</v>
      </c>
      <c r="H17879" s="1" t="s">
        <v>65341</v>
      </c>
      <c r="I17879" s="1" t="s">
        <v>53800</v>
      </c>
      <c r="J17879" s="1" t="s">
        <v>65412</v>
      </c>
    </row>
    <row r="17880" spans="1:10" x14ac:dyDescent="0.35">
      <c r="A17880" s="1" t="s">
        <v>65337</v>
      </c>
      <c r="B17880" s="1" t="s">
        <v>53796</v>
      </c>
      <c r="C17880" s="1" t="s">
        <v>135</v>
      </c>
      <c r="D17880" s="1" t="s">
        <v>65413</v>
      </c>
      <c r="E17880" s="1" t="s">
        <v>26586</v>
      </c>
      <c r="F17880" s="1" t="s">
        <v>65414</v>
      </c>
      <c r="G17880" s="1" t="s">
        <v>65340</v>
      </c>
      <c r="H17880" s="1" t="s">
        <v>65341</v>
      </c>
      <c r="I17880" s="1" t="s">
        <v>53800</v>
      </c>
      <c r="J17880" s="1" t="s">
        <v>65415</v>
      </c>
    </row>
    <row r="17881" spans="1:10" x14ac:dyDescent="0.35">
      <c r="A17881" s="1" t="s">
        <v>65337</v>
      </c>
      <c r="B17881" s="1" t="s">
        <v>53796</v>
      </c>
      <c r="C17881" s="1" t="s">
        <v>140</v>
      </c>
      <c r="D17881" s="1" t="s">
        <v>65416</v>
      </c>
      <c r="E17881" s="1" t="s">
        <v>15289</v>
      </c>
      <c r="F17881" s="1" t="s">
        <v>65417</v>
      </c>
      <c r="G17881" s="1" t="s">
        <v>65340</v>
      </c>
      <c r="H17881" s="1" t="s">
        <v>65341</v>
      </c>
      <c r="I17881" s="1" t="s">
        <v>53800</v>
      </c>
      <c r="J17881" s="1" t="s">
        <v>65418</v>
      </c>
    </row>
    <row r="17882" spans="1:10" x14ac:dyDescent="0.35">
      <c r="A17882" s="1" t="s">
        <v>65337</v>
      </c>
      <c r="B17882" s="1" t="s">
        <v>53796</v>
      </c>
      <c r="C17882" s="1" t="s">
        <v>145</v>
      </c>
      <c r="D17882" s="1" t="s">
        <v>65419</v>
      </c>
      <c r="E17882" s="1" t="s">
        <v>27089</v>
      </c>
      <c r="F17882" s="1" t="s">
        <v>65420</v>
      </c>
      <c r="G17882" s="1" t="s">
        <v>65340</v>
      </c>
      <c r="H17882" s="1" t="s">
        <v>65341</v>
      </c>
      <c r="I17882" s="1" t="s">
        <v>53800</v>
      </c>
      <c r="J17882" s="1" t="s">
        <v>65421</v>
      </c>
    </row>
    <row r="17883" spans="1:10" x14ac:dyDescent="0.35">
      <c r="A17883" s="1" t="s">
        <v>65337</v>
      </c>
      <c r="B17883" s="1" t="s">
        <v>53796</v>
      </c>
      <c r="C17883" s="1" t="s">
        <v>150</v>
      </c>
      <c r="D17883" s="1" t="s">
        <v>65422</v>
      </c>
      <c r="E17883" s="1" t="s">
        <v>65423</v>
      </c>
      <c r="F17883" s="1" t="s">
        <v>65424</v>
      </c>
      <c r="G17883" s="1" t="s">
        <v>65340</v>
      </c>
      <c r="H17883" s="1" t="s">
        <v>65341</v>
      </c>
      <c r="I17883" s="1" t="s">
        <v>53800</v>
      </c>
      <c r="J17883" s="1" t="s">
        <v>65425</v>
      </c>
    </row>
    <row r="17884" spans="1:10" x14ac:dyDescent="0.35">
      <c r="A17884" s="1" t="s">
        <v>65337</v>
      </c>
      <c r="B17884" s="1" t="s">
        <v>53796</v>
      </c>
      <c r="C17884" s="1" t="s">
        <v>155</v>
      </c>
      <c r="D17884" s="1" t="s">
        <v>43562</v>
      </c>
      <c r="E17884" s="1" t="s">
        <v>65426</v>
      </c>
      <c r="F17884" s="1" t="s">
        <v>65427</v>
      </c>
      <c r="G17884" s="1" t="s">
        <v>65340</v>
      </c>
      <c r="H17884" s="1" t="s">
        <v>65341</v>
      </c>
      <c r="I17884" s="1" t="s">
        <v>53800</v>
      </c>
      <c r="J17884" s="1" t="s">
        <v>65428</v>
      </c>
    </row>
    <row r="17885" spans="1:10" x14ac:dyDescent="0.35">
      <c r="A17885" s="1" t="s">
        <v>65337</v>
      </c>
      <c r="B17885" s="1" t="s">
        <v>53796</v>
      </c>
      <c r="C17885" s="1" t="s">
        <v>160</v>
      </c>
      <c r="D17885" s="1" t="s">
        <v>65429</v>
      </c>
      <c r="E17885" s="1" t="s">
        <v>65430</v>
      </c>
      <c r="F17885" s="1" t="s">
        <v>65431</v>
      </c>
      <c r="G17885" s="1" t="s">
        <v>65340</v>
      </c>
      <c r="H17885" s="1" t="s">
        <v>65341</v>
      </c>
      <c r="I17885" s="1" t="s">
        <v>53800</v>
      </c>
      <c r="J17885" s="1" t="s">
        <v>65432</v>
      </c>
    </row>
    <row r="17886" spans="1:10" x14ac:dyDescent="0.35">
      <c r="A17886" s="1" t="s">
        <v>65337</v>
      </c>
      <c r="B17886" s="1" t="s">
        <v>53796</v>
      </c>
      <c r="C17886" s="1" t="s">
        <v>165</v>
      </c>
      <c r="D17886" s="1" t="s">
        <v>62847</v>
      </c>
      <c r="E17886" s="1" t="s">
        <v>16087</v>
      </c>
      <c r="F17886" s="1" t="s">
        <v>60234</v>
      </c>
      <c r="G17886" s="1" t="s">
        <v>65340</v>
      </c>
      <c r="H17886" s="1" t="s">
        <v>65341</v>
      </c>
      <c r="I17886" s="1" t="s">
        <v>53800</v>
      </c>
      <c r="J17886" s="1" t="s">
        <v>65433</v>
      </c>
    </row>
    <row r="17887" spans="1:10" x14ac:dyDescent="0.35">
      <c r="A17887" s="1" t="s">
        <v>65337</v>
      </c>
      <c r="B17887" s="1" t="s">
        <v>53796</v>
      </c>
      <c r="C17887" s="1" t="s">
        <v>170</v>
      </c>
      <c r="D17887" s="1" t="s">
        <v>65434</v>
      </c>
      <c r="E17887" s="1" t="s">
        <v>65435</v>
      </c>
      <c r="F17887" s="1" t="s">
        <v>65436</v>
      </c>
      <c r="G17887" s="1" t="s">
        <v>65340</v>
      </c>
      <c r="H17887" s="1" t="s">
        <v>65341</v>
      </c>
      <c r="I17887" s="1" t="s">
        <v>53800</v>
      </c>
      <c r="J17887" s="1" t="s">
        <v>65437</v>
      </c>
    </row>
    <row r="17888" spans="1:10" x14ac:dyDescent="0.35">
      <c r="A17888" s="1" t="s">
        <v>65438</v>
      </c>
      <c r="B17888" s="1" t="s">
        <v>53796</v>
      </c>
      <c r="C17888" s="1" t="s">
        <v>8</v>
      </c>
      <c r="D17888" s="1" t="s">
        <v>56455</v>
      </c>
      <c r="E17888" s="1" t="s">
        <v>53936</v>
      </c>
      <c r="F17888" s="1" t="s">
        <v>65439</v>
      </c>
      <c r="G17888" s="1" t="s">
        <v>65440</v>
      </c>
      <c r="H17888" s="1" t="s">
        <v>65441</v>
      </c>
      <c r="I17888" s="1" t="s">
        <v>53800</v>
      </c>
      <c r="J17888" s="1" t="s">
        <v>13</v>
      </c>
    </row>
    <row r="17889" spans="1:10" x14ac:dyDescent="0.35">
      <c r="A17889" s="1" t="s">
        <v>65438</v>
      </c>
      <c r="B17889" s="1" t="s">
        <v>53796</v>
      </c>
      <c r="C17889" s="1" t="s">
        <v>15</v>
      </c>
      <c r="D17889" s="1" t="s">
        <v>65442</v>
      </c>
      <c r="E17889" s="1" t="s">
        <v>56304</v>
      </c>
      <c r="F17889" s="1" t="s">
        <v>58673</v>
      </c>
      <c r="G17889" s="1" t="s">
        <v>65440</v>
      </c>
      <c r="H17889" s="1" t="s">
        <v>65441</v>
      </c>
      <c r="I17889" s="1" t="s">
        <v>53800</v>
      </c>
      <c r="J17889" s="1" t="s">
        <v>65443</v>
      </c>
    </row>
    <row r="17890" spans="1:10" x14ac:dyDescent="0.35">
      <c r="A17890" s="1" t="s">
        <v>65438</v>
      </c>
      <c r="B17890" s="1" t="s">
        <v>53796</v>
      </c>
      <c r="C17890" s="1" t="s">
        <v>20</v>
      </c>
      <c r="D17890" s="1" t="s">
        <v>65444</v>
      </c>
      <c r="E17890" s="1" t="s">
        <v>21970</v>
      </c>
      <c r="F17890" s="1" t="s">
        <v>65445</v>
      </c>
      <c r="G17890" s="1" t="s">
        <v>65440</v>
      </c>
      <c r="H17890" s="1" t="s">
        <v>65441</v>
      </c>
      <c r="I17890" s="1" t="s">
        <v>53800</v>
      </c>
      <c r="J17890" s="1" t="s">
        <v>65446</v>
      </c>
    </row>
    <row r="17891" spans="1:10" x14ac:dyDescent="0.35">
      <c r="A17891" s="1" t="s">
        <v>65438</v>
      </c>
      <c r="B17891" s="1" t="s">
        <v>53796</v>
      </c>
      <c r="C17891" s="1" t="s">
        <v>25</v>
      </c>
      <c r="D17891" s="1" t="s">
        <v>65447</v>
      </c>
      <c r="E17891" s="1" t="s">
        <v>56304</v>
      </c>
      <c r="F17891" s="1" t="s">
        <v>65448</v>
      </c>
      <c r="G17891" s="1" t="s">
        <v>65440</v>
      </c>
      <c r="H17891" s="1" t="s">
        <v>65441</v>
      </c>
      <c r="I17891" s="1" t="s">
        <v>53800</v>
      </c>
      <c r="J17891" s="1" t="s">
        <v>65449</v>
      </c>
    </row>
    <row r="17892" spans="1:10" x14ac:dyDescent="0.35">
      <c r="A17892" s="1" t="s">
        <v>65438</v>
      </c>
      <c r="B17892" s="1" t="s">
        <v>53796</v>
      </c>
      <c r="C17892" s="1" t="s">
        <v>30</v>
      </c>
      <c r="D17892" s="1" t="s">
        <v>65450</v>
      </c>
      <c r="E17892" s="1" t="s">
        <v>55227</v>
      </c>
      <c r="F17892" s="1" t="s">
        <v>65451</v>
      </c>
      <c r="G17892" s="1" t="s">
        <v>65440</v>
      </c>
      <c r="H17892" s="1" t="s">
        <v>65441</v>
      </c>
      <c r="I17892" s="1" t="s">
        <v>53800</v>
      </c>
      <c r="J17892" s="1" t="s">
        <v>65452</v>
      </c>
    </row>
    <row r="17893" spans="1:10" x14ac:dyDescent="0.35">
      <c r="A17893" s="1" t="s">
        <v>65438</v>
      </c>
      <c r="B17893" s="1" t="s">
        <v>53796</v>
      </c>
      <c r="C17893" s="1" t="s">
        <v>35</v>
      </c>
      <c r="D17893" s="1" t="s">
        <v>65453</v>
      </c>
      <c r="E17893" s="1" t="s">
        <v>55907</v>
      </c>
      <c r="F17893" s="1" t="s">
        <v>54761</v>
      </c>
      <c r="G17893" s="1" t="s">
        <v>65440</v>
      </c>
      <c r="H17893" s="1" t="s">
        <v>65441</v>
      </c>
      <c r="I17893" s="1" t="s">
        <v>53800</v>
      </c>
      <c r="J17893" s="1" t="s">
        <v>65454</v>
      </c>
    </row>
    <row r="17894" spans="1:10" x14ac:dyDescent="0.35">
      <c r="A17894" s="1" t="s">
        <v>65438</v>
      </c>
      <c r="B17894" s="1" t="s">
        <v>53796</v>
      </c>
      <c r="C17894" s="1" t="s">
        <v>40</v>
      </c>
      <c r="D17894" s="1" t="s">
        <v>65455</v>
      </c>
      <c r="E17894" s="1" t="s">
        <v>65456</v>
      </c>
      <c r="F17894" s="1" t="s">
        <v>65457</v>
      </c>
      <c r="G17894" s="1" t="s">
        <v>65440</v>
      </c>
      <c r="H17894" s="1" t="s">
        <v>65441</v>
      </c>
      <c r="I17894" s="1" t="s">
        <v>53800</v>
      </c>
      <c r="J17894" s="1" t="s">
        <v>65458</v>
      </c>
    </row>
    <row r="17895" spans="1:10" x14ac:dyDescent="0.35">
      <c r="A17895" s="1" t="s">
        <v>65438</v>
      </c>
      <c r="B17895" s="1" t="s">
        <v>53796</v>
      </c>
      <c r="C17895" s="1" t="s">
        <v>45</v>
      </c>
      <c r="D17895" s="1" t="s">
        <v>65459</v>
      </c>
      <c r="E17895" s="1" t="s">
        <v>32407</v>
      </c>
      <c r="F17895" s="1" t="s">
        <v>58781</v>
      </c>
      <c r="G17895" s="1" t="s">
        <v>65440</v>
      </c>
      <c r="H17895" s="1" t="s">
        <v>65441</v>
      </c>
      <c r="I17895" s="1" t="s">
        <v>53800</v>
      </c>
      <c r="J17895" s="1" t="s">
        <v>65460</v>
      </c>
    </row>
    <row r="17896" spans="1:10" x14ac:dyDescent="0.35">
      <c r="A17896" s="1" t="s">
        <v>65438</v>
      </c>
      <c r="B17896" s="1" t="s">
        <v>53796</v>
      </c>
      <c r="C17896" s="1" t="s">
        <v>50</v>
      </c>
      <c r="D17896" s="1" t="s">
        <v>65461</v>
      </c>
      <c r="E17896" s="1" t="s">
        <v>55315</v>
      </c>
      <c r="F17896" s="1" t="s">
        <v>65462</v>
      </c>
      <c r="G17896" s="1" t="s">
        <v>65440</v>
      </c>
      <c r="H17896" s="1" t="s">
        <v>65441</v>
      </c>
      <c r="I17896" s="1" t="s">
        <v>53800</v>
      </c>
      <c r="J17896" s="1" t="s">
        <v>65463</v>
      </c>
    </row>
    <row r="17897" spans="1:10" x14ac:dyDescent="0.35">
      <c r="A17897" s="1" t="s">
        <v>65438</v>
      </c>
      <c r="B17897" s="1" t="s">
        <v>53796</v>
      </c>
      <c r="C17897" s="1" t="s">
        <v>55</v>
      </c>
      <c r="D17897" s="1" t="s">
        <v>65464</v>
      </c>
      <c r="E17897" s="1" t="s">
        <v>16146</v>
      </c>
      <c r="F17897" s="1" t="s">
        <v>65465</v>
      </c>
      <c r="G17897" s="1" t="s">
        <v>65440</v>
      </c>
      <c r="H17897" s="1" t="s">
        <v>65441</v>
      </c>
      <c r="I17897" s="1" t="s">
        <v>53800</v>
      </c>
      <c r="J17897" s="1" t="s">
        <v>65466</v>
      </c>
    </row>
    <row r="17898" spans="1:10" x14ac:dyDescent="0.35">
      <c r="A17898" s="1" t="s">
        <v>65438</v>
      </c>
      <c r="B17898" s="1" t="s">
        <v>53796</v>
      </c>
      <c r="C17898" s="1" t="s">
        <v>60</v>
      </c>
      <c r="D17898" s="1" t="s">
        <v>65467</v>
      </c>
      <c r="E17898" s="1" t="s">
        <v>22267</v>
      </c>
      <c r="F17898" s="1" t="s">
        <v>65468</v>
      </c>
      <c r="G17898" s="1" t="s">
        <v>65440</v>
      </c>
      <c r="H17898" s="1" t="s">
        <v>65441</v>
      </c>
      <c r="I17898" s="1" t="s">
        <v>53800</v>
      </c>
      <c r="J17898" s="1" t="s">
        <v>65469</v>
      </c>
    </row>
    <row r="17899" spans="1:10" x14ac:dyDescent="0.35">
      <c r="A17899" s="1" t="s">
        <v>65438</v>
      </c>
      <c r="B17899" s="1" t="s">
        <v>53796</v>
      </c>
      <c r="C17899" s="1" t="s">
        <v>65</v>
      </c>
      <c r="D17899" s="1" t="s">
        <v>65470</v>
      </c>
      <c r="E17899" s="1" t="s">
        <v>57644</v>
      </c>
      <c r="F17899" s="1" t="s">
        <v>65471</v>
      </c>
      <c r="G17899" s="1" t="s">
        <v>65440</v>
      </c>
      <c r="H17899" s="1" t="s">
        <v>65441</v>
      </c>
      <c r="I17899" s="1" t="s">
        <v>53800</v>
      </c>
      <c r="J17899" s="1" t="s">
        <v>65472</v>
      </c>
    </row>
    <row r="17900" spans="1:10" x14ac:dyDescent="0.35">
      <c r="A17900" s="1" t="s">
        <v>65438</v>
      </c>
      <c r="B17900" s="1" t="s">
        <v>53796</v>
      </c>
      <c r="C17900" s="1" t="s">
        <v>70</v>
      </c>
      <c r="D17900" s="1" t="s">
        <v>65473</v>
      </c>
      <c r="E17900" s="1" t="s">
        <v>41206</v>
      </c>
      <c r="F17900" s="1" t="s">
        <v>65474</v>
      </c>
      <c r="G17900" s="1" t="s">
        <v>65440</v>
      </c>
      <c r="H17900" s="1" t="s">
        <v>65441</v>
      </c>
      <c r="I17900" s="1" t="s">
        <v>53800</v>
      </c>
      <c r="J17900" s="1" t="s">
        <v>65475</v>
      </c>
    </row>
    <row r="17901" spans="1:10" x14ac:dyDescent="0.35">
      <c r="A17901" s="1" t="s">
        <v>65438</v>
      </c>
      <c r="B17901" s="1" t="s">
        <v>53796</v>
      </c>
      <c r="C17901" s="1" t="s">
        <v>75</v>
      </c>
      <c r="D17901" s="1" t="s">
        <v>62753</v>
      </c>
      <c r="E17901" s="1" t="s">
        <v>56082</v>
      </c>
      <c r="F17901" s="1" t="s">
        <v>62477</v>
      </c>
      <c r="G17901" s="1" t="s">
        <v>65440</v>
      </c>
      <c r="H17901" s="1" t="s">
        <v>65441</v>
      </c>
      <c r="I17901" s="1" t="s">
        <v>53800</v>
      </c>
      <c r="J17901" s="1" t="s">
        <v>65476</v>
      </c>
    </row>
    <row r="17902" spans="1:10" x14ac:dyDescent="0.35">
      <c r="A17902" s="1" t="s">
        <v>65438</v>
      </c>
      <c r="B17902" s="1" t="s">
        <v>53796</v>
      </c>
      <c r="C17902" s="1" t="s">
        <v>80</v>
      </c>
      <c r="D17902" s="1" t="s">
        <v>65477</v>
      </c>
      <c r="E17902" s="1" t="s">
        <v>12790</v>
      </c>
      <c r="F17902" s="1" t="s">
        <v>65478</v>
      </c>
      <c r="G17902" s="1" t="s">
        <v>65440</v>
      </c>
      <c r="H17902" s="1" t="s">
        <v>65441</v>
      </c>
      <c r="I17902" s="1" t="s">
        <v>53800</v>
      </c>
      <c r="J17902" s="1" t="s">
        <v>65479</v>
      </c>
    </row>
    <row r="17903" spans="1:10" x14ac:dyDescent="0.35">
      <c r="A17903" s="1" t="s">
        <v>65438</v>
      </c>
      <c r="B17903" s="1" t="s">
        <v>53796</v>
      </c>
      <c r="C17903" s="1" t="s">
        <v>85</v>
      </c>
      <c r="D17903" s="1" t="s">
        <v>65480</v>
      </c>
      <c r="E17903" s="1" t="s">
        <v>41445</v>
      </c>
      <c r="F17903" s="1" t="s">
        <v>58961</v>
      </c>
      <c r="G17903" s="1" t="s">
        <v>65440</v>
      </c>
      <c r="H17903" s="1" t="s">
        <v>65441</v>
      </c>
      <c r="I17903" s="1" t="s">
        <v>53800</v>
      </c>
      <c r="J17903" s="1" t="s">
        <v>65481</v>
      </c>
    </row>
    <row r="17904" spans="1:10" x14ac:dyDescent="0.35">
      <c r="A17904" s="1" t="s">
        <v>65438</v>
      </c>
      <c r="B17904" s="1" t="s">
        <v>53796</v>
      </c>
      <c r="C17904" s="1" t="s">
        <v>90</v>
      </c>
      <c r="D17904" s="1" t="s">
        <v>65482</v>
      </c>
      <c r="E17904" s="1" t="s">
        <v>53890</v>
      </c>
      <c r="F17904" s="1" t="s">
        <v>64688</v>
      </c>
      <c r="G17904" s="1" t="s">
        <v>65440</v>
      </c>
      <c r="H17904" s="1" t="s">
        <v>65441</v>
      </c>
      <c r="I17904" s="1" t="s">
        <v>53800</v>
      </c>
      <c r="J17904" s="1" t="s">
        <v>65483</v>
      </c>
    </row>
    <row r="17905" spans="1:10" x14ac:dyDescent="0.35">
      <c r="A17905" s="1" t="s">
        <v>65438</v>
      </c>
      <c r="B17905" s="1" t="s">
        <v>53796</v>
      </c>
      <c r="C17905" s="1" t="s">
        <v>95</v>
      </c>
      <c r="D17905" s="1" t="s">
        <v>62778</v>
      </c>
      <c r="E17905" s="1" t="s">
        <v>21974</v>
      </c>
      <c r="F17905" s="1" t="s">
        <v>65484</v>
      </c>
      <c r="G17905" s="1" t="s">
        <v>65440</v>
      </c>
      <c r="H17905" s="1" t="s">
        <v>65441</v>
      </c>
      <c r="I17905" s="1" t="s">
        <v>53800</v>
      </c>
      <c r="J17905" s="1" t="s">
        <v>65485</v>
      </c>
    </row>
    <row r="17906" spans="1:10" x14ac:dyDescent="0.35">
      <c r="A17906" s="1" t="s">
        <v>65438</v>
      </c>
      <c r="B17906" s="1" t="s">
        <v>53796</v>
      </c>
      <c r="C17906" s="1" t="s">
        <v>100</v>
      </c>
      <c r="D17906" s="1" t="s">
        <v>65486</v>
      </c>
      <c r="E17906" s="1" t="s">
        <v>53928</v>
      </c>
      <c r="F17906" s="1" t="s">
        <v>57865</v>
      </c>
      <c r="G17906" s="1" t="s">
        <v>65440</v>
      </c>
      <c r="H17906" s="1" t="s">
        <v>65441</v>
      </c>
      <c r="I17906" s="1" t="s">
        <v>53800</v>
      </c>
      <c r="J17906" s="1" t="s">
        <v>65487</v>
      </c>
    </row>
    <row r="17907" spans="1:10" x14ac:dyDescent="0.35">
      <c r="A17907" s="1" t="s">
        <v>65438</v>
      </c>
      <c r="B17907" s="1" t="s">
        <v>53796</v>
      </c>
      <c r="C17907" s="1" t="s">
        <v>105</v>
      </c>
      <c r="D17907" s="1" t="s">
        <v>65488</v>
      </c>
      <c r="E17907" s="1" t="s">
        <v>56233</v>
      </c>
      <c r="F17907" s="1" t="s">
        <v>65489</v>
      </c>
      <c r="G17907" s="1" t="s">
        <v>65440</v>
      </c>
      <c r="H17907" s="1" t="s">
        <v>65441</v>
      </c>
      <c r="I17907" s="1" t="s">
        <v>53800</v>
      </c>
      <c r="J17907" s="1" t="s">
        <v>65490</v>
      </c>
    </row>
    <row r="17908" spans="1:10" x14ac:dyDescent="0.35">
      <c r="A17908" s="1" t="s">
        <v>65438</v>
      </c>
      <c r="B17908" s="1" t="s">
        <v>53796</v>
      </c>
      <c r="C17908" s="1" t="s">
        <v>110</v>
      </c>
      <c r="D17908" s="1" t="s">
        <v>65491</v>
      </c>
      <c r="E17908" s="1" t="s">
        <v>54383</v>
      </c>
      <c r="F17908" s="1" t="s">
        <v>65492</v>
      </c>
      <c r="G17908" s="1" t="s">
        <v>65440</v>
      </c>
      <c r="H17908" s="1" t="s">
        <v>65441</v>
      </c>
      <c r="I17908" s="1" t="s">
        <v>53800</v>
      </c>
      <c r="J17908" s="1" t="s">
        <v>65493</v>
      </c>
    </row>
    <row r="17909" spans="1:10" x14ac:dyDescent="0.35">
      <c r="A17909" s="1" t="s">
        <v>65438</v>
      </c>
      <c r="B17909" s="1" t="s">
        <v>53796</v>
      </c>
      <c r="C17909" s="1" t="s">
        <v>115</v>
      </c>
      <c r="D17909" s="1" t="s">
        <v>65494</v>
      </c>
      <c r="E17909" s="1" t="s">
        <v>41356</v>
      </c>
      <c r="F17909" s="1" t="s">
        <v>65495</v>
      </c>
      <c r="G17909" s="1" t="s">
        <v>65440</v>
      </c>
      <c r="H17909" s="1" t="s">
        <v>65441</v>
      </c>
      <c r="I17909" s="1" t="s">
        <v>53800</v>
      </c>
      <c r="J17909" s="1" t="s">
        <v>65496</v>
      </c>
    </row>
    <row r="17910" spans="1:10" x14ac:dyDescent="0.35">
      <c r="A17910" s="1" t="s">
        <v>65438</v>
      </c>
      <c r="B17910" s="1" t="s">
        <v>53796</v>
      </c>
      <c r="C17910" s="1" t="s">
        <v>120</v>
      </c>
      <c r="D17910" s="1" t="s">
        <v>65497</v>
      </c>
      <c r="E17910" s="1" t="s">
        <v>53834</v>
      </c>
      <c r="F17910" s="1" t="s">
        <v>32381</v>
      </c>
      <c r="G17910" s="1" t="s">
        <v>65440</v>
      </c>
      <c r="H17910" s="1" t="s">
        <v>65441</v>
      </c>
      <c r="I17910" s="1" t="s">
        <v>53800</v>
      </c>
      <c r="J17910" s="1" t="s">
        <v>65498</v>
      </c>
    </row>
    <row r="17911" spans="1:10" x14ac:dyDescent="0.35">
      <c r="A17911" s="1" t="s">
        <v>65438</v>
      </c>
      <c r="B17911" s="1" t="s">
        <v>53796</v>
      </c>
      <c r="C17911" s="1" t="s">
        <v>125</v>
      </c>
      <c r="D17911" s="1" t="s">
        <v>65499</v>
      </c>
      <c r="E17911" s="1" t="s">
        <v>56246</v>
      </c>
      <c r="F17911" s="1" t="s">
        <v>65500</v>
      </c>
      <c r="G17911" s="1" t="s">
        <v>65440</v>
      </c>
      <c r="H17911" s="1" t="s">
        <v>65441</v>
      </c>
      <c r="I17911" s="1" t="s">
        <v>53800</v>
      </c>
      <c r="J17911" s="1" t="s">
        <v>65501</v>
      </c>
    </row>
    <row r="17912" spans="1:10" x14ac:dyDescent="0.35">
      <c r="A17912" s="1" t="s">
        <v>65438</v>
      </c>
      <c r="B17912" s="1" t="s">
        <v>53796</v>
      </c>
      <c r="C17912" s="1" t="s">
        <v>130</v>
      </c>
      <c r="D17912" s="1" t="s">
        <v>65502</v>
      </c>
      <c r="E17912" s="1" t="s">
        <v>54154</v>
      </c>
      <c r="F17912" s="1" t="s">
        <v>59630</v>
      </c>
      <c r="G17912" s="1" t="s">
        <v>65440</v>
      </c>
      <c r="H17912" s="1" t="s">
        <v>65441</v>
      </c>
      <c r="I17912" s="1" t="s">
        <v>53800</v>
      </c>
      <c r="J17912" s="1" t="s">
        <v>65503</v>
      </c>
    </row>
    <row r="17913" spans="1:10" x14ac:dyDescent="0.35">
      <c r="A17913" s="1" t="s">
        <v>65438</v>
      </c>
      <c r="B17913" s="1" t="s">
        <v>53796</v>
      </c>
      <c r="C17913" s="1" t="s">
        <v>135</v>
      </c>
      <c r="D17913" s="1" t="s">
        <v>65504</v>
      </c>
      <c r="E17913" s="1" t="s">
        <v>54190</v>
      </c>
      <c r="F17913" s="1" t="s">
        <v>65505</v>
      </c>
      <c r="G17913" s="1" t="s">
        <v>65440</v>
      </c>
      <c r="H17913" s="1" t="s">
        <v>65441</v>
      </c>
      <c r="I17913" s="1" t="s">
        <v>53800</v>
      </c>
      <c r="J17913" s="1" t="s">
        <v>65506</v>
      </c>
    </row>
    <row r="17914" spans="1:10" x14ac:dyDescent="0.35">
      <c r="A17914" s="1" t="s">
        <v>65438</v>
      </c>
      <c r="B17914" s="1" t="s">
        <v>53796</v>
      </c>
      <c r="C17914" s="1" t="s">
        <v>140</v>
      </c>
      <c r="D17914" s="1" t="s">
        <v>65507</v>
      </c>
      <c r="E17914" s="1" t="s">
        <v>62137</v>
      </c>
      <c r="F17914" s="1" t="s">
        <v>65508</v>
      </c>
      <c r="G17914" s="1" t="s">
        <v>65440</v>
      </c>
      <c r="H17914" s="1" t="s">
        <v>65441</v>
      </c>
      <c r="I17914" s="1" t="s">
        <v>53800</v>
      </c>
      <c r="J17914" s="1" t="s">
        <v>65509</v>
      </c>
    </row>
    <row r="17915" spans="1:10" x14ac:dyDescent="0.35">
      <c r="A17915" s="1" t="s">
        <v>65438</v>
      </c>
      <c r="B17915" s="1" t="s">
        <v>53796</v>
      </c>
      <c r="C17915" s="1" t="s">
        <v>145</v>
      </c>
      <c r="D17915" s="1" t="s">
        <v>65510</v>
      </c>
      <c r="E17915" s="1" t="s">
        <v>27137</v>
      </c>
      <c r="F17915" s="1" t="s">
        <v>65511</v>
      </c>
      <c r="G17915" s="1" t="s">
        <v>65440</v>
      </c>
      <c r="H17915" s="1" t="s">
        <v>65441</v>
      </c>
      <c r="I17915" s="1" t="s">
        <v>53800</v>
      </c>
      <c r="J17915" s="1" t="s">
        <v>65512</v>
      </c>
    </row>
    <row r="17916" spans="1:10" x14ac:dyDescent="0.35">
      <c r="A17916" s="1" t="s">
        <v>65438</v>
      </c>
      <c r="B17916" s="1" t="s">
        <v>53796</v>
      </c>
      <c r="C17916" s="1" t="s">
        <v>150</v>
      </c>
      <c r="D17916" s="1" t="s">
        <v>65513</v>
      </c>
      <c r="E17916" s="1" t="s">
        <v>26539</v>
      </c>
      <c r="F17916" s="1" t="s">
        <v>65514</v>
      </c>
      <c r="G17916" s="1" t="s">
        <v>65440</v>
      </c>
      <c r="H17916" s="1" t="s">
        <v>65441</v>
      </c>
      <c r="I17916" s="1" t="s">
        <v>53800</v>
      </c>
      <c r="J17916" s="1" t="s">
        <v>65515</v>
      </c>
    </row>
    <row r="17917" spans="1:10" x14ac:dyDescent="0.35">
      <c r="A17917" s="1" t="s">
        <v>65438</v>
      </c>
      <c r="B17917" s="1" t="s">
        <v>53796</v>
      </c>
      <c r="C17917" s="1" t="s">
        <v>155</v>
      </c>
      <c r="D17917" s="1" t="s">
        <v>65516</v>
      </c>
      <c r="E17917" s="1" t="s">
        <v>32576</v>
      </c>
      <c r="F17917" s="1" t="s">
        <v>65517</v>
      </c>
      <c r="G17917" s="1" t="s">
        <v>65440</v>
      </c>
      <c r="H17917" s="1" t="s">
        <v>65441</v>
      </c>
      <c r="I17917" s="1" t="s">
        <v>53800</v>
      </c>
      <c r="J17917" s="1" t="s">
        <v>65518</v>
      </c>
    </row>
    <row r="17918" spans="1:10" x14ac:dyDescent="0.35">
      <c r="A17918" s="1" t="s">
        <v>65438</v>
      </c>
      <c r="B17918" s="1" t="s">
        <v>53796</v>
      </c>
      <c r="C17918" s="1" t="s">
        <v>160</v>
      </c>
      <c r="D17918" s="1" t="s">
        <v>65519</v>
      </c>
      <c r="E17918" s="1" t="s">
        <v>57609</v>
      </c>
      <c r="F17918" s="1" t="s">
        <v>65520</v>
      </c>
      <c r="G17918" s="1" t="s">
        <v>65440</v>
      </c>
      <c r="H17918" s="1" t="s">
        <v>65441</v>
      </c>
      <c r="I17918" s="1" t="s">
        <v>53800</v>
      </c>
      <c r="J17918" s="1" t="s">
        <v>65521</v>
      </c>
    </row>
    <row r="17919" spans="1:10" x14ac:dyDescent="0.35">
      <c r="A17919" s="1" t="s">
        <v>65438</v>
      </c>
      <c r="B17919" s="1" t="s">
        <v>53796</v>
      </c>
      <c r="C17919" s="1" t="s">
        <v>165</v>
      </c>
      <c r="D17919" s="1" t="s">
        <v>65522</v>
      </c>
      <c r="E17919" s="1" t="s">
        <v>24213</v>
      </c>
      <c r="F17919" s="1" t="s">
        <v>65523</v>
      </c>
      <c r="G17919" s="1" t="s">
        <v>65440</v>
      </c>
      <c r="H17919" s="1" t="s">
        <v>65441</v>
      </c>
      <c r="I17919" s="1" t="s">
        <v>53800</v>
      </c>
      <c r="J17919" s="1" t="s">
        <v>65524</v>
      </c>
    </row>
    <row r="17920" spans="1:10" x14ac:dyDescent="0.35">
      <c r="A17920" s="1" t="s">
        <v>65438</v>
      </c>
      <c r="B17920" s="1" t="s">
        <v>53796</v>
      </c>
      <c r="C17920" s="1" t="s">
        <v>170</v>
      </c>
      <c r="D17920" s="1" t="s">
        <v>65525</v>
      </c>
      <c r="E17920" s="1" t="s">
        <v>27074</v>
      </c>
      <c r="F17920" s="1" t="s">
        <v>65526</v>
      </c>
      <c r="G17920" s="1" t="s">
        <v>65440</v>
      </c>
      <c r="H17920" s="1" t="s">
        <v>65441</v>
      </c>
      <c r="I17920" s="1" t="s">
        <v>53800</v>
      </c>
      <c r="J17920" s="1" t="s">
        <v>65527</v>
      </c>
    </row>
    <row r="17921" spans="1:10" x14ac:dyDescent="0.35">
      <c r="A17921" s="1" t="s">
        <v>65528</v>
      </c>
      <c r="B17921" s="1" t="s">
        <v>53796</v>
      </c>
      <c r="C17921" s="1" t="s">
        <v>8</v>
      </c>
      <c r="D17921" s="1" t="s">
        <v>65529</v>
      </c>
      <c r="E17921" s="1" t="s">
        <v>12883</v>
      </c>
      <c r="F17921" s="1" t="s">
        <v>65530</v>
      </c>
      <c r="G17921" s="1" t="s">
        <v>65531</v>
      </c>
      <c r="H17921" s="1" t="s">
        <v>65532</v>
      </c>
      <c r="I17921" s="1" t="s">
        <v>53800</v>
      </c>
      <c r="J17921" s="1" t="s">
        <v>13</v>
      </c>
    </row>
    <row r="17922" spans="1:10" x14ac:dyDescent="0.35">
      <c r="A17922" s="1" t="s">
        <v>65528</v>
      </c>
      <c r="B17922" s="1" t="s">
        <v>53796</v>
      </c>
      <c r="C17922" s="1" t="s">
        <v>15</v>
      </c>
      <c r="D17922" s="1" t="s">
        <v>65533</v>
      </c>
      <c r="E17922" s="1" t="s">
        <v>58497</v>
      </c>
      <c r="F17922" s="1" t="s">
        <v>59706</v>
      </c>
      <c r="G17922" s="1" t="s">
        <v>65531</v>
      </c>
      <c r="H17922" s="1" t="s">
        <v>65532</v>
      </c>
      <c r="I17922" s="1" t="s">
        <v>53800</v>
      </c>
      <c r="J17922" s="1" t="s">
        <v>65534</v>
      </c>
    </row>
    <row r="17923" spans="1:10" x14ac:dyDescent="0.35">
      <c r="A17923" s="1" t="s">
        <v>65528</v>
      </c>
      <c r="B17923" s="1" t="s">
        <v>53796</v>
      </c>
      <c r="C17923" s="1" t="s">
        <v>20</v>
      </c>
      <c r="D17923" s="1" t="s">
        <v>65535</v>
      </c>
      <c r="E17923" s="1" t="s">
        <v>15361</v>
      </c>
      <c r="F17923" s="1" t="s">
        <v>65536</v>
      </c>
      <c r="G17923" s="1" t="s">
        <v>65531</v>
      </c>
      <c r="H17923" s="1" t="s">
        <v>65532</v>
      </c>
      <c r="I17923" s="1" t="s">
        <v>53800</v>
      </c>
      <c r="J17923" s="1" t="s">
        <v>65537</v>
      </c>
    </row>
    <row r="17924" spans="1:10" x14ac:dyDescent="0.35">
      <c r="A17924" s="1" t="s">
        <v>65528</v>
      </c>
      <c r="B17924" s="1" t="s">
        <v>53796</v>
      </c>
      <c r="C17924" s="1" t="s">
        <v>25</v>
      </c>
      <c r="D17924" s="1" t="s">
        <v>65538</v>
      </c>
      <c r="E17924" s="1" t="s">
        <v>54038</v>
      </c>
      <c r="F17924" s="1" t="s">
        <v>65539</v>
      </c>
      <c r="G17924" s="1" t="s">
        <v>65531</v>
      </c>
      <c r="H17924" s="1" t="s">
        <v>65532</v>
      </c>
      <c r="I17924" s="1" t="s">
        <v>53800</v>
      </c>
      <c r="J17924" s="1" t="s">
        <v>65540</v>
      </c>
    </row>
    <row r="17925" spans="1:10" x14ac:dyDescent="0.35">
      <c r="A17925" s="1" t="s">
        <v>65528</v>
      </c>
      <c r="B17925" s="1" t="s">
        <v>53796</v>
      </c>
      <c r="C17925" s="1" t="s">
        <v>30</v>
      </c>
      <c r="D17925" s="1" t="s">
        <v>61219</v>
      </c>
      <c r="E17925" s="1" t="s">
        <v>54178</v>
      </c>
      <c r="F17925" s="1" t="s">
        <v>65541</v>
      </c>
      <c r="G17925" s="1" t="s">
        <v>65531</v>
      </c>
      <c r="H17925" s="1" t="s">
        <v>65532</v>
      </c>
      <c r="I17925" s="1" t="s">
        <v>53800</v>
      </c>
      <c r="J17925" s="1" t="s">
        <v>65542</v>
      </c>
    </row>
    <row r="17926" spans="1:10" x14ac:dyDescent="0.35">
      <c r="A17926" s="1" t="s">
        <v>65528</v>
      </c>
      <c r="B17926" s="1" t="s">
        <v>53796</v>
      </c>
      <c r="C17926" s="1" t="s">
        <v>35</v>
      </c>
      <c r="D17926" s="1" t="s">
        <v>62072</v>
      </c>
      <c r="E17926" s="1" t="s">
        <v>12841</v>
      </c>
      <c r="F17926" s="1" t="s">
        <v>65543</v>
      </c>
      <c r="G17926" s="1" t="s">
        <v>65531</v>
      </c>
      <c r="H17926" s="1" t="s">
        <v>65532</v>
      </c>
      <c r="I17926" s="1" t="s">
        <v>53800</v>
      </c>
      <c r="J17926" s="1" t="s">
        <v>65544</v>
      </c>
    </row>
    <row r="17927" spans="1:10" x14ac:dyDescent="0.35">
      <c r="A17927" s="1" t="s">
        <v>65528</v>
      </c>
      <c r="B17927" s="1" t="s">
        <v>53796</v>
      </c>
      <c r="C17927" s="1" t="s">
        <v>40</v>
      </c>
      <c r="D17927" s="1" t="s">
        <v>65545</v>
      </c>
      <c r="E17927" s="1" t="s">
        <v>56889</v>
      </c>
      <c r="F17927" s="1" t="s">
        <v>65546</v>
      </c>
      <c r="G17927" s="1" t="s">
        <v>65531</v>
      </c>
      <c r="H17927" s="1" t="s">
        <v>65532</v>
      </c>
      <c r="I17927" s="1" t="s">
        <v>53800</v>
      </c>
      <c r="J17927" s="1" t="s">
        <v>65547</v>
      </c>
    </row>
    <row r="17928" spans="1:10" x14ac:dyDescent="0.35">
      <c r="A17928" s="1" t="s">
        <v>65528</v>
      </c>
      <c r="B17928" s="1" t="s">
        <v>53796</v>
      </c>
      <c r="C17928" s="1" t="s">
        <v>45</v>
      </c>
      <c r="D17928" s="1" t="s">
        <v>61421</v>
      </c>
      <c r="E17928" s="1" t="s">
        <v>31452</v>
      </c>
      <c r="F17928" s="1" t="s">
        <v>65548</v>
      </c>
      <c r="G17928" s="1" t="s">
        <v>65531</v>
      </c>
      <c r="H17928" s="1" t="s">
        <v>65532</v>
      </c>
      <c r="I17928" s="1" t="s">
        <v>53800</v>
      </c>
      <c r="J17928" s="1" t="s">
        <v>65549</v>
      </c>
    </row>
    <row r="17929" spans="1:10" x14ac:dyDescent="0.35">
      <c r="A17929" s="1" t="s">
        <v>65528</v>
      </c>
      <c r="B17929" s="1" t="s">
        <v>53796</v>
      </c>
      <c r="C17929" s="1" t="s">
        <v>50</v>
      </c>
      <c r="D17929" s="1" t="s">
        <v>65550</v>
      </c>
      <c r="E17929" s="1" t="s">
        <v>53936</v>
      </c>
      <c r="F17929" s="1" t="s">
        <v>65551</v>
      </c>
      <c r="G17929" s="1" t="s">
        <v>65531</v>
      </c>
      <c r="H17929" s="1" t="s">
        <v>65532</v>
      </c>
      <c r="I17929" s="1" t="s">
        <v>53800</v>
      </c>
      <c r="J17929" s="1" t="s">
        <v>65552</v>
      </c>
    </row>
    <row r="17930" spans="1:10" x14ac:dyDescent="0.35">
      <c r="A17930" s="1" t="s">
        <v>65528</v>
      </c>
      <c r="B17930" s="1" t="s">
        <v>53796</v>
      </c>
      <c r="C17930" s="1" t="s">
        <v>55</v>
      </c>
      <c r="D17930" s="1" t="s">
        <v>59238</v>
      </c>
      <c r="E17930" s="1" t="s">
        <v>16168</v>
      </c>
      <c r="F17930" s="1" t="s">
        <v>65553</v>
      </c>
      <c r="G17930" s="1" t="s">
        <v>65531</v>
      </c>
      <c r="H17930" s="1" t="s">
        <v>65532</v>
      </c>
      <c r="I17930" s="1" t="s">
        <v>53800</v>
      </c>
      <c r="J17930" s="1" t="s">
        <v>65554</v>
      </c>
    </row>
    <row r="17931" spans="1:10" x14ac:dyDescent="0.35">
      <c r="A17931" s="1" t="s">
        <v>65528</v>
      </c>
      <c r="B17931" s="1" t="s">
        <v>53796</v>
      </c>
      <c r="C17931" s="1" t="s">
        <v>60</v>
      </c>
      <c r="D17931" s="1" t="s">
        <v>65555</v>
      </c>
      <c r="E17931" s="1" t="s">
        <v>15278</v>
      </c>
      <c r="F17931" s="1" t="s">
        <v>21891</v>
      </c>
      <c r="G17931" s="1" t="s">
        <v>65531</v>
      </c>
      <c r="H17931" s="1" t="s">
        <v>65532</v>
      </c>
      <c r="I17931" s="1" t="s">
        <v>53800</v>
      </c>
      <c r="J17931" s="1" t="s">
        <v>65556</v>
      </c>
    </row>
    <row r="17932" spans="1:10" x14ac:dyDescent="0.35">
      <c r="A17932" s="1" t="s">
        <v>65528</v>
      </c>
      <c r="B17932" s="1" t="s">
        <v>53796</v>
      </c>
      <c r="C17932" s="1" t="s">
        <v>65</v>
      </c>
      <c r="D17932" s="1" t="s">
        <v>65557</v>
      </c>
      <c r="E17932" s="1" t="s">
        <v>57982</v>
      </c>
      <c r="F17932" s="1" t="s">
        <v>65558</v>
      </c>
      <c r="G17932" s="1" t="s">
        <v>65531</v>
      </c>
      <c r="H17932" s="1" t="s">
        <v>65532</v>
      </c>
      <c r="I17932" s="1" t="s">
        <v>53800</v>
      </c>
      <c r="J17932" s="1" t="s">
        <v>65559</v>
      </c>
    </row>
    <row r="17933" spans="1:10" x14ac:dyDescent="0.35">
      <c r="A17933" s="1" t="s">
        <v>65528</v>
      </c>
      <c r="B17933" s="1" t="s">
        <v>53796</v>
      </c>
      <c r="C17933" s="1" t="s">
        <v>70</v>
      </c>
      <c r="D17933" s="1" t="s">
        <v>65560</v>
      </c>
      <c r="E17933" s="1" t="s">
        <v>56476</v>
      </c>
      <c r="F17933" s="1" t="s">
        <v>63834</v>
      </c>
      <c r="G17933" s="1" t="s">
        <v>65531</v>
      </c>
      <c r="H17933" s="1" t="s">
        <v>65532</v>
      </c>
      <c r="I17933" s="1" t="s">
        <v>53800</v>
      </c>
      <c r="J17933" s="1" t="s">
        <v>65561</v>
      </c>
    </row>
    <row r="17934" spans="1:10" x14ac:dyDescent="0.35">
      <c r="A17934" s="1" t="s">
        <v>65528</v>
      </c>
      <c r="B17934" s="1" t="s">
        <v>53796</v>
      </c>
      <c r="C17934" s="1" t="s">
        <v>75</v>
      </c>
      <c r="D17934" s="1" t="s">
        <v>65562</v>
      </c>
      <c r="E17934" s="1" t="s">
        <v>59501</v>
      </c>
      <c r="F17934" s="1" t="s">
        <v>65563</v>
      </c>
      <c r="G17934" s="1" t="s">
        <v>65531</v>
      </c>
      <c r="H17934" s="1" t="s">
        <v>65532</v>
      </c>
      <c r="I17934" s="1" t="s">
        <v>53800</v>
      </c>
      <c r="J17934" s="1" t="s">
        <v>65564</v>
      </c>
    </row>
    <row r="17935" spans="1:10" x14ac:dyDescent="0.35">
      <c r="A17935" s="1" t="s">
        <v>65528</v>
      </c>
      <c r="B17935" s="1" t="s">
        <v>53796</v>
      </c>
      <c r="C17935" s="1" t="s">
        <v>80</v>
      </c>
      <c r="D17935" s="1" t="s">
        <v>65565</v>
      </c>
      <c r="E17935" s="1" t="s">
        <v>27070</v>
      </c>
      <c r="F17935" s="1" t="s">
        <v>65566</v>
      </c>
      <c r="G17935" s="1" t="s">
        <v>65531</v>
      </c>
      <c r="H17935" s="1" t="s">
        <v>65532</v>
      </c>
      <c r="I17935" s="1" t="s">
        <v>53800</v>
      </c>
      <c r="J17935" s="1" t="s">
        <v>65567</v>
      </c>
    </row>
    <row r="17936" spans="1:10" x14ac:dyDescent="0.35">
      <c r="A17936" s="1" t="s">
        <v>65528</v>
      </c>
      <c r="B17936" s="1" t="s">
        <v>53796</v>
      </c>
      <c r="C17936" s="1" t="s">
        <v>85</v>
      </c>
      <c r="D17936" s="1" t="s">
        <v>65568</v>
      </c>
      <c r="E17936" s="1" t="s">
        <v>12841</v>
      </c>
      <c r="F17936" s="1" t="s">
        <v>65569</v>
      </c>
      <c r="G17936" s="1" t="s">
        <v>65531</v>
      </c>
      <c r="H17936" s="1" t="s">
        <v>65532</v>
      </c>
      <c r="I17936" s="1" t="s">
        <v>53800</v>
      </c>
      <c r="J17936" s="1" t="s">
        <v>65570</v>
      </c>
    </row>
    <row r="17937" spans="1:10" x14ac:dyDescent="0.35">
      <c r="A17937" s="1" t="s">
        <v>65528</v>
      </c>
      <c r="B17937" s="1" t="s">
        <v>53796</v>
      </c>
      <c r="C17937" s="1" t="s">
        <v>90</v>
      </c>
      <c r="D17937" s="1" t="s">
        <v>65571</v>
      </c>
      <c r="E17937" s="1" t="s">
        <v>15927</v>
      </c>
      <c r="F17937" s="1" t="s">
        <v>65572</v>
      </c>
      <c r="G17937" s="1" t="s">
        <v>65531</v>
      </c>
      <c r="H17937" s="1" t="s">
        <v>65532</v>
      </c>
      <c r="I17937" s="1" t="s">
        <v>53800</v>
      </c>
      <c r="J17937" s="1" t="s">
        <v>65573</v>
      </c>
    </row>
    <row r="17938" spans="1:10" x14ac:dyDescent="0.35">
      <c r="A17938" s="1" t="s">
        <v>65528</v>
      </c>
      <c r="B17938" s="1" t="s">
        <v>53796</v>
      </c>
      <c r="C17938" s="1" t="s">
        <v>95</v>
      </c>
      <c r="D17938" s="1" t="s">
        <v>65574</v>
      </c>
      <c r="E17938" s="1" t="s">
        <v>41226</v>
      </c>
      <c r="F17938" s="1" t="s">
        <v>65575</v>
      </c>
      <c r="G17938" s="1" t="s">
        <v>65531</v>
      </c>
      <c r="H17938" s="1" t="s">
        <v>65532</v>
      </c>
      <c r="I17938" s="1" t="s">
        <v>53800</v>
      </c>
      <c r="J17938" s="1" t="s">
        <v>65576</v>
      </c>
    </row>
    <row r="17939" spans="1:10" x14ac:dyDescent="0.35">
      <c r="A17939" s="1" t="s">
        <v>65528</v>
      </c>
      <c r="B17939" s="1" t="s">
        <v>53796</v>
      </c>
      <c r="C17939" s="1" t="s">
        <v>100</v>
      </c>
      <c r="D17939" s="1" t="s">
        <v>65577</v>
      </c>
      <c r="E17939" s="1" t="s">
        <v>23446</v>
      </c>
      <c r="F17939" s="1" t="s">
        <v>65578</v>
      </c>
      <c r="G17939" s="1" t="s">
        <v>65531</v>
      </c>
      <c r="H17939" s="1" t="s">
        <v>65532</v>
      </c>
      <c r="I17939" s="1" t="s">
        <v>53800</v>
      </c>
      <c r="J17939" s="1" t="s">
        <v>65579</v>
      </c>
    </row>
    <row r="17940" spans="1:10" x14ac:dyDescent="0.35">
      <c r="A17940" s="1" t="s">
        <v>65528</v>
      </c>
      <c r="B17940" s="1" t="s">
        <v>53796</v>
      </c>
      <c r="C17940" s="1" t="s">
        <v>105</v>
      </c>
      <c r="D17940" s="1" t="s">
        <v>65580</v>
      </c>
      <c r="E17940" s="1" t="s">
        <v>15369</v>
      </c>
      <c r="F17940" s="1" t="s">
        <v>63021</v>
      </c>
      <c r="G17940" s="1" t="s">
        <v>65531</v>
      </c>
      <c r="H17940" s="1" t="s">
        <v>65532</v>
      </c>
      <c r="I17940" s="1" t="s">
        <v>53800</v>
      </c>
      <c r="J17940" s="1" t="s">
        <v>65581</v>
      </c>
    </row>
    <row r="17941" spans="1:10" x14ac:dyDescent="0.35">
      <c r="A17941" s="1" t="s">
        <v>65528</v>
      </c>
      <c r="B17941" s="1" t="s">
        <v>53796</v>
      </c>
      <c r="C17941" s="1" t="s">
        <v>110</v>
      </c>
      <c r="D17941" s="1" t="s">
        <v>65582</v>
      </c>
      <c r="E17941" s="1" t="s">
        <v>12857</v>
      </c>
      <c r="F17941" s="1" t="s">
        <v>31453</v>
      </c>
      <c r="G17941" s="1" t="s">
        <v>65531</v>
      </c>
      <c r="H17941" s="1" t="s">
        <v>65532</v>
      </c>
      <c r="I17941" s="1" t="s">
        <v>53800</v>
      </c>
      <c r="J17941" s="1" t="s">
        <v>65583</v>
      </c>
    </row>
    <row r="17942" spans="1:10" x14ac:dyDescent="0.35">
      <c r="A17942" s="1" t="s">
        <v>65528</v>
      </c>
      <c r="B17942" s="1" t="s">
        <v>53796</v>
      </c>
      <c r="C17942" s="1" t="s">
        <v>115</v>
      </c>
      <c r="D17942" s="1" t="s">
        <v>65584</v>
      </c>
      <c r="E17942" s="1" t="s">
        <v>56250</v>
      </c>
      <c r="F17942" s="1" t="s">
        <v>33005</v>
      </c>
      <c r="G17942" s="1" t="s">
        <v>65531</v>
      </c>
      <c r="H17942" s="1" t="s">
        <v>65532</v>
      </c>
      <c r="I17942" s="1" t="s">
        <v>53800</v>
      </c>
      <c r="J17942" s="1" t="s">
        <v>65585</v>
      </c>
    </row>
    <row r="17943" spans="1:10" x14ac:dyDescent="0.35">
      <c r="A17943" s="1" t="s">
        <v>65528</v>
      </c>
      <c r="B17943" s="1" t="s">
        <v>53796</v>
      </c>
      <c r="C17943" s="1" t="s">
        <v>120</v>
      </c>
      <c r="D17943" s="1" t="s">
        <v>65586</v>
      </c>
      <c r="E17943" s="1" t="s">
        <v>23404</v>
      </c>
      <c r="F17943" s="1" t="s">
        <v>65587</v>
      </c>
      <c r="G17943" s="1" t="s">
        <v>65531</v>
      </c>
      <c r="H17943" s="1" t="s">
        <v>65532</v>
      </c>
      <c r="I17943" s="1" t="s">
        <v>53800</v>
      </c>
      <c r="J17943" s="1" t="s">
        <v>65588</v>
      </c>
    </row>
    <row r="17944" spans="1:10" x14ac:dyDescent="0.35">
      <c r="A17944" s="1" t="s">
        <v>65528</v>
      </c>
      <c r="B17944" s="1" t="s">
        <v>53796</v>
      </c>
      <c r="C17944" s="1" t="s">
        <v>125</v>
      </c>
      <c r="D17944" s="1" t="s">
        <v>65589</v>
      </c>
      <c r="E17944" s="1" t="s">
        <v>58415</v>
      </c>
      <c r="F17944" s="1" t="s">
        <v>65590</v>
      </c>
      <c r="G17944" s="1" t="s">
        <v>65531</v>
      </c>
      <c r="H17944" s="1" t="s">
        <v>65532</v>
      </c>
      <c r="I17944" s="1" t="s">
        <v>53800</v>
      </c>
      <c r="J17944" s="1" t="s">
        <v>65591</v>
      </c>
    </row>
    <row r="17945" spans="1:10" x14ac:dyDescent="0.35">
      <c r="A17945" s="1" t="s">
        <v>65528</v>
      </c>
      <c r="B17945" s="1" t="s">
        <v>53796</v>
      </c>
      <c r="C17945" s="1" t="s">
        <v>130</v>
      </c>
      <c r="D17945" s="1" t="s">
        <v>65592</v>
      </c>
      <c r="E17945" s="1" t="s">
        <v>62760</v>
      </c>
      <c r="F17945" s="1" t="s">
        <v>65593</v>
      </c>
      <c r="G17945" s="1" t="s">
        <v>65531</v>
      </c>
      <c r="H17945" s="1" t="s">
        <v>65532</v>
      </c>
      <c r="I17945" s="1" t="s">
        <v>53800</v>
      </c>
      <c r="J17945" s="1" t="s">
        <v>65594</v>
      </c>
    </row>
    <row r="17946" spans="1:10" x14ac:dyDescent="0.35">
      <c r="A17946" s="1" t="s">
        <v>65528</v>
      </c>
      <c r="B17946" s="1" t="s">
        <v>53796</v>
      </c>
      <c r="C17946" s="1" t="s">
        <v>135</v>
      </c>
      <c r="D17946" s="1" t="s">
        <v>65595</v>
      </c>
      <c r="E17946" s="1" t="s">
        <v>59633</v>
      </c>
      <c r="F17946" s="1" t="s">
        <v>65596</v>
      </c>
      <c r="G17946" s="1" t="s">
        <v>65531</v>
      </c>
      <c r="H17946" s="1" t="s">
        <v>65532</v>
      </c>
      <c r="I17946" s="1" t="s">
        <v>53800</v>
      </c>
      <c r="J17946" s="1" t="s">
        <v>65597</v>
      </c>
    </row>
    <row r="17947" spans="1:10" x14ac:dyDescent="0.35">
      <c r="A17947" s="1" t="s">
        <v>65528</v>
      </c>
      <c r="B17947" s="1" t="s">
        <v>53796</v>
      </c>
      <c r="C17947" s="1" t="s">
        <v>140</v>
      </c>
      <c r="D17947" s="1" t="s">
        <v>65598</v>
      </c>
      <c r="E17947" s="1" t="s">
        <v>23236</v>
      </c>
      <c r="F17947" s="1" t="s">
        <v>56128</v>
      </c>
      <c r="G17947" s="1" t="s">
        <v>65531</v>
      </c>
      <c r="H17947" s="1" t="s">
        <v>65532</v>
      </c>
      <c r="I17947" s="1" t="s">
        <v>53800</v>
      </c>
      <c r="J17947" s="1" t="s">
        <v>65599</v>
      </c>
    </row>
    <row r="17948" spans="1:10" x14ac:dyDescent="0.35">
      <c r="A17948" s="1" t="s">
        <v>65528</v>
      </c>
      <c r="B17948" s="1" t="s">
        <v>53796</v>
      </c>
      <c r="C17948" s="1" t="s">
        <v>145</v>
      </c>
      <c r="D17948" s="1" t="s">
        <v>65600</v>
      </c>
      <c r="E17948" s="1" t="s">
        <v>65601</v>
      </c>
      <c r="F17948" s="1" t="s">
        <v>65602</v>
      </c>
      <c r="G17948" s="1" t="s">
        <v>65531</v>
      </c>
      <c r="H17948" s="1" t="s">
        <v>65532</v>
      </c>
      <c r="I17948" s="1" t="s">
        <v>53800</v>
      </c>
      <c r="J17948" s="1" t="s">
        <v>65603</v>
      </c>
    </row>
    <row r="17949" spans="1:10" x14ac:dyDescent="0.35">
      <c r="A17949" s="1" t="s">
        <v>65528</v>
      </c>
      <c r="B17949" s="1" t="s">
        <v>53796</v>
      </c>
      <c r="C17949" s="1" t="s">
        <v>150</v>
      </c>
      <c r="D17949" s="1" t="s">
        <v>65604</v>
      </c>
      <c r="E17949" s="1" t="s">
        <v>27058</v>
      </c>
      <c r="F17949" s="1" t="s">
        <v>59808</v>
      </c>
      <c r="G17949" s="1" t="s">
        <v>65531</v>
      </c>
      <c r="H17949" s="1" t="s">
        <v>65532</v>
      </c>
      <c r="I17949" s="1" t="s">
        <v>53800</v>
      </c>
      <c r="J17949" s="1" t="s">
        <v>65605</v>
      </c>
    </row>
    <row r="17950" spans="1:10" x14ac:dyDescent="0.35">
      <c r="A17950" s="1" t="s">
        <v>65528</v>
      </c>
      <c r="B17950" s="1" t="s">
        <v>53796</v>
      </c>
      <c r="C17950" s="1" t="s">
        <v>155</v>
      </c>
      <c r="D17950" s="1" t="s">
        <v>65606</v>
      </c>
      <c r="E17950" s="1" t="s">
        <v>15845</v>
      </c>
      <c r="F17950" s="1" t="s">
        <v>65607</v>
      </c>
      <c r="G17950" s="1" t="s">
        <v>65531</v>
      </c>
      <c r="H17950" s="1" t="s">
        <v>65532</v>
      </c>
      <c r="I17950" s="1" t="s">
        <v>53800</v>
      </c>
      <c r="J17950" s="1" t="s">
        <v>65608</v>
      </c>
    </row>
    <row r="17951" spans="1:10" x14ac:dyDescent="0.35">
      <c r="A17951" s="1" t="s">
        <v>65528</v>
      </c>
      <c r="B17951" s="1" t="s">
        <v>53796</v>
      </c>
      <c r="C17951" s="1" t="s">
        <v>160</v>
      </c>
      <c r="D17951" s="1" t="s">
        <v>65609</v>
      </c>
      <c r="E17951" s="1" t="s">
        <v>32604</v>
      </c>
      <c r="F17951" s="1" t="s">
        <v>65610</v>
      </c>
      <c r="G17951" s="1" t="s">
        <v>65531</v>
      </c>
      <c r="H17951" s="1" t="s">
        <v>65532</v>
      </c>
      <c r="I17951" s="1" t="s">
        <v>53800</v>
      </c>
      <c r="J17951" s="1" t="s">
        <v>65611</v>
      </c>
    </row>
    <row r="17952" spans="1:10" x14ac:dyDescent="0.35">
      <c r="A17952" s="1" t="s">
        <v>65528</v>
      </c>
      <c r="B17952" s="1" t="s">
        <v>53796</v>
      </c>
      <c r="C17952" s="1" t="s">
        <v>165</v>
      </c>
      <c r="D17952" s="1" t="s">
        <v>58036</v>
      </c>
      <c r="E17952" s="1" t="s">
        <v>32344</v>
      </c>
      <c r="F17952" s="1" t="s">
        <v>65612</v>
      </c>
      <c r="G17952" s="1" t="s">
        <v>65531</v>
      </c>
      <c r="H17952" s="1" t="s">
        <v>65532</v>
      </c>
      <c r="I17952" s="1" t="s">
        <v>53800</v>
      </c>
      <c r="J17952" s="1" t="s">
        <v>65613</v>
      </c>
    </row>
    <row r="17953" spans="1:10" x14ac:dyDescent="0.35">
      <c r="A17953" s="1" t="s">
        <v>65528</v>
      </c>
      <c r="B17953" s="1" t="s">
        <v>53796</v>
      </c>
      <c r="C17953" s="1" t="s">
        <v>170</v>
      </c>
      <c r="D17953" s="1" t="s">
        <v>65614</v>
      </c>
      <c r="E17953" s="1" t="s">
        <v>65615</v>
      </c>
      <c r="F17953" s="1" t="s">
        <v>65616</v>
      </c>
      <c r="G17953" s="1" t="s">
        <v>65531</v>
      </c>
      <c r="H17953" s="1" t="s">
        <v>65532</v>
      </c>
      <c r="I17953" s="1" t="s">
        <v>53800</v>
      </c>
      <c r="J17953" s="1" t="s">
        <v>65617</v>
      </c>
    </row>
    <row r="17954" spans="1:10" x14ac:dyDescent="0.35">
      <c r="A17954" s="1" t="s">
        <v>13782</v>
      </c>
      <c r="B17954" s="1" t="s">
        <v>53796</v>
      </c>
      <c r="C17954" s="1" t="s">
        <v>8</v>
      </c>
      <c r="D17954" s="1" t="s">
        <v>65618</v>
      </c>
      <c r="E17954" s="1" t="s">
        <v>26435</v>
      </c>
      <c r="F17954" s="1" t="s">
        <v>65619</v>
      </c>
      <c r="G17954" s="1" t="s">
        <v>65620</v>
      </c>
      <c r="H17954" s="1" t="s">
        <v>65621</v>
      </c>
      <c r="I17954" s="1" t="s">
        <v>53800</v>
      </c>
      <c r="J17954" s="1" t="s">
        <v>13</v>
      </c>
    </row>
    <row r="17955" spans="1:10" x14ac:dyDescent="0.35">
      <c r="A17955" s="1" t="s">
        <v>13782</v>
      </c>
      <c r="B17955" s="1" t="s">
        <v>53796</v>
      </c>
      <c r="C17955" s="1" t="s">
        <v>15</v>
      </c>
      <c r="D17955" s="1" t="s">
        <v>65622</v>
      </c>
      <c r="E17955" s="1" t="s">
        <v>21768</v>
      </c>
      <c r="F17955" s="1" t="s">
        <v>60522</v>
      </c>
      <c r="G17955" s="1" t="s">
        <v>65620</v>
      </c>
      <c r="H17955" s="1" t="s">
        <v>65621</v>
      </c>
      <c r="I17955" s="1" t="s">
        <v>53800</v>
      </c>
      <c r="J17955" s="1" t="s">
        <v>65623</v>
      </c>
    </row>
    <row r="17956" spans="1:10" x14ac:dyDescent="0.35">
      <c r="A17956" s="1" t="s">
        <v>13782</v>
      </c>
      <c r="B17956" s="1" t="s">
        <v>53796</v>
      </c>
      <c r="C17956" s="1" t="s">
        <v>20</v>
      </c>
      <c r="D17956" s="1" t="s">
        <v>53381</v>
      </c>
      <c r="E17956" s="1" t="s">
        <v>54038</v>
      </c>
      <c r="F17956" s="1" t="s">
        <v>65624</v>
      </c>
      <c r="G17956" s="1" t="s">
        <v>65620</v>
      </c>
      <c r="H17956" s="1" t="s">
        <v>65621</v>
      </c>
      <c r="I17956" s="1" t="s">
        <v>53800</v>
      </c>
      <c r="J17956" s="1" t="s">
        <v>65625</v>
      </c>
    </row>
    <row r="17957" spans="1:10" x14ac:dyDescent="0.35">
      <c r="A17957" s="1" t="s">
        <v>13782</v>
      </c>
      <c r="B17957" s="1" t="s">
        <v>53796</v>
      </c>
      <c r="C17957" s="1" t="s">
        <v>25</v>
      </c>
      <c r="D17957" s="1" t="s">
        <v>65626</v>
      </c>
      <c r="E17957" s="1" t="s">
        <v>22998</v>
      </c>
      <c r="F17957" s="1" t="s">
        <v>65627</v>
      </c>
      <c r="G17957" s="1" t="s">
        <v>65620</v>
      </c>
      <c r="H17957" s="1" t="s">
        <v>65621</v>
      </c>
      <c r="I17957" s="1" t="s">
        <v>53800</v>
      </c>
      <c r="J17957" s="1" t="s">
        <v>65628</v>
      </c>
    </row>
    <row r="17958" spans="1:10" x14ac:dyDescent="0.35">
      <c r="A17958" s="1" t="s">
        <v>13782</v>
      </c>
      <c r="B17958" s="1" t="s">
        <v>53796</v>
      </c>
      <c r="C17958" s="1" t="s">
        <v>30</v>
      </c>
      <c r="D17958" s="1" t="s">
        <v>53374</v>
      </c>
      <c r="E17958" s="1" t="s">
        <v>16079</v>
      </c>
      <c r="F17958" s="1" t="s">
        <v>65629</v>
      </c>
      <c r="G17958" s="1" t="s">
        <v>65620</v>
      </c>
      <c r="H17958" s="1" t="s">
        <v>65621</v>
      </c>
      <c r="I17958" s="1" t="s">
        <v>53800</v>
      </c>
      <c r="J17958" s="1" t="s">
        <v>65630</v>
      </c>
    </row>
    <row r="17959" spans="1:10" x14ac:dyDescent="0.35">
      <c r="A17959" s="1" t="s">
        <v>13782</v>
      </c>
      <c r="B17959" s="1" t="s">
        <v>53796</v>
      </c>
      <c r="C17959" s="1" t="s">
        <v>35</v>
      </c>
      <c r="D17959" s="1" t="s">
        <v>62629</v>
      </c>
      <c r="E17959" s="1" t="s">
        <v>41429</v>
      </c>
      <c r="F17959" s="1" t="s">
        <v>65631</v>
      </c>
      <c r="G17959" s="1" t="s">
        <v>65620</v>
      </c>
      <c r="H17959" s="1" t="s">
        <v>65621</v>
      </c>
      <c r="I17959" s="1" t="s">
        <v>53800</v>
      </c>
      <c r="J17959" s="1" t="s">
        <v>65632</v>
      </c>
    </row>
    <row r="17960" spans="1:10" x14ac:dyDescent="0.35">
      <c r="A17960" s="1" t="s">
        <v>13782</v>
      </c>
      <c r="B17960" s="1" t="s">
        <v>53796</v>
      </c>
      <c r="C17960" s="1" t="s">
        <v>40</v>
      </c>
      <c r="D17960" s="1" t="s">
        <v>65633</v>
      </c>
      <c r="E17960" s="1" t="s">
        <v>62807</v>
      </c>
      <c r="F17960" s="1" t="s">
        <v>65634</v>
      </c>
      <c r="G17960" s="1" t="s">
        <v>65620</v>
      </c>
      <c r="H17960" s="1" t="s">
        <v>65621</v>
      </c>
      <c r="I17960" s="1" t="s">
        <v>53800</v>
      </c>
      <c r="J17960" s="1" t="s">
        <v>65635</v>
      </c>
    </row>
    <row r="17961" spans="1:10" x14ac:dyDescent="0.35">
      <c r="A17961" s="1" t="s">
        <v>13782</v>
      </c>
      <c r="B17961" s="1" t="s">
        <v>53796</v>
      </c>
      <c r="C17961" s="1" t="s">
        <v>45</v>
      </c>
      <c r="D17961" s="1" t="s">
        <v>65636</v>
      </c>
      <c r="E17961" s="1" t="s">
        <v>56246</v>
      </c>
      <c r="F17961" s="1" t="s">
        <v>65637</v>
      </c>
      <c r="G17961" s="1" t="s">
        <v>65620</v>
      </c>
      <c r="H17961" s="1" t="s">
        <v>65621</v>
      </c>
      <c r="I17961" s="1" t="s">
        <v>53800</v>
      </c>
      <c r="J17961" s="1" t="s">
        <v>65638</v>
      </c>
    </row>
    <row r="17962" spans="1:10" x14ac:dyDescent="0.35">
      <c r="A17962" s="1" t="s">
        <v>13782</v>
      </c>
      <c r="B17962" s="1" t="s">
        <v>53796</v>
      </c>
      <c r="C17962" s="1" t="s">
        <v>50</v>
      </c>
      <c r="D17962" s="1" t="s">
        <v>65639</v>
      </c>
      <c r="E17962" s="1" t="s">
        <v>41192</v>
      </c>
      <c r="F17962" s="1" t="s">
        <v>65640</v>
      </c>
      <c r="G17962" s="1" t="s">
        <v>65620</v>
      </c>
      <c r="H17962" s="1" t="s">
        <v>65621</v>
      </c>
      <c r="I17962" s="1" t="s">
        <v>53800</v>
      </c>
      <c r="J17962" s="1" t="s">
        <v>65641</v>
      </c>
    </row>
    <row r="17963" spans="1:10" x14ac:dyDescent="0.35">
      <c r="A17963" s="1" t="s">
        <v>13782</v>
      </c>
      <c r="B17963" s="1" t="s">
        <v>53796</v>
      </c>
      <c r="C17963" s="1" t="s">
        <v>55</v>
      </c>
      <c r="D17963" s="1" t="s">
        <v>65642</v>
      </c>
      <c r="E17963" s="1" t="s">
        <v>56082</v>
      </c>
      <c r="F17963" s="1" t="s">
        <v>65643</v>
      </c>
      <c r="G17963" s="1" t="s">
        <v>65620</v>
      </c>
      <c r="H17963" s="1" t="s">
        <v>65621</v>
      </c>
      <c r="I17963" s="1" t="s">
        <v>53800</v>
      </c>
      <c r="J17963" s="1" t="s">
        <v>65644</v>
      </c>
    </row>
    <row r="17964" spans="1:10" x14ac:dyDescent="0.35">
      <c r="A17964" s="1" t="s">
        <v>13782</v>
      </c>
      <c r="B17964" s="1" t="s">
        <v>53796</v>
      </c>
      <c r="C17964" s="1" t="s">
        <v>60</v>
      </c>
      <c r="D17964" s="1" t="s">
        <v>65645</v>
      </c>
      <c r="E17964" s="1" t="s">
        <v>65646</v>
      </c>
      <c r="F17964" s="1" t="s">
        <v>60835</v>
      </c>
      <c r="G17964" s="1" t="s">
        <v>65620</v>
      </c>
      <c r="H17964" s="1" t="s">
        <v>65621</v>
      </c>
      <c r="I17964" s="1" t="s">
        <v>53800</v>
      </c>
      <c r="J17964" s="1" t="s">
        <v>65647</v>
      </c>
    </row>
    <row r="17965" spans="1:10" x14ac:dyDescent="0.35">
      <c r="A17965" s="1" t="s">
        <v>13782</v>
      </c>
      <c r="B17965" s="1" t="s">
        <v>53796</v>
      </c>
      <c r="C17965" s="1" t="s">
        <v>65</v>
      </c>
      <c r="D17965" s="1" t="s">
        <v>65648</v>
      </c>
      <c r="E17965" s="1" t="s">
        <v>55133</v>
      </c>
      <c r="F17965" s="1" t="s">
        <v>65649</v>
      </c>
      <c r="G17965" s="1" t="s">
        <v>65620</v>
      </c>
      <c r="H17965" s="1" t="s">
        <v>65621</v>
      </c>
      <c r="I17965" s="1" t="s">
        <v>53800</v>
      </c>
      <c r="J17965" s="1" t="s">
        <v>65650</v>
      </c>
    </row>
    <row r="17966" spans="1:10" x14ac:dyDescent="0.35">
      <c r="A17966" s="1" t="s">
        <v>13782</v>
      </c>
      <c r="B17966" s="1" t="s">
        <v>53796</v>
      </c>
      <c r="C17966" s="1" t="s">
        <v>70</v>
      </c>
      <c r="D17966" s="1" t="s">
        <v>65651</v>
      </c>
      <c r="E17966" s="1" t="s">
        <v>56345</v>
      </c>
      <c r="F17966" s="1" t="s">
        <v>65652</v>
      </c>
      <c r="G17966" s="1" t="s">
        <v>65620</v>
      </c>
      <c r="H17966" s="1" t="s">
        <v>65621</v>
      </c>
      <c r="I17966" s="1" t="s">
        <v>53800</v>
      </c>
      <c r="J17966" s="1" t="s">
        <v>65653</v>
      </c>
    </row>
    <row r="17967" spans="1:10" x14ac:dyDescent="0.35">
      <c r="A17967" s="1" t="s">
        <v>13782</v>
      </c>
      <c r="B17967" s="1" t="s">
        <v>53796</v>
      </c>
      <c r="C17967" s="1" t="s">
        <v>75</v>
      </c>
      <c r="D17967" s="1" t="s">
        <v>65654</v>
      </c>
      <c r="E17967" s="1" t="s">
        <v>56956</v>
      </c>
      <c r="F17967" s="1" t="s">
        <v>61819</v>
      </c>
      <c r="G17967" s="1" t="s">
        <v>65620</v>
      </c>
      <c r="H17967" s="1" t="s">
        <v>65621</v>
      </c>
      <c r="I17967" s="1" t="s">
        <v>53800</v>
      </c>
      <c r="J17967" s="1" t="s">
        <v>65655</v>
      </c>
    </row>
    <row r="17968" spans="1:10" x14ac:dyDescent="0.35">
      <c r="A17968" s="1" t="s">
        <v>13782</v>
      </c>
      <c r="B17968" s="1" t="s">
        <v>53796</v>
      </c>
      <c r="C17968" s="1" t="s">
        <v>80</v>
      </c>
      <c r="D17968" s="1" t="s">
        <v>65656</v>
      </c>
      <c r="E17968" s="1" t="s">
        <v>65657</v>
      </c>
      <c r="F17968" s="1" t="s">
        <v>56652</v>
      </c>
      <c r="G17968" s="1" t="s">
        <v>65620</v>
      </c>
      <c r="H17968" s="1" t="s">
        <v>65621</v>
      </c>
      <c r="I17968" s="1" t="s">
        <v>53800</v>
      </c>
      <c r="J17968" s="1" t="s">
        <v>65658</v>
      </c>
    </row>
    <row r="17969" spans="1:10" x14ac:dyDescent="0.35">
      <c r="A17969" s="1" t="s">
        <v>13782</v>
      </c>
      <c r="B17969" s="1" t="s">
        <v>53796</v>
      </c>
      <c r="C17969" s="1" t="s">
        <v>85</v>
      </c>
      <c r="D17969" s="1" t="s">
        <v>65659</v>
      </c>
      <c r="E17969" s="1" t="s">
        <v>57392</v>
      </c>
      <c r="F17969" s="1" t="s">
        <v>65660</v>
      </c>
      <c r="G17969" s="1" t="s">
        <v>65620</v>
      </c>
      <c r="H17969" s="1" t="s">
        <v>65621</v>
      </c>
      <c r="I17969" s="1" t="s">
        <v>53800</v>
      </c>
      <c r="J17969" s="1" t="s">
        <v>65661</v>
      </c>
    </row>
    <row r="17970" spans="1:10" x14ac:dyDescent="0.35">
      <c r="A17970" s="1" t="s">
        <v>13782</v>
      </c>
      <c r="B17970" s="1" t="s">
        <v>53796</v>
      </c>
      <c r="C17970" s="1" t="s">
        <v>90</v>
      </c>
      <c r="D17970" s="1" t="s">
        <v>65662</v>
      </c>
      <c r="E17970" s="1" t="s">
        <v>12883</v>
      </c>
      <c r="F17970" s="1" t="s">
        <v>65663</v>
      </c>
      <c r="G17970" s="1" t="s">
        <v>65620</v>
      </c>
      <c r="H17970" s="1" t="s">
        <v>65621</v>
      </c>
      <c r="I17970" s="1" t="s">
        <v>53800</v>
      </c>
      <c r="J17970" s="1" t="s">
        <v>65664</v>
      </c>
    </row>
    <row r="17971" spans="1:10" x14ac:dyDescent="0.35">
      <c r="A17971" s="1" t="s">
        <v>13782</v>
      </c>
      <c r="B17971" s="1" t="s">
        <v>53796</v>
      </c>
      <c r="C17971" s="1" t="s">
        <v>95</v>
      </c>
      <c r="D17971" s="1" t="s">
        <v>65665</v>
      </c>
      <c r="E17971" s="1" t="s">
        <v>54783</v>
      </c>
      <c r="F17971" s="1" t="s">
        <v>65666</v>
      </c>
      <c r="G17971" s="1" t="s">
        <v>65620</v>
      </c>
      <c r="H17971" s="1" t="s">
        <v>65621</v>
      </c>
      <c r="I17971" s="1" t="s">
        <v>53800</v>
      </c>
      <c r="J17971" s="1" t="s">
        <v>65667</v>
      </c>
    </row>
    <row r="17972" spans="1:10" x14ac:dyDescent="0.35">
      <c r="A17972" s="1" t="s">
        <v>13782</v>
      </c>
      <c r="B17972" s="1" t="s">
        <v>53796</v>
      </c>
      <c r="C17972" s="1" t="s">
        <v>100</v>
      </c>
      <c r="D17972" s="1" t="s">
        <v>54531</v>
      </c>
      <c r="E17972" s="1" t="s">
        <v>12868</v>
      </c>
      <c r="F17972" s="1" t="s">
        <v>56682</v>
      </c>
      <c r="G17972" s="1" t="s">
        <v>65620</v>
      </c>
      <c r="H17972" s="1" t="s">
        <v>65621</v>
      </c>
      <c r="I17972" s="1" t="s">
        <v>53800</v>
      </c>
      <c r="J17972" s="1" t="s">
        <v>65668</v>
      </c>
    </row>
    <row r="17973" spans="1:10" x14ac:dyDescent="0.35">
      <c r="A17973" s="1" t="s">
        <v>13782</v>
      </c>
      <c r="B17973" s="1" t="s">
        <v>53796</v>
      </c>
      <c r="C17973" s="1" t="s">
        <v>105</v>
      </c>
      <c r="D17973" s="1" t="s">
        <v>65669</v>
      </c>
      <c r="E17973" s="1" t="s">
        <v>21910</v>
      </c>
      <c r="F17973" s="1" t="s">
        <v>65670</v>
      </c>
      <c r="G17973" s="1" t="s">
        <v>65620</v>
      </c>
      <c r="H17973" s="1" t="s">
        <v>65621</v>
      </c>
      <c r="I17973" s="1" t="s">
        <v>53800</v>
      </c>
      <c r="J17973" s="1" t="s">
        <v>65671</v>
      </c>
    </row>
    <row r="17974" spans="1:10" x14ac:dyDescent="0.35">
      <c r="A17974" s="1" t="s">
        <v>13782</v>
      </c>
      <c r="B17974" s="1" t="s">
        <v>53796</v>
      </c>
      <c r="C17974" s="1" t="s">
        <v>110</v>
      </c>
      <c r="D17974" s="1" t="s">
        <v>65672</v>
      </c>
      <c r="E17974" s="1" t="s">
        <v>65673</v>
      </c>
      <c r="F17974" s="1" t="s">
        <v>65674</v>
      </c>
      <c r="G17974" s="1" t="s">
        <v>65620</v>
      </c>
      <c r="H17974" s="1" t="s">
        <v>65621</v>
      </c>
      <c r="I17974" s="1" t="s">
        <v>53800</v>
      </c>
      <c r="J17974" s="1" t="s">
        <v>65675</v>
      </c>
    </row>
    <row r="17975" spans="1:10" x14ac:dyDescent="0.35">
      <c r="A17975" s="1" t="s">
        <v>13782</v>
      </c>
      <c r="B17975" s="1" t="s">
        <v>53796</v>
      </c>
      <c r="C17975" s="1" t="s">
        <v>115</v>
      </c>
      <c r="D17975" s="1" t="s">
        <v>65676</v>
      </c>
      <c r="E17975" s="1" t="s">
        <v>15345</v>
      </c>
      <c r="F17975" s="1" t="s">
        <v>65677</v>
      </c>
      <c r="G17975" s="1" t="s">
        <v>65620</v>
      </c>
      <c r="H17975" s="1" t="s">
        <v>65621</v>
      </c>
      <c r="I17975" s="1" t="s">
        <v>53800</v>
      </c>
      <c r="J17975" s="1" t="s">
        <v>65678</v>
      </c>
    </row>
    <row r="17976" spans="1:10" x14ac:dyDescent="0.35">
      <c r="A17976" s="1" t="s">
        <v>13782</v>
      </c>
      <c r="B17976" s="1" t="s">
        <v>53796</v>
      </c>
      <c r="C17976" s="1" t="s">
        <v>120</v>
      </c>
      <c r="D17976" s="1" t="s">
        <v>65679</v>
      </c>
      <c r="E17976" s="1" t="s">
        <v>41192</v>
      </c>
      <c r="F17976" s="1" t="s">
        <v>65680</v>
      </c>
      <c r="G17976" s="1" t="s">
        <v>65620</v>
      </c>
      <c r="H17976" s="1" t="s">
        <v>65621</v>
      </c>
      <c r="I17976" s="1" t="s">
        <v>53800</v>
      </c>
      <c r="J17976" s="1" t="s">
        <v>65681</v>
      </c>
    </row>
    <row r="17977" spans="1:10" x14ac:dyDescent="0.35">
      <c r="A17977" s="1" t="s">
        <v>13782</v>
      </c>
      <c r="B17977" s="1" t="s">
        <v>53796</v>
      </c>
      <c r="C17977" s="1" t="s">
        <v>125</v>
      </c>
      <c r="D17977" s="1" t="s">
        <v>65682</v>
      </c>
      <c r="E17977" s="1" t="s">
        <v>21737</v>
      </c>
      <c r="F17977" s="1" t="s">
        <v>59242</v>
      </c>
      <c r="G17977" s="1" t="s">
        <v>65620</v>
      </c>
      <c r="H17977" s="1" t="s">
        <v>65621</v>
      </c>
      <c r="I17977" s="1" t="s">
        <v>53800</v>
      </c>
      <c r="J17977" s="1" t="s">
        <v>65683</v>
      </c>
    </row>
    <row r="17978" spans="1:10" x14ac:dyDescent="0.35">
      <c r="A17978" s="1" t="s">
        <v>13782</v>
      </c>
      <c r="B17978" s="1" t="s">
        <v>53796</v>
      </c>
      <c r="C17978" s="1" t="s">
        <v>130</v>
      </c>
      <c r="D17978" s="1" t="s">
        <v>65684</v>
      </c>
      <c r="E17978" s="1" t="s">
        <v>26596</v>
      </c>
      <c r="F17978" s="1" t="s">
        <v>65685</v>
      </c>
      <c r="G17978" s="1" t="s">
        <v>65620</v>
      </c>
      <c r="H17978" s="1" t="s">
        <v>65621</v>
      </c>
      <c r="I17978" s="1" t="s">
        <v>53800</v>
      </c>
      <c r="J17978" s="1" t="s">
        <v>65686</v>
      </c>
    </row>
    <row r="17979" spans="1:10" x14ac:dyDescent="0.35">
      <c r="A17979" s="1" t="s">
        <v>13782</v>
      </c>
      <c r="B17979" s="1" t="s">
        <v>53796</v>
      </c>
      <c r="C17979" s="1" t="s">
        <v>135</v>
      </c>
      <c r="D17979" s="1" t="s">
        <v>65687</v>
      </c>
      <c r="E17979" s="1" t="s">
        <v>32376</v>
      </c>
      <c r="F17979" s="1" t="s">
        <v>21891</v>
      </c>
      <c r="G17979" s="1" t="s">
        <v>65620</v>
      </c>
      <c r="H17979" s="1" t="s">
        <v>65621</v>
      </c>
      <c r="I17979" s="1" t="s">
        <v>53800</v>
      </c>
      <c r="J17979" s="1" t="s">
        <v>65688</v>
      </c>
    </row>
    <row r="17980" spans="1:10" x14ac:dyDescent="0.35">
      <c r="A17980" s="1" t="s">
        <v>13782</v>
      </c>
      <c r="B17980" s="1" t="s">
        <v>53796</v>
      </c>
      <c r="C17980" s="1" t="s">
        <v>140</v>
      </c>
      <c r="D17980" s="1" t="s">
        <v>65689</v>
      </c>
      <c r="E17980" s="1" t="s">
        <v>65690</v>
      </c>
      <c r="F17980" s="1" t="s">
        <v>32123</v>
      </c>
      <c r="G17980" s="1" t="s">
        <v>65620</v>
      </c>
      <c r="H17980" s="1" t="s">
        <v>65621</v>
      </c>
      <c r="I17980" s="1" t="s">
        <v>53800</v>
      </c>
      <c r="J17980" s="1" t="s">
        <v>65691</v>
      </c>
    </row>
    <row r="17981" spans="1:10" x14ac:dyDescent="0.35">
      <c r="A17981" s="1" t="s">
        <v>13782</v>
      </c>
      <c r="B17981" s="1" t="s">
        <v>53796</v>
      </c>
      <c r="C17981" s="1" t="s">
        <v>145</v>
      </c>
      <c r="D17981" s="1" t="s">
        <v>65692</v>
      </c>
      <c r="E17981" s="1" t="s">
        <v>65693</v>
      </c>
      <c r="F17981" s="1" t="s">
        <v>65694</v>
      </c>
      <c r="G17981" s="1" t="s">
        <v>65620</v>
      </c>
      <c r="H17981" s="1" t="s">
        <v>65621</v>
      </c>
      <c r="I17981" s="1" t="s">
        <v>53800</v>
      </c>
      <c r="J17981" s="1" t="s">
        <v>65695</v>
      </c>
    </row>
    <row r="17982" spans="1:10" x14ac:dyDescent="0.35">
      <c r="A17982" s="1" t="s">
        <v>13782</v>
      </c>
      <c r="B17982" s="1" t="s">
        <v>53796</v>
      </c>
      <c r="C17982" s="1" t="s">
        <v>150</v>
      </c>
      <c r="D17982" s="1" t="s">
        <v>20666</v>
      </c>
      <c r="E17982" s="1" t="s">
        <v>54197</v>
      </c>
      <c r="F17982" s="1" t="s">
        <v>65696</v>
      </c>
      <c r="G17982" s="1" t="s">
        <v>65620</v>
      </c>
      <c r="H17982" s="1" t="s">
        <v>65621</v>
      </c>
      <c r="I17982" s="1" t="s">
        <v>53800</v>
      </c>
      <c r="J17982" s="1" t="s">
        <v>65697</v>
      </c>
    </row>
    <row r="17983" spans="1:10" x14ac:dyDescent="0.35">
      <c r="A17983" s="1" t="s">
        <v>13782</v>
      </c>
      <c r="B17983" s="1" t="s">
        <v>53796</v>
      </c>
      <c r="C17983" s="1" t="s">
        <v>155</v>
      </c>
      <c r="D17983" s="1" t="s">
        <v>65698</v>
      </c>
      <c r="E17983" s="1" t="s">
        <v>15241</v>
      </c>
      <c r="F17983" s="1" t="s">
        <v>58937</v>
      </c>
      <c r="G17983" s="1" t="s">
        <v>65620</v>
      </c>
      <c r="H17983" s="1" t="s">
        <v>65621</v>
      </c>
      <c r="I17983" s="1" t="s">
        <v>53800</v>
      </c>
      <c r="J17983" s="1" t="s">
        <v>65699</v>
      </c>
    </row>
    <row r="17984" spans="1:10" x14ac:dyDescent="0.35">
      <c r="A17984" s="1" t="s">
        <v>13782</v>
      </c>
      <c r="B17984" s="1" t="s">
        <v>53796</v>
      </c>
      <c r="C17984" s="1" t="s">
        <v>160</v>
      </c>
      <c r="D17984" s="1" t="s">
        <v>65700</v>
      </c>
      <c r="E17984" s="1" t="s">
        <v>21830</v>
      </c>
      <c r="F17984" s="1" t="s">
        <v>55885</v>
      </c>
      <c r="G17984" s="1" t="s">
        <v>65620</v>
      </c>
      <c r="H17984" s="1" t="s">
        <v>65621</v>
      </c>
      <c r="I17984" s="1" t="s">
        <v>53800</v>
      </c>
      <c r="J17984" s="1" t="s">
        <v>65701</v>
      </c>
    </row>
    <row r="17985" spans="1:10" x14ac:dyDescent="0.35">
      <c r="A17985" s="1" t="s">
        <v>13782</v>
      </c>
      <c r="B17985" s="1" t="s">
        <v>53796</v>
      </c>
      <c r="C17985" s="1" t="s">
        <v>165</v>
      </c>
      <c r="D17985" s="1" t="s">
        <v>65702</v>
      </c>
      <c r="E17985" s="1" t="s">
        <v>22103</v>
      </c>
      <c r="F17985" s="1" t="s">
        <v>65703</v>
      </c>
      <c r="G17985" s="1" t="s">
        <v>65620</v>
      </c>
      <c r="H17985" s="1" t="s">
        <v>65621</v>
      </c>
      <c r="I17985" s="1" t="s">
        <v>53800</v>
      </c>
      <c r="J17985" s="1" t="s">
        <v>65704</v>
      </c>
    </row>
    <row r="17986" spans="1:10" x14ac:dyDescent="0.35">
      <c r="A17986" s="1" t="s">
        <v>13782</v>
      </c>
      <c r="B17986" s="1" t="s">
        <v>53796</v>
      </c>
      <c r="C17986" s="1" t="s">
        <v>170</v>
      </c>
      <c r="D17986" s="1" t="s">
        <v>65705</v>
      </c>
      <c r="E17986" s="1" t="s">
        <v>65706</v>
      </c>
      <c r="F17986" s="1" t="s">
        <v>58948</v>
      </c>
      <c r="G17986" s="1" t="s">
        <v>65620</v>
      </c>
      <c r="H17986" s="1" t="s">
        <v>65621</v>
      </c>
      <c r="I17986" s="1" t="s">
        <v>53800</v>
      </c>
      <c r="J17986" s="1" t="s">
        <v>65707</v>
      </c>
    </row>
    <row r="17987" spans="1:10" x14ac:dyDescent="0.35">
      <c r="A17987" s="1" t="s">
        <v>65708</v>
      </c>
      <c r="B17987" s="1" t="s">
        <v>53796</v>
      </c>
      <c r="C17987" s="1" t="s">
        <v>8</v>
      </c>
      <c r="D17987" s="1" t="s">
        <v>65709</v>
      </c>
      <c r="E17987" s="1" t="s">
        <v>58415</v>
      </c>
      <c r="F17987" s="1" t="s">
        <v>65710</v>
      </c>
      <c r="G17987" s="1" t="s">
        <v>65711</v>
      </c>
      <c r="H17987" s="1" t="s">
        <v>65712</v>
      </c>
      <c r="I17987" s="1" t="s">
        <v>53800</v>
      </c>
      <c r="J17987" s="1" t="s">
        <v>13</v>
      </c>
    </row>
    <row r="17988" spans="1:10" x14ac:dyDescent="0.35">
      <c r="A17988" s="1" t="s">
        <v>65708</v>
      </c>
      <c r="B17988" s="1" t="s">
        <v>53796</v>
      </c>
      <c r="C17988" s="1" t="s">
        <v>15</v>
      </c>
      <c r="D17988" s="1" t="s">
        <v>65713</v>
      </c>
      <c r="E17988" s="1" t="s">
        <v>56913</v>
      </c>
      <c r="F17988" s="1" t="s">
        <v>62964</v>
      </c>
      <c r="G17988" s="1" t="s">
        <v>65711</v>
      </c>
      <c r="H17988" s="1" t="s">
        <v>65712</v>
      </c>
      <c r="I17988" s="1" t="s">
        <v>53800</v>
      </c>
      <c r="J17988" s="1" t="s">
        <v>65714</v>
      </c>
    </row>
    <row r="17989" spans="1:10" x14ac:dyDescent="0.35">
      <c r="A17989" s="1" t="s">
        <v>65708</v>
      </c>
      <c r="B17989" s="1" t="s">
        <v>53796</v>
      </c>
      <c r="C17989" s="1" t="s">
        <v>20</v>
      </c>
      <c r="D17989" s="1" t="s">
        <v>65715</v>
      </c>
      <c r="E17989" s="1" t="s">
        <v>24213</v>
      </c>
      <c r="F17989" s="1" t="s">
        <v>65716</v>
      </c>
      <c r="G17989" s="1" t="s">
        <v>65711</v>
      </c>
      <c r="H17989" s="1" t="s">
        <v>65712</v>
      </c>
      <c r="I17989" s="1" t="s">
        <v>53800</v>
      </c>
      <c r="J17989" s="1" t="s">
        <v>65717</v>
      </c>
    </row>
    <row r="17990" spans="1:10" x14ac:dyDescent="0.35">
      <c r="A17990" s="1" t="s">
        <v>65708</v>
      </c>
      <c r="B17990" s="1" t="s">
        <v>53796</v>
      </c>
      <c r="C17990" s="1" t="s">
        <v>25</v>
      </c>
      <c r="D17990" s="1" t="s">
        <v>65718</v>
      </c>
      <c r="E17990" s="1" t="s">
        <v>54032</v>
      </c>
      <c r="F17990" s="1" t="s">
        <v>60784</v>
      </c>
      <c r="G17990" s="1" t="s">
        <v>65711</v>
      </c>
      <c r="H17990" s="1" t="s">
        <v>65712</v>
      </c>
      <c r="I17990" s="1" t="s">
        <v>53800</v>
      </c>
      <c r="J17990" s="1" t="s">
        <v>65719</v>
      </c>
    </row>
    <row r="17991" spans="1:10" x14ac:dyDescent="0.35">
      <c r="A17991" s="1" t="s">
        <v>65708</v>
      </c>
      <c r="B17991" s="1" t="s">
        <v>53796</v>
      </c>
      <c r="C17991" s="1" t="s">
        <v>30</v>
      </c>
      <c r="D17991" s="1" t="s">
        <v>65720</v>
      </c>
      <c r="E17991" s="1" t="s">
        <v>64275</v>
      </c>
      <c r="F17991" s="1" t="s">
        <v>65721</v>
      </c>
      <c r="G17991" s="1" t="s">
        <v>65711</v>
      </c>
      <c r="H17991" s="1" t="s">
        <v>65712</v>
      </c>
      <c r="I17991" s="1" t="s">
        <v>53800</v>
      </c>
      <c r="J17991" s="1" t="s">
        <v>65722</v>
      </c>
    </row>
    <row r="17992" spans="1:10" x14ac:dyDescent="0.35">
      <c r="A17992" s="1" t="s">
        <v>65708</v>
      </c>
      <c r="B17992" s="1" t="s">
        <v>53796</v>
      </c>
      <c r="C17992" s="1" t="s">
        <v>35</v>
      </c>
      <c r="D17992" s="1" t="s">
        <v>65723</v>
      </c>
      <c r="E17992" s="1" t="s">
        <v>23417</v>
      </c>
      <c r="F17992" s="1" t="s">
        <v>55984</v>
      </c>
      <c r="G17992" s="1" t="s">
        <v>65711</v>
      </c>
      <c r="H17992" s="1" t="s">
        <v>65712</v>
      </c>
      <c r="I17992" s="1" t="s">
        <v>53800</v>
      </c>
      <c r="J17992" s="1" t="s">
        <v>65724</v>
      </c>
    </row>
    <row r="17993" spans="1:10" x14ac:dyDescent="0.35">
      <c r="A17993" s="1" t="s">
        <v>65708</v>
      </c>
      <c r="B17993" s="1" t="s">
        <v>53796</v>
      </c>
      <c r="C17993" s="1" t="s">
        <v>40</v>
      </c>
      <c r="D17993" s="1" t="s">
        <v>65725</v>
      </c>
      <c r="E17993" s="1" t="s">
        <v>58858</v>
      </c>
      <c r="F17993" s="1" t="s">
        <v>65726</v>
      </c>
      <c r="G17993" s="1" t="s">
        <v>65711</v>
      </c>
      <c r="H17993" s="1" t="s">
        <v>65712</v>
      </c>
      <c r="I17993" s="1" t="s">
        <v>53800</v>
      </c>
      <c r="J17993" s="1" t="s">
        <v>65727</v>
      </c>
    </row>
    <row r="17994" spans="1:10" x14ac:dyDescent="0.35">
      <c r="A17994" s="1" t="s">
        <v>65708</v>
      </c>
      <c r="B17994" s="1" t="s">
        <v>53796</v>
      </c>
      <c r="C17994" s="1" t="s">
        <v>45</v>
      </c>
      <c r="D17994" s="1" t="s">
        <v>65728</v>
      </c>
      <c r="E17994" s="1" t="s">
        <v>21841</v>
      </c>
      <c r="F17994" s="1" t="s">
        <v>65729</v>
      </c>
      <c r="G17994" s="1" t="s">
        <v>65711</v>
      </c>
      <c r="H17994" s="1" t="s">
        <v>65712</v>
      </c>
      <c r="I17994" s="1" t="s">
        <v>53800</v>
      </c>
      <c r="J17994" s="1" t="s">
        <v>65730</v>
      </c>
    </row>
    <row r="17995" spans="1:10" x14ac:dyDescent="0.35">
      <c r="A17995" s="1" t="s">
        <v>65708</v>
      </c>
      <c r="B17995" s="1" t="s">
        <v>53796</v>
      </c>
      <c r="C17995" s="1" t="s">
        <v>50</v>
      </c>
      <c r="D17995" s="1" t="s">
        <v>65731</v>
      </c>
      <c r="E17995" s="1" t="s">
        <v>53928</v>
      </c>
      <c r="F17995" s="1" t="s">
        <v>65732</v>
      </c>
      <c r="G17995" s="1" t="s">
        <v>65711</v>
      </c>
      <c r="H17995" s="1" t="s">
        <v>65712</v>
      </c>
      <c r="I17995" s="1" t="s">
        <v>53800</v>
      </c>
      <c r="J17995" s="1" t="s">
        <v>65733</v>
      </c>
    </row>
    <row r="17996" spans="1:10" x14ac:dyDescent="0.35">
      <c r="A17996" s="1" t="s">
        <v>65708</v>
      </c>
      <c r="B17996" s="1" t="s">
        <v>53796</v>
      </c>
      <c r="C17996" s="1" t="s">
        <v>55</v>
      </c>
      <c r="D17996" s="1" t="s">
        <v>65734</v>
      </c>
      <c r="E17996" s="1" t="s">
        <v>65735</v>
      </c>
      <c r="F17996" s="1" t="s">
        <v>59919</v>
      </c>
      <c r="G17996" s="1" t="s">
        <v>65711</v>
      </c>
      <c r="H17996" s="1" t="s">
        <v>65712</v>
      </c>
      <c r="I17996" s="1" t="s">
        <v>53800</v>
      </c>
      <c r="J17996" s="1" t="s">
        <v>65736</v>
      </c>
    </row>
    <row r="17997" spans="1:10" x14ac:dyDescent="0.35">
      <c r="A17997" s="1" t="s">
        <v>65708</v>
      </c>
      <c r="B17997" s="1" t="s">
        <v>53796</v>
      </c>
      <c r="C17997" s="1" t="s">
        <v>60</v>
      </c>
      <c r="D17997" s="1" t="s">
        <v>65737</v>
      </c>
      <c r="E17997" s="1" t="s">
        <v>21974</v>
      </c>
      <c r="F17997" s="1" t="s">
        <v>65738</v>
      </c>
      <c r="G17997" s="1" t="s">
        <v>65711</v>
      </c>
      <c r="H17997" s="1" t="s">
        <v>65712</v>
      </c>
      <c r="I17997" s="1" t="s">
        <v>53800</v>
      </c>
      <c r="J17997" s="1" t="s">
        <v>65739</v>
      </c>
    </row>
    <row r="17998" spans="1:10" x14ac:dyDescent="0.35">
      <c r="A17998" s="1" t="s">
        <v>65708</v>
      </c>
      <c r="B17998" s="1" t="s">
        <v>53796</v>
      </c>
      <c r="C17998" s="1" t="s">
        <v>65</v>
      </c>
      <c r="D17998" s="1" t="s">
        <v>65740</v>
      </c>
      <c r="E17998" s="1" t="s">
        <v>22103</v>
      </c>
      <c r="F17998" s="1" t="s">
        <v>65741</v>
      </c>
      <c r="G17998" s="1" t="s">
        <v>65711</v>
      </c>
      <c r="H17998" s="1" t="s">
        <v>65712</v>
      </c>
      <c r="I17998" s="1" t="s">
        <v>53800</v>
      </c>
      <c r="J17998" s="1" t="s">
        <v>65742</v>
      </c>
    </row>
    <row r="17999" spans="1:10" x14ac:dyDescent="0.35">
      <c r="A17999" s="1" t="s">
        <v>65708</v>
      </c>
      <c r="B17999" s="1" t="s">
        <v>53796</v>
      </c>
      <c r="C17999" s="1" t="s">
        <v>70</v>
      </c>
      <c r="D17999" s="1" t="s">
        <v>65743</v>
      </c>
      <c r="E17999" s="1" t="s">
        <v>12821</v>
      </c>
      <c r="F17999" s="1" t="s">
        <v>65744</v>
      </c>
      <c r="G17999" s="1" t="s">
        <v>65711</v>
      </c>
      <c r="H17999" s="1" t="s">
        <v>65712</v>
      </c>
      <c r="I17999" s="1" t="s">
        <v>53800</v>
      </c>
      <c r="J17999" s="1" t="s">
        <v>65745</v>
      </c>
    </row>
    <row r="18000" spans="1:10" x14ac:dyDescent="0.35">
      <c r="A18000" s="1" t="s">
        <v>65708</v>
      </c>
      <c r="B18000" s="1" t="s">
        <v>53796</v>
      </c>
      <c r="C18000" s="1" t="s">
        <v>75</v>
      </c>
      <c r="D18000" s="1" t="s">
        <v>52904</v>
      </c>
      <c r="E18000" s="1" t="s">
        <v>26614</v>
      </c>
      <c r="F18000" s="1" t="s">
        <v>65746</v>
      </c>
      <c r="G18000" s="1" t="s">
        <v>65711</v>
      </c>
      <c r="H18000" s="1" t="s">
        <v>65712</v>
      </c>
      <c r="I18000" s="1" t="s">
        <v>53800</v>
      </c>
      <c r="J18000" s="1" t="s">
        <v>65747</v>
      </c>
    </row>
    <row r="18001" spans="1:10" x14ac:dyDescent="0.35">
      <c r="A18001" s="1" t="s">
        <v>65708</v>
      </c>
      <c r="B18001" s="1" t="s">
        <v>53796</v>
      </c>
      <c r="C18001" s="1" t="s">
        <v>80</v>
      </c>
      <c r="D18001" s="1" t="s">
        <v>65748</v>
      </c>
      <c r="E18001" s="1" t="s">
        <v>60671</v>
      </c>
      <c r="F18001" s="1" t="s">
        <v>65749</v>
      </c>
      <c r="G18001" s="1" t="s">
        <v>65711</v>
      </c>
      <c r="H18001" s="1" t="s">
        <v>65712</v>
      </c>
      <c r="I18001" s="1" t="s">
        <v>53800</v>
      </c>
      <c r="J18001" s="1" t="s">
        <v>65750</v>
      </c>
    </row>
    <row r="18002" spans="1:10" x14ac:dyDescent="0.35">
      <c r="A18002" s="1" t="s">
        <v>65708</v>
      </c>
      <c r="B18002" s="1" t="s">
        <v>53796</v>
      </c>
      <c r="C18002" s="1" t="s">
        <v>85</v>
      </c>
      <c r="D18002" s="1" t="s">
        <v>65751</v>
      </c>
      <c r="E18002" s="1" t="s">
        <v>54038</v>
      </c>
      <c r="F18002" s="1" t="s">
        <v>65752</v>
      </c>
      <c r="G18002" s="1" t="s">
        <v>65711</v>
      </c>
      <c r="H18002" s="1" t="s">
        <v>65712</v>
      </c>
      <c r="I18002" s="1" t="s">
        <v>53800</v>
      </c>
      <c r="J18002" s="1" t="s">
        <v>65753</v>
      </c>
    </row>
    <row r="18003" spans="1:10" x14ac:dyDescent="0.35">
      <c r="A18003" s="1" t="s">
        <v>65708</v>
      </c>
      <c r="B18003" s="1" t="s">
        <v>53796</v>
      </c>
      <c r="C18003" s="1" t="s">
        <v>90</v>
      </c>
      <c r="D18003" s="1" t="s">
        <v>65754</v>
      </c>
      <c r="E18003" s="1" t="s">
        <v>15289</v>
      </c>
      <c r="F18003" s="1" t="s">
        <v>53797</v>
      </c>
      <c r="G18003" s="1" t="s">
        <v>65711</v>
      </c>
      <c r="H18003" s="1" t="s">
        <v>65712</v>
      </c>
      <c r="I18003" s="1" t="s">
        <v>53800</v>
      </c>
      <c r="J18003" s="1" t="s">
        <v>65755</v>
      </c>
    </row>
    <row r="18004" spans="1:10" x14ac:dyDescent="0.35">
      <c r="A18004" s="1" t="s">
        <v>65708</v>
      </c>
      <c r="B18004" s="1" t="s">
        <v>53796</v>
      </c>
      <c r="C18004" s="1" t="s">
        <v>95</v>
      </c>
      <c r="D18004" s="1" t="s">
        <v>65756</v>
      </c>
      <c r="E18004" s="1" t="s">
        <v>54650</v>
      </c>
      <c r="F18004" s="1" t="s">
        <v>65757</v>
      </c>
      <c r="G18004" s="1" t="s">
        <v>65711</v>
      </c>
      <c r="H18004" s="1" t="s">
        <v>65712</v>
      </c>
      <c r="I18004" s="1" t="s">
        <v>53800</v>
      </c>
      <c r="J18004" s="1" t="s">
        <v>65758</v>
      </c>
    </row>
    <row r="18005" spans="1:10" x14ac:dyDescent="0.35">
      <c r="A18005" s="1" t="s">
        <v>65708</v>
      </c>
      <c r="B18005" s="1" t="s">
        <v>53796</v>
      </c>
      <c r="C18005" s="1" t="s">
        <v>100</v>
      </c>
      <c r="D18005" s="1" t="s">
        <v>65759</v>
      </c>
      <c r="E18005" s="1" t="s">
        <v>63427</v>
      </c>
      <c r="F18005" s="1" t="s">
        <v>65760</v>
      </c>
      <c r="G18005" s="1" t="s">
        <v>65711</v>
      </c>
      <c r="H18005" s="1" t="s">
        <v>65712</v>
      </c>
      <c r="I18005" s="1" t="s">
        <v>53800</v>
      </c>
      <c r="J18005" s="1" t="s">
        <v>65761</v>
      </c>
    </row>
    <row r="18006" spans="1:10" x14ac:dyDescent="0.35">
      <c r="A18006" s="1" t="s">
        <v>65708</v>
      </c>
      <c r="B18006" s="1" t="s">
        <v>53796</v>
      </c>
      <c r="C18006" s="1" t="s">
        <v>105</v>
      </c>
      <c r="D18006" s="1" t="s">
        <v>65762</v>
      </c>
      <c r="E18006" s="1" t="s">
        <v>31394</v>
      </c>
      <c r="F18006" s="1" t="s">
        <v>54735</v>
      </c>
      <c r="G18006" s="1" t="s">
        <v>65711</v>
      </c>
      <c r="H18006" s="1" t="s">
        <v>65712</v>
      </c>
      <c r="I18006" s="1" t="s">
        <v>53800</v>
      </c>
      <c r="J18006" s="1" t="s">
        <v>65763</v>
      </c>
    </row>
    <row r="18007" spans="1:10" x14ac:dyDescent="0.35">
      <c r="A18007" s="1" t="s">
        <v>65708</v>
      </c>
      <c r="B18007" s="1" t="s">
        <v>53796</v>
      </c>
      <c r="C18007" s="1" t="s">
        <v>110</v>
      </c>
      <c r="D18007" s="1" t="s">
        <v>65764</v>
      </c>
      <c r="E18007" s="1" t="s">
        <v>23016</v>
      </c>
      <c r="F18007" s="1" t="s">
        <v>65765</v>
      </c>
      <c r="G18007" s="1" t="s">
        <v>65711</v>
      </c>
      <c r="H18007" s="1" t="s">
        <v>65712</v>
      </c>
      <c r="I18007" s="1" t="s">
        <v>53800</v>
      </c>
      <c r="J18007" s="1" t="s">
        <v>65766</v>
      </c>
    </row>
    <row r="18008" spans="1:10" x14ac:dyDescent="0.35">
      <c r="A18008" s="1" t="s">
        <v>65708</v>
      </c>
      <c r="B18008" s="1" t="s">
        <v>53796</v>
      </c>
      <c r="C18008" s="1" t="s">
        <v>115</v>
      </c>
      <c r="D18008" s="1" t="s">
        <v>65767</v>
      </c>
      <c r="E18008" s="1" t="s">
        <v>27111</v>
      </c>
      <c r="F18008" s="1" t="s">
        <v>65768</v>
      </c>
      <c r="G18008" s="1" t="s">
        <v>65711</v>
      </c>
      <c r="H18008" s="1" t="s">
        <v>65712</v>
      </c>
      <c r="I18008" s="1" t="s">
        <v>53800</v>
      </c>
      <c r="J18008" s="1" t="s">
        <v>65769</v>
      </c>
    </row>
    <row r="18009" spans="1:10" x14ac:dyDescent="0.35">
      <c r="A18009" s="1" t="s">
        <v>65708</v>
      </c>
      <c r="B18009" s="1" t="s">
        <v>53796</v>
      </c>
      <c r="C18009" s="1" t="s">
        <v>120</v>
      </c>
      <c r="D18009" s="1" t="s">
        <v>65770</v>
      </c>
      <c r="E18009" s="1" t="s">
        <v>56113</v>
      </c>
      <c r="F18009" s="1" t="s">
        <v>65771</v>
      </c>
      <c r="G18009" s="1" t="s">
        <v>65711</v>
      </c>
      <c r="H18009" s="1" t="s">
        <v>65712</v>
      </c>
      <c r="I18009" s="1" t="s">
        <v>53800</v>
      </c>
      <c r="J18009" s="1" t="s">
        <v>65772</v>
      </c>
    </row>
    <row r="18010" spans="1:10" x14ac:dyDescent="0.35">
      <c r="A18010" s="1" t="s">
        <v>65708</v>
      </c>
      <c r="B18010" s="1" t="s">
        <v>53796</v>
      </c>
      <c r="C18010" s="1" t="s">
        <v>125</v>
      </c>
      <c r="D18010" s="1" t="s">
        <v>65639</v>
      </c>
      <c r="E18010" s="1" t="s">
        <v>54751</v>
      </c>
      <c r="F18010" s="1" t="s">
        <v>65773</v>
      </c>
      <c r="G18010" s="1" t="s">
        <v>65711</v>
      </c>
      <c r="H18010" s="1" t="s">
        <v>65712</v>
      </c>
      <c r="I18010" s="1" t="s">
        <v>53800</v>
      </c>
      <c r="J18010" s="1" t="s">
        <v>65774</v>
      </c>
    </row>
    <row r="18011" spans="1:10" x14ac:dyDescent="0.35">
      <c r="A18011" s="1" t="s">
        <v>65708</v>
      </c>
      <c r="B18011" s="1" t="s">
        <v>53796</v>
      </c>
      <c r="C18011" s="1" t="s">
        <v>130</v>
      </c>
      <c r="D18011" s="1" t="s">
        <v>65775</v>
      </c>
      <c r="E18011" s="1" t="s">
        <v>31472</v>
      </c>
      <c r="F18011" s="1" t="s">
        <v>65776</v>
      </c>
      <c r="G18011" s="1" t="s">
        <v>65711</v>
      </c>
      <c r="H18011" s="1" t="s">
        <v>65712</v>
      </c>
      <c r="I18011" s="1" t="s">
        <v>53800</v>
      </c>
      <c r="J18011" s="1" t="s">
        <v>65777</v>
      </c>
    </row>
    <row r="18012" spans="1:10" x14ac:dyDescent="0.35">
      <c r="A18012" s="1" t="s">
        <v>65708</v>
      </c>
      <c r="B18012" s="1" t="s">
        <v>53796</v>
      </c>
      <c r="C18012" s="1" t="s">
        <v>135</v>
      </c>
      <c r="D18012" s="1" t="s">
        <v>65778</v>
      </c>
      <c r="E18012" s="1" t="s">
        <v>54099</v>
      </c>
      <c r="F18012" s="1" t="s">
        <v>55879</v>
      </c>
      <c r="G18012" s="1" t="s">
        <v>65711</v>
      </c>
      <c r="H18012" s="1" t="s">
        <v>65712</v>
      </c>
      <c r="I18012" s="1" t="s">
        <v>53800</v>
      </c>
      <c r="J18012" s="1" t="s">
        <v>65779</v>
      </c>
    </row>
    <row r="18013" spans="1:10" x14ac:dyDescent="0.35">
      <c r="A18013" s="1" t="s">
        <v>65708</v>
      </c>
      <c r="B18013" s="1" t="s">
        <v>53796</v>
      </c>
      <c r="C18013" s="1" t="s">
        <v>140</v>
      </c>
      <c r="D18013" s="1" t="s">
        <v>65780</v>
      </c>
      <c r="E18013" s="1" t="s">
        <v>62981</v>
      </c>
      <c r="F18013" s="1" t="s">
        <v>65781</v>
      </c>
      <c r="G18013" s="1" t="s">
        <v>65711</v>
      </c>
      <c r="H18013" s="1" t="s">
        <v>65712</v>
      </c>
      <c r="I18013" s="1" t="s">
        <v>53800</v>
      </c>
      <c r="J18013" s="1" t="s">
        <v>65782</v>
      </c>
    </row>
    <row r="18014" spans="1:10" x14ac:dyDescent="0.35">
      <c r="A18014" s="1" t="s">
        <v>65708</v>
      </c>
      <c r="B18014" s="1" t="s">
        <v>53796</v>
      </c>
      <c r="C18014" s="1" t="s">
        <v>145</v>
      </c>
      <c r="D18014" s="1" t="s">
        <v>65783</v>
      </c>
      <c r="E18014" s="1" t="s">
        <v>16138</v>
      </c>
      <c r="F18014" s="1" t="s">
        <v>65784</v>
      </c>
      <c r="G18014" s="1" t="s">
        <v>65711</v>
      </c>
      <c r="H18014" s="1" t="s">
        <v>65712</v>
      </c>
      <c r="I18014" s="1" t="s">
        <v>53800</v>
      </c>
      <c r="J18014" s="1" t="s">
        <v>65785</v>
      </c>
    </row>
    <row r="18015" spans="1:10" x14ac:dyDescent="0.35">
      <c r="A18015" s="1" t="s">
        <v>65708</v>
      </c>
      <c r="B18015" s="1" t="s">
        <v>53796</v>
      </c>
      <c r="C18015" s="1" t="s">
        <v>150</v>
      </c>
      <c r="D18015" s="1" t="s">
        <v>65786</v>
      </c>
      <c r="E18015" s="1" t="s">
        <v>31965</v>
      </c>
      <c r="F18015" s="1" t="s">
        <v>65787</v>
      </c>
      <c r="G18015" s="1" t="s">
        <v>65711</v>
      </c>
      <c r="H18015" s="1" t="s">
        <v>65712</v>
      </c>
      <c r="I18015" s="1" t="s">
        <v>53800</v>
      </c>
      <c r="J18015" s="1" t="s">
        <v>65788</v>
      </c>
    </row>
    <row r="18016" spans="1:10" x14ac:dyDescent="0.35">
      <c r="A18016" s="1" t="s">
        <v>65708</v>
      </c>
      <c r="B18016" s="1" t="s">
        <v>53796</v>
      </c>
      <c r="C18016" s="1" t="s">
        <v>155</v>
      </c>
      <c r="D18016" s="1" t="s">
        <v>61390</v>
      </c>
      <c r="E18016" s="1" t="s">
        <v>31449</v>
      </c>
      <c r="F18016" s="1" t="s">
        <v>31813</v>
      </c>
      <c r="G18016" s="1" t="s">
        <v>65711</v>
      </c>
      <c r="H18016" s="1" t="s">
        <v>65712</v>
      </c>
      <c r="I18016" s="1" t="s">
        <v>53800</v>
      </c>
      <c r="J18016" s="1" t="s">
        <v>65789</v>
      </c>
    </row>
    <row r="18017" spans="1:10" x14ac:dyDescent="0.35">
      <c r="A18017" s="1" t="s">
        <v>65708</v>
      </c>
      <c r="B18017" s="1" t="s">
        <v>53796</v>
      </c>
      <c r="C18017" s="1" t="s">
        <v>160</v>
      </c>
      <c r="D18017" s="1" t="s">
        <v>65790</v>
      </c>
      <c r="E18017" s="1" t="s">
        <v>15927</v>
      </c>
      <c r="F18017" s="1" t="s">
        <v>65791</v>
      </c>
      <c r="G18017" s="1" t="s">
        <v>65711</v>
      </c>
      <c r="H18017" s="1" t="s">
        <v>65712</v>
      </c>
      <c r="I18017" s="1" t="s">
        <v>53800</v>
      </c>
      <c r="J18017" s="1" t="s">
        <v>65792</v>
      </c>
    </row>
    <row r="18018" spans="1:10" x14ac:dyDescent="0.35">
      <c r="A18018" s="1" t="s">
        <v>65708</v>
      </c>
      <c r="B18018" s="1" t="s">
        <v>53796</v>
      </c>
      <c r="C18018" s="1" t="s">
        <v>165</v>
      </c>
      <c r="D18018" s="1" t="s">
        <v>65793</v>
      </c>
      <c r="E18018" s="1" t="s">
        <v>63935</v>
      </c>
      <c r="F18018" s="1" t="s">
        <v>65794</v>
      </c>
      <c r="G18018" s="1" t="s">
        <v>65711</v>
      </c>
      <c r="H18018" s="1" t="s">
        <v>65712</v>
      </c>
      <c r="I18018" s="1" t="s">
        <v>53800</v>
      </c>
      <c r="J18018" s="1" t="s">
        <v>65795</v>
      </c>
    </row>
    <row r="18019" spans="1:10" x14ac:dyDescent="0.35">
      <c r="A18019" s="1" t="s">
        <v>65708</v>
      </c>
      <c r="B18019" s="1" t="s">
        <v>53796</v>
      </c>
      <c r="C18019" s="1" t="s">
        <v>170</v>
      </c>
      <c r="D18019" s="1" t="s">
        <v>61771</v>
      </c>
      <c r="E18019" s="1" t="s">
        <v>65796</v>
      </c>
      <c r="F18019" s="1" t="s">
        <v>65797</v>
      </c>
      <c r="G18019" s="1" t="s">
        <v>65711</v>
      </c>
      <c r="H18019" s="1" t="s">
        <v>65712</v>
      </c>
      <c r="I18019" s="1" t="s">
        <v>53800</v>
      </c>
      <c r="J18019" s="1" t="s">
        <v>65798</v>
      </c>
    </row>
    <row r="18020" spans="1:10" x14ac:dyDescent="0.35">
      <c r="A18020" s="1" t="s">
        <v>65799</v>
      </c>
      <c r="B18020" s="1" t="s">
        <v>53796</v>
      </c>
      <c r="C18020" s="1" t="s">
        <v>8</v>
      </c>
      <c r="D18020" s="1" t="s">
        <v>65800</v>
      </c>
      <c r="E18020" s="1" t="s">
        <v>41233</v>
      </c>
      <c r="F18020" s="1" t="s">
        <v>65801</v>
      </c>
      <c r="G18020" s="1" t="s">
        <v>65802</v>
      </c>
      <c r="H18020" s="1" t="s">
        <v>65803</v>
      </c>
      <c r="I18020" s="1" t="s">
        <v>53800</v>
      </c>
      <c r="J18020" s="1" t="s">
        <v>13</v>
      </c>
    </row>
    <row r="18021" spans="1:10" x14ac:dyDescent="0.35">
      <c r="A18021" s="1" t="s">
        <v>65799</v>
      </c>
      <c r="B18021" s="1" t="s">
        <v>53796</v>
      </c>
      <c r="C18021" s="1" t="s">
        <v>15</v>
      </c>
      <c r="D18021" s="1" t="s">
        <v>65804</v>
      </c>
      <c r="E18021" s="1" t="s">
        <v>58396</v>
      </c>
      <c r="F18021" s="1" t="s">
        <v>65805</v>
      </c>
      <c r="G18021" s="1" t="s">
        <v>65802</v>
      </c>
      <c r="H18021" s="1" t="s">
        <v>65803</v>
      </c>
      <c r="I18021" s="1" t="s">
        <v>53800</v>
      </c>
      <c r="J18021" s="1" t="s">
        <v>65806</v>
      </c>
    </row>
    <row r="18022" spans="1:10" x14ac:dyDescent="0.35">
      <c r="A18022" s="1" t="s">
        <v>65799</v>
      </c>
      <c r="B18022" s="1" t="s">
        <v>53796</v>
      </c>
      <c r="C18022" s="1" t="s">
        <v>20</v>
      </c>
      <c r="D18022" s="1" t="s">
        <v>65807</v>
      </c>
      <c r="E18022" s="1" t="s">
        <v>26556</v>
      </c>
      <c r="F18022" s="1" t="s">
        <v>62988</v>
      </c>
      <c r="G18022" s="1" t="s">
        <v>65802</v>
      </c>
      <c r="H18022" s="1" t="s">
        <v>65803</v>
      </c>
      <c r="I18022" s="1" t="s">
        <v>53800</v>
      </c>
      <c r="J18022" s="1" t="s">
        <v>65808</v>
      </c>
    </row>
    <row r="18023" spans="1:10" x14ac:dyDescent="0.35">
      <c r="A18023" s="1" t="s">
        <v>65799</v>
      </c>
      <c r="B18023" s="1" t="s">
        <v>53796</v>
      </c>
      <c r="C18023" s="1" t="s">
        <v>25</v>
      </c>
      <c r="D18023" s="1" t="s">
        <v>65809</v>
      </c>
      <c r="E18023" s="1" t="s">
        <v>15228</v>
      </c>
      <c r="F18023" s="1" t="s">
        <v>65810</v>
      </c>
      <c r="G18023" s="1" t="s">
        <v>65802</v>
      </c>
      <c r="H18023" s="1" t="s">
        <v>65803</v>
      </c>
      <c r="I18023" s="1" t="s">
        <v>53800</v>
      </c>
      <c r="J18023" s="1" t="s">
        <v>65811</v>
      </c>
    </row>
    <row r="18024" spans="1:10" x14ac:dyDescent="0.35">
      <c r="A18024" s="1" t="s">
        <v>65799</v>
      </c>
      <c r="B18024" s="1" t="s">
        <v>53796</v>
      </c>
      <c r="C18024" s="1" t="s">
        <v>30</v>
      </c>
      <c r="D18024" s="1" t="s">
        <v>65812</v>
      </c>
      <c r="E18024" s="1" t="s">
        <v>16157</v>
      </c>
      <c r="F18024" s="1" t="s">
        <v>65813</v>
      </c>
      <c r="G18024" s="1" t="s">
        <v>65802</v>
      </c>
      <c r="H18024" s="1" t="s">
        <v>65803</v>
      </c>
      <c r="I18024" s="1" t="s">
        <v>53800</v>
      </c>
      <c r="J18024" s="1" t="s">
        <v>65814</v>
      </c>
    </row>
    <row r="18025" spans="1:10" x14ac:dyDescent="0.35">
      <c r="A18025" s="1" t="s">
        <v>65799</v>
      </c>
      <c r="B18025" s="1" t="s">
        <v>53796</v>
      </c>
      <c r="C18025" s="1" t="s">
        <v>35</v>
      </c>
      <c r="D18025" s="1" t="s">
        <v>65815</v>
      </c>
      <c r="E18025" s="1" t="s">
        <v>26629</v>
      </c>
      <c r="F18025" s="1" t="s">
        <v>65816</v>
      </c>
      <c r="G18025" s="1" t="s">
        <v>65802</v>
      </c>
      <c r="H18025" s="1" t="s">
        <v>65803</v>
      </c>
      <c r="I18025" s="1" t="s">
        <v>53800</v>
      </c>
      <c r="J18025" s="1" t="s">
        <v>65817</v>
      </c>
    </row>
    <row r="18026" spans="1:10" x14ac:dyDescent="0.35">
      <c r="A18026" s="1" t="s">
        <v>65799</v>
      </c>
      <c r="B18026" s="1" t="s">
        <v>53796</v>
      </c>
      <c r="C18026" s="1" t="s">
        <v>40</v>
      </c>
      <c r="D18026" s="1" t="s">
        <v>65818</v>
      </c>
      <c r="E18026" s="1" t="s">
        <v>65819</v>
      </c>
      <c r="F18026" s="1" t="s">
        <v>54725</v>
      </c>
      <c r="G18026" s="1" t="s">
        <v>65802</v>
      </c>
      <c r="H18026" s="1" t="s">
        <v>65803</v>
      </c>
      <c r="I18026" s="1" t="s">
        <v>53800</v>
      </c>
      <c r="J18026" s="1" t="s">
        <v>65820</v>
      </c>
    </row>
    <row r="18027" spans="1:10" x14ac:dyDescent="0.35">
      <c r="A18027" s="1" t="s">
        <v>65799</v>
      </c>
      <c r="B18027" s="1" t="s">
        <v>53796</v>
      </c>
      <c r="C18027" s="1" t="s">
        <v>45</v>
      </c>
      <c r="D18027" s="1" t="s">
        <v>65821</v>
      </c>
      <c r="E18027" s="1" t="s">
        <v>26592</v>
      </c>
      <c r="F18027" s="1" t="s">
        <v>65822</v>
      </c>
      <c r="G18027" s="1" t="s">
        <v>65802</v>
      </c>
      <c r="H18027" s="1" t="s">
        <v>65803</v>
      </c>
      <c r="I18027" s="1" t="s">
        <v>53800</v>
      </c>
      <c r="J18027" s="1" t="s">
        <v>65823</v>
      </c>
    </row>
    <row r="18028" spans="1:10" x14ac:dyDescent="0.35">
      <c r="A18028" s="1" t="s">
        <v>65799</v>
      </c>
      <c r="B18028" s="1" t="s">
        <v>53796</v>
      </c>
      <c r="C18028" s="1" t="s">
        <v>50</v>
      </c>
      <c r="D18028" s="1" t="s">
        <v>65824</v>
      </c>
      <c r="E18028" s="1" t="s">
        <v>65825</v>
      </c>
      <c r="F18028" s="1" t="s">
        <v>63004</v>
      </c>
      <c r="G18028" s="1" t="s">
        <v>65802</v>
      </c>
      <c r="H18028" s="1" t="s">
        <v>65803</v>
      </c>
      <c r="I18028" s="1" t="s">
        <v>53800</v>
      </c>
      <c r="J18028" s="1" t="s">
        <v>65826</v>
      </c>
    </row>
    <row r="18029" spans="1:10" x14ac:dyDescent="0.35">
      <c r="A18029" s="1" t="s">
        <v>65799</v>
      </c>
      <c r="B18029" s="1" t="s">
        <v>53796</v>
      </c>
      <c r="C18029" s="1" t="s">
        <v>55</v>
      </c>
      <c r="D18029" s="1" t="s">
        <v>65827</v>
      </c>
      <c r="E18029" s="1" t="s">
        <v>15884</v>
      </c>
      <c r="F18029" s="1" t="s">
        <v>65828</v>
      </c>
      <c r="G18029" s="1" t="s">
        <v>65802</v>
      </c>
      <c r="H18029" s="1" t="s">
        <v>65803</v>
      </c>
      <c r="I18029" s="1" t="s">
        <v>53800</v>
      </c>
      <c r="J18029" s="1" t="s">
        <v>65829</v>
      </c>
    </row>
    <row r="18030" spans="1:10" x14ac:dyDescent="0.35">
      <c r="A18030" s="1" t="s">
        <v>65799</v>
      </c>
      <c r="B18030" s="1" t="s">
        <v>53796</v>
      </c>
      <c r="C18030" s="1" t="s">
        <v>60</v>
      </c>
      <c r="D18030" s="1" t="s">
        <v>65830</v>
      </c>
      <c r="E18030" s="1" t="s">
        <v>26198</v>
      </c>
      <c r="F18030" s="1" t="s">
        <v>65831</v>
      </c>
      <c r="G18030" s="1" t="s">
        <v>65802</v>
      </c>
      <c r="H18030" s="1" t="s">
        <v>65803</v>
      </c>
      <c r="I18030" s="1" t="s">
        <v>53800</v>
      </c>
      <c r="J18030" s="1" t="s">
        <v>65832</v>
      </c>
    </row>
    <row r="18031" spans="1:10" x14ac:dyDescent="0.35">
      <c r="A18031" s="1" t="s">
        <v>65799</v>
      </c>
      <c r="B18031" s="1" t="s">
        <v>53796</v>
      </c>
      <c r="C18031" s="1" t="s">
        <v>65</v>
      </c>
      <c r="D18031" s="1" t="s">
        <v>65833</v>
      </c>
      <c r="E18031" s="1" t="s">
        <v>65834</v>
      </c>
      <c r="F18031" s="1" t="s">
        <v>65835</v>
      </c>
      <c r="G18031" s="1" t="s">
        <v>65802</v>
      </c>
      <c r="H18031" s="1" t="s">
        <v>65803</v>
      </c>
      <c r="I18031" s="1" t="s">
        <v>53800</v>
      </c>
      <c r="J18031" s="1" t="s">
        <v>65836</v>
      </c>
    </row>
    <row r="18032" spans="1:10" x14ac:dyDescent="0.35">
      <c r="A18032" s="1" t="s">
        <v>65799</v>
      </c>
      <c r="B18032" s="1" t="s">
        <v>53796</v>
      </c>
      <c r="C18032" s="1" t="s">
        <v>70</v>
      </c>
      <c r="D18032" s="1" t="s">
        <v>22145</v>
      </c>
      <c r="E18032" s="1" t="s">
        <v>27097</v>
      </c>
      <c r="F18032" s="1" t="s">
        <v>65837</v>
      </c>
      <c r="G18032" s="1" t="s">
        <v>65802</v>
      </c>
      <c r="H18032" s="1" t="s">
        <v>65803</v>
      </c>
      <c r="I18032" s="1" t="s">
        <v>53800</v>
      </c>
      <c r="J18032" s="1" t="s">
        <v>65838</v>
      </c>
    </row>
    <row r="18033" spans="1:10" x14ac:dyDescent="0.35">
      <c r="A18033" s="1" t="s">
        <v>65799</v>
      </c>
      <c r="B18033" s="1" t="s">
        <v>53796</v>
      </c>
      <c r="C18033" s="1" t="s">
        <v>75</v>
      </c>
      <c r="D18033" s="1" t="s">
        <v>65839</v>
      </c>
      <c r="E18033" s="1" t="s">
        <v>26576</v>
      </c>
      <c r="F18033" s="1" t="s">
        <v>58057</v>
      </c>
      <c r="G18033" s="1" t="s">
        <v>65802</v>
      </c>
      <c r="H18033" s="1" t="s">
        <v>65803</v>
      </c>
      <c r="I18033" s="1" t="s">
        <v>53800</v>
      </c>
      <c r="J18033" s="1" t="s">
        <v>65840</v>
      </c>
    </row>
    <row r="18034" spans="1:10" x14ac:dyDescent="0.35">
      <c r="A18034" s="1" t="s">
        <v>65799</v>
      </c>
      <c r="B18034" s="1" t="s">
        <v>53796</v>
      </c>
      <c r="C18034" s="1" t="s">
        <v>80</v>
      </c>
      <c r="D18034" s="1" t="s">
        <v>65841</v>
      </c>
      <c r="E18034" s="1" t="s">
        <v>23472</v>
      </c>
      <c r="F18034" s="1" t="s">
        <v>65842</v>
      </c>
      <c r="G18034" s="1" t="s">
        <v>65802</v>
      </c>
      <c r="H18034" s="1" t="s">
        <v>65803</v>
      </c>
      <c r="I18034" s="1" t="s">
        <v>53800</v>
      </c>
      <c r="J18034" s="1" t="s">
        <v>65843</v>
      </c>
    </row>
    <row r="18035" spans="1:10" x14ac:dyDescent="0.35">
      <c r="A18035" s="1" t="s">
        <v>65799</v>
      </c>
      <c r="B18035" s="1" t="s">
        <v>53796</v>
      </c>
      <c r="C18035" s="1" t="s">
        <v>85</v>
      </c>
      <c r="D18035" s="1" t="s">
        <v>22563</v>
      </c>
      <c r="E18035" s="1" t="s">
        <v>32584</v>
      </c>
      <c r="F18035" s="1" t="s">
        <v>65844</v>
      </c>
      <c r="G18035" s="1" t="s">
        <v>65802</v>
      </c>
      <c r="H18035" s="1" t="s">
        <v>65803</v>
      </c>
      <c r="I18035" s="1" t="s">
        <v>53800</v>
      </c>
      <c r="J18035" s="1" t="s">
        <v>65845</v>
      </c>
    </row>
    <row r="18036" spans="1:10" x14ac:dyDescent="0.35">
      <c r="A18036" s="1" t="s">
        <v>65799</v>
      </c>
      <c r="B18036" s="1" t="s">
        <v>53796</v>
      </c>
      <c r="C18036" s="1" t="s">
        <v>90</v>
      </c>
      <c r="D18036" s="1" t="s">
        <v>26454</v>
      </c>
      <c r="E18036" s="1" t="s">
        <v>26637</v>
      </c>
      <c r="F18036" s="1" t="s">
        <v>65846</v>
      </c>
      <c r="G18036" s="1" t="s">
        <v>65802</v>
      </c>
      <c r="H18036" s="1" t="s">
        <v>65803</v>
      </c>
      <c r="I18036" s="1" t="s">
        <v>53800</v>
      </c>
      <c r="J18036" s="1" t="s">
        <v>65847</v>
      </c>
    </row>
    <row r="18037" spans="1:10" x14ac:dyDescent="0.35">
      <c r="A18037" s="1" t="s">
        <v>65799</v>
      </c>
      <c r="B18037" s="1" t="s">
        <v>53796</v>
      </c>
      <c r="C18037" s="1" t="s">
        <v>95</v>
      </c>
      <c r="D18037" s="1" t="s">
        <v>65848</v>
      </c>
      <c r="E18037" s="1" t="s">
        <v>15392</v>
      </c>
      <c r="F18037" s="1" t="s">
        <v>65849</v>
      </c>
      <c r="G18037" s="1" t="s">
        <v>65802</v>
      </c>
      <c r="H18037" s="1" t="s">
        <v>65803</v>
      </c>
      <c r="I18037" s="1" t="s">
        <v>53800</v>
      </c>
      <c r="J18037" s="1" t="s">
        <v>65850</v>
      </c>
    </row>
    <row r="18038" spans="1:10" x14ac:dyDescent="0.35">
      <c r="A18038" s="1" t="s">
        <v>65799</v>
      </c>
      <c r="B18038" s="1" t="s">
        <v>53796</v>
      </c>
      <c r="C18038" s="1" t="s">
        <v>100</v>
      </c>
      <c r="D18038" s="1" t="s">
        <v>65851</v>
      </c>
      <c r="E18038" s="1" t="s">
        <v>21853</v>
      </c>
      <c r="F18038" s="1" t="s">
        <v>65852</v>
      </c>
      <c r="G18038" s="1" t="s">
        <v>65802</v>
      </c>
      <c r="H18038" s="1" t="s">
        <v>65803</v>
      </c>
      <c r="I18038" s="1" t="s">
        <v>53800</v>
      </c>
      <c r="J18038" s="1" t="s">
        <v>65853</v>
      </c>
    </row>
    <row r="18039" spans="1:10" x14ac:dyDescent="0.35">
      <c r="A18039" s="1" t="s">
        <v>65799</v>
      </c>
      <c r="B18039" s="1" t="s">
        <v>53796</v>
      </c>
      <c r="C18039" s="1" t="s">
        <v>105</v>
      </c>
      <c r="D18039" s="1" t="s">
        <v>65854</v>
      </c>
      <c r="E18039" s="1" t="s">
        <v>53886</v>
      </c>
      <c r="F18039" s="1" t="s">
        <v>23405</v>
      </c>
      <c r="G18039" s="1" t="s">
        <v>65802</v>
      </c>
      <c r="H18039" s="1" t="s">
        <v>65803</v>
      </c>
      <c r="I18039" s="1" t="s">
        <v>53800</v>
      </c>
      <c r="J18039" s="1" t="s">
        <v>65855</v>
      </c>
    </row>
    <row r="18040" spans="1:10" x14ac:dyDescent="0.35">
      <c r="A18040" s="1" t="s">
        <v>65799</v>
      </c>
      <c r="B18040" s="1" t="s">
        <v>53796</v>
      </c>
      <c r="C18040" s="1" t="s">
        <v>110</v>
      </c>
      <c r="D18040" s="1" t="s">
        <v>65856</v>
      </c>
      <c r="E18040" s="1" t="s">
        <v>54747</v>
      </c>
      <c r="F18040" s="1" t="s">
        <v>65857</v>
      </c>
      <c r="G18040" s="1" t="s">
        <v>65802</v>
      </c>
      <c r="H18040" s="1" t="s">
        <v>65803</v>
      </c>
      <c r="I18040" s="1" t="s">
        <v>53800</v>
      </c>
      <c r="J18040" s="1" t="s">
        <v>65858</v>
      </c>
    </row>
    <row r="18041" spans="1:10" x14ac:dyDescent="0.35">
      <c r="A18041" s="1" t="s">
        <v>65799</v>
      </c>
      <c r="B18041" s="1" t="s">
        <v>53796</v>
      </c>
      <c r="C18041" s="1" t="s">
        <v>115</v>
      </c>
      <c r="D18041" s="1" t="s">
        <v>36369</v>
      </c>
      <c r="E18041" s="1" t="s">
        <v>15592</v>
      </c>
      <c r="F18041" s="1" t="s">
        <v>65859</v>
      </c>
      <c r="G18041" s="1" t="s">
        <v>65802</v>
      </c>
      <c r="H18041" s="1" t="s">
        <v>65803</v>
      </c>
      <c r="I18041" s="1" t="s">
        <v>53800</v>
      </c>
      <c r="J18041" s="1" t="s">
        <v>65860</v>
      </c>
    </row>
    <row r="18042" spans="1:10" x14ac:dyDescent="0.35">
      <c r="A18042" s="1" t="s">
        <v>65799</v>
      </c>
      <c r="B18042" s="1" t="s">
        <v>53796</v>
      </c>
      <c r="C18042" s="1" t="s">
        <v>120</v>
      </c>
      <c r="D18042" s="1" t="s">
        <v>65861</v>
      </c>
      <c r="E18042" s="1" t="s">
        <v>15349</v>
      </c>
      <c r="F18042" s="1" t="s">
        <v>60121</v>
      </c>
      <c r="G18042" s="1" t="s">
        <v>65802</v>
      </c>
      <c r="H18042" s="1" t="s">
        <v>65803</v>
      </c>
      <c r="I18042" s="1" t="s">
        <v>53800</v>
      </c>
      <c r="J18042" s="1" t="s">
        <v>65862</v>
      </c>
    </row>
    <row r="18043" spans="1:10" x14ac:dyDescent="0.35">
      <c r="A18043" s="1" t="s">
        <v>65799</v>
      </c>
      <c r="B18043" s="1" t="s">
        <v>53796</v>
      </c>
      <c r="C18043" s="1" t="s">
        <v>125</v>
      </c>
      <c r="D18043" s="1" t="s">
        <v>65863</v>
      </c>
      <c r="E18043" s="1" t="s">
        <v>24408</v>
      </c>
      <c r="F18043" s="1" t="s">
        <v>65864</v>
      </c>
      <c r="G18043" s="1" t="s">
        <v>65802</v>
      </c>
      <c r="H18043" s="1" t="s">
        <v>65803</v>
      </c>
      <c r="I18043" s="1" t="s">
        <v>53800</v>
      </c>
      <c r="J18043" s="1" t="s">
        <v>65865</v>
      </c>
    </row>
    <row r="18044" spans="1:10" x14ac:dyDescent="0.35">
      <c r="A18044" s="1" t="s">
        <v>65799</v>
      </c>
      <c r="B18044" s="1" t="s">
        <v>53796</v>
      </c>
      <c r="C18044" s="1" t="s">
        <v>130</v>
      </c>
      <c r="D18044" s="1" t="s">
        <v>65866</v>
      </c>
      <c r="E18044" s="1" t="s">
        <v>24262</v>
      </c>
      <c r="F18044" s="1" t="s">
        <v>65867</v>
      </c>
      <c r="G18044" s="1" t="s">
        <v>65802</v>
      </c>
      <c r="H18044" s="1" t="s">
        <v>65803</v>
      </c>
      <c r="I18044" s="1" t="s">
        <v>53800</v>
      </c>
      <c r="J18044" s="1" t="s">
        <v>65868</v>
      </c>
    </row>
    <row r="18045" spans="1:10" x14ac:dyDescent="0.35">
      <c r="A18045" s="1" t="s">
        <v>65799</v>
      </c>
      <c r="B18045" s="1" t="s">
        <v>53796</v>
      </c>
      <c r="C18045" s="1" t="s">
        <v>135</v>
      </c>
      <c r="D18045" s="1" t="s">
        <v>65869</v>
      </c>
      <c r="E18045" s="1" t="s">
        <v>15592</v>
      </c>
      <c r="F18045" s="1" t="s">
        <v>65870</v>
      </c>
      <c r="G18045" s="1" t="s">
        <v>65802</v>
      </c>
      <c r="H18045" s="1" t="s">
        <v>65803</v>
      </c>
      <c r="I18045" s="1" t="s">
        <v>53800</v>
      </c>
      <c r="J18045" s="1" t="s">
        <v>65871</v>
      </c>
    </row>
    <row r="18046" spans="1:10" x14ac:dyDescent="0.35">
      <c r="A18046" s="1" t="s">
        <v>65799</v>
      </c>
      <c r="B18046" s="1" t="s">
        <v>53796</v>
      </c>
      <c r="C18046" s="1" t="s">
        <v>140</v>
      </c>
      <c r="D18046" s="1" t="s">
        <v>64595</v>
      </c>
      <c r="E18046" s="1" t="s">
        <v>58768</v>
      </c>
      <c r="F18046" s="1" t="s">
        <v>61433</v>
      </c>
      <c r="G18046" s="1" t="s">
        <v>65802</v>
      </c>
      <c r="H18046" s="1" t="s">
        <v>65803</v>
      </c>
      <c r="I18046" s="1" t="s">
        <v>53800</v>
      </c>
      <c r="J18046" s="1" t="s">
        <v>65872</v>
      </c>
    </row>
    <row r="18047" spans="1:10" x14ac:dyDescent="0.35">
      <c r="A18047" s="1" t="s">
        <v>65799</v>
      </c>
      <c r="B18047" s="1" t="s">
        <v>53796</v>
      </c>
      <c r="C18047" s="1" t="s">
        <v>145</v>
      </c>
      <c r="D18047" s="1" t="s">
        <v>58900</v>
      </c>
      <c r="E18047" s="1" t="s">
        <v>59658</v>
      </c>
      <c r="F18047" s="1" t="s">
        <v>65873</v>
      </c>
      <c r="G18047" s="1" t="s">
        <v>65802</v>
      </c>
      <c r="H18047" s="1" t="s">
        <v>65803</v>
      </c>
      <c r="I18047" s="1" t="s">
        <v>53800</v>
      </c>
      <c r="J18047" s="1" t="s">
        <v>65874</v>
      </c>
    </row>
    <row r="18048" spans="1:10" x14ac:dyDescent="0.35">
      <c r="A18048" s="1" t="s">
        <v>65799</v>
      </c>
      <c r="B18048" s="1" t="s">
        <v>53796</v>
      </c>
      <c r="C18048" s="1" t="s">
        <v>150</v>
      </c>
      <c r="D18048" s="1" t="s">
        <v>65875</v>
      </c>
      <c r="E18048" s="1" t="s">
        <v>27134</v>
      </c>
      <c r="F18048" s="1" t="s">
        <v>65876</v>
      </c>
      <c r="G18048" s="1" t="s">
        <v>65802</v>
      </c>
      <c r="H18048" s="1" t="s">
        <v>65803</v>
      </c>
      <c r="I18048" s="1" t="s">
        <v>53800</v>
      </c>
      <c r="J18048" s="1" t="s">
        <v>65877</v>
      </c>
    </row>
    <row r="18049" spans="1:10" x14ac:dyDescent="0.35">
      <c r="A18049" s="1" t="s">
        <v>65799</v>
      </c>
      <c r="B18049" s="1" t="s">
        <v>53796</v>
      </c>
      <c r="C18049" s="1" t="s">
        <v>155</v>
      </c>
      <c r="D18049" s="1" t="s">
        <v>65878</v>
      </c>
      <c r="E18049" s="1" t="s">
        <v>15899</v>
      </c>
      <c r="F18049" s="1" t="s">
        <v>65879</v>
      </c>
      <c r="G18049" s="1" t="s">
        <v>65802</v>
      </c>
      <c r="H18049" s="1" t="s">
        <v>65803</v>
      </c>
      <c r="I18049" s="1" t="s">
        <v>53800</v>
      </c>
      <c r="J18049" s="1" t="s">
        <v>65880</v>
      </c>
    </row>
    <row r="18050" spans="1:10" x14ac:dyDescent="0.35">
      <c r="A18050" s="1" t="s">
        <v>65799</v>
      </c>
      <c r="B18050" s="1" t="s">
        <v>53796</v>
      </c>
      <c r="C18050" s="1" t="s">
        <v>160</v>
      </c>
      <c r="D18050" s="1" t="s">
        <v>22094</v>
      </c>
      <c r="E18050" s="1" t="s">
        <v>32615</v>
      </c>
      <c r="F18050" s="1" t="s">
        <v>65881</v>
      </c>
      <c r="G18050" s="1" t="s">
        <v>65802</v>
      </c>
      <c r="H18050" s="1" t="s">
        <v>65803</v>
      </c>
      <c r="I18050" s="1" t="s">
        <v>53800</v>
      </c>
      <c r="J18050" s="1" t="s">
        <v>65882</v>
      </c>
    </row>
    <row r="18051" spans="1:10" x14ac:dyDescent="0.35">
      <c r="A18051" s="1" t="s">
        <v>65799</v>
      </c>
      <c r="B18051" s="1" t="s">
        <v>53796</v>
      </c>
      <c r="C18051" s="1" t="s">
        <v>165</v>
      </c>
      <c r="D18051" s="1" t="s">
        <v>58540</v>
      </c>
      <c r="E18051" s="1" t="s">
        <v>24269</v>
      </c>
      <c r="F18051" s="1" t="s">
        <v>65883</v>
      </c>
      <c r="G18051" s="1" t="s">
        <v>65802</v>
      </c>
      <c r="H18051" s="1" t="s">
        <v>65803</v>
      </c>
      <c r="I18051" s="1" t="s">
        <v>53800</v>
      </c>
      <c r="J18051" s="1" t="s">
        <v>65884</v>
      </c>
    </row>
    <row r="18052" spans="1:10" x14ac:dyDescent="0.35">
      <c r="A18052" s="1" t="s">
        <v>65799</v>
      </c>
      <c r="B18052" s="1" t="s">
        <v>53796</v>
      </c>
      <c r="C18052" s="1" t="s">
        <v>170</v>
      </c>
      <c r="D18052" s="1" t="s">
        <v>65885</v>
      </c>
      <c r="E18052" s="1" t="s">
        <v>65886</v>
      </c>
      <c r="F18052" s="1" t="s">
        <v>65887</v>
      </c>
      <c r="G18052" s="1" t="s">
        <v>65802</v>
      </c>
      <c r="H18052" s="1" t="s">
        <v>65803</v>
      </c>
      <c r="I18052" s="1" t="s">
        <v>53800</v>
      </c>
      <c r="J18052" s="1" t="s">
        <v>65888</v>
      </c>
    </row>
    <row r="18053" spans="1:10" x14ac:dyDescent="0.35">
      <c r="A18053" s="1" t="s">
        <v>2222</v>
      </c>
      <c r="B18053" s="1" t="s">
        <v>53796</v>
      </c>
      <c r="C18053" s="1" t="s">
        <v>8</v>
      </c>
      <c r="D18053" s="1" t="s">
        <v>65889</v>
      </c>
      <c r="E18053" s="1" t="s">
        <v>21890</v>
      </c>
      <c r="F18053" s="1" t="s">
        <v>65890</v>
      </c>
      <c r="G18053" s="1" t="s">
        <v>65891</v>
      </c>
      <c r="H18053" s="1" t="s">
        <v>65892</v>
      </c>
      <c r="I18053" s="1" t="s">
        <v>53800</v>
      </c>
      <c r="J18053" s="1" t="s">
        <v>13</v>
      </c>
    </row>
    <row r="18054" spans="1:10" x14ac:dyDescent="0.35">
      <c r="A18054" s="1" t="s">
        <v>2222</v>
      </c>
      <c r="B18054" s="1" t="s">
        <v>53796</v>
      </c>
      <c r="C18054" s="1" t="s">
        <v>15</v>
      </c>
      <c r="D18054" s="1" t="s">
        <v>65893</v>
      </c>
      <c r="E18054" s="1" t="s">
        <v>21128</v>
      </c>
      <c r="F18054" s="1" t="s">
        <v>65894</v>
      </c>
      <c r="G18054" s="1" t="s">
        <v>65891</v>
      </c>
      <c r="H18054" s="1" t="s">
        <v>65892</v>
      </c>
      <c r="I18054" s="1" t="s">
        <v>53800</v>
      </c>
      <c r="J18054" s="1" t="s">
        <v>65895</v>
      </c>
    </row>
    <row r="18055" spans="1:10" x14ac:dyDescent="0.35">
      <c r="A18055" s="1" t="s">
        <v>2222</v>
      </c>
      <c r="B18055" s="1" t="s">
        <v>53796</v>
      </c>
      <c r="C18055" s="1" t="s">
        <v>20</v>
      </c>
      <c r="D18055" s="1" t="s">
        <v>65896</v>
      </c>
      <c r="E18055" s="1" t="s">
        <v>56651</v>
      </c>
      <c r="F18055" s="1" t="s">
        <v>65897</v>
      </c>
      <c r="G18055" s="1" t="s">
        <v>65891</v>
      </c>
      <c r="H18055" s="1" t="s">
        <v>65892</v>
      </c>
      <c r="I18055" s="1" t="s">
        <v>53800</v>
      </c>
      <c r="J18055" s="1" t="s">
        <v>65898</v>
      </c>
    </row>
    <row r="18056" spans="1:10" x14ac:dyDescent="0.35">
      <c r="A18056" s="1" t="s">
        <v>2222</v>
      </c>
      <c r="B18056" s="1" t="s">
        <v>53796</v>
      </c>
      <c r="C18056" s="1" t="s">
        <v>25</v>
      </c>
      <c r="D18056" s="1" t="s">
        <v>65899</v>
      </c>
      <c r="E18056" s="1" t="s">
        <v>23894</v>
      </c>
      <c r="F18056" s="1" t="s">
        <v>65900</v>
      </c>
      <c r="G18056" s="1" t="s">
        <v>65891</v>
      </c>
      <c r="H18056" s="1" t="s">
        <v>65892</v>
      </c>
      <c r="I18056" s="1" t="s">
        <v>53800</v>
      </c>
      <c r="J18056" s="1" t="s">
        <v>65901</v>
      </c>
    </row>
    <row r="18057" spans="1:10" x14ac:dyDescent="0.35">
      <c r="A18057" s="1" t="s">
        <v>2222</v>
      </c>
      <c r="B18057" s="1" t="s">
        <v>53796</v>
      </c>
      <c r="C18057" s="1" t="s">
        <v>30</v>
      </c>
      <c r="D18057" s="1" t="s">
        <v>65902</v>
      </c>
      <c r="E18057" s="1" t="s">
        <v>58447</v>
      </c>
      <c r="F18057" s="1" t="s">
        <v>15421</v>
      </c>
      <c r="G18057" s="1" t="s">
        <v>65891</v>
      </c>
      <c r="H18057" s="1" t="s">
        <v>65892</v>
      </c>
      <c r="I18057" s="1" t="s">
        <v>53800</v>
      </c>
      <c r="J18057" s="1" t="s">
        <v>65903</v>
      </c>
    </row>
    <row r="18058" spans="1:10" x14ac:dyDescent="0.35">
      <c r="A18058" s="1" t="s">
        <v>2222</v>
      </c>
      <c r="B18058" s="1" t="s">
        <v>53796</v>
      </c>
      <c r="C18058" s="1" t="s">
        <v>35</v>
      </c>
      <c r="D18058" s="1" t="s">
        <v>39342</v>
      </c>
      <c r="E18058" s="1" t="s">
        <v>59192</v>
      </c>
      <c r="F18058" s="1" t="s">
        <v>65904</v>
      </c>
      <c r="G18058" s="1" t="s">
        <v>65891</v>
      </c>
      <c r="H18058" s="1" t="s">
        <v>65892</v>
      </c>
      <c r="I18058" s="1" t="s">
        <v>53800</v>
      </c>
      <c r="J18058" s="1" t="s">
        <v>65905</v>
      </c>
    </row>
    <row r="18059" spans="1:10" x14ac:dyDescent="0.35">
      <c r="A18059" s="1" t="s">
        <v>2222</v>
      </c>
      <c r="B18059" s="1" t="s">
        <v>53796</v>
      </c>
      <c r="C18059" s="1" t="s">
        <v>40</v>
      </c>
      <c r="D18059" s="1" t="s">
        <v>65906</v>
      </c>
      <c r="E18059" s="1" t="s">
        <v>40683</v>
      </c>
      <c r="F18059" s="1" t="s">
        <v>65907</v>
      </c>
      <c r="G18059" s="1" t="s">
        <v>65891</v>
      </c>
      <c r="H18059" s="1" t="s">
        <v>65892</v>
      </c>
      <c r="I18059" s="1" t="s">
        <v>53800</v>
      </c>
      <c r="J18059" s="1" t="s">
        <v>65908</v>
      </c>
    </row>
    <row r="18060" spans="1:10" x14ac:dyDescent="0.35">
      <c r="A18060" s="1" t="s">
        <v>2222</v>
      </c>
      <c r="B18060" s="1" t="s">
        <v>53796</v>
      </c>
      <c r="C18060" s="1" t="s">
        <v>45</v>
      </c>
      <c r="D18060" s="1" t="s">
        <v>65909</v>
      </c>
      <c r="E18060" s="1" t="s">
        <v>62816</v>
      </c>
      <c r="F18060" s="1" t="s">
        <v>65910</v>
      </c>
      <c r="G18060" s="1" t="s">
        <v>65891</v>
      </c>
      <c r="H18060" s="1" t="s">
        <v>65892</v>
      </c>
      <c r="I18060" s="1" t="s">
        <v>53800</v>
      </c>
      <c r="J18060" s="1" t="s">
        <v>65911</v>
      </c>
    </row>
    <row r="18061" spans="1:10" x14ac:dyDescent="0.35">
      <c r="A18061" s="1" t="s">
        <v>2222</v>
      </c>
      <c r="B18061" s="1" t="s">
        <v>53796</v>
      </c>
      <c r="C18061" s="1" t="s">
        <v>50</v>
      </c>
      <c r="D18061" s="1" t="s">
        <v>60804</v>
      </c>
      <c r="E18061" s="1" t="s">
        <v>65912</v>
      </c>
      <c r="F18061" s="1" t="s">
        <v>41189</v>
      </c>
      <c r="G18061" s="1" t="s">
        <v>65891</v>
      </c>
      <c r="H18061" s="1" t="s">
        <v>65892</v>
      </c>
      <c r="I18061" s="1" t="s">
        <v>53800</v>
      </c>
      <c r="J18061" s="1" t="s">
        <v>65913</v>
      </c>
    </row>
    <row r="18062" spans="1:10" x14ac:dyDescent="0.35">
      <c r="A18062" s="1" t="s">
        <v>2222</v>
      </c>
      <c r="B18062" s="1" t="s">
        <v>53796</v>
      </c>
      <c r="C18062" s="1" t="s">
        <v>55</v>
      </c>
      <c r="D18062" s="1" t="s">
        <v>65914</v>
      </c>
      <c r="E18062" s="1" t="s">
        <v>41418</v>
      </c>
      <c r="F18062" s="1" t="s">
        <v>65915</v>
      </c>
      <c r="G18062" s="1" t="s">
        <v>65891</v>
      </c>
      <c r="H18062" s="1" t="s">
        <v>65892</v>
      </c>
      <c r="I18062" s="1" t="s">
        <v>53800</v>
      </c>
      <c r="J18062" s="1" t="s">
        <v>65916</v>
      </c>
    </row>
    <row r="18063" spans="1:10" x14ac:dyDescent="0.35">
      <c r="A18063" s="1" t="s">
        <v>2222</v>
      </c>
      <c r="B18063" s="1" t="s">
        <v>53796</v>
      </c>
      <c r="C18063" s="1" t="s">
        <v>60</v>
      </c>
      <c r="D18063" s="1" t="s">
        <v>65917</v>
      </c>
      <c r="E18063" s="1" t="s">
        <v>32351</v>
      </c>
      <c r="F18063" s="1" t="s">
        <v>65918</v>
      </c>
      <c r="G18063" s="1" t="s">
        <v>65891</v>
      </c>
      <c r="H18063" s="1" t="s">
        <v>65892</v>
      </c>
      <c r="I18063" s="1" t="s">
        <v>53800</v>
      </c>
      <c r="J18063" s="1" t="s">
        <v>65919</v>
      </c>
    </row>
    <row r="18064" spans="1:10" x14ac:dyDescent="0.35">
      <c r="A18064" s="1" t="s">
        <v>2222</v>
      </c>
      <c r="B18064" s="1" t="s">
        <v>53796</v>
      </c>
      <c r="C18064" s="1" t="s">
        <v>65</v>
      </c>
      <c r="D18064" s="1" t="s">
        <v>52296</v>
      </c>
      <c r="E18064" s="1" t="s">
        <v>24347</v>
      </c>
      <c r="F18064" s="1" t="s">
        <v>65920</v>
      </c>
      <c r="G18064" s="1" t="s">
        <v>65891</v>
      </c>
      <c r="H18064" s="1" t="s">
        <v>65892</v>
      </c>
      <c r="I18064" s="1" t="s">
        <v>53800</v>
      </c>
      <c r="J18064" s="1" t="s">
        <v>65921</v>
      </c>
    </row>
    <row r="18065" spans="1:10" x14ac:dyDescent="0.35">
      <c r="A18065" s="1" t="s">
        <v>2222</v>
      </c>
      <c r="B18065" s="1" t="s">
        <v>53796</v>
      </c>
      <c r="C18065" s="1" t="s">
        <v>70</v>
      </c>
      <c r="D18065" s="1" t="s">
        <v>65922</v>
      </c>
      <c r="E18065" s="1" t="s">
        <v>41395</v>
      </c>
      <c r="F18065" s="1" t="s">
        <v>65923</v>
      </c>
      <c r="G18065" s="1" t="s">
        <v>65891</v>
      </c>
      <c r="H18065" s="1" t="s">
        <v>65892</v>
      </c>
      <c r="I18065" s="1" t="s">
        <v>53800</v>
      </c>
      <c r="J18065" s="1" t="s">
        <v>65924</v>
      </c>
    </row>
    <row r="18066" spans="1:10" x14ac:dyDescent="0.35">
      <c r="A18066" s="1" t="s">
        <v>2222</v>
      </c>
      <c r="B18066" s="1" t="s">
        <v>53796</v>
      </c>
      <c r="C18066" s="1" t="s">
        <v>75</v>
      </c>
      <c r="D18066" s="1" t="s">
        <v>65925</v>
      </c>
      <c r="E18066" s="1" t="s">
        <v>32355</v>
      </c>
      <c r="F18066" s="1" t="s">
        <v>59794</v>
      </c>
      <c r="G18066" s="1" t="s">
        <v>65891</v>
      </c>
      <c r="H18066" s="1" t="s">
        <v>65892</v>
      </c>
      <c r="I18066" s="1" t="s">
        <v>53800</v>
      </c>
      <c r="J18066" s="1" t="s">
        <v>65926</v>
      </c>
    </row>
    <row r="18067" spans="1:10" x14ac:dyDescent="0.35">
      <c r="A18067" s="1" t="s">
        <v>2222</v>
      </c>
      <c r="B18067" s="1" t="s">
        <v>53796</v>
      </c>
      <c r="C18067" s="1" t="s">
        <v>80</v>
      </c>
      <c r="D18067" s="1" t="s">
        <v>26913</v>
      </c>
      <c r="E18067" s="1" t="s">
        <v>21883</v>
      </c>
      <c r="F18067" s="1" t="s">
        <v>65927</v>
      </c>
      <c r="G18067" s="1" t="s">
        <v>65891</v>
      </c>
      <c r="H18067" s="1" t="s">
        <v>65892</v>
      </c>
      <c r="I18067" s="1" t="s">
        <v>53800</v>
      </c>
      <c r="J18067" s="1" t="s">
        <v>65928</v>
      </c>
    </row>
    <row r="18068" spans="1:10" x14ac:dyDescent="0.35">
      <c r="A18068" s="1" t="s">
        <v>2222</v>
      </c>
      <c r="B18068" s="1" t="s">
        <v>53796</v>
      </c>
      <c r="C18068" s="1" t="s">
        <v>85</v>
      </c>
      <c r="D18068" s="1" t="s">
        <v>42356</v>
      </c>
      <c r="E18068" s="1" t="s">
        <v>62529</v>
      </c>
      <c r="F18068" s="1" t="s">
        <v>65929</v>
      </c>
      <c r="G18068" s="1" t="s">
        <v>65891</v>
      </c>
      <c r="H18068" s="1" t="s">
        <v>65892</v>
      </c>
      <c r="I18068" s="1" t="s">
        <v>53800</v>
      </c>
      <c r="J18068" s="1" t="s">
        <v>65930</v>
      </c>
    </row>
    <row r="18069" spans="1:10" x14ac:dyDescent="0.35">
      <c r="A18069" s="1" t="s">
        <v>2222</v>
      </c>
      <c r="B18069" s="1" t="s">
        <v>53796</v>
      </c>
      <c r="C18069" s="1" t="s">
        <v>90</v>
      </c>
      <c r="D18069" s="1" t="s">
        <v>65931</v>
      </c>
      <c r="E18069" s="1" t="s">
        <v>54463</v>
      </c>
      <c r="F18069" s="1" t="s">
        <v>65932</v>
      </c>
      <c r="G18069" s="1" t="s">
        <v>65891</v>
      </c>
      <c r="H18069" s="1" t="s">
        <v>65892</v>
      </c>
      <c r="I18069" s="1" t="s">
        <v>53800</v>
      </c>
      <c r="J18069" s="1" t="s">
        <v>65933</v>
      </c>
    </row>
    <row r="18070" spans="1:10" x14ac:dyDescent="0.35">
      <c r="A18070" s="1" t="s">
        <v>2222</v>
      </c>
      <c r="B18070" s="1" t="s">
        <v>53796</v>
      </c>
      <c r="C18070" s="1" t="s">
        <v>95</v>
      </c>
      <c r="D18070" s="1" t="s">
        <v>65934</v>
      </c>
      <c r="E18070" s="1" t="s">
        <v>23461</v>
      </c>
      <c r="F18070" s="1" t="s">
        <v>27465</v>
      </c>
      <c r="G18070" s="1" t="s">
        <v>65891</v>
      </c>
      <c r="H18070" s="1" t="s">
        <v>65892</v>
      </c>
      <c r="I18070" s="1" t="s">
        <v>53800</v>
      </c>
      <c r="J18070" s="1" t="s">
        <v>65935</v>
      </c>
    </row>
    <row r="18071" spans="1:10" x14ac:dyDescent="0.35">
      <c r="A18071" s="1" t="s">
        <v>2222</v>
      </c>
      <c r="B18071" s="1" t="s">
        <v>53796</v>
      </c>
      <c r="C18071" s="1" t="s">
        <v>100</v>
      </c>
      <c r="D18071" s="1" t="s">
        <v>65936</v>
      </c>
      <c r="E18071" s="1" t="s">
        <v>57930</v>
      </c>
      <c r="F18071" s="1" t="s">
        <v>65937</v>
      </c>
      <c r="G18071" s="1" t="s">
        <v>65891</v>
      </c>
      <c r="H18071" s="1" t="s">
        <v>65892</v>
      </c>
      <c r="I18071" s="1" t="s">
        <v>53800</v>
      </c>
      <c r="J18071" s="1" t="s">
        <v>65938</v>
      </c>
    </row>
    <row r="18072" spans="1:10" x14ac:dyDescent="0.35">
      <c r="A18072" s="1" t="s">
        <v>2222</v>
      </c>
      <c r="B18072" s="1" t="s">
        <v>53796</v>
      </c>
      <c r="C18072" s="1" t="s">
        <v>105</v>
      </c>
      <c r="D18072" s="1" t="s">
        <v>7420</v>
      </c>
      <c r="E18072" s="1" t="s">
        <v>65939</v>
      </c>
      <c r="F18072" s="1" t="s">
        <v>65940</v>
      </c>
      <c r="G18072" s="1" t="s">
        <v>65891</v>
      </c>
      <c r="H18072" s="1" t="s">
        <v>65892</v>
      </c>
      <c r="I18072" s="1" t="s">
        <v>53800</v>
      </c>
      <c r="J18072" s="1" t="s">
        <v>65941</v>
      </c>
    </row>
    <row r="18073" spans="1:10" x14ac:dyDescent="0.35">
      <c r="A18073" s="1" t="s">
        <v>2222</v>
      </c>
      <c r="B18073" s="1" t="s">
        <v>53796</v>
      </c>
      <c r="C18073" s="1" t="s">
        <v>110</v>
      </c>
      <c r="D18073" s="1" t="s">
        <v>58379</v>
      </c>
      <c r="E18073" s="1" t="s">
        <v>23122</v>
      </c>
      <c r="F18073" s="1" t="s">
        <v>65942</v>
      </c>
      <c r="G18073" s="1" t="s">
        <v>65891</v>
      </c>
      <c r="H18073" s="1" t="s">
        <v>65892</v>
      </c>
      <c r="I18073" s="1" t="s">
        <v>53800</v>
      </c>
      <c r="J18073" s="1" t="s">
        <v>65943</v>
      </c>
    </row>
    <row r="18074" spans="1:10" x14ac:dyDescent="0.35">
      <c r="A18074" s="1" t="s">
        <v>2222</v>
      </c>
      <c r="B18074" s="1" t="s">
        <v>53796</v>
      </c>
      <c r="C18074" s="1" t="s">
        <v>115</v>
      </c>
      <c r="D18074" s="1" t="s">
        <v>20674</v>
      </c>
      <c r="E18074" s="1" t="s">
        <v>55344</v>
      </c>
      <c r="F18074" s="1" t="s">
        <v>65944</v>
      </c>
      <c r="G18074" s="1" t="s">
        <v>65891</v>
      </c>
      <c r="H18074" s="1" t="s">
        <v>65892</v>
      </c>
      <c r="I18074" s="1" t="s">
        <v>53800</v>
      </c>
      <c r="J18074" s="1" t="s">
        <v>65945</v>
      </c>
    </row>
    <row r="18075" spans="1:10" x14ac:dyDescent="0.35">
      <c r="A18075" s="1" t="s">
        <v>2222</v>
      </c>
      <c r="B18075" s="1" t="s">
        <v>53796</v>
      </c>
      <c r="C18075" s="1" t="s">
        <v>120</v>
      </c>
      <c r="D18075" s="1" t="s">
        <v>65946</v>
      </c>
      <c r="E18075" s="1" t="s">
        <v>41578</v>
      </c>
      <c r="F18075" s="1" t="s">
        <v>65947</v>
      </c>
      <c r="G18075" s="1" t="s">
        <v>65891</v>
      </c>
      <c r="H18075" s="1" t="s">
        <v>65892</v>
      </c>
      <c r="I18075" s="1" t="s">
        <v>53800</v>
      </c>
      <c r="J18075" s="1" t="s">
        <v>65948</v>
      </c>
    </row>
    <row r="18076" spans="1:10" x14ac:dyDescent="0.35">
      <c r="A18076" s="1" t="s">
        <v>2222</v>
      </c>
      <c r="B18076" s="1" t="s">
        <v>53796</v>
      </c>
      <c r="C18076" s="1" t="s">
        <v>125</v>
      </c>
      <c r="D18076" s="1" t="s">
        <v>65949</v>
      </c>
      <c r="E18076" s="1" t="s">
        <v>23002</v>
      </c>
      <c r="F18076" s="1" t="s">
        <v>65950</v>
      </c>
      <c r="G18076" s="1" t="s">
        <v>65891</v>
      </c>
      <c r="H18076" s="1" t="s">
        <v>65892</v>
      </c>
      <c r="I18076" s="1" t="s">
        <v>53800</v>
      </c>
      <c r="J18076" s="1" t="s">
        <v>65951</v>
      </c>
    </row>
    <row r="18077" spans="1:10" x14ac:dyDescent="0.35">
      <c r="A18077" s="1" t="s">
        <v>2222</v>
      </c>
      <c r="B18077" s="1" t="s">
        <v>53796</v>
      </c>
      <c r="C18077" s="1" t="s">
        <v>130</v>
      </c>
      <c r="D18077" s="1" t="s">
        <v>65952</v>
      </c>
      <c r="E18077" s="1" t="s">
        <v>61765</v>
      </c>
      <c r="F18077" s="1" t="s">
        <v>65953</v>
      </c>
      <c r="G18077" s="1" t="s">
        <v>65891</v>
      </c>
      <c r="H18077" s="1" t="s">
        <v>65892</v>
      </c>
      <c r="I18077" s="1" t="s">
        <v>53800</v>
      </c>
      <c r="J18077" s="1" t="s">
        <v>65954</v>
      </c>
    </row>
    <row r="18078" spans="1:10" x14ac:dyDescent="0.35">
      <c r="A18078" s="1" t="s">
        <v>2222</v>
      </c>
      <c r="B18078" s="1" t="s">
        <v>53796</v>
      </c>
      <c r="C18078" s="1" t="s">
        <v>135</v>
      </c>
      <c r="D18078" s="1" t="s">
        <v>65955</v>
      </c>
      <c r="E18078" s="1" t="s">
        <v>24388</v>
      </c>
      <c r="F18078" s="1" t="s">
        <v>62530</v>
      </c>
      <c r="G18078" s="1" t="s">
        <v>65891</v>
      </c>
      <c r="H18078" s="1" t="s">
        <v>65892</v>
      </c>
      <c r="I18078" s="1" t="s">
        <v>53800</v>
      </c>
      <c r="J18078" s="1" t="s">
        <v>65956</v>
      </c>
    </row>
    <row r="18079" spans="1:10" x14ac:dyDescent="0.35">
      <c r="A18079" s="1" t="s">
        <v>2222</v>
      </c>
      <c r="B18079" s="1" t="s">
        <v>53796</v>
      </c>
      <c r="C18079" s="1" t="s">
        <v>140</v>
      </c>
      <c r="D18079" s="1" t="s">
        <v>58950</v>
      </c>
      <c r="E18079" s="1" t="s">
        <v>21749</v>
      </c>
      <c r="F18079" s="1" t="s">
        <v>65957</v>
      </c>
      <c r="G18079" s="1" t="s">
        <v>65891</v>
      </c>
      <c r="H18079" s="1" t="s">
        <v>65892</v>
      </c>
      <c r="I18079" s="1" t="s">
        <v>53800</v>
      </c>
      <c r="J18079" s="1" t="s">
        <v>65958</v>
      </c>
    </row>
    <row r="18080" spans="1:10" x14ac:dyDescent="0.35">
      <c r="A18080" s="1" t="s">
        <v>2222</v>
      </c>
      <c r="B18080" s="1" t="s">
        <v>53796</v>
      </c>
      <c r="C18080" s="1" t="s">
        <v>145</v>
      </c>
      <c r="D18080" s="1" t="s">
        <v>61047</v>
      </c>
      <c r="E18080" s="1" t="s">
        <v>54092</v>
      </c>
      <c r="F18080" s="1" t="s">
        <v>65959</v>
      </c>
      <c r="G18080" s="1" t="s">
        <v>65891</v>
      </c>
      <c r="H18080" s="1" t="s">
        <v>65892</v>
      </c>
      <c r="I18080" s="1" t="s">
        <v>53800</v>
      </c>
      <c r="J18080" s="1" t="s">
        <v>65960</v>
      </c>
    </row>
    <row r="18081" spans="1:10" x14ac:dyDescent="0.35">
      <c r="A18081" s="1" t="s">
        <v>2222</v>
      </c>
      <c r="B18081" s="1" t="s">
        <v>53796</v>
      </c>
      <c r="C18081" s="1" t="s">
        <v>150</v>
      </c>
      <c r="D18081" s="1" t="s">
        <v>65961</v>
      </c>
      <c r="E18081" s="1" t="s">
        <v>21925</v>
      </c>
      <c r="F18081" s="1" t="s">
        <v>65962</v>
      </c>
      <c r="G18081" s="1" t="s">
        <v>65891</v>
      </c>
      <c r="H18081" s="1" t="s">
        <v>65892</v>
      </c>
      <c r="I18081" s="1" t="s">
        <v>53800</v>
      </c>
      <c r="J18081" s="1" t="s">
        <v>65963</v>
      </c>
    </row>
    <row r="18082" spans="1:10" x14ac:dyDescent="0.35">
      <c r="A18082" s="1" t="s">
        <v>2222</v>
      </c>
      <c r="B18082" s="1" t="s">
        <v>53796</v>
      </c>
      <c r="C18082" s="1" t="s">
        <v>155</v>
      </c>
      <c r="D18082" s="1" t="s">
        <v>65964</v>
      </c>
      <c r="E18082" s="1" t="s">
        <v>15274</v>
      </c>
      <c r="F18082" s="1" t="s">
        <v>65965</v>
      </c>
      <c r="G18082" s="1" t="s">
        <v>65891</v>
      </c>
      <c r="H18082" s="1" t="s">
        <v>65892</v>
      </c>
      <c r="I18082" s="1" t="s">
        <v>53800</v>
      </c>
      <c r="J18082" s="1" t="s">
        <v>65966</v>
      </c>
    </row>
    <row r="18083" spans="1:10" x14ac:dyDescent="0.35">
      <c r="A18083" s="1" t="s">
        <v>2222</v>
      </c>
      <c r="B18083" s="1" t="s">
        <v>53796</v>
      </c>
      <c r="C18083" s="1" t="s">
        <v>160</v>
      </c>
      <c r="D18083" s="1" t="s">
        <v>39109</v>
      </c>
      <c r="E18083" s="1" t="s">
        <v>61042</v>
      </c>
      <c r="F18083" s="1" t="s">
        <v>65967</v>
      </c>
      <c r="G18083" s="1" t="s">
        <v>65891</v>
      </c>
      <c r="H18083" s="1" t="s">
        <v>65892</v>
      </c>
      <c r="I18083" s="1" t="s">
        <v>53800</v>
      </c>
      <c r="J18083" s="1" t="s">
        <v>65968</v>
      </c>
    </row>
    <row r="18084" spans="1:10" x14ac:dyDescent="0.35">
      <c r="A18084" s="1" t="s">
        <v>2222</v>
      </c>
      <c r="B18084" s="1" t="s">
        <v>53796</v>
      </c>
      <c r="C18084" s="1" t="s">
        <v>165</v>
      </c>
      <c r="D18084" s="1" t="s">
        <v>65969</v>
      </c>
      <c r="E18084" s="1" t="s">
        <v>41414</v>
      </c>
      <c r="F18084" s="1" t="s">
        <v>65970</v>
      </c>
      <c r="G18084" s="1" t="s">
        <v>65891</v>
      </c>
      <c r="H18084" s="1" t="s">
        <v>65892</v>
      </c>
      <c r="I18084" s="1" t="s">
        <v>53800</v>
      </c>
      <c r="J18084" s="1" t="s">
        <v>65971</v>
      </c>
    </row>
    <row r="18085" spans="1:10" x14ac:dyDescent="0.35">
      <c r="A18085" s="1" t="s">
        <v>2222</v>
      </c>
      <c r="B18085" s="1" t="s">
        <v>53796</v>
      </c>
      <c r="C18085" s="1" t="s">
        <v>170</v>
      </c>
      <c r="D18085" s="1" t="s">
        <v>65972</v>
      </c>
      <c r="E18085" s="1" t="s">
        <v>54197</v>
      </c>
      <c r="F18085" s="1" t="s">
        <v>65973</v>
      </c>
      <c r="G18085" s="1" t="s">
        <v>65891</v>
      </c>
      <c r="H18085" s="1" t="s">
        <v>65892</v>
      </c>
      <c r="I18085" s="1" t="s">
        <v>53800</v>
      </c>
      <c r="J18085" s="1" t="s">
        <v>65974</v>
      </c>
    </row>
    <row r="18086" spans="1:10" x14ac:dyDescent="0.35">
      <c r="A18086" s="1" t="s">
        <v>65975</v>
      </c>
      <c r="B18086" s="1" t="s">
        <v>53796</v>
      </c>
      <c r="C18086" s="1" t="s">
        <v>8</v>
      </c>
      <c r="D18086" s="1" t="s">
        <v>65976</v>
      </c>
      <c r="E18086" s="1" t="s">
        <v>16105</v>
      </c>
      <c r="F18086" s="1" t="s">
        <v>65977</v>
      </c>
      <c r="G18086" s="1" t="s">
        <v>65978</v>
      </c>
      <c r="H18086" s="1" t="s">
        <v>65979</v>
      </c>
      <c r="I18086" s="1" t="s">
        <v>53800</v>
      </c>
      <c r="J18086" s="1" t="s">
        <v>13</v>
      </c>
    </row>
    <row r="18087" spans="1:10" x14ac:dyDescent="0.35">
      <c r="A18087" s="1" t="s">
        <v>65975</v>
      </c>
      <c r="B18087" s="1" t="s">
        <v>53796</v>
      </c>
      <c r="C18087" s="1" t="s">
        <v>15</v>
      </c>
      <c r="D18087" s="1" t="s">
        <v>65980</v>
      </c>
      <c r="E18087" s="1" t="s">
        <v>56913</v>
      </c>
      <c r="F18087" s="1" t="s">
        <v>65981</v>
      </c>
      <c r="G18087" s="1" t="s">
        <v>65978</v>
      </c>
      <c r="H18087" s="1" t="s">
        <v>65979</v>
      </c>
      <c r="I18087" s="1" t="s">
        <v>53800</v>
      </c>
      <c r="J18087" s="1" t="s">
        <v>65982</v>
      </c>
    </row>
    <row r="18088" spans="1:10" x14ac:dyDescent="0.35">
      <c r="A18088" s="1" t="s">
        <v>65975</v>
      </c>
      <c r="B18088" s="1" t="s">
        <v>53796</v>
      </c>
      <c r="C18088" s="1" t="s">
        <v>20</v>
      </c>
      <c r="D18088" s="1" t="s">
        <v>65983</v>
      </c>
      <c r="E18088" s="1" t="s">
        <v>21970</v>
      </c>
      <c r="F18088" s="1" t="s">
        <v>65984</v>
      </c>
      <c r="G18088" s="1" t="s">
        <v>65978</v>
      </c>
      <c r="H18088" s="1" t="s">
        <v>65979</v>
      </c>
      <c r="I18088" s="1" t="s">
        <v>53800</v>
      </c>
      <c r="J18088" s="1" t="s">
        <v>65985</v>
      </c>
    </row>
    <row r="18089" spans="1:10" x14ac:dyDescent="0.35">
      <c r="A18089" s="1" t="s">
        <v>65975</v>
      </c>
      <c r="B18089" s="1" t="s">
        <v>53796</v>
      </c>
      <c r="C18089" s="1" t="s">
        <v>25</v>
      </c>
      <c r="D18089" s="1" t="s">
        <v>65986</v>
      </c>
      <c r="E18089" s="1" t="s">
        <v>41287</v>
      </c>
      <c r="F18089" s="1" t="s">
        <v>57195</v>
      </c>
      <c r="G18089" s="1" t="s">
        <v>65978</v>
      </c>
      <c r="H18089" s="1" t="s">
        <v>65979</v>
      </c>
      <c r="I18089" s="1" t="s">
        <v>53800</v>
      </c>
      <c r="J18089" s="1" t="s">
        <v>65987</v>
      </c>
    </row>
    <row r="18090" spans="1:10" x14ac:dyDescent="0.35">
      <c r="A18090" s="1" t="s">
        <v>65975</v>
      </c>
      <c r="B18090" s="1" t="s">
        <v>53796</v>
      </c>
      <c r="C18090" s="1" t="s">
        <v>30</v>
      </c>
      <c r="D18090" s="1" t="s">
        <v>65988</v>
      </c>
      <c r="E18090" s="1" t="s">
        <v>32302</v>
      </c>
      <c r="F18090" s="1" t="s">
        <v>65989</v>
      </c>
      <c r="G18090" s="1" t="s">
        <v>65978</v>
      </c>
      <c r="H18090" s="1" t="s">
        <v>65979</v>
      </c>
      <c r="I18090" s="1" t="s">
        <v>53800</v>
      </c>
      <c r="J18090" s="1" t="s">
        <v>65990</v>
      </c>
    </row>
    <row r="18091" spans="1:10" x14ac:dyDescent="0.35">
      <c r="A18091" s="1" t="s">
        <v>65975</v>
      </c>
      <c r="B18091" s="1" t="s">
        <v>53796</v>
      </c>
      <c r="C18091" s="1" t="s">
        <v>35</v>
      </c>
      <c r="D18091" s="1" t="s">
        <v>65991</v>
      </c>
      <c r="E18091" s="1" t="s">
        <v>55907</v>
      </c>
      <c r="F18091" s="1" t="s">
        <v>65992</v>
      </c>
      <c r="G18091" s="1" t="s">
        <v>65978</v>
      </c>
      <c r="H18091" s="1" t="s">
        <v>65979</v>
      </c>
      <c r="I18091" s="1" t="s">
        <v>53800</v>
      </c>
      <c r="J18091" s="1" t="s">
        <v>65993</v>
      </c>
    </row>
    <row r="18092" spans="1:10" x14ac:dyDescent="0.35">
      <c r="A18092" s="1" t="s">
        <v>65975</v>
      </c>
      <c r="B18092" s="1" t="s">
        <v>53796</v>
      </c>
      <c r="C18092" s="1" t="s">
        <v>40</v>
      </c>
      <c r="D18092" s="1" t="s">
        <v>39342</v>
      </c>
      <c r="E18092" s="1" t="s">
        <v>53924</v>
      </c>
      <c r="F18092" s="1" t="s">
        <v>58612</v>
      </c>
      <c r="G18092" s="1" t="s">
        <v>65978</v>
      </c>
      <c r="H18092" s="1" t="s">
        <v>65979</v>
      </c>
      <c r="I18092" s="1" t="s">
        <v>53800</v>
      </c>
      <c r="J18092" s="1" t="s">
        <v>65994</v>
      </c>
    </row>
    <row r="18093" spans="1:10" x14ac:dyDescent="0.35">
      <c r="A18093" s="1" t="s">
        <v>65975</v>
      </c>
      <c r="B18093" s="1" t="s">
        <v>53796</v>
      </c>
      <c r="C18093" s="1" t="s">
        <v>45</v>
      </c>
      <c r="D18093" s="1" t="s">
        <v>65995</v>
      </c>
      <c r="E18093" s="1" t="s">
        <v>16090</v>
      </c>
      <c r="F18093" s="1" t="s">
        <v>65996</v>
      </c>
      <c r="G18093" s="1" t="s">
        <v>65978</v>
      </c>
      <c r="H18093" s="1" t="s">
        <v>65979</v>
      </c>
      <c r="I18093" s="1" t="s">
        <v>53800</v>
      </c>
      <c r="J18093" s="1" t="s">
        <v>65997</v>
      </c>
    </row>
    <row r="18094" spans="1:10" x14ac:dyDescent="0.35">
      <c r="A18094" s="1" t="s">
        <v>65975</v>
      </c>
      <c r="B18094" s="1" t="s">
        <v>53796</v>
      </c>
      <c r="C18094" s="1" t="s">
        <v>50</v>
      </c>
      <c r="D18094" s="1" t="s">
        <v>65998</v>
      </c>
      <c r="E18094" s="1" t="s">
        <v>55198</v>
      </c>
      <c r="F18094" s="1" t="s">
        <v>65999</v>
      </c>
      <c r="G18094" s="1" t="s">
        <v>65978</v>
      </c>
      <c r="H18094" s="1" t="s">
        <v>65979</v>
      </c>
      <c r="I18094" s="1" t="s">
        <v>53800</v>
      </c>
      <c r="J18094" s="1" t="s">
        <v>66000</v>
      </c>
    </row>
    <row r="18095" spans="1:10" x14ac:dyDescent="0.35">
      <c r="A18095" s="1" t="s">
        <v>65975</v>
      </c>
      <c r="B18095" s="1" t="s">
        <v>53796</v>
      </c>
      <c r="C18095" s="1" t="s">
        <v>55</v>
      </c>
      <c r="D18095" s="1" t="s">
        <v>66001</v>
      </c>
      <c r="E18095" s="1" t="s">
        <v>23236</v>
      </c>
      <c r="F18095" s="1" t="s">
        <v>66002</v>
      </c>
      <c r="G18095" s="1" t="s">
        <v>65978</v>
      </c>
      <c r="H18095" s="1" t="s">
        <v>65979</v>
      </c>
      <c r="I18095" s="1" t="s">
        <v>53800</v>
      </c>
      <c r="J18095" s="1" t="s">
        <v>66003</v>
      </c>
    </row>
    <row r="18096" spans="1:10" x14ac:dyDescent="0.35">
      <c r="A18096" s="1" t="s">
        <v>65975</v>
      </c>
      <c r="B18096" s="1" t="s">
        <v>53796</v>
      </c>
      <c r="C18096" s="1" t="s">
        <v>60</v>
      </c>
      <c r="D18096" s="1" t="s">
        <v>22675</v>
      </c>
      <c r="E18096" s="1" t="s">
        <v>15311</v>
      </c>
      <c r="F18096" s="1" t="s">
        <v>62757</v>
      </c>
      <c r="G18096" s="1" t="s">
        <v>65978</v>
      </c>
      <c r="H18096" s="1" t="s">
        <v>65979</v>
      </c>
      <c r="I18096" s="1" t="s">
        <v>53800</v>
      </c>
      <c r="J18096" s="1" t="s">
        <v>66004</v>
      </c>
    </row>
    <row r="18097" spans="1:10" x14ac:dyDescent="0.35">
      <c r="A18097" s="1" t="s">
        <v>65975</v>
      </c>
      <c r="B18097" s="1" t="s">
        <v>53796</v>
      </c>
      <c r="C18097" s="1" t="s">
        <v>65</v>
      </c>
      <c r="D18097" s="1" t="s">
        <v>66005</v>
      </c>
      <c r="E18097" s="1" t="s">
        <v>12798</v>
      </c>
      <c r="F18097" s="1" t="s">
        <v>66006</v>
      </c>
      <c r="G18097" s="1" t="s">
        <v>65978</v>
      </c>
      <c r="H18097" s="1" t="s">
        <v>65979</v>
      </c>
      <c r="I18097" s="1" t="s">
        <v>53800</v>
      </c>
      <c r="J18097" s="1" t="s">
        <v>66007</v>
      </c>
    </row>
    <row r="18098" spans="1:10" x14ac:dyDescent="0.35">
      <c r="A18098" s="1" t="s">
        <v>65975</v>
      </c>
      <c r="B18098" s="1" t="s">
        <v>53796</v>
      </c>
      <c r="C18098" s="1" t="s">
        <v>70</v>
      </c>
      <c r="D18098" s="1" t="s">
        <v>66008</v>
      </c>
      <c r="E18098" s="1" t="s">
        <v>21960</v>
      </c>
      <c r="F18098" s="1" t="s">
        <v>66009</v>
      </c>
      <c r="G18098" s="1" t="s">
        <v>65978</v>
      </c>
      <c r="H18098" s="1" t="s">
        <v>65979</v>
      </c>
      <c r="I18098" s="1" t="s">
        <v>53800</v>
      </c>
      <c r="J18098" s="1" t="s">
        <v>66010</v>
      </c>
    </row>
    <row r="18099" spans="1:10" x14ac:dyDescent="0.35">
      <c r="A18099" s="1" t="s">
        <v>65975</v>
      </c>
      <c r="B18099" s="1" t="s">
        <v>53796</v>
      </c>
      <c r="C18099" s="1" t="s">
        <v>75</v>
      </c>
      <c r="D18099" s="1" t="s">
        <v>15138</v>
      </c>
      <c r="E18099" s="1" t="s">
        <v>21902</v>
      </c>
      <c r="F18099" s="1" t="s">
        <v>66011</v>
      </c>
      <c r="G18099" s="1" t="s">
        <v>65978</v>
      </c>
      <c r="H18099" s="1" t="s">
        <v>65979</v>
      </c>
      <c r="I18099" s="1" t="s">
        <v>53800</v>
      </c>
      <c r="J18099" s="1" t="s">
        <v>66012</v>
      </c>
    </row>
    <row r="18100" spans="1:10" x14ac:dyDescent="0.35">
      <c r="A18100" s="1" t="s">
        <v>65975</v>
      </c>
      <c r="B18100" s="1" t="s">
        <v>53796</v>
      </c>
      <c r="C18100" s="1" t="s">
        <v>80</v>
      </c>
      <c r="D18100" s="1" t="s">
        <v>53158</v>
      </c>
      <c r="E18100" s="1" t="s">
        <v>15345</v>
      </c>
      <c r="F18100" s="1" t="s">
        <v>66013</v>
      </c>
      <c r="G18100" s="1" t="s">
        <v>65978</v>
      </c>
      <c r="H18100" s="1" t="s">
        <v>65979</v>
      </c>
      <c r="I18100" s="1" t="s">
        <v>53800</v>
      </c>
      <c r="J18100" s="1" t="s">
        <v>66014</v>
      </c>
    </row>
    <row r="18101" spans="1:10" x14ac:dyDescent="0.35">
      <c r="A18101" s="1" t="s">
        <v>65975</v>
      </c>
      <c r="B18101" s="1" t="s">
        <v>53796</v>
      </c>
      <c r="C18101" s="1" t="s">
        <v>85</v>
      </c>
      <c r="D18101" s="1" t="s">
        <v>66015</v>
      </c>
      <c r="E18101" s="1" t="s">
        <v>21737</v>
      </c>
      <c r="F18101" s="1" t="s">
        <v>66016</v>
      </c>
      <c r="G18101" s="1" t="s">
        <v>65978</v>
      </c>
      <c r="H18101" s="1" t="s">
        <v>65979</v>
      </c>
      <c r="I18101" s="1" t="s">
        <v>53800</v>
      </c>
      <c r="J18101" s="1" t="s">
        <v>66017</v>
      </c>
    </row>
    <row r="18102" spans="1:10" x14ac:dyDescent="0.35">
      <c r="A18102" s="1" t="s">
        <v>65975</v>
      </c>
      <c r="B18102" s="1" t="s">
        <v>53796</v>
      </c>
      <c r="C18102" s="1" t="s">
        <v>90</v>
      </c>
      <c r="D18102" s="1" t="s">
        <v>66018</v>
      </c>
      <c r="E18102" s="1" t="s">
        <v>57609</v>
      </c>
      <c r="F18102" s="1" t="s">
        <v>27105</v>
      </c>
      <c r="G18102" s="1" t="s">
        <v>65978</v>
      </c>
      <c r="H18102" s="1" t="s">
        <v>65979</v>
      </c>
      <c r="I18102" s="1" t="s">
        <v>53800</v>
      </c>
      <c r="J18102" s="1" t="s">
        <v>66019</v>
      </c>
    </row>
    <row r="18103" spans="1:10" x14ac:dyDescent="0.35">
      <c r="A18103" s="1" t="s">
        <v>65975</v>
      </c>
      <c r="B18103" s="1" t="s">
        <v>53796</v>
      </c>
      <c r="C18103" s="1" t="s">
        <v>95</v>
      </c>
      <c r="D18103" s="1" t="s">
        <v>66020</v>
      </c>
      <c r="E18103" s="1" t="s">
        <v>66021</v>
      </c>
      <c r="F18103" s="1" t="s">
        <v>66022</v>
      </c>
      <c r="G18103" s="1" t="s">
        <v>65978</v>
      </c>
      <c r="H18103" s="1" t="s">
        <v>65979</v>
      </c>
      <c r="I18103" s="1" t="s">
        <v>53800</v>
      </c>
      <c r="J18103" s="1" t="s">
        <v>66023</v>
      </c>
    </row>
    <row r="18104" spans="1:10" x14ac:dyDescent="0.35">
      <c r="A18104" s="1" t="s">
        <v>65975</v>
      </c>
      <c r="B18104" s="1" t="s">
        <v>53796</v>
      </c>
      <c r="C18104" s="1" t="s">
        <v>100</v>
      </c>
      <c r="D18104" s="1" t="s">
        <v>61975</v>
      </c>
      <c r="E18104" s="1" t="s">
        <v>56950</v>
      </c>
      <c r="F18104" s="1" t="s">
        <v>59867</v>
      </c>
      <c r="G18104" s="1" t="s">
        <v>65978</v>
      </c>
      <c r="H18104" s="1" t="s">
        <v>65979</v>
      </c>
      <c r="I18104" s="1" t="s">
        <v>53800</v>
      </c>
      <c r="J18104" s="1" t="s">
        <v>66024</v>
      </c>
    </row>
    <row r="18105" spans="1:10" x14ac:dyDescent="0.35">
      <c r="A18105" s="1" t="s">
        <v>65975</v>
      </c>
      <c r="B18105" s="1" t="s">
        <v>53796</v>
      </c>
      <c r="C18105" s="1" t="s">
        <v>105</v>
      </c>
      <c r="D18105" s="1" t="s">
        <v>17359</v>
      </c>
      <c r="E18105" s="1" t="s">
        <v>54038</v>
      </c>
      <c r="F18105" s="1" t="s">
        <v>66025</v>
      </c>
      <c r="G18105" s="1" t="s">
        <v>65978</v>
      </c>
      <c r="H18105" s="1" t="s">
        <v>65979</v>
      </c>
      <c r="I18105" s="1" t="s">
        <v>53800</v>
      </c>
      <c r="J18105" s="1" t="s">
        <v>66026</v>
      </c>
    </row>
    <row r="18106" spans="1:10" x14ac:dyDescent="0.35">
      <c r="A18106" s="1" t="s">
        <v>65975</v>
      </c>
      <c r="B18106" s="1" t="s">
        <v>53796</v>
      </c>
      <c r="C18106" s="1" t="s">
        <v>110</v>
      </c>
      <c r="D18106" s="1" t="s">
        <v>66027</v>
      </c>
      <c r="E18106" s="1" t="s">
        <v>21772</v>
      </c>
      <c r="F18106" s="1" t="s">
        <v>66028</v>
      </c>
      <c r="G18106" s="1" t="s">
        <v>65978</v>
      </c>
      <c r="H18106" s="1" t="s">
        <v>65979</v>
      </c>
      <c r="I18106" s="1" t="s">
        <v>53800</v>
      </c>
      <c r="J18106" s="1" t="s">
        <v>66029</v>
      </c>
    </row>
    <row r="18107" spans="1:10" x14ac:dyDescent="0.35">
      <c r="A18107" s="1" t="s">
        <v>65975</v>
      </c>
      <c r="B18107" s="1" t="s">
        <v>53796</v>
      </c>
      <c r="C18107" s="1" t="s">
        <v>115</v>
      </c>
      <c r="D18107" s="1" t="s">
        <v>66030</v>
      </c>
      <c r="E18107" s="1" t="s">
        <v>23195</v>
      </c>
      <c r="F18107" s="1" t="s">
        <v>66031</v>
      </c>
      <c r="G18107" s="1" t="s">
        <v>65978</v>
      </c>
      <c r="H18107" s="1" t="s">
        <v>65979</v>
      </c>
      <c r="I18107" s="1" t="s">
        <v>53800</v>
      </c>
      <c r="J18107" s="1" t="s">
        <v>66032</v>
      </c>
    </row>
    <row r="18108" spans="1:10" x14ac:dyDescent="0.35">
      <c r="A18108" s="1" t="s">
        <v>65975</v>
      </c>
      <c r="B18108" s="1" t="s">
        <v>53796</v>
      </c>
      <c r="C18108" s="1" t="s">
        <v>120</v>
      </c>
      <c r="D18108" s="1" t="s">
        <v>66033</v>
      </c>
      <c r="E18108" s="1" t="s">
        <v>53843</v>
      </c>
      <c r="F18108" s="1" t="s">
        <v>66034</v>
      </c>
      <c r="G18108" s="1" t="s">
        <v>65978</v>
      </c>
      <c r="H18108" s="1" t="s">
        <v>65979</v>
      </c>
      <c r="I18108" s="1" t="s">
        <v>53800</v>
      </c>
      <c r="J18108" s="1" t="s">
        <v>66035</v>
      </c>
    </row>
    <row r="18109" spans="1:10" x14ac:dyDescent="0.35">
      <c r="A18109" s="1" t="s">
        <v>65975</v>
      </c>
      <c r="B18109" s="1" t="s">
        <v>53796</v>
      </c>
      <c r="C18109" s="1" t="s">
        <v>125</v>
      </c>
      <c r="D18109" s="1" t="s">
        <v>66036</v>
      </c>
      <c r="E18109" s="1" t="s">
        <v>54095</v>
      </c>
      <c r="F18109" s="1" t="s">
        <v>66037</v>
      </c>
      <c r="G18109" s="1" t="s">
        <v>65978</v>
      </c>
      <c r="H18109" s="1" t="s">
        <v>65979</v>
      </c>
      <c r="I18109" s="1" t="s">
        <v>53800</v>
      </c>
      <c r="J18109" s="1" t="s">
        <v>66038</v>
      </c>
    </row>
    <row r="18110" spans="1:10" x14ac:dyDescent="0.35">
      <c r="A18110" s="1" t="s">
        <v>65975</v>
      </c>
      <c r="B18110" s="1" t="s">
        <v>53796</v>
      </c>
      <c r="C18110" s="1" t="s">
        <v>130</v>
      </c>
      <c r="D18110" s="1" t="s">
        <v>66039</v>
      </c>
      <c r="E18110" s="1" t="s">
        <v>15413</v>
      </c>
      <c r="F18110" s="1" t="s">
        <v>66040</v>
      </c>
      <c r="G18110" s="1" t="s">
        <v>65978</v>
      </c>
      <c r="H18110" s="1" t="s">
        <v>65979</v>
      </c>
      <c r="I18110" s="1" t="s">
        <v>53800</v>
      </c>
      <c r="J18110" s="1" t="s">
        <v>66041</v>
      </c>
    </row>
    <row r="18111" spans="1:10" x14ac:dyDescent="0.35">
      <c r="A18111" s="1" t="s">
        <v>65975</v>
      </c>
      <c r="B18111" s="1" t="s">
        <v>53796</v>
      </c>
      <c r="C18111" s="1" t="s">
        <v>135</v>
      </c>
      <c r="D18111" s="1" t="s">
        <v>66042</v>
      </c>
      <c r="E18111" s="1" t="s">
        <v>55286</v>
      </c>
      <c r="F18111" s="1" t="s">
        <v>32985</v>
      </c>
      <c r="G18111" s="1" t="s">
        <v>65978</v>
      </c>
      <c r="H18111" s="1" t="s">
        <v>65979</v>
      </c>
      <c r="I18111" s="1" t="s">
        <v>53800</v>
      </c>
      <c r="J18111" s="1" t="s">
        <v>66043</v>
      </c>
    </row>
    <row r="18112" spans="1:10" x14ac:dyDescent="0.35">
      <c r="A18112" s="1" t="s">
        <v>65975</v>
      </c>
      <c r="B18112" s="1" t="s">
        <v>53796</v>
      </c>
      <c r="C18112" s="1" t="s">
        <v>140</v>
      </c>
      <c r="D18112" s="1" t="s">
        <v>66044</v>
      </c>
      <c r="E18112" s="1" t="s">
        <v>23404</v>
      </c>
      <c r="F18112" s="1" t="s">
        <v>66045</v>
      </c>
      <c r="G18112" s="1" t="s">
        <v>65978</v>
      </c>
      <c r="H18112" s="1" t="s">
        <v>65979</v>
      </c>
      <c r="I18112" s="1" t="s">
        <v>53800</v>
      </c>
      <c r="J18112" s="1" t="s">
        <v>66046</v>
      </c>
    </row>
    <row r="18113" spans="1:10" x14ac:dyDescent="0.35">
      <c r="A18113" s="1" t="s">
        <v>65975</v>
      </c>
      <c r="B18113" s="1" t="s">
        <v>53796</v>
      </c>
      <c r="C18113" s="1" t="s">
        <v>145</v>
      </c>
      <c r="D18113" s="1" t="s">
        <v>66047</v>
      </c>
      <c r="E18113" s="1" t="s">
        <v>55452</v>
      </c>
      <c r="F18113" s="1" t="s">
        <v>66048</v>
      </c>
      <c r="G18113" s="1" t="s">
        <v>65978</v>
      </c>
      <c r="H18113" s="1" t="s">
        <v>65979</v>
      </c>
      <c r="I18113" s="1" t="s">
        <v>53800</v>
      </c>
      <c r="J18113" s="1" t="s">
        <v>66049</v>
      </c>
    </row>
    <row r="18114" spans="1:10" x14ac:dyDescent="0.35">
      <c r="A18114" s="1" t="s">
        <v>65975</v>
      </c>
      <c r="B18114" s="1" t="s">
        <v>53796</v>
      </c>
      <c r="C18114" s="1" t="s">
        <v>150</v>
      </c>
      <c r="D18114" s="1" t="s">
        <v>66050</v>
      </c>
      <c r="E18114" s="1" t="s">
        <v>26225</v>
      </c>
      <c r="F18114" s="1" t="s">
        <v>66051</v>
      </c>
      <c r="G18114" s="1" t="s">
        <v>65978</v>
      </c>
      <c r="H18114" s="1" t="s">
        <v>65979</v>
      </c>
      <c r="I18114" s="1" t="s">
        <v>53800</v>
      </c>
      <c r="J18114" s="1" t="s">
        <v>66052</v>
      </c>
    </row>
    <row r="18115" spans="1:10" x14ac:dyDescent="0.35">
      <c r="A18115" s="1" t="s">
        <v>65975</v>
      </c>
      <c r="B18115" s="1" t="s">
        <v>53796</v>
      </c>
      <c r="C18115" s="1" t="s">
        <v>155</v>
      </c>
      <c r="D18115" s="1" t="s">
        <v>66053</v>
      </c>
      <c r="E18115" s="1" t="s">
        <v>64074</v>
      </c>
      <c r="F18115" s="1" t="s">
        <v>32130</v>
      </c>
      <c r="G18115" s="1" t="s">
        <v>65978</v>
      </c>
      <c r="H18115" s="1" t="s">
        <v>65979</v>
      </c>
      <c r="I18115" s="1" t="s">
        <v>53800</v>
      </c>
      <c r="J18115" s="1" t="s">
        <v>66054</v>
      </c>
    </row>
    <row r="18116" spans="1:10" x14ac:dyDescent="0.35">
      <c r="A18116" s="1" t="s">
        <v>65975</v>
      </c>
      <c r="B18116" s="1" t="s">
        <v>53796</v>
      </c>
      <c r="C18116" s="1" t="s">
        <v>160</v>
      </c>
      <c r="D18116" s="1" t="s">
        <v>66055</v>
      </c>
      <c r="E18116" s="1" t="s">
        <v>15903</v>
      </c>
      <c r="F18116" s="1" t="s">
        <v>66056</v>
      </c>
      <c r="G18116" s="1" t="s">
        <v>65978</v>
      </c>
      <c r="H18116" s="1" t="s">
        <v>65979</v>
      </c>
      <c r="I18116" s="1" t="s">
        <v>53800</v>
      </c>
      <c r="J18116" s="1" t="s">
        <v>66057</v>
      </c>
    </row>
    <row r="18117" spans="1:10" x14ac:dyDescent="0.35">
      <c r="A18117" s="1" t="s">
        <v>65975</v>
      </c>
      <c r="B18117" s="1" t="s">
        <v>53796</v>
      </c>
      <c r="C18117" s="1" t="s">
        <v>165</v>
      </c>
      <c r="D18117" s="1" t="s">
        <v>66058</v>
      </c>
      <c r="E18117" s="1" t="s">
        <v>53936</v>
      </c>
      <c r="F18117" s="1" t="s">
        <v>66059</v>
      </c>
      <c r="G18117" s="1" t="s">
        <v>65978</v>
      </c>
      <c r="H18117" s="1" t="s">
        <v>65979</v>
      </c>
      <c r="I18117" s="1" t="s">
        <v>53800</v>
      </c>
      <c r="J18117" s="1" t="s">
        <v>66060</v>
      </c>
    </row>
    <row r="18118" spans="1:10" x14ac:dyDescent="0.35">
      <c r="A18118" s="1" t="s">
        <v>65975</v>
      </c>
      <c r="B18118" s="1" t="s">
        <v>53796</v>
      </c>
      <c r="C18118" s="1" t="s">
        <v>170</v>
      </c>
      <c r="D18118" s="1" t="s">
        <v>66061</v>
      </c>
      <c r="E18118" s="1" t="s">
        <v>31834</v>
      </c>
      <c r="F18118" s="1" t="s">
        <v>66062</v>
      </c>
      <c r="G18118" s="1" t="s">
        <v>65978</v>
      </c>
      <c r="H18118" s="1" t="s">
        <v>65979</v>
      </c>
      <c r="I18118" s="1" t="s">
        <v>53800</v>
      </c>
      <c r="J18118" s="1" t="s">
        <v>66063</v>
      </c>
    </row>
    <row r="18119" spans="1:10" x14ac:dyDescent="0.35">
      <c r="A18119" s="1" t="s">
        <v>66064</v>
      </c>
      <c r="B18119" s="1" t="s">
        <v>53796</v>
      </c>
      <c r="C18119" s="1" t="s">
        <v>8</v>
      </c>
      <c r="D18119" s="1" t="s">
        <v>66065</v>
      </c>
      <c r="E18119" s="1" t="s">
        <v>61004</v>
      </c>
      <c r="F18119" s="1" t="s">
        <v>66066</v>
      </c>
      <c r="G18119" s="1" t="s">
        <v>66067</v>
      </c>
      <c r="H18119" s="1" t="s">
        <v>66068</v>
      </c>
      <c r="I18119" s="1" t="s">
        <v>53800</v>
      </c>
      <c r="J18119" s="1" t="s">
        <v>13</v>
      </c>
    </row>
    <row r="18120" spans="1:10" x14ac:dyDescent="0.35">
      <c r="A18120" s="1" t="s">
        <v>66064</v>
      </c>
      <c r="B18120" s="1" t="s">
        <v>53796</v>
      </c>
      <c r="C18120" s="1" t="s">
        <v>15</v>
      </c>
      <c r="D18120" s="1" t="s">
        <v>20355</v>
      </c>
      <c r="E18120" s="1" t="s">
        <v>60319</v>
      </c>
      <c r="F18120" s="1" t="s">
        <v>66069</v>
      </c>
      <c r="G18120" s="1" t="s">
        <v>66067</v>
      </c>
      <c r="H18120" s="1" t="s">
        <v>66068</v>
      </c>
      <c r="I18120" s="1" t="s">
        <v>53800</v>
      </c>
      <c r="J18120" s="1" t="s">
        <v>66070</v>
      </c>
    </row>
    <row r="18121" spans="1:10" x14ac:dyDescent="0.35">
      <c r="A18121" s="1" t="s">
        <v>66064</v>
      </c>
      <c r="B18121" s="1" t="s">
        <v>53796</v>
      </c>
      <c r="C18121" s="1" t="s">
        <v>20</v>
      </c>
      <c r="D18121" s="1" t="s">
        <v>66071</v>
      </c>
      <c r="E18121" s="1" t="s">
        <v>21737</v>
      </c>
      <c r="F18121" s="1" t="s">
        <v>66072</v>
      </c>
      <c r="G18121" s="1" t="s">
        <v>66067</v>
      </c>
      <c r="H18121" s="1" t="s">
        <v>66068</v>
      </c>
      <c r="I18121" s="1" t="s">
        <v>53800</v>
      </c>
      <c r="J18121" s="1" t="s">
        <v>66073</v>
      </c>
    </row>
    <row r="18122" spans="1:10" x14ac:dyDescent="0.35">
      <c r="A18122" s="1" t="s">
        <v>66064</v>
      </c>
      <c r="B18122" s="1" t="s">
        <v>53796</v>
      </c>
      <c r="C18122" s="1" t="s">
        <v>25</v>
      </c>
      <c r="D18122" s="1" t="s">
        <v>26513</v>
      </c>
      <c r="E18122" s="1" t="s">
        <v>23878</v>
      </c>
      <c r="F18122" s="1" t="s">
        <v>66074</v>
      </c>
      <c r="G18122" s="1" t="s">
        <v>66067</v>
      </c>
      <c r="H18122" s="1" t="s">
        <v>66068</v>
      </c>
      <c r="I18122" s="1" t="s">
        <v>53800</v>
      </c>
      <c r="J18122" s="1" t="s">
        <v>66075</v>
      </c>
    </row>
    <row r="18123" spans="1:10" x14ac:dyDescent="0.35">
      <c r="A18123" s="1" t="s">
        <v>66064</v>
      </c>
      <c r="B18123" s="1" t="s">
        <v>53796</v>
      </c>
      <c r="C18123" s="1" t="s">
        <v>30</v>
      </c>
      <c r="D18123" s="1" t="s">
        <v>66076</v>
      </c>
      <c r="E18123" s="1" t="s">
        <v>54038</v>
      </c>
      <c r="F18123" s="1" t="s">
        <v>66077</v>
      </c>
      <c r="G18123" s="1" t="s">
        <v>66067</v>
      </c>
      <c r="H18123" s="1" t="s">
        <v>66068</v>
      </c>
      <c r="I18123" s="1" t="s">
        <v>53800</v>
      </c>
      <c r="J18123" s="1" t="s">
        <v>66078</v>
      </c>
    </row>
    <row r="18124" spans="1:10" x14ac:dyDescent="0.35">
      <c r="A18124" s="1" t="s">
        <v>66064</v>
      </c>
      <c r="B18124" s="1" t="s">
        <v>53796</v>
      </c>
      <c r="C18124" s="1" t="s">
        <v>35</v>
      </c>
      <c r="D18124" s="1" t="s">
        <v>66079</v>
      </c>
      <c r="E18124" s="1" t="s">
        <v>55869</v>
      </c>
      <c r="F18124" s="1" t="s">
        <v>66080</v>
      </c>
      <c r="G18124" s="1" t="s">
        <v>66067</v>
      </c>
      <c r="H18124" s="1" t="s">
        <v>66068</v>
      </c>
      <c r="I18124" s="1" t="s">
        <v>53800</v>
      </c>
      <c r="J18124" s="1" t="s">
        <v>66081</v>
      </c>
    </row>
    <row r="18125" spans="1:10" x14ac:dyDescent="0.35">
      <c r="A18125" s="1" t="s">
        <v>66064</v>
      </c>
      <c r="B18125" s="1" t="s">
        <v>53796</v>
      </c>
      <c r="C18125" s="1" t="s">
        <v>40</v>
      </c>
      <c r="D18125" s="1" t="s">
        <v>66082</v>
      </c>
      <c r="E18125" s="1" t="s">
        <v>63642</v>
      </c>
      <c r="F18125" s="1" t="s">
        <v>66083</v>
      </c>
      <c r="G18125" s="1" t="s">
        <v>66067</v>
      </c>
      <c r="H18125" s="1" t="s">
        <v>66068</v>
      </c>
      <c r="I18125" s="1" t="s">
        <v>53800</v>
      </c>
      <c r="J18125" s="1" t="s">
        <v>66084</v>
      </c>
    </row>
    <row r="18126" spans="1:10" x14ac:dyDescent="0.35">
      <c r="A18126" s="1" t="s">
        <v>66064</v>
      </c>
      <c r="B18126" s="1" t="s">
        <v>53796</v>
      </c>
      <c r="C18126" s="1" t="s">
        <v>45</v>
      </c>
      <c r="D18126" s="1" t="s">
        <v>475</v>
      </c>
      <c r="E18126" s="1" t="s">
        <v>16129</v>
      </c>
      <c r="F18126" s="1" t="s">
        <v>66085</v>
      </c>
      <c r="G18126" s="1" t="s">
        <v>66067</v>
      </c>
      <c r="H18126" s="1" t="s">
        <v>66068</v>
      </c>
      <c r="I18126" s="1" t="s">
        <v>53800</v>
      </c>
      <c r="J18126" s="1" t="s">
        <v>66086</v>
      </c>
    </row>
    <row r="18127" spans="1:10" x14ac:dyDescent="0.35">
      <c r="A18127" s="1" t="s">
        <v>66064</v>
      </c>
      <c r="B18127" s="1" t="s">
        <v>53796</v>
      </c>
      <c r="C18127" s="1" t="s">
        <v>50</v>
      </c>
      <c r="D18127" s="1" t="s">
        <v>66087</v>
      </c>
      <c r="E18127" s="1" t="s">
        <v>21990</v>
      </c>
      <c r="F18127" s="1" t="s">
        <v>66088</v>
      </c>
      <c r="G18127" s="1" t="s">
        <v>66067</v>
      </c>
      <c r="H18127" s="1" t="s">
        <v>66068</v>
      </c>
      <c r="I18127" s="1" t="s">
        <v>53800</v>
      </c>
      <c r="J18127" s="1" t="s">
        <v>66089</v>
      </c>
    </row>
    <row r="18128" spans="1:10" x14ac:dyDescent="0.35">
      <c r="A18128" s="1" t="s">
        <v>66064</v>
      </c>
      <c r="B18128" s="1" t="s">
        <v>53796</v>
      </c>
      <c r="C18128" s="1" t="s">
        <v>55</v>
      </c>
      <c r="D18128" s="1" t="s">
        <v>66090</v>
      </c>
      <c r="E18128" s="1" t="s">
        <v>23206</v>
      </c>
      <c r="F18128" s="1" t="s">
        <v>66091</v>
      </c>
      <c r="G18128" s="1" t="s">
        <v>66067</v>
      </c>
      <c r="H18128" s="1" t="s">
        <v>66068</v>
      </c>
      <c r="I18128" s="1" t="s">
        <v>53800</v>
      </c>
      <c r="J18128" s="1" t="s">
        <v>66092</v>
      </c>
    </row>
    <row r="18129" spans="1:10" x14ac:dyDescent="0.35">
      <c r="A18129" s="1" t="s">
        <v>66064</v>
      </c>
      <c r="B18129" s="1" t="s">
        <v>53796</v>
      </c>
      <c r="C18129" s="1" t="s">
        <v>60</v>
      </c>
      <c r="D18129" s="1" t="s">
        <v>66093</v>
      </c>
      <c r="E18129" s="1" t="s">
        <v>15200</v>
      </c>
      <c r="F18129" s="1" t="s">
        <v>66094</v>
      </c>
      <c r="G18129" s="1" t="s">
        <v>66067</v>
      </c>
      <c r="H18129" s="1" t="s">
        <v>66068</v>
      </c>
      <c r="I18129" s="1" t="s">
        <v>53800</v>
      </c>
      <c r="J18129" s="1" t="s">
        <v>66095</v>
      </c>
    </row>
    <row r="18130" spans="1:10" x14ac:dyDescent="0.35">
      <c r="A18130" s="1" t="s">
        <v>66064</v>
      </c>
      <c r="B18130" s="1" t="s">
        <v>53796</v>
      </c>
      <c r="C18130" s="1" t="s">
        <v>65</v>
      </c>
      <c r="D18130" s="1" t="s">
        <v>66096</v>
      </c>
      <c r="E18130" s="1" t="s">
        <v>21898</v>
      </c>
      <c r="F18130" s="1" t="s">
        <v>66097</v>
      </c>
      <c r="G18130" s="1" t="s">
        <v>66067</v>
      </c>
      <c r="H18130" s="1" t="s">
        <v>66068</v>
      </c>
      <c r="I18130" s="1" t="s">
        <v>53800</v>
      </c>
      <c r="J18130" s="1" t="s">
        <v>66098</v>
      </c>
    </row>
    <row r="18131" spans="1:10" x14ac:dyDescent="0.35">
      <c r="A18131" s="1" t="s">
        <v>66064</v>
      </c>
      <c r="B18131" s="1" t="s">
        <v>53796</v>
      </c>
      <c r="C18131" s="1" t="s">
        <v>70</v>
      </c>
      <c r="D18131" s="1" t="s">
        <v>66099</v>
      </c>
      <c r="E18131" s="1" t="s">
        <v>16129</v>
      </c>
      <c r="F18131" s="1" t="s">
        <v>66100</v>
      </c>
      <c r="G18131" s="1" t="s">
        <v>66067</v>
      </c>
      <c r="H18131" s="1" t="s">
        <v>66068</v>
      </c>
      <c r="I18131" s="1" t="s">
        <v>53800</v>
      </c>
      <c r="J18131" s="1" t="s">
        <v>66101</v>
      </c>
    </row>
    <row r="18132" spans="1:10" x14ac:dyDescent="0.35">
      <c r="A18132" s="1" t="s">
        <v>66064</v>
      </c>
      <c r="B18132" s="1" t="s">
        <v>53796</v>
      </c>
      <c r="C18132" s="1" t="s">
        <v>75</v>
      </c>
      <c r="D18132" s="1" t="s">
        <v>66102</v>
      </c>
      <c r="E18132" s="1" t="s">
        <v>66103</v>
      </c>
      <c r="F18132" s="1" t="s">
        <v>66104</v>
      </c>
      <c r="G18132" s="1" t="s">
        <v>66067</v>
      </c>
      <c r="H18132" s="1" t="s">
        <v>66068</v>
      </c>
      <c r="I18132" s="1" t="s">
        <v>53800</v>
      </c>
      <c r="J18132" s="1" t="s">
        <v>66105</v>
      </c>
    </row>
    <row r="18133" spans="1:10" x14ac:dyDescent="0.35">
      <c r="A18133" s="1" t="s">
        <v>66064</v>
      </c>
      <c r="B18133" s="1" t="s">
        <v>53796</v>
      </c>
      <c r="C18133" s="1" t="s">
        <v>80</v>
      </c>
      <c r="D18133" s="1" t="s">
        <v>66106</v>
      </c>
      <c r="E18133" s="1" t="s">
        <v>21779</v>
      </c>
      <c r="F18133" s="1" t="s">
        <v>66107</v>
      </c>
      <c r="G18133" s="1" t="s">
        <v>66067</v>
      </c>
      <c r="H18133" s="1" t="s">
        <v>66068</v>
      </c>
      <c r="I18133" s="1" t="s">
        <v>53800</v>
      </c>
      <c r="J18133" s="1" t="s">
        <v>66108</v>
      </c>
    </row>
    <row r="18134" spans="1:10" x14ac:dyDescent="0.35">
      <c r="A18134" s="1" t="s">
        <v>66064</v>
      </c>
      <c r="B18134" s="1" t="s">
        <v>53796</v>
      </c>
      <c r="C18134" s="1" t="s">
        <v>85</v>
      </c>
      <c r="D18134" s="1" t="s">
        <v>66109</v>
      </c>
      <c r="E18134" s="1" t="s">
        <v>66110</v>
      </c>
      <c r="F18134" s="1" t="s">
        <v>66111</v>
      </c>
      <c r="G18134" s="1" t="s">
        <v>66067</v>
      </c>
      <c r="H18134" s="1" t="s">
        <v>66068</v>
      </c>
      <c r="I18134" s="1" t="s">
        <v>53800</v>
      </c>
      <c r="J18134" s="1" t="s">
        <v>66112</v>
      </c>
    </row>
    <row r="18135" spans="1:10" x14ac:dyDescent="0.35">
      <c r="A18135" s="1" t="s">
        <v>66064</v>
      </c>
      <c r="B18135" s="1" t="s">
        <v>53796</v>
      </c>
      <c r="C18135" s="1" t="s">
        <v>90</v>
      </c>
      <c r="D18135" s="1" t="s">
        <v>66113</v>
      </c>
      <c r="E18135" s="1" t="s">
        <v>55213</v>
      </c>
      <c r="F18135" s="1" t="s">
        <v>66114</v>
      </c>
      <c r="G18135" s="1" t="s">
        <v>66067</v>
      </c>
      <c r="H18135" s="1" t="s">
        <v>66068</v>
      </c>
      <c r="I18135" s="1" t="s">
        <v>53800</v>
      </c>
      <c r="J18135" s="1" t="s">
        <v>66115</v>
      </c>
    </row>
    <row r="18136" spans="1:10" x14ac:dyDescent="0.35">
      <c r="A18136" s="1" t="s">
        <v>66064</v>
      </c>
      <c r="B18136" s="1" t="s">
        <v>53796</v>
      </c>
      <c r="C18136" s="1" t="s">
        <v>95</v>
      </c>
      <c r="D18136" s="1" t="s">
        <v>66116</v>
      </c>
      <c r="E18136" s="1" t="s">
        <v>24373</v>
      </c>
      <c r="F18136" s="1" t="s">
        <v>66117</v>
      </c>
      <c r="G18136" s="1" t="s">
        <v>66067</v>
      </c>
      <c r="H18136" s="1" t="s">
        <v>66068</v>
      </c>
      <c r="I18136" s="1" t="s">
        <v>53800</v>
      </c>
      <c r="J18136" s="1" t="s">
        <v>66118</v>
      </c>
    </row>
    <row r="18137" spans="1:10" x14ac:dyDescent="0.35">
      <c r="A18137" s="1" t="s">
        <v>66064</v>
      </c>
      <c r="B18137" s="1" t="s">
        <v>53796</v>
      </c>
      <c r="C18137" s="1" t="s">
        <v>100</v>
      </c>
      <c r="D18137" s="1" t="s">
        <v>66119</v>
      </c>
      <c r="E18137" s="1" t="s">
        <v>41266</v>
      </c>
      <c r="F18137" s="1" t="s">
        <v>65371</v>
      </c>
      <c r="G18137" s="1" t="s">
        <v>66067</v>
      </c>
      <c r="H18137" s="1" t="s">
        <v>66068</v>
      </c>
      <c r="I18137" s="1" t="s">
        <v>53800</v>
      </c>
      <c r="J18137" s="1" t="s">
        <v>66120</v>
      </c>
    </row>
    <row r="18138" spans="1:10" x14ac:dyDescent="0.35">
      <c r="A18138" s="1" t="s">
        <v>66064</v>
      </c>
      <c r="B18138" s="1" t="s">
        <v>53796</v>
      </c>
      <c r="C18138" s="1" t="s">
        <v>105</v>
      </c>
      <c r="D18138" s="1" t="s">
        <v>66121</v>
      </c>
      <c r="E18138" s="1" t="s">
        <v>56956</v>
      </c>
      <c r="F18138" s="1" t="s">
        <v>66122</v>
      </c>
      <c r="G18138" s="1" t="s">
        <v>66067</v>
      </c>
      <c r="H18138" s="1" t="s">
        <v>66068</v>
      </c>
      <c r="I18138" s="1" t="s">
        <v>53800</v>
      </c>
      <c r="J18138" s="1" t="s">
        <v>66123</v>
      </c>
    </row>
    <row r="18139" spans="1:10" x14ac:dyDescent="0.35">
      <c r="A18139" s="1" t="s">
        <v>66064</v>
      </c>
      <c r="B18139" s="1" t="s">
        <v>53796</v>
      </c>
      <c r="C18139" s="1" t="s">
        <v>110</v>
      </c>
      <c r="D18139" s="1" t="s">
        <v>66124</v>
      </c>
      <c r="E18139" s="1" t="s">
        <v>41535</v>
      </c>
      <c r="F18139" s="1" t="s">
        <v>66125</v>
      </c>
      <c r="G18139" s="1" t="s">
        <v>66067</v>
      </c>
      <c r="H18139" s="1" t="s">
        <v>66068</v>
      </c>
      <c r="I18139" s="1" t="s">
        <v>53800</v>
      </c>
      <c r="J18139" s="1" t="s">
        <v>66126</v>
      </c>
    </row>
    <row r="18140" spans="1:10" x14ac:dyDescent="0.35">
      <c r="A18140" s="1" t="s">
        <v>66064</v>
      </c>
      <c r="B18140" s="1" t="s">
        <v>53796</v>
      </c>
      <c r="C18140" s="1" t="s">
        <v>115</v>
      </c>
      <c r="D18140" s="1" t="s">
        <v>66127</v>
      </c>
      <c r="E18140" s="1" t="s">
        <v>54013</v>
      </c>
      <c r="F18140" s="1" t="s">
        <v>66128</v>
      </c>
      <c r="G18140" s="1" t="s">
        <v>66067</v>
      </c>
      <c r="H18140" s="1" t="s">
        <v>66068</v>
      </c>
      <c r="I18140" s="1" t="s">
        <v>53800</v>
      </c>
      <c r="J18140" s="1" t="s">
        <v>66129</v>
      </c>
    </row>
    <row r="18141" spans="1:10" x14ac:dyDescent="0.35">
      <c r="A18141" s="1" t="s">
        <v>66064</v>
      </c>
      <c r="B18141" s="1" t="s">
        <v>53796</v>
      </c>
      <c r="C18141" s="1" t="s">
        <v>120</v>
      </c>
      <c r="D18141" s="1" t="s">
        <v>66130</v>
      </c>
      <c r="E18141" s="1" t="s">
        <v>57392</v>
      </c>
      <c r="F18141" s="1" t="s">
        <v>66131</v>
      </c>
      <c r="G18141" s="1" t="s">
        <v>66067</v>
      </c>
      <c r="H18141" s="1" t="s">
        <v>66068</v>
      </c>
      <c r="I18141" s="1" t="s">
        <v>53800</v>
      </c>
      <c r="J18141" s="1" t="s">
        <v>66132</v>
      </c>
    </row>
    <row r="18142" spans="1:10" x14ac:dyDescent="0.35">
      <c r="A18142" s="1" t="s">
        <v>66064</v>
      </c>
      <c r="B18142" s="1" t="s">
        <v>53796</v>
      </c>
      <c r="C18142" s="1" t="s">
        <v>125</v>
      </c>
      <c r="D18142" s="1" t="s">
        <v>66133</v>
      </c>
      <c r="E18142" s="1" t="s">
        <v>41586</v>
      </c>
      <c r="F18142" s="1" t="s">
        <v>62579</v>
      </c>
      <c r="G18142" s="1" t="s">
        <v>66067</v>
      </c>
      <c r="H18142" s="1" t="s">
        <v>66068</v>
      </c>
      <c r="I18142" s="1" t="s">
        <v>53800</v>
      </c>
      <c r="J18142" s="1" t="s">
        <v>66134</v>
      </c>
    </row>
    <row r="18143" spans="1:10" x14ac:dyDescent="0.35">
      <c r="A18143" s="1" t="s">
        <v>66064</v>
      </c>
      <c r="B18143" s="1" t="s">
        <v>53796</v>
      </c>
      <c r="C18143" s="1" t="s">
        <v>130</v>
      </c>
      <c r="D18143" s="1" t="s">
        <v>66135</v>
      </c>
      <c r="E18143" s="1" t="s">
        <v>22091</v>
      </c>
      <c r="F18143" s="1" t="s">
        <v>66136</v>
      </c>
      <c r="G18143" s="1" t="s">
        <v>66067</v>
      </c>
      <c r="H18143" s="1" t="s">
        <v>66068</v>
      </c>
      <c r="I18143" s="1" t="s">
        <v>53800</v>
      </c>
      <c r="J18143" s="1" t="s">
        <v>66137</v>
      </c>
    </row>
    <row r="18144" spans="1:10" x14ac:dyDescent="0.35">
      <c r="A18144" s="1" t="s">
        <v>66064</v>
      </c>
      <c r="B18144" s="1" t="s">
        <v>53796</v>
      </c>
      <c r="C18144" s="1" t="s">
        <v>135</v>
      </c>
      <c r="D18144" s="1" t="s">
        <v>66138</v>
      </c>
      <c r="E18144" s="1" t="s">
        <v>15345</v>
      </c>
      <c r="F18144" s="1" t="s">
        <v>62747</v>
      </c>
      <c r="G18144" s="1" t="s">
        <v>66067</v>
      </c>
      <c r="H18144" s="1" t="s">
        <v>66068</v>
      </c>
      <c r="I18144" s="1" t="s">
        <v>53800</v>
      </c>
      <c r="J18144" s="1" t="s">
        <v>66139</v>
      </c>
    </row>
    <row r="18145" spans="1:10" x14ac:dyDescent="0.35">
      <c r="A18145" s="1" t="s">
        <v>66064</v>
      </c>
      <c r="B18145" s="1" t="s">
        <v>53796</v>
      </c>
      <c r="C18145" s="1" t="s">
        <v>140</v>
      </c>
      <c r="D18145" s="1" t="s">
        <v>66140</v>
      </c>
      <c r="E18145" s="1" t="s">
        <v>21898</v>
      </c>
      <c r="F18145" s="1" t="s">
        <v>57883</v>
      </c>
      <c r="G18145" s="1" t="s">
        <v>66067</v>
      </c>
      <c r="H18145" s="1" t="s">
        <v>66068</v>
      </c>
      <c r="I18145" s="1" t="s">
        <v>53800</v>
      </c>
      <c r="J18145" s="1" t="s">
        <v>66141</v>
      </c>
    </row>
    <row r="18146" spans="1:10" x14ac:dyDescent="0.35">
      <c r="A18146" s="1" t="s">
        <v>66064</v>
      </c>
      <c r="B18146" s="1" t="s">
        <v>53796</v>
      </c>
      <c r="C18146" s="1" t="s">
        <v>145</v>
      </c>
      <c r="D18146" s="1" t="s">
        <v>66142</v>
      </c>
      <c r="E18146" s="1" t="s">
        <v>59319</v>
      </c>
      <c r="F18146" s="1" t="s">
        <v>66143</v>
      </c>
      <c r="G18146" s="1" t="s">
        <v>66067</v>
      </c>
      <c r="H18146" s="1" t="s">
        <v>66068</v>
      </c>
      <c r="I18146" s="1" t="s">
        <v>53800</v>
      </c>
      <c r="J18146" s="1" t="s">
        <v>66144</v>
      </c>
    </row>
    <row r="18147" spans="1:10" x14ac:dyDescent="0.35">
      <c r="A18147" s="1" t="s">
        <v>66064</v>
      </c>
      <c r="B18147" s="1" t="s">
        <v>53796</v>
      </c>
      <c r="C18147" s="1" t="s">
        <v>150</v>
      </c>
      <c r="D18147" s="1" t="s">
        <v>66145</v>
      </c>
      <c r="E18147" s="1" t="s">
        <v>21960</v>
      </c>
      <c r="F18147" s="1" t="s">
        <v>66146</v>
      </c>
      <c r="G18147" s="1" t="s">
        <v>66067</v>
      </c>
      <c r="H18147" s="1" t="s">
        <v>66068</v>
      </c>
      <c r="I18147" s="1" t="s">
        <v>53800</v>
      </c>
      <c r="J18147" s="1" t="s">
        <v>66147</v>
      </c>
    </row>
    <row r="18148" spans="1:10" x14ac:dyDescent="0.35">
      <c r="A18148" s="1" t="s">
        <v>66064</v>
      </c>
      <c r="B18148" s="1" t="s">
        <v>53796</v>
      </c>
      <c r="C18148" s="1" t="s">
        <v>155</v>
      </c>
      <c r="D18148" s="1" t="s">
        <v>66148</v>
      </c>
      <c r="E18148" s="1" t="s">
        <v>16121</v>
      </c>
      <c r="F18148" s="1" t="s">
        <v>66149</v>
      </c>
      <c r="G18148" s="1" t="s">
        <v>66067</v>
      </c>
      <c r="H18148" s="1" t="s">
        <v>66068</v>
      </c>
      <c r="I18148" s="1" t="s">
        <v>53800</v>
      </c>
      <c r="J18148" s="1" t="s">
        <v>66150</v>
      </c>
    </row>
    <row r="18149" spans="1:10" x14ac:dyDescent="0.35">
      <c r="A18149" s="1" t="s">
        <v>66064</v>
      </c>
      <c r="B18149" s="1" t="s">
        <v>53796</v>
      </c>
      <c r="C18149" s="1" t="s">
        <v>160</v>
      </c>
      <c r="D18149" s="1" t="s">
        <v>55122</v>
      </c>
      <c r="E18149" s="1" t="s">
        <v>59927</v>
      </c>
      <c r="F18149" s="1" t="s">
        <v>66151</v>
      </c>
      <c r="G18149" s="1" t="s">
        <v>66067</v>
      </c>
      <c r="H18149" s="1" t="s">
        <v>66068</v>
      </c>
      <c r="I18149" s="1" t="s">
        <v>53800</v>
      </c>
      <c r="J18149" s="1" t="s">
        <v>66152</v>
      </c>
    </row>
    <row r="18150" spans="1:10" x14ac:dyDescent="0.35">
      <c r="A18150" s="1" t="s">
        <v>66064</v>
      </c>
      <c r="B18150" s="1" t="s">
        <v>53796</v>
      </c>
      <c r="C18150" s="1" t="s">
        <v>165</v>
      </c>
      <c r="D18150" s="1" t="s">
        <v>66153</v>
      </c>
      <c r="E18150" s="1" t="s">
        <v>56304</v>
      </c>
      <c r="F18150" s="1" t="s">
        <v>66154</v>
      </c>
      <c r="G18150" s="1" t="s">
        <v>66067</v>
      </c>
      <c r="H18150" s="1" t="s">
        <v>66068</v>
      </c>
      <c r="I18150" s="1" t="s">
        <v>53800</v>
      </c>
      <c r="J18150" s="1" t="s">
        <v>66155</v>
      </c>
    </row>
    <row r="18151" spans="1:10" x14ac:dyDescent="0.35">
      <c r="A18151" s="1" t="s">
        <v>66064</v>
      </c>
      <c r="B18151" s="1" t="s">
        <v>53796</v>
      </c>
      <c r="C18151" s="1" t="s">
        <v>170</v>
      </c>
      <c r="D18151" s="1" t="s">
        <v>66156</v>
      </c>
      <c r="E18151" s="1" t="s">
        <v>26478</v>
      </c>
      <c r="F18151" s="1" t="s">
        <v>66157</v>
      </c>
      <c r="G18151" s="1" t="s">
        <v>66067</v>
      </c>
      <c r="H18151" s="1" t="s">
        <v>66068</v>
      </c>
      <c r="I18151" s="1" t="s">
        <v>53800</v>
      </c>
      <c r="J18151" s="1" t="s">
        <v>66158</v>
      </c>
    </row>
    <row r="18152" spans="1:10" x14ac:dyDescent="0.35">
      <c r="A18152" s="1" t="s">
        <v>66159</v>
      </c>
      <c r="B18152" s="1" t="s">
        <v>53796</v>
      </c>
      <c r="C18152" s="1" t="s">
        <v>8</v>
      </c>
      <c r="D18152" s="1" t="s">
        <v>66160</v>
      </c>
      <c r="E18152" s="1" t="s">
        <v>56304</v>
      </c>
      <c r="F18152" s="1" t="s">
        <v>66161</v>
      </c>
      <c r="G18152" s="1" t="s">
        <v>66162</v>
      </c>
      <c r="H18152" s="1" t="s">
        <v>66163</v>
      </c>
      <c r="I18152" s="1" t="s">
        <v>53800</v>
      </c>
      <c r="J18152" s="1" t="s">
        <v>13</v>
      </c>
    </row>
    <row r="18153" spans="1:10" x14ac:dyDescent="0.35">
      <c r="A18153" s="1" t="s">
        <v>66159</v>
      </c>
      <c r="B18153" s="1" t="s">
        <v>53796</v>
      </c>
      <c r="C18153" s="1" t="s">
        <v>15</v>
      </c>
      <c r="D18153" s="1" t="s">
        <v>66164</v>
      </c>
      <c r="E18153" s="1" t="s">
        <v>60098</v>
      </c>
      <c r="F18153" s="1" t="s">
        <v>66165</v>
      </c>
      <c r="G18153" s="1" t="s">
        <v>66162</v>
      </c>
      <c r="H18153" s="1" t="s">
        <v>66163</v>
      </c>
      <c r="I18153" s="1" t="s">
        <v>53800</v>
      </c>
      <c r="J18153" s="1" t="s">
        <v>66166</v>
      </c>
    </row>
    <row r="18154" spans="1:10" x14ac:dyDescent="0.35">
      <c r="A18154" s="1" t="s">
        <v>66159</v>
      </c>
      <c r="B18154" s="1" t="s">
        <v>53796</v>
      </c>
      <c r="C18154" s="1" t="s">
        <v>20</v>
      </c>
      <c r="D18154" s="1" t="s">
        <v>66167</v>
      </c>
      <c r="E18154" s="1" t="s">
        <v>56177</v>
      </c>
      <c r="F18154" s="1" t="s">
        <v>58621</v>
      </c>
      <c r="G18154" s="1" t="s">
        <v>66162</v>
      </c>
      <c r="H18154" s="1" t="s">
        <v>66163</v>
      </c>
      <c r="I18154" s="1" t="s">
        <v>53800</v>
      </c>
      <c r="J18154" s="1" t="s">
        <v>66168</v>
      </c>
    </row>
    <row r="18155" spans="1:10" x14ac:dyDescent="0.35">
      <c r="A18155" s="1" t="s">
        <v>66159</v>
      </c>
      <c r="B18155" s="1" t="s">
        <v>53796</v>
      </c>
      <c r="C18155" s="1" t="s">
        <v>25</v>
      </c>
      <c r="D18155" s="1" t="s">
        <v>66169</v>
      </c>
      <c r="E18155" s="1" t="s">
        <v>23847</v>
      </c>
      <c r="F18155" s="1" t="s">
        <v>60193</v>
      </c>
      <c r="G18155" s="1" t="s">
        <v>66162</v>
      </c>
      <c r="H18155" s="1" t="s">
        <v>66163</v>
      </c>
      <c r="I18155" s="1" t="s">
        <v>53800</v>
      </c>
      <c r="J18155" s="1" t="s">
        <v>66170</v>
      </c>
    </row>
    <row r="18156" spans="1:10" x14ac:dyDescent="0.35">
      <c r="A18156" s="1" t="s">
        <v>66159</v>
      </c>
      <c r="B18156" s="1" t="s">
        <v>53796</v>
      </c>
      <c r="C18156" s="1" t="s">
        <v>30</v>
      </c>
      <c r="D18156" s="1" t="s">
        <v>58151</v>
      </c>
      <c r="E18156" s="1" t="s">
        <v>54383</v>
      </c>
      <c r="F18156" s="1" t="s">
        <v>66171</v>
      </c>
      <c r="G18156" s="1" t="s">
        <v>66162</v>
      </c>
      <c r="H18156" s="1" t="s">
        <v>66163</v>
      </c>
      <c r="I18156" s="1" t="s">
        <v>53800</v>
      </c>
      <c r="J18156" s="1" t="s">
        <v>66172</v>
      </c>
    </row>
    <row r="18157" spans="1:10" x14ac:dyDescent="0.35">
      <c r="A18157" s="1" t="s">
        <v>66159</v>
      </c>
      <c r="B18157" s="1" t="s">
        <v>53796</v>
      </c>
      <c r="C18157" s="1" t="s">
        <v>35</v>
      </c>
      <c r="D18157" s="1" t="s">
        <v>66173</v>
      </c>
      <c r="E18157" s="1" t="s">
        <v>55520</v>
      </c>
      <c r="F18157" s="1" t="s">
        <v>58218</v>
      </c>
      <c r="G18157" s="1" t="s">
        <v>66162</v>
      </c>
      <c r="H18157" s="1" t="s">
        <v>66163</v>
      </c>
      <c r="I18157" s="1" t="s">
        <v>53800</v>
      </c>
      <c r="J18157" s="1" t="s">
        <v>66174</v>
      </c>
    </row>
    <row r="18158" spans="1:10" x14ac:dyDescent="0.35">
      <c r="A18158" s="1" t="s">
        <v>66159</v>
      </c>
      <c r="B18158" s="1" t="s">
        <v>53796</v>
      </c>
      <c r="C18158" s="1" t="s">
        <v>40</v>
      </c>
      <c r="D18158" s="1" t="s">
        <v>52477</v>
      </c>
      <c r="E18158" s="1" t="s">
        <v>22475</v>
      </c>
      <c r="F18158" s="1" t="s">
        <v>66175</v>
      </c>
      <c r="G18158" s="1" t="s">
        <v>66162</v>
      </c>
      <c r="H18158" s="1" t="s">
        <v>66163</v>
      </c>
      <c r="I18158" s="1" t="s">
        <v>53800</v>
      </c>
      <c r="J18158" s="1" t="s">
        <v>66176</v>
      </c>
    </row>
    <row r="18159" spans="1:10" x14ac:dyDescent="0.35">
      <c r="A18159" s="1" t="s">
        <v>66159</v>
      </c>
      <c r="B18159" s="1" t="s">
        <v>53796</v>
      </c>
      <c r="C18159" s="1" t="s">
        <v>45</v>
      </c>
      <c r="D18159" s="1" t="s">
        <v>11397</v>
      </c>
      <c r="E18159" s="1" t="s">
        <v>66177</v>
      </c>
      <c r="F18159" s="1" t="s">
        <v>66178</v>
      </c>
      <c r="G18159" s="1" t="s">
        <v>66162</v>
      </c>
      <c r="H18159" s="1" t="s">
        <v>66163</v>
      </c>
      <c r="I18159" s="1" t="s">
        <v>53800</v>
      </c>
      <c r="J18159" s="1" t="s">
        <v>66179</v>
      </c>
    </row>
    <row r="18160" spans="1:10" x14ac:dyDescent="0.35">
      <c r="A18160" s="1" t="s">
        <v>66159</v>
      </c>
      <c r="B18160" s="1" t="s">
        <v>53796</v>
      </c>
      <c r="C18160" s="1" t="s">
        <v>50</v>
      </c>
      <c r="D18160" s="1" t="s">
        <v>66180</v>
      </c>
      <c r="E18160" s="1" t="s">
        <v>24331</v>
      </c>
      <c r="F18160" s="1" t="s">
        <v>66181</v>
      </c>
      <c r="G18160" s="1" t="s">
        <v>66162</v>
      </c>
      <c r="H18160" s="1" t="s">
        <v>66163</v>
      </c>
      <c r="I18160" s="1" t="s">
        <v>53800</v>
      </c>
      <c r="J18160" s="1" t="s">
        <v>66182</v>
      </c>
    </row>
    <row r="18161" spans="1:10" x14ac:dyDescent="0.35">
      <c r="A18161" s="1" t="s">
        <v>66159</v>
      </c>
      <c r="B18161" s="1" t="s">
        <v>53796</v>
      </c>
      <c r="C18161" s="1" t="s">
        <v>55</v>
      </c>
      <c r="D18161" s="1" t="s">
        <v>5919</v>
      </c>
      <c r="E18161" s="1" t="s">
        <v>65819</v>
      </c>
      <c r="F18161" s="1" t="s">
        <v>66183</v>
      </c>
      <c r="G18161" s="1" t="s">
        <v>66162</v>
      </c>
      <c r="H18161" s="1" t="s">
        <v>66163</v>
      </c>
      <c r="I18161" s="1" t="s">
        <v>53800</v>
      </c>
      <c r="J18161" s="1" t="s">
        <v>66184</v>
      </c>
    </row>
    <row r="18162" spans="1:10" x14ac:dyDescent="0.35">
      <c r="A18162" s="1" t="s">
        <v>66159</v>
      </c>
      <c r="B18162" s="1" t="s">
        <v>53796</v>
      </c>
      <c r="C18162" s="1" t="s">
        <v>60</v>
      </c>
      <c r="D18162" s="1" t="s">
        <v>63995</v>
      </c>
      <c r="E18162" s="1" t="s">
        <v>56389</v>
      </c>
      <c r="F18162" s="1" t="s">
        <v>63680</v>
      </c>
      <c r="G18162" s="1" t="s">
        <v>66162</v>
      </c>
      <c r="H18162" s="1" t="s">
        <v>66163</v>
      </c>
      <c r="I18162" s="1" t="s">
        <v>53800</v>
      </c>
      <c r="J18162" s="1" t="s">
        <v>66185</v>
      </c>
    </row>
    <row r="18163" spans="1:10" x14ac:dyDescent="0.35">
      <c r="A18163" s="1" t="s">
        <v>66159</v>
      </c>
      <c r="B18163" s="1" t="s">
        <v>53796</v>
      </c>
      <c r="C18163" s="1" t="s">
        <v>65</v>
      </c>
      <c r="D18163" s="1" t="s">
        <v>66186</v>
      </c>
      <c r="E18163" s="1" t="s">
        <v>24347</v>
      </c>
      <c r="F18163" s="1" t="s">
        <v>32308</v>
      </c>
      <c r="G18163" s="1" t="s">
        <v>66162</v>
      </c>
      <c r="H18163" s="1" t="s">
        <v>66163</v>
      </c>
      <c r="I18163" s="1" t="s">
        <v>53800</v>
      </c>
      <c r="J18163" s="1" t="s">
        <v>66187</v>
      </c>
    </row>
    <row r="18164" spans="1:10" x14ac:dyDescent="0.35">
      <c r="A18164" s="1" t="s">
        <v>66159</v>
      </c>
      <c r="B18164" s="1" t="s">
        <v>53796</v>
      </c>
      <c r="C18164" s="1" t="s">
        <v>70</v>
      </c>
      <c r="D18164" s="1" t="s">
        <v>66188</v>
      </c>
      <c r="E18164" s="1" t="s">
        <v>55869</v>
      </c>
      <c r="F18164" s="1" t="s">
        <v>66189</v>
      </c>
      <c r="G18164" s="1" t="s">
        <v>66162</v>
      </c>
      <c r="H18164" s="1" t="s">
        <v>66163</v>
      </c>
      <c r="I18164" s="1" t="s">
        <v>53800</v>
      </c>
      <c r="J18164" s="1" t="s">
        <v>66190</v>
      </c>
    </row>
    <row r="18165" spans="1:10" x14ac:dyDescent="0.35">
      <c r="A18165" s="1" t="s">
        <v>66159</v>
      </c>
      <c r="B18165" s="1" t="s">
        <v>53796</v>
      </c>
      <c r="C18165" s="1" t="s">
        <v>75</v>
      </c>
      <c r="D18165" s="1" t="s">
        <v>66191</v>
      </c>
      <c r="E18165" s="1" t="s">
        <v>59008</v>
      </c>
      <c r="F18165" s="1" t="s">
        <v>66192</v>
      </c>
      <c r="G18165" s="1" t="s">
        <v>66162</v>
      </c>
      <c r="H18165" s="1" t="s">
        <v>66163</v>
      </c>
      <c r="I18165" s="1" t="s">
        <v>53800</v>
      </c>
      <c r="J18165" s="1" t="s">
        <v>66193</v>
      </c>
    </row>
    <row r="18166" spans="1:10" x14ac:dyDescent="0.35">
      <c r="A18166" s="1" t="s">
        <v>66159</v>
      </c>
      <c r="B18166" s="1" t="s">
        <v>53796</v>
      </c>
      <c r="C18166" s="1" t="s">
        <v>80</v>
      </c>
      <c r="D18166" s="1" t="s">
        <v>24567</v>
      </c>
      <c r="E18166" s="1" t="s">
        <v>55862</v>
      </c>
      <c r="F18166" s="1" t="s">
        <v>54236</v>
      </c>
      <c r="G18166" s="1" t="s">
        <v>66162</v>
      </c>
      <c r="H18166" s="1" t="s">
        <v>66163</v>
      </c>
      <c r="I18166" s="1" t="s">
        <v>53800</v>
      </c>
      <c r="J18166" s="1" t="s">
        <v>66194</v>
      </c>
    </row>
    <row r="18167" spans="1:10" x14ac:dyDescent="0.35">
      <c r="A18167" s="1" t="s">
        <v>66159</v>
      </c>
      <c r="B18167" s="1" t="s">
        <v>53796</v>
      </c>
      <c r="C18167" s="1" t="s">
        <v>85</v>
      </c>
      <c r="D18167" s="1" t="s">
        <v>66195</v>
      </c>
      <c r="E18167" s="1" t="s">
        <v>23091</v>
      </c>
      <c r="F18167" s="1" t="s">
        <v>66196</v>
      </c>
      <c r="G18167" s="1" t="s">
        <v>66162</v>
      </c>
      <c r="H18167" s="1" t="s">
        <v>66163</v>
      </c>
      <c r="I18167" s="1" t="s">
        <v>53800</v>
      </c>
      <c r="J18167" s="1" t="s">
        <v>66197</v>
      </c>
    </row>
    <row r="18168" spans="1:10" x14ac:dyDescent="0.35">
      <c r="A18168" s="1" t="s">
        <v>66159</v>
      </c>
      <c r="B18168" s="1" t="s">
        <v>53796</v>
      </c>
      <c r="C18168" s="1" t="s">
        <v>90</v>
      </c>
      <c r="D18168" s="1" t="s">
        <v>66198</v>
      </c>
      <c r="E18168" s="1" t="s">
        <v>15209</v>
      </c>
      <c r="F18168" s="1" t="s">
        <v>66199</v>
      </c>
      <c r="G18168" s="1" t="s">
        <v>66162</v>
      </c>
      <c r="H18168" s="1" t="s">
        <v>66163</v>
      </c>
      <c r="I18168" s="1" t="s">
        <v>53800</v>
      </c>
      <c r="J18168" s="1" t="s">
        <v>66200</v>
      </c>
    </row>
    <row r="18169" spans="1:10" x14ac:dyDescent="0.35">
      <c r="A18169" s="1" t="s">
        <v>66159</v>
      </c>
      <c r="B18169" s="1" t="s">
        <v>53796</v>
      </c>
      <c r="C18169" s="1" t="s">
        <v>95</v>
      </c>
      <c r="D18169" s="1" t="s">
        <v>66201</v>
      </c>
      <c r="E18169" s="1" t="s">
        <v>41468</v>
      </c>
      <c r="F18169" s="1" t="s">
        <v>66202</v>
      </c>
      <c r="G18169" s="1" t="s">
        <v>66162</v>
      </c>
      <c r="H18169" s="1" t="s">
        <v>66163</v>
      </c>
      <c r="I18169" s="1" t="s">
        <v>53800</v>
      </c>
      <c r="J18169" s="1" t="s">
        <v>66203</v>
      </c>
    </row>
    <row r="18170" spans="1:10" x14ac:dyDescent="0.35">
      <c r="A18170" s="1" t="s">
        <v>66159</v>
      </c>
      <c r="B18170" s="1" t="s">
        <v>53796</v>
      </c>
      <c r="C18170" s="1" t="s">
        <v>100</v>
      </c>
      <c r="D18170" s="1" t="s">
        <v>66204</v>
      </c>
      <c r="E18170" s="1" t="s">
        <v>41309</v>
      </c>
      <c r="F18170" s="1" t="s">
        <v>66205</v>
      </c>
      <c r="G18170" s="1" t="s">
        <v>66162</v>
      </c>
      <c r="H18170" s="1" t="s">
        <v>66163</v>
      </c>
      <c r="I18170" s="1" t="s">
        <v>53800</v>
      </c>
      <c r="J18170" s="1" t="s">
        <v>66206</v>
      </c>
    </row>
    <row r="18171" spans="1:10" x14ac:dyDescent="0.35">
      <c r="A18171" s="1" t="s">
        <v>66159</v>
      </c>
      <c r="B18171" s="1" t="s">
        <v>53796</v>
      </c>
      <c r="C18171" s="1" t="s">
        <v>105</v>
      </c>
      <c r="D18171" s="1" t="s">
        <v>63735</v>
      </c>
      <c r="E18171" s="1" t="s">
        <v>21890</v>
      </c>
      <c r="F18171" s="1" t="s">
        <v>55486</v>
      </c>
      <c r="G18171" s="1" t="s">
        <v>66162</v>
      </c>
      <c r="H18171" s="1" t="s">
        <v>66163</v>
      </c>
      <c r="I18171" s="1" t="s">
        <v>53800</v>
      </c>
      <c r="J18171" s="1" t="s">
        <v>66207</v>
      </c>
    </row>
    <row r="18172" spans="1:10" x14ac:dyDescent="0.35">
      <c r="A18172" s="1" t="s">
        <v>66159</v>
      </c>
      <c r="B18172" s="1" t="s">
        <v>53796</v>
      </c>
      <c r="C18172" s="1" t="s">
        <v>110</v>
      </c>
      <c r="D18172" s="1" t="s">
        <v>66208</v>
      </c>
      <c r="E18172" s="1" t="s">
        <v>60135</v>
      </c>
      <c r="F18172" s="1" t="s">
        <v>31358</v>
      </c>
      <c r="G18172" s="1" t="s">
        <v>66162</v>
      </c>
      <c r="H18172" s="1" t="s">
        <v>66163</v>
      </c>
      <c r="I18172" s="1" t="s">
        <v>53800</v>
      </c>
      <c r="J18172" s="1" t="s">
        <v>66209</v>
      </c>
    </row>
    <row r="18173" spans="1:10" x14ac:dyDescent="0.35">
      <c r="A18173" s="1" t="s">
        <v>66159</v>
      </c>
      <c r="B18173" s="1" t="s">
        <v>53796</v>
      </c>
      <c r="C18173" s="1" t="s">
        <v>115</v>
      </c>
      <c r="D18173" s="1" t="s">
        <v>65636</v>
      </c>
      <c r="E18173" s="1" t="s">
        <v>56076</v>
      </c>
      <c r="F18173" s="1" t="s">
        <v>66210</v>
      </c>
      <c r="G18173" s="1" t="s">
        <v>66162</v>
      </c>
      <c r="H18173" s="1" t="s">
        <v>66163</v>
      </c>
      <c r="I18173" s="1" t="s">
        <v>53800</v>
      </c>
      <c r="J18173" s="1" t="s">
        <v>66211</v>
      </c>
    </row>
    <row r="18174" spans="1:10" x14ac:dyDescent="0.35">
      <c r="A18174" s="1" t="s">
        <v>66159</v>
      </c>
      <c r="B18174" s="1" t="s">
        <v>53796</v>
      </c>
      <c r="C18174" s="1" t="s">
        <v>120</v>
      </c>
      <c r="D18174" s="1" t="s">
        <v>53520</v>
      </c>
      <c r="E18174" s="1" t="s">
        <v>41582</v>
      </c>
      <c r="F18174" s="1" t="s">
        <v>66212</v>
      </c>
      <c r="G18174" s="1" t="s">
        <v>66162</v>
      </c>
      <c r="H18174" s="1" t="s">
        <v>66163</v>
      </c>
      <c r="I18174" s="1" t="s">
        <v>53800</v>
      </c>
      <c r="J18174" s="1" t="s">
        <v>66213</v>
      </c>
    </row>
    <row r="18175" spans="1:10" x14ac:dyDescent="0.35">
      <c r="A18175" s="1" t="s">
        <v>66159</v>
      </c>
      <c r="B18175" s="1" t="s">
        <v>53796</v>
      </c>
      <c r="C18175" s="1" t="s">
        <v>125</v>
      </c>
      <c r="D18175" s="1" t="s">
        <v>66214</v>
      </c>
      <c r="E18175" s="1" t="s">
        <v>23399</v>
      </c>
      <c r="F18175" s="1" t="s">
        <v>66215</v>
      </c>
      <c r="G18175" s="1" t="s">
        <v>66162</v>
      </c>
      <c r="H18175" s="1" t="s">
        <v>66163</v>
      </c>
      <c r="I18175" s="1" t="s">
        <v>53800</v>
      </c>
      <c r="J18175" s="1" t="s">
        <v>66216</v>
      </c>
    </row>
    <row r="18176" spans="1:10" x14ac:dyDescent="0.35">
      <c r="A18176" s="1" t="s">
        <v>66159</v>
      </c>
      <c r="B18176" s="1" t="s">
        <v>53796</v>
      </c>
      <c r="C18176" s="1" t="s">
        <v>130</v>
      </c>
      <c r="D18176" s="1" t="s">
        <v>66217</v>
      </c>
      <c r="E18176" s="1" t="s">
        <v>63935</v>
      </c>
      <c r="F18176" s="1" t="s">
        <v>60649</v>
      </c>
      <c r="G18176" s="1" t="s">
        <v>66162</v>
      </c>
      <c r="H18176" s="1" t="s">
        <v>66163</v>
      </c>
      <c r="I18176" s="1" t="s">
        <v>53800</v>
      </c>
      <c r="J18176" s="1" t="s">
        <v>66218</v>
      </c>
    </row>
    <row r="18177" spans="1:10" x14ac:dyDescent="0.35">
      <c r="A18177" s="1" t="s">
        <v>66159</v>
      </c>
      <c r="B18177" s="1" t="s">
        <v>53796</v>
      </c>
      <c r="C18177" s="1" t="s">
        <v>135</v>
      </c>
      <c r="D18177" s="1" t="s">
        <v>66219</v>
      </c>
      <c r="E18177" s="1" t="s">
        <v>53834</v>
      </c>
      <c r="F18177" s="1" t="s">
        <v>66220</v>
      </c>
      <c r="G18177" s="1" t="s">
        <v>66162</v>
      </c>
      <c r="H18177" s="1" t="s">
        <v>66163</v>
      </c>
      <c r="I18177" s="1" t="s">
        <v>53800</v>
      </c>
      <c r="J18177" s="1" t="s">
        <v>66221</v>
      </c>
    </row>
    <row r="18178" spans="1:10" x14ac:dyDescent="0.35">
      <c r="A18178" s="1" t="s">
        <v>66159</v>
      </c>
      <c r="B18178" s="1" t="s">
        <v>53796</v>
      </c>
      <c r="C18178" s="1" t="s">
        <v>140</v>
      </c>
      <c r="D18178" s="1" t="s">
        <v>66222</v>
      </c>
      <c r="E18178" s="1" t="s">
        <v>21990</v>
      </c>
      <c r="F18178" s="1" t="s">
        <v>66223</v>
      </c>
      <c r="G18178" s="1" t="s">
        <v>66162</v>
      </c>
      <c r="H18178" s="1" t="s">
        <v>66163</v>
      </c>
      <c r="I18178" s="1" t="s">
        <v>53800</v>
      </c>
      <c r="J18178" s="1" t="s">
        <v>66224</v>
      </c>
    </row>
    <row r="18179" spans="1:10" x14ac:dyDescent="0.35">
      <c r="A18179" s="1" t="s">
        <v>66159</v>
      </c>
      <c r="B18179" s="1" t="s">
        <v>53796</v>
      </c>
      <c r="C18179" s="1" t="s">
        <v>145</v>
      </c>
      <c r="D18179" s="1" t="s">
        <v>66225</v>
      </c>
      <c r="E18179" s="1" t="s">
        <v>23160</v>
      </c>
      <c r="F18179" s="1" t="s">
        <v>30616</v>
      </c>
      <c r="G18179" s="1" t="s">
        <v>66162</v>
      </c>
      <c r="H18179" s="1" t="s">
        <v>66163</v>
      </c>
      <c r="I18179" s="1" t="s">
        <v>53800</v>
      </c>
      <c r="J18179" s="1" t="s">
        <v>66226</v>
      </c>
    </row>
    <row r="18180" spans="1:10" x14ac:dyDescent="0.35">
      <c r="A18180" s="1" t="s">
        <v>66159</v>
      </c>
      <c r="B18180" s="1" t="s">
        <v>53796</v>
      </c>
      <c r="C18180" s="1" t="s">
        <v>150</v>
      </c>
      <c r="D18180" s="1" t="s">
        <v>66227</v>
      </c>
      <c r="E18180" s="1" t="s">
        <v>23435</v>
      </c>
      <c r="F18180" s="1" t="s">
        <v>66228</v>
      </c>
      <c r="G18180" s="1" t="s">
        <v>66162</v>
      </c>
      <c r="H18180" s="1" t="s">
        <v>66163</v>
      </c>
      <c r="I18180" s="1" t="s">
        <v>53800</v>
      </c>
      <c r="J18180" s="1" t="s">
        <v>66229</v>
      </c>
    </row>
    <row r="18181" spans="1:10" x14ac:dyDescent="0.35">
      <c r="A18181" s="1" t="s">
        <v>66159</v>
      </c>
      <c r="B18181" s="1" t="s">
        <v>53796</v>
      </c>
      <c r="C18181" s="1" t="s">
        <v>155</v>
      </c>
      <c r="D18181" s="1" t="s">
        <v>66230</v>
      </c>
      <c r="E18181" s="1" t="s">
        <v>24213</v>
      </c>
      <c r="F18181" s="1" t="s">
        <v>54807</v>
      </c>
      <c r="G18181" s="1" t="s">
        <v>66162</v>
      </c>
      <c r="H18181" s="1" t="s">
        <v>66163</v>
      </c>
      <c r="I18181" s="1" t="s">
        <v>53800</v>
      </c>
      <c r="J18181" s="1" t="s">
        <v>66231</v>
      </c>
    </row>
    <row r="18182" spans="1:10" x14ac:dyDescent="0.35">
      <c r="A18182" s="1" t="s">
        <v>66159</v>
      </c>
      <c r="B18182" s="1" t="s">
        <v>53796</v>
      </c>
      <c r="C18182" s="1" t="s">
        <v>160</v>
      </c>
      <c r="D18182" s="1" t="s">
        <v>66232</v>
      </c>
      <c r="E18182" s="1" t="s">
        <v>60671</v>
      </c>
      <c r="F18182" s="1" t="s">
        <v>66233</v>
      </c>
      <c r="G18182" s="1" t="s">
        <v>66162</v>
      </c>
      <c r="H18182" s="1" t="s">
        <v>66163</v>
      </c>
      <c r="I18182" s="1" t="s">
        <v>53800</v>
      </c>
      <c r="J18182" s="1" t="s">
        <v>66234</v>
      </c>
    </row>
    <row r="18183" spans="1:10" x14ac:dyDescent="0.35">
      <c r="A18183" s="1" t="s">
        <v>66159</v>
      </c>
      <c r="B18183" s="1" t="s">
        <v>53796</v>
      </c>
      <c r="C18183" s="1" t="s">
        <v>165</v>
      </c>
      <c r="D18183" s="1" t="s">
        <v>66235</v>
      </c>
      <c r="E18183" s="1" t="s">
        <v>41294</v>
      </c>
      <c r="F18183" s="1" t="s">
        <v>60169</v>
      </c>
      <c r="G18183" s="1" t="s">
        <v>66162</v>
      </c>
      <c r="H18183" s="1" t="s">
        <v>66163</v>
      </c>
      <c r="I18183" s="1" t="s">
        <v>53800</v>
      </c>
      <c r="J18183" s="1" t="s">
        <v>66236</v>
      </c>
    </row>
    <row r="18184" spans="1:10" x14ac:dyDescent="0.35">
      <c r="A18184" s="1" t="s">
        <v>66159</v>
      </c>
      <c r="B18184" s="1" t="s">
        <v>53796</v>
      </c>
      <c r="C18184" s="1" t="s">
        <v>170</v>
      </c>
      <c r="D18184" s="1" t="s">
        <v>66237</v>
      </c>
      <c r="E18184" s="1" t="s">
        <v>23404</v>
      </c>
      <c r="F18184" s="1" t="s">
        <v>32015</v>
      </c>
      <c r="G18184" s="1" t="s">
        <v>66162</v>
      </c>
      <c r="H18184" s="1" t="s">
        <v>66163</v>
      </c>
      <c r="I18184" s="1" t="s">
        <v>53800</v>
      </c>
      <c r="J18184" s="1" t="s">
        <v>66238</v>
      </c>
    </row>
    <row r="18185" spans="1:10" x14ac:dyDescent="0.35">
      <c r="A18185" s="1" t="s">
        <v>66239</v>
      </c>
      <c r="B18185" s="1" t="s">
        <v>53796</v>
      </c>
      <c r="C18185" s="1" t="s">
        <v>8</v>
      </c>
      <c r="D18185" s="1" t="s">
        <v>66240</v>
      </c>
      <c r="E18185" s="1" t="s">
        <v>55377</v>
      </c>
      <c r="F18185" s="1" t="s">
        <v>66241</v>
      </c>
      <c r="G18185" s="1" t="s">
        <v>66242</v>
      </c>
      <c r="H18185" s="1" t="s">
        <v>66243</v>
      </c>
      <c r="I18185" s="1" t="s">
        <v>53800</v>
      </c>
      <c r="J18185" s="1" t="s">
        <v>13</v>
      </c>
    </row>
    <row r="18186" spans="1:10" x14ac:dyDescent="0.35">
      <c r="A18186" s="1" t="s">
        <v>66239</v>
      </c>
      <c r="B18186" s="1" t="s">
        <v>53796</v>
      </c>
      <c r="C18186" s="1" t="s">
        <v>15</v>
      </c>
      <c r="D18186" s="1" t="s">
        <v>40242</v>
      </c>
      <c r="E18186" s="1" t="s">
        <v>55869</v>
      </c>
      <c r="F18186" s="1" t="s">
        <v>66244</v>
      </c>
      <c r="G18186" s="1" t="s">
        <v>66242</v>
      </c>
      <c r="H18186" s="1" t="s">
        <v>66243</v>
      </c>
      <c r="I18186" s="1" t="s">
        <v>53800</v>
      </c>
      <c r="J18186" s="1" t="s">
        <v>66245</v>
      </c>
    </row>
    <row r="18187" spans="1:10" x14ac:dyDescent="0.35">
      <c r="A18187" s="1" t="s">
        <v>66239</v>
      </c>
      <c r="B18187" s="1" t="s">
        <v>53796</v>
      </c>
      <c r="C18187" s="1" t="s">
        <v>20</v>
      </c>
      <c r="D18187" s="1" t="s">
        <v>66246</v>
      </c>
      <c r="E18187" s="1" t="s">
        <v>15200</v>
      </c>
      <c r="F18187" s="1" t="s">
        <v>66247</v>
      </c>
      <c r="G18187" s="1" t="s">
        <v>66242</v>
      </c>
      <c r="H18187" s="1" t="s">
        <v>66243</v>
      </c>
      <c r="I18187" s="1" t="s">
        <v>53800</v>
      </c>
      <c r="J18187" s="1" t="s">
        <v>66248</v>
      </c>
    </row>
    <row r="18188" spans="1:10" x14ac:dyDescent="0.35">
      <c r="A18188" s="1" t="s">
        <v>66239</v>
      </c>
      <c r="B18188" s="1" t="s">
        <v>53796</v>
      </c>
      <c r="C18188" s="1" t="s">
        <v>25</v>
      </c>
      <c r="D18188" s="1" t="s">
        <v>20696</v>
      </c>
      <c r="E18188" s="1" t="s">
        <v>55869</v>
      </c>
      <c r="F18188" s="1" t="s">
        <v>65805</v>
      </c>
      <c r="G18188" s="1" t="s">
        <v>66242</v>
      </c>
      <c r="H18188" s="1" t="s">
        <v>66243</v>
      </c>
      <c r="I18188" s="1" t="s">
        <v>53800</v>
      </c>
      <c r="J18188" s="1" t="s">
        <v>66249</v>
      </c>
    </row>
    <row r="18189" spans="1:10" x14ac:dyDescent="0.35">
      <c r="A18189" s="1" t="s">
        <v>66239</v>
      </c>
      <c r="B18189" s="1" t="s">
        <v>53796</v>
      </c>
      <c r="C18189" s="1" t="s">
        <v>30</v>
      </c>
      <c r="D18189" s="1" t="s">
        <v>66250</v>
      </c>
      <c r="E18189" s="1" t="s">
        <v>58546</v>
      </c>
      <c r="F18189" s="1" t="s">
        <v>59726</v>
      </c>
      <c r="G18189" s="1" t="s">
        <v>66242</v>
      </c>
      <c r="H18189" s="1" t="s">
        <v>66243</v>
      </c>
      <c r="I18189" s="1" t="s">
        <v>53800</v>
      </c>
      <c r="J18189" s="1" t="s">
        <v>66251</v>
      </c>
    </row>
    <row r="18190" spans="1:10" x14ac:dyDescent="0.35">
      <c r="A18190" s="1" t="s">
        <v>66239</v>
      </c>
      <c r="B18190" s="1" t="s">
        <v>53796</v>
      </c>
      <c r="C18190" s="1" t="s">
        <v>35</v>
      </c>
      <c r="D18190" s="1" t="s">
        <v>66252</v>
      </c>
      <c r="E18190" s="1" t="s">
        <v>55230</v>
      </c>
      <c r="F18190" s="1" t="s">
        <v>53956</v>
      </c>
      <c r="G18190" s="1" t="s">
        <v>66242</v>
      </c>
      <c r="H18190" s="1" t="s">
        <v>66243</v>
      </c>
      <c r="I18190" s="1" t="s">
        <v>53800</v>
      </c>
      <c r="J18190" s="1" t="s">
        <v>66253</v>
      </c>
    </row>
    <row r="18191" spans="1:10" x14ac:dyDescent="0.35">
      <c r="A18191" s="1" t="s">
        <v>66239</v>
      </c>
      <c r="B18191" s="1" t="s">
        <v>53796</v>
      </c>
      <c r="C18191" s="1" t="s">
        <v>40</v>
      </c>
      <c r="D18191" s="1" t="s">
        <v>66254</v>
      </c>
      <c r="E18191" s="1" t="s">
        <v>60687</v>
      </c>
      <c r="F18191" s="1" t="s">
        <v>54744</v>
      </c>
      <c r="G18191" s="1" t="s">
        <v>66242</v>
      </c>
      <c r="H18191" s="1" t="s">
        <v>66243</v>
      </c>
      <c r="I18191" s="1" t="s">
        <v>53800</v>
      </c>
      <c r="J18191" s="1" t="s">
        <v>66255</v>
      </c>
    </row>
    <row r="18192" spans="1:10" x14ac:dyDescent="0.35">
      <c r="A18192" s="1" t="s">
        <v>66239</v>
      </c>
      <c r="B18192" s="1" t="s">
        <v>53796</v>
      </c>
      <c r="C18192" s="1" t="s">
        <v>45</v>
      </c>
      <c r="D18192" s="1" t="s">
        <v>63335</v>
      </c>
      <c r="E18192" s="1" t="s">
        <v>53834</v>
      </c>
      <c r="F18192" s="1" t="s">
        <v>64857</v>
      </c>
      <c r="G18192" s="1" t="s">
        <v>66242</v>
      </c>
      <c r="H18192" s="1" t="s">
        <v>66243</v>
      </c>
      <c r="I18192" s="1" t="s">
        <v>53800</v>
      </c>
      <c r="J18192" s="1" t="s">
        <v>66256</v>
      </c>
    </row>
    <row r="18193" spans="1:10" x14ac:dyDescent="0.35">
      <c r="A18193" s="1" t="s">
        <v>66239</v>
      </c>
      <c r="B18193" s="1" t="s">
        <v>53796</v>
      </c>
      <c r="C18193" s="1" t="s">
        <v>50</v>
      </c>
      <c r="D18193" s="1" t="s">
        <v>66257</v>
      </c>
      <c r="E18193" s="1" t="s">
        <v>63878</v>
      </c>
      <c r="F18193" s="1" t="s">
        <v>66258</v>
      </c>
      <c r="G18193" s="1" t="s">
        <v>66242</v>
      </c>
      <c r="H18193" s="1" t="s">
        <v>66243</v>
      </c>
      <c r="I18193" s="1" t="s">
        <v>53800</v>
      </c>
      <c r="J18193" s="1" t="s">
        <v>66259</v>
      </c>
    </row>
    <row r="18194" spans="1:10" x14ac:dyDescent="0.35">
      <c r="A18194" s="1" t="s">
        <v>66239</v>
      </c>
      <c r="B18194" s="1" t="s">
        <v>53796</v>
      </c>
      <c r="C18194" s="1" t="s">
        <v>55</v>
      </c>
      <c r="D18194" s="1" t="s">
        <v>66260</v>
      </c>
      <c r="E18194" s="1" t="s">
        <v>12805</v>
      </c>
      <c r="F18194" s="1" t="s">
        <v>56488</v>
      </c>
      <c r="G18194" s="1" t="s">
        <v>66242</v>
      </c>
      <c r="H18194" s="1" t="s">
        <v>66243</v>
      </c>
      <c r="I18194" s="1" t="s">
        <v>53800</v>
      </c>
      <c r="J18194" s="1" t="s">
        <v>66261</v>
      </c>
    </row>
    <row r="18195" spans="1:10" x14ac:dyDescent="0.35">
      <c r="A18195" s="1" t="s">
        <v>66239</v>
      </c>
      <c r="B18195" s="1" t="s">
        <v>53796</v>
      </c>
      <c r="C18195" s="1" t="s">
        <v>60</v>
      </c>
      <c r="D18195" s="1" t="s">
        <v>66262</v>
      </c>
      <c r="E18195" s="1" t="s">
        <v>32584</v>
      </c>
      <c r="F18195" s="1" t="s">
        <v>66263</v>
      </c>
      <c r="G18195" s="1" t="s">
        <v>66242</v>
      </c>
      <c r="H18195" s="1" t="s">
        <v>66243</v>
      </c>
      <c r="I18195" s="1" t="s">
        <v>53800</v>
      </c>
      <c r="J18195" s="1" t="s">
        <v>66264</v>
      </c>
    </row>
    <row r="18196" spans="1:10" x14ac:dyDescent="0.35">
      <c r="A18196" s="1" t="s">
        <v>66239</v>
      </c>
      <c r="B18196" s="1" t="s">
        <v>53796</v>
      </c>
      <c r="C18196" s="1" t="s">
        <v>65</v>
      </c>
      <c r="D18196" s="1" t="s">
        <v>54286</v>
      </c>
      <c r="E18196" s="1" t="s">
        <v>24373</v>
      </c>
      <c r="F18196" s="1" t="s">
        <v>66265</v>
      </c>
      <c r="G18196" s="1" t="s">
        <v>66242</v>
      </c>
      <c r="H18196" s="1" t="s">
        <v>66243</v>
      </c>
      <c r="I18196" s="1" t="s">
        <v>53800</v>
      </c>
      <c r="J18196" s="1" t="s">
        <v>66266</v>
      </c>
    </row>
    <row r="18197" spans="1:10" x14ac:dyDescent="0.35">
      <c r="A18197" s="1" t="s">
        <v>66239</v>
      </c>
      <c r="B18197" s="1" t="s">
        <v>53796</v>
      </c>
      <c r="C18197" s="1" t="s">
        <v>70</v>
      </c>
      <c r="D18197" s="1" t="s">
        <v>66267</v>
      </c>
      <c r="E18197" s="1" t="s">
        <v>56209</v>
      </c>
      <c r="F18197" s="1" t="s">
        <v>65784</v>
      </c>
      <c r="G18197" s="1" t="s">
        <v>66242</v>
      </c>
      <c r="H18197" s="1" t="s">
        <v>66243</v>
      </c>
      <c r="I18197" s="1" t="s">
        <v>53800</v>
      </c>
      <c r="J18197" s="1" t="s">
        <v>66268</v>
      </c>
    </row>
    <row r="18198" spans="1:10" x14ac:dyDescent="0.35">
      <c r="A18198" s="1" t="s">
        <v>66239</v>
      </c>
      <c r="B18198" s="1" t="s">
        <v>53796</v>
      </c>
      <c r="C18198" s="1" t="s">
        <v>75</v>
      </c>
      <c r="D18198" s="1" t="s">
        <v>61750</v>
      </c>
      <c r="E18198" s="1" t="s">
        <v>15324</v>
      </c>
      <c r="F18198" s="1" t="s">
        <v>66269</v>
      </c>
      <c r="G18198" s="1" t="s">
        <v>66242</v>
      </c>
      <c r="H18198" s="1" t="s">
        <v>66243</v>
      </c>
      <c r="I18198" s="1" t="s">
        <v>53800</v>
      </c>
      <c r="J18198" s="1" t="s">
        <v>66270</v>
      </c>
    </row>
    <row r="18199" spans="1:10" x14ac:dyDescent="0.35">
      <c r="A18199" s="1" t="s">
        <v>66239</v>
      </c>
      <c r="B18199" s="1" t="s">
        <v>53796</v>
      </c>
      <c r="C18199" s="1" t="s">
        <v>80</v>
      </c>
      <c r="D18199" s="1" t="s">
        <v>23805</v>
      </c>
      <c r="E18199" s="1" t="s">
        <v>54796</v>
      </c>
      <c r="F18199" s="1" t="s">
        <v>66271</v>
      </c>
      <c r="G18199" s="1" t="s">
        <v>66242</v>
      </c>
      <c r="H18199" s="1" t="s">
        <v>66243</v>
      </c>
      <c r="I18199" s="1" t="s">
        <v>53800</v>
      </c>
      <c r="J18199" s="1" t="s">
        <v>66272</v>
      </c>
    </row>
    <row r="18200" spans="1:10" x14ac:dyDescent="0.35">
      <c r="A18200" s="1" t="s">
        <v>66239</v>
      </c>
      <c r="B18200" s="1" t="s">
        <v>53796</v>
      </c>
      <c r="C18200" s="1" t="s">
        <v>85</v>
      </c>
      <c r="D18200" s="1" t="s">
        <v>66273</v>
      </c>
      <c r="E18200" s="1" t="s">
        <v>41403</v>
      </c>
      <c r="F18200" s="1" t="s">
        <v>66274</v>
      </c>
      <c r="G18200" s="1" t="s">
        <v>66242</v>
      </c>
      <c r="H18200" s="1" t="s">
        <v>66243</v>
      </c>
      <c r="I18200" s="1" t="s">
        <v>53800</v>
      </c>
      <c r="J18200" s="1" t="s">
        <v>66275</v>
      </c>
    </row>
    <row r="18201" spans="1:10" x14ac:dyDescent="0.35">
      <c r="A18201" s="1" t="s">
        <v>66239</v>
      </c>
      <c r="B18201" s="1" t="s">
        <v>53796</v>
      </c>
      <c r="C18201" s="1" t="s">
        <v>90</v>
      </c>
      <c r="D18201" s="1" t="s">
        <v>66276</v>
      </c>
      <c r="E18201" s="1" t="s">
        <v>58010</v>
      </c>
      <c r="F18201" s="1" t="s">
        <v>66277</v>
      </c>
      <c r="G18201" s="1" t="s">
        <v>66242</v>
      </c>
      <c r="H18201" s="1" t="s">
        <v>66243</v>
      </c>
      <c r="I18201" s="1" t="s">
        <v>53800</v>
      </c>
      <c r="J18201" s="1" t="s">
        <v>66278</v>
      </c>
    </row>
    <row r="18202" spans="1:10" x14ac:dyDescent="0.35">
      <c r="A18202" s="1" t="s">
        <v>66239</v>
      </c>
      <c r="B18202" s="1" t="s">
        <v>53796</v>
      </c>
      <c r="C18202" s="1" t="s">
        <v>95</v>
      </c>
      <c r="D18202" s="1" t="s">
        <v>66279</v>
      </c>
      <c r="E18202" s="1" t="s">
        <v>21841</v>
      </c>
      <c r="F18202" s="1" t="s">
        <v>66280</v>
      </c>
      <c r="G18202" s="1" t="s">
        <v>66242</v>
      </c>
      <c r="H18202" s="1" t="s">
        <v>66243</v>
      </c>
      <c r="I18202" s="1" t="s">
        <v>53800</v>
      </c>
      <c r="J18202" s="1" t="s">
        <v>66281</v>
      </c>
    </row>
    <row r="18203" spans="1:10" x14ac:dyDescent="0.35">
      <c r="A18203" s="1" t="s">
        <v>66239</v>
      </c>
      <c r="B18203" s="1" t="s">
        <v>53796</v>
      </c>
      <c r="C18203" s="1" t="s">
        <v>100</v>
      </c>
      <c r="D18203" s="1" t="s">
        <v>66282</v>
      </c>
      <c r="E18203" s="1" t="s">
        <v>26552</v>
      </c>
      <c r="F18203" s="1" t="s">
        <v>66283</v>
      </c>
      <c r="G18203" s="1" t="s">
        <v>66242</v>
      </c>
      <c r="H18203" s="1" t="s">
        <v>66243</v>
      </c>
      <c r="I18203" s="1" t="s">
        <v>53800</v>
      </c>
      <c r="J18203" s="1" t="s">
        <v>66284</v>
      </c>
    </row>
    <row r="18204" spans="1:10" x14ac:dyDescent="0.35">
      <c r="A18204" s="1" t="s">
        <v>66239</v>
      </c>
      <c r="B18204" s="1" t="s">
        <v>53796</v>
      </c>
      <c r="C18204" s="1" t="s">
        <v>105</v>
      </c>
      <c r="D18204" s="1" t="s">
        <v>66285</v>
      </c>
      <c r="E18204" s="1" t="s">
        <v>57923</v>
      </c>
      <c r="F18204" s="1" t="s">
        <v>59732</v>
      </c>
      <c r="G18204" s="1" t="s">
        <v>66242</v>
      </c>
      <c r="H18204" s="1" t="s">
        <v>66243</v>
      </c>
      <c r="I18204" s="1" t="s">
        <v>53800</v>
      </c>
      <c r="J18204" s="1" t="s">
        <v>66286</v>
      </c>
    </row>
    <row r="18205" spans="1:10" x14ac:dyDescent="0.35">
      <c r="A18205" s="1" t="s">
        <v>66239</v>
      </c>
      <c r="B18205" s="1" t="s">
        <v>53796</v>
      </c>
      <c r="C18205" s="1" t="s">
        <v>110</v>
      </c>
      <c r="D18205" s="1" t="s">
        <v>66287</v>
      </c>
      <c r="E18205" s="1" t="s">
        <v>21757</v>
      </c>
      <c r="F18205" s="1" t="s">
        <v>66288</v>
      </c>
      <c r="G18205" s="1" t="s">
        <v>66242</v>
      </c>
      <c r="H18205" s="1" t="s">
        <v>66243</v>
      </c>
      <c r="I18205" s="1" t="s">
        <v>53800</v>
      </c>
      <c r="J18205" s="1" t="s">
        <v>66289</v>
      </c>
    </row>
    <row r="18206" spans="1:10" x14ac:dyDescent="0.35">
      <c r="A18206" s="1" t="s">
        <v>66239</v>
      </c>
      <c r="B18206" s="1" t="s">
        <v>53796</v>
      </c>
      <c r="C18206" s="1" t="s">
        <v>115</v>
      </c>
      <c r="D18206" s="1" t="s">
        <v>66290</v>
      </c>
      <c r="E18206" s="1" t="s">
        <v>58783</v>
      </c>
      <c r="F18206" s="1" t="s">
        <v>66291</v>
      </c>
      <c r="G18206" s="1" t="s">
        <v>66242</v>
      </c>
      <c r="H18206" s="1" t="s">
        <v>66243</v>
      </c>
      <c r="I18206" s="1" t="s">
        <v>53800</v>
      </c>
      <c r="J18206" s="1" t="s">
        <v>66292</v>
      </c>
    </row>
    <row r="18207" spans="1:10" x14ac:dyDescent="0.35">
      <c r="A18207" s="1" t="s">
        <v>66239</v>
      </c>
      <c r="B18207" s="1" t="s">
        <v>53796</v>
      </c>
      <c r="C18207" s="1" t="s">
        <v>120</v>
      </c>
      <c r="D18207" s="1" t="s">
        <v>66293</v>
      </c>
      <c r="E18207" s="1" t="s">
        <v>57241</v>
      </c>
      <c r="F18207" s="1" t="s">
        <v>66294</v>
      </c>
      <c r="G18207" s="1" t="s">
        <v>66242</v>
      </c>
      <c r="H18207" s="1" t="s">
        <v>66243</v>
      </c>
      <c r="I18207" s="1" t="s">
        <v>53800</v>
      </c>
      <c r="J18207" s="1" t="s">
        <v>66295</v>
      </c>
    </row>
    <row r="18208" spans="1:10" x14ac:dyDescent="0.35">
      <c r="A18208" s="1" t="s">
        <v>66239</v>
      </c>
      <c r="B18208" s="1" t="s">
        <v>53796</v>
      </c>
      <c r="C18208" s="1" t="s">
        <v>125</v>
      </c>
      <c r="D18208" s="1" t="s">
        <v>66296</v>
      </c>
      <c r="E18208" s="1" t="s">
        <v>15225</v>
      </c>
      <c r="F18208" s="1" t="s">
        <v>66297</v>
      </c>
      <c r="G18208" s="1" t="s">
        <v>66242</v>
      </c>
      <c r="H18208" s="1" t="s">
        <v>66243</v>
      </c>
      <c r="I18208" s="1" t="s">
        <v>53800</v>
      </c>
      <c r="J18208" s="1" t="s">
        <v>66298</v>
      </c>
    </row>
    <row r="18209" spans="1:10" x14ac:dyDescent="0.35">
      <c r="A18209" s="1" t="s">
        <v>66239</v>
      </c>
      <c r="B18209" s="1" t="s">
        <v>53796</v>
      </c>
      <c r="C18209" s="1" t="s">
        <v>130</v>
      </c>
      <c r="D18209" s="1" t="s">
        <v>66299</v>
      </c>
      <c r="E18209" s="1" t="s">
        <v>26576</v>
      </c>
      <c r="F18209" s="1" t="s">
        <v>66300</v>
      </c>
      <c r="G18209" s="1" t="s">
        <v>66242</v>
      </c>
      <c r="H18209" s="1" t="s">
        <v>66243</v>
      </c>
      <c r="I18209" s="1" t="s">
        <v>53800</v>
      </c>
      <c r="J18209" s="1" t="s">
        <v>66301</v>
      </c>
    </row>
    <row r="18210" spans="1:10" x14ac:dyDescent="0.35">
      <c r="A18210" s="1" t="s">
        <v>66239</v>
      </c>
      <c r="B18210" s="1" t="s">
        <v>53796</v>
      </c>
      <c r="C18210" s="1" t="s">
        <v>135</v>
      </c>
      <c r="D18210" s="1" t="s">
        <v>66302</v>
      </c>
      <c r="E18210" s="1" t="s">
        <v>57099</v>
      </c>
      <c r="F18210" s="1" t="s">
        <v>66303</v>
      </c>
      <c r="G18210" s="1" t="s">
        <v>66242</v>
      </c>
      <c r="H18210" s="1" t="s">
        <v>66243</v>
      </c>
      <c r="I18210" s="1" t="s">
        <v>53800</v>
      </c>
      <c r="J18210" s="1" t="s">
        <v>66304</v>
      </c>
    </row>
    <row r="18211" spans="1:10" x14ac:dyDescent="0.35">
      <c r="A18211" s="1" t="s">
        <v>66239</v>
      </c>
      <c r="B18211" s="1" t="s">
        <v>53796</v>
      </c>
      <c r="C18211" s="1" t="s">
        <v>140</v>
      </c>
      <c r="D18211" s="1" t="s">
        <v>66305</v>
      </c>
      <c r="E18211" s="1" t="s">
        <v>24246</v>
      </c>
      <c r="F18211" s="1" t="s">
        <v>66306</v>
      </c>
      <c r="G18211" s="1" t="s">
        <v>66242</v>
      </c>
      <c r="H18211" s="1" t="s">
        <v>66243</v>
      </c>
      <c r="I18211" s="1" t="s">
        <v>53800</v>
      </c>
      <c r="J18211" s="1" t="s">
        <v>66307</v>
      </c>
    </row>
    <row r="18212" spans="1:10" x14ac:dyDescent="0.35">
      <c r="A18212" s="1" t="s">
        <v>66239</v>
      </c>
      <c r="B18212" s="1" t="s">
        <v>53796</v>
      </c>
      <c r="C18212" s="1" t="s">
        <v>145</v>
      </c>
      <c r="D18212" s="1" t="s">
        <v>66308</v>
      </c>
      <c r="E18212" s="1" t="s">
        <v>56784</v>
      </c>
      <c r="F18212" s="1" t="s">
        <v>66309</v>
      </c>
      <c r="G18212" s="1" t="s">
        <v>66242</v>
      </c>
      <c r="H18212" s="1" t="s">
        <v>66243</v>
      </c>
      <c r="I18212" s="1" t="s">
        <v>53800</v>
      </c>
      <c r="J18212" s="1" t="s">
        <v>66310</v>
      </c>
    </row>
    <row r="18213" spans="1:10" x14ac:dyDescent="0.35">
      <c r="A18213" s="1" t="s">
        <v>66239</v>
      </c>
      <c r="B18213" s="1" t="s">
        <v>53796</v>
      </c>
      <c r="C18213" s="1" t="s">
        <v>150</v>
      </c>
      <c r="D18213" s="1" t="s">
        <v>66311</v>
      </c>
      <c r="E18213" s="1" t="s">
        <v>15263</v>
      </c>
      <c r="F18213" s="1" t="s">
        <v>66312</v>
      </c>
      <c r="G18213" s="1" t="s">
        <v>66242</v>
      </c>
      <c r="H18213" s="1" t="s">
        <v>66243</v>
      </c>
      <c r="I18213" s="1" t="s">
        <v>53800</v>
      </c>
      <c r="J18213" s="1" t="s">
        <v>66313</v>
      </c>
    </row>
    <row r="18214" spans="1:10" x14ac:dyDescent="0.35">
      <c r="A18214" s="1" t="s">
        <v>66239</v>
      </c>
      <c r="B18214" s="1" t="s">
        <v>53796</v>
      </c>
      <c r="C18214" s="1" t="s">
        <v>155</v>
      </c>
      <c r="D18214" s="1" t="s">
        <v>66314</v>
      </c>
      <c r="E18214" s="1" t="s">
        <v>27074</v>
      </c>
      <c r="F18214" s="1" t="s">
        <v>66315</v>
      </c>
      <c r="G18214" s="1" t="s">
        <v>66242</v>
      </c>
      <c r="H18214" s="1" t="s">
        <v>66243</v>
      </c>
      <c r="I18214" s="1" t="s">
        <v>53800</v>
      </c>
      <c r="J18214" s="1" t="s">
        <v>66316</v>
      </c>
    </row>
    <row r="18215" spans="1:10" x14ac:dyDescent="0.35">
      <c r="A18215" s="1" t="s">
        <v>66239</v>
      </c>
      <c r="B18215" s="1" t="s">
        <v>53796</v>
      </c>
      <c r="C18215" s="1" t="s">
        <v>160</v>
      </c>
      <c r="D18215" s="1" t="s">
        <v>66317</v>
      </c>
      <c r="E18215" s="1" t="s">
        <v>59501</v>
      </c>
      <c r="F18215" s="1" t="s">
        <v>66318</v>
      </c>
      <c r="G18215" s="1" t="s">
        <v>66242</v>
      </c>
      <c r="H18215" s="1" t="s">
        <v>66243</v>
      </c>
      <c r="I18215" s="1" t="s">
        <v>53800</v>
      </c>
      <c r="J18215" s="1" t="s">
        <v>66319</v>
      </c>
    </row>
    <row r="18216" spans="1:10" x14ac:dyDescent="0.35">
      <c r="A18216" s="1" t="s">
        <v>66239</v>
      </c>
      <c r="B18216" s="1" t="s">
        <v>53796</v>
      </c>
      <c r="C18216" s="1" t="s">
        <v>165</v>
      </c>
      <c r="D18216" s="1" t="s">
        <v>66320</v>
      </c>
      <c r="E18216" s="1" t="s">
        <v>65690</v>
      </c>
      <c r="F18216" s="1" t="s">
        <v>54194</v>
      </c>
      <c r="G18216" s="1" t="s">
        <v>66242</v>
      </c>
      <c r="H18216" s="1" t="s">
        <v>66243</v>
      </c>
      <c r="I18216" s="1" t="s">
        <v>53800</v>
      </c>
      <c r="J18216" s="1" t="s">
        <v>66321</v>
      </c>
    </row>
    <row r="18217" spans="1:10" x14ac:dyDescent="0.35">
      <c r="A18217" s="1" t="s">
        <v>66239</v>
      </c>
      <c r="B18217" s="1" t="s">
        <v>53796</v>
      </c>
      <c r="C18217" s="1" t="s">
        <v>170</v>
      </c>
      <c r="D18217" s="1" t="s">
        <v>66322</v>
      </c>
      <c r="E18217" s="1" t="s">
        <v>15865</v>
      </c>
      <c r="F18217" s="1" t="s">
        <v>66323</v>
      </c>
      <c r="G18217" s="1" t="s">
        <v>66242</v>
      </c>
      <c r="H18217" s="1" t="s">
        <v>66243</v>
      </c>
      <c r="I18217" s="1" t="s">
        <v>53800</v>
      </c>
      <c r="J18217" s="1" t="s">
        <v>66324</v>
      </c>
    </row>
    <row r="18218" spans="1:10" x14ac:dyDescent="0.35">
      <c r="A18218" s="1" t="s">
        <v>66325</v>
      </c>
      <c r="B18218" s="1" t="s">
        <v>53796</v>
      </c>
      <c r="C18218" s="1" t="s">
        <v>8</v>
      </c>
      <c r="D18218" s="1" t="s">
        <v>66326</v>
      </c>
      <c r="E18218" s="1" t="s">
        <v>41320</v>
      </c>
      <c r="F18218" s="1" t="s">
        <v>66327</v>
      </c>
      <c r="G18218" s="1" t="s">
        <v>66328</v>
      </c>
      <c r="H18218" s="1" t="s">
        <v>66329</v>
      </c>
      <c r="I18218" s="1" t="s">
        <v>53800</v>
      </c>
      <c r="J18218" s="1" t="s">
        <v>13</v>
      </c>
    </row>
    <row r="18219" spans="1:10" x14ac:dyDescent="0.35">
      <c r="A18219" s="1" t="s">
        <v>66325</v>
      </c>
      <c r="B18219" s="1" t="s">
        <v>53796</v>
      </c>
      <c r="C18219" s="1" t="s">
        <v>15</v>
      </c>
      <c r="D18219" s="1" t="s">
        <v>66330</v>
      </c>
      <c r="E18219" s="1" t="s">
        <v>41277</v>
      </c>
      <c r="F18219" s="1" t="s">
        <v>66331</v>
      </c>
      <c r="G18219" s="1" t="s">
        <v>66328</v>
      </c>
      <c r="H18219" s="1" t="s">
        <v>66329</v>
      </c>
      <c r="I18219" s="1" t="s">
        <v>53800</v>
      </c>
      <c r="J18219" s="1" t="s">
        <v>66332</v>
      </c>
    </row>
    <row r="18220" spans="1:10" x14ac:dyDescent="0.35">
      <c r="A18220" s="1" t="s">
        <v>66325</v>
      </c>
      <c r="B18220" s="1" t="s">
        <v>53796</v>
      </c>
      <c r="C18220" s="1" t="s">
        <v>20</v>
      </c>
      <c r="D18220" s="1" t="s">
        <v>66333</v>
      </c>
      <c r="E18220" s="1" t="s">
        <v>41414</v>
      </c>
      <c r="F18220" s="1" t="s">
        <v>66334</v>
      </c>
      <c r="G18220" s="1" t="s">
        <v>66328</v>
      </c>
      <c r="H18220" s="1" t="s">
        <v>66329</v>
      </c>
      <c r="I18220" s="1" t="s">
        <v>53800</v>
      </c>
      <c r="J18220" s="1" t="s">
        <v>66335</v>
      </c>
    </row>
    <row r="18221" spans="1:10" x14ac:dyDescent="0.35">
      <c r="A18221" s="1" t="s">
        <v>66325</v>
      </c>
      <c r="B18221" s="1" t="s">
        <v>53796</v>
      </c>
      <c r="C18221" s="1" t="s">
        <v>25</v>
      </c>
      <c r="D18221" s="1" t="s">
        <v>66336</v>
      </c>
      <c r="E18221" s="1" t="s">
        <v>21163</v>
      </c>
      <c r="F18221" s="1" t="s">
        <v>66337</v>
      </c>
      <c r="G18221" s="1" t="s">
        <v>66328</v>
      </c>
      <c r="H18221" s="1" t="s">
        <v>66329</v>
      </c>
      <c r="I18221" s="1" t="s">
        <v>53800</v>
      </c>
      <c r="J18221" s="1" t="s">
        <v>62432</v>
      </c>
    </row>
    <row r="18222" spans="1:10" x14ac:dyDescent="0.35">
      <c r="A18222" s="1" t="s">
        <v>66325</v>
      </c>
      <c r="B18222" s="1" t="s">
        <v>53796</v>
      </c>
      <c r="C18222" s="1" t="s">
        <v>30</v>
      </c>
      <c r="D18222" s="1" t="s">
        <v>66338</v>
      </c>
      <c r="E18222" s="1" t="s">
        <v>60967</v>
      </c>
      <c r="F18222" s="1" t="s">
        <v>66339</v>
      </c>
      <c r="G18222" s="1" t="s">
        <v>66328</v>
      </c>
      <c r="H18222" s="1" t="s">
        <v>66329</v>
      </c>
      <c r="I18222" s="1" t="s">
        <v>53800</v>
      </c>
      <c r="J18222" s="1" t="s">
        <v>66340</v>
      </c>
    </row>
    <row r="18223" spans="1:10" x14ac:dyDescent="0.35">
      <c r="A18223" s="1" t="s">
        <v>66325</v>
      </c>
      <c r="B18223" s="1" t="s">
        <v>53796</v>
      </c>
      <c r="C18223" s="1" t="s">
        <v>35</v>
      </c>
      <c r="D18223" s="1" t="s">
        <v>66341</v>
      </c>
      <c r="E18223" s="1" t="s">
        <v>66342</v>
      </c>
      <c r="F18223" s="1" t="s">
        <v>66343</v>
      </c>
      <c r="G18223" s="1" t="s">
        <v>66328</v>
      </c>
      <c r="H18223" s="1" t="s">
        <v>66329</v>
      </c>
      <c r="I18223" s="1" t="s">
        <v>53800</v>
      </c>
      <c r="J18223" s="1" t="s">
        <v>66344</v>
      </c>
    </row>
    <row r="18224" spans="1:10" x14ac:dyDescent="0.35">
      <c r="A18224" s="1" t="s">
        <v>66325</v>
      </c>
      <c r="B18224" s="1" t="s">
        <v>53796</v>
      </c>
      <c r="C18224" s="1" t="s">
        <v>40</v>
      </c>
      <c r="D18224" s="1" t="s">
        <v>66345</v>
      </c>
      <c r="E18224" s="1" t="s">
        <v>66346</v>
      </c>
      <c r="F18224" s="1" t="s">
        <v>53953</v>
      </c>
      <c r="G18224" s="1" t="s">
        <v>66328</v>
      </c>
      <c r="H18224" s="1" t="s">
        <v>66329</v>
      </c>
      <c r="I18224" s="1" t="s">
        <v>53800</v>
      </c>
      <c r="J18224" s="1" t="s">
        <v>66347</v>
      </c>
    </row>
    <row r="18225" spans="1:10" x14ac:dyDescent="0.35">
      <c r="A18225" s="1" t="s">
        <v>66325</v>
      </c>
      <c r="B18225" s="1" t="s">
        <v>53796</v>
      </c>
      <c r="C18225" s="1" t="s">
        <v>45</v>
      </c>
      <c r="D18225" s="1" t="s">
        <v>66348</v>
      </c>
      <c r="E18225" s="1" t="s">
        <v>59861</v>
      </c>
      <c r="F18225" s="1" t="s">
        <v>66349</v>
      </c>
      <c r="G18225" s="1" t="s">
        <v>66328</v>
      </c>
      <c r="H18225" s="1" t="s">
        <v>66329</v>
      </c>
      <c r="I18225" s="1" t="s">
        <v>53800</v>
      </c>
      <c r="J18225" s="1" t="s">
        <v>66350</v>
      </c>
    </row>
    <row r="18226" spans="1:10" x14ac:dyDescent="0.35">
      <c r="A18226" s="1" t="s">
        <v>66325</v>
      </c>
      <c r="B18226" s="1" t="s">
        <v>53796</v>
      </c>
      <c r="C18226" s="1" t="s">
        <v>50</v>
      </c>
      <c r="D18226" s="1" t="s">
        <v>66351</v>
      </c>
      <c r="E18226" s="1" t="s">
        <v>66352</v>
      </c>
      <c r="F18226" s="1" t="s">
        <v>66353</v>
      </c>
      <c r="G18226" s="1" t="s">
        <v>66328</v>
      </c>
      <c r="H18226" s="1" t="s">
        <v>66329</v>
      </c>
      <c r="I18226" s="1" t="s">
        <v>53800</v>
      </c>
      <c r="J18226" s="1" t="s">
        <v>66354</v>
      </c>
    </row>
    <row r="18227" spans="1:10" x14ac:dyDescent="0.35">
      <c r="A18227" s="1" t="s">
        <v>66325</v>
      </c>
      <c r="B18227" s="1" t="s">
        <v>53796</v>
      </c>
      <c r="C18227" s="1" t="s">
        <v>55</v>
      </c>
      <c r="D18227" s="1" t="s">
        <v>66355</v>
      </c>
      <c r="E18227" s="1" t="s">
        <v>22044</v>
      </c>
      <c r="F18227" s="1" t="s">
        <v>66356</v>
      </c>
      <c r="G18227" s="1" t="s">
        <v>66328</v>
      </c>
      <c r="H18227" s="1" t="s">
        <v>66329</v>
      </c>
      <c r="I18227" s="1" t="s">
        <v>53800</v>
      </c>
      <c r="J18227" s="1" t="s">
        <v>66357</v>
      </c>
    </row>
    <row r="18228" spans="1:10" x14ac:dyDescent="0.35">
      <c r="A18228" s="1" t="s">
        <v>66325</v>
      </c>
      <c r="B18228" s="1" t="s">
        <v>53796</v>
      </c>
      <c r="C18228" s="1" t="s">
        <v>60</v>
      </c>
      <c r="D18228" s="1" t="s">
        <v>66358</v>
      </c>
      <c r="E18228" s="1" t="s">
        <v>66359</v>
      </c>
      <c r="F18228" s="1" t="s">
        <v>66360</v>
      </c>
      <c r="G18228" s="1" t="s">
        <v>66328</v>
      </c>
      <c r="H18228" s="1" t="s">
        <v>66329</v>
      </c>
      <c r="I18228" s="1" t="s">
        <v>53800</v>
      </c>
      <c r="J18228" s="1" t="s">
        <v>66361</v>
      </c>
    </row>
    <row r="18229" spans="1:10" x14ac:dyDescent="0.35">
      <c r="A18229" s="1" t="s">
        <v>66325</v>
      </c>
      <c r="B18229" s="1" t="s">
        <v>53796</v>
      </c>
      <c r="C18229" s="1" t="s">
        <v>65</v>
      </c>
      <c r="D18229" s="1" t="s">
        <v>66362</v>
      </c>
      <c r="E18229" s="1" t="s">
        <v>55119</v>
      </c>
      <c r="F18229" s="1" t="s">
        <v>66363</v>
      </c>
      <c r="G18229" s="1" t="s">
        <v>66328</v>
      </c>
      <c r="H18229" s="1" t="s">
        <v>66329</v>
      </c>
      <c r="I18229" s="1" t="s">
        <v>53800</v>
      </c>
      <c r="J18229" s="1" t="s">
        <v>66364</v>
      </c>
    </row>
    <row r="18230" spans="1:10" x14ac:dyDescent="0.35">
      <c r="A18230" s="1" t="s">
        <v>66325</v>
      </c>
      <c r="B18230" s="1" t="s">
        <v>53796</v>
      </c>
      <c r="C18230" s="1" t="s">
        <v>70</v>
      </c>
      <c r="D18230" s="1" t="s">
        <v>66365</v>
      </c>
      <c r="E18230" s="1" t="s">
        <v>57856</v>
      </c>
      <c r="F18230" s="1" t="s">
        <v>66366</v>
      </c>
      <c r="G18230" s="1" t="s">
        <v>66328</v>
      </c>
      <c r="H18230" s="1" t="s">
        <v>66329</v>
      </c>
      <c r="I18230" s="1" t="s">
        <v>53800</v>
      </c>
      <c r="J18230" s="1" t="s">
        <v>66367</v>
      </c>
    </row>
    <row r="18231" spans="1:10" x14ac:dyDescent="0.35">
      <c r="A18231" s="1" t="s">
        <v>66325</v>
      </c>
      <c r="B18231" s="1" t="s">
        <v>53796</v>
      </c>
      <c r="C18231" s="1" t="s">
        <v>75</v>
      </c>
      <c r="D18231" s="1" t="s">
        <v>32292</v>
      </c>
      <c r="E18231" s="1" t="s">
        <v>23172</v>
      </c>
      <c r="F18231" s="1" t="s">
        <v>66368</v>
      </c>
      <c r="G18231" s="1" t="s">
        <v>66328</v>
      </c>
      <c r="H18231" s="1" t="s">
        <v>66329</v>
      </c>
      <c r="I18231" s="1" t="s">
        <v>53800</v>
      </c>
      <c r="J18231" s="1" t="s">
        <v>66369</v>
      </c>
    </row>
    <row r="18232" spans="1:10" x14ac:dyDescent="0.35">
      <c r="A18232" s="1" t="s">
        <v>66325</v>
      </c>
      <c r="B18232" s="1" t="s">
        <v>53796</v>
      </c>
      <c r="C18232" s="1" t="s">
        <v>80</v>
      </c>
      <c r="D18232" s="1" t="s">
        <v>2698</v>
      </c>
      <c r="E18232" s="1" t="s">
        <v>66370</v>
      </c>
      <c r="F18232" s="1" t="s">
        <v>54752</v>
      </c>
      <c r="G18232" s="1" t="s">
        <v>66328</v>
      </c>
      <c r="H18232" s="1" t="s">
        <v>66329</v>
      </c>
      <c r="I18232" s="1" t="s">
        <v>53800</v>
      </c>
      <c r="J18232" s="1" t="s">
        <v>66371</v>
      </c>
    </row>
    <row r="18233" spans="1:10" x14ac:dyDescent="0.35">
      <c r="A18233" s="1" t="s">
        <v>66325</v>
      </c>
      <c r="B18233" s="1" t="s">
        <v>53796</v>
      </c>
      <c r="C18233" s="1" t="s">
        <v>85</v>
      </c>
      <c r="D18233" s="1" t="s">
        <v>66372</v>
      </c>
      <c r="E18233" s="1" t="s">
        <v>53924</v>
      </c>
      <c r="F18233" s="1" t="s">
        <v>66373</v>
      </c>
      <c r="G18233" s="1" t="s">
        <v>66328</v>
      </c>
      <c r="H18233" s="1" t="s">
        <v>66329</v>
      </c>
      <c r="I18233" s="1" t="s">
        <v>53800</v>
      </c>
      <c r="J18233" s="1" t="s">
        <v>66374</v>
      </c>
    </row>
    <row r="18234" spans="1:10" x14ac:dyDescent="0.35">
      <c r="A18234" s="1" t="s">
        <v>66325</v>
      </c>
      <c r="B18234" s="1" t="s">
        <v>53796</v>
      </c>
      <c r="C18234" s="1" t="s">
        <v>90</v>
      </c>
      <c r="D18234" s="1" t="s">
        <v>66375</v>
      </c>
      <c r="E18234" s="1" t="s">
        <v>58862</v>
      </c>
      <c r="F18234" s="1" t="s">
        <v>66376</v>
      </c>
      <c r="G18234" s="1" t="s">
        <v>66328</v>
      </c>
      <c r="H18234" s="1" t="s">
        <v>66329</v>
      </c>
      <c r="I18234" s="1" t="s">
        <v>53800</v>
      </c>
      <c r="J18234" s="1" t="s">
        <v>66377</v>
      </c>
    </row>
    <row r="18235" spans="1:10" x14ac:dyDescent="0.35">
      <c r="A18235" s="1" t="s">
        <v>66325</v>
      </c>
      <c r="B18235" s="1" t="s">
        <v>53796</v>
      </c>
      <c r="C18235" s="1" t="s">
        <v>95</v>
      </c>
      <c r="D18235" s="1" t="s">
        <v>66378</v>
      </c>
      <c r="E18235" s="1" t="s">
        <v>54452</v>
      </c>
      <c r="F18235" s="1" t="s">
        <v>31732</v>
      </c>
      <c r="G18235" s="1" t="s">
        <v>66328</v>
      </c>
      <c r="H18235" s="1" t="s">
        <v>66329</v>
      </c>
      <c r="I18235" s="1" t="s">
        <v>53800</v>
      </c>
      <c r="J18235" s="1" t="s">
        <v>66379</v>
      </c>
    </row>
    <row r="18236" spans="1:10" x14ac:dyDescent="0.35">
      <c r="A18236" s="1" t="s">
        <v>66325</v>
      </c>
      <c r="B18236" s="1" t="s">
        <v>53796</v>
      </c>
      <c r="C18236" s="1" t="s">
        <v>100</v>
      </c>
      <c r="D18236" s="1" t="s">
        <v>66380</v>
      </c>
      <c r="E18236" s="1" t="s">
        <v>60632</v>
      </c>
      <c r="F18236" s="1" t="s">
        <v>53959</v>
      </c>
      <c r="G18236" s="1" t="s">
        <v>66328</v>
      </c>
      <c r="H18236" s="1" t="s">
        <v>66329</v>
      </c>
      <c r="I18236" s="1" t="s">
        <v>53800</v>
      </c>
      <c r="J18236" s="1" t="s">
        <v>66381</v>
      </c>
    </row>
    <row r="18237" spans="1:10" x14ac:dyDescent="0.35">
      <c r="A18237" s="1" t="s">
        <v>66325</v>
      </c>
      <c r="B18237" s="1" t="s">
        <v>53796</v>
      </c>
      <c r="C18237" s="1" t="s">
        <v>105</v>
      </c>
      <c r="D18237" s="1" t="s">
        <v>66382</v>
      </c>
      <c r="E18237" s="1" t="s">
        <v>55916</v>
      </c>
      <c r="F18237" s="1" t="s">
        <v>64276</v>
      </c>
      <c r="G18237" s="1" t="s">
        <v>66328</v>
      </c>
      <c r="H18237" s="1" t="s">
        <v>66329</v>
      </c>
      <c r="I18237" s="1" t="s">
        <v>53800</v>
      </c>
      <c r="J18237" s="1" t="s">
        <v>66383</v>
      </c>
    </row>
    <row r="18238" spans="1:10" x14ac:dyDescent="0.35">
      <c r="A18238" s="1" t="s">
        <v>66325</v>
      </c>
      <c r="B18238" s="1" t="s">
        <v>53796</v>
      </c>
      <c r="C18238" s="1" t="s">
        <v>110</v>
      </c>
      <c r="D18238" s="1" t="s">
        <v>66384</v>
      </c>
      <c r="E18238" s="1" t="s">
        <v>56897</v>
      </c>
      <c r="F18238" s="1" t="s">
        <v>64845</v>
      </c>
      <c r="G18238" s="1" t="s">
        <v>66328</v>
      </c>
      <c r="H18238" s="1" t="s">
        <v>66329</v>
      </c>
      <c r="I18238" s="1" t="s">
        <v>53800</v>
      </c>
      <c r="J18238" s="1" t="s">
        <v>66385</v>
      </c>
    </row>
    <row r="18239" spans="1:10" x14ac:dyDescent="0.35">
      <c r="A18239" s="1" t="s">
        <v>66325</v>
      </c>
      <c r="B18239" s="1" t="s">
        <v>53796</v>
      </c>
      <c r="C18239" s="1" t="s">
        <v>115</v>
      </c>
      <c r="D18239" s="1" t="s">
        <v>58082</v>
      </c>
      <c r="E18239" s="1" t="s">
        <v>56190</v>
      </c>
      <c r="F18239" s="1" t="s">
        <v>66386</v>
      </c>
      <c r="G18239" s="1" t="s">
        <v>66328</v>
      </c>
      <c r="H18239" s="1" t="s">
        <v>66329</v>
      </c>
      <c r="I18239" s="1" t="s">
        <v>53800</v>
      </c>
      <c r="J18239" s="1" t="s">
        <v>66387</v>
      </c>
    </row>
    <row r="18240" spans="1:10" x14ac:dyDescent="0.35">
      <c r="A18240" s="1" t="s">
        <v>66325</v>
      </c>
      <c r="B18240" s="1" t="s">
        <v>53796</v>
      </c>
      <c r="C18240" s="1" t="s">
        <v>120</v>
      </c>
      <c r="D18240" s="1" t="s">
        <v>66388</v>
      </c>
      <c r="E18240" s="1" t="s">
        <v>23399</v>
      </c>
      <c r="F18240" s="1" t="s">
        <v>66389</v>
      </c>
      <c r="G18240" s="1" t="s">
        <v>66328</v>
      </c>
      <c r="H18240" s="1" t="s">
        <v>66329</v>
      </c>
      <c r="I18240" s="1" t="s">
        <v>53800</v>
      </c>
      <c r="J18240" s="1" t="s">
        <v>66390</v>
      </c>
    </row>
    <row r="18241" spans="1:10" x14ac:dyDescent="0.35">
      <c r="A18241" s="1" t="s">
        <v>66325</v>
      </c>
      <c r="B18241" s="1" t="s">
        <v>53796</v>
      </c>
      <c r="C18241" s="1" t="s">
        <v>125</v>
      </c>
      <c r="D18241" s="1" t="s">
        <v>66391</v>
      </c>
      <c r="E18241" s="1" t="s">
        <v>63858</v>
      </c>
      <c r="F18241" s="1" t="s">
        <v>66392</v>
      </c>
      <c r="G18241" s="1" t="s">
        <v>66328</v>
      </c>
      <c r="H18241" s="1" t="s">
        <v>66329</v>
      </c>
      <c r="I18241" s="1" t="s">
        <v>53800</v>
      </c>
      <c r="J18241" s="1" t="s">
        <v>66393</v>
      </c>
    </row>
    <row r="18242" spans="1:10" x14ac:dyDescent="0.35">
      <c r="A18242" s="1" t="s">
        <v>66325</v>
      </c>
      <c r="B18242" s="1" t="s">
        <v>53796</v>
      </c>
      <c r="C18242" s="1" t="s">
        <v>130</v>
      </c>
      <c r="D18242" s="1" t="s">
        <v>66394</v>
      </c>
      <c r="E18242" s="1" t="s">
        <v>54092</v>
      </c>
      <c r="F18242" s="1" t="s">
        <v>66395</v>
      </c>
      <c r="G18242" s="1" t="s">
        <v>66328</v>
      </c>
      <c r="H18242" s="1" t="s">
        <v>66329</v>
      </c>
      <c r="I18242" s="1" t="s">
        <v>53800</v>
      </c>
      <c r="J18242" s="1" t="s">
        <v>66396</v>
      </c>
    </row>
    <row r="18243" spans="1:10" x14ac:dyDescent="0.35">
      <c r="A18243" s="1" t="s">
        <v>66325</v>
      </c>
      <c r="B18243" s="1" t="s">
        <v>53796</v>
      </c>
      <c r="C18243" s="1" t="s">
        <v>135</v>
      </c>
      <c r="D18243" s="1" t="s">
        <v>66397</v>
      </c>
      <c r="E18243" s="1" t="s">
        <v>54482</v>
      </c>
      <c r="F18243" s="1" t="s">
        <v>24179</v>
      </c>
      <c r="G18243" s="1" t="s">
        <v>66328</v>
      </c>
      <c r="H18243" s="1" t="s">
        <v>66329</v>
      </c>
      <c r="I18243" s="1" t="s">
        <v>53800</v>
      </c>
      <c r="J18243" s="1" t="s">
        <v>66398</v>
      </c>
    </row>
    <row r="18244" spans="1:10" x14ac:dyDescent="0.35">
      <c r="A18244" s="1" t="s">
        <v>66325</v>
      </c>
      <c r="B18244" s="1" t="s">
        <v>53796</v>
      </c>
      <c r="C18244" s="1" t="s">
        <v>140</v>
      </c>
      <c r="D18244" s="1" t="s">
        <v>36334</v>
      </c>
      <c r="E18244" s="1" t="s">
        <v>23114</v>
      </c>
      <c r="F18244" s="1" t="s">
        <v>66399</v>
      </c>
      <c r="G18244" s="1" t="s">
        <v>66328</v>
      </c>
      <c r="H18244" s="1" t="s">
        <v>66329</v>
      </c>
      <c r="I18244" s="1" t="s">
        <v>53800</v>
      </c>
      <c r="J18244" s="1" t="s">
        <v>66400</v>
      </c>
    </row>
    <row r="18245" spans="1:10" x14ac:dyDescent="0.35">
      <c r="A18245" s="1" t="s">
        <v>66325</v>
      </c>
      <c r="B18245" s="1" t="s">
        <v>53796</v>
      </c>
      <c r="C18245" s="1" t="s">
        <v>145</v>
      </c>
      <c r="D18245" s="1" t="s">
        <v>66401</v>
      </c>
      <c r="E18245" s="1" t="s">
        <v>32351</v>
      </c>
      <c r="F18245" s="1" t="s">
        <v>66402</v>
      </c>
      <c r="G18245" s="1" t="s">
        <v>66328</v>
      </c>
      <c r="H18245" s="1" t="s">
        <v>66329</v>
      </c>
      <c r="I18245" s="1" t="s">
        <v>53800</v>
      </c>
      <c r="J18245" s="1" t="s">
        <v>66403</v>
      </c>
    </row>
    <row r="18246" spans="1:10" x14ac:dyDescent="0.35">
      <c r="A18246" s="1" t="s">
        <v>66325</v>
      </c>
      <c r="B18246" s="1" t="s">
        <v>53796</v>
      </c>
      <c r="C18246" s="1" t="s">
        <v>150</v>
      </c>
      <c r="D18246" s="1" t="s">
        <v>66404</v>
      </c>
      <c r="E18246" s="1" t="s">
        <v>24388</v>
      </c>
      <c r="F18246" s="1" t="s">
        <v>66405</v>
      </c>
      <c r="G18246" s="1" t="s">
        <v>66328</v>
      </c>
      <c r="H18246" s="1" t="s">
        <v>66329</v>
      </c>
      <c r="I18246" s="1" t="s">
        <v>53800</v>
      </c>
      <c r="J18246" s="1" t="s">
        <v>66406</v>
      </c>
    </row>
    <row r="18247" spans="1:10" x14ac:dyDescent="0.35">
      <c r="A18247" s="1" t="s">
        <v>66325</v>
      </c>
      <c r="B18247" s="1" t="s">
        <v>53796</v>
      </c>
      <c r="C18247" s="1" t="s">
        <v>155</v>
      </c>
      <c r="D18247" s="1" t="s">
        <v>66407</v>
      </c>
      <c r="E18247" s="1" t="s">
        <v>24384</v>
      </c>
      <c r="F18247" s="1" t="s">
        <v>66408</v>
      </c>
      <c r="G18247" s="1" t="s">
        <v>66328</v>
      </c>
      <c r="H18247" s="1" t="s">
        <v>66329</v>
      </c>
      <c r="I18247" s="1" t="s">
        <v>53800</v>
      </c>
      <c r="J18247" s="1" t="s">
        <v>66409</v>
      </c>
    </row>
    <row r="18248" spans="1:10" x14ac:dyDescent="0.35">
      <c r="A18248" s="1" t="s">
        <v>66325</v>
      </c>
      <c r="B18248" s="1" t="s">
        <v>53796</v>
      </c>
      <c r="C18248" s="1" t="s">
        <v>160</v>
      </c>
      <c r="D18248" s="1" t="s">
        <v>66410</v>
      </c>
      <c r="E18248" s="1" t="s">
        <v>23168</v>
      </c>
      <c r="F18248" s="1" t="s">
        <v>66411</v>
      </c>
      <c r="G18248" s="1" t="s">
        <v>66328</v>
      </c>
      <c r="H18248" s="1" t="s">
        <v>66329</v>
      </c>
      <c r="I18248" s="1" t="s">
        <v>53800</v>
      </c>
      <c r="J18248" s="1" t="s">
        <v>66412</v>
      </c>
    </row>
    <row r="18249" spans="1:10" x14ac:dyDescent="0.35">
      <c r="A18249" s="1" t="s">
        <v>66325</v>
      </c>
      <c r="B18249" s="1" t="s">
        <v>53796</v>
      </c>
      <c r="C18249" s="1" t="s">
        <v>165</v>
      </c>
      <c r="D18249" s="1" t="s">
        <v>66413</v>
      </c>
      <c r="E18249" s="1" t="s">
        <v>41309</v>
      </c>
      <c r="F18249" s="1" t="s">
        <v>66414</v>
      </c>
      <c r="G18249" s="1" t="s">
        <v>66328</v>
      </c>
      <c r="H18249" s="1" t="s">
        <v>66329</v>
      </c>
      <c r="I18249" s="1" t="s">
        <v>53800</v>
      </c>
      <c r="J18249" s="1" t="s">
        <v>66415</v>
      </c>
    </row>
    <row r="18250" spans="1:10" x14ac:dyDescent="0.35">
      <c r="A18250" s="1" t="s">
        <v>66325</v>
      </c>
      <c r="B18250" s="1" t="s">
        <v>53796</v>
      </c>
      <c r="C18250" s="1" t="s">
        <v>170</v>
      </c>
      <c r="D18250" s="1" t="s">
        <v>22474</v>
      </c>
      <c r="E18250" s="1" t="s">
        <v>32084</v>
      </c>
      <c r="F18250" s="1" t="s">
        <v>64917</v>
      </c>
      <c r="G18250" s="1" t="s">
        <v>66328</v>
      </c>
      <c r="H18250" s="1" t="s">
        <v>66329</v>
      </c>
      <c r="I18250" s="1" t="s">
        <v>53800</v>
      </c>
      <c r="J18250" s="1" t="s">
        <v>66416</v>
      </c>
    </row>
    <row r="18251" spans="1:10" x14ac:dyDescent="0.35">
      <c r="A18251" s="1" t="s">
        <v>66417</v>
      </c>
      <c r="B18251" s="1" t="s">
        <v>53796</v>
      </c>
      <c r="C18251" s="1" t="s">
        <v>8</v>
      </c>
      <c r="D18251" s="1" t="s">
        <v>66418</v>
      </c>
      <c r="E18251" s="1" t="s">
        <v>53936</v>
      </c>
      <c r="F18251" s="1" t="s">
        <v>66419</v>
      </c>
      <c r="G18251" s="1" t="s">
        <v>66420</v>
      </c>
      <c r="H18251" s="1" t="s">
        <v>66421</v>
      </c>
      <c r="I18251" s="1" t="s">
        <v>53800</v>
      </c>
      <c r="J18251" s="1" t="s">
        <v>13</v>
      </c>
    </row>
    <row r="18252" spans="1:10" x14ac:dyDescent="0.35">
      <c r="A18252" s="1" t="s">
        <v>66417</v>
      </c>
      <c r="B18252" s="1" t="s">
        <v>53796</v>
      </c>
      <c r="C18252" s="1" t="s">
        <v>15</v>
      </c>
      <c r="D18252" s="1" t="s">
        <v>66422</v>
      </c>
      <c r="E18252" s="1" t="s">
        <v>21937</v>
      </c>
      <c r="F18252" s="1" t="s">
        <v>63993</v>
      </c>
      <c r="G18252" s="1" t="s">
        <v>66420</v>
      </c>
      <c r="H18252" s="1" t="s">
        <v>66421</v>
      </c>
      <c r="I18252" s="1" t="s">
        <v>53800</v>
      </c>
      <c r="J18252" s="1" t="s">
        <v>66423</v>
      </c>
    </row>
    <row r="18253" spans="1:10" x14ac:dyDescent="0.35">
      <c r="A18253" s="1" t="s">
        <v>66417</v>
      </c>
      <c r="B18253" s="1" t="s">
        <v>53796</v>
      </c>
      <c r="C18253" s="1" t="s">
        <v>20</v>
      </c>
      <c r="D18253" s="1" t="s">
        <v>66424</v>
      </c>
      <c r="E18253" s="1" t="s">
        <v>66425</v>
      </c>
      <c r="F18253" s="1" t="s">
        <v>66426</v>
      </c>
      <c r="G18253" s="1" t="s">
        <v>66420</v>
      </c>
      <c r="H18253" s="1" t="s">
        <v>66421</v>
      </c>
      <c r="I18253" s="1" t="s">
        <v>53800</v>
      </c>
      <c r="J18253" s="1" t="s">
        <v>66427</v>
      </c>
    </row>
    <row r="18254" spans="1:10" x14ac:dyDescent="0.35">
      <c r="A18254" s="1" t="s">
        <v>66417</v>
      </c>
      <c r="B18254" s="1" t="s">
        <v>53796</v>
      </c>
      <c r="C18254" s="1" t="s">
        <v>25</v>
      </c>
      <c r="D18254" s="1" t="s">
        <v>66428</v>
      </c>
      <c r="E18254" s="1" t="s">
        <v>24178</v>
      </c>
      <c r="F18254" s="1" t="s">
        <v>66429</v>
      </c>
      <c r="G18254" s="1" t="s">
        <v>66420</v>
      </c>
      <c r="H18254" s="1" t="s">
        <v>66421</v>
      </c>
      <c r="I18254" s="1" t="s">
        <v>53800</v>
      </c>
      <c r="J18254" s="1" t="s">
        <v>66430</v>
      </c>
    </row>
    <row r="18255" spans="1:10" x14ac:dyDescent="0.35">
      <c r="A18255" s="1" t="s">
        <v>66417</v>
      </c>
      <c r="B18255" s="1" t="s">
        <v>53796</v>
      </c>
      <c r="C18255" s="1" t="s">
        <v>30</v>
      </c>
      <c r="D18255" s="1" t="s">
        <v>66431</v>
      </c>
      <c r="E18255" s="1" t="s">
        <v>56043</v>
      </c>
      <c r="F18255" s="1" t="s">
        <v>66157</v>
      </c>
      <c r="G18255" s="1" t="s">
        <v>66420</v>
      </c>
      <c r="H18255" s="1" t="s">
        <v>66421</v>
      </c>
      <c r="I18255" s="1" t="s">
        <v>53800</v>
      </c>
      <c r="J18255" s="1" t="s">
        <v>66432</v>
      </c>
    </row>
    <row r="18256" spans="1:10" x14ac:dyDescent="0.35">
      <c r="A18256" s="1" t="s">
        <v>66417</v>
      </c>
      <c r="B18256" s="1" t="s">
        <v>53796</v>
      </c>
      <c r="C18256" s="1" t="s">
        <v>35</v>
      </c>
      <c r="D18256" s="1" t="s">
        <v>66433</v>
      </c>
      <c r="E18256" s="1" t="s">
        <v>12757</v>
      </c>
      <c r="F18256" s="1" t="s">
        <v>66434</v>
      </c>
      <c r="G18256" s="1" t="s">
        <v>66420</v>
      </c>
      <c r="H18256" s="1" t="s">
        <v>66421</v>
      </c>
      <c r="I18256" s="1" t="s">
        <v>53800</v>
      </c>
      <c r="J18256" s="1" t="s">
        <v>66435</v>
      </c>
    </row>
    <row r="18257" spans="1:10" x14ac:dyDescent="0.35">
      <c r="A18257" s="1" t="s">
        <v>66417</v>
      </c>
      <c r="B18257" s="1" t="s">
        <v>53796</v>
      </c>
      <c r="C18257" s="1" t="s">
        <v>40</v>
      </c>
      <c r="D18257" s="1" t="s">
        <v>66287</v>
      </c>
      <c r="E18257" s="1" t="s">
        <v>21742</v>
      </c>
      <c r="F18257" s="1" t="s">
        <v>66436</v>
      </c>
      <c r="G18257" s="1" t="s">
        <v>66420</v>
      </c>
      <c r="H18257" s="1" t="s">
        <v>66421</v>
      </c>
      <c r="I18257" s="1" t="s">
        <v>53800</v>
      </c>
      <c r="J18257" s="1" t="s">
        <v>66437</v>
      </c>
    </row>
    <row r="18258" spans="1:10" x14ac:dyDescent="0.35">
      <c r="A18258" s="1" t="s">
        <v>66417</v>
      </c>
      <c r="B18258" s="1" t="s">
        <v>53796</v>
      </c>
      <c r="C18258" s="1" t="s">
        <v>45</v>
      </c>
      <c r="D18258" s="1" t="s">
        <v>66438</v>
      </c>
      <c r="E18258" s="1" t="s">
        <v>66439</v>
      </c>
      <c r="F18258" s="1" t="s">
        <v>60806</v>
      </c>
      <c r="G18258" s="1" t="s">
        <v>66420</v>
      </c>
      <c r="H18258" s="1" t="s">
        <v>66421</v>
      </c>
      <c r="I18258" s="1" t="s">
        <v>53800</v>
      </c>
      <c r="J18258" s="1" t="s">
        <v>66440</v>
      </c>
    </row>
    <row r="18259" spans="1:10" x14ac:dyDescent="0.35">
      <c r="A18259" s="1" t="s">
        <v>66417</v>
      </c>
      <c r="B18259" s="1" t="s">
        <v>53796</v>
      </c>
      <c r="C18259" s="1" t="s">
        <v>50</v>
      </c>
      <c r="D18259" s="1" t="s">
        <v>66441</v>
      </c>
      <c r="E18259" s="1" t="s">
        <v>32310</v>
      </c>
      <c r="F18259" s="1" t="s">
        <v>66442</v>
      </c>
      <c r="G18259" s="1" t="s">
        <v>66420</v>
      </c>
      <c r="H18259" s="1" t="s">
        <v>66421</v>
      </c>
      <c r="I18259" s="1" t="s">
        <v>53800</v>
      </c>
      <c r="J18259" s="1" t="s">
        <v>66443</v>
      </c>
    </row>
    <row r="18260" spans="1:10" x14ac:dyDescent="0.35">
      <c r="A18260" s="1" t="s">
        <v>66417</v>
      </c>
      <c r="B18260" s="1" t="s">
        <v>53796</v>
      </c>
      <c r="C18260" s="1" t="s">
        <v>55</v>
      </c>
      <c r="D18260" s="1" t="s">
        <v>66444</v>
      </c>
      <c r="E18260" s="1" t="s">
        <v>32317</v>
      </c>
      <c r="F18260" s="1" t="s">
        <v>66445</v>
      </c>
      <c r="G18260" s="1" t="s">
        <v>66420</v>
      </c>
      <c r="H18260" s="1" t="s">
        <v>66421</v>
      </c>
      <c r="I18260" s="1" t="s">
        <v>53800</v>
      </c>
      <c r="J18260" s="1" t="s">
        <v>66446</v>
      </c>
    </row>
    <row r="18261" spans="1:10" x14ac:dyDescent="0.35">
      <c r="A18261" s="1" t="s">
        <v>66417</v>
      </c>
      <c r="B18261" s="1" t="s">
        <v>53796</v>
      </c>
      <c r="C18261" s="1" t="s">
        <v>60</v>
      </c>
      <c r="D18261" s="1" t="s">
        <v>66447</v>
      </c>
      <c r="E18261" s="1" t="s">
        <v>21849</v>
      </c>
      <c r="F18261" s="1" t="s">
        <v>66448</v>
      </c>
      <c r="G18261" s="1" t="s">
        <v>66420</v>
      </c>
      <c r="H18261" s="1" t="s">
        <v>66421</v>
      </c>
      <c r="I18261" s="1" t="s">
        <v>53800</v>
      </c>
      <c r="J18261" s="1" t="s">
        <v>66449</v>
      </c>
    </row>
    <row r="18262" spans="1:10" x14ac:dyDescent="0.35">
      <c r="A18262" s="1" t="s">
        <v>66417</v>
      </c>
      <c r="B18262" s="1" t="s">
        <v>53796</v>
      </c>
      <c r="C18262" s="1" t="s">
        <v>65</v>
      </c>
      <c r="D18262" s="1" t="s">
        <v>66450</v>
      </c>
      <c r="E18262" s="1" t="s">
        <v>12790</v>
      </c>
      <c r="F18262" s="1" t="s">
        <v>66451</v>
      </c>
      <c r="G18262" s="1" t="s">
        <v>66420</v>
      </c>
      <c r="H18262" s="1" t="s">
        <v>66421</v>
      </c>
      <c r="I18262" s="1" t="s">
        <v>53800</v>
      </c>
      <c r="J18262" s="1" t="s">
        <v>66452</v>
      </c>
    </row>
    <row r="18263" spans="1:10" x14ac:dyDescent="0.35">
      <c r="A18263" s="1" t="s">
        <v>66417</v>
      </c>
      <c r="B18263" s="1" t="s">
        <v>53796</v>
      </c>
      <c r="C18263" s="1" t="s">
        <v>70</v>
      </c>
      <c r="D18263" s="1" t="s">
        <v>40917</v>
      </c>
      <c r="E18263" s="1" t="s">
        <v>55286</v>
      </c>
      <c r="F18263" s="1" t="s">
        <v>66453</v>
      </c>
      <c r="G18263" s="1" t="s">
        <v>66420</v>
      </c>
      <c r="H18263" s="1" t="s">
        <v>66421</v>
      </c>
      <c r="I18263" s="1" t="s">
        <v>53800</v>
      </c>
      <c r="J18263" s="1" t="s">
        <v>66454</v>
      </c>
    </row>
    <row r="18264" spans="1:10" x14ac:dyDescent="0.35">
      <c r="A18264" s="1" t="s">
        <v>66417</v>
      </c>
      <c r="B18264" s="1" t="s">
        <v>53796</v>
      </c>
      <c r="C18264" s="1" t="s">
        <v>75</v>
      </c>
      <c r="D18264" s="1" t="s">
        <v>66455</v>
      </c>
      <c r="E18264" s="1" t="s">
        <v>60824</v>
      </c>
      <c r="F18264" s="1" t="s">
        <v>66456</v>
      </c>
      <c r="G18264" s="1" t="s">
        <v>66420</v>
      </c>
      <c r="H18264" s="1" t="s">
        <v>66421</v>
      </c>
      <c r="I18264" s="1" t="s">
        <v>53800</v>
      </c>
      <c r="J18264" s="1" t="s">
        <v>66457</v>
      </c>
    </row>
    <row r="18265" spans="1:10" x14ac:dyDescent="0.35">
      <c r="A18265" s="1" t="s">
        <v>66417</v>
      </c>
      <c r="B18265" s="1" t="s">
        <v>53796</v>
      </c>
      <c r="C18265" s="1" t="s">
        <v>80</v>
      </c>
      <c r="D18265" s="1" t="s">
        <v>66458</v>
      </c>
      <c r="E18265" s="1" t="s">
        <v>63935</v>
      </c>
      <c r="F18265" s="1" t="s">
        <v>66459</v>
      </c>
      <c r="G18265" s="1" t="s">
        <v>66420</v>
      </c>
      <c r="H18265" s="1" t="s">
        <v>66421</v>
      </c>
      <c r="I18265" s="1" t="s">
        <v>53800</v>
      </c>
      <c r="J18265" s="1" t="s">
        <v>66460</v>
      </c>
    </row>
    <row r="18266" spans="1:10" x14ac:dyDescent="0.35">
      <c r="A18266" s="1" t="s">
        <v>66417</v>
      </c>
      <c r="B18266" s="1" t="s">
        <v>53796</v>
      </c>
      <c r="C18266" s="1" t="s">
        <v>85</v>
      </c>
      <c r="D18266" s="1" t="s">
        <v>66461</v>
      </c>
      <c r="E18266" s="1" t="s">
        <v>54747</v>
      </c>
      <c r="F18266" s="1" t="s">
        <v>66462</v>
      </c>
      <c r="G18266" s="1" t="s">
        <v>66420</v>
      </c>
      <c r="H18266" s="1" t="s">
        <v>66421</v>
      </c>
      <c r="I18266" s="1" t="s">
        <v>53800</v>
      </c>
      <c r="J18266" s="1" t="s">
        <v>66463</v>
      </c>
    </row>
    <row r="18267" spans="1:10" x14ac:dyDescent="0.35">
      <c r="A18267" s="1" t="s">
        <v>66417</v>
      </c>
      <c r="B18267" s="1" t="s">
        <v>53796</v>
      </c>
      <c r="C18267" s="1" t="s">
        <v>90</v>
      </c>
      <c r="D18267" s="1" t="s">
        <v>66464</v>
      </c>
      <c r="E18267" s="1" t="s">
        <v>16117</v>
      </c>
      <c r="F18267" s="1" t="s">
        <v>66465</v>
      </c>
      <c r="G18267" s="1" t="s">
        <v>66420</v>
      </c>
      <c r="H18267" s="1" t="s">
        <v>66421</v>
      </c>
      <c r="I18267" s="1" t="s">
        <v>53800</v>
      </c>
      <c r="J18267" s="1" t="s">
        <v>66466</v>
      </c>
    </row>
    <row r="18268" spans="1:10" x14ac:dyDescent="0.35">
      <c r="A18268" s="1" t="s">
        <v>66417</v>
      </c>
      <c r="B18268" s="1" t="s">
        <v>53796</v>
      </c>
      <c r="C18268" s="1" t="s">
        <v>95</v>
      </c>
      <c r="D18268" s="1" t="s">
        <v>41261</v>
      </c>
      <c r="E18268" s="1" t="s">
        <v>55428</v>
      </c>
      <c r="F18268" s="1" t="s">
        <v>66467</v>
      </c>
      <c r="G18268" s="1" t="s">
        <v>66420</v>
      </c>
      <c r="H18268" s="1" t="s">
        <v>66421</v>
      </c>
      <c r="I18268" s="1" t="s">
        <v>53800</v>
      </c>
      <c r="J18268" s="1" t="s">
        <v>66468</v>
      </c>
    </row>
    <row r="18269" spans="1:10" x14ac:dyDescent="0.35">
      <c r="A18269" s="1" t="s">
        <v>66417</v>
      </c>
      <c r="B18269" s="1" t="s">
        <v>53796</v>
      </c>
      <c r="C18269" s="1" t="s">
        <v>100</v>
      </c>
      <c r="D18269" s="1" t="s">
        <v>66469</v>
      </c>
      <c r="E18269" s="1" t="s">
        <v>55947</v>
      </c>
      <c r="F18269" s="1" t="s">
        <v>56197</v>
      </c>
      <c r="G18269" s="1" t="s">
        <v>66420</v>
      </c>
      <c r="H18269" s="1" t="s">
        <v>66421</v>
      </c>
      <c r="I18269" s="1" t="s">
        <v>53800</v>
      </c>
      <c r="J18269" s="1" t="s">
        <v>66470</v>
      </c>
    </row>
    <row r="18270" spans="1:10" x14ac:dyDescent="0.35">
      <c r="A18270" s="1" t="s">
        <v>66417</v>
      </c>
      <c r="B18270" s="1" t="s">
        <v>53796</v>
      </c>
      <c r="C18270" s="1" t="s">
        <v>105</v>
      </c>
      <c r="D18270" s="1" t="s">
        <v>66471</v>
      </c>
      <c r="E18270" s="1" t="s">
        <v>24213</v>
      </c>
      <c r="F18270" s="1" t="s">
        <v>66472</v>
      </c>
      <c r="G18270" s="1" t="s">
        <v>66420</v>
      </c>
      <c r="H18270" s="1" t="s">
        <v>66421</v>
      </c>
      <c r="I18270" s="1" t="s">
        <v>53800</v>
      </c>
      <c r="J18270" s="1" t="s">
        <v>66473</v>
      </c>
    </row>
    <row r="18271" spans="1:10" x14ac:dyDescent="0.35">
      <c r="A18271" s="1" t="s">
        <v>66417</v>
      </c>
      <c r="B18271" s="1" t="s">
        <v>53796</v>
      </c>
      <c r="C18271" s="1" t="s">
        <v>110</v>
      </c>
      <c r="D18271" s="1" t="s">
        <v>66474</v>
      </c>
      <c r="E18271" s="1" t="s">
        <v>41445</v>
      </c>
      <c r="F18271" s="1" t="s">
        <v>66475</v>
      </c>
      <c r="G18271" s="1" t="s">
        <v>66420</v>
      </c>
      <c r="H18271" s="1" t="s">
        <v>66421</v>
      </c>
      <c r="I18271" s="1" t="s">
        <v>53800</v>
      </c>
      <c r="J18271" s="1" t="s">
        <v>66476</v>
      </c>
    </row>
    <row r="18272" spans="1:10" x14ac:dyDescent="0.35">
      <c r="A18272" s="1" t="s">
        <v>66417</v>
      </c>
      <c r="B18272" s="1" t="s">
        <v>53796</v>
      </c>
      <c r="C18272" s="1" t="s">
        <v>115</v>
      </c>
      <c r="D18272" s="1" t="s">
        <v>66477</v>
      </c>
      <c r="E18272" s="1" t="s">
        <v>31949</v>
      </c>
      <c r="F18272" s="1" t="s">
        <v>66478</v>
      </c>
      <c r="G18272" s="1" t="s">
        <v>66420</v>
      </c>
      <c r="H18272" s="1" t="s">
        <v>66421</v>
      </c>
      <c r="I18272" s="1" t="s">
        <v>53800</v>
      </c>
      <c r="J18272" s="1" t="s">
        <v>66479</v>
      </c>
    </row>
    <row r="18273" spans="1:10" x14ac:dyDescent="0.35">
      <c r="A18273" s="1" t="s">
        <v>66417</v>
      </c>
      <c r="B18273" s="1" t="s">
        <v>53796</v>
      </c>
      <c r="C18273" s="1" t="s">
        <v>120</v>
      </c>
      <c r="D18273" s="1" t="s">
        <v>66480</v>
      </c>
      <c r="E18273" s="1" t="s">
        <v>54013</v>
      </c>
      <c r="F18273" s="1" t="s">
        <v>60222</v>
      </c>
      <c r="G18273" s="1" t="s">
        <v>66420</v>
      </c>
      <c r="H18273" s="1" t="s">
        <v>66421</v>
      </c>
      <c r="I18273" s="1" t="s">
        <v>53800</v>
      </c>
      <c r="J18273" s="1" t="s">
        <v>66481</v>
      </c>
    </row>
    <row r="18274" spans="1:10" x14ac:dyDescent="0.35">
      <c r="A18274" s="1" t="s">
        <v>66417</v>
      </c>
      <c r="B18274" s="1" t="s">
        <v>53796</v>
      </c>
      <c r="C18274" s="1" t="s">
        <v>125</v>
      </c>
      <c r="D18274" s="1" t="s">
        <v>66482</v>
      </c>
      <c r="E18274" s="1" t="s">
        <v>56938</v>
      </c>
      <c r="F18274" s="1" t="s">
        <v>63947</v>
      </c>
      <c r="G18274" s="1" t="s">
        <v>66420</v>
      </c>
      <c r="H18274" s="1" t="s">
        <v>66421</v>
      </c>
      <c r="I18274" s="1" t="s">
        <v>53800</v>
      </c>
      <c r="J18274" s="1" t="s">
        <v>66483</v>
      </c>
    </row>
    <row r="18275" spans="1:10" x14ac:dyDescent="0.35">
      <c r="A18275" s="1" t="s">
        <v>66417</v>
      </c>
      <c r="B18275" s="1" t="s">
        <v>53796</v>
      </c>
      <c r="C18275" s="1" t="s">
        <v>130</v>
      </c>
      <c r="D18275" s="1" t="s">
        <v>65197</v>
      </c>
      <c r="E18275" s="1" t="s">
        <v>26586</v>
      </c>
      <c r="F18275" s="1" t="s">
        <v>32321</v>
      </c>
      <c r="G18275" s="1" t="s">
        <v>66420</v>
      </c>
      <c r="H18275" s="1" t="s">
        <v>66421</v>
      </c>
      <c r="I18275" s="1" t="s">
        <v>53800</v>
      </c>
      <c r="J18275" s="1" t="s">
        <v>66484</v>
      </c>
    </row>
    <row r="18276" spans="1:10" x14ac:dyDescent="0.35">
      <c r="A18276" s="1" t="s">
        <v>66417</v>
      </c>
      <c r="B18276" s="1" t="s">
        <v>53796</v>
      </c>
      <c r="C18276" s="1" t="s">
        <v>135</v>
      </c>
      <c r="D18276" s="1" t="s">
        <v>27163</v>
      </c>
      <c r="E18276" s="1" t="s">
        <v>59078</v>
      </c>
      <c r="F18276" s="1" t="s">
        <v>32091</v>
      </c>
      <c r="G18276" s="1" t="s">
        <v>66420</v>
      </c>
      <c r="H18276" s="1" t="s">
        <v>66421</v>
      </c>
      <c r="I18276" s="1" t="s">
        <v>53800</v>
      </c>
      <c r="J18276" s="1" t="s">
        <v>66485</v>
      </c>
    </row>
    <row r="18277" spans="1:10" x14ac:dyDescent="0.35">
      <c r="A18277" s="1" t="s">
        <v>66417</v>
      </c>
      <c r="B18277" s="1" t="s">
        <v>53796</v>
      </c>
      <c r="C18277" s="1" t="s">
        <v>140</v>
      </c>
      <c r="D18277" s="1" t="s">
        <v>55960</v>
      </c>
      <c r="E18277" s="1" t="s">
        <v>56950</v>
      </c>
      <c r="F18277" s="1" t="s">
        <v>26431</v>
      </c>
      <c r="G18277" s="1" t="s">
        <v>66420</v>
      </c>
      <c r="H18277" s="1" t="s">
        <v>66421</v>
      </c>
      <c r="I18277" s="1" t="s">
        <v>53800</v>
      </c>
      <c r="J18277" s="1" t="s">
        <v>66486</v>
      </c>
    </row>
    <row r="18278" spans="1:10" x14ac:dyDescent="0.35">
      <c r="A18278" s="1" t="s">
        <v>66417</v>
      </c>
      <c r="B18278" s="1" t="s">
        <v>53796</v>
      </c>
      <c r="C18278" s="1" t="s">
        <v>145</v>
      </c>
      <c r="D18278" s="1" t="s">
        <v>66487</v>
      </c>
      <c r="E18278" s="1" t="s">
        <v>32098</v>
      </c>
      <c r="F18278" s="1" t="s">
        <v>66488</v>
      </c>
      <c r="G18278" s="1" t="s">
        <v>66420</v>
      </c>
      <c r="H18278" s="1" t="s">
        <v>66421</v>
      </c>
      <c r="I18278" s="1" t="s">
        <v>53800</v>
      </c>
      <c r="J18278" s="1" t="s">
        <v>66489</v>
      </c>
    </row>
    <row r="18279" spans="1:10" x14ac:dyDescent="0.35">
      <c r="A18279" s="1" t="s">
        <v>66417</v>
      </c>
      <c r="B18279" s="1" t="s">
        <v>53796</v>
      </c>
      <c r="C18279" s="1" t="s">
        <v>150</v>
      </c>
      <c r="D18279" s="1" t="s">
        <v>66490</v>
      </c>
      <c r="E18279" s="1" t="s">
        <v>27126</v>
      </c>
      <c r="F18279" s="1" t="s">
        <v>66491</v>
      </c>
      <c r="G18279" s="1" t="s">
        <v>66420</v>
      </c>
      <c r="H18279" s="1" t="s">
        <v>66421</v>
      </c>
      <c r="I18279" s="1" t="s">
        <v>53800</v>
      </c>
      <c r="J18279" s="1" t="s">
        <v>66492</v>
      </c>
    </row>
    <row r="18280" spans="1:10" x14ac:dyDescent="0.35">
      <c r="A18280" s="1" t="s">
        <v>66417</v>
      </c>
      <c r="B18280" s="1" t="s">
        <v>53796</v>
      </c>
      <c r="C18280" s="1" t="s">
        <v>155</v>
      </c>
      <c r="D18280" s="1" t="s">
        <v>66493</v>
      </c>
      <c r="E18280" s="1" t="s">
        <v>23187</v>
      </c>
      <c r="F18280" s="1" t="s">
        <v>56844</v>
      </c>
      <c r="G18280" s="1" t="s">
        <v>66420</v>
      </c>
      <c r="H18280" s="1" t="s">
        <v>66421</v>
      </c>
      <c r="I18280" s="1" t="s">
        <v>53800</v>
      </c>
      <c r="J18280" s="1" t="s">
        <v>66494</v>
      </c>
    </row>
    <row r="18281" spans="1:10" x14ac:dyDescent="0.35">
      <c r="A18281" s="1" t="s">
        <v>66417</v>
      </c>
      <c r="B18281" s="1" t="s">
        <v>53796</v>
      </c>
      <c r="C18281" s="1" t="s">
        <v>160</v>
      </c>
      <c r="D18281" s="1" t="s">
        <v>66495</v>
      </c>
      <c r="E18281" s="1" t="s">
        <v>32107</v>
      </c>
      <c r="F18281" s="1" t="s">
        <v>66496</v>
      </c>
      <c r="G18281" s="1" t="s">
        <v>66420</v>
      </c>
      <c r="H18281" s="1" t="s">
        <v>66421</v>
      </c>
      <c r="I18281" s="1" t="s">
        <v>53800</v>
      </c>
      <c r="J18281" s="1" t="s">
        <v>66497</v>
      </c>
    </row>
    <row r="18282" spans="1:10" x14ac:dyDescent="0.35">
      <c r="A18282" s="1" t="s">
        <v>66417</v>
      </c>
      <c r="B18282" s="1" t="s">
        <v>53796</v>
      </c>
      <c r="C18282" s="1" t="s">
        <v>165</v>
      </c>
      <c r="D18282" s="1" t="s">
        <v>66498</v>
      </c>
      <c r="E18282" s="1" t="s">
        <v>54783</v>
      </c>
      <c r="F18282" s="1" t="s">
        <v>66499</v>
      </c>
      <c r="G18282" s="1" t="s">
        <v>66420</v>
      </c>
      <c r="H18282" s="1" t="s">
        <v>66421</v>
      </c>
      <c r="I18282" s="1" t="s">
        <v>53800</v>
      </c>
      <c r="J18282" s="1" t="s">
        <v>66500</v>
      </c>
    </row>
    <row r="18283" spans="1:10" x14ac:dyDescent="0.35">
      <c r="A18283" s="1" t="s">
        <v>66417</v>
      </c>
      <c r="B18283" s="1" t="s">
        <v>53796</v>
      </c>
      <c r="C18283" s="1" t="s">
        <v>170</v>
      </c>
      <c r="D18283" s="1" t="s">
        <v>66501</v>
      </c>
      <c r="E18283" s="1" t="s">
        <v>55469</v>
      </c>
      <c r="F18283" s="1" t="s">
        <v>66502</v>
      </c>
      <c r="G18283" s="1" t="s">
        <v>66420</v>
      </c>
      <c r="H18283" s="1" t="s">
        <v>66421</v>
      </c>
      <c r="I18283" s="1" t="s">
        <v>53800</v>
      </c>
      <c r="J18283" s="1" t="s">
        <v>66503</v>
      </c>
    </row>
    <row r="18284" spans="1:10" x14ac:dyDescent="0.35">
      <c r="A18284" s="1" t="s">
        <v>2191</v>
      </c>
      <c r="B18284" s="1" t="s">
        <v>53796</v>
      </c>
      <c r="C18284" s="1" t="s">
        <v>8</v>
      </c>
      <c r="D18284" s="1" t="s">
        <v>11719</v>
      </c>
      <c r="E18284" s="1" t="s">
        <v>15332</v>
      </c>
      <c r="F18284" s="1" t="s">
        <v>66504</v>
      </c>
      <c r="G18284" s="1" t="s">
        <v>66505</v>
      </c>
      <c r="H18284" s="1" t="s">
        <v>66506</v>
      </c>
      <c r="I18284" s="1" t="s">
        <v>53800</v>
      </c>
      <c r="J18284" s="1" t="s">
        <v>13</v>
      </c>
    </row>
    <row r="18285" spans="1:10" x14ac:dyDescent="0.35">
      <c r="A18285" s="1" t="s">
        <v>2191</v>
      </c>
      <c r="B18285" s="1" t="s">
        <v>53796</v>
      </c>
      <c r="C18285" s="1" t="s">
        <v>15</v>
      </c>
      <c r="D18285" s="1" t="s">
        <v>66507</v>
      </c>
      <c r="E18285" s="1" t="s">
        <v>22072</v>
      </c>
      <c r="F18285" s="1" t="s">
        <v>66508</v>
      </c>
      <c r="G18285" s="1" t="s">
        <v>66505</v>
      </c>
      <c r="H18285" s="1" t="s">
        <v>66506</v>
      </c>
      <c r="I18285" s="1" t="s">
        <v>53800</v>
      </c>
      <c r="J18285" s="1" t="s">
        <v>66509</v>
      </c>
    </row>
    <row r="18286" spans="1:10" x14ac:dyDescent="0.35">
      <c r="A18286" s="1" t="s">
        <v>2191</v>
      </c>
      <c r="B18286" s="1" t="s">
        <v>53796</v>
      </c>
      <c r="C18286" s="1" t="s">
        <v>20</v>
      </c>
      <c r="D18286" s="1" t="s">
        <v>66510</v>
      </c>
      <c r="E18286" s="1" t="s">
        <v>60377</v>
      </c>
      <c r="F18286" s="1" t="s">
        <v>66511</v>
      </c>
      <c r="G18286" s="1" t="s">
        <v>66505</v>
      </c>
      <c r="H18286" s="1" t="s">
        <v>66506</v>
      </c>
      <c r="I18286" s="1" t="s">
        <v>53800</v>
      </c>
      <c r="J18286" s="1" t="s">
        <v>66512</v>
      </c>
    </row>
    <row r="18287" spans="1:10" x14ac:dyDescent="0.35">
      <c r="A18287" s="1" t="s">
        <v>2191</v>
      </c>
      <c r="B18287" s="1" t="s">
        <v>53796</v>
      </c>
      <c r="C18287" s="1" t="s">
        <v>25</v>
      </c>
      <c r="D18287" s="1" t="s">
        <v>66513</v>
      </c>
      <c r="E18287" s="1" t="s">
        <v>41305</v>
      </c>
      <c r="F18287" s="1" t="s">
        <v>66514</v>
      </c>
      <c r="G18287" s="1" t="s">
        <v>66505</v>
      </c>
      <c r="H18287" s="1" t="s">
        <v>66506</v>
      </c>
      <c r="I18287" s="1" t="s">
        <v>53800</v>
      </c>
      <c r="J18287" s="1" t="s">
        <v>66515</v>
      </c>
    </row>
    <row r="18288" spans="1:10" x14ac:dyDescent="0.35">
      <c r="A18288" s="1" t="s">
        <v>2191</v>
      </c>
      <c r="B18288" s="1" t="s">
        <v>53796</v>
      </c>
      <c r="C18288" s="1" t="s">
        <v>30</v>
      </c>
      <c r="D18288" s="1" t="s">
        <v>66516</v>
      </c>
      <c r="E18288" s="1" t="s">
        <v>53928</v>
      </c>
      <c r="F18288" s="1" t="s">
        <v>66517</v>
      </c>
      <c r="G18288" s="1" t="s">
        <v>66505</v>
      </c>
      <c r="H18288" s="1" t="s">
        <v>66506</v>
      </c>
      <c r="I18288" s="1" t="s">
        <v>53800</v>
      </c>
      <c r="J18288" s="1" t="s">
        <v>66518</v>
      </c>
    </row>
    <row r="18289" spans="1:10" x14ac:dyDescent="0.35">
      <c r="A18289" s="1" t="s">
        <v>2191</v>
      </c>
      <c r="B18289" s="1" t="s">
        <v>53796</v>
      </c>
      <c r="C18289" s="1" t="s">
        <v>35</v>
      </c>
      <c r="D18289" s="1" t="s">
        <v>66519</v>
      </c>
      <c r="E18289" s="1" t="s">
        <v>58409</v>
      </c>
      <c r="F18289" s="1" t="s">
        <v>66520</v>
      </c>
      <c r="G18289" s="1" t="s">
        <v>66505</v>
      </c>
      <c r="H18289" s="1" t="s">
        <v>66506</v>
      </c>
      <c r="I18289" s="1" t="s">
        <v>53800</v>
      </c>
      <c r="J18289" s="1" t="s">
        <v>66521</v>
      </c>
    </row>
    <row r="18290" spans="1:10" x14ac:dyDescent="0.35">
      <c r="A18290" s="1" t="s">
        <v>2191</v>
      </c>
      <c r="B18290" s="1" t="s">
        <v>53796</v>
      </c>
      <c r="C18290" s="1" t="s">
        <v>40</v>
      </c>
      <c r="D18290" s="1" t="s">
        <v>66522</v>
      </c>
      <c r="E18290" s="1" t="s">
        <v>64361</v>
      </c>
      <c r="F18290" s="1" t="s">
        <v>66523</v>
      </c>
      <c r="G18290" s="1" t="s">
        <v>66505</v>
      </c>
      <c r="H18290" s="1" t="s">
        <v>66506</v>
      </c>
      <c r="I18290" s="1" t="s">
        <v>53800</v>
      </c>
      <c r="J18290" s="1" t="s">
        <v>66524</v>
      </c>
    </row>
    <row r="18291" spans="1:10" x14ac:dyDescent="0.35">
      <c r="A18291" s="1" t="s">
        <v>2191</v>
      </c>
      <c r="B18291" s="1" t="s">
        <v>53796</v>
      </c>
      <c r="C18291" s="1" t="s">
        <v>45</v>
      </c>
      <c r="D18291" s="1" t="s">
        <v>31696</v>
      </c>
      <c r="E18291" s="1" t="s">
        <v>54747</v>
      </c>
      <c r="F18291" s="1" t="s">
        <v>66525</v>
      </c>
      <c r="G18291" s="1" t="s">
        <v>66505</v>
      </c>
      <c r="H18291" s="1" t="s">
        <v>66506</v>
      </c>
      <c r="I18291" s="1" t="s">
        <v>53800</v>
      </c>
      <c r="J18291" s="1" t="s">
        <v>62032</v>
      </c>
    </row>
    <row r="18292" spans="1:10" x14ac:dyDescent="0.35">
      <c r="A18292" s="1" t="s">
        <v>2191</v>
      </c>
      <c r="B18292" s="1" t="s">
        <v>53796</v>
      </c>
      <c r="C18292" s="1" t="s">
        <v>50</v>
      </c>
      <c r="D18292" s="1" t="s">
        <v>66526</v>
      </c>
      <c r="E18292" s="1" t="s">
        <v>21753</v>
      </c>
      <c r="F18292" s="1" t="s">
        <v>32311</v>
      </c>
      <c r="G18292" s="1" t="s">
        <v>66505</v>
      </c>
      <c r="H18292" s="1" t="s">
        <v>66506</v>
      </c>
      <c r="I18292" s="1" t="s">
        <v>53800</v>
      </c>
      <c r="J18292" s="1" t="s">
        <v>66527</v>
      </c>
    </row>
    <row r="18293" spans="1:10" x14ac:dyDescent="0.35">
      <c r="A18293" s="1" t="s">
        <v>2191</v>
      </c>
      <c r="B18293" s="1" t="s">
        <v>53796</v>
      </c>
      <c r="C18293" s="1" t="s">
        <v>55</v>
      </c>
      <c r="D18293" s="1" t="s">
        <v>53708</v>
      </c>
      <c r="E18293" s="1" t="s">
        <v>24213</v>
      </c>
      <c r="F18293" s="1" t="s">
        <v>57938</v>
      </c>
      <c r="G18293" s="1" t="s">
        <v>66505</v>
      </c>
      <c r="H18293" s="1" t="s">
        <v>66506</v>
      </c>
      <c r="I18293" s="1" t="s">
        <v>53800</v>
      </c>
      <c r="J18293" s="1" t="s">
        <v>66528</v>
      </c>
    </row>
    <row r="18294" spans="1:10" x14ac:dyDescent="0.35">
      <c r="A18294" s="1" t="s">
        <v>2191</v>
      </c>
      <c r="B18294" s="1" t="s">
        <v>53796</v>
      </c>
      <c r="C18294" s="1" t="s">
        <v>60</v>
      </c>
      <c r="D18294" s="1" t="s">
        <v>66529</v>
      </c>
      <c r="E18294" s="1" t="s">
        <v>15841</v>
      </c>
      <c r="F18294" s="1" t="s">
        <v>66530</v>
      </c>
      <c r="G18294" s="1" t="s">
        <v>66505</v>
      </c>
      <c r="H18294" s="1" t="s">
        <v>66506</v>
      </c>
      <c r="I18294" s="1" t="s">
        <v>53800</v>
      </c>
      <c r="J18294" s="1" t="s">
        <v>66531</v>
      </c>
    </row>
    <row r="18295" spans="1:10" x14ac:dyDescent="0.35">
      <c r="A18295" s="1" t="s">
        <v>2191</v>
      </c>
      <c r="B18295" s="1" t="s">
        <v>53796</v>
      </c>
      <c r="C18295" s="1" t="s">
        <v>65</v>
      </c>
      <c r="D18295" s="1" t="s">
        <v>64859</v>
      </c>
      <c r="E18295" s="1" t="s">
        <v>58443</v>
      </c>
      <c r="F18295" s="1" t="s">
        <v>58642</v>
      </c>
      <c r="G18295" s="1" t="s">
        <v>66505</v>
      </c>
      <c r="H18295" s="1" t="s">
        <v>66506</v>
      </c>
      <c r="I18295" s="1" t="s">
        <v>53800</v>
      </c>
      <c r="J18295" s="1" t="s">
        <v>66532</v>
      </c>
    </row>
    <row r="18296" spans="1:10" x14ac:dyDescent="0.35">
      <c r="A18296" s="1" t="s">
        <v>2191</v>
      </c>
      <c r="B18296" s="1" t="s">
        <v>53796</v>
      </c>
      <c r="C18296" s="1" t="s">
        <v>70</v>
      </c>
      <c r="D18296" s="1" t="s">
        <v>58698</v>
      </c>
      <c r="E18296" s="1" t="s">
        <v>41165</v>
      </c>
      <c r="F18296" s="1" t="s">
        <v>55914</v>
      </c>
      <c r="G18296" s="1" t="s">
        <v>66505</v>
      </c>
      <c r="H18296" s="1" t="s">
        <v>66506</v>
      </c>
      <c r="I18296" s="1" t="s">
        <v>53800</v>
      </c>
      <c r="J18296" s="1" t="s">
        <v>66533</v>
      </c>
    </row>
    <row r="18297" spans="1:10" x14ac:dyDescent="0.35">
      <c r="A18297" s="1" t="s">
        <v>2191</v>
      </c>
      <c r="B18297" s="1" t="s">
        <v>53796</v>
      </c>
      <c r="C18297" s="1" t="s">
        <v>75</v>
      </c>
      <c r="D18297" s="1" t="s">
        <v>66534</v>
      </c>
      <c r="E18297" s="1" t="s">
        <v>55315</v>
      </c>
      <c r="F18297" s="1" t="s">
        <v>66535</v>
      </c>
      <c r="G18297" s="1" t="s">
        <v>66505</v>
      </c>
      <c r="H18297" s="1" t="s">
        <v>66506</v>
      </c>
      <c r="I18297" s="1" t="s">
        <v>53800</v>
      </c>
      <c r="J18297" s="1" t="s">
        <v>66536</v>
      </c>
    </row>
    <row r="18298" spans="1:10" x14ac:dyDescent="0.35">
      <c r="A18298" s="1" t="s">
        <v>2191</v>
      </c>
      <c r="B18298" s="1" t="s">
        <v>53796</v>
      </c>
      <c r="C18298" s="1" t="s">
        <v>80</v>
      </c>
      <c r="D18298" s="1" t="s">
        <v>66537</v>
      </c>
      <c r="E18298" s="1" t="s">
        <v>26560</v>
      </c>
      <c r="F18298" s="1" t="s">
        <v>66538</v>
      </c>
      <c r="G18298" s="1" t="s">
        <v>66505</v>
      </c>
      <c r="H18298" s="1" t="s">
        <v>66506</v>
      </c>
      <c r="I18298" s="1" t="s">
        <v>53800</v>
      </c>
      <c r="J18298" s="1" t="s">
        <v>66539</v>
      </c>
    </row>
    <row r="18299" spans="1:10" x14ac:dyDescent="0.35">
      <c r="A18299" s="1" t="s">
        <v>2191</v>
      </c>
      <c r="B18299" s="1" t="s">
        <v>53796</v>
      </c>
      <c r="C18299" s="1" t="s">
        <v>85</v>
      </c>
      <c r="D18299" s="1" t="s">
        <v>57439</v>
      </c>
      <c r="E18299" s="1" t="s">
        <v>61004</v>
      </c>
      <c r="F18299" s="1" t="s">
        <v>66540</v>
      </c>
      <c r="G18299" s="1" t="s">
        <v>66505</v>
      </c>
      <c r="H18299" s="1" t="s">
        <v>66506</v>
      </c>
      <c r="I18299" s="1" t="s">
        <v>53800</v>
      </c>
      <c r="J18299" s="1" t="s">
        <v>66541</v>
      </c>
    </row>
    <row r="18300" spans="1:10" x14ac:dyDescent="0.35">
      <c r="A18300" s="1" t="s">
        <v>2191</v>
      </c>
      <c r="B18300" s="1" t="s">
        <v>53796</v>
      </c>
      <c r="C18300" s="1" t="s">
        <v>90</v>
      </c>
      <c r="D18300" s="1" t="s">
        <v>17076</v>
      </c>
      <c r="E18300" s="1" t="s">
        <v>66542</v>
      </c>
      <c r="F18300" s="1" t="s">
        <v>58231</v>
      </c>
      <c r="G18300" s="1" t="s">
        <v>66505</v>
      </c>
      <c r="H18300" s="1" t="s">
        <v>66506</v>
      </c>
      <c r="I18300" s="1" t="s">
        <v>53800</v>
      </c>
      <c r="J18300" s="1" t="s">
        <v>66543</v>
      </c>
    </row>
    <row r="18301" spans="1:10" x14ac:dyDescent="0.35">
      <c r="A18301" s="1" t="s">
        <v>2191</v>
      </c>
      <c r="B18301" s="1" t="s">
        <v>53796</v>
      </c>
      <c r="C18301" s="1" t="s">
        <v>95</v>
      </c>
      <c r="D18301" s="1" t="s">
        <v>66544</v>
      </c>
      <c r="E18301" s="1" t="s">
        <v>15361</v>
      </c>
      <c r="F18301" s="1" t="s">
        <v>66545</v>
      </c>
      <c r="G18301" s="1" t="s">
        <v>66505</v>
      </c>
      <c r="H18301" s="1" t="s">
        <v>66506</v>
      </c>
      <c r="I18301" s="1" t="s">
        <v>53800</v>
      </c>
      <c r="J18301" s="1" t="s">
        <v>66546</v>
      </c>
    </row>
    <row r="18302" spans="1:10" x14ac:dyDescent="0.35">
      <c r="A18302" s="1" t="s">
        <v>2191</v>
      </c>
      <c r="B18302" s="1" t="s">
        <v>53796</v>
      </c>
      <c r="C18302" s="1" t="s">
        <v>100</v>
      </c>
      <c r="D18302" s="1" t="s">
        <v>66547</v>
      </c>
      <c r="E18302" s="1" t="s">
        <v>54783</v>
      </c>
      <c r="F18302" s="1" t="s">
        <v>24190</v>
      </c>
      <c r="G18302" s="1" t="s">
        <v>66505</v>
      </c>
      <c r="H18302" s="1" t="s">
        <v>66506</v>
      </c>
      <c r="I18302" s="1" t="s">
        <v>53800</v>
      </c>
      <c r="J18302" s="1" t="s">
        <v>66548</v>
      </c>
    </row>
    <row r="18303" spans="1:10" x14ac:dyDescent="0.35">
      <c r="A18303" s="1" t="s">
        <v>2191</v>
      </c>
      <c r="B18303" s="1" t="s">
        <v>53796</v>
      </c>
      <c r="C18303" s="1" t="s">
        <v>105</v>
      </c>
      <c r="D18303" s="1" t="s">
        <v>66549</v>
      </c>
      <c r="E18303" s="1" t="s">
        <v>56233</v>
      </c>
      <c r="F18303" s="1" t="s">
        <v>66550</v>
      </c>
      <c r="G18303" s="1" t="s">
        <v>66505</v>
      </c>
      <c r="H18303" s="1" t="s">
        <v>66506</v>
      </c>
      <c r="I18303" s="1" t="s">
        <v>53800</v>
      </c>
      <c r="J18303" s="1" t="s">
        <v>66551</v>
      </c>
    </row>
    <row r="18304" spans="1:10" x14ac:dyDescent="0.35">
      <c r="A18304" s="1" t="s">
        <v>2191</v>
      </c>
      <c r="B18304" s="1" t="s">
        <v>53796</v>
      </c>
      <c r="C18304" s="1" t="s">
        <v>110</v>
      </c>
      <c r="D18304" s="1" t="s">
        <v>66552</v>
      </c>
      <c r="E18304" s="1" t="s">
        <v>41395</v>
      </c>
      <c r="F18304" s="1" t="s">
        <v>66553</v>
      </c>
      <c r="G18304" s="1" t="s">
        <v>66505</v>
      </c>
      <c r="H18304" s="1" t="s">
        <v>66506</v>
      </c>
      <c r="I18304" s="1" t="s">
        <v>53800</v>
      </c>
      <c r="J18304" s="1" t="s">
        <v>66554</v>
      </c>
    </row>
    <row r="18305" spans="1:10" x14ac:dyDescent="0.35">
      <c r="A18305" s="1" t="s">
        <v>2191</v>
      </c>
      <c r="B18305" s="1" t="s">
        <v>53796</v>
      </c>
      <c r="C18305" s="1" t="s">
        <v>115</v>
      </c>
      <c r="D18305" s="1" t="s">
        <v>66555</v>
      </c>
      <c r="E18305" s="1" t="s">
        <v>23521</v>
      </c>
      <c r="F18305" s="1" t="s">
        <v>66556</v>
      </c>
      <c r="G18305" s="1" t="s">
        <v>66505</v>
      </c>
      <c r="H18305" s="1" t="s">
        <v>66506</v>
      </c>
      <c r="I18305" s="1" t="s">
        <v>53800</v>
      </c>
      <c r="J18305" s="1" t="s">
        <v>66557</v>
      </c>
    </row>
    <row r="18306" spans="1:10" x14ac:dyDescent="0.35">
      <c r="A18306" s="1" t="s">
        <v>2191</v>
      </c>
      <c r="B18306" s="1" t="s">
        <v>53796</v>
      </c>
      <c r="C18306" s="1" t="s">
        <v>120</v>
      </c>
      <c r="D18306" s="1" t="s">
        <v>66558</v>
      </c>
      <c r="E18306" s="1" t="s">
        <v>57256</v>
      </c>
      <c r="F18306" s="1" t="s">
        <v>66559</v>
      </c>
      <c r="G18306" s="1" t="s">
        <v>66505</v>
      </c>
      <c r="H18306" s="1" t="s">
        <v>66506</v>
      </c>
      <c r="I18306" s="1" t="s">
        <v>53800</v>
      </c>
      <c r="J18306" s="1" t="s">
        <v>66560</v>
      </c>
    </row>
    <row r="18307" spans="1:10" x14ac:dyDescent="0.35">
      <c r="A18307" s="1" t="s">
        <v>2191</v>
      </c>
      <c r="B18307" s="1" t="s">
        <v>53796</v>
      </c>
      <c r="C18307" s="1" t="s">
        <v>125</v>
      </c>
      <c r="D18307" s="1" t="s">
        <v>66561</v>
      </c>
      <c r="E18307" s="1" t="s">
        <v>53825</v>
      </c>
      <c r="F18307" s="1" t="s">
        <v>56753</v>
      </c>
      <c r="G18307" s="1" t="s">
        <v>66505</v>
      </c>
      <c r="H18307" s="1" t="s">
        <v>66506</v>
      </c>
      <c r="I18307" s="1" t="s">
        <v>53800</v>
      </c>
      <c r="J18307" s="1" t="s">
        <v>66562</v>
      </c>
    </row>
    <row r="18308" spans="1:10" x14ac:dyDescent="0.35">
      <c r="A18308" s="1" t="s">
        <v>2191</v>
      </c>
      <c r="B18308" s="1" t="s">
        <v>53796</v>
      </c>
      <c r="C18308" s="1" t="s">
        <v>130</v>
      </c>
      <c r="D18308" s="1" t="s">
        <v>66563</v>
      </c>
      <c r="E18308" s="1" t="s">
        <v>54803</v>
      </c>
      <c r="F18308" s="1" t="s">
        <v>66564</v>
      </c>
      <c r="G18308" s="1" t="s">
        <v>66505</v>
      </c>
      <c r="H18308" s="1" t="s">
        <v>66506</v>
      </c>
      <c r="I18308" s="1" t="s">
        <v>53800</v>
      </c>
      <c r="J18308" s="1" t="s">
        <v>66565</v>
      </c>
    </row>
    <row r="18309" spans="1:10" x14ac:dyDescent="0.35">
      <c r="A18309" s="1" t="s">
        <v>2191</v>
      </c>
      <c r="B18309" s="1" t="s">
        <v>53796</v>
      </c>
      <c r="C18309" s="1" t="s">
        <v>135</v>
      </c>
      <c r="D18309" s="1" t="s">
        <v>66566</v>
      </c>
      <c r="E18309" s="1" t="s">
        <v>57960</v>
      </c>
      <c r="F18309" s="1" t="s">
        <v>66567</v>
      </c>
      <c r="G18309" s="1" t="s">
        <v>66505</v>
      </c>
      <c r="H18309" s="1" t="s">
        <v>66506</v>
      </c>
      <c r="I18309" s="1" t="s">
        <v>53800</v>
      </c>
      <c r="J18309" s="1" t="s">
        <v>66568</v>
      </c>
    </row>
    <row r="18310" spans="1:10" x14ac:dyDescent="0.35">
      <c r="A18310" s="1" t="s">
        <v>2191</v>
      </c>
      <c r="B18310" s="1" t="s">
        <v>53796</v>
      </c>
      <c r="C18310" s="1" t="s">
        <v>140</v>
      </c>
      <c r="D18310" s="1" t="s">
        <v>66569</v>
      </c>
      <c r="E18310" s="1" t="s">
        <v>54028</v>
      </c>
      <c r="F18310" s="1" t="s">
        <v>66570</v>
      </c>
      <c r="G18310" s="1" t="s">
        <v>66505</v>
      </c>
      <c r="H18310" s="1" t="s">
        <v>66506</v>
      </c>
      <c r="I18310" s="1" t="s">
        <v>53800</v>
      </c>
      <c r="J18310" s="1" t="s">
        <v>66571</v>
      </c>
    </row>
    <row r="18311" spans="1:10" x14ac:dyDescent="0.35">
      <c r="A18311" s="1" t="s">
        <v>2191</v>
      </c>
      <c r="B18311" s="1" t="s">
        <v>53796</v>
      </c>
      <c r="C18311" s="1" t="s">
        <v>145</v>
      </c>
      <c r="D18311" s="1" t="s">
        <v>66572</v>
      </c>
      <c r="E18311" s="1" t="s">
        <v>66573</v>
      </c>
      <c r="F18311" s="1" t="s">
        <v>66574</v>
      </c>
      <c r="G18311" s="1" t="s">
        <v>66505</v>
      </c>
      <c r="H18311" s="1" t="s">
        <v>66506</v>
      </c>
      <c r="I18311" s="1" t="s">
        <v>53800</v>
      </c>
      <c r="J18311" s="1" t="s">
        <v>66575</v>
      </c>
    </row>
    <row r="18312" spans="1:10" x14ac:dyDescent="0.35">
      <c r="A18312" s="1" t="s">
        <v>2191</v>
      </c>
      <c r="B18312" s="1" t="s">
        <v>53796</v>
      </c>
      <c r="C18312" s="1" t="s">
        <v>150</v>
      </c>
      <c r="D18312" s="1" t="s">
        <v>66576</v>
      </c>
      <c r="E18312" s="1" t="s">
        <v>56517</v>
      </c>
      <c r="F18312" s="1" t="s">
        <v>66577</v>
      </c>
      <c r="G18312" s="1" t="s">
        <v>66505</v>
      </c>
      <c r="H18312" s="1" t="s">
        <v>66506</v>
      </c>
      <c r="I18312" s="1" t="s">
        <v>53800</v>
      </c>
      <c r="J18312" s="1" t="s">
        <v>66578</v>
      </c>
    </row>
    <row r="18313" spans="1:10" x14ac:dyDescent="0.35">
      <c r="A18313" s="1" t="s">
        <v>2191</v>
      </c>
      <c r="B18313" s="1" t="s">
        <v>53796</v>
      </c>
      <c r="C18313" s="1" t="s">
        <v>155</v>
      </c>
      <c r="D18313" s="1" t="s">
        <v>66579</v>
      </c>
      <c r="E18313" s="1" t="s">
        <v>66580</v>
      </c>
      <c r="F18313" s="1" t="s">
        <v>66581</v>
      </c>
      <c r="G18313" s="1" t="s">
        <v>66505</v>
      </c>
      <c r="H18313" s="1" t="s">
        <v>66506</v>
      </c>
      <c r="I18313" s="1" t="s">
        <v>53800</v>
      </c>
      <c r="J18313" s="1" t="s">
        <v>66582</v>
      </c>
    </row>
    <row r="18314" spans="1:10" x14ac:dyDescent="0.35">
      <c r="A18314" s="1" t="s">
        <v>2191</v>
      </c>
      <c r="B18314" s="1" t="s">
        <v>53796</v>
      </c>
      <c r="C18314" s="1" t="s">
        <v>160</v>
      </c>
      <c r="D18314" s="1" t="s">
        <v>66583</v>
      </c>
      <c r="E18314" s="1" t="s">
        <v>66584</v>
      </c>
      <c r="F18314" s="1" t="s">
        <v>66585</v>
      </c>
      <c r="G18314" s="1" t="s">
        <v>66505</v>
      </c>
      <c r="H18314" s="1" t="s">
        <v>66506</v>
      </c>
      <c r="I18314" s="1" t="s">
        <v>53800</v>
      </c>
      <c r="J18314" s="1" t="s">
        <v>66586</v>
      </c>
    </row>
    <row r="18315" spans="1:10" x14ac:dyDescent="0.35">
      <c r="A18315" s="1" t="s">
        <v>2191</v>
      </c>
      <c r="B18315" s="1" t="s">
        <v>53796</v>
      </c>
      <c r="C18315" s="1" t="s">
        <v>165</v>
      </c>
      <c r="D18315" s="1" t="s">
        <v>66587</v>
      </c>
      <c r="E18315" s="1" t="s">
        <v>12853</v>
      </c>
      <c r="F18315" s="1" t="s">
        <v>66588</v>
      </c>
      <c r="G18315" s="1" t="s">
        <v>66505</v>
      </c>
      <c r="H18315" s="1" t="s">
        <v>66506</v>
      </c>
      <c r="I18315" s="1" t="s">
        <v>53800</v>
      </c>
      <c r="J18315" s="1" t="s">
        <v>66589</v>
      </c>
    </row>
    <row r="18316" spans="1:10" x14ac:dyDescent="0.35">
      <c r="A18316" s="1" t="s">
        <v>2191</v>
      </c>
      <c r="B18316" s="1" t="s">
        <v>53796</v>
      </c>
      <c r="C18316" s="1" t="s">
        <v>170</v>
      </c>
      <c r="D18316" s="1" t="s">
        <v>66590</v>
      </c>
      <c r="E18316" s="1" t="s">
        <v>32107</v>
      </c>
      <c r="F18316" s="1" t="s">
        <v>66591</v>
      </c>
      <c r="G18316" s="1" t="s">
        <v>66505</v>
      </c>
      <c r="H18316" s="1" t="s">
        <v>66506</v>
      </c>
      <c r="I18316" s="1" t="s">
        <v>53800</v>
      </c>
      <c r="J18316" s="1" t="s">
        <v>66592</v>
      </c>
    </row>
    <row r="18317" spans="1:10" x14ac:dyDescent="0.35">
      <c r="A18317" s="1" t="s">
        <v>66593</v>
      </c>
      <c r="B18317" s="1" t="s">
        <v>53796</v>
      </c>
      <c r="C18317" s="1" t="s">
        <v>8</v>
      </c>
      <c r="D18317" s="1" t="s">
        <v>66594</v>
      </c>
      <c r="E18317" s="1" t="s">
        <v>23404</v>
      </c>
      <c r="F18317" s="1" t="s">
        <v>66595</v>
      </c>
      <c r="G18317" s="1" t="s">
        <v>66596</v>
      </c>
      <c r="H18317" s="1" t="s">
        <v>66597</v>
      </c>
      <c r="I18317" s="1" t="s">
        <v>53800</v>
      </c>
      <c r="J18317" s="1" t="s">
        <v>13</v>
      </c>
    </row>
    <row r="18318" spans="1:10" x14ac:dyDescent="0.35">
      <c r="A18318" s="1" t="s">
        <v>66593</v>
      </c>
      <c r="B18318" s="1" t="s">
        <v>53796</v>
      </c>
      <c r="C18318" s="1" t="s">
        <v>15</v>
      </c>
      <c r="D18318" s="1" t="s">
        <v>66598</v>
      </c>
      <c r="E18318" s="1" t="s">
        <v>54391</v>
      </c>
      <c r="F18318" s="1" t="s">
        <v>66599</v>
      </c>
      <c r="G18318" s="1" t="s">
        <v>66596</v>
      </c>
      <c r="H18318" s="1" t="s">
        <v>66597</v>
      </c>
      <c r="I18318" s="1" t="s">
        <v>53800</v>
      </c>
      <c r="J18318" s="1" t="s">
        <v>66600</v>
      </c>
    </row>
    <row r="18319" spans="1:10" x14ac:dyDescent="0.35">
      <c r="A18319" s="1" t="s">
        <v>66593</v>
      </c>
      <c r="B18319" s="1" t="s">
        <v>53796</v>
      </c>
      <c r="C18319" s="1" t="s">
        <v>20</v>
      </c>
      <c r="D18319" s="1" t="s">
        <v>66601</v>
      </c>
      <c r="E18319" s="1" t="s">
        <v>23404</v>
      </c>
      <c r="F18319" s="1" t="s">
        <v>66602</v>
      </c>
      <c r="G18319" s="1" t="s">
        <v>66596</v>
      </c>
      <c r="H18319" s="1" t="s">
        <v>66597</v>
      </c>
      <c r="I18319" s="1" t="s">
        <v>53800</v>
      </c>
      <c r="J18319" s="1" t="s">
        <v>66603</v>
      </c>
    </row>
    <row r="18320" spans="1:10" x14ac:dyDescent="0.35">
      <c r="A18320" s="1" t="s">
        <v>66593</v>
      </c>
      <c r="B18320" s="1" t="s">
        <v>53796</v>
      </c>
      <c r="C18320" s="1" t="s">
        <v>25</v>
      </c>
      <c r="D18320" s="1" t="s">
        <v>66604</v>
      </c>
      <c r="E18320" s="1" t="s">
        <v>23461</v>
      </c>
      <c r="F18320" s="1" t="s">
        <v>66605</v>
      </c>
      <c r="G18320" s="1" t="s">
        <v>66596</v>
      </c>
      <c r="H18320" s="1" t="s">
        <v>66597</v>
      </c>
      <c r="I18320" s="1" t="s">
        <v>53800</v>
      </c>
      <c r="J18320" s="1" t="s">
        <v>66606</v>
      </c>
    </row>
    <row r="18321" spans="1:10" x14ac:dyDescent="0.35">
      <c r="A18321" s="1" t="s">
        <v>66593</v>
      </c>
      <c r="B18321" s="1" t="s">
        <v>53796</v>
      </c>
      <c r="C18321" s="1" t="s">
        <v>30</v>
      </c>
      <c r="D18321" s="1" t="s">
        <v>66607</v>
      </c>
      <c r="E18321" s="1" t="s">
        <v>55213</v>
      </c>
      <c r="F18321" s="1" t="s">
        <v>55470</v>
      </c>
      <c r="G18321" s="1" t="s">
        <v>66596</v>
      </c>
      <c r="H18321" s="1" t="s">
        <v>66597</v>
      </c>
      <c r="I18321" s="1" t="s">
        <v>53800</v>
      </c>
      <c r="J18321" s="1" t="s">
        <v>66608</v>
      </c>
    </row>
    <row r="18322" spans="1:10" x14ac:dyDescent="0.35">
      <c r="A18322" s="1" t="s">
        <v>66593</v>
      </c>
      <c r="B18322" s="1" t="s">
        <v>53796</v>
      </c>
      <c r="C18322" s="1" t="s">
        <v>35</v>
      </c>
      <c r="D18322" s="1" t="s">
        <v>66609</v>
      </c>
      <c r="E18322" s="1" t="s">
        <v>32329</v>
      </c>
      <c r="F18322" s="1" t="s">
        <v>60269</v>
      </c>
      <c r="G18322" s="1" t="s">
        <v>66596</v>
      </c>
      <c r="H18322" s="1" t="s">
        <v>66597</v>
      </c>
      <c r="I18322" s="1" t="s">
        <v>53800</v>
      </c>
      <c r="J18322" s="1" t="s">
        <v>66610</v>
      </c>
    </row>
    <row r="18323" spans="1:10" x14ac:dyDescent="0.35">
      <c r="A18323" s="1" t="s">
        <v>66593</v>
      </c>
      <c r="B18323" s="1" t="s">
        <v>53796</v>
      </c>
      <c r="C18323" s="1" t="s">
        <v>40</v>
      </c>
      <c r="D18323" s="1" t="s">
        <v>53804</v>
      </c>
      <c r="E18323" s="1" t="s">
        <v>60959</v>
      </c>
      <c r="F18323" s="1" t="s">
        <v>57545</v>
      </c>
      <c r="G18323" s="1" t="s">
        <v>66596</v>
      </c>
      <c r="H18323" s="1" t="s">
        <v>66597</v>
      </c>
      <c r="I18323" s="1" t="s">
        <v>53800</v>
      </c>
      <c r="J18323" s="1" t="s">
        <v>66611</v>
      </c>
    </row>
    <row r="18324" spans="1:10" x14ac:dyDescent="0.35">
      <c r="A18324" s="1" t="s">
        <v>66593</v>
      </c>
      <c r="B18324" s="1" t="s">
        <v>53796</v>
      </c>
      <c r="C18324" s="1" t="s">
        <v>45</v>
      </c>
      <c r="D18324" s="1" t="s">
        <v>66612</v>
      </c>
      <c r="E18324" s="1" t="s">
        <v>56032</v>
      </c>
      <c r="F18324" s="1" t="s">
        <v>66613</v>
      </c>
      <c r="G18324" s="1" t="s">
        <v>66596</v>
      </c>
      <c r="H18324" s="1" t="s">
        <v>66597</v>
      </c>
      <c r="I18324" s="1" t="s">
        <v>53800</v>
      </c>
      <c r="J18324" s="1" t="s">
        <v>66614</v>
      </c>
    </row>
    <row r="18325" spans="1:10" x14ac:dyDescent="0.35">
      <c r="A18325" s="1" t="s">
        <v>66593</v>
      </c>
      <c r="B18325" s="1" t="s">
        <v>53796</v>
      </c>
      <c r="C18325" s="1" t="s">
        <v>50</v>
      </c>
      <c r="D18325" s="1" t="s">
        <v>66615</v>
      </c>
      <c r="E18325" s="1" t="s">
        <v>56141</v>
      </c>
      <c r="F18325" s="1" t="s">
        <v>57173</v>
      </c>
      <c r="G18325" s="1" t="s">
        <v>66596</v>
      </c>
      <c r="H18325" s="1" t="s">
        <v>66597</v>
      </c>
      <c r="I18325" s="1" t="s">
        <v>53800</v>
      </c>
      <c r="J18325" s="1" t="s">
        <v>66616</v>
      </c>
    </row>
    <row r="18326" spans="1:10" x14ac:dyDescent="0.35">
      <c r="A18326" s="1" t="s">
        <v>66593</v>
      </c>
      <c r="B18326" s="1" t="s">
        <v>53796</v>
      </c>
      <c r="C18326" s="1" t="s">
        <v>55</v>
      </c>
      <c r="D18326" s="1" t="s">
        <v>52243</v>
      </c>
      <c r="E18326" s="1" t="s">
        <v>24225</v>
      </c>
      <c r="F18326" s="1" t="s">
        <v>58737</v>
      </c>
      <c r="G18326" s="1" t="s">
        <v>66596</v>
      </c>
      <c r="H18326" s="1" t="s">
        <v>66597</v>
      </c>
      <c r="I18326" s="1" t="s">
        <v>53800</v>
      </c>
      <c r="J18326" s="1" t="s">
        <v>66617</v>
      </c>
    </row>
    <row r="18327" spans="1:10" x14ac:dyDescent="0.35">
      <c r="A18327" s="1" t="s">
        <v>66593</v>
      </c>
      <c r="B18327" s="1" t="s">
        <v>53796</v>
      </c>
      <c r="C18327" s="1" t="s">
        <v>60</v>
      </c>
      <c r="D18327" s="1" t="s">
        <v>66618</v>
      </c>
      <c r="E18327" s="1" t="s">
        <v>21974</v>
      </c>
      <c r="F18327" s="1" t="s">
        <v>64894</v>
      </c>
      <c r="G18327" s="1" t="s">
        <v>66596</v>
      </c>
      <c r="H18327" s="1" t="s">
        <v>66597</v>
      </c>
      <c r="I18327" s="1" t="s">
        <v>53800</v>
      </c>
      <c r="J18327" s="1" t="s">
        <v>66619</v>
      </c>
    </row>
    <row r="18328" spans="1:10" x14ac:dyDescent="0.35">
      <c r="A18328" s="1" t="s">
        <v>66593</v>
      </c>
      <c r="B18328" s="1" t="s">
        <v>53796</v>
      </c>
      <c r="C18328" s="1" t="s">
        <v>65</v>
      </c>
      <c r="D18328" s="1" t="s">
        <v>66620</v>
      </c>
      <c r="E18328" s="1" t="s">
        <v>53834</v>
      </c>
      <c r="F18328" s="1" t="s">
        <v>21975</v>
      </c>
      <c r="G18328" s="1" t="s">
        <v>66596</v>
      </c>
      <c r="H18328" s="1" t="s">
        <v>66597</v>
      </c>
      <c r="I18328" s="1" t="s">
        <v>53800</v>
      </c>
      <c r="J18328" s="1" t="s">
        <v>66621</v>
      </c>
    </row>
    <row r="18329" spans="1:10" x14ac:dyDescent="0.35">
      <c r="A18329" s="1" t="s">
        <v>66593</v>
      </c>
      <c r="B18329" s="1" t="s">
        <v>53796</v>
      </c>
      <c r="C18329" s="1" t="s">
        <v>70</v>
      </c>
      <c r="D18329" s="1" t="s">
        <v>56072</v>
      </c>
      <c r="E18329" s="1" t="s">
        <v>32376</v>
      </c>
      <c r="F18329" s="1" t="s">
        <v>66622</v>
      </c>
      <c r="G18329" s="1" t="s">
        <v>66596</v>
      </c>
      <c r="H18329" s="1" t="s">
        <v>66597</v>
      </c>
      <c r="I18329" s="1" t="s">
        <v>53800</v>
      </c>
      <c r="J18329" s="1" t="s">
        <v>66623</v>
      </c>
    </row>
    <row r="18330" spans="1:10" x14ac:dyDescent="0.35">
      <c r="A18330" s="1" t="s">
        <v>66593</v>
      </c>
      <c r="B18330" s="1" t="s">
        <v>53796</v>
      </c>
      <c r="C18330" s="1" t="s">
        <v>75</v>
      </c>
      <c r="D18330" s="1" t="s">
        <v>66624</v>
      </c>
      <c r="E18330" s="1" t="s">
        <v>23160</v>
      </c>
      <c r="F18330" s="1" t="s">
        <v>66625</v>
      </c>
      <c r="G18330" s="1" t="s">
        <v>66596</v>
      </c>
      <c r="H18330" s="1" t="s">
        <v>66597</v>
      </c>
      <c r="I18330" s="1" t="s">
        <v>53800</v>
      </c>
      <c r="J18330" s="1" t="s">
        <v>66626</v>
      </c>
    </row>
    <row r="18331" spans="1:10" x14ac:dyDescent="0.35">
      <c r="A18331" s="1" t="s">
        <v>66593</v>
      </c>
      <c r="B18331" s="1" t="s">
        <v>53796</v>
      </c>
      <c r="C18331" s="1" t="s">
        <v>80</v>
      </c>
      <c r="D18331" s="1" t="s">
        <v>66627</v>
      </c>
      <c r="E18331" s="1" t="s">
        <v>15345</v>
      </c>
      <c r="F18331" s="1" t="s">
        <v>31564</v>
      </c>
      <c r="G18331" s="1" t="s">
        <v>66596</v>
      </c>
      <c r="H18331" s="1" t="s">
        <v>66597</v>
      </c>
      <c r="I18331" s="1" t="s">
        <v>53800</v>
      </c>
      <c r="J18331" s="1" t="s">
        <v>66628</v>
      </c>
    </row>
    <row r="18332" spans="1:10" x14ac:dyDescent="0.35">
      <c r="A18332" s="1" t="s">
        <v>66593</v>
      </c>
      <c r="B18332" s="1" t="s">
        <v>53796</v>
      </c>
      <c r="C18332" s="1" t="s">
        <v>85</v>
      </c>
      <c r="D18332" s="1" t="s">
        <v>66629</v>
      </c>
      <c r="E18332" s="1" t="s">
        <v>63089</v>
      </c>
      <c r="F18332" s="1" t="s">
        <v>66630</v>
      </c>
      <c r="G18332" s="1" t="s">
        <v>66596</v>
      </c>
      <c r="H18332" s="1" t="s">
        <v>66597</v>
      </c>
      <c r="I18332" s="1" t="s">
        <v>53800</v>
      </c>
      <c r="J18332" s="1" t="s">
        <v>66631</v>
      </c>
    </row>
    <row r="18333" spans="1:10" x14ac:dyDescent="0.35">
      <c r="A18333" s="1" t="s">
        <v>66593</v>
      </c>
      <c r="B18333" s="1" t="s">
        <v>53796</v>
      </c>
      <c r="C18333" s="1" t="s">
        <v>90</v>
      </c>
      <c r="D18333" s="1" t="s">
        <v>65740</v>
      </c>
      <c r="E18333" s="1" t="s">
        <v>57609</v>
      </c>
      <c r="F18333" s="1" t="s">
        <v>59111</v>
      </c>
      <c r="G18333" s="1" t="s">
        <v>66596</v>
      </c>
      <c r="H18333" s="1" t="s">
        <v>66597</v>
      </c>
      <c r="I18333" s="1" t="s">
        <v>53800</v>
      </c>
      <c r="J18333" s="1" t="s">
        <v>66632</v>
      </c>
    </row>
    <row r="18334" spans="1:10" x14ac:dyDescent="0.35">
      <c r="A18334" s="1" t="s">
        <v>66593</v>
      </c>
      <c r="B18334" s="1" t="s">
        <v>53796</v>
      </c>
      <c r="C18334" s="1" t="s">
        <v>95</v>
      </c>
      <c r="D18334" s="1" t="s">
        <v>66633</v>
      </c>
      <c r="E18334" s="1" t="s">
        <v>55251</v>
      </c>
      <c r="F18334" s="1" t="s">
        <v>66634</v>
      </c>
      <c r="G18334" s="1" t="s">
        <v>66596</v>
      </c>
      <c r="H18334" s="1" t="s">
        <v>66597</v>
      </c>
      <c r="I18334" s="1" t="s">
        <v>53800</v>
      </c>
      <c r="J18334" s="1" t="s">
        <v>66635</v>
      </c>
    </row>
    <row r="18335" spans="1:10" x14ac:dyDescent="0.35">
      <c r="A18335" s="1" t="s">
        <v>66593</v>
      </c>
      <c r="B18335" s="1" t="s">
        <v>53796</v>
      </c>
      <c r="C18335" s="1" t="s">
        <v>100</v>
      </c>
      <c r="D18335" s="1" t="s">
        <v>56081</v>
      </c>
      <c r="E18335" s="1" t="s">
        <v>16090</v>
      </c>
      <c r="F18335" s="1" t="s">
        <v>23526</v>
      </c>
      <c r="G18335" s="1" t="s">
        <v>66596</v>
      </c>
      <c r="H18335" s="1" t="s">
        <v>66597</v>
      </c>
      <c r="I18335" s="1" t="s">
        <v>53800</v>
      </c>
      <c r="J18335" s="1" t="s">
        <v>66636</v>
      </c>
    </row>
    <row r="18336" spans="1:10" x14ac:dyDescent="0.35">
      <c r="A18336" s="1" t="s">
        <v>66593</v>
      </c>
      <c r="B18336" s="1" t="s">
        <v>53796</v>
      </c>
      <c r="C18336" s="1" t="s">
        <v>105</v>
      </c>
      <c r="D18336" s="1" t="s">
        <v>66637</v>
      </c>
      <c r="E18336" s="1" t="s">
        <v>12798</v>
      </c>
      <c r="F18336" s="1" t="s">
        <v>66638</v>
      </c>
      <c r="G18336" s="1" t="s">
        <v>66596</v>
      </c>
      <c r="H18336" s="1" t="s">
        <v>66597</v>
      </c>
      <c r="I18336" s="1" t="s">
        <v>53800</v>
      </c>
      <c r="J18336" s="1" t="s">
        <v>66639</v>
      </c>
    </row>
    <row r="18337" spans="1:10" x14ac:dyDescent="0.35">
      <c r="A18337" s="1" t="s">
        <v>66593</v>
      </c>
      <c r="B18337" s="1" t="s">
        <v>53796</v>
      </c>
      <c r="C18337" s="1" t="s">
        <v>110</v>
      </c>
      <c r="D18337" s="1" t="s">
        <v>66640</v>
      </c>
      <c r="E18337" s="1" t="s">
        <v>41338</v>
      </c>
      <c r="F18337" s="1" t="s">
        <v>66641</v>
      </c>
      <c r="G18337" s="1" t="s">
        <v>66596</v>
      </c>
      <c r="H18337" s="1" t="s">
        <v>66597</v>
      </c>
      <c r="I18337" s="1" t="s">
        <v>53800</v>
      </c>
      <c r="J18337" s="1" t="s">
        <v>66642</v>
      </c>
    </row>
    <row r="18338" spans="1:10" x14ac:dyDescent="0.35">
      <c r="A18338" s="1" t="s">
        <v>66593</v>
      </c>
      <c r="B18338" s="1" t="s">
        <v>53796</v>
      </c>
      <c r="C18338" s="1" t="s">
        <v>115</v>
      </c>
      <c r="D18338" s="1" t="s">
        <v>66643</v>
      </c>
      <c r="E18338" s="1" t="s">
        <v>23248</v>
      </c>
      <c r="F18338" s="1" t="s">
        <v>66644</v>
      </c>
      <c r="G18338" s="1" t="s">
        <v>66596</v>
      </c>
      <c r="H18338" s="1" t="s">
        <v>66597</v>
      </c>
      <c r="I18338" s="1" t="s">
        <v>53800</v>
      </c>
      <c r="J18338" s="1" t="s">
        <v>66645</v>
      </c>
    </row>
    <row r="18339" spans="1:10" x14ac:dyDescent="0.35">
      <c r="A18339" s="1" t="s">
        <v>66593</v>
      </c>
      <c r="B18339" s="1" t="s">
        <v>53796</v>
      </c>
      <c r="C18339" s="1" t="s">
        <v>120</v>
      </c>
      <c r="D18339" s="1" t="s">
        <v>66646</v>
      </c>
      <c r="E18339" s="1" t="s">
        <v>55234</v>
      </c>
      <c r="F18339" s="1" t="s">
        <v>61778</v>
      </c>
      <c r="G18339" s="1" t="s">
        <v>66596</v>
      </c>
      <c r="H18339" s="1" t="s">
        <v>66597</v>
      </c>
      <c r="I18339" s="1" t="s">
        <v>53800</v>
      </c>
      <c r="J18339" s="1" t="s">
        <v>66647</v>
      </c>
    </row>
    <row r="18340" spans="1:10" x14ac:dyDescent="0.35">
      <c r="A18340" s="1" t="s">
        <v>66593</v>
      </c>
      <c r="B18340" s="1" t="s">
        <v>53796</v>
      </c>
      <c r="C18340" s="1" t="s">
        <v>125</v>
      </c>
      <c r="D18340" s="1" t="s">
        <v>66648</v>
      </c>
      <c r="E18340" s="1" t="s">
        <v>58534</v>
      </c>
      <c r="F18340" s="1" t="s">
        <v>66649</v>
      </c>
      <c r="G18340" s="1" t="s">
        <v>66596</v>
      </c>
      <c r="H18340" s="1" t="s">
        <v>66597</v>
      </c>
      <c r="I18340" s="1" t="s">
        <v>53800</v>
      </c>
      <c r="J18340" s="1" t="s">
        <v>66650</v>
      </c>
    </row>
    <row r="18341" spans="1:10" x14ac:dyDescent="0.35">
      <c r="A18341" s="1" t="s">
        <v>66593</v>
      </c>
      <c r="B18341" s="1" t="s">
        <v>53796</v>
      </c>
      <c r="C18341" s="1" t="s">
        <v>130</v>
      </c>
      <c r="D18341" s="1" t="s">
        <v>66651</v>
      </c>
      <c r="E18341" s="1" t="s">
        <v>56250</v>
      </c>
      <c r="F18341" s="1" t="s">
        <v>26252</v>
      </c>
      <c r="G18341" s="1" t="s">
        <v>66596</v>
      </c>
      <c r="H18341" s="1" t="s">
        <v>66597</v>
      </c>
      <c r="I18341" s="1" t="s">
        <v>53800</v>
      </c>
      <c r="J18341" s="1" t="s">
        <v>66652</v>
      </c>
    </row>
    <row r="18342" spans="1:10" x14ac:dyDescent="0.35">
      <c r="A18342" s="1" t="s">
        <v>66593</v>
      </c>
      <c r="B18342" s="1" t="s">
        <v>53796</v>
      </c>
      <c r="C18342" s="1" t="s">
        <v>135</v>
      </c>
      <c r="D18342" s="1" t="s">
        <v>66653</v>
      </c>
      <c r="E18342" s="1" t="s">
        <v>26629</v>
      </c>
      <c r="F18342" s="1" t="s">
        <v>66654</v>
      </c>
      <c r="G18342" s="1" t="s">
        <v>66596</v>
      </c>
      <c r="H18342" s="1" t="s">
        <v>66597</v>
      </c>
      <c r="I18342" s="1" t="s">
        <v>53800</v>
      </c>
      <c r="J18342" s="1" t="s">
        <v>66655</v>
      </c>
    </row>
    <row r="18343" spans="1:10" x14ac:dyDescent="0.35">
      <c r="A18343" s="1" t="s">
        <v>66593</v>
      </c>
      <c r="B18343" s="1" t="s">
        <v>53796</v>
      </c>
      <c r="C18343" s="1" t="s">
        <v>140</v>
      </c>
      <c r="D18343" s="1" t="s">
        <v>66656</v>
      </c>
      <c r="E18343" s="1" t="s">
        <v>15328</v>
      </c>
      <c r="F18343" s="1" t="s">
        <v>66657</v>
      </c>
      <c r="G18343" s="1" t="s">
        <v>66596</v>
      </c>
      <c r="H18343" s="1" t="s">
        <v>66597</v>
      </c>
      <c r="I18343" s="1" t="s">
        <v>53800</v>
      </c>
      <c r="J18343" s="1" t="s">
        <v>66658</v>
      </c>
    </row>
    <row r="18344" spans="1:10" x14ac:dyDescent="0.35">
      <c r="A18344" s="1" t="s">
        <v>66593</v>
      </c>
      <c r="B18344" s="1" t="s">
        <v>53796</v>
      </c>
      <c r="C18344" s="1" t="s">
        <v>145</v>
      </c>
      <c r="D18344" s="1" t="s">
        <v>66659</v>
      </c>
      <c r="E18344" s="1" t="s">
        <v>55452</v>
      </c>
      <c r="F18344" s="1" t="s">
        <v>66660</v>
      </c>
      <c r="G18344" s="1" t="s">
        <v>66596</v>
      </c>
      <c r="H18344" s="1" t="s">
        <v>66597</v>
      </c>
      <c r="I18344" s="1" t="s">
        <v>53800</v>
      </c>
      <c r="J18344" s="1" t="s">
        <v>66661</v>
      </c>
    </row>
    <row r="18345" spans="1:10" x14ac:dyDescent="0.35">
      <c r="A18345" s="1" t="s">
        <v>66593</v>
      </c>
      <c r="B18345" s="1" t="s">
        <v>53796</v>
      </c>
      <c r="C18345" s="1" t="s">
        <v>150</v>
      </c>
      <c r="D18345" s="1" t="s">
        <v>66662</v>
      </c>
      <c r="E18345" s="1" t="s">
        <v>22290</v>
      </c>
      <c r="F18345" s="1" t="s">
        <v>66663</v>
      </c>
      <c r="G18345" s="1" t="s">
        <v>66596</v>
      </c>
      <c r="H18345" s="1" t="s">
        <v>66597</v>
      </c>
      <c r="I18345" s="1" t="s">
        <v>53800</v>
      </c>
      <c r="J18345" s="1" t="s">
        <v>66664</v>
      </c>
    </row>
    <row r="18346" spans="1:10" x14ac:dyDescent="0.35">
      <c r="A18346" s="1" t="s">
        <v>66593</v>
      </c>
      <c r="B18346" s="1" t="s">
        <v>53796</v>
      </c>
      <c r="C18346" s="1" t="s">
        <v>155</v>
      </c>
      <c r="D18346" s="1" t="s">
        <v>26898</v>
      </c>
      <c r="E18346" s="1" t="s">
        <v>32090</v>
      </c>
      <c r="F18346" s="1" t="s">
        <v>66665</v>
      </c>
      <c r="G18346" s="1" t="s">
        <v>66596</v>
      </c>
      <c r="H18346" s="1" t="s">
        <v>66597</v>
      </c>
      <c r="I18346" s="1" t="s">
        <v>53800</v>
      </c>
      <c r="J18346" s="1" t="s">
        <v>66666</v>
      </c>
    </row>
    <row r="18347" spans="1:10" x14ac:dyDescent="0.35">
      <c r="A18347" s="1" t="s">
        <v>66593</v>
      </c>
      <c r="B18347" s="1" t="s">
        <v>53796</v>
      </c>
      <c r="C18347" s="1" t="s">
        <v>160</v>
      </c>
      <c r="D18347" s="1" t="s">
        <v>65642</v>
      </c>
      <c r="E18347" s="1" t="s">
        <v>15903</v>
      </c>
      <c r="F18347" s="1" t="s">
        <v>56866</v>
      </c>
      <c r="G18347" s="1" t="s">
        <v>66596</v>
      </c>
      <c r="H18347" s="1" t="s">
        <v>66597</v>
      </c>
      <c r="I18347" s="1" t="s">
        <v>53800</v>
      </c>
      <c r="J18347" s="1" t="s">
        <v>66667</v>
      </c>
    </row>
    <row r="18348" spans="1:10" x14ac:dyDescent="0.35">
      <c r="A18348" s="1" t="s">
        <v>66593</v>
      </c>
      <c r="B18348" s="1" t="s">
        <v>53796</v>
      </c>
      <c r="C18348" s="1" t="s">
        <v>165</v>
      </c>
      <c r="D18348" s="1" t="s">
        <v>5810</v>
      </c>
      <c r="E18348" s="1" t="s">
        <v>32065</v>
      </c>
      <c r="F18348" s="1" t="s">
        <v>66668</v>
      </c>
      <c r="G18348" s="1" t="s">
        <v>66596</v>
      </c>
      <c r="H18348" s="1" t="s">
        <v>66597</v>
      </c>
      <c r="I18348" s="1" t="s">
        <v>53800</v>
      </c>
      <c r="J18348" s="1" t="s">
        <v>66669</v>
      </c>
    </row>
    <row r="18349" spans="1:10" x14ac:dyDescent="0.35">
      <c r="A18349" s="1" t="s">
        <v>66593</v>
      </c>
      <c r="B18349" s="1" t="s">
        <v>53796</v>
      </c>
      <c r="C18349" s="1" t="s">
        <v>170</v>
      </c>
      <c r="D18349" s="1" t="s">
        <v>66670</v>
      </c>
      <c r="E18349" s="1" t="s">
        <v>31869</v>
      </c>
      <c r="F18349" s="1" t="s">
        <v>66373</v>
      </c>
      <c r="G18349" s="1" t="s">
        <v>66596</v>
      </c>
      <c r="H18349" s="1" t="s">
        <v>66597</v>
      </c>
      <c r="I18349" s="1" t="s">
        <v>53800</v>
      </c>
      <c r="J18349" s="1" t="s">
        <v>66671</v>
      </c>
    </row>
    <row r="18350" spans="1:10" x14ac:dyDescent="0.35">
      <c r="A18350" s="1" t="s">
        <v>1304</v>
      </c>
      <c r="B18350" s="1" t="s">
        <v>53796</v>
      </c>
      <c r="C18350" s="1" t="s">
        <v>8</v>
      </c>
      <c r="D18350" s="1" t="s">
        <v>66672</v>
      </c>
      <c r="E18350" s="1" t="s">
        <v>66673</v>
      </c>
      <c r="F18350" s="1" t="s">
        <v>66674</v>
      </c>
      <c r="G18350" s="1" t="s">
        <v>66675</v>
      </c>
      <c r="H18350" s="1" t="s">
        <v>66676</v>
      </c>
      <c r="I18350" s="1" t="s">
        <v>53800</v>
      </c>
      <c r="J18350" s="1" t="s">
        <v>13</v>
      </c>
    </row>
    <row r="18351" spans="1:10" x14ac:dyDescent="0.35">
      <c r="A18351" s="1" t="s">
        <v>1304</v>
      </c>
      <c r="B18351" s="1" t="s">
        <v>53796</v>
      </c>
      <c r="C18351" s="1" t="s">
        <v>15</v>
      </c>
      <c r="D18351" s="1" t="s">
        <v>66677</v>
      </c>
      <c r="E18351" s="1" t="s">
        <v>66678</v>
      </c>
      <c r="F18351" s="1" t="s">
        <v>66679</v>
      </c>
      <c r="G18351" s="1" t="s">
        <v>66675</v>
      </c>
      <c r="H18351" s="1" t="s">
        <v>66676</v>
      </c>
      <c r="I18351" s="1" t="s">
        <v>53800</v>
      </c>
      <c r="J18351" s="1" t="s">
        <v>66680</v>
      </c>
    </row>
    <row r="18352" spans="1:10" x14ac:dyDescent="0.35">
      <c r="A18352" s="1" t="s">
        <v>1304</v>
      </c>
      <c r="B18352" s="1" t="s">
        <v>53796</v>
      </c>
      <c r="C18352" s="1" t="s">
        <v>20</v>
      </c>
      <c r="D18352" s="1" t="s">
        <v>66681</v>
      </c>
      <c r="E18352" s="1" t="s">
        <v>66682</v>
      </c>
      <c r="F18352" s="1" t="s">
        <v>66683</v>
      </c>
      <c r="G18352" s="1" t="s">
        <v>66675</v>
      </c>
      <c r="H18352" s="1" t="s">
        <v>66676</v>
      </c>
      <c r="I18352" s="1" t="s">
        <v>53800</v>
      </c>
      <c r="J18352" s="1" t="s">
        <v>66684</v>
      </c>
    </row>
    <row r="18353" spans="1:10" x14ac:dyDescent="0.35">
      <c r="A18353" s="1" t="s">
        <v>1304</v>
      </c>
      <c r="B18353" s="1" t="s">
        <v>53796</v>
      </c>
      <c r="C18353" s="1" t="s">
        <v>25</v>
      </c>
      <c r="D18353" s="1" t="s">
        <v>43502</v>
      </c>
      <c r="E18353" s="1" t="s">
        <v>66685</v>
      </c>
      <c r="F18353" s="1" t="s">
        <v>66686</v>
      </c>
      <c r="G18353" s="1" t="s">
        <v>66675</v>
      </c>
      <c r="H18353" s="1" t="s">
        <v>66676</v>
      </c>
      <c r="I18353" s="1" t="s">
        <v>53800</v>
      </c>
      <c r="J18353" s="1" t="s">
        <v>66687</v>
      </c>
    </row>
    <row r="18354" spans="1:10" x14ac:dyDescent="0.35">
      <c r="A18354" s="1" t="s">
        <v>1304</v>
      </c>
      <c r="B18354" s="1" t="s">
        <v>53796</v>
      </c>
      <c r="C18354" s="1" t="s">
        <v>30</v>
      </c>
      <c r="D18354" s="1" t="s">
        <v>66688</v>
      </c>
      <c r="E18354" s="1" t="s">
        <v>66689</v>
      </c>
      <c r="F18354" s="1" t="s">
        <v>66690</v>
      </c>
      <c r="G18354" s="1" t="s">
        <v>66675</v>
      </c>
      <c r="H18354" s="1" t="s">
        <v>66676</v>
      </c>
      <c r="I18354" s="1" t="s">
        <v>53800</v>
      </c>
      <c r="J18354" s="1" t="s">
        <v>66691</v>
      </c>
    </row>
    <row r="18355" spans="1:10" x14ac:dyDescent="0.35">
      <c r="A18355" s="1" t="s">
        <v>1304</v>
      </c>
      <c r="B18355" s="1" t="s">
        <v>53796</v>
      </c>
      <c r="C18355" s="1" t="s">
        <v>35</v>
      </c>
      <c r="D18355" s="1" t="s">
        <v>66692</v>
      </c>
      <c r="E18355" s="1" t="s">
        <v>66693</v>
      </c>
      <c r="F18355" s="1" t="s">
        <v>66694</v>
      </c>
      <c r="G18355" s="1" t="s">
        <v>66675</v>
      </c>
      <c r="H18355" s="1" t="s">
        <v>66676</v>
      </c>
      <c r="I18355" s="1" t="s">
        <v>53800</v>
      </c>
      <c r="J18355" s="1" t="s">
        <v>66695</v>
      </c>
    </row>
    <row r="18356" spans="1:10" x14ac:dyDescent="0.35">
      <c r="A18356" s="1" t="s">
        <v>1304</v>
      </c>
      <c r="B18356" s="1" t="s">
        <v>53796</v>
      </c>
      <c r="C18356" s="1" t="s">
        <v>40</v>
      </c>
      <c r="D18356" s="1" t="s">
        <v>66696</v>
      </c>
      <c r="E18356" s="1" t="s">
        <v>66697</v>
      </c>
      <c r="F18356" s="1" t="s">
        <v>66698</v>
      </c>
      <c r="G18356" s="1" t="s">
        <v>66675</v>
      </c>
      <c r="H18356" s="1" t="s">
        <v>66676</v>
      </c>
      <c r="I18356" s="1" t="s">
        <v>53800</v>
      </c>
      <c r="J18356" s="1" t="s">
        <v>66699</v>
      </c>
    </row>
    <row r="18357" spans="1:10" x14ac:dyDescent="0.35">
      <c r="A18357" s="1" t="s">
        <v>1304</v>
      </c>
      <c r="B18357" s="1" t="s">
        <v>53796</v>
      </c>
      <c r="C18357" s="1" t="s">
        <v>45</v>
      </c>
      <c r="D18357" s="1" t="s">
        <v>66700</v>
      </c>
      <c r="E18357" s="1" t="s">
        <v>66701</v>
      </c>
      <c r="F18357" s="1" t="s">
        <v>66702</v>
      </c>
      <c r="G18357" s="1" t="s">
        <v>66675</v>
      </c>
      <c r="H18357" s="1" t="s">
        <v>66676</v>
      </c>
      <c r="I18357" s="1" t="s">
        <v>53800</v>
      </c>
      <c r="J18357" s="1" t="s">
        <v>66703</v>
      </c>
    </row>
    <row r="18358" spans="1:10" x14ac:dyDescent="0.35">
      <c r="A18358" s="1" t="s">
        <v>1304</v>
      </c>
      <c r="B18358" s="1" t="s">
        <v>53796</v>
      </c>
      <c r="C18358" s="1" t="s">
        <v>50</v>
      </c>
      <c r="D18358" s="1" t="s">
        <v>66704</v>
      </c>
      <c r="E18358" s="1" t="s">
        <v>66705</v>
      </c>
      <c r="F18358" s="1" t="s">
        <v>66706</v>
      </c>
      <c r="G18358" s="1" t="s">
        <v>66675</v>
      </c>
      <c r="H18358" s="1" t="s">
        <v>66676</v>
      </c>
      <c r="I18358" s="1" t="s">
        <v>53800</v>
      </c>
      <c r="J18358" s="1" t="s">
        <v>66707</v>
      </c>
    </row>
    <row r="18359" spans="1:10" x14ac:dyDescent="0.35">
      <c r="A18359" s="1" t="s">
        <v>1304</v>
      </c>
      <c r="B18359" s="1" t="s">
        <v>53796</v>
      </c>
      <c r="C18359" s="1" t="s">
        <v>55</v>
      </c>
      <c r="D18359" s="1" t="s">
        <v>61916</v>
      </c>
      <c r="E18359" s="1" t="s">
        <v>66708</v>
      </c>
      <c r="F18359" s="1" t="s">
        <v>66709</v>
      </c>
      <c r="G18359" s="1" t="s">
        <v>66675</v>
      </c>
      <c r="H18359" s="1" t="s">
        <v>66676</v>
      </c>
      <c r="I18359" s="1" t="s">
        <v>53800</v>
      </c>
      <c r="J18359" s="1" t="s">
        <v>66710</v>
      </c>
    </row>
    <row r="18360" spans="1:10" x14ac:dyDescent="0.35">
      <c r="A18360" s="1" t="s">
        <v>1304</v>
      </c>
      <c r="B18360" s="1" t="s">
        <v>53796</v>
      </c>
      <c r="C18360" s="1" t="s">
        <v>60</v>
      </c>
      <c r="D18360" s="1" t="s">
        <v>66711</v>
      </c>
      <c r="E18360" s="1" t="s">
        <v>66712</v>
      </c>
      <c r="F18360" s="1" t="s">
        <v>66713</v>
      </c>
      <c r="G18360" s="1" t="s">
        <v>66675</v>
      </c>
      <c r="H18360" s="1" t="s">
        <v>66676</v>
      </c>
      <c r="I18360" s="1" t="s">
        <v>53800</v>
      </c>
      <c r="J18360" s="1" t="s">
        <v>66714</v>
      </c>
    </row>
    <row r="18361" spans="1:10" x14ac:dyDescent="0.35">
      <c r="A18361" s="1" t="s">
        <v>1304</v>
      </c>
      <c r="B18361" s="1" t="s">
        <v>53796</v>
      </c>
      <c r="C18361" s="1" t="s">
        <v>65</v>
      </c>
      <c r="D18361" s="1" t="s">
        <v>66715</v>
      </c>
      <c r="E18361" s="1" t="s">
        <v>66716</v>
      </c>
      <c r="F18361" s="1" t="s">
        <v>66717</v>
      </c>
      <c r="G18361" s="1" t="s">
        <v>66675</v>
      </c>
      <c r="H18361" s="1" t="s">
        <v>66676</v>
      </c>
      <c r="I18361" s="1" t="s">
        <v>53800</v>
      </c>
      <c r="J18361" s="1" t="s">
        <v>66718</v>
      </c>
    </row>
    <row r="18362" spans="1:10" x14ac:dyDescent="0.35">
      <c r="A18362" s="1" t="s">
        <v>1304</v>
      </c>
      <c r="B18362" s="1" t="s">
        <v>53796</v>
      </c>
      <c r="C18362" s="1" t="s">
        <v>70</v>
      </c>
      <c r="D18362" s="1" t="s">
        <v>66719</v>
      </c>
      <c r="E18362" s="1" t="s">
        <v>66720</v>
      </c>
      <c r="F18362" s="1" t="s">
        <v>66721</v>
      </c>
      <c r="G18362" s="1" t="s">
        <v>66675</v>
      </c>
      <c r="H18362" s="1" t="s">
        <v>66676</v>
      </c>
      <c r="I18362" s="1" t="s">
        <v>53800</v>
      </c>
      <c r="J18362" s="1" t="s">
        <v>66722</v>
      </c>
    </row>
    <row r="18363" spans="1:10" x14ac:dyDescent="0.35">
      <c r="A18363" s="1" t="s">
        <v>1304</v>
      </c>
      <c r="B18363" s="1" t="s">
        <v>53796</v>
      </c>
      <c r="C18363" s="1" t="s">
        <v>75</v>
      </c>
      <c r="D18363" s="1" t="s">
        <v>66723</v>
      </c>
      <c r="E18363" s="1" t="s">
        <v>66724</v>
      </c>
      <c r="F18363" s="1" t="s">
        <v>66725</v>
      </c>
      <c r="G18363" s="1" t="s">
        <v>66675</v>
      </c>
      <c r="H18363" s="1" t="s">
        <v>66676</v>
      </c>
      <c r="I18363" s="1" t="s">
        <v>53800</v>
      </c>
      <c r="J18363" s="1" t="s">
        <v>66726</v>
      </c>
    </row>
    <row r="18364" spans="1:10" x14ac:dyDescent="0.35">
      <c r="A18364" s="1" t="s">
        <v>1304</v>
      </c>
      <c r="B18364" s="1" t="s">
        <v>53796</v>
      </c>
      <c r="C18364" s="1" t="s">
        <v>80</v>
      </c>
      <c r="D18364" s="1" t="s">
        <v>66727</v>
      </c>
      <c r="E18364" s="1" t="s">
        <v>66728</v>
      </c>
      <c r="F18364" s="1" t="s">
        <v>66729</v>
      </c>
      <c r="G18364" s="1" t="s">
        <v>66675</v>
      </c>
      <c r="H18364" s="1" t="s">
        <v>66676</v>
      </c>
      <c r="I18364" s="1" t="s">
        <v>53800</v>
      </c>
      <c r="J18364" s="1" t="s">
        <v>66730</v>
      </c>
    </row>
    <row r="18365" spans="1:10" x14ac:dyDescent="0.35">
      <c r="A18365" s="1" t="s">
        <v>1304</v>
      </c>
      <c r="B18365" s="1" t="s">
        <v>53796</v>
      </c>
      <c r="C18365" s="1" t="s">
        <v>85</v>
      </c>
      <c r="D18365" s="1" t="s">
        <v>66731</v>
      </c>
      <c r="E18365" s="1" t="s">
        <v>66732</v>
      </c>
      <c r="F18365" s="1" t="s">
        <v>66733</v>
      </c>
      <c r="G18365" s="1" t="s">
        <v>66675</v>
      </c>
      <c r="H18365" s="1" t="s">
        <v>66676</v>
      </c>
      <c r="I18365" s="1" t="s">
        <v>53800</v>
      </c>
      <c r="J18365" s="1" t="s">
        <v>66734</v>
      </c>
    </row>
    <row r="18366" spans="1:10" x14ac:dyDescent="0.35">
      <c r="A18366" s="1" t="s">
        <v>1304</v>
      </c>
      <c r="B18366" s="1" t="s">
        <v>53796</v>
      </c>
      <c r="C18366" s="1" t="s">
        <v>90</v>
      </c>
      <c r="D18366" s="1" t="s">
        <v>66735</v>
      </c>
      <c r="E18366" s="1" t="s">
        <v>66736</v>
      </c>
      <c r="F18366" s="1" t="s">
        <v>66737</v>
      </c>
      <c r="G18366" s="1" t="s">
        <v>66675</v>
      </c>
      <c r="H18366" s="1" t="s">
        <v>66676</v>
      </c>
      <c r="I18366" s="1" t="s">
        <v>53800</v>
      </c>
      <c r="J18366" s="1" t="s">
        <v>66738</v>
      </c>
    </row>
    <row r="18367" spans="1:10" x14ac:dyDescent="0.35">
      <c r="A18367" s="1" t="s">
        <v>1304</v>
      </c>
      <c r="B18367" s="1" t="s">
        <v>53796</v>
      </c>
      <c r="C18367" s="1" t="s">
        <v>95</v>
      </c>
      <c r="D18367" s="1" t="s">
        <v>66739</v>
      </c>
      <c r="E18367" s="1" t="s">
        <v>66740</v>
      </c>
      <c r="F18367" s="1" t="s">
        <v>66741</v>
      </c>
      <c r="G18367" s="1" t="s">
        <v>66675</v>
      </c>
      <c r="H18367" s="1" t="s">
        <v>66676</v>
      </c>
      <c r="I18367" s="1" t="s">
        <v>53800</v>
      </c>
      <c r="J18367" s="1" t="s">
        <v>66742</v>
      </c>
    </row>
    <row r="18368" spans="1:10" x14ac:dyDescent="0.35">
      <c r="A18368" s="1" t="s">
        <v>1304</v>
      </c>
      <c r="B18368" s="1" t="s">
        <v>53796</v>
      </c>
      <c r="C18368" s="1" t="s">
        <v>100</v>
      </c>
      <c r="D18368" s="1" t="s">
        <v>66743</v>
      </c>
      <c r="E18368" s="1" t="s">
        <v>66744</v>
      </c>
      <c r="F18368" s="1" t="s">
        <v>66745</v>
      </c>
      <c r="G18368" s="1" t="s">
        <v>66675</v>
      </c>
      <c r="H18368" s="1" t="s">
        <v>66676</v>
      </c>
      <c r="I18368" s="1" t="s">
        <v>53800</v>
      </c>
      <c r="J18368" s="1" t="s">
        <v>66746</v>
      </c>
    </row>
    <row r="18369" spans="1:10" x14ac:dyDescent="0.35">
      <c r="A18369" s="1" t="s">
        <v>1304</v>
      </c>
      <c r="B18369" s="1" t="s">
        <v>53796</v>
      </c>
      <c r="C18369" s="1" t="s">
        <v>105</v>
      </c>
      <c r="D18369" s="1" t="s">
        <v>66747</v>
      </c>
      <c r="E18369" s="1" t="s">
        <v>66748</v>
      </c>
      <c r="F18369" s="1" t="s">
        <v>66749</v>
      </c>
      <c r="G18369" s="1" t="s">
        <v>66675</v>
      </c>
      <c r="H18369" s="1" t="s">
        <v>66676</v>
      </c>
      <c r="I18369" s="1" t="s">
        <v>53800</v>
      </c>
      <c r="J18369" s="1" t="s">
        <v>66750</v>
      </c>
    </row>
    <row r="18370" spans="1:10" x14ac:dyDescent="0.35">
      <c r="A18370" s="1" t="s">
        <v>1304</v>
      </c>
      <c r="B18370" s="1" t="s">
        <v>53796</v>
      </c>
      <c r="C18370" s="1" t="s">
        <v>110</v>
      </c>
      <c r="D18370" s="1" t="s">
        <v>66751</v>
      </c>
      <c r="E18370" s="1" t="s">
        <v>66752</v>
      </c>
      <c r="F18370" s="1" t="s">
        <v>66753</v>
      </c>
      <c r="G18370" s="1" t="s">
        <v>66675</v>
      </c>
      <c r="H18370" s="1" t="s">
        <v>66676</v>
      </c>
      <c r="I18370" s="1" t="s">
        <v>53800</v>
      </c>
      <c r="J18370" s="1" t="s">
        <v>66754</v>
      </c>
    </row>
    <row r="18371" spans="1:10" x14ac:dyDescent="0.35">
      <c r="A18371" s="1" t="s">
        <v>1304</v>
      </c>
      <c r="B18371" s="1" t="s">
        <v>53796</v>
      </c>
      <c r="C18371" s="1" t="s">
        <v>115</v>
      </c>
      <c r="D18371" s="1" t="s">
        <v>20602</v>
      </c>
      <c r="E18371" s="1" t="s">
        <v>66755</v>
      </c>
      <c r="F18371" s="1" t="s">
        <v>66756</v>
      </c>
      <c r="G18371" s="1" t="s">
        <v>66675</v>
      </c>
      <c r="H18371" s="1" t="s">
        <v>66676</v>
      </c>
      <c r="I18371" s="1" t="s">
        <v>53800</v>
      </c>
      <c r="J18371" s="1" t="s">
        <v>66757</v>
      </c>
    </row>
    <row r="18372" spans="1:10" x14ac:dyDescent="0.35">
      <c r="A18372" s="1" t="s">
        <v>1304</v>
      </c>
      <c r="B18372" s="1" t="s">
        <v>53796</v>
      </c>
      <c r="C18372" s="1" t="s">
        <v>120</v>
      </c>
      <c r="D18372" s="1" t="s">
        <v>60797</v>
      </c>
      <c r="E18372" s="1" t="s">
        <v>66758</v>
      </c>
      <c r="F18372" s="1" t="s">
        <v>66759</v>
      </c>
      <c r="G18372" s="1" t="s">
        <v>66675</v>
      </c>
      <c r="H18372" s="1" t="s">
        <v>66676</v>
      </c>
      <c r="I18372" s="1" t="s">
        <v>53800</v>
      </c>
      <c r="J18372" s="1" t="s">
        <v>66760</v>
      </c>
    </row>
    <row r="18373" spans="1:10" x14ac:dyDescent="0.35">
      <c r="A18373" s="1" t="s">
        <v>1304</v>
      </c>
      <c r="B18373" s="1" t="s">
        <v>53796</v>
      </c>
      <c r="C18373" s="1" t="s">
        <v>125</v>
      </c>
      <c r="D18373" s="1" t="s">
        <v>66761</v>
      </c>
      <c r="E18373" s="1" t="s">
        <v>66762</v>
      </c>
      <c r="F18373" s="1" t="s">
        <v>66763</v>
      </c>
      <c r="G18373" s="1" t="s">
        <v>66675</v>
      </c>
      <c r="H18373" s="1" t="s">
        <v>66676</v>
      </c>
      <c r="I18373" s="1" t="s">
        <v>53800</v>
      </c>
      <c r="J18373" s="1" t="s">
        <v>66764</v>
      </c>
    </row>
    <row r="18374" spans="1:10" x14ac:dyDescent="0.35">
      <c r="A18374" s="1" t="s">
        <v>1304</v>
      </c>
      <c r="B18374" s="1" t="s">
        <v>53796</v>
      </c>
      <c r="C18374" s="1" t="s">
        <v>130</v>
      </c>
      <c r="D18374" s="1" t="s">
        <v>66765</v>
      </c>
      <c r="E18374" s="1" t="s">
        <v>66766</v>
      </c>
      <c r="F18374" s="1" t="s">
        <v>66767</v>
      </c>
      <c r="G18374" s="1" t="s">
        <v>66675</v>
      </c>
      <c r="H18374" s="1" t="s">
        <v>66676</v>
      </c>
      <c r="I18374" s="1" t="s">
        <v>53800</v>
      </c>
      <c r="J18374" s="1" t="s">
        <v>66768</v>
      </c>
    </row>
    <row r="18375" spans="1:10" x14ac:dyDescent="0.35">
      <c r="A18375" s="1" t="s">
        <v>1304</v>
      </c>
      <c r="B18375" s="1" t="s">
        <v>53796</v>
      </c>
      <c r="C18375" s="1" t="s">
        <v>135</v>
      </c>
      <c r="D18375" s="1" t="s">
        <v>66769</v>
      </c>
      <c r="E18375" s="1" t="s">
        <v>66770</v>
      </c>
      <c r="F18375" s="1" t="s">
        <v>66771</v>
      </c>
      <c r="G18375" s="1" t="s">
        <v>66675</v>
      </c>
      <c r="H18375" s="1" t="s">
        <v>66676</v>
      </c>
      <c r="I18375" s="1" t="s">
        <v>53800</v>
      </c>
      <c r="J18375" s="1" t="s">
        <v>66772</v>
      </c>
    </row>
    <row r="18376" spans="1:10" x14ac:dyDescent="0.35">
      <c r="A18376" s="1" t="s">
        <v>1304</v>
      </c>
      <c r="B18376" s="1" t="s">
        <v>53796</v>
      </c>
      <c r="C18376" s="1" t="s">
        <v>140</v>
      </c>
      <c r="D18376" s="1" t="s">
        <v>55526</v>
      </c>
      <c r="E18376" s="1" t="s">
        <v>66773</v>
      </c>
      <c r="F18376" s="1" t="s">
        <v>66774</v>
      </c>
      <c r="G18376" s="1" t="s">
        <v>66675</v>
      </c>
      <c r="H18376" s="1" t="s">
        <v>66676</v>
      </c>
      <c r="I18376" s="1" t="s">
        <v>53800</v>
      </c>
      <c r="J18376" s="1" t="s">
        <v>66775</v>
      </c>
    </row>
    <row r="18377" spans="1:10" x14ac:dyDescent="0.35">
      <c r="A18377" s="1" t="s">
        <v>1304</v>
      </c>
      <c r="B18377" s="1" t="s">
        <v>53796</v>
      </c>
      <c r="C18377" s="1" t="s">
        <v>145</v>
      </c>
      <c r="D18377" s="1" t="s">
        <v>66776</v>
      </c>
      <c r="E18377" s="1" t="s">
        <v>66777</v>
      </c>
      <c r="F18377" s="1" t="s">
        <v>66778</v>
      </c>
      <c r="G18377" s="1" t="s">
        <v>66675</v>
      </c>
      <c r="H18377" s="1" t="s">
        <v>66676</v>
      </c>
      <c r="I18377" s="1" t="s">
        <v>53800</v>
      </c>
      <c r="J18377" s="1" t="s">
        <v>66779</v>
      </c>
    </row>
    <row r="18378" spans="1:10" x14ac:dyDescent="0.35">
      <c r="A18378" s="1" t="s">
        <v>1304</v>
      </c>
      <c r="B18378" s="1" t="s">
        <v>53796</v>
      </c>
      <c r="C18378" s="1" t="s">
        <v>150</v>
      </c>
      <c r="D18378" s="1" t="s">
        <v>61578</v>
      </c>
      <c r="E18378" s="1" t="s">
        <v>66780</v>
      </c>
      <c r="F18378" s="1" t="s">
        <v>66781</v>
      </c>
      <c r="G18378" s="1" t="s">
        <v>66675</v>
      </c>
      <c r="H18378" s="1" t="s">
        <v>66676</v>
      </c>
      <c r="I18378" s="1" t="s">
        <v>53800</v>
      </c>
      <c r="J18378" s="1" t="s">
        <v>66782</v>
      </c>
    </row>
    <row r="18379" spans="1:10" x14ac:dyDescent="0.35">
      <c r="A18379" s="1" t="s">
        <v>1304</v>
      </c>
      <c r="B18379" s="1" t="s">
        <v>53796</v>
      </c>
      <c r="C18379" s="1" t="s">
        <v>155</v>
      </c>
      <c r="D18379" s="1" t="s">
        <v>66783</v>
      </c>
      <c r="E18379" s="1" t="s">
        <v>66784</v>
      </c>
      <c r="F18379" s="1" t="s">
        <v>66785</v>
      </c>
      <c r="G18379" s="1" t="s">
        <v>66675</v>
      </c>
      <c r="H18379" s="1" t="s">
        <v>66676</v>
      </c>
      <c r="I18379" s="1" t="s">
        <v>53800</v>
      </c>
      <c r="J18379" s="1" t="s">
        <v>66786</v>
      </c>
    </row>
    <row r="18380" spans="1:10" x14ac:dyDescent="0.35">
      <c r="A18380" s="1" t="s">
        <v>1304</v>
      </c>
      <c r="B18380" s="1" t="s">
        <v>53796</v>
      </c>
      <c r="C18380" s="1" t="s">
        <v>160</v>
      </c>
      <c r="D18380" s="1" t="s">
        <v>66787</v>
      </c>
      <c r="E18380" s="1" t="s">
        <v>66788</v>
      </c>
      <c r="F18380" s="1" t="s">
        <v>66789</v>
      </c>
      <c r="G18380" s="1" t="s">
        <v>66675</v>
      </c>
      <c r="H18380" s="1" t="s">
        <v>66676</v>
      </c>
      <c r="I18380" s="1" t="s">
        <v>53800</v>
      </c>
      <c r="J18380" s="1" t="s">
        <v>66790</v>
      </c>
    </row>
    <row r="18381" spans="1:10" x14ac:dyDescent="0.35">
      <c r="A18381" s="1" t="s">
        <v>1304</v>
      </c>
      <c r="B18381" s="1" t="s">
        <v>53796</v>
      </c>
      <c r="C18381" s="1" t="s">
        <v>165</v>
      </c>
      <c r="D18381" s="1" t="s">
        <v>66791</v>
      </c>
      <c r="E18381" s="1" t="s">
        <v>66792</v>
      </c>
      <c r="F18381" s="1" t="s">
        <v>66793</v>
      </c>
      <c r="G18381" s="1" t="s">
        <v>66675</v>
      </c>
      <c r="H18381" s="1" t="s">
        <v>66676</v>
      </c>
      <c r="I18381" s="1" t="s">
        <v>53800</v>
      </c>
      <c r="J18381" s="1" t="s">
        <v>66794</v>
      </c>
    </row>
    <row r="18382" spans="1:10" x14ac:dyDescent="0.35">
      <c r="A18382" s="1" t="s">
        <v>1304</v>
      </c>
      <c r="B18382" s="1" t="s">
        <v>53796</v>
      </c>
      <c r="C18382" s="1" t="s">
        <v>170</v>
      </c>
      <c r="D18382" s="1" t="s">
        <v>66795</v>
      </c>
      <c r="E18382" s="1" t="s">
        <v>66796</v>
      </c>
      <c r="F18382" s="1" t="s">
        <v>66797</v>
      </c>
      <c r="G18382" s="1" t="s">
        <v>66675</v>
      </c>
      <c r="H18382" s="1" t="s">
        <v>66676</v>
      </c>
      <c r="I18382" s="1" t="s">
        <v>53800</v>
      </c>
      <c r="J18382" s="1" t="s">
        <v>66798</v>
      </c>
    </row>
    <row r="18383" spans="1:10" x14ac:dyDescent="0.35">
      <c r="A18383" s="1" t="s">
        <v>1320</v>
      </c>
      <c r="B18383" s="1" t="s">
        <v>53796</v>
      </c>
      <c r="C18383" s="1" t="s">
        <v>8</v>
      </c>
      <c r="D18383" s="1" t="s">
        <v>66799</v>
      </c>
      <c r="E18383" s="1" t="s">
        <v>54383</v>
      </c>
      <c r="F18383" s="1" t="s">
        <v>66800</v>
      </c>
      <c r="G18383" s="1" t="s">
        <v>66801</v>
      </c>
      <c r="H18383" s="1" t="s">
        <v>66802</v>
      </c>
      <c r="I18383" s="1" t="s">
        <v>53800</v>
      </c>
      <c r="J18383" s="1" t="s">
        <v>13</v>
      </c>
    </row>
    <row r="18384" spans="1:10" x14ac:dyDescent="0.35">
      <c r="A18384" s="1" t="s">
        <v>1320</v>
      </c>
      <c r="B18384" s="1" t="s">
        <v>53796</v>
      </c>
      <c r="C18384" s="1" t="s">
        <v>15</v>
      </c>
      <c r="D18384" s="1" t="s">
        <v>66803</v>
      </c>
      <c r="E18384" s="1" t="s">
        <v>60395</v>
      </c>
      <c r="F18384" s="1" t="s">
        <v>59536</v>
      </c>
      <c r="G18384" s="1" t="s">
        <v>66801</v>
      </c>
      <c r="H18384" s="1" t="s">
        <v>66802</v>
      </c>
      <c r="I18384" s="1" t="s">
        <v>53800</v>
      </c>
      <c r="J18384" s="1" t="s">
        <v>66804</v>
      </c>
    </row>
    <row r="18385" spans="1:10" x14ac:dyDescent="0.35">
      <c r="A18385" s="1" t="s">
        <v>1320</v>
      </c>
      <c r="B18385" s="1" t="s">
        <v>53796</v>
      </c>
      <c r="C18385" s="1" t="s">
        <v>20</v>
      </c>
      <c r="D18385" s="1" t="s">
        <v>66805</v>
      </c>
      <c r="E18385" s="1" t="s">
        <v>21952</v>
      </c>
      <c r="F18385" s="1" t="s">
        <v>66806</v>
      </c>
      <c r="G18385" s="1" t="s">
        <v>66801</v>
      </c>
      <c r="H18385" s="1" t="s">
        <v>66802</v>
      </c>
      <c r="I18385" s="1" t="s">
        <v>53800</v>
      </c>
      <c r="J18385" s="1" t="s">
        <v>66807</v>
      </c>
    </row>
    <row r="18386" spans="1:10" x14ac:dyDescent="0.35">
      <c r="A18386" s="1" t="s">
        <v>1320</v>
      </c>
      <c r="B18386" s="1" t="s">
        <v>53796</v>
      </c>
      <c r="C18386" s="1" t="s">
        <v>25</v>
      </c>
      <c r="D18386" s="1" t="s">
        <v>66808</v>
      </c>
      <c r="E18386" s="1" t="s">
        <v>66809</v>
      </c>
      <c r="F18386" s="1" t="s">
        <v>59090</v>
      </c>
      <c r="G18386" s="1" t="s">
        <v>66801</v>
      </c>
      <c r="H18386" s="1" t="s">
        <v>66802</v>
      </c>
      <c r="I18386" s="1" t="s">
        <v>53800</v>
      </c>
      <c r="J18386" s="1" t="s">
        <v>66810</v>
      </c>
    </row>
    <row r="18387" spans="1:10" x14ac:dyDescent="0.35">
      <c r="A18387" s="1" t="s">
        <v>1320</v>
      </c>
      <c r="B18387" s="1" t="s">
        <v>53796</v>
      </c>
      <c r="C18387" s="1" t="s">
        <v>30</v>
      </c>
      <c r="D18387" s="1" t="s">
        <v>66811</v>
      </c>
      <c r="E18387" s="1" t="s">
        <v>66812</v>
      </c>
      <c r="F18387" s="1" t="s">
        <v>22107</v>
      </c>
      <c r="G18387" s="1" t="s">
        <v>66801</v>
      </c>
      <c r="H18387" s="1" t="s">
        <v>66802</v>
      </c>
      <c r="I18387" s="1" t="s">
        <v>53800</v>
      </c>
      <c r="J18387" s="1" t="s">
        <v>66813</v>
      </c>
    </row>
    <row r="18388" spans="1:10" x14ac:dyDescent="0.35">
      <c r="A18388" s="1" t="s">
        <v>1320</v>
      </c>
      <c r="B18388" s="1" t="s">
        <v>53796</v>
      </c>
      <c r="C18388" s="1" t="s">
        <v>35</v>
      </c>
      <c r="D18388" s="1" t="s">
        <v>66814</v>
      </c>
      <c r="E18388" s="1" t="s">
        <v>21093</v>
      </c>
      <c r="F18388" s="1" t="s">
        <v>66815</v>
      </c>
      <c r="G18388" s="1" t="s">
        <v>66801</v>
      </c>
      <c r="H18388" s="1" t="s">
        <v>66802</v>
      </c>
      <c r="I18388" s="1" t="s">
        <v>53800</v>
      </c>
      <c r="J18388" s="1" t="s">
        <v>66816</v>
      </c>
    </row>
    <row r="18389" spans="1:10" x14ac:dyDescent="0.35">
      <c r="A18389" s="1" t="s">
        <v>1320</v>
      </c>
      <c r="B18389" s="1" t="s">
        <v>53796</v>
      </c>
      <c r="C18389" s="1" t="s">
        <v>40</v>
      </c>
      <c r="D18389" s="1" t="s">
        <v>66817</v>
      </c>
      <c r="E18389" s="1" t="s">
        <v>66818</v>
      </c>
      <c r="F18389" s="1" t="s">
        <v>31749</v>
      </c>
      <c r="G18389" s="1" t="s">
        <v>66801</v>
      </c>
      <c r="H18389" s="1" t="s">
        <v>66802</v>
      </c>
      <c r="I18389" s="1" t="s">
        <v>53800</v>
      </c>
      <c r="J18389" s="1" t="s">
        <v>66819</v>
      </c>
    </row>
    <row r="18390" spans="1:10" x14ac:dyDescent="0.35">
      <c r="A18390" s="1" t="s">
        <v>1320</v>
      </c>
      <c r="B18390" s="1" t="s">
        <v>53796</v>
      </c>
      <c r="C18390" s="1" t="s">
        <v>45</v>
      </c>
      <c r="D18390" s="1" t="s">
        <v>66820</v>
      </c>
      <c r="E18390" s="1" t="s">
        <v>21749</v>
      </c>
      <c r="F18390" s="1" t="s">
        <v>64767</v>
      </c>
      <c r="G18390" s="1" t="s">
        <v>66801</v>
      </c>
      <c r="H18390" s="1" t="s">
        <v>66802</v>
      </c>
      <c r="I18390" s="1" t="s">
        <v>53800</v>
      </c>
      <c r="J18390" s="1" t="s">
        <v>66821</v>
      </c>
    </row>
    <row r="18391" spans="1:10" x14ac:dyDescent="0.35">
      <c r="A18391" s="1" t="s">
        <v>1320</v>
      </c>
      <c r="B18391" s="1" t="s">
        <v>53796</v>
      </c>
      <c r="C18391" s="1" t="s">
        <v>50</v>
      </c>
      <c r="D18391" s="1" t="s">
        <v>66822</v>
      </c>
      <c r="E18391" s="1" t="s">
        <v>41567</v>
      </c>
      <c r="F18391" s="1" t="s">
        <v>66823</v>
      </c>
      <c r="G18391" s="1" t="s">
        <v>66801</v>
      </c>
      <c r="H18391" s="1" t="s">
        <v>66802</v>
      </c>
      <c r="I18391" s="1" t="s">
        <v>53800</v>
      </c>
      <c r="J18391" s="1" t="s">
        <v>66824</v>
      </c>
    </row>
    <row r="18392" spans="1:10" x14ac:dyDescent="0.35">
      <c r="A18392" s="1" t="s">
        <v>1320</v>
      </c>
      <c r="B18392" s="1" t="s">
        <v>53796</v>
      </c>
      <c r="C18392" s="1" t="s">
        <v>55</v>
      </c>
      <c r="D18392" s="1" t="s">
        <v>66825</v>
      </c>
      <c r="E18392" s="1" t="s">
        <v>58349</v>
      </c>
      <c r="F18392" s="1" t="s">
        <v>65757</v>
      </c>
      <c r="G18392" s="1" t="s">
        <v>66801</v>
      </c>
      <c r="H18392" s="1" t="s">
        <v>66802</v>
      </c>
      <c r="I18392" s="1" t="s">
        <v>53800</v>
      </c>
      <c r="J18392" s="1" t="s">
        <v>66826</v>
      </c>
    </row>
    <row r="18393" spans="1:10" x14ac:dyDescent="0.35">
      <c r="A18393" s="1" t="s">
        <v>1320</v>
      </c>
      <c r="B18393" s="1" t="s">
        <v>53796</v>
      </c>
      <c r="C18393" s="1" t="s">
        <v>60</v>
      </c>
      <c r="D18393" s="1" t="s">
        <v>26324</v>
      </c>
      <c r="E18393" s="1" t="s">
        <v>21999</v>
      </c>
      <c r="F18393" s="1" t="s">
        <v>66827</v>
      </c>
      <c r="G18393" s="1" t="s">
        <v>66801</v>
      </c>
      <c r="H18393" s="1" t="s">
        <v>66802</v>
      </c>
      <c r="I18393" s="1" t="s">
        <v>53800</v>
      </c>
      <c r="J18393" s="1" t="s">
        <v>66828</v>
      </c>
    </row>
    <row r="18394" spans="1:10" x14ac:dyDescent="0.35">
      <c r="A18394" s="1" t="s">
        <v>1320</v>
      </c>
      <c r="B18394" s="1" t="s">
        <v>53796</v>
      </c>
      <c r="C18394" s="1" t="s">
        <v>65</v>
      </c>
      <c r="D18394" s="1" t="s">
        <v>24241</v>
      </c>
      <c r="E18394" s="1" t="s">
        <v>58164</v>
      </c>
      <c r="F18394" s="1" t="s">
        <v>27147</v>
      </c>
      <c r="G18394" s="1" t="s">
        <v>66801</v>
      </c>
      <c r="H18394" s="1" t="s">
        <v>66802</v>
      </c>
      <c r="I18394" s="1" t="s">
        <v>53800</v>
      </c>
      <c r="J18394" s="1" t="s">
        <v>66829</v>
      </c>
    </row>
    <row r="18395" spans="1:10" x14ac:dyDescent="0.35">
      <c r="A18395" s="1" t="s">
        <v>1320</v>
      </c>
      <c r="B18395" s="1" t="s">
        <v>53796</v>
      </c>
      <c r="C18395" s="1" t="s">
        <v>70</v>
      </c>
      <c r="D18395" s="1" t="s">
        <v>66830</v>
      </c>
      <c r="E18395" s="1" t="s">
        <v>23114</v>
      </c>
      <c r="F18395" s="1" t="s">
        <v>66831</v>
      </c>
      <c r="G18395" s="1" t="s">
        <v>66801</v>
      </c>
      <c r="H18395" s="1" t="s">
        <v>66802</v>
      </c>
      <c r="I18395" s="1" t="s">
        <v>53800</v>
      </c>
      <c r="J18395" s="1" t="s">
        <v>66832</v>
      </c>
    </row>
    <row r="18396" spans="1:10" x14ac:dyDescent="0.35">
      <c r="A18396" s="1" t="s">
        <v>1320</v>
      </c>
      <c r="B18396" s="1" t="s">
        <v>53796</v>
      </c>
      <c r="C18396" s="1" t="s">
        <v>75</v>
      </c>
      <c r="D18396" s="1" t="s">
        <v>66833</v>
      </c>
      <c r="E18396" s="1" t="s">
        <v>41320</v>
      </c>
      <c r="F18396" s="1" t="s">
        <v>66834</v>
      </c>
      <c r="G18396" s="1" t="s">
        <v>66801</v>
      </c>
      <c r="H18396" s="1" t="s">
        <v>66802</v>
      </c>
      <c r="I18396" s="1" t="s">
        <v>53800</v>
      </c>
      <c r="J18396" s="1" t="s">
        <v>66835</v>
      </c>
    </row>
    <row r="18397" spans="1:10" x14ac:dyDescent="0.35">
      <c r="A18397" s="1" t="s">
        <v>1320</v>
      </c>
      <c r="B18397" s="1" t="s">
        <v>53796</v>
      </c>
      <c r="C18397" s="1" t="s">
        <v>80</v>
      </c>
      <c r="D18397" s="1" t="s">
        <v>66836</v>
      </c>
      <c r="E18397" s="1" t="s">
        <v>60632</v>
      </c>
      <c r="F18397" s="1" t="s">
        <v>66837</v>
      </c>
      <c r="G18397" s="1" t="s">
        <v>66801</v>
      </c>
      <c r="H18397" s="1" t="s">
        <v>66802</v>
      </c>
      <c r="I18397" s="1" t="s">
        <v>53800</v>
      </c>
      <c r="J18397" s="1" t="s">
        <v>66838</v>
      </c>
    </row>
    <row r="18398" spans="1:10" x14ac:dyDescent="0.35">
      <c r="A18398" s="1" t="s">
        <v>1320</v>
      </c>
      <c r="B18398" s="1" t="s">
        <v>53796</v>
      </c>
      <c r="C18398" s="1" t="s">
        <v>85</v>
      </c>
      <c r="D18398" s="1" t="s">
        <v>11119</v>
      </c>
      <c r="E18398" s="1" t="s">
        <v>55119</v>
      </c>
      <c r="F18398" s="1" t="s">
        <v>62744</v>
      </c>
      <c r="G18398" s="1" t="s">
        <v>66801</v>
      </c>
      <c r="H18398" s="1" t="s">
        <v>66802</v>
      </c>
      <c r="I18398" s="1" t="s">
        <v>53800</v>
      </c>
      <c r="J18398" s="1" t="s">
        <v>66839</v>
      </c>
    </row>
    <row r="18399" spans="1:10" x14ac:dyDescent="0.35">
      <c r="A18399" s="1" t="s">
        <v>1320</v>
      </c>
      <c r="B18399" s="1" t="s">
        <v>53796</v>
      </c>
      <c r="C18399" s="1" t="s">
        <v>90</v>
      </c>
      <c r="D18399" s="1" t="s">
        <v>66840</v>
      </c>
      <c r="E18399" s="1" t="s">
        <v>56901</v>
      </c>
      <c r="F18399" s="1" t="s">
        <v>66841</v>
      </c>
      <c r="G18399" s="1" t="s">
        <v>66801</v>
      </c>
      <c r="H18399" s="1" t="s">
        <v>66802</v>
      </c>
      <c r="I18399" s="1" t="s">
        <v>53800</v>
      </c>
      <c r="J18399" s="1" t="s">
        <v>66842</v>
      </c>
    </row>
    <row r="18400" spans="1:10" x14ac:dyDescent="0.35">
      <c r="A18400" s="1" t="s">
        <v>1320</v>
      </c>
      <c r="B18400" s="1" t="s">
        <v>53796</v>
      </c>
      <c r="C18400" s="1" t="s">
        <v>95</v>
      </c>
      <c r="D18400" s="1" t="s">
        <v>40233</v>
      </c>
      <c r="E18400" s="1" t="s">
        <v>23016</v>
      </c>
      <c r="F18400" s="1" t="s">
        <v>66843</v>
      </c>
      <c r="G18400" s="1" t="s">
        <v>66801</v>
      </c>
      <c r="H18400" s="1" t="s">
        <v>66802</v>
      </c>
      <c r="I18400" s="1" t="s">
        <v>53800</v>
      </c>
      <c r="J18400" s="1" t="s">
        <v>66844</v>
      </c>
    </row>
    <row r="18401" spans="1:10" x14ac:dyDescent="0.35">
      <c r="A18401" s="1" t="s">
        <v>1320</v>
      </c>
      <c r="B18401" s="1" t="s">
        <v>53796</v>
      </c>
      <c r="C18401" s="1" t="s">
        <v>100</v>
      </c>
      <c r="D18401" s="1" t="s">
        <v>66845</v>
      </c>
      <c r="E18401" s="1" t="s">
        <v>21883</v>
      </c>
      <c r="F18401" s="1" t="s">
        <v>66846</v>
      </c>
      <c r="G18401" s="1" t="s">
        <v>66801</v>
      </c>
      <c r="H18401" s="1" t="s">
        <v>66802</v>
      </c>
      <c r="I18401" s="1" t="s">
        <v>53800</v>
      </c>
      <c r="J18401" s="1" t="s">
        <v>66847</v>
      </c>
    </row>
    <row r="18402" spans="1:10" x14ac:dyDescent="0.35">
      <c r="A18402" s="1" t="s">
        <v>1320</v>
      </c>
      <c r="B18402" s="1" t="s">
        <v>53796</v>
      </c>
      <c r="C18402" s="1" t="s">
        <v>105</v>
      </c>
      <c r="D18402" s="1" t="s">
        <v>58757</v>
      </c>
      <c r="E18402" s="1" t="s">
        <v>41266</v>
      </c>
      <c r="F18402" s="1" t="s">
        <v>66848</v>
      </c>
      <c r="G18402" s="1" t="s">
        <v>66801</v>
      </c>
      <c r="H18402" s="1" t="s">
        <v>66802</v>
      </c>
      <c r="I18402" s="1" t="s">
        <v>53800</v>
      </c>
      <c r="J18402" s="1" t="s">
        <v>66849</v>
      </c>
    </row>
    <row r="18403" spans="1:10" x14ac:dyDescent="0.35">
      <c r="A18403" s="1" t="s">
        <v>1320</v>
      </c>
      <c r="B18403" s="1" t="s">
        <v>53796</v>
      </c>
      <c r="C18403" s="1" t="s">
        <v>110</v>
      </c>
      <c r="D18403" s="1" t="s">
        <v>66850</v>
      </c>
      <c r="E18403" s="1" t="s">
        <v>54971</v>
      </c>
      <c r="F18403" s="1" t="s">
        <v>56024</v>
      </c>
      <c r="G18403" s="1" t="s">
        <v>66801</v>
      </c>
      <c r="H18403" s="1" t="s">
        <v>66802</v>
      </c>
      <c r="I18403" s="1" t="s">
        <v>53800</v>
      </c>
      <c r="J18403" s="1" t="s">
        <v>66851</v>
      </c>
    </row>
    <row r="18404" spans="1:10" x14ac:dyDescent="0.35">
      <c r="A18404" s="1" t="s">
        <v>1320</v>
      </c>
      <c r="B18404" s="1" t="s">
        <v>53796</v>
      </c>
      <c r="C18404" s="1" t="s">
        <v>115</v>
      </c>
      <c r="D18404" s="1" t="s">
        <v>66852</v>
      </c>
      <c r="E18404" s="1" t="s">
        <v>56956</v>
      </c>
      <c r="F18404" s="1" t="s">
        <v>66853</v>
      </c>
      <c r="G18404" s="1" t="s">
        <v>66801</v>
      </c>
      <c r="H18404" s="1" t="s">
        <v>66802</v>
      </c>
      <c r="I18404" s="1" t="s">
        <v>53800</v>
      </c>
      <c r="J18404" s="1" t="s">
        <v>66854</v>
      </c>
    </row>
    <row r="18405" spans="1:10" x14ac:dyDescent="0.35">
      <c r="A18405" s="1" t="s">
        <v>1320</v>
      </c>
      <c r="B18405" s="1" t="s">
        <v>53796</v>
      </c>
      <c r="C18405" s="1" t="s">
        <v>120</v>
      </c>
      <c r="D18405" s="1" t="s">
        <v>66855</v>
      </c>
      <c r="E18405" s="1" t="s">
        <v>31405</v>
      </c>
      <c r="F18405" s="1" t="s">
        <v>66856</v>
      </c>
      <c r="G18405" s="1" t="s">
        <v>66801</v>
      </c>
      <c r="H18405" s="1" t="s">
        <v>66802</v>
      </c>
      <c r="I18405" s="1" t="s">
        <v>53800</v>
      </c>
      <c r="J18405" s="1" t="s">
        <v>66857</v>
      </c>
    </row>
    <row r="18406" spans="1:10" x14ac:dyDescent="0.35">
      <c r="A18406" s="1" t="s">
        <v>1320</v>
      </c>
      <c r="B18406" s="1" t="s">
        <v>53796</v>
      </c>
      <c r="C18406" s="1" t="s">
        <v>125</v>
      </c>
      <c r="D18406" s="1" t="s">
        <v>66858</v>
      </c>
      <c r="E18406" s="1" t="s">
        <v>22974</v>
      </c>
      <c r="F18406" s="1" t="s">
        <v>66859</v>
      </c>
      <c r="G18406" s="1" t="s">
        <v>66801</v>
      </c>
      <c r="H18406" s="1" t="s">
        <v>66802</v>
      </c>
      <c r="I18406" s="1" t="s">
        <v>53800</v>
      </c>
      <c r="J18406" s="1" t="s">
        <v>66860</v>
      </c>
    </row>
    <row r="18407" spans="1:10" x14ac:dyDescent="0.35">
      <c r="A18407" s="1" t="s">
        <v>1320</v>
      </c>
      <c r="B18407" s="1" t="s">
        <v>53796</v>
      </c>
      <c r="C18407" s="1" t="s">
        <v>130</v>
      </c>
      <c r="D18407" s="1" t="s">
        <v>66861</v>
      </c>
      <c r="E18407" s="1" t="s">
        <v>59223</v>
      </c>
      <c r="F18407" s="1" t="s">
        <v>66862</v>
      </c>
      <c r="G18407" s="1" t="s">
        <v>66801</v>
      </c>
      <c r="H18407" s="1" t="s">
        <v>66802</v>
      </c>
      <c r="I18407" s="1" t="s">
        <v>53800</v>
      </c>
      <c r="J18407" s="1" t="s">
        <v>66863</v>
      </c>
    </row>
    <row r="18408" spans="1:10" x14ac:dyDescent="0.35">
      <c r="A18408" s="1" t="s">
        <v>1320</v>
      </c>
      <c r="B18408" s="1" t="s">
        <v>53796</v>
      </c>
      <c r="C18408" s="1" t="s">
        <v>135</v>
      </c>
      <c r="D18408" s="1" t="s">
        <v>66864</v>
      </c>
      <c r="E18408" s="1" t="s">
        <v>16129</v>
      </c>
      <c r="F18408" s="1" t="s">
        <v>66865</v>
      </c>
      <c r="G18408" s="1" t="s">
        <v>66801</v>
      </c>
      <c r="H18408" s="1" t="s">
        <v>66802</v>
      </c>
      <c r="I18408" s="1" t="s">
        <v>53800</v>
      </c>
      <c r="J18408" s="1" t="s">
        <v>66866</v>
      </c>
    </row>
    <row r="18409" spans="1:10" x14ac:dyDescent="0.35">
      <c r="A18409" s="1" t="s">
        <v>1320</v>
      </c>
      <c r="B18409" s="1" t="s">
        <v>53796</v>
      </c>
      <c r="C18409" s="1" t="s">
        <v>140</v>
      </c>
      <c r="D18409" s="1" t="s">
        <v>54950</v>
      </c>
      <c r="E18409" s="1" t="s">
        <v>60967</v>
      </c>
      <c r="F18409" s="1" t="s">
        <v>66867</v>
      </c>
      <c r="G18409" s="1" t="s">
        <v>66801</v>
      </c>
      <c r="H18409" s="1" t="s">
        <v>66802</v>
      </c>
      <c r="I18409" s="1" t="s">
        <v>53800</v>
      </c>
      <c r="J18409" s="1" t="s">
        <v>66868</v>
      </c>
    </row>
    <row r="18410" spans="1:10" x14ac:dyDescent="0.35">
      <c r="A18410" s="1" t="s">
        <v>1320</v>
      </c>
      <c r="B18410" s="1" t="s">
        <v>53796</v>
      </c>
      <c r="C18410" s="1" t="s">
        <v>145</v>
      </c>
      <c r="D18410" s="1" t="s">
        <v>66869</v>
      </c>
      <c r="E18410" s="1" t="s">
        <v>53843</v>
      </c>
      <c r="F18410" s="1" t="s">
        <v>26630</v>
      </c>
      <c r="G18410" s="1" t="s">
        <v>66801</v>
      </c>
      <c r="H18410" s="1" t="s">
        <v>66802</v>
      </c>
      <c r="I18410" s="1" t="s">
        <v>53800</v>
      </c>
      <c r="J18410" s="1" t="s">
        <v>66870</v>
      </c>
    </row>
    <row r="18411" spans="1:10" x14ac:dyDescent="0.35">
      <c r="A18411" s="1" t="s">
        <v>1320</v>
      </c>
      <c r="B18411" s="1" t="s">
        <v>53796</v>
      </c>
      <c r="C18411" s="1" t="s">
        <v>150</v>
      </c>
      <c r="D18411" s="1" t="s">
        <v>20646</v>
      </c>
      <c r="E18411" s="1" t="s">
        <v>58546</v>
      </c>
      <c r="F18411" s="1" t="s">
        <v>54669</v>
      </c>
      <c r="G18411" s="1" t="s">
        <v>66801</v>
      </c>
      <c r="H18411" s="1" t="s">
        <v>66802</v>
      </c>
      <c r="I18411" s="1" t="s">
        <v>53800</v>
      </c>
      <c r="J18411" s="1" t="s">
        <v>66871</v>
      </c>
    </row>
    <row r="18412" spans="1:10" x14ac:dyDescent="0.35">
      <c r="A18412" s="1" t="s">
        <v>1320</v>
      </c>
      <c r="B18412" s="1" t="s">
        <v>53796</v>
      </c>
      <c r="C18412" s="1" t="s">
        <v>155</v>
      </c>
      <c r="D18412" s="1" t="s">
        <v>66872</v>
      </c>
      <c r="E18412" s="1" t="s">
        <v>12805</v>
      </c>
      <c r="F18412" s="1" t="s">
        <v>60592</v>
      </c>
      <c r="G18412" s="1" t="s">
        <v>66801</v>
      </c>
      <c r="H18412" s="1" t="s">
        <v>66802</v>
      </c>
      <c r="I18412" s="1" t="s">
        <v>53800</v>
      </c>
      <c r="J18412" s="1" t="s">
        <v>66873</v>
      </c>
    </row>
    <row r="18413" spans="1:10" x14ac:dyDescent="0.35">
      <c r="A18413" s="1" t="s">
        <v>1320</v>
      </c>
      <c r="B18413" s="1" t="s">
        <v>53796</v>
      </c>
      <c r="C18413" s="1" t="s">
        <v>160</v>
      </c>
      <c r="D18413" s="1" t="s">
        <v>66874</v>
      </c>
      <c r="E18413" s="1" t="s">
        <v>56215</v>
      </c>
      <c r="F18413" s="1" t="s">
        <v>66875</v>
      </c>
      <c r="G18413" s="1" t="s">
        <v>66801</v>
      </c>
      <c r="H18413" s="1" t="s">
        <v>66802</v>
      </c>
      <c r="I18413" s="1" t="s">
        <v>53800</v>
      </c>
      <c r="J18413" s="1" t="s">
        <v>66876</v>
      </c>
    </row>
    <row r="18414" spans="1:10" x14ac:dyDescent="0.35">
      <c r="A18414" s="1" t="s">
        <v>1320</v>
      </c>
      <c r="B18414" s="1" t="s">
        <v>53796</v>
      </c>
      <c r="C18414" s="1" t="s">
        <v>165</v>
      </c>
      <c r="D18414" s="1" t="s">
        <v>66877</v>
      </c>
      <c r="E18414" s="1" t="s">
        <v>23126</v>
      </c>
      <c r="F18414" s="1" t="s">
        <v>66878</v>
      </c>
      <c r="G18414" s="1" t="s">
        <v>66801</v>
      </c>
      <c r="H18414" s="1" t="s">
        <v>66802</v>
      </c>
      <c r="I18414" s="1" t="s">
        <v>53800</v>
      </c>
      <c r="J18414" s="1" t="s">
        <v>66879</v>
      </c>
    </row>
    <row r="18415" spans="1:10" x14ac:dyDescent="0.35">
      <c r="A18415" s="1" t="s">
        <v>1320</v>
      </c>
      <c r="B18415" s="1" t="s">
        <v>53796</v>
      </c>
      <c r="C18415" s="1" t="s">
        <v>170</v>
      </c>
      <c r="D18415" s="1" t="s">
        <v>66880</v>
      </c>
      <c r="E18415" s="1" t="s">
        <v>53936</v>
      </c>
      <c r="F18415" s="1" t="s">
        <v>66881</v>
      </c>
      <c r="G18415" s="1" t="s">
        <v>66801</v>
      </c>
      <c r="H18415" s="1" t="s">
        <v>66802</v>
      </c>
      <c r="I18415" s="1" t="s">
        <v>53800</v>
      </c>
      <c r="J18415" s="1" t="s">
        <v>66882</v>
      </c>
    </row>
    <row r="18416" spans="1:10" x14ac:dyDescent="0.35">
      <c r="A18416" s="1" t="s">
        <v>1300</v>
      </c>
      <c r="B18416" s="1" t="s">
        <v>53796</v>
      </c>
      <c r="C18416" s="1" t="s">
        <v>8</v>
      </c>
      <c r="D18416" s="1" t="s">
        <v>62362</v>
      </c>
      <c r="E18416" s="1" t="s">
        <v>54729</v>
      </c>
      <c r="F18416" s="1" t="s">
        <v>66883</v>
      </c>
      <c r="G18416" s="1" t="s">
        <v>66884</v>
      </c>
      <c r="H18416" s="1" t="s">
        <v>66885</v>
      </c>
      <c r="I18416" s="1" t="s">
        <v>53800</v>
      </c>
      <c r="J18416" s="1" t="s">
        <v>13</v>
      </c>
    </row>
    <row r="18417" spans="1:10" x14ac:dyDescent="0.35">
      <c r="A18417" s="1" t="s">
        <v>1300</v>
      </c>
      <c r="B18417" s="1" t="s">
        <v>53796</v>
      </c>
      <c r="C18417" s="1" t="s">
        <v>15</v>
      </c>
      <c r="D18417" s="1" t="s">
        <v>66886</v>
      </c>
      <c r="E18417" s="1" t="s">
        <v>55007</v>
      </c>
      <c r="F18417" s="1" t="s">
        <v>66887</v>
      </c>
      <c r="G18417" s="1" t="s">
        <v>66884</v>
      </c>
      <c r="H18417" s="1" t="s">
        <v>66885</v>
      </c>
      <c r="I18417" s="1" t="s">
        <v>53800</v>
      </c>
      <c r="J18417" s="1" t="s">
        <v>66888</v>
      </c>
    </row>
    <row r="18418" spans="1:10" x14ac:dyDescent="0.35">
      <c r="A18418" s="1" t="s">
        <v>1300</v>
      </c>
      <c r="B18418" s="1" t="s">
        <v>53796</v>
      </c>
      <c r="C18418" s="1" t="s">
        <v>20</v>
      </c>
      <c r="D18418" s="1" t="s">
        <v>66889</v>
      </c>
      <c r="E18418" s="1" t="s">
        <v>24178</v>
      </c>
      <c r="F18418" s="1" t="s">
        <v>66890</v>
      </c>
      <c r="G18418" s="1" t="s">
        <v>66884</v>
      </c>
      <c r="H18418" s="1" t="s">
        <v>66885</v>
      </c>
      <c r="I18418" s="1" t="s">
        <v>53800</v>
      </c>
      <c r="J18418" s="1" t="s">
        <v>66891</v>
      </c>
    </row>
    <row r="18419" spans="1:10" x14ac:dyDescent="0.35">
      <c r="A18419" s="1" t="s">
        <v>1300</v>
      </c>
      <c r="B18419" s="1" t="s">
        <v>53796</v>
      </c>
      <c r="C18419" s="1" t="s">
        <v>25</v>
      </c>
      <c r="D18419" s="1" t="s">
        <v>66892</v>
      </c>
      <c r="E18419" s="1" t="s">
        <v>22026</v>
      </c>
      <c r="F18419" s="1" t="s">
        <v>66893</v>
      </c>
      <c r="G18419" s="1" t="s">
        <v>66884</v>
      </c>
      <c r="H18419" s="1" t="s">
        <v>66885</v>
      </c>
      <c r="I18419" s="1" t="s">
        <v>53800</v>
      </c>
      <c r="J18419" s="1" t="s">
        <v>66894</v>
      </c>
    </row>
    <row r="18420" spans="1:10" x14ac:dyDescent="0.35">
      <c r="A18420" s="1" t="s">
        <v>1300</v>
      </c>
      <c r="B18420" s="1" t="s">
        <v>53796</v>
      </c>
      <c r="C18420" s="1" t="s">
        <v>30</v>
      </c>
      <c r="D18420" s="1" t="s">
        <v>66895</v>
      </c>
      <c r="E18420" s="1" t="s">
        <v>60199</v>
      </c>
      <c r="F18420" s="1" t="s">
        <v>66896</v>
      </c>
      <c r="G18420" s="1" t="s">
        <v>66884</v>
      </c>
      <c r="H18420" s="1" t="s">
        <v>66885</v>
      </c>
      <c r="I18420" s="1" t="s">
        <v>53800</v>
      </c>
      <c r="J18420" s="1" t="s">
        <v>66897</v>
      </c>
    </row>
    <row r="18421" spans="1:10" x14ac:dyDescent="0.35">
      <c r="A18421" s="1" t="s">
        <v>1300</v>
      </c>
      <c r="B18421" s="1" t="s">
        <v>53796</v>
      </c>
      <c r="C18421" s="1" t="s">
        <v>35</v>
      </c>
      <c r="D18421" s="1" t="s">
        <v>66898</v>
      </c>
      <c r="E18421" s="1" t="s">
        <v>22018</v>
      </c>
      <c r="F18421" s="1" t="s">
        <v>66899</v>
      </c>
      <c r="G18421" s="1" t="s">
        <v>66884</v>
      </c>
      <c r="H18421" s="1" t="s">
        <v>66885</v>
      </c>
      <c r="I18421" s="1" t="s">
        <v>53800</v>
      </c>
      <c r="J18421" s="1" t="s">
        <v>66900</v>
      </c>
    </row>
    <row r="18422" spans="1:10" x14ac:dyDescent="0.35">
      <c r="A18422" s="1" t="s">
        <v>1300</v>
      </c>
      <c r="B18422" s="1" t="s">
        <v>53796</v>
      </c>
      <c r="C18422" s="1" t="s">
        <v>40</v>
      </c>
      <c r="D18422" s="1" t="s">
        <v>66901</v>
      </c>
      <c r="E18422" s="1" t="s">
        <v>66902</v>
      </c>
      <c r="F18422" s="1" t="s">
        <v>66903</v>
      </c>
      <c r="G18422" s="1" t="s">
        <v>66884</v>
      </c>
      <c r="H18422" s="1" t="s">
        <v>66885</v>
      </c>
      <c r="I18422" s="1" t="s">
        <v>53800</v>
      </c>
      <c r="J18422" s="1" t="s">
        <v>66904</v>
      </c>
    </row>
    <row r="18423" spans="1:10" x14ac:dyDescent="0.35">
      <c r="A18423" s="1" t="s">
        <v>1300</v>
      </c>
      <c r="B18423" s="1" t="s">
        <v>53796</v>
      </c>
      <c r="C18423" s="1" t="s">
        <v>45</v>
      </c>
      <c r="D18423" s="1" t="s">
        <v>66905</v>
      </c>
      <c r="E18423" s="1" t="s">
        <v>66906</v>
      </c>
      <c r="F18423" s="1" t="s">
        <v>59706</v>
      </c>
      <c r="G18423" s="1" t="s">
        <v>66884</v>
      </c>
      <c r="H18423" s="1" t="s">
        <v>66885</v>
      </c>
      <c r="I18423" s="1" t="s">
        <v>53800</v>
      </c>
      <c r="J18423" s="1" t="s">
        <v>66907</v>
      </c>
    </row>
    <row r="18424" spans="1:10" x14ac:dyDescent="0.35">
      <c r="A18424" s="1" t="s">
        <v>1300</v>
      </c>
      <c r="B18424" s="1" t="s">
        <v>53796</v>
      </c>
      <c r="C18424" s="1" t="s">
        <v>50</v>
      </c>
      <c r="D18424" s="1" t="s">
        <v>66908</v>
      </c>
      <c r="E18424" s="1" t="s">
        <v>41192</v>
      </c>
      <c r="F18424" s="1" t="s">
        <v>32928</v>
      </c>
      <c r="G18424" s="1" t="s">
        <v>66884</v>
      </c>
      <c r="H18424" s="1" t="s">
        <v>66885</v>
      </c>
      <c r="I18424" s="1" t="s">
        <v>53800</v>
      </c>
      <c r="J18424" s="1" t="s">
        <v>66909</v>
      </c>
    </row>
    <row r="18425" spans="1:10" x14ac:dyDescent="0.35">
      <c r="A18425" s="1" t="s">
        <v>1300</v>
      </c>
      <c r="B18425" s="1" t="s">
        <v>53796</v>
      </c>
      <c r="C18425" s="1" t="s">
        <v>55</v>
      </c>
      <c r="D18425" s="1" t="s">
        <v>66910</v>
      </c>
      <c r="E18425" s="1" t="s">
        <v>26572</v>
      </c>
      <c r="F18425" s="1" t="s">
        <v>66911</v>
      </c>
      <c r="G18425" s="1" t="s">
        <v>66884</v>
      </c>
      <c r="H18425" s="1" t="s">
        <v>66885</v>
      </c>
      <c r="I18425" s="1" t="s">
        <v>53800</v>
      </c>
      <c r="J18425" s="1" t="s">
        <v>66912</v>
      </c>
    </row>
    <row r="18426" spans="1:10" x14ac:dyDescent="0.35">
      <c r="A18426" s="1" t="s">
        <v>1300</v>
      </c>
      <c r="B18426" s="1" t="s">
        <v>53796</v>
      </c>
      <c r="C18426" s="1" t="s">
        <v>60</v>
      </c>
      <c r="D18426" s="1" t="s">
        <v>66913</v>
      </c>
      <c r="E18426" s="1" t="s">
        <v>59319</v>
      </c>
      <c r="F18426" s="1" t="s">
        <v>66914</v>
      </c>
      <c r="G18426" s="1" t="s">
        <v>66884</v>
      </c>
      <c r="H18426" s="1" t="s">
        <v>66885</v>
      </c>
      <c r="I18426" s="1" t="s">
        <v>53800</v>
      </c>
      <c r="J18426" s="1" t="s">
        <v>66915</v>
      </c>
    </row>
    <row r="18427" spans="1:10" x14ac:dyDescent="0.35">
      <c r="A18427" s="1" t="s">
        <v>1300</v>
      </c>
      <c r="B18427" s="1" t="s">
        <v>53796</v>
      </c>
      <c r="C18427" s="1" t="s">
        <v>65</v>
      </c>
      <c r="D18427" s="1" t="s">
        <v>39900</v>
      </c>
      <c r="E18427" s="1" t="s">
        <v>66916</v>
      </c>
      <c r="F18427" s="1" t="s">
        <v>66917</v>
      </c>
      <c r="G18427" s="1" t="s">
        <v>66884</v>
      </c>
      <c r="H18427" s="1" t="s">
        <v>66885</v>
      </c>
      <c r="I18427" s="1" t="s">
        <v>53800</v>
      </c>
      <c r="J18427" s="1" t="s">
        <v>66918</v>
      </c>
    </row>
    <row r="18428" spans="1:10" x14ac:dyDescent="0.35">
      <c r="A18428" s="1" t="s">
        <v>1300</v>
      </c>
      <c r="B18428" s="1" t="s">
        <v>53796</v>
      </c>
      <c r="C18428" s="1" t="s">
        <v>70</v>
      </c>
      <c r="D18428" s="1" t="s">
        <v>66919</v>
      </c>
      <c r="E18428" s="1" t="s">
        <v>24377</v>
      </c>
      <c r="F18428" s="1" t="s">
        <v>66920</v>
      </c>
      <c r="G18428" s="1" t="s">
        <v>66884</v>
      </c>
      <c r="H18428" s="1" t="s">
        <v>66885</v>
      </c>
      <c r="I18428" s="1" t="s">
        <v>53800</v>
      </c>
      <c r="J18428" s="1" t="s">
        <v>66921</v>
      </c>
    </row>
    <row r="18429" spans="1:10" x14ac:dyDescent="0.35">
      <c r="A18429" s="1" t="s">
        <v>1300</v>
      </c>
      <c r="B18429" s="1" t="s">
        <v>53796</v>
      </c>
      <c r="C18429" s="1" t="s">
        <v>75</v>
      </c>
      <c r="D18429" s="1" t="s">
        <v>66922</v>
      </c>
      <c r="E18429" s="1" t="s">
        <v>41363</v>
      </c>
      <c r="F18429" s="1" t="s">
        <v>66923</v>
      </c>
      <c r="G18429" s="1" t="s">
        <v>66884</v>
      </c>
      <c r="H18429" s="1" t="s">
        <v>66885</v>
      </c>
      <c r="I18429" s="1" t="s">
        <v>53800</v>
      </c>
      <c r="J18429" s="1" t="s">
        <v>66924</v>
      </c>
    </row>
    <row r="18430" spans="1:10" x14ac:dyDescent="0.35">
      <c r="A18430" s="1" t="s">
        <v>1300</v>
      </c>
      <c r="B18430" s="1" t="s">
        <v>53796</v>
      </c>
      <c r="C18430" s="1" t="s">
        <v>80</v>
      </c>
      <c r="D18430" s="1" t="s">
        <v>66925</v>
      </c>
      <c r="E18430" s="1" t="s">
        <v>21117</v>
      </c>
      <c r="F18430" s="1" t="s">
        <v>66926</v>
      </c>
      <c r="G18430" s="1" t="s">
        <v>66884</v>
      </c>
      <c r="H18430" s="1" t="s">
        <v>66885</v>
      </c>
      <c r="I18430" s="1" t="s">
        <v>53800</v>
      </c>
      <c r="J18430" s="1" t="s">
        <v>66927</v>
      </c>
    </row>
    <row r="18431" spans="1:10" x14ac:dyDescent="0.35">
      <c r="A18431" s="1" t="s">
        <v>1300</v>
      </c>
      <c r="B18431" s="1" t="s">
        <v>53796</v>
      </c>
      <c r="C18431" s="1" t="s">
        <v>85</v>
      </c>
      <c r="D18431" s="1" t="s">
        <v>66928</v>
      </c>
      <c r="E18431" s="1" t="s">
        <v>23030</v>
      </c>
      <c r="F18431" s="1" t="s">
        <v>66929</v>
      </c>
      <c r="G18431" s="1" t="s">
        <v>66884</v>
      </c>
      <c r="H18431" s="1" t="s">
        <v>66885</v>
      </c>
      <c r="I18431" s="1" t="s">
        <v>53800</v>
      </c>
      <c r="J18431" s="1" t="s">
        <v>66930</v>
      </c>
    </row>
    <row r="18432" spans="1:10" x14ac:dyDescent="0.35">
      <c r="A18432" s="1" t="s">
        <v>1300</v>
      </c>
      <c r="B18432" s="1" t="s">
        <v>53796</v>
      </c>
      <c r="C18432" s="1" t="s">
        <v>90</v>
      </c>
      <c r="D18432" s="1" t="s">
        <v>66931</v>
      </c>
      <c r="E18432" s="1" t="s">
        <v>53949</v>
      </c>
      <c r="F18432" s="1" t="s">
        <v>32908</v>
      </c>
      <c r="G18432" s="1" t="s">
        <v>66884</v>
      </c>
      <c r="H18432" s="1" t="s">
        <v>66885</v>
      </c>
      <c r="I18432" s="1" t="s">
        <v>53800</v>
      </c>
      <c r="J18432" s="1" t="s">
        <v>66932</v>
      </c>
    </row>
    <row r="18433" spans="1:10" x14ac:dyDescent="0.35">
      <c r="A18433" s="1" t="s">
        <v>1300</v>
      </c>
      <c r="B18433" s="1" t="s">
        <v>53796</v>
      </c>
      <c r="C18433" s="1" t="s">
        <v>95</v>
      </c>
      <c r="D18433" s="1" t="s">
        <v>66933</v>
      </c>
      <c r="E18433" s="1" t="s">
        <v>56397</v>
      </c>
      <c r="F18433" s="1" t="s">
        <v>26226</v>
      </c>
      <c r="G18433" s="1" t="s">
        <v>66884</v>
      </c>
      <c r="H18433" s="1" t="s">
        <v>66885</v>
      </c>
      <c r="I18433" s="1" t="s">
        <v>53800</v>
      </c>
      <c r="J18433" s="1" t="s">
        <v>66934</v>
      </c>
    </row>
    <row r="18434" spans="1:10" x14ac:dyDescent="0.35">
      <c r="A18434" s="1" t="s">
        <v>1300</v>
      </c>
      <c r="B18434" s="1" t="s">
        <v>53796</v>
      </c>
      <c r="C18434" s="1" t="s">
        <v>100</v>
      </c>
      <c r="D18434" s="1" t="s">
        <v>66935</v>
      </c>
      <c r="E18434" s="1" t="s">
        <v>40717</v>
      </c>
      <c r="F18434" s="1" t="s">
        <v>66936</v>
      </c>
      <c r="G18434" s="1" t="s">
        <v>66884</v>
      </c>
      <c r="H18434" s="1" t="s">
        <v>66885</v>
      </c>
      <c r="I18434" s="1" t="s">
        <v>53800</v>
      </c>
      <c r="J18434" s="1" t="s">
        <v>66937</v>
      </c>
    </row>
    <row r="18435" spans="1:10" x14ac:dyDescent="0.35">
      <c r="A18435" s="1" t="s">
        <v>1300</v>
      </c>
      <c r="B18435" s="1" t="s">
        <v>53796</v>
      </c>
      <c r="C18435" s="1" t="s">
        <v>105</v>
      </c>
      <c r="D18435" s="1" t="s">
        <v>66938</v>
      </c>
      <c r="E18435" s="1" t="s">
        <v>24363</v>
      </c>
      <c r="F18435" s="1" t="s">
        <v>66939</v>
      </c>
      <c r="G18435" s="1" t="s">
        <v>66884</v>
      </c>
      <c r="H18435" s="1" t="s">
        <v>66885</v>
      </c>
      <c r="I18435" s="1" t="s">
        <v>53800</v>
      </c>
      <c r="J18435" s="1" t="s">
        <v>66940</v>
      </c>
    </row>
    <row r="18436" spans="1:10" x14ac:dyDescent="0.35">
      <c r="A18436" s="1" t="s">
        <v>1300</v>
      </c>
      <c r="B18436" s="1" t="s">
        <v>53796</v>
      </c>
      <c r="C18436" s="1" t="s">
        <v>110</v>
      </c>
      <c r="D18436" s="1" t="s">
        <v>66941</v>
      </c>
      <c r="E18436" s="1" t="s">
        <v>40644</v>
      </c>
      <c r="F18436" s="1" t="s">
        <v>66942</v>
      </c>
      <c r="G18436" s="1" t="s">
        <v>66884</v>
      </c>
      <c r="H18436" s="1" t="s">
        <v>66885</v>
      </c>
      <c r="I18436" s="1" t="s">
        <v>53800</v>
      </c>
      <c r="J18436" s="1" t="s">
        <v>66943</v>
      </c>
    </row>
    <row r="18437" spans="1:10" x14ac:dyDescent="0.35">
      <c r="A18437" s="1" t="s">
        <v>1300</v>
      </c>
      <c r="B18437" s="1" t="s">
        <v>53796</v>
      </c>
      <c r="C18437" s="1" t="s">
        <v>115</v>
      </c>
      <c r="D18437" s="1" t="s">
        <v>66944</v>
      </c>
      <c r="E18437" s="1" t="s">
        <v>41202</v>
      </c>
      <c r="F18437" s="1" t="s">
        <v>66945</v>
      </c>
      <c r="G18437" s="1" t="s">
        <v>66884</v>
      </c>
      <c r="H18437" s="1" t="s">
        <v>66885</v>
      </c>
      <c r="I18437" s="1" t="s">
        <v>53800</v>
      </c>
      <c r="J18437" s="1" t="s">
        <v>66946</v>
      </c>
    </row>
    <row r="18438" spans="1:10" x14ac:dyDescent="0.35">
      <c r="A18438" s="1" t="s">
        <v>1300</v>
      </c>
      <c r="B18438" s="1" t="s">
        <v>53796</v>
      </c>
      <c r="C18438" s="1" t="s">
        <v>120</v>
      </c>
      <c r="D18438" s="1" t="s">
        <v>66947</v>
      </c>
      <c r="E18438" s="1" t="s">
        <v>41210</v>
      </c>
      <c r="F18438" s="1" t="s">
        <v>66327</v>
      </c>
      <c r="G18438" s="1" t="s">
        <v>66884</v>
      </c>
      <c r="H18438" s="1" t="s">
        <v>66885</v>
      </c>
      <c r="I18438" s="1" t="s">
        <v>53800</v>
      </c>
      <c r="J18438" s="1" t="s">
        <v>66948</v>
      </c>
    </row>
    <row r="18439" spans="1:10" x14ac:dyDescent="0.35">
      <c r="A18439" s="1" t="s">
        <v>1300</v>
      </c>
      <c r="B18439" s="1" t="s">
        <v>53796</v>
      </c>
      <c r="C18439" s="1" t="s">
        <v>125</v>
      </c>
      <c r="D18439" s="1" t="s">
        <v>66949</v>
      </c>
      <c r="E18439" s="1" t="s">
        <v>21772</v>
      </c>
      <c r="F18439" s="1" t="s">
        <v>66950</v>
      </c>
      <c r="G18439" s="1" t="s">
        <v>66884</v>
      </c>
      <c r="H18439" s="1" t="s">
        <v>66885</v>
      </c>
      <c r="I18439" s="1" t="s">
        <v>53800</v>
      </c>
      <c r="J18439" s="1" t="s">
        <v>66951</v>
      </c>
    </row>
    <row r="18440" spans="1:10" x14ac:dyDescent="0.35">
      <c r="A18440" s="1" t="s">
        <v>1300</v>
      </c>
      <c r="B18440" s="1" t="s">
        <v>53796</v>
      </c>
      <c r="C18440" s="1" t="s">
        <v>130</v>
      </c>
      <c r="D18440" s="1" t="s">
        <v>41593</v>
      </c>
      <c r="E18440" s="1" t="s">
        <v>24213</v>
      </c>
      <c r="F18440" s="1" t="s">
        <v>66952</v>
      </c>
      <c r="G18440" s="1" t="s">
        <v>66884</v>
      </c>
      <c r="H18440" s="1" t="s">
        <v>66885</v>
      </c>
      <c r="I18440" s="1" t="s">
        <v>53800</v>
      </c>
      <c r="J18440" s="1" t="s">
        <v>66953</v>
      </c>
    </row>
    <row r="18441" spans="1:10" x14ac:dyDescent="0.35">
      <c r="A18441" s="1" t="s">
        <v>1300</v>
      </c>
      <c r="B18441" s="1" t="s">
        <v>53796</v>
      </c>
      <c r="C18441" s="1" t="s">
        <v>135</v>
      </c>
      <c r="D18441" s="1" t="s">
        <v>66954</v>
      </c>
      <c r="E18441" s="1" t="s">
        <v>66955</v>
      </c>
      <c r="F18441" s="1" t="s">
        <v>66956</v>
      </c>
      <c r="G18441" s="1" t="s">
        <v>66884</v>
      </c>
      <c r="H18441" s="1" t="s">
        <v>66885</v>
      </c>
      <c r="I18441" s="1" t="s">
        <v>53800</v>
      </c>
      <c r="J18441" s="1" t="s">
        <v>66957</v>
      </c>
    </row>
    <row r="18442" spans="1:10" x14ac:dyDescent="0.35">
      <c r="A18442" s="1" t="s">
        <v>1300</v>
      </c>
      <c r="B18442" s="1" t="s">
        <v>53796</v>
      </c>
      <c r="C18442" s="1" t="s">
        <v>140</v>
      </c>
      <c r="D18442" s="1" t="s">
        <v>66958</v>
      </c>
      <c r="E18442" s="1" t="s">
        <v>66959</v>
      </c>
      <c r="F18442" s="1" t="s">
        <v>66960</v>
      </c>
      <c r="G18442" s="1" t="s">
        <v>66884</v>
      </c>
      <c r="H18442" s="1" t="s">
        <v>66885</v>
      </c>
      <c r="I18442" s="1" t="s">
        <v>53800</v>
      </c>
      <c r="J18442" s="1" t="s">
        <v>66961</v>
      </c>
    </row>
    <row r="18443" spans="1:10" x14ac:dyDescent="0.35">
      <c r="A18443" s="1" t="s">
        <v>1300</v>
      </c>
      <c r="B18443" s="1" t="s">
        <v>53796</v>
      </c>
      <c r="C18443" s="1" t="s">
        <v>145</v>
      </c>
      <c r="D18443" s="1" t="s">
        <v>66962</v>
      </c>
      <c r="E18443" s="1" t="s">
        <v>23236</v>
      </c>
      <c r="F18443" s="1" t="s">
        <v>66963</v>
      </c>
      <c r="G18443" s="1" t="s">
        <v>66884</v>
      </c>
      <c r="H18443" s="1" t="s">
        <v>66885</v>
      </c>
      <c r="I18443" s="1" t="s">
        <v>53800</v>
      </c>
      <c r="J18443" s="1" t="s">
        <v>66964</v>
      </c>
    </row>
    <row r="18444" spans="1:10" x14ac:dyDescent="0.35">
      <c r="A18444" s="1" t="s">
        <v>1300</v>
      </c>
      <c r="B18444" s="1" t="s">
        <v>53796</v>
      </c>
      <c r="C18444" s="1" t="s">
        <v>150</v>
      </c>
      <c r="D18444" s="1" t="s">
        <v>66965</v>
      </c>
      <c r="E18444" s="1" t="s">
        <v>15274</v>
      </c>
      <c r="F18444" s="1" t="s">
        <v>32015</v>
      </c>
      <c r="G18444" s="1" t="s">
        <v>66884</v>
      </c>
      <c r="H18444" s="1" t="s">
        <v>66885</v>
      </c>
      <c r="I18444" s="1" t="s">
        <v>53800</v>
      </c>
      <c r="J18444" s="1" t="s">
        <v>66966</v>
      </c>
    </row>
    <row r="18445" spans="1:10" x14ac:dyDescent="0.35">
      <c r="A18445" s="1" t="s">
        <v>1300</v>
      </c>
      <c r="B18445" s="1" t="s">
        <v>53796</v>
      </c>
      <c r="C18445" s="1" t="s">
        <v>155</v>
      </c>
      <c r="D18445" s="1" t="s">
        <v>66967</v>
      </c>
      <c r="E18445" s="1" t="s">
        <v>59323</v>
      </c>
      <c r="F18445" s="1" t="s">
        <v>66968</v>
      </c>
      <c r="G18445" s="1" t="s">
        <v>66884</v>
      </c>
      <c r="H18445" s="1" t="s">
        <v>66885</v>
      </c>
      <c r="I18445" s="1" t="s">
        <v>53800</v>
      </c>
      <c r="J18445" s="1" t="s">
        <v>66969</v>
      </c>
    </row>
    <row r="18446" spans="1:10" x14ac:dyDescent="0.35">
      <c r="A18446" s="1" t="s">
        <v>1300</v>
      </c>
      <c r="B18446" s="1" t="s">
        <v>53796</v>
      </c>
      <c r="C18446" s="1" t="s">
        <v>160</v>
      </c>
      <c r="D18446" s="1" t="s">
        <v>66970</v>
      </c>
      <c r="E18446" s="1" t="s">
        <v>31368</v>
      </c>
      <c r="F18446" s="1" t="s">
        <v>66971</v>
      </c>
      <c r="G18446" s="1" t="s">
        <v>66884</v>
      </c>
      <c r="H18446" s="1" t="s">
        <v>66885</v>
      </c>
      <c r="I18446" s="1" t="s">
        <v>53800</v>
      </c>
      <c r="J18446" s="1" t="s">
        <v>66972</v>
      </c>
    </row>
    <row r="18447" spans="1:10" x14ac:dyDescent="0.35">
      <c r="A18447" s="1" t="s">
        <v>1300</v>
      </c>
      <c r="B18447" s="1" t="s">
        <v>53796</v>
      </c>
      <c r="C18447" s="1" t="s">
        <v>165</v>
      </c>
      <c r="D18447" s="1" t="s">
        <v>66973</v>
      </c>
      <c r="E18447" s="1" t="s">
        <v>66959</v>
      </c>
      <c r="F18447" s="1" t="s">
        <v>66974</v>
      </c>
      <c r="G18447" s="1" t="s">
        <v>66884</v>
      </c>
      <c r="H18447" s="1" t="s">
        <v>66885</v>
      </c>
      <c r="I18447" s="1" t="s">
        <v>53800</v>
      </c>
      <c r="J18447" s="1" t="s">
        <v>66975</v>
      </c>
    </row>
    <row r="18448" spans="1:10" x14ac:dyDescent="0.35">
      <c r="A18448" s="1" t="s">
        <v>1300</v>
      </c>
      <c r="B18448" s="1" t="s">
        <v>53796</v>
      </c>
      <c r="C18448" s="1" t="s">
        <v>170</v>
      </c>
      <c r="D18448" s="1" t="s">
        <v>66976</v>
      </c>
      <c r="E18448" s="1" t="s">
        <v>21860</v>
      </c>
      <c r="F18448" s="1" t="s">
        <v>66977</v>
      </c>
      <c r="G18448" s="1" t="s">
        <v>66884</v>
      </c>
      <c r="H18448" s="1" t="s">
        <v>66885</v>
      </c>
      <c r="I18448" s="1" t="s">
        <v>53800</v>
      </c>
      <c r="J18448" s="1" t="s">
        <v>66978</v>
      </c>
    </row>
    <row r="18449" spans="1:10" x14ac:dyDescent="0.35">
      <c r="A18449" s="1" t="s">
        <v>2226</v>
      </c>
      <c r="B18449" s="1" t="s">
        <v>53796</v>
      </c>
      <c r="C18449" s="1" t="s">
        <v>8</v>
      </c>
      <c r="D18449" s="1" t="s">
        <v>66979</v>
      </c>
      <c r="E18449" s="1" t="s">
        <v>15217</v>
      </c>
      <c r="F18449" s="1" t="s">
        <v>66980</v>
      </c>
      <c r="G18449" s="1" t="s">
        <v>66981</v>
      </c>
      <c r="H18449" s="1" t="s">
        <v>66982</v>
      </c>
      <c r="I18449" s="1" t="s">
        <v>53800</v>
      </c>
      <c r="J18449" s="1" t="s">
        <v>13</v>
      </c>
    </row>
    <row r="18450" spans="1:10" x14ac:dyDescent="0.35">
      <c r="A18450" s="1" t="s">
        <v>2226</v>
      </c>
      <c r="B18450" s="1" t="s">
        <v>53796</v>
      </c>
      <c r="C18450" s="1" t="s">
        <v>15</v>
      </c>
      <c r="D18450" s="1" t="s">
        <v>66983</v>
      </c>
      <c r="E18450" s="1" t="s">
        <v>61010</v>
      </c>
      <c r="F18450" s="1" t="s">
        <v>66984</v>
      </c>
      <c r="G18450" s="1" t="s">
        <v>66981</v>
      </c>
      <c r="H18450" s="1" t="s">
        <v>66982</v>
      </c>
      <c r="I18450" s="1" t="s">
        <v>53800</v>
      </c>
      <c r="J18450" s="1" t="s">
        <v>66985</v>
      </c>
    </row>
    <row r="18451" spans="1:10" x14ac:dyDescent="0.35">
      <c r="A18451" s="1" t="s">
        <v>2226</v>
      </c>
      <c r="B18451" s="1" t="s">
        <v>53796</v>
      </c>
      <c r="C18451" s="1" t="s">
        <v>20</v>
      </c>
      <c r="D18451" s="1" t="s">
        <v>2770</v>
      </c>
      <c r="E18451" s="1" t="s">
        <v>60442</v>
      </c>
      <c r="F18451" s="1" t="s">
        <v>66986</v>
      </c>
      <c r="G18451" s="1" t="s">
        <v>66981</v>
      </c>
      <c r="H18451" s="1" t="s">
        <v>66982</v>
      </c>
      <c r="I18451" s="1" t="s">
        <v>53800</v>
      </c>
      <c r="J18451" s="1" t="s">
        <v>66987</v>
      </c>
    </row>
    <row r="18452" spans="1:10" x14ac:dyDescent="0.35">
      <c r="A18452" s="1" t="s">
        <v>2226</v>
      </c>
      <c r="B18452" s="1" t="s">
        <v>53796</v>
      </c>
      <c r="C18452" s="1" t="s">
        <v>25</v>
      </c>
      <c r="D18452" s="1" t="s">
        <v>66988</v>
      </c>
      <c r="E18452" s="1" t="s">
        <v>41192</v>
      </c>
      <c r="F18452" s="1" t="s">
        <v>66989</v>
      </c>
      <c r="G18452" s="1" t="s">
        <v>66981</v>
      </c>
      <c r="H18452" s="1" t="s">
        <v>66982</v>
      </c>
      <c r="I18452" s="1" t="s">
        <v>53800</v>
      </c>
      <c r="J18452" s="1" t="s">
        <v>66990</v>
      </c>
    </row>
    <row r="18453" spans="1:10" x14ac:dyDescent="0.35">
      <c r="A18453" s="1" t="s">
        <v>2226</v>
      </c>
      <c r="B18453" s="1" t="s">
        <v>53796</v>
      </c>
      <c r="C18453" s="1" t="s">
        <v>30</v>
      </c>
      <c r="D18453" s="1" t="s">
        <v>66991</v>
      </c>
      <c r="E18453" s="1" t="s">
        <v>24246</v>
      </c>
      <c r="F18453" s="1" t="s">
        <v>66992</v>
      </c>
      <c r="G18453" s="1" t="s">
        <v>66981</v>
      </c>
      <c r="H18453" s="1" t="s">
        <v>66982</v>
      </c>
      <c r="I18453" s="1" t="s">
        <v>53800</v>
      </c>
      <c r="J18453" s="1" t="s">
        <v>66993</v>
      </c>
    </row>
    <row r="18454" spans="1:10" x14ac:dyDescent="0.35">
      <c r="A18454" s="1" t="s">
        <v>2226</v>
      </c>
      <c r="B18454" s="1" t="s">
        <v>53796</v>
      </c>
      <c r="C18454" s="1" t="s">
        <v>35</v>
      </c>
      <c r="D18454" s="1" t="s">
        <v>55254</v>
      </c>
      <c r="E18454" s="1" t="s">
        <v>31378</v>
      </c>
      <c r="F18454" s="1" t="s">
        <v>66994</v>
      </c>
      <c r="G18454" s="1" t="s">
        <v>66981</v>
      </c>
      <c r="H18454" s="1" t="s">
        <v>66982</v>
      </c>
      <c r="I18454" s="1" t="s">
        <v>53800</v>
      </c>
      <c r="J18454" s="1" t="s">
        <v>66995</v>
      </c>
    </row>
    <row r="18455" spans="1:10" x14ac:dyDescent="0.35">
      <c r="A18455" s="1" t="s">
        <v>2226</v>
      </c>
      <c r="B18455" s="1" t="s">
        <v>53796</v>
      </c>
      <c r="C18455" s="1" t="s">
        <v>40</v>
      </c>
      <c r="D18455" s="1" t="s">
        <v>66996</v>
      </c>
      <c r="E18455" s="1" t="s">
        <v>22048</v>
      </c>
      <c r="F18455" s="1" t="s">
        <v>66997</v>
      </c>
      <c r="G18455" s="1" t="s">
        <v>66981</v>
      </c>
      <c r="H18455" s="1" t="s">
        <v>66982</v>
      </c>
      <c r="I18455" s="1" t="s">
        <v>53800</v>
      </c>
      <c r="J18455" s="1" t="s">
        <v>66998</v>
      </c>
    </row>
    <row r="18456" spans="1:10" x14ac:dyDescent="0.35">
      <c r="A18456" s="1" t="s">
        <v>2226</v>
      </c>
      <c r="B18456" s="1" t="s">
        <v>53796</v>
      </c>
      <c r="C18456" s="1" t="s">
        <v>45</v>
      </c>
      <c r="D18456" s="1" t="s">
        <v>61178</v>
      </c>
      <c r="E18456" s="1" t="s">
        <v>12849</v>
      </c>
      <c r="F18456" s="1" t="s">
        <v>66999</v>
      </c>
      <c r="G18456" s="1" t="s">
        <v>66981</v>
      </c>
      <c r="H18456" s="1" t="s">
        <v>66982</v>
      </c>
      <c r="I18456" s="1" t="s">
        <v>53800</v>
      </c>
      <c r="J18456" s="1" t="s">
        <v>67000</v>
      </c>
    </row>
    <row r="18457" spans="1:10" x14ac:dyDescent="0.35">
      <c r="A18457" s="1" t="s">
        <v>2226</v>
      </c>
      <c r="B18457" s="1" t="s">
        <v>53796</v>
      </c>
      <c r="C18457" s="1" t="s">
        <v>50</v>
      </c>
      <c r="D18457" s="1" t="s">
        <v>55569</v>
      </c>
      <c r="E18457" s="1" t="s">
        <v>55907</v>
      </c>
      <c r="F18457" s="1" t="s">
        <v>32399</v>
      </c>
      <c r="G18457" s="1" t="s">
        <v>66981</v>
      </c>
      <c r="H18457" s="1" t="s">
        <v>66982</v>
      </c>
      <c r="I18457" s="1" t="s">
        <v>53800</v>
      </c>
      <c r="J18457" s="1" t="s">
        <v>67001</v>
      </c>
    </row>
    <row r="18458" spans="1:10" x14ac:dyDescent="0.35">
      <c r="A18458" s="1" t="s">
        <v>2226</v>
      </c>
      <c r="B18458" s="1" t="s">
        <v>53796</v>
      </c>
      <c r="C18458" s="1" t="s">
        <v>55</v>
      </c>
      <c r="D18458" s="1" t="s">
        <v>67002</v>
      </c>
      <c r="E18458" s="1" t="s">
        <v>21772</v>
      </c>
      <c r="F18458" s="1" t="s">
        <v>67003</v>
      </c>
      <c r="G18458" s="1" t="s">
        <v>66981</v>
      </c>
      <c r="H18458" s="1" t="s">
        <v>66982</v>
      </c>
      <c r="I18458" s="1" t="s">
        <v>53800</v>
      </c>
      <c r="J18458" s="1" t="s">
        <v>67004</v>
      </c>
    </row>
    <row r="18459" spans="1:10" x14ac:dyDescent="0.35">
      <c r="A18459" s="1" t="s">
        <v>2226</v>
      </c>
      <c r="B18459" s="1" t="s">
        <v>53796</v>
      </c>
      <c r="C18459" s="1" t="s">
        <v>60</v>
      </c>
      <c r="D18459" s="1" t="s">
        <v>67005</v>
      </c>
      <c r="E18459" s="1" t="s">
        <v>58063</v>
      </c>
      <c r="F18459" s="1" t="s">
        <v>67006</v>
      </c>
      <c r="G18459" s="1" t="s">
        <v>66981</v>
      </c>
      <c r="H18459" s="1" t="s">
        <v>66982</v>
      </c>
      <c r="I18459" s="1" t="s">
        <v>53800</v>
      </c>
      <c r="J18459" s="1" t="s">
        <v>67007</v>
      </c>
    </row>
    <row r="18460" spans="1:10" x14ac:dyDescent="0.35">
      <c r="A18460" s="1" t="s">
        <v>2226</v>
      </c>
      <c r="B18460" s="1" t="s">
        <v>53796</v>
      </c>
      <c r="C18460" s="1" t="s">
        <v>65</v>
      </c>
      <c r="D18460" s="1" t="s">
        <v>54582</v>
      </c>
      <c r="E18460" s="1" t="s">
        <v>41287</v>
      </c>
      <c r="F18460" s="1" t="s">
        <v>31418</v>
      </c>
      <c r="G18460" s="1" t="s">
        <v>66981</v>
      </c>
      <c r="H18460" s="1" t="s">
        <v>66982</v>
      </c>
      <c r="I18460" s="1" t="s">
        <v>53800</v>
      </c>
      <c r="J18460" s="1" t="s">
        <v>67008</v>
      </c>
    </row>
    <row r="18461" spans="1:10" x14ac:dyDescent="0.35">
      <c r="A18461" s="1" t="s">
        <v>2226</v>
      </c>
      <c r="B18461" s="1" t="s">
        <v>53796</v>
      </c>
      <c r="C18461" s="1" t="s">
        <v>70</v>
      </c>
      <c r="D18461" s="1" t="s">
        <v>67009</v>
      </c>
      <c r="E18461" s="1" t="s">
        <v>53843</v>
      </c>
      <c r="F18461" s="1" t="s">
        <v>67010</v>
      </c>
      <c r="G18461" s="1" t="s">
        <v>66981</v>
      </c>
      <c r="H18461" s="1" t="s">
        <v>66982</v>
      </c>
      <c r="I18461" s="1" t="s">
        <v>53800</v>
      </c>
      <c r="J18461" s="1" t="s">
        <v>67011</v>
      </c>
    </row>
    <row r="18462" spans="1:10" x14ac:dyDescent="0.35">
      <c r="A18462" s="1" t="s">
        <v>2226</v>
      </c>
      <c r="B18462" s="1" t="s">
        <v>53796</v>
      </c>
      <c r="C18462" s="1" t="s">
        <v>75</v>
      </c>
      <c r="D18462" s="1" t="s">
        <v>67012</v>
      </c>
      <c r="E18462" s="1" t="s">
        <v>31401</v>
      </c>
      <c r="F18462" s="1" t="s">
        <v>67013</v>
      </c>
      <c r="G18462" s="1" t="s">
        <v>66981</v>
      </c>
      <c r="H18462" s="1" t="s">
        <v>66982</v>
      </c>
      <c r="I18462" s="1" t="s">
        <v>53800</v>
      </c>
      <c r="J18462" s="1" t="s">
        <v>67014</v>
      </c>
    </row>
    <row r="18463" spans="1:10" x14ac:dyDescent="0.35">
      <c r="A18463" s="1" t="s">
        <v>2226</v>
      </c>
      <c r="B18463" s="1" t="s">
        <v>53796</v>
      </c>
      <c r="C18463" s="1" t="s">
        <v>80</v>
      </c>
      <c r="D18463" s="1" t="s">
        <v>67015</v>
      </c>
      <c r="E18463" s="1" t="s">
        <v>67016</v>
      </c>
      <c r="F18463" s="1" t="s">
        <v>67017</v>
      </c>
      <c r="G18463" s="1" t="s">
        <v>66981</v>
      </c>
      <c r="H18463" s="1" t="s">
        <v>66982</v>
      </c>
      <c r="I18463" s="1" t="s">
        <v>53800</v>
      </c>
      <c r="J18463" s="1" t="s">
        <v>67018</v>
      </c>
    </row>
    <row r="18464" spans="1:10" x14ac:dyDescent="0.35">
      <c r="A18464" s="1" t="s">
        <v>2226</v>
      </c>
      <c r="B18464" s="1" t="s">
        <v>53796</v>
      </c>
      <c r="C18464" s="1" t="s">
        <v>85</v>
      </c>
      <c r="D18464" s="1" t="s">
        <v>67019</v>
      </c>
      <c r="E18464" s="1" t="s">
        <v>67020</v>
      </c>
      <c r="F18464" s="1" t="s">
        <v>67021</v>
      </c>
      <c r="G18464" s="1" t="s">
        <v>66981</v>
      </c>
      <c r="H18464" s="1" t="s">
        <v>66982</v>
      </c>
      <c r="I18464" s="1" t="s">
        <v>53800</v>
      </c>
      <c r="J18464" s="1" t="s">
        <v>67022</v>
      </c>
    </row>
    <row r="18465" spans="1:10" x14ac:dyDescent="0.35">
      <c r="A18465" s="1" t="s">
        <v>2226</v>
      </c>
      <c r="B18465" s="1" t="s">
        <v>53796</v>
      </c>
      <c r="C18465" s="1" t="s">
        <v>90</v>
      </c>
      <c r="D18465" s="1" t="s">
        <v>67023</v>
      </c>
      <c r="E18465" s="1" t="s">
        <v>21902</v>
      </c>
      <c r="F18465" s="1" t="s">
        <v>67024</v>
      </c>
      <c r="G18465" s="1" t="s">
        <v>66981</v>
      </c>
      <c r="H18465" s="1" t="s">
        <v>66982</v>
      </c>
      <c r="I18465" s="1" t="s">
        <v>53800</v>
      </c>
      <c r="J18465" s="1" t="s">
        <v>67025</v>
      </c>
    </row>
    <row r="18466" spans="1:10" x14ac:dyDescent="0.35">
      <c r="A18466" s="1" t="s">
        <v>2226</v>
      </c>
      <c r="B18466" s="1" t="s">
        <v>53796</v>
      </c>
      <c r="C18466" s="1" t="s">
        <v>95</v>
      </c>
      <c r="D18466" s="1" t="s">
        <v>67026</v>
      </c>
      <c r="E18466" s="1" t="s">
        <v>55234</v>
      </c>
      <c r="F18466" s="1" t="s">
        <v>56119</v>
      </c>
      <c r="G18466" s="1" t="s">
        <v>66981</v>
      </c>
      <c r="H18466" s="1" t="s">
        <v>66982</v>
      </c>
      <c r="I18466" s="1" t="s">
        <v>53800</v>
      </c>
      <c r="J18466" s="1" t="s">
        <v>67027</v>
      </c>
    </row>
    <row r="18467" spans="1:10" x14ac:dyDescent="0.35">
      <c r="A18467" s="1" t="s">
        <v>2226</v>
      </c>
      <c r="B18467" s="1" t="s">
        <v>53796</v>
      </c>
      <c r="C18467" s="1" t="s">
        <v>100</v>
      </c>
      <c r="D18467" s="1" t="s">
        <v>67028</v>
      </c>
      <c r="E18467" s="1" t="s">
        <v>53920</v>
      </c>
      <c r="F18467" s="1" t="s">
        <v>67029</v>
      </c>
      <c r="G18467" s="1" t="s">
        <v>66981</v>
      </c>
      <c r="H18467" s="1" t="s">
        <v>66982</v>
      </c>
      <c r="I18467" s="1" t="s">
        <v>53800</v>
      </c>
      <c r="J18467" s="1" t="s">
        <v>67030</v>
      </c>
    </row>
    <row r="18468" spans="1:10" x14ac:dyDescent="0.35">
      <c r="A18468" s="1" t="s">
        <v>2226</v>
      </c>
      <c r="B18468" s="1" t="s">
        <v>53796</v>
      </c>
      <c r="C18468" s="1" t="s">
        <v>105</v>
      </c>
      <c r="D18468" s="1" t="s">
        <v>67031</v>
      </c>
      <c r="E18468" s="1" t="s">
        <v>21737</v>
      </c>
      <c r="F18468" s="1" t="s">
        <v>67032</v>
      </c>
      <c r="G18468" s="1" t="s">
        <v>66981</v>
      </c>
      <c r="H18468" s="1" t="s">
        <v>66982</v>
      </c>
      <c r="I18468" s="1" t="s">
        <v>53800</v>
      </c>
      <c r="J18468" s="1" t="s">
        <v>67033</v>
      </c>
    </row>
    <row r="18469" spans="1:10" x14ac:dyDescent="0.35">
      <c r="A18469" s="1" t="s">
        <v>2226</v>
      </c>
      <c r="B18469" s="1" t="s">
        <v>53796</v>
      </c>
      <c r="C18469" s="1" t="s">
        <v>110</v>
      </c>
      <c r="D18469" s="1" t="s">
        <v>67034</v>
      </c>
      <c r="E18469" s="1" t="s">
        <v>41567</v>
      </c>
      <c r="F18469" s="1" t="s">
        <v>67035</v>
      </c>
      <c r="G18469" s="1" t="s">
        <v>66981</v>
      </c>
      <c r="H18469" s="1" t="s">
        <v>66982</v>
      </c>
      <c r="I18469" s="1" t="s">
        <v>53800</v>
      </c>
      <c r="J18469" s="1" t="s">
        <v>67036</v>
      </c>
    </row>
    <row r="18470" spans="1:10" x14ac:dyDescent="0.35">
      <c r="A18470" s="1" t="s">
        <v>2226</v>
      </c>
      <c r="B18470" s="1" t="s">
        <v>53796</v>
      </c>
      <c r="C18470" s="1" t="s">
        <v>115</v>
      </c>
      <c r="D18470" s="1" t="s">
        <v>67037</v>
      </c>
      <c r="E18470" s="1" t="s">
        <v>15274</v>
      </c>
      <c r="F18470" s="1" t="s">
        <v>67038</v>
      </c>
      <c r="G18470" s="1" t="s">
        <v>66981</v>
      </c>
      <c r="H18470" s="1" t="s">
        <v>66982</v>
      </c>
      <c r="I18470" s="1" t="s">
        <v>53800</v>
      </c>
      <c r="J18470" s="1" t="s">
        <v>67039</v>
      </c>
    </row>
    <row r="18471" spans="1:10" x14ac:dyDescent="0.35">
      <c r="A18471" s="1" t="s">
        <v>2226</v>
      </c>
      <c r="B18471" s="1" t="s">
        <v>53796</v>
      </c>
      <c r="C18471" s="1" t="s">
        <v>120</v>
      </c>
      <c r="D18471" s="1" t="s">
        <v>67040</v>
      </c>
      <c r="E18471" s="1" t="s">
        <v>32347</v>
      </c>
      <c r="F18471" s="1" t="s">
        <v>53933</v>
      </c>
      <c r="G18471" s="1" t="s">
        <v>66981</v>
      </c>
      <c r="H18471" s="1" t="s">
        <v>66982</v>
      </c>
      <c r="I18471" s="1" t="s">
        <v>53800</v>
      </c>
      <c r="J18471" s="1" t="s">
        <v>67041</v>
      </c>
    </row>
    <row r="18472" spans="1:10" x14ac:dyDescent="0.35">
      <c r="A18472" s="1" t="s">
        <v>2226</v>
      </c>
      <c r="B18472" s="1" t="s">
        <v>53796</v>
      </c>
      <c r="C18472" s="1" t="s">
        <v>125</v>
      </c>
      <c r="D18472" s="1" t="s">
        <v>67042</v>
      </c>
      <c r="E18472" s="1" t="s">
        <v>21190</v>
      </c>
      <c r="F18472" s="1" t="s">
        <v>67043</v>
      </c>
      <c r="G18472" s="1" t="s">
        <v>66981</v>
      </c>
      <c r="H18472" s="1" t="s">
        <v>66982</v>
      </c>
      <c r="I18472" s="1" t="s">
        <v>53800</v>
      </c>
      <c r="J18472" s="1" t="s">
        <v>67044</v>
      </c>
    </row>
    <row r="18473" spans="1:10" x14ac:dyDescent="0.35">
      <c r="A18473" s="1" t="s">
        <v>2226</v>
      </c>
      <c r="B18473" s="1" t="s">
        <v>53796</v>
      </c>
      <c r="C18473" s="1" t="s">
        <v>130</v>
      </c>
      <c r="D18473" s="1" t="s">
        <v>67045</v>
      </c>
      <c r="E18473" s="1" t="s">
        <v>21834</v>
      </c>
      <c r="F18473" s="1" t="s">
        <v>67046</v>
      </c>
      <c r="G18473" s="1" t="s">
        <v>66981</v>
      </c>
      <c r="H18473" s="1" t="s">
        <v>66982</v>
      </c>
      <c r="I18473" s="1" t="s">
        <v>53800</v>
      </c>
      <c r="J18473" s="1" t="s">
        <v>67047</v>
      </c>
    </row>
    <row r="18474" spans="1:10" x14ac:dyDescent="0.35">
      <c r="A18474" s="1" t="s">
        <v>2226</v>
      </c>
      <c r="B18474" s="1" t="s">
        <v>53796</v>
      </c>
      <c r="C18474" s="1" t="s">
        <v>135</v>
      </c>
      <c r="D18474" s="1" t="s">
        <v>67048</v>
      </c>
      <c r="E18474" s="1" t="s">
        <v>56202</v>
      </c>
      <c r="F18474" s="1" t="s">
        <v>67049</v>
      </c>
      <c r="G18474" s="1" t="s">
        <v>66981</v>
      </c>
      <c r="H18474" s="1" t="s">
        <v>66982</v>
      </c>
      <c r="I18474" s="1" t="s">
        <v>53800</v>
      </c>
      <c r="J18474" s="1" t="s">
        <v>67050</v>
      </c>
    </row>
    <row r="18475" spans="1:10" x14ac:dyDescent="0.35">
      <c r="A18475" s="1" t="s">
        <v>2226</v>
      </c>
      <c r="B18475" s="1" t="s">
        <v>53796</v>
      </c>
      <c r="C18475" s="1" t="s">
        <v>140</v>
      </c>
      <c r="D18475" s="1" t="s">
        <v>64199</v>
      </c>
      <c r="E18475" s="1" t="s">
        <v>21999</v>
      </c>
      <c r="F18475" s="1" t="s">
        <v>67051</v>
      </c>
      <c r="G18475" s="1" t="s">
        <v>66981</v>
      </c>
      <c r="H18475" s="1" t="s">
        <v>66982</v>
      </c>
      <c r="I18475" s="1" t="s">
        <v>53800</v>
      </c>
      <c r="J18475" s="1" t="s">
        <v>67052</v>
      </c>
    </row>
    <row r="18476" spans="1:10" x14ac:dyDescent="0.35">
      <c r="A18476" s="1" t="s">
        <v>2226</v>
      </c>
      <c r="B18476" s="1" t="s">
        <v>53796</v>
      </c>
      <c r="C18476" s="1" t="s">
        <v>145</v>
      </c>
      <c r="D18476" s="1" t="s">
        <v>67053</v>
      </c>
      <c r="E18476" s="1" t="s">
        <v>54478</v>
      </c>
      <c r="F18476" s="1" t="s">
        <v>65523</v>
      </c>
      <c r="G18476" s="1" t="s">
        <v>66981</v>
      </c>
      <c r="H18476" s="1" t="s">
        <v>66982</v>
      </c>
      <c r="I18476" s="1" t="s">
        <v>53800</v>
      </c>
      <c r="J18476" s="1" t="s">
        <v>67054</v>
      </c>
    </row>
    <row r="18477" spans="1:10" x14ac:dyDescent="0.35">
      <c r="A18477" s="1" t="s">
        <v>2226</v>
      </c>
      <c r="B18477" s="1" t="s">
        <v>53796</v>
      </c>
      <c r="C18477" s="1" t="s">
        <v>150</v>
      </c>
      <c r="D18477" s="1" t="s">
        <v>67055</v>
      </c>
      <c r="E18477" s="1" t="s">
        <v>26247</v>
      </c>
      <c r="F18477" s="1" t="s">
        <v>67056</v>
      </c>
      <c r="G18477" s="1" t="s">
        <v>66981</v>
      </c>
      <c r="H18477" s="1" t="s">
        <v>66982</v>
      </c>
      <c r="I18477" s="1" t="s">
        <v>53800</v>
      </c>
      <c r="J18477" s="1" t="s">
        <v>67057</v>
      </c>
    </row>
    <row r="18478" spans="1:10" x14ac:dyDescent="0.35">
      <c r="A18478" s="1" t="s">
        <v>2226</v>
      </c>
      <c r="B18478" s="1" t="s">
        <v>53796</v>
      </c>
      <c r="C18478" s="1" t="s">
        <v>155</v>
      </c>
      <c r="D18478" s="1" t="s">
        <v>67058</v>
      </c>
      <c r="E18478" s="1" t="s">
        <v>12883</v>
      </c>
      <c r="F18478" s="1" t="s">
        <v>32062</v>
      </c>
      <c r="G18478" s="1" t="s">
        <v>66981</v>
      </c>
      <c r="H18478" s="1" t="s">
        <v>66982</v>
      </c>
      <c r="I18478" s="1" t="s">
        <v>53800</v>
      </c>
      <c r="J18478" s="1" t="s">
        <v>67059</v>
      </c>
    </row>
    <row r="18479" spans="1:10" x14ac:dyDescent="0.35">
      <c r="A18479" s="1" t="s">
        <v>2226</v>
      </c>
      <c r="B18479" s="1" t="s">
        <v>53796</v>
      </c>
      <c r="C18479" s="1" t="s">
        <v>160</v>
      </c>
      <c r="D18479" s="1" t="s">
        <v>67060</v>
      </c>
      <c r="E18479" s="1" t="s">
        <v>67061</v>
      </c>
      <c r="F18479" s="1" t="s">
        <v>67062</v>
      </c>
      <c r="G18479" s="1" t="s">
        <v>66981</v>
      </c>
      <c r="H18479" s="1" t="s">
        <v>66982</v>
      </c>
      <c r="I18479" s="1" t="s">
        <v>53800</v>
      </c>
      <c r="J18479" s="1" t="s">
        <v>67063</v>
      </c>
    </row>
    <row r="18480" spans="1:10" x14ac:dyDescent="0.35">
      <c r="A18480" s="1" t="s">
        <v>2226</v>
      </c>
      <c r="B18480" s="1" t="s">
        <v>53796</v>
      </c>
      <c r="C18480" s="1" t="s">
        <v>165</v>
      </c>
      <c r="D18480" s="1" t="s">
        <v>67064</v>
      </c>
      <c r="E18480" s="1" t="s">
        <v>15252</v>
      </c>
      <c r="F18480" s="1" t="s">
        <v>67065</v>
      </c>
      <c r="G18480" s="1" t="s">
        <v>66981</v>
      </c>
      <c r="H18480" s="1" t="s">
        <v>66982</v>
      </c>
      <c r="I18480" s="1" t="s">
        <v>53800</v>
      </c>
      <c r="J18480" s="1" t="s">
        <v>67066</v>
      </c>
    </row>
    <row r="18481" spans="1:10" x14ac:dyDescent="0.35">
      <c r="A18481" s="1" t="s">
        <v>2226</v>
      </c>
      <c r="B18481" s="1" t="s">
        <v>53796</v>
      </c>
      <c r="C18481" s="1" t="s">
        <v>170</v>
      </c>
      <c r="D18481" s="1" t="s">
        <v>67067</v>
      </c>
      <c r="E18481" s="1" t="s">
        <v>31510</v>
      </c>
      <c r="F18481" s="1" t="s">
        <v>67068</v>
      </c>
      <c r="G18481" s="1" t="s">
        <v>66981</v>
      </c>
      <c r="H18481" s="1" t="s">
        <v>66982</v>
      </c>
      <c r="I18481" s="1" t="s">
        <v>53800</v>
      </c>
      <c r="J18481" s="1" t="s">
        <v>67069</v>
      </c>
    </row>
    <row r="18482" spans="1:10" x14ac:dyDescent="0.35">
      <c r="A18482" s="1" t="s">
        <v>67070</v>
      </c>
      <c r="B18482" s="1" t="s">
        <v>53796</v>
      </c>
      <c r="C18482" s="1" t="s">
        <v>8</v>
      </c>
      <c r="D18482" s="1" t="s">
        <v>67071</v>
      </c>
      <c r="E18482" s="1" t="s">
        <v>15361</v>
      </c>
      <c r="F18482" s="1" t="s">
        <v>56695</v>
      </c>
      <c r="G18482" s="1" t="s">
        <v>67072</v>
      </c>
      <c r="H18482" s="1" t="s">
        <v>67073</v>
      </c>
      <c r="I18482" s="1" t="s">
        <v>53800</v>
      </c>
      <c r="J18482" s="1" t="s">
        <v>13</v>
      </c>
    </row>
    <row r="18483" spans="1:10" x14ac:dyDescent="0.35">
      <c r="A18483" s="1" t="s">
        <v>67070</v>
      </c>
      <c r="B18483" s="1" t="s">
        <v>53796</v>
      </c>
      <c r="C18483" s="1" t="s">
        <v>15</v>
      </c>
      <c r="D18483" s="1" t="s">
        <v>67074</v>
      </c>
      <c r="E18483" s="1" t="s">
        <v>41598</v>
      </c>
      <c r="F18483" s="1" t="s">
        <v>67075</v>
      </c>
      <c r="G18483" s="1" t="s">
        <v>67072</v>
      </c>
      <c r="H18483" s="1" t="s">
        <v>67073</v>
      </c>
      <c r="I18483" s="1" t="s">
        <v>53800</v>
      </c>
      <c r="J18483" s="1" t="s">
        <v>67076</v>
      </c>
    </row>
    <row r="18484" spans="1:10" x14ac:dyDescent="0.35">
      <c r="A18484" s="1" t="s">
        <v>67070</v>
      </c>
      <c r="B18484" s="1" t="s">
        <v>53796</v>
      </c>
      <c r="C18484" s="1" t="s">
        <v>20</v>
      </c>
      <c r="D18484" s="1" t="s">
        <v>67077</v>
      </c>
      <c r="E18484" s="1" t="s">
        <v>16186</v>
      </c>
      <c r="F18484" s="1" t="s">
        <v>67078</v>
      </c>
      <c r="G18484" s="1" t="s">
        <v>67072</v>
      </c>
      <c r="H18484" s="1" t="s">
        <v>67073</v>
      </c>
      <c r="I18484" s="1" t="s">
        <v>53800</v>
      </c>
      <c r="J18484" s="1" t="s">
        <v>67079</v>
      </c>
    </row>
    <row r="18485" spans="1:10" x14ac:dyDescent="0.35">
      <c r="A18485" s="1" t="s">
        <v>67070</v>
      </c>
      <c r="B18485" s="1" t="s">
        <v>53796</v>
      </c>
      <c r="C18485" s="1" t="s">
        <v>25</v>
      </c>
      <c r="D18485" s="1" t="s">
        <v>67080</v>
      </c>
      <c r="E18485" s="1" t="s">
        <v>32347</v>
      </c>
      <c r="F18485" s="1" t="s">
        <v>31919</v>
      </c>
      <c r="G18485" s="1" t="s">
        <v>67072</v>
      </c>
      <c r="H18485" s="1" t="s">
        <v>67073</v>
      </c>
      <c r="I18485" s="1" t="s">
        <v>53800</v>
      </c>
      <c r="J18485" s="1" t="s">
        <v>67081</v>
      </c>
    </row>
    <row r="18486" spans="1:10" x14ac:dyDescent="0.35">
      <c r="A18486" s="1" t="s">
        <v>67070</v>
      </c>
      <c r="B18486" s="1" t="s">
        <v>53796</v>
      </c>
      <c r="C18486" s="1" t="s">
        <v>30</v>
      </c>
      <c r="D18486" s="1" t="s">
        <v>67082</v>
      </c>
      <c r="E18486" s="1" t="s">
        <v>56404</v>
      </c>
      <c r="F18486" s="1" t="s">
        <v>67083</v>
      </c>
      <c r="G18486" s="1" t="s">
        <v>67072</v>
      </c>
      <c r="H18486" s="1" t="s">
        <v>67073</v>
      </c>
      <c r="I18486" s="1" t="s">
        <v>53800</v>
      </c>
      <c r="J18486" s="1" t="s">
        <v>67084</v>
      </c>
    </row>
    <row r="18487" spans="1:10" x14ac:dyDescent="0.35">
      <c r="A18487" s="1" t="s">
        <v>67070</v>
      </c>
      <c r="B18487" s="1" t="s">
        <v>53796</v>
      </c>
      <c r="C18487" s="1" t="s">
        <v>35</v>
      </c>
      <c r="D18487" s="1" t="s">
        <v>26332</v>
      </c>
      <c r="E18487" s="1" t="s">
        <v>21822</v>
      </c>
      <c r="F18487" s="1" t="s">
        <v>67085</v>
      </c>
      <c r="G18487" s="1" t="s">
        <v>67072</v>
      </c>
      <c r="H18487" s="1" t="s">
        <v>67073</v>
      </c>
      <c r="I18487" s="1" t="s">
        <v>53800</v>
      </c>
      <c r="J18487" s="1" t="s">
        <v>67086</v>
      </c>
    </row>
    <row r="18488" spans="1:10" x14ac:dyDescent="0.35">
      <c r="A18488" s="1" t="s">
        <v>67070</v>
      </c>
      <c r="B18488" s="1" t="s">
        <v>53796</v>
      </c>
      <c r="C18488" s="1" t="s">
        <v>40</v>
      </c>
      <c r="D18488" s="1" t="s">
        <v>67087</v>
      </c>
      <c r="E18488" s="1" t="s">
        <v>67088</v>
      </c>
      <c r="F18488" s="1" t="s">
        <v>67089</v>
      </c>
      <c r="G18488" s="1" t="s">
        <v>67072</v>
      </c>
      <c r="H18488" s="1" t="s">
        <v>67073</v>
      </c>
      <c r="I18488" s="1" t="s">
        <v>53800</v>
      </c>
      <c r="J18488" s="1" t="s">
        <v>67090</v>
      </c>
    </row>
    <row r="18489" spans="1:10" x14ac:dyDescent="0.35">
      <c r="A18489" s="1" t="s">
        <v>67070</v>
      </c>
      <c r="B18489" s="1" t="s">
        <v>53796</v>
      </c>
      <c r="C18489" s="1" t="s">
        <v>45</v>
      </c>
      <c r="D18489" s="1" t="s">
        <v>67091</v>
      </c>
      <c r="E18489" s="1" t="s">
        <v>54478</v>
      </c>
      <c r="F18489" s="1" t="s">
        <v>67092</v>
      </c>
      <c r="G18489" s="1" t="s">
        <v>67072</v>
      </c>
      <c r="H18489" s="1" t="s">
        <v>67073</v>
      </c>
      <c r="I18489" s="1" t="s">
        <v>53800</v>
      </c>
      <c r="J18489" s="1" t="s">
        <v>67093</v>
      </c>
    </row>
    <row r="18490" spans="1:10" x14ac:dyDescent="0.35">
      <c r="A18490" s="1" t="s">
        <v>67070</v>
      </c>
      <c r="B18490" s="1" t="s">
        <v>53796</v>
      </c>
      <c r="C18490" s="1" t="s">
        <v>50</v>
      </c>
      <c r="D18490" s="1" t="s">
        <v>57215</v>
      </c>
      <c r="E18490" s="1" t="s">
        <v>54074</v>
      </c>
      <c r="F18490" s="1" t="s">
        <v>67094</v>
      </c>
      <c r="G18490" s="1" t="s">
        <v>67072</v>
      </c>
      <c r="H18490" s="1" t="s">
        <v>67073</v>
      </c>
      <c r="I18490" s="1" t="s">
        <v>53800</v>
      </c>
      <c r="J18490" s="1" t="s">
        <v>67095</v>
      </c>
    </row>
    <row r="18491" spans="1:10" x14ac:dyDescent="0.35">
      <c r="A18491" s="1" t="s">
        <v>67070</v>
      </c>
      <c r="B18491" s="1" t="s">
        <v>53796</v>
      </c>
      <c r="C18491" s="1" t="s">
        <v>55</v>
      </c>
      <c r="D18491" s="1" t="s">
        <v>67096</v>
      </c>
      <c r="E18491" s="1" t="s">
        <v>64929</v>
      </c>
      <c r="F18491" s="1" t="s">
        <v>67097</v>
      </c>
      <c r="G18491" s="1" t="s">
        <v>67072</v>
      </c>
      <c r="H18491" s="1" t="s">
        <v>67073</v>
      </c>
      <c r="I18491" s="1" t="s">
        <v>53800</v>
      </c>
      <c r="J18491" s="1" t="s">
        <v>67098</v>
      </c>
    </row>
    <row r="18492" spans="1:10" x14ac:dyDescent="0.35">
      <c r="A18492" s="1" t="s">
        <v>67070</v>
      </c>
      <c r="B18492" s="1" t="s">
        <v>53796</v>
      </c>
      <c r="C18492" s="1" t="s">
        <v>60</v>
      </c>
      <c r="D18492" s="1" t="s">
        <v>67099</v>
      </c>
      <c r="E18492" s="1" t="s">
        <v>27097</v>
      </c>
      <c r="F18492" s="1" t="s">
        <v>54800</v>
      </c>
      <c r="G18492" s="1" t="s">
        <v>67072</v>
      </c>
      <c r="H18492" s="1" t="s">
        <v>67073</v>
      </c>
      <c r="I18492" s="1" t="s">
        <v>53800</v>
      </c>
      <c r="J18492" s="1" t="s">
        <v>67100</v>
      </c>
    </row>
    <row r="18493" spans="1:10" x14ac:dyDescent="0.35">
      <c r="A18493" s="1" t="s">
        <v>67070</v>
      </c>
      <c r="B18493" s="1" t="s">
        <v>53796</v>
      </c>
      <c r="C18493" s="1" t="s">
        <v>65</v>
      </c>
      <c r="D18493" s="1" t="s">
        <v>67101</v>
      </c>
      <c r="E18493" s="1" t="s">
        <v>21960</v>
      </c>
      <c r="F18493" s="1" t="s">
        <v>32108</v>
      </c>
      <c r="G18493" s="1" t="s">
        <v>67072</v>
      </c>
      <c r="H18493" s="1" t="s">
        <v>67073</v>
      </c>
      <c r="I18493" s="1" t="s">
        <v>53800</v>
      </c>
      <c r="J18493" s="1" t="s">
        <v>67102</v>
      </c>
    </row>
    <row r="18494" spans="1:10" x14ac:dyDescent="0.35">
      <c r="A18494" s="1" t="s">
        <v>67070</v>
      </c>
      <c r="B18494" s="1" t="s">
        <v>53796</v>
      </c>
      <c r="C18494" s="1" t="s">
        <v>70</v>
      </c>
      <c r="D18494" s="1" t="s">
        <v>65740</v>
      </c>
      <c r="E18494" s="1" t="s">
        <v>26614</v>
      </c>
      <c r="F18494" s="1" t="s">
        <v>65732</v>
      </c>
      <c r="G18494" s="1" t="s">
        <v>67072</v>
      </c>
      <c r="H18494" s="1" t="s">
        <v>67073</v>
      </c>
      <c r="I18494" s="1" t="s">
        <v>53800</v>
      </c>
      <c r="J18494" s="1" t="s">
        <v>67103</v>
      </c>
    </row>
    <row r="18495" spans="1:10" x14ac:dyDescent="0.35">
      <c r="A18495" s="1" t="s">
        <v>67070</v>
      </c>
      <c r="B18495" s="1" t="s">
        <v>53796</v>
      </c>
      <c r="C18495" s="1" t="s">
        <v>75</v>
      </c>
      <c r="D18495" s="1" t="s">
        <v>67104</v>
      </c>
      <c r="E18495" s="1" t="s">
        <v>31408</v>
      </c>
      <c r="F18495" s="1" t="s">
        <v>67105</v>
      </c>
      <c r="G18495" s="1" t="s">
        <v>67072</v>
      </c>
      <c r="H18495" s="1" t="s">
        <v>67073</v>
      </c>
      <c r="I18495" s="1" t="s">
        <v>53800</v>
      </c>
      <c r="J18495" s="1" t="s">
        <v>67106</v>
      </c>
    </row>
    <row r="18496" spans="1:10" x14ac:dyDescent="0.35">
      <c r="A18496" s="1" t="s">
        <v>67070</v>
      </c>
      <c r="B18496" s="1" t="s">
        <v>53796</v>
      </c>
      <c r="C18496" s="1" t="s">
        <v>80</v>
      </c>
      <c r="D18496" s="1" t="s">
        <v>67107</v>
      </c>
      <c r="E18496" s="1" t="s">
        <v>22109</v>
      </c>
      <c r="F18496" s="1" t="s">
        <v>67108</v>
      </c>
      <c r="G18496" s="1" t="s">
        <v>67072</v>
      </c>
      <c r="H18496" s="1" t="s">
        <v>67073</v>
      </c>
      <c r="I18496" s="1" t="s">
        <v>53800</v>
      </c>
      <c r="J18496" s="1" t="s">
        <v>67109</v>
      </c>
    </row>
    <row r="18497" spans="1:10" x14ac:dyDescent="0.35">
      <c r="A18497" s="1" t="s">
        <v>67070</v>
      </c>
      <c r="B18497" s="1" t="s">
        <v>53796</v>
      </c>
      <c r="C18497" s="1" t="s">
        <v>85</v>
      </c>
      <c r="D18497" s="1" t="s">
        <v>67110</v>
      </c>
      <c r="E18497" s="1" t="s">
        <v>41598</v>
      </c>
      <c r="F18497" s="1" t="s">
        <v>67111</v>
      </c>
      <c r="G18497" s="1" t="s">
        <v>67072</v>
      </c>
      <c r="H18497" s="1" t="s">
        <v>67073</v>
      </c>
      <c r="I18497" s="1" t="s">
        <v>53800</v>
      </c>
      <c r="J18497" s="1" t="s">
        <v>67112</v>
      </c>
    </row>
    <row r="18498" spans="1:10" x14ac:dyDescent="0.35">
      <c r="A18498" s="1" t="s">
        <v>67070</v>
      </c>
      <c r="B18498" s="1" t="s">
        <v>53796</v>
      </c>
      <c r="C18498" s="1" t="s">
        <v>90</v>
      </c>
      <c r="D18498" s="1" t="s">
        <v>67113</v>
      </c>
      <c r="E18498" s="1" t="s">
        <v>22363</v>
      </c>
      <c r="F18498" s="1" t="s">
        <v>67114</v>
      </c>
      <c r="G18498" s="1" t="s">
        <v>67072</v>
      </c>
      <c r="H18498" s="1" t="s">
        <v>67073</v>
      </c>
      <c r="I18498" s="1" t="s">
        <v>53800</v>
      </c>
      <c r="J18498" s="1" t="s">
        <v>67115</v>
      </c>
    </row>
    <row r="18499" spans="1:10" x14ac:dyDescent="0.35">
      <c r="A18499" s="1" t="s">
        <v>67070</v>
      </c>
      <c r="B18499" s="1" t="s">
        <v>53796</v>
      </c>
      <c r="C18499" s="1" t="s">
        <v>95</v>
      </c>
      <c r="D18499" s="1" t="s">
        <v>39089</v>
      </c>
      <c r="E18499" s="1" t="s">
        <v>15278</v>
      </c>
      <c r="F18499" s="1" t="s">
        <v>67116</v>
      </c>
      <c r="G18499" s="1" t="s">
        <v>67072</v>
      </c>
      <c r="H18499" s="1" t="s">
        <v>67073</v>
      </c>
      <c r="I18499" s="1" t="s">
        <v>53800</v>
      </c>
      <c r="J18499" s="1" t="s">
        <v>67117</v>
      </c>
    </row>
    <row r="18500" spans="1:10" x14ac:dyDescent="0.35">
      <c r="A18500" s="1" t="s">
        <v>67070</v>
      </c>
      <c r="B18500" s="1" t="s">
        <v>53796</v>
      </c>
      <c r="C18500" s="1" t="s">
        <v>100</v>
      </c>
      <c r="D18500" s="1" t="s">
        <v>67118</v>
      </c>
      <c r="E18500" s="1" t="s">
        <v>41148</v>
      </c>
      <c r="F18500" s="1" t="s">
        <v>67119</v>
      </c>
      <c r="G18500" s="1" t="s">
        <v>67072</v>
      </c>
      <c r="H18500" s="1" t="s">
        <v>67073</v>
      </c>
      <c r="I18500" s="1" t="s">
        <v>53800</v>
      </c>
      <c r="J18500" s="1" t="s">
        <v>67120</v>
      </c>
    </row>
    <row r="18501" spans="1:10" x14ac:dyDescent="0.35">
      <c r="A18501" s="1" t="s">
        <v>67070</v>
      </c>
      <c r="B18501" s="1" t="s">
        <v>53796</v>
      </c>
      <c r="C18501" s="1" t="s">
        <v>105</v>
      </c>
      <c r="D18501" s="1" t="s">
        <v>4992</v>
      </c>
      <c r="E18501" s="1" t="s">
        <v>15245</v>
      </c>
      <c r="F18501" s="1" t="s">
        <v>67121</v>
      </c>
      <c r="G18501" s="1" t="s">
        <v>67072</v>
      </c>
      <c r="H18501" s="1" t="s">
        <v>67073</v>
      </c>
      <c r="I18501" s="1" t="s">
        <v>53800</v>
      </c>
      <c r="J18501" s="1" t="s">
        <v>67122</v>
      </c>
    </row>
    <row r="18502" spans="1:10" x14ac:dyDescent="0.35">
      <c r="A18502" s="1" t="s">
        <v>67070</v>
      </c>
      <c r="B18502" s="1" t="s">
        <v>53796</v>
      </c>
      <c r="C18502" s="1" t="s">
        <v>110</v>
      </c>
      <c r="D18502" s="1" t="s">
        <v>67123</v>
      </c>
      <c r="E18502" s="1" t="s">
        <v>54032</v>
      </c>
      <c r="F18502" s="1" t="s">
        <v>67124</v>
      </c>
      <c r="G18502" s="1" t="s">
        <v>67072</v>
      </c>
      <c r="H18502" s="1" t="s">
        <v>67073</v>
      </c>
      <c r="I18502" s="1" t="s">
        <v>53800</v>
      </c>
      <c r="J18502" s="1" t="s">
        <v>67125</v>
      </c>
    </row>
    <row r="18503" spans="1:10" x14ac:dyDescent="0.35">
      <c r="A18503" s="1" t="s">
        <v>67070</v>
      </c>
      <c r="B18503" s="1" t="s">
        <v>53796</v>
      </c>
      <c r="C18503" s="1" t="s">
        <v>115</v>
      </c>
      <c r="D18503" s="1" t="s">
        <v>67126</v>
      </c>
      <c r="E18503" s="1" t="s">
        <v>15841</v>
      </c>
      <c r="F18503" s="1" t="s">
        <v>67127</v>
      </c>
      <c r="G18503" s="1" t="s">
        <v>67072</v>
      </c>
      <c r="H18503" s="1" t="s">
        <v>67073</v>
      </c>
      <c r="I18503" s="1" t="s">
        <v>53800</v>
      </c>
      <c r="J18503" s="1" t="s">
        <v>67128</v>
      </c>
    </row>
    <row r="18504" spans="1:10" x14ac:dyDescent="0.35">
      <c r="A18504" s="1" t="s">
        <v>67070</v>
      </c>
      <c r="B18504" s="1" t="s">
        <v>53796</v>
      </c>
      <c r="C18504" s="1" t="s">
        <v>120</v>
      </c>
      <c r="D18504" s="1" t="s">
        <v>67129</v>
      </c>
      <c r="E18504" s="1" t="s">
        <v>57022</v>
      </c>
      <c r="F18504" s="1" t="s">
        <v>57632</v>
      </c>
      <c r="G18504" s="1" t="s">
        <v>67072</v>
      </c>
      <c r="H18504" s="1" t="s">
        <v>67073</v>
      </c>
      <c r="I18504" s="1" t="s">
        <v>53800</v>
      </c>
      <c r="J18504" s="1" t="s">
        <v>67130</v>
      </c>
    </row>
    <row r="18505" spans="1:10" x14ac:dyDescent="0.35">
      <c r="A18505" s="1" t="s">
        <v>67070</v>
      </c>
      <c r="B18505" s="1" t="s">
        <v>53796</v>
      </c>
      <c r="C18505" s="1" t="s">
        <v>125</v>
      </c>
      <c r="D18505" s="1" t="s">
        <v>67131</v>
      </c>
      <c r="E18505" s="1" t="s">
        <v>26560</v>
      </c>
      <c r="F18505" s="1" t="s">
        <v>67132</v>
      </c>
      <c r="G18505" s="1" t="s">
        <v>67072</v>
      </c>
      <c r="H18505" s="1" t="s">
        <v>67073</v>
      </c>
      <c r="I18505" s="1" t="s">
        <v>53800</v>
      </c>
      <c r="J18505" s="1" t="s">
        <v>67133</v>
      </c>
    </row>
    <row r="18506" spans="1:10" x14ac:dyDescent="0.35">
      <c r="A18506" s="1" t="s">
        <v>67070</v>
      </c>
      <c r="B18506" s="1" t="s">
        <v>53796</v>
      </c>
      <c r="C18506" s="1" t="s">
        <v>130</v>
      </c>
      <c r="D18506" s="1" t="s">
        <v>67134</v>
      </c>
      <c r="E18506" s="1" t="s">
        <v>15911</v>
      </c>
      <c r="F18506" s="1" t="s">
        <v>65152</v>
      </c>
      <c r="G18506" s="1" t="s">
        <v>67072</v>
      </c>
      <c r="H18506" s="1" t="s">
        <v>67073</v>
      </c>
      <c r="I18506" s="1" t="s">
        <v>53800</v>
      </c>
      <c r="J18506" s="1" t="s">
        <v>67135</v>
      </c>
    </row>
    <row r="18507" spans="1:10" x14ac:dyDescent="0.35">
      <c r="A18507" s="1" t="s">
        <v>67070</v>
      </c>
      <c r="B18507" s="1" t="s">
        <v>53796</v>
      </c>
      <c r="C18507" s="1" t="s">
        <v>135</v>
      </c>
      <c r="D18507" s="1" t="s">
        <v>67136</v>
      </c>
      <c r="E18507" s="1" t="s">
        <v>57609</v>
      </c>
      <c r="F18507" s="1" t="s">
        <v>32157</v>
      </c>
      <c r="G18507" s="1" t="s">
        <v>67072</v>
      </c>
      <c r="H18507" s="1" t="s">
        <v>67073</v>
      </c>
      <c r="I18507" s="1" t="s">
        <v>53800</v>
      </c>
      <c r="J18507" s="1" t="s">
        <v>67137</v>
      </c>
    </row>
    <row r="18508" spans="1:10" x14ac:dyDescent="0.35">
      <c r="A18508" s="1" t="s">
        <v>67070</v>
      </c>
      <c r="B18508" s="1" t="s">
        <v>53796</v>
      </c>
      <c r="C18508" s="1" t="s">
        <v>140</v>
      </c>
      <c r="D18508" s="1" t="s">
        <v>67138</v>
      </c>
      <c r="E18508" s="1" t="s">
        <v>15263</v>
      </c>
      <c r="F18508" s="1" t="s">
        <v>67139</v>
      </c>
      <c r="G18508" s="1" t="s">
        <v>67072</v>
      </c>
      <c r="H18508" s="1" t="s">
        <v>67073</v>
      </c>
      <c r="I18508" s="1" t="s">
        <v>53800</v>
      </c>
      <c r="J18508" s="1" t="s">
        <v>67140</v>
      </c>
    </row>
    <row r="18509" spans="1:10" x14ac:dyDescent="0.35">
      <c r="A18509" s="1" t="s">
        <v>67070</v>
      </c>
      <c r="B18509" s="1" t="s">
        <v>53796</v>
      </c>
      <c r="C18509" s="1" t="s">
        <v>145</v>
      </c>
      <c r="D18509" s="1" t="s">
        <v>67141</v>
      </c>
      <c r="E18509" s="1" t="s">
        <v>22298</v>
      </c>
      <c r="F18509" s="1" t="s">
        <v>67142</v>
      </c>
      <c r="G18509" s="1" t="s">
        <v>67072</v>
      </c>
      <c r="H18509" s="1" t="s">
        <v>67073</v>
      </c>
      <c r="I18509" s="1" t="s">
        <v>53800</v>
      </c>
      <c r="J18509" s="1" t="s">
        <v>67143</v>
      </c>
    </row>
    <row r="18510" spans="1:10" x14ac:dyDescent="0.35">
      <c r="A18510" s="1" t="s">
        <v>67070</v>
      </c>
      <c r="B18510" s="1" t="s">
        <v>53796</v>
      </c>
      <c r="C18510" s="1" t="s">
        <v>150</v>
      </c>
      <c r="D18510" s="1" t="s">
        <v>67144</v>
      </c>
      <c r="E18510" s="1" t="s">
        <v>22320</v>
      </c>
      <c r="F18510" s="1" t="s">
        <v>67145</v>
      </c>
      <c r="G18510" s="1" t="s">
        <v>67072</v>
      </c>
      <c r="H18510" s="1" t="s">
        <v>67073</v>
      </c>
      <c r="I18510" s="1" t="s">
        <v>53800</v>
      </c>
      <c r="J18510" s="1" t="s">
        <v>67146</v>
      </c>
    </row>
    <row r="18511" spans="1:10" x14ac:dyDescent="0.35">
      <c r="A18511" s="1" t="s">
        <v>67070</v>
      </c>
      <c r="B18511" s="1" t="s">
        <v>53796</v>
      </c>
      <c r="C18511" s="1" t="s">
        <v>155</v>
      </c>
      <c r="D18511" s="1" t="s">
        <v>67147</v>
      </c>
      <c r="E18511" s="1" t="s">
        <v>67148</v>
      </c>
      <c r="F18511" s="1" t="s">
        <v>67149</v>
      </c>
      <c r="G18511" s="1" t="s">
        <v>67072</v>
      </c>
      <c r="H18511" s="1" t="s">
        <v>67073</v>
      </c>
      <c r="I18511" s="1" t="s">
        <v>53800</v>
      </c>
      <c r="J18511" s="1" t="s">
        <v>67150</v>
      </c>
    </row>
    <row r="18512" spans="1:10" x14ac:dyDescent="0.35">
      <c r="A18512" s="1" t="s">
        <v>67070</v>
      </c>
      <c r="B18512" s="1" t="s">
        <v>53796</v>
      </c>
      <c r="C18512" s="1" t="s">
        <v>160</v>
      </c>
      <c r="D18512" s="1" t="s">
        <v>23858</v>
      </c>
      <c r="E18512" s="1" t="s">
        <v>67151</v>
      </c>
      <c r="F18512" s="1" t="s">
        <v>67152</v>
      </c>
      <c r="G18512" s="1" t="s">
        <v>67072</v>
      </c>
      <c r="H18512" s="1" t="s">
        <v>67073</v>
      </c>
      <c r="I18512" s="1" t="s">
        <v>53800</v>
      </c>
      <c r="J18512" s="1" t="s">
        <v>67153</v>
      </c>
    </row>
    <row r="18513" spans="1:10" x14ac:dyDescent="0.35">
      <c r="A18513" s="1" t="s">
        <v>67070</v>
      </c>
      <c r="B18513" s="1" t="s">
        <v>53796</v>
      </c>
      <c r="C18513" s="1" t="s">
        <v>165</v>
      </c>
      <c r="D18513" s="1" t="s">
        <v>67154</v>
      </c>
      <c r="E18513" s="1" t="s">
        <v>15241</v>
      </c>
      <c r="F18513" s="1" t="s">
        <v>59606</v>
      </c>
      <c r="G18513" s="1" t="s">
        <v>67072</v>
      </c>
      <c r="H18513" s="1" t="s">
        <v>67073</v>
      </c>
      <c r="I18513" s="1" t="s">
        <v>53800</v>
      </c>
      <c r="J18513" s="1" t="s">
        <v>67155</v>
      </c>
    </row>
    <row r="18514" spans="1:10" x14ac:dyDescent="0.35">
      <c r="A18514" s="1" t="s">
        <v>67070</v>
      </c>
      <c r="B18514" s="1" t="s">
        <v>53796</v>
      </c>
      <c r="C18514" s="1" t="s">
        <v>170</v>
      </c>
      <c r="D18514" s="1" t="s">
        <v>67156</v>
      </c>
      <c r="E18514" s="1" t="s">
        <v>67157</v>
      </c>
      <c r="F18514" s="1" t="s">
        <v>63906</v>
      </c>
      <c r="G18514" s="1" t="s">
        <v>67072</v>
      </c>
      <c r="H18514" s="1" t="s">
        <v>67073</v>
      </c>
      <c r="I18514" s="1" t="s">
        <v>53800</v>
      </c>
      <c r="J18514" s="1" t="s">
        <v>67158</v>
      </c>
    </row>
    <row r="18515" spans="1:10" x14ac:dyDescent="0.35">
      <c r="A18515" s="1" t="s">
        <v>1328</v>
      </c>
      <c r="B18515" s="1" t="s">
        <v>53796</v>
      </c>
      <c r="C18515" s="1" t="s">
        <v>8</v>
      </c>
      <c r="D18515" s="1" t="s">
        <v>67159</v>
      </c>
      <c r="E18515" s="1" t="s">
        <v>54478</v>
      </c>
      <c r="F18515" s="1" t="s">
        <v>67160</v>
      </c>
      <c r="G18515" s="1" t="s">
        <v>67161</v>
      </c>
      <c r="H18515" s="1" t="s">
        <v>67162</v>
      </c>
      <c r="I18515" s="1" t="s">
        <v>53800</v>
      </c>
      <c r="J18515" s="1" t="s">
        <v>13</v>
      </c>
    </row>
    <row r="18516" spans="1:10" x14ac:dyDescent="0.35">
      <c r="A18516" s="1" t="s">
        <v>1328</v>
      </c>
      <c r="B18516" s="1" t="s">
        <v>53796</v>
      </c>
      <c r="C18516" s="1" t="s">
        <v>15</v>
      </c>
      <c r="D18516" s="1" t="s">
        <v>57757</v>
      </c>
      <c r="E18516" s="1" t="s">
        <v>58221</v>
      </c>
      <c r="F18516" s="1" t="s">
        <v>62817</v>
      </c>
      <c r="G18516" s="1" t="s">
        <v>67161</v>
      </c>
      <c r="H18516" s="1" t="s">
        <v>67162</v>
      </c>
      <c r="I18516" s="1" t="s">
        <v>53800</v>
      </c>
      <c r="J18516" s="1" t="s">
        <v>67163</v>
      </c>
    </row>
    <row r="18517" spans="1:10" x14ac:dyDescent="0.35">
      <c r="A18517" s="1" t="s">
        <v>1328</v>
      </c>
      <c r="B18517" s="1" t="s">
        <v>53796</v>
      </c>
      <c r="C18517" s="1" t="s">
        <v>20</v>
      </c>
      <c r="D18517" s="1" t="s">
        <v>67164</v>
      </c>
      <c r="E18517" s="1" t="s">
        <v>12841</v>
      </c>
      <c r="F18517" s="1" t="s">
        <v>67165</v>
      </c>
      <c r="G18517" s="1" t="s">
        <v>67161</v>
      </c>
      <c r="H18517" s="1" t="s">
        <v>67162</v>
      </c>
      <c r="I18517" s="1" t="s">
        <v>53800</v>
      </c>
      <c r="J18517" s="1" t="s">
        <v>67166</v>
      </c>
    </row>
    <row r="18518" spans="1:10" x14ac:dyDescent="0.35">
      <c r="A18518" s="1" t="s">
        <v>1328</v>
      </c>
      <c r="B18518" s="1" t="s">
        <v>53796</v>
      </c>
      <c r="C18518" s="1" t="s">
        <v>25</v>
      </c>
      <c r="D18518" s="1" t="s">
        <v>67167</v>
      </c>
      <c r="E18518" s="1" t="s">
        <v>21791</v>
      </c>
      <c r="F18518" s="1" t="s">
        <v>67168</v>
      </c>
      <c r="G18518" s="1" t="s">
        <v>67161</v>
      </c>
      <c r="H18518" s="1" t="s">
        <v>67162</v>
      </c>
      <c r="I18518" s="1" t="s">
        <v>53800</v>
      </c>
      <c r="J18518" s="1" t="s">
        <v>67169</v>
      </c>
    </row>
    <row r="18519" spans="1:10" x14ac:dyDescent="0.35">
      <c r="A18519" s="1" t="s">
        <v>1328</v>
      </c>
      <c r="B18519" s="1" t="s">
        <v>53796</v>
      </c>
      <c r="C18519" s="1" t="s">
        <v>30</v>
      </c>
      <c r="D18519" s="1" t="s">
        <v>57949</v>
      </c>
      <c r="E18519" s="1" t="s">
        <v>12875</v>
      </c>
      <c r="F18519" s="1" t="s">
        <v>67170</v>
      </c>
      <c r="G18519" s="1" t="s">
        <v>67161</v>
      </c>
      <c r="H18519" s="1" t="s">
        <v>67162</v>
      </c>
      <c r="I18519" s="1" t="s">
        <v>53800</v>
      </c>
      <c r="J18519" s="1" t="s">
        <v>67171</v>
      </c>
    </row>
    <row r="18520" spans="1:10" x14ac:dyDescent="0.35">
      <c r="A18520" s="1" t="s">
        <v>1328</v>
      </c>
      <c r="B18520" s="1" t="s">
        <v>53796</v>
      </c>
      <c r="C18520" s="1" t="s">
        <v>35</v>
      </c>
      <c r="D18520" s="1" t="s">
        <v>67172</v>
      </c>
      <c r="E18520" s="1" t="s">
        <v>21201</v>
      </c>
      <c r="F18520" s="1" t="s">
        <v>54647</v>
      </c>
      <c r="G18520" s="1" t="s">
        <v>67161</v>
      </c>
      <c r="H18520" s="1" t="s">
        <v>67162</v>
      </c>
      <c r="I18520" s="1" t="s">
        <v>53800</v>
      </c>
      <c r="J18520" s="1" t="s">
        <v>67173</v>
      </c>
    </row>
    <row r="18521" spans="1:10" x14ac:dyDescent="0.35">
      <c r="A18521" s="1" t="s">
        <v>1328</v>
      </c>
      <c r="B18521" s="1" t="s">
        <v>53796</v>
      </c>
      <c r="C18521" s="1" t="s">
        <v>40</v>
      </c>
      <c r="D18521" s="1" t="s">
        <v>67174</v>
      </c>
      <c r="E18521" s="1" t="s">
        <v>52468</v>
      </c>
      <c r="F18521" s="1" t="s">
        <v>67175</v>
      </c>
      <c r="G18521" s="1" t="s">
        <v>67161</v>
      </c>
      <c r="H18521" s="1" t="s">
        <v>67162</v>
      </c>
      <c r="I18521" s="1" t="s">
        <v>53800</v>
      </c>
      <c r="J18521" s="1" t="s">
        <v>67176</v>
      </c>
    </row>
    <row r="18522" spans="1:10" x14ac:dyDescent="0.35">
      <c r="A18522" s="1" t="s">
        <v>1328</v>
      </c>
      <c r="B18522" s="1" t="s">
        <v>53796</v>
      </c>
      <c r="C18522" s="1" t="s">
        <v>45</v>
      </c>
      <c r="D18522" s="1" t="s">
        <v>67177</v>
      </c>
      <c r="E18522" s="1" t="s">
        <v>32376</v>
      </c>
      <c r="F18522" s="1" t="s">
        <v>67178</v>
      </c>
      <c r="G18522" s="1" t="s">
        <v>67161</v>
      </c>
      <c r="H18522" s="1" t="s">
        <v>67162</v>
      </c>
      <c r="I18522" s="1" t="s">
        <v>53800</v>
      </c>
      <c r="J18522" s="1" t="s">
        <v>67179</v>
      </c>
    </row>
    <row r="18523" spans="1:10" x14ac:dyDescent="0.35">
      <c r="A18523" s="1" t="s">
        <v>1328</v>
      </c>
      <c r="B18523" s="1" t="s">
        <v>53796</v>
      </c>
      <c r="C18523" s="1" t="s">
        <v>50</v>
      </c>
      <c r="D18523" s="1" t="s">
        <v>67180</v>
      </c>
      <c r="E18523" s="1" t="s">
        <v>53843</v>
      </c>
      <c r="F18523" s="1" t="s">
        <v>67181</v>
      </c>
      <c r="G18523" s="1" t="s">
        <v>67161</v>
      </c>
      <c r="H18523" s="1" t="s">
        <v>67162</v>
      </c>
      <c r="I18523" s="1" t="s">
        <v>53800</v>
      </c>
      <c r="J18523" s="1" t="s">
        <v>67182</v>
      </c>
    </row>
    <row r="18524" spans="1:10" x14ac:dyDescent="0.35">
      <c r="A18524" s="1" t="s">
        <v>1328</v>
      </c>
      <c r="B18524" s="1" t="s">
        <v>53796</v>
      </c>
      <c r="C18524" s="1" t="s">
        <v>55</v>
      </c>
      <c r="D18524" s="1" t="s">
        <v>67183</v>
      </c>
      <c r="E18524" s="1" t="s">
        <v>32080</v>
      </c>
      <c r="F18524" s="1" t="s">
        <v>58880</v>
      </c>
      <c r="G18524" s="1" t="s">
        <v>67161</v>
      </c>
      <c r="H18524" s="1" t="s">
        <v>67162</v>
      </c>
      <c r="I18524" s="1" t="s">
        <v>53800</v>
      </c>
      <c r="J18524" s="1" t="s">
        <v>67184</v>
      </c>
    </row>
    <row r="18525" spans="1:10" x14ac:dyDescent="0.35">
      <c r="A18525" s="1" t="s">
        <v>1328</v>
      </c>
      <c r="B18525" s="1" t="s">
        <v>53796</v>
      </c>
      <c r="C18525" s="1" t="s">
        <v>60</v>
      </c>
      <c r="D18525" s="1" t="s">
        <v>67185</v>
      </c>
      <c r="E18525" s="1" t="s">
        <v>26185</v>
      </c>
      <c r="F18525" s="1" t="s">
        <v>67186</v>
      </c>
      <c r="G18525" s="1" t="s">
        <v>67161</v>
      </c>
      <c r="H18525" s="1" t="s">
        <v>67162</v>
      </c>
      <c r="I18525" s="1" t="s">
        <v>53800</v>
      </c>
      <c r="J18525" s="1" t="s">
        <v>67187</v>
      </c>
    </row>
    <row r="18526" spans="1:10" x14ac:dyDescent="0.35">
      <c r="A18526" s="1" t="s">
        <v>1328</v>
      </c>
      <c r="B18526" s="1" t="s">
        <v>53796</v>
      </c>
      <c r="C18526" s="1" t="s">
        <v>65</v>
      </c>
      <c r="D18526" s="1" t="s">
        <v>55416</v>
      </c>
      <c r="E18526" s="1" t="s">
        <v>60199</v>
      </c>
      <c r="F18526" s="1" t="s">
        <v>67188</v>
      </c>
      <c r="G18526" s="1" t="s">
        <v>67161</v>
      </c>
      <c r="H18526" s="1" t="s">
        <v>67162</v>
      </c>
      <c r="I18526" s="1" t="s">
        <v>53800</v>
      </c>
      <c r="J18526" s="1" t="s">
        <v>67189</v>
      </c>
    </row>
    <row r="18527" spans="1:10" x14ac:dyDescent="0.35">
      <c r="A18527" s="1" t="s">
        <v>1328</v>
      </c>
      <c r="B18527" s="1" t="s">
        <v>53796</v>
      </c>
      <c r="C18527" s="1" t="s">
        <v>70</v>
      </c>
      <c r="D18527" s="1" t="s">
        <v>67190</v>
      </c>
      <c r="E18527" s="1" t="s">
        <v>23457</v>
      </c>
      <c r="F18527" s="1" t="s">
        <v>67191</v>
      </c>
      <c r="G18527" s="1" t="s">
        <v>67161</v>
      </c>
      <c r="H18527" s="1" t="s">
        <v>67162</v>
      </c>
      <c r="I18527" s="1" t="s">
        <v>53800</v>
      </c>
      <c r="J18527" s="1" t="s">
        <v>67192</v>
      </c>
    </row>
    <row r="18528" spans="1:10" x14ac:dyDescent="0.35">
      <c r="A18528" s="1" t="s">
        <v>1328</v>
      </c>
      <c r="B18528" s="1" t="s">
        <v>53796</v>
      </c>
      <c r="C18528" s="1" t="s">
        <v>75</v>
      </c>
      <c r="D18528" s="1" t="s">
        <v>67193</v>
      </c>
      <c r="E18528" s="1" t="s">
        <v>56846</v>
      </c>
      <c r="F18528" s="1" t="s">
        <v>67194</v>
      </c>
      <c r="G18528" s="1" t="s">
        <v>67161</v>
      </c>
      <c r="H18528" s="1" t="s">
        <v>67162</v>
      </c>
      <c r="I18528" s="1" t="s">
        <v>53800</v>
      </c>
      <c r="J18528" s="1" t="s">
        <v>67195</v>
      </c>
    </row>
    <row r="18529" spans="1:10" x14ac:dyDescent="0.35">
      <c r="A18529" s="1" t="s">
        <v>1328</v>
      </c>
      <c r="B18529" s="1" t="s">
        <v>53796</v>
      </c>
      <c r="C18529" s="1" t="s">
        <v>80</v>
      </c>
      <c r="D18529" s="1" t="s">
        <v>19253</v>
      </c>
      <c r="E18529" s="1" t="s">
        <v>56215</v>
      </c>
      <c r="F18529" s="1" t="s">
        <v>67196</v>
      </c>
      <c r="G18529" s="1" t="s">
        <v>67161</v>
      </c>
      <c r="H18529" s="1" t="s">
        <v>67162</v>
      </c>
      <c r="I18529" s="1" t="s">
        <v>53800</v>
      </c>
      <c r="J18529" s="1" t="s">
        <v>67197</v>
      </c>
    </row>
    <row r="18530" spans="1:10" x14ac:dyDescent="0.35">
      <c r="A18530" s="1" t="s">
        <v>1328</v>
      </c>
      <c r="B18530" s="1" t="s">
        <v>53796</v>
      </c>
      <c r="C18530" s="1" t="s">
        <v>85</v>
      </c>
      <c r="D18530" s="1" t="s">
        <v>67198</v>
      </c>
      <c r="E18530" s="1" t="s">
        <v>15252</v>
      </c>
      <c r="F18530" s="1" t="s">
        <v>67199</v>
      </c>
      <c r="G18530" s="1" t="s">
        <v>67161</v>
      </c>
      <c r="H18530" s="1" t="s">
        <v>67162</v>
      </c>
      <c r="I18530" s="1" t="s">
        <v>53800</v>
      </c>
      <c r="J18530" s="1" t="s">
        <v>67200</v>
      </c>
    </row>
    <row r="18531" spans="1:10" x14ac:dyDescent="0.35">
      <c r="A18531" s="1" t="s">
        <v>1328</v>
      </c>
      <c r="B18531" s="1" t="s">
        <v>53796</v>
      </c>
      <c r="C18531" s="1" t="s">
        <v>90</v>
      </c>
      <c r="D18531" s="1" t="s">
        <v>67201</v>
      </c>
      <c r="E18531" s="1" t="s">
        <v>41233</v>
      </c>
      <c r="F18531" s="1" t="s">
        <v>63132</v>
      </c>
      <c r="G18531" s="1" t="s">
        <v>67161</v>
      </c>
      <c r="H18531" s="1" t="s">
        <v>67162</v>
      </c>
      <c r="I18531" s="1" t="s">
        <v>53800</v>
      </c>
      <c r="J18531" s="1" t="s">
        <v>67202</v>
      </c>
    </row>
    <row r="18532" spans="1:10" x14ac:dyDescent="0.35">
      <c r="A18532" s="1" t="s">
        <v>1328</v>
      </c>
      <c r="B18532" s="1" t="s">
        <v>53796</v>
      </c>
      <c r="C18532" s="1" t="s">
        <v>95</v>
      </c>
      <c r="D18532" s="1" t="s">
        <v>67203</v>
      </c>
      <c r="E18532" s="1" t="s">
        <v>23232</v>
      </c>
      <c r="F18532" s="1" t="s">
        <v>67204</v>
      </c>
      <c r="G18532" s="1" t="s">
        <v>67161</v>
      </c>
      <c r="H18532" s="1" t="s">
        <v>67162</v>
      </c>
      <c r="I18532" s="1" t="s">
        <v>53800</v>
      </c>
      <c r="J18532" s="1" t="s">
        <v>67205</v>
      </c>
    </row>
    <row r="18533" spans="1:10" x14ac:dyDescent="0.35">
      <c r="A18533" s="1" t="s">
        <v>1328</v>
      </c>
      <c r="B18533" s="1" t="s">
        <v>53796</v>
      </c>
      <c r="C18533" s="1" t="s">
        <v>100</v>
      </c>
      <c r="D18533" s="1" t="s">
        <v>67206</v>
      </c>
      <c r="E18533" s="1" t="s">
        <v>63475</v>
      </c>
      <c r="F18533" s="1" t="s">
        <v>67207</v>
      </c>
      <c r="G18533" s="1" t="s">
        <v>67161</v>
      </c>
      <c r="H18533" s="1" t="s">
        <v>67162</v>
      </c>
      <c r="I18533" s="1" t="s">
        <v>53800</v>
      </c>
      <c r="J18533" s="1" t="s">
        <v>67208</v>
      </c>
    </row>
    <row r="18534" spans="1:10" x14ac:dyDescent="0.35">
      <c r="A18534" s="1" t="s">
        <v>1328</v>
      </c>
      <c r="B18534" s="1" t="s">
        <v>53796</v>
      </c>
      <c r="C18534" s="1" t="s">
        <v>105</v>
      </c>
      <c r="D18534" s="1" t="s">
        <v>22463</v>
      </c>
      <c r="E18534" s="1" t="s">
        <v>21929</v>
      </c>
      <c r="F18534" s="1" t="s">
        <v>67209</v>
      </c>
      <c r="G18534" s="1" t="s">
        <v>67161</v>
      </c>
      <c r="H18534" s="1" t="s">
        <v>67162</v>
      </c>
      <c r="I18534" s="1" t="s">
        <v>53800</v>
      </c>
      <c r="J18534" s="1" t="s">
        <v>67210</v>
      </c>
    </row>
    <row r="18535" spans="1:10" x14ac:dyDescent="0.35">
      <c r="A18535" s="1" t="s">
        <v>1328</v>
      </c>
      <c r="B18535" s="1" t="s">
        <v>53796</v>
      </c>
      <c r="C18535" s="1" t="s">
        <v>110</v>
      </c>
      <c r="D18535" s="1" t="s">
        <v>67211</v>
      </c>
      <c r="E18535" s="1" t="s">
        <v>57018</v>
      </c>
      <c r="F18535" s="1" t="s">
        <v>67212</v>
      </c>
      <c r="G18535" s="1" t="s">
        <v>67161</v>
      </c>
      <c r="H18535" s="1" t="s">
        <v>67162</v>
      </c>
      <c r="I18535" s="1" t="s">
        <v>53800</v>
      </c>
      <c r="J18535" s="1" t="s">
        <v>67213</v>
      </c>
    </row>
    <row r="18536" spans="1:10" x14ac:dyDescent="0.35">
      <c r="A18536" s="1" t="s">
        <v>1328</v>
      </c>
      <c r="B18536" s="1" t="s">
        <v>53796</v>
      </c>
      <c r="C18536" s="1" t="s">
        <v>115</v>
      </c>
      <c r="D18536" s="1" t="s">
        <v>57380</v>
      </c>
      <c r="E18536" s="1" t="s">
        <v>31435</v>
      </c>
      <c r="F18536" s="1" t="s">
        <v>32012</v>
      </c>
      <c r="G18536" s="1" t="s">
        <v>67161</v>
      </c>
      <c r="H18536" s="1" t="s">
        <v>67162</v>
      </c>
      <c r="I18536" s="1" t="s">
        <v>53800</v>
      </c>
      <c r="J18536" s="1" t="s">
        <v>67214</v>
      </c>
    </row>
    <row r="18537" spans="1:10" x14ac:dyDescent="0.35">
      <c r="A18537" s="1" t="s">
        <v>1328</v>
      </c>
      <c r="B18537" s="1" t="s">
        <v>53796</v>
      </c>
      <c r="C18537" s="1" t="s">
        <v>120</v>
      </c>
      <c r="D18537" s="1" t="s">
        <v>67215</v>
      </c>
      <c r="E18537" s="1" t="s">
        <v>24377</v>
      </c>
      <c r="F18537" s="1" t="s">
        <v>64465</v>
      </c>
      <c r="G18537" s="1" t="s">
        <v>67161</v>
      </c>
      <c r="H18537" s="1" t="s">
        <v>67162</v>
      </c>
      <c r="I18537" s="1" t="s">
        <v>53800</v>
      </c>
      <c r="J18537" s="1" t="s">
        <v>67216</v>
      </c>
    </row>
    <row r="18538" spans="1:10" x14ac:dyDescent="0.35">
      <c r="A18538" s="1" t="s">
        <v>1328</v>
      </c>
      <c r="B18538" s="1" t="s">
        <v>53796</v>
      </c>
      <c r="C18538" s="1" t="s">
        <v>125</v>
      </c>
      <c r="D18538" s="1" t="s">
        <v>67217</v>
      </c>
      <c r="E18538" s="1" t="s">
        <v>58370</v>
      </c>
      <c r="F18538" s="1" t="s">
        <v>55189</v>
      </c>
      <c r="G18538" s="1" t="s">
        <v>67161</v>
      </c>
      <c r="H18538" s="1" t="s">
        <v>67162</v>
      </c>
      <c r="I18538" s="1" t="s">
        <v>53800</v>
      </c>
      <c r="J18538" s="1" t="s">
        <v>67218</v>
      </c>
    </row>
    <row r="18539" spans="1:10" x14ac:dyDescent="0.35">
      <c r="A18539" s="1" t="s">
        <v>1328</v>
      </c>
      <c r="B18539" s="1" t="s">
        <v>53796</v>
      </c>
      <c r="C18539" s="1" t="s">
        <v>130</v>
      </c>
      <c r="D18539" s="1" t="s">
        <v>67219</v>
      </c>
      <c r="E18539" s="1" t="s">
        <v>54118</v>
      </c>
      <c r="F18539" s="1" t="s">
        <v>67220</v>
      </c>
      <c r="G18539" s="1" t="s">
        <v>67161</v>
      </c>
      <c r="H18539" s="1" t="s">
        <v>67162</v>
      </c>
      <c r="I18539" s="1" t="s">
        <v>53800</v>
      </c>
      <c r="J18539" s="1" t="s">
        <v>67221</v>
      </c>
    </row>
    <row r="18540" spans="1:10" x14ac:dyDescent="0.35">
      <c r="A18540" s="1" t="s">
        <v>1328</v>
      </c>
      <c r="B18540" s="1" t="s">
        <v>53796</v>
      </c>
      <c r="C18540" s="1" t="s">
        <v>135</v>
      </c>
      <c r="D18540" s="1" t="s">
        <v>67222</v>
      </c>
      <c r="E18540" s="1" t="s">
        <v>26185</v>
      </c>
      <c r="F18540" s="1" t="s">
        <v>67223</v>
      </c>
      <c r="G18540" s="1" t="s">
        <v>67161</v>
      </c>
      <c r="H18540" s="1" t="s">
        <v>67162</v>
      </c>
      <c r="I18540" s="1" t="s">
        <v>53800</v>
      </c>
      <c r="J18540" s="1" t="s">
        <v>67224</v>
      </c>
    </row>
    <row r="18541" spans="1:10" x14ac:dyDescent="0.35">
      <c r="A18541" s="1" t="s">
        <v>1328</v>
      </c>
      <c r="B18541" s="1" t="s">
        <v>53796</v>
      </c>
      <c r="C18541" s="1" t="s">
        <v>140</v>
      </c>
      <c r="D18541" s="1" t="s">
        <v>67225</v>
      </c>
      <c r="E18541" s="1" t="s">
        <v>56448</v>
      </c>
      <c r="F18541" s="1" t="s">
        <v>67226</v>
      </c>
      <c r="G18541" s="1" t="s">
        <v>67161</v>
      </c>
      <c r="H18541" s="1" t="s">
        <v>67162</v>
      </c>
      <c r="I18541" s="1" t="s">
        <v>53800</v>
      </c>
      <c r="J18541" s="1" t="s">
        <v>67227</v>
      </c>
    </row>
    <row r="18542" spans="1:10" x14ac:dyDescent="0.35">
      <c r="A18542" s="1" t="s">
        <v>1328</v>
      </c>
      <c r="B18542" s="1" t="s">
        <v>53796</v>
      </c>
      <c r="C18542" s="1" t="s">
        <v>145</v>
      </c>
      <c r="D18542" s="1" t="s">
        <v>67228</v>
      </c>
      <c r="E18542" s="1" t="s">
        <v>15311</v>
      </c>
      <c r="F18542" s="1" t="s">
        <v>67229</v>
      </c>
      <c r="G18542" s="1" t="s">
        <v>67161</v>
      </c>
      <c r="H18542" s="1" t="s">
        <v>67162</v>
      </c>
      <c r="I18542" s="1" t="s">
        <v>53800</v>
      </c>
      <c r="J18542" s="1" t="s">
        <v>67230</v>
      </c>
    </row>
    <row r="18543" spans="1:10" x14ac:dyDescent="0.35">
      <c r="A18543" s="1" t="s">
        <v>1328</v>
      </c>
      <c r="B18543" s="1" t="s">
        <v>53796</v>
      </c>
      <c r="C18543" s="1" t="s">
        <v>150</v>
      </c>
      <c r="D18543" s="1" t="s">
        <v>67231</v>
      </c>
      <c r="E18543" s="1" t="s">
        <v>56842</v>
      </c>
      <c r="F18543" s="1" t="s">
        <v>67232</v>
      </c>
      <c r="G18543" s="1" t="s">
        <v>67161</v>
      </c>
      <c r="H18543" s="1" t="s">
        <v>67162</v>
      </c>
      <c r="I18543" s="1" t="s">
        <v>53800</v>
      </c>
      <c r="J18543" s="1" t="s">
        <v>67233</v>
      </c>
    </row>
    <row r="18544" spans="1:10" x14ac:dyDescent="0.35">
      <c r="A18544" s="1" t="s">
        <v>1328</v>
      </c>
      <c r="B18544" s="1" t="s">
        <v>53796</v>
      </c>
      <c r="C18544" s="1" t="s">
        <v>155</v>
      </c>
      <c r="D18544" s="1" t="s">
        <v>67234</v>
      </c>
      <c r="E18544" s="1" t="s">
        <v>24236</v>
      </c>
      <c r="F18544" s="1" t="s">
        <v>67235</v>
      </c>
      <c r="G18544" s="1" t="s">
        <v>67161</v>
      </c>
      <c r="H18544" s="1" t="s">
        <v>67162</v>
      </c>
      <c r="I18544" s="1" t="s">
        <v>53800</v>
      </c>
      <c r="J18544" s="1" t="s">
        <v>67236</v>
      </c>
    </row>
    <row r="18545" spans="1:10" x14ac:dyDescent="0.35">
      <c r="A18545" s="1" t="s">
        <v>1328</v>
      </c>
      <c r="B18545" s="1" t="s">
        <v>53796</v>
      </c>
      <c r="C18545" s="1" t="s">
        <v>160</v>
      </c>
      <c r="D18545" s="1" t="s">
        <v>67237</v>
      </c>
      <c r="E18545" s="1" t="s">
        <v>24242</v>
      </c>
      <c r="F18545" s="1" t="s">
        <v>67238</v>
      </c>
      <c r="G18545" s="1" t="s">
        <v>67161</v>
      </c>
      <c r="H18545" s="1" t="s">
        <v>67162</v>
      </c>
      <c r="I18545" s="1" t="s">
        <v>53800</v>
      </c>
      <c r="J18545" s="1" t="s">
        <v>67239</v>
      </c>
    </row>
    <row r="18546" spans="1:10" x14ac:dyDescent="0.35">
      <c r="A18546" s="1" t="s">
        <v>1328</v>
      </c>
      <c r="B18546" s="1" t="s">
        <v>53796</v>
      </c>
      <c r="C18546" s="1" t="s">
        <v>165</v>
      </c>
      <c r="D18546" s="1" t="s">
        <v>67240</v>
      </c>
      <c r="E18546" s="1" t="s">
        <v>12864</v>
      </c>
      <c r="F18546" s="1" t="s">
        <v>52483</v>
      </c>
      <c r="G18546" s="1" t="s">
        <v>67161</v>
      </c>
      <c r="H18546" s="1" t="s">
        <v>67162</v>
      </c>
      <c r="I18546" s="1" t="s">
        <v>53800</v>
      </c>
      <c r="J18546" s="1" t="s">
        <v>67241</v>
      </c>
    </row>
    <row r="18547" spans="1:10" x14ac:dyDescent="0.35">
      <c r="A18547" s="1" t="s">
        <v>1328</v>
      </c>
      <c r="B18547" s="1" t="s">
        <v>53796</v>
      </c>
      <c r="C18547" s="1" t="s">
        <v>170</v>
      </c>
      <c r="D18547" s="1" t="s">
        <v>20854</v>
      </c>
      <c r="E18547" s="1" t="s">
        <v>26288</v>
      </c>
      <c r="F18547" s="1" t="s">
        <v>67242</v>
      </c>
      <c r="G18547" s="1" t="s">
        <v>67161</v>
      </c>
      <c r="H18547" s="1" t="s">
        <v>67162</v>
      </c>
      <c r="I18547" s="1" t="s">
        <v>53800</v>
      </c>
      <c r="J18547" s="1" t="s">
        <v>67243</v>
      </c>
    </row>
    <row r="18548" spans="1:10" x14ac:dyDescent="0.35">
      <c r="A18548" s="1" t="s">
        <v>67244</v>
      </c>
      <c r="B18548" s="1" t="s">
        <v>53796</v>
      </c>
      <c r="C18548" s="1" t="s">
        <v>8</v>
      </c>
      <c r="D18548" s="1" t="s">
        <v>56421</v>
      </c>
      <c r="E18548" s="1" t="s">
        <v>55452</v>
      </c>
      <c r="F18548" s="1" t="s">
        <v>67245</v>
      </c>
      <c r="G18548" s="1" t="s">
        <v>67246</v>
      </c>
      <c r="H18548" s="1" t="s">
        <v>67247</v>
      </c>
      <c r="I18548" s="1" t="s">
        <v>53800</v>
      </c>
      <c r="J18548" s="1" t="s">
        <v>13</v>
      </c>
    </row>
    <row r="18549" spans="1:10" x14ac:dyDescent="0.35">
      <c r="A18549" s="1" t="s">
        <v>67244</v>
      </c>
      <c r="B18549" s="1" t="s">
        <v>53796</v>
      </c>
      <c r="C18549" s="1" t="s">
        <v>15</v>
      </c>
      <c r="D18549" s="1" t="s">
        <v>67248</v>
      </c>
      <c r="E18549" s="1" t="s">
        <v>56397</v>
      </c>
      <c r="F18549" s="1" t="s">
        <v>57301</v>
      </c>
      <c r="G18549" s="1" t="s">
        <v>67246</v>
      </c>
      <c r="H18549" s="1" t="s">
        <v>67247</v>
      </c>
      <c r="I18549" s="1" t="s">
        <v>53800</v>
      </c>
      <c r="J18549" s="1" t="s">
        <v>67249</v>
      </c>
    </row>
    <row r="18550" spans="1:10" x14ac:dyDescent="0.35">
      <c r="A18550" s="1" t="s">
        <v>67244</v>
      </c>
      <c r="B18550" s="1" t="s">
        <v>53796</v>
      </c>
      <c r="C18550" s="1" t="s">
        <v>20</v>
      </c>
      <c r="D18550" s="1" t="s">
        <v>67250</v>
      </c>
      <c r="E18550" s="1" t="s">
        <v>56842</v>
      </c>
      <c r="F18550" s="1" t="s">
        <v>67251</v>
      </c>
      <c r="G18550" s="1" t="s">
        <v>67246</v>
      </c>
      <c r="H18550" s="1" t="s">
        <v>67247</v>
      </c>
      <c r="I18550" s="1" t="s">
        <v>53800</v>
      </c>
      <c r="J18550" s="1" t="s">
        <v>67252</v>
      </c>
    </row>
    <row r="18551" spans="1:10" x14ac:dyDescent="0.35">
      <c r="A18551" s="1" t="s">
        <v>67244</v>
      </c>
      <c r="B18551" s="1" t="s">
        <v>53796</v>
      </c>
      <c r="C18551" s="1" t="s">
        <v>25</v>
      </c>
      <c r="D18551" s="1" t="s">
        <v>67253</v>
      </c>
      <c r="E18551" s="1" t="s">
        <v>41425</v>
      </c>
      <c r="F18551" s="1" t="s">
        <v>56638</v>
      </c>
      <c r="G18551" s="1" t="s">
        <v>67246</v>
      </c>
      <c r="H18551" s="1" t="s">
        <v>67247</v>
      </c>
      <c r="I18551" s="1" t="s">
        <v>53800</v>
      </c>
      <c r="J18551" s="1" t="s">
        <v>67254</v>
      </c>
    </row>
    <row r="18552" spans="1:10" x14ac:dyDescent="0.35">
      <c r="A18552" s="1" t="s">
        <v>67244</v>
      </c>
      <c r="B18552" s="1" t="s">
        <v>53796</v>
      </c>
      <c r="C18552" s="1" t="s">
        <v>30</v>
      </c>
      <c r="D18552" s="1" t="s">
        <v>67255</v>
      </c>
      <c r="E18552" s="1" t="s">
        <v>23248</v>
      </c>
      <c r="F18552" s="1" t="s">
        <v>67256</v>
      </c>
      <c r="G18552" s="1" t="s">
        <v>67246</v>
      </c>
      <c r="H18552" s="1" t="s">
        <v>67247</v>
      </c>
      <c r="I18552" s="1" t="s">
        <v>53800</v>
      </c>
      <c r="J18552" s="1" t="s">
        <v>67257</v>
      </c>
    </row>
    <row r="18553" spans="1:10" x14ac:dyDescent="0.35">
      <c r="A18553" s="1" t="s">
        <v>67244</v>
      </c>
      <c r="B18553" s="1" t="s">
        <v>53796</v>
      </c>
      <c r="C18553" s="1" t="s">
        <v>35</v>
      </c>
      <c r="D18553" s="1" t="s">
        <v>67258</v>
      </c>
      <c r="E18553" s="1" t="s">
        <v>32061</v>
      </c>
      <c r="F18553" s="1" t="s">
        <v>56866</v>
      </c>
      <c r="G18553" s="1" t="s">
        <v>67246</v>
      </c>
      <c r="H18553" s="1" t="s">
        <v>67247</v>
      </c>
      <c r="I18553" s="1" t="s">
        <v>53800</v>
      </c>
      <c r="J18553" s="1" t="s">
        <v>67259</v>
      </c>
    </row>
    <row r="18554" spans="1:10" x14ac:dyDescent="0.35">
      <c r="A18554" s="1" t="s">
        <v>67244</v>
      </c>
      <c r="B18554" s="1" t="s">
        <v>53796</v>
      </c>
      <c r="C18554" s="1" t="s">
        <v>40</v>
      </c>
      <c r="D18554" s="1" t="s">
        <v>67260</v>
      </c>
      <c r="E18554" s="1" t="s">
        <v>62510</v>
      </c>
      <c r="F18554" s="1" t="s">
        <v>67261</v>
      </c>
      <c r="G18554" s="1" t="s">
        <v>67246</v>
      </c>
      <c r="H18554" s="1" t="s">
        <v>67247</v>
      </c>
      <c r="I18554" s="1" t="s">
        <v>53800</v>
      </c>
      <c r="J18554" s="1" t="s">
        <v>67262</v>
      </c>
    </row>
    <row r="18555" spans="1:10" x14ac:dyDescent="0.35">
      <c r="A18555" s="1" t="s">
        <v>67244</v>
      </c>
      <c r="B18555" s="1" t="s">
        <v>53796</v>
      </c>
      <c r="C18555" s="1" t="s">
        <v>45</v>
      </c>
      <c r="D18555" s="1" t="s">
        <v>59924</v>
      </c>
      <c r="E18555" s="1" t="s">
        <v>23521</v>
      </c>
      <c r="F18555" s="1" t="s">
        <v>23422</v>
      </c>
      <c r="G18555" s="1" t="s">
        <v>67246</v>
      </c>
      <c r="H18555" s="1" t="s">
        <v>67247</v>
      </c>
      <c r="I18555" s="1" t="s">
        <v>53800</v>
      </c>
      <c r="J18555" s="1" t="s">
        <v>67263</v>
      </c>
    </row>
    <row r="18556" spans="1:10" x14ac:dyDescent="0.35">
      <c r="A18556" s="1" t="s">
        <v>67244</v>
      </c>
      <c r="B18556" s="1" t="s">
        <v>53796</v>
      </c>
      <c r="C18556" s="1" t="s">
        <v>50</v>
      </c>
      <c r="D18556" s="1" t="s">
        <v>67264</v>
      </c>
      <c r="E18556" s="1" t="s">
        <v>23149</v>
      </c>
      <c r="F18556" s="1" t="s">
        <v>67265</v>
      </c>
      <c r="G18556" s="1" t="s">
        <v>67246</v>
      </c>
      <c r="H18556" s="1" t="s">
        <v>67247</v>
      </c>
      <c r="I18556" s="1" t="s">
        <v>53800</v>
      </c>
      <c r="J18556" s="1" t="s">
        <v>67266</v>
      </c>
    </row>
    <row r="18557" spans="1:10" x14ac:dyDescent="0.35">
      <c r="A18557" s="1" t="s">
        <v>67244</v>
      </c>
      <c r="B18557" s="1" t="s">
        <v>53796</v>
      </c>
      <c r="C18557" s="1" t="s">
        <v>55</v>
      </c>
      <c r="D18557" s="1" t="s">
        <v>67267</v>
      </c>
      <c r="E18557" s="1" t="s">
        <v>31445</v>
      </c>
      <c r="F18557" s="1" t="s">
        <v>27108</v>
      </c>
      <c r="G18557" s="1" t="s">
        <v>67246</v>
      </c>
      <c r="H18557" s="1" t="s">
        <v>67247</v>
      </c>
      <c r="I18557" s="1" t="s">
        <v>53800</v>
      </c>
      <c r="J18557" s="1" t="s">
        <v>67268</v>
      </c>
    </row>
    <row r="18558" spans="1:10" x14ac:dyDescent="0.35">
      <c r="A18558" s="1" t="s">
        <v>67244</v>
      </c>
      <c r="B18558" s="1" t="s">
        <v>53796</v>
      </c>
      <c r="C18558" s="1" t="s">
        <v>60</v>
      </c>
      <c r="D18558" s="1" t="s">
        <v>67269</v>
      </c>
      <c r="E18558" s="1" t="s">
        <v>27111</v>
      </c>
      <c r="F18558" s="1" t="s">
        <v>58869</v>
      </c>
      <c r="G18558" s="1" t="s">
        <v>67246</v>
      </c>
      <c r="H18558" s="1" t="s">
        <v>67247</v>
      </c>
      <c r="I18558" s="1" t="s">
        <v>53800</v>
      </c>
      <c r="J18558" s="1" t="s">
        <v>67270</v>
      </c>
    </row>
    <row r="18559" spans="1:10" x14ac:dyDescent="0.35">
      <c r="A18559" s="1" t="s">
        <v>67244</v>
      </c>
      <c r="B18559" s="1" t="s">
        <v>53796</v>
      </c>
      <c r="C18559" s="1" t="s">
        <v>65</v>
      </c>
      <c r="D18559" s="1" t="s">
        <v>4952</v>
      </c>
      <c r="E18559" s="1" t="s">
        <v>54478</v>
      </c>
      <c r="F18559" s="1" t="s">
        <v>67271</v>
      </c>
      <c r="G18559" s="1" t="s">
        <v>67246</v>
      </c>
      <c r="H18559" s="1" t="s">
        <v>67247</v>
      </c>
      <c r="I18559" s="1" t="s">
        <v>53800</v>
      </c>
      <c r="J18559" s="1" t="s">
        <v>67272</v>
      </c>
    </row>
    <row r="18560" spans="1:10" x14ac:dyDescent="0.35">
      <c r="A18560" s="1" t="s">
        <v>67244</v>
      </c>
      <c r="B18560" s="1" t="s">
        <v>53796</v>
      </c>
      <c r="C18560" s="1" t="s">
        <v>70</v>
      </c>
      <c r="D18560" s="1" t="s">
        <v>67273</v>
      </c>
      <c r="E18560" s="1" t="s">
        <v>26629</v>
      </c>
      <c r="F18560" s="1" t="s">
        <v>67274</v>
      </c>
      <c r="G18560" s="1" t="s">
        <v>67246</v>
      </c>
      <c r="H18560" s="1" t="s">
        <v>67247</v>
      </c>
      <c r="I18560" s="1" t="s">
        <v>53800</v>
      </c>
      <c r="J18560" s="1" t="s">
        <v>67275</v>
      </c>
    </row>
    <row r="18561" spans="1:10" x14ac:dyDescent="0.35">
      <c r="A18561" s="1" t="s">
        <v>67244</v>
      </c>
      <c r="B18561" s="1" t="s">
        <v>53796</v>
      </c>
      <c r="C18561" s="1" t="s">
        <v>75</v>
      </c>
      <c r="D18561" s="1" t="s">
        <v>67276</v>
      </c>
      <c r="E18561" s="1" t="s">
        <v>12821</v>
      </c>
      <c r="F18561" s="1" t="s">
        <v>67277</v>
      </c>
      <c r="G18561" s="1" t="s">
        <v>67246</v>
      </c>
      <c r="H18561" s="1" t="s">
        <v>67247</v>
      </c>
      <c r="I18561" s="1" t="s">
        <v>53800</v>
      </c>
      <c r="J18561" s="1" t="s">
        <v>67278</v>
      </c>
    </row>
    <row r="18562" spans="1:10" x14ac:dyDescent="0.35">
      <c r="A18562" s="1" t="s">
        <v>67244</v>
      </c>
      <c r="B18562" s="1" t="s">
        <v>53796</v>
      </c>
      <c r="C18562" s="1" t="s">
        <v>80</v>
      </c>
      <c r="D18562" s="1" t="s">
        <v>67279</v>
      </c>
      <c r="E18562" s="1" t="s">
        <v>41356</v>
      </c>
      <c r="F18562" s="1" t="s">
        <v>67280</v>
      </c>
      <c r="G18562" s="1" t="s">
        <v>67246</v>
      </c>
      <c r="H18562" s="1" t="s">
        <v>67247</v>
      </c>
      <c r="I18562" s="1" t="s">
        <v>53800</v>
      </c>
      <c r="J18562" s="1" t="s">
        <v>67281</v>
      </c>
    </row>
    <row r="18563" spans="1:10" x14ac:dyDescent="0.35">
      <c r="A18563" s="1" t="s">
        <v>67244</v>
      </c>
      <c r="B18563" s="1" t="s">
        <v>53796</v>
      </c>
      <c r="C18563" s="1" t="s">
        <v>85</v>
      </c>
      <c r="D18563" s="1" t="s">
        <v>67282</v>
      </c>
      <c r="E18563" s="1" t="s">
        <v>21799</v>
      </c>
      <c r="F18563" s="1" t="s">
        <v>67283</v>
      </c>
      <c r="G18563" s="1" t="s">
        <v>67246</v>
      </c>
      <c r="H18563" s="1" t="s">
        <v>67247</v>
      </c>
      <c r="I18563" s="1" t="s">
        <v>53800</v>
      </c>
      <c r="J18563" s="1" t="s">
        <v>67284</v>
      </c>
    </row>
    <row r="18564" spans="1:10" x14ac:dyDescent="0.35">
      <c r="A18564" s="1" t="s">
        <v>67244</v>
      </c>
      <c r="B18564" s="1" t="s">
        <v>53796</v>
      </c>
      <c r="C18564" s="1" t="s">
        <v>90</v>
      </c>
      <c r="D18564" s="1" t="s">
        <v>67285</v>
      </c>
      <c r="E18564" s="1" t="s">
        <v>67286</v>
      </c>
      <c r="F18564" s="1" t="s">
        <v>67287</v>
      </c>
      <c r="G18564" s="1" t="s">
        <v>67246</v>
      </c>
      <c r="H18564" s="1" t="s">
        <v>67247</v>
      </c>
      <c r="I18564" s="1" t="s">
        <v>53800</v>
      </c>
      <c r="J18564" s="1" t="s">
        <v>67288</v>
      </c>
    </row>
    <row r="18565" spans="1:10" x14ac:dyDescent="0.35">
      <c r="A18565" s="1" t="s">
        <v>67244</v>
      </c>
      <c r="B18565" s="1" t="s">
        <v>53796</v>
      </c>
      <c r="C18565" s="1" t="s">
        <v>95</v>
      </c>
      <c r="D18565" s="1" t="s">
        <v>67289</v>
      </c>
      <c r="E18565" s="1" t="s">
        <v>55373</v>
      </c>
      <c r="F18565" s="1" t="s">
        <v>67290</v>
      </c>
      <c r="G18565" s="1" t="s">
        <v>67246</v>
      </c>
      <c r="H18565" s="1" t="s">
        <v>67247</v>
      </c>
      <c r="I18565" s="1" t="s">
        <v>53800</v>
      </c>
      <c r="J18565" s="1" t="s">
        <v>67291</v>
      </c>
    </row>
    <row r="18566" spans="1:10" x14ac:dyDescent="0.35">
      <c r="A18566" s="1" t="s">
        <v>67244</v>
      </c>
      <c r="B18566" s="1" t="s">
        <v>53796</v>
      </c>
      <c r="C18566" s="1" t="s">
        <v>100</v>
      </c>
      <c r="D18566" s="1" t="s">
        <v>67292</v>
      </c>
      <c r="E18566" s="1" t="s">
        <v>21845</v>
      </c>
      <c r="F18566" s="1" t="s">
        <v>67293</v>
      </c>
      <c r="G18566" s="1" t="s">
        <v>67246</v>
      </c>
      <c r="H18566" s="1" t="s">
        <v>67247</v>
      </c>
      <c r="I18566" s="1" t="s">
        <v>53800</v>
      </c>
      <c r="J18566" s="1" t="s">
        <v>67294</v>
      </c>
    </row>
    <row r="18567" spans="1:10" x14ac:dyDescent="0.35">
      <c r="A18567" s="1" t="s">
        <v>67244</v>
      </c>
      <c r="B18567" s="1" t="s">
        <v>53796</v>
      </c>
      <c r="C18567" s="1" t="s">
        <v>105</v>
      </c>
      <c r="D18567" s="1" t="s">
        <v>67295</v>
      </c>
      <c r="E18567" s="1" t="s">
        <v>23404</v>
      </c>
      <c r="F18567" s="1" t="s">
        <v>67296</v>
      </c>
      <c r="G18567" s="1" t="s">
        <v>67246</v>
      </c>
      <c r="H18567" s="1" t="s">
        <v>67247</v>
      </c>
      <c r="I18567" s="1" t="s">
        <v>53800</v>
      </c>
      <c r="J18567" s="1" t="s">
        <v>67297</v>
      </c>
    </row>
    <row r="18568" spans="1:10" x14ac:dyDescent="0.35">
      <c r="A18568" s="1" t="s">
        <v>67244</v>
      </c>
      <c r="B18568" s="1" t="s">
        <v>53796</v>
      </c>
      <c r="C18568" s="1" t="s">
        <v>110</v>
      </c>
      <c r="D18568" s="1" t="s">
        <v>67298</v>
      </c>
      <c r="E18568" s="1" t="s">
        <v>21737</v>
      </c>
      <c r="F18568" s="1" t="s">
        <v>67299</v>
      </c>
      <c r="G18568" s="1" t="s">
        <v>67246</v>
      </c>
      <c r="H18568" s="1" t="s">
        <v>67247</v>
      </c>
      <c r="I18568" s="1" t="s">
        <v>53800</v>
      </c>
      <c r="J18568" s="1" t="s">
        <v>67300</v>
      </c>
    </row>
    <row r="18569" spans="1:10" x14ac:dyDescent="0.35">
      <c r="A18569" s="1" t="s">
        <v>67244</v>
      </c>
      <c r="B18569" s="1" t="s">
        <v>53796</v>
      </c>
      <c r="C18569" s="1" t="s">
        <v>115</v>
      </c>
      <c r="D18569" s="1" t="s">
        <v>67301</v>
      </c>
      <c r="E18569" s="1" t="s">
        <v>54178</v>
      </c>
      <c r="F18569" s="1" t="s">
        <v>32330</v>
      </c>
      <c r="G18569" s="1" t="s">
        <v>67246</v>
      </c>
      <c r="H18569" s="1" t="s">
        <v>67247</v>
      </c>
      <c r="I18569" s="1" t="s">
        <v>53800</v>
      </c>
      <c r="J18569" s="1" t="s">
        <v>67302</v>
      </c>
    </row>
    <row r="18570" spans="1:10" x14ac:dyDescent="0.35">
      <c r="A18570" s="1" t="s">
        <v>67244</v>
      </c>
      <c r="B18570" s="1" t="s">
        <v>53796</v>
      </c>
      <c r="C18570" s="1" t="s">
        <v>120</v>
      </c>
      <c r="D18570" s="1" t="s">
        <v>67303</v>
      </c>
      <c r="E18570" s="1" t="s">
        <v>24384</v>
      </c>
      <c r="F18570" s="1" t="s">
        <v>58201</v>
      </c>
      <c r="G18570" s="1" t="s">
        <v>67246</v>
      </c>
      <c r="H18570" s="1" t="s">
        <v>67247</v>
      </c>
      <c r="I18570" s="1" t="s">
        <v>53800</v>
      </c>
      <c r="J18570" s="1" t="s">
        <v>67304</v>
      </c>
    </row>
    <row r="18571" spans="1:10" x14ac:dyDescent="0.35">
      <c r="A18571" s="1" t="s">
        <v>67244</v>
      </c>
      <c r="B18571" s="1" t="s">
        <v>53796</v>
      </c>
      <c r="C18571" s="1" t="s">
        <v>125</v>
      </c>
      <c r="D18571" s="1" t="s">
        <v>67305</v>
      </c>
      <c r="E18571" s="1" t="s">
        <v>24384</v>
      </c>
      <c r="F18571" s="1" t="s">
        <v>67306</v>
      </c>
      <c r="G18571" s="1" t="s">
        <v>67246</v>
      </c>
      <c r="H18571" s="1" t="s">
        <v>67247</v>
      </c>
      <c r="I18571" s="1" t="s">
        <v>53800</v>
      </c>
      <c r="J18571" s="1" t="s">
        <v>67307</v>
      </c>
    </row>
    <row r="18572" spans="1:10" x14ac:dyDescent="0.35">
      <c r="A18572" s="1" t="s">
        <v>67244</v>
      </c>
      <c r="B18572" s="1" t="s">
        <v>53796</v>
      </c>
      <c r="C18572" s="1" t="s">
        <v>130</v>
      </c>
      <c r="D18572" s="1" t="s">
        <v>67308</v>
      </c>
      <c r="E18572" s="1" t="s">
        <v>15889</v>
      </c>
      <c r="F18572" s="1" t="s">
        <v>31801</v>
      </c>
      <c r="G18572" s="1" t="s">
        <v>67246</v>
      </c>
      <c r="H18572" s="1" t="s">
        <v>67247</v>
      </c>
      <c r="I18572" s="1" t="s">
        <v>53800</v>
      </c>
      <c r="J18572" s="1" t="s">
        <v>67309</v>
      </c>
    </row>
    <row r="18573" spans="1:10" x14ac:dyDescent="0.35">
      <c r="A18573" s="1" t="s">
        <v>67244</v>
      </c>
      <c r="B18573" s="1" t="s">
        <v>53796</v>
      </c>
      <c r="C18573" s="1" t="s">
        <v>135</v>
      </c>
      <c r="D18573" s="1" t="s">
        <v>67310</v>
      </c>
      <c r="E18573" s="1" t="s">
        <v>26214</v>
      </c>
      <c r="F18573" s="1" t="s">
        <v>55917</v>
      </c>
      <c r="G18573" s="1" t="s">
        <v>67246</v>
      </c>
      <c r="H18573" s="1" t="s">
        <v>67247</v>
      </c>
      <c r="I18573" s="1" t="s">
        <v>53800</v>
      </c>
      <c r="J18573" s="1" t="s">
        <v>67311</v>
      </c>
    </row>
    <row r="18574" spans="1:10" x14ac:dyDescent="0.35">
      <c r="A18574" s="1" t="s">
        <v>67244</v>
      </c>
      <c r="B18574" s="1" t="s">
        <v>53796</v>
      </c>
      <c r="C18574" s="1" t="s">
        <v>140</v>
      </c>
      <c r="D18574" s="1" t="s">
        <v>41759</v>
      </c>
      <c r="E18574" s="1" t="s">
        <v>31452</v>
      </c>
      <c r="F18574" s="1" t="s">
        <v>58836</v>
      </c>
      <c r="G18574" s="1" t="s">
        <v>67246</v>
      </c>
      <c r="H18574" s="1" t="s">
        <v>67247</v>
      </c>
      <c r="I18574" s="1" t="s">
        <v>53800</v>
      </c>
      <c r="J18574" s="1" t="s">
        <v>67312</v>
      </c>
    </row>
    <row r="18575" spans="1:10" x14ac:dyDescent="0.35">
      <c r="A18575" s="1" t="s">
        <v>67244</v>
      </c>
      <c r="B18575" s="1" t="s">
        <v>53796</v>
      </c>
      <c r="C18575" s="1" t="s">
        <v>145</v>
      </c>
      <c r="D18575" s="1" t="s">
        <v>67313</v>
      </c>
      <c r="E18575" s="1" t="s">
        <v>27074</v>
      </c>
      <c r="F18575" s="1" t="s">
        <v>67314</v>
      </c>
      <c r="G18575" s="1" t="s">
        <v>67246</v>
      </c>
      <c r="H18575" s="1" t="s">
        <v>67247</v>
      </c>
      <c r="I18575" s="1" t="s">
        <v>53800</v>
      </c>
      <c r="J18575" s="1" t="s">
        <v>67315</v>
      </c>
    </row>
    <row r="18576" spans="1:10" x14ac:dyDescent="0.35">
      <c r="A18576" s="1" t="s">
        <v>67244</v>
      </c>
      <c r="B18576" s="1" t="s">
        <v>53796</v>
      </c>
      <c r="C18576" s="1" t="s">
        <v>150</v>
      </c>
      <c r="D18576" s="1" t="s">
        <v>67316</v>
      </c>
      <c r="E18576" s="1" t="s">
        <v>26206</v>
      </c>
      <c r="F18576" s="1" t="s">
        <v>67317</v>
      </c>
      <c r="G18576" s="1" t="s">
        <v>67246</v>
      </c>
      <c r="H18576" s="1" t="s">
        <v>67247</v>
      </c>
      <c r="I18576" s="1" t="s">
        <v>53800</v>
      </c>
      <c r="J18576" s="1" t="s">
        <v>67318</v>
      </c>
    </row>
    <row r="18577" spans="1:10" x14ac:dyDescent="0.35">
      <c r="A18577" s="1" t="s">
        <v>67244</v>
      </c>
      <c r="B18577" s="1" t="s">
        <v>53796</v>
      </c>
      <c r="C18577" s="1" t="s">
        <v>155</v>
      </c>
      <c r="D18577" s="1" t="s">
        <v>67319</v>
      </c>
      <c r="E18577" s="1" t="s">
        <v>61793</v>
      </c>
      <c r="F18577" s="1" t="s">
        <v>67320</v>
      </c>
      <c r="G18577" s="1" t="s">
        <v>67246</v>
      </c>
      <c r="H18577" s="1" t="s">
        <v>67247</v>
      </c>
      <c r="I18577" s="1" t="s">
        <v>53800</v>
      </c>
      <c r="J18577" s="1" t="s">
        <v>67321</v>
      </c>
    </row>
    <row r="18578" spans="1:10" x14ac:dyDescent="0.35">
      <c r="A18578" s="1" t="s">
        <v>67244</v>
      </c>
      <c r="B18578" s="1" t="s">
        <v>53796</v>
      </c>
      <c r="C18578" s="1" t="s">
        <v>160</v>
      </c>
      <c r="D18578" s="1" t="s">
        <v>67322</v>
      </c>
      <c r="E18578" s="1" t="s">
        <v>32122</v>
      </c>
      <c r="F18578" s="1" t="s">
        <v>67323</v>
      </c>
      <c r="G18578" s="1" t="s">
        <v>67246</v>
      </c>
      <c r="H18578" s="1" t="s">
        <v>67247</v>
      </c>
      <c r="I18578" s="1" t="s">
        <v>53800</v>
      </c>
      <c r="J18578" s="1" t="s">
        <v>67324</v>
      </c>
    </row>
    <row r="18579" spans="1:10" x14ac:dyDescent="0.35">
      <c r="A18579" s="1" t="s">
        <v>67244</v>
      </c>
      <c r="B18579" s="1" t="s">
        <v>53796</v>
      </c>
      <c r="C18579" s="1" t="s">
        <v>165</v>
      </c>
      <c r="D18579" s="1" t="s">
        <v>67325</v>
      </c>
      <c r="E18579" s="1" t="s">
        <v>54634</v>
      </c>
      <c r="F18579" s="1" t="s">
        <v>22077</v>
      </c>
      <c r="G18579" s="1" t="s">
        <v>67246</v>
      </c>
      <c r="H18579" s="1" t="s">
        <v>67247</v>
      </c>
      <c r="I18579" s="1" t="s">
        <v>53800</v>
      </c>
      <c r="J18579" s="1" t="s">
        <v>67326</v>
      </c>
    </row>
    <row r="18580" spans="1:10" x14ac:dyDescent="0.35">
      <c r="A18580" s="1" t="s">
        <v>67244</v>
      </c>
      <c r="B18580" s="1" t="s">
        <v>53796</v>
      </c>
      <c r="C18580" s="1" t="s">
        <v>170</v>
      </c>
      <c r="D18580" s="1" t="s">
        <v>67327</v>
      </c>
      <c r="E18580" s="1" t="s">
        <v>59120</v>
      </c>
      <c r="F18580" s="1" t="s">
        <v>60646</v>
      </c>
      <c r="G18580" s="1" t="s">
        <v>67246</v>
      </c>
      <c r="H18580" s="1" t="s">
        <v>67247</v>
      </c>
      <c r="I18580" s="1" t="s">
        <v>53800</v>
      </c>
      <c r="J18580" s="1" t="s">
        <v>67328</v>
      </c>
    </row>
    <row r="18581" spans="1:10" x14ac:dyDescent="0.35">
      <c r="A18581" s="1" t="s">
        <v>67329</v>
      </c>
      <c r="B18581" s="1" t="s">
        <v>53796</v>
      </c>
      <c r="C18581" s="1" t="s">
        <v>8</v>
      </c>
      <c r="D18581" s="1" t="s">
        <v>67330</v>
      </c>
      <c r="E18581" s="1" t="s">
        <v>67331</v>
      </c>
      <c r="F18581" s="1" t="s">
        <v>67332</v>
      </c>
      <c r="G18581" s="1" t="s">
        <v>67333</v>
      </c>
      <c r="H18581" s="1" t="s">
        <v>67334</v>
      </c>
      <c r="I18581" s="1" t="s">
        <v>53800</v>
      </c>
      <c r="J18581" s="1" t="s">
        <v>13</v>
      </c>
    </row>
    <row r="18582" spans="1:10" x14ac:dyDescent="0.35">
      <c r="A18582" s="1" t="s">
        <v>67329</v>
      </c>
      <c r="B18582" s="1" t="s">
        <v>53796</v>
      </c>
      <c r="C18582" s="1" t="s">
        <v>15</v>
      </c>
      <c r="D18582" s="1" t="s">
        <v>67335</v>
      </c>
      <c r="E18582" s="1" t="s">
        <v>67336</v>
      </c>
      <c r="F18582" s="1" t="s">
        <v>67337</v>
      </c>
      <c r="G18582" s="1" t="s">
        <v>67333</v>
      </c>
      <c r="H18582" s="1" t="s">
        <v>67334</v>
      </c>
      <c r="I18582" s="1" t="s">
        <v>53800</v>
      </c>
      <c r="J18582" s="1" t="s">
        <v>67338</v>
      </c>
    </row>
    <row r="18583" spans="1:10" x14ac:dyDescent="0.35">
      <c r="A18583" s="1" t="s">
        <v>67329</v>
      </c>
      <c r="B18583" s="1" t="s">
        <v>53796</v>
      </c>
      <c r="C18583" s="1" t="s">
        <v>20</v>
      </c>
      <c r="D18583" s="1" t="s">
        <v>67339</v>
      </c>
      <c r="E18583" s="1" t="s">
        <v>67340</v>
      </c>
      <c r="F18583" s="1" t="s">
        <v>67341</v>
      </c>
      <c r="G18583" s="1" t="s">
        <v>67333</v>
      </c>
      <c r="H18583" s="1" t="s">
        <v>67334</v>
      </c>
      <c r="I18583" s="1" t="s">
        <v>53800</v>
      </c>
      <c r="J18583" s="1" t="s">
        <v>67342</v>
      </c>
    </row>
    <row r="18584" spans="1:10" x14ac:dyDescent="0.35">
      <c r="A18584" s="1" t="s">
        <v>67329</v>
      </c>
      <c r="B18584" s="1" t="s">
        <v>53796</v>
      </c>
      <c r="C18584" s="1" t="s">
        <v>25</v>
      </c>
      <c r="D18584" s="1" t="s">
        <v>67343</v>
      </c>
      <c r="E18584" s="1" t="s">
        <v>57392</v>
      </c>
      <c r="F18584" s="1" t="s">
        <v>67344</v>
      </c>
      <c r="G18584" s="1" t="s">
        <v>67333</v>
      </c>
      <c r="H18584" s="1" t="s">
        <v>67334</v>
      </c>
      <c r="I18584" s="1" t="s">
        <v>53800</v>
      </c>
      <c r="J18584" s="1" t="s">
        <v>67345</v>
      </c>
    </row>
    <row r="18585" spans="1:10" x14ac:dyDescent="0.35">
      <c r="A18585" s="1" t="s">
        <v>67329</v>
      </c>
      <c r="B18585" s="1" t="s">
        <v>53796</v>
      </c>
      <c r="C18585" s="1" t="s">
        <v>30</v>
      </c>
      <c r="D18585" s="1" t="s">
        <v>67346</v>
      </c>
      <c r="E18585" s="1" t="s">
        <v>67347</v>
      </c>
      <c r="F18585" s="1" t="s">
        <v>67348</v>
      </c>
      <c r="G18585" s="1" t="s">
        <v>67333</v>
      </c>
      <c r="H18585" s="1" t="s">
        <v>67334</v>
      </c>
      <c r="I18585" s="1" t="s">
        <v>53800</v>
      </c>
      <c r="J18585" s="1" t="s">
        <v>67349</v>
      </c>
    </row>
    <row r="18586" spans="1:10" x14ac:dyDescent="0.35">
      <c r="A18586" s="1" t="s">
        <v>67329</v>
      </c>
      <c r="B18586" s="1" t="s">
        <v>53796</v>
      </c>
      <c r="C18586" s="1" t="s">
        <v>35</v>
      </c>
      <c r="D18586" s="1" t="s">
        <v>67350</v>
      </c>
      <c r="E18586" s="1" t="s">
        <v>67351</v>
      </c>
      <c r="F18586" s="1" t="s">
        <v>67352</v>
      </c>
      <c r="G18586" s="1" t="s">
        <v>67333</v>
      </c>
      <c r="H18586" s="1" t="s">
        <v>67334</v>
      </c>
      <c r="I18586" s="1" t="s">
        <v>53800</v>
      </c>
      <c r="J18586" s="1" t="s">
        <v>67353</v>
      </c>
    </row>
    <row r="18587" spans="1:10" x14ac:dyDescent="0.35">
      <c r="A18587" s="1" t="s">
        <v>67329</v>
      </c>
      <c r="B18587" s="1" t="s">
        <v>53796</v>
      </c>
      <c r="C18587" s="1" t="s">
        <v>40</v>
      </c>
      <c r="D18587" s="1" t="s">
        <v>67354</v>
      </c>
      <c r="E18587" s="1" t="s">
        <v>67355</v>
      </c>
      <c r="F18587" s="1" t="s">
        <v>67356</v>
      </c>
      <c r="G18587" s="1" t="s">
        <v>67333</v>
      </c>
      <c r="H18587" s="1" t="s">
        <v>67334</v>
      </c>
      <c r="I18587" s="1" t="s">
        <v>53800</v>
      </c>
      <c r="J18587" s="1" t="s">
        <v>67357</v>
      </c>
    </row>
    <row r="18588" spans="1:10" x14ac:dyDescent="0.35">
      <c r="A18588" s="1" t="s">
        <v>67329</v>
      </c>
      <c r="B18588" s="1" t="s">
        <v>53796</v>
      </c>
      <c r="C18588" s="1" t="s">
        <v>45</v>
      </c>
      <c r="D18588" s="1" t="s">
        <v>59662</v>
      </c>
      <c r="E18588" s="1" t="s">
        <v>67358</v>
      </c>
      <c r="F18588" s="1" t="s">
        <v>67359</v>
      </c>
      <c r="G18588" s="1" t="s">
        <v>67333</v>
      </c>
      <c r="H18588" s="1" t="s">
        <v>67334</v>
      </c>
      <c r="I18588" s="1" t="s">
        <v>53800</v>
      </c>
      <c r="J18588" s="1" t="s">
        <v>67360</v>
      </c>
    </row>
    <row r="18589" spans="1:10" x14ac:dyDescent="0.35">
      <c r="A18589" s="1" t="s">
        <v>67329</v>
      </c>
      <c r="B18589" s="1" t="s">
        <v>53796</v>
      </c>
      <c r="C18589" s="1" t="s">
        <v>50</v>
      </c>
      <c r="D18589" s="1" t="s">
        <v>67361</v>
      </c>
      <c r="E18589" s="1" t="s">
        <v>67362</v>
      </c>
      <c r="F18589" s="1" t="s">
        <v>67363</v>
      </c>
      <c r="G18589" s="1" t="s">
        <v>67333</v>
      </c>
      <c r="H18589" s="1" t="s">
        <v>67334</v>
      </c>
      <c r="I18589" s="1" t="s">
        <v>53800</v>
      </c>
      <c r="J18589" s="1" t="s">
        <v>67364</v>
      </c>
    </row>
    <row r="18590" spans="1:10" x14ac:dyDescent="0.35">
      <c r="A18590" s="1" t="s">
        <v>67329</v>
      </c>
      <c r="B18590" s="1" t="s">
        <v>53796</v>
      </c>
      <c r="C18590" s="1" t="s">
        <v>55</v>
      </c>
      <c r="D18590" s="1" t="s">
        <v>67365</v>
      </c>
      <c r="E18590" s="1" t="s">
        <v>67366</v>
      </c>
      <c r="F18590" s="1" t="s">
        <v>67367</v>
      </c>
      <c r="G18590" s="1" t="s">
        <v>67333</v>
      </c>
      <c r="H18590" s="1" t="s">
        <v>67334</v>
      </c>
      <c r="I18590" s="1" t="s">
        <v>53800</v>
      </c>
      <c r="J18590" s="1" t="s">
        <v>67368</v>
      </c>
    </row>
    <row r="18591" spans="1:10" x14ac:dyDescent="0.35">
      <c r="A18591" s="1" t="s">
        <v>67329</v>
      </c>
      <c r="B18591" s="1" t="s">
        <v>53796</v>
      </c>
      <c r="C18591" s="1" t="s">
        <v>60</v>
      </c>
      <c r="D18591" s="1" t="s">
        <v>67369</v>
      </c>
      <c r="E18591" s="1" t="s">
        <v>67370</v>
      </c>
      <c r="F18591" s="1" t="s">
        <v>67371</v>
      </c>
      <c r="G18591" s="1" t="s">
        <v>67333</v>
      </c>
      <c r="H18591" s="1" t="s">
        <v>67334</v>
      </c>
      <c r="I18591" s="1" t="s">
        <v>53800</v>
      </c>
      <c r="J18591" s="1" t="s">
        <v>67372</v>
      </c>
    </row>
    <row r="18592" spans="1:10" x14ac:dyDescent="0.35">
      <c r="A18592" s="1" t="s">
        <v>67329</v>
      </c>
      <c r="B18592" s="1" t="s">
        <v>53796</v>
      </c>
      <c r="C18592" s="1" t="s">
        <v>65</v>
      </c>
      <c r="D18592" s="1" t="s">
        <v>67373</v>
      </c>
      <c r="E18592" s="1" t="s">
        <v>67374</v>
      </c>
      <c r="F18592" s="1" t="s">
        <v>67375</v>
      </c>
      <c r="G18592" s="1" t="s">
        <v>67333</v>
      </c>
      <c r="H18592" s="1" t="s">
        <v>67334</v>
      </c>
      <c r="I18592" s="1" t="s">
        <v>53800</v>
      </c>
      <c r="J18592" s="1" t="s">
        <v>67376</v>
      </c>
    </row>
    <row r="18593" spans="1:10" x14ac:dyDescent="0.35">
      <c r="A18593" s="1" t="s">
        <v>67329</v>
      </c>
      <c r="B18593" s="1" t="s">
        <v>53796</v>
      </c>
      <c r="C18593" s="1" t="s">
        <v>70</v>
      </c>
      <c r="D18593" s="1" t="s">
        <v>54763</v>
      </c>
      <c r="E18593" s="1" t="s">
        <v>54747</v>
      </c>
      <c r="F18593" s="1" t="s">
        <v>67377</v>
      </c>
      <c r="G18593" s="1" t="s">
        <v>67333</v>
      </c>
      <c r="H18593" s="1" t="s">
        <v>67334</v>
      </c>
      <c r="I18593" s="1" t="s">
        <v>53800</v>
      </c>
      <c r="J18593" s="1" t="s">
        <v>67378</v>
      </c>
    </row>
    <row r="18594" spans="1:10" x14ac:dyDescent="0.35">
      <c r="A18594" s="1" t="s">
        <v>67329</v>
      </c>
      <c r="B18594" s="1" t="s">
        <v>53796</v>
      </c>
      <c r="C18594" s="1" t="s">
        <v>75</v>
      </c>
      <c r="D18594" s="1" t="s">
        <v>67379</v>
      </c>
      <c r="E18594" s="1" t="s">
        <v>67380</v>
      </c>
      <c r="F18594" s="1" t="s">
        <v>67381</v>
      </c>
      <c r="G18594" s="1" t="s">
        <v>67333</v>
      </c>
      <c r="H18594" s="1" t="s">
        <v>67334</v>
      </c>
      <c r="I18594" s="1" t="s">
        <v>53800</v>
      </c>
      <c r="J18594" s="1" t="s">
        <v>67382</v>
      </c>
    </row>
    <row r="18595" spans="1:10" x14ac:dyDescent="0.35">
      <c r="A18595" s="1" t="s">
        <v>67329</v>
      </c>
      <c r="B18595" s="1" t="s">
        <v>53796</v>
      </c>
      <c r="C18595" s="1" t="s">
        <v>80</v>
      </c>
      <c r="D18595" s="1" t="s">
        <v>67383</v>
      </c>
      <c r="E18595" s="1" t="s">
        <v>67384</v>
      </c>
      <c r="F18595" s="1" t="s">
        <v>67385</v>
      </c>
      <c r="G18595" s="1" t="s">
        <v>67333</v>
      </c>
      <c r="H18595" s="1" t="s">
        <v>67334</v>
      </c>
      <c r="I18595" s="1" t="s">
        <v>53800</v>
      </c>
      <c r="J18595" s="1" t="s">
        <v>67386</v>
      </c>
    </row>
    <row r="18596" spans="1:10" x14ac:dyDescent="0.35">
      <c r="A18596" s="1" t="s">
        <v>67329</v>
      </c>
      <c r="B18596" s="1" t="s">
        <v>53796</v>
      </c>
      <c r="C18596" s="1" t="s">
        <v>85</v>
      </c>
      <c r="D18596" s="1" t="s">
        <v>67387</v>
      </c>
      <c r="E18596" s="1" t="s">
        <v>54624</v>
      </c>
      <c r="F18596" s="1" t="s">
        <v>67388</v>
      </c>
      <c r="G18596" s="1" t="s">
        <v>67333</v>
      </c>
      <c r="H18596" s="1" t="s">
        <v>67334</v>
      </c>
      <c r="I18596" s="1" t="s">
        <v>53800</v>
      </c>
      <c r="J18596" s="1" t="s">
        <v>67389</v>
      </c>
    </row>
    <row r="18597" spans="1:10" x14ac:dyDescent="0.35">
      <c r="A18597" s="1" t="s">
        <v>67329</v>
      </c>
      <c r="B18597" s="1" t="s">
        <v>53796</v>
      </c>
      <c r="C18597" s="1" t="s">
        <v>90</v>
      </c>
      <c r="D18597" s="1" t="s">
        <v>67390</v>
      </c>
      <c r="E18597" s="1" t="s">
        <v>67391</v>
      </c>
      <c r="F18597" s="1" t="s">
        <v>67392</v>
      </c>
      <c r="G18597" s="1" t="s">
        <v>67333</v>
      </c>
      <c r="H18597" s="1" t="s">
        <v>67334</v>
      </c>
      <c r="I18597" s="1" t="s">
        <v>53800</v>
      </c>
      <c r="J18597" s="1" t="s">
        <v>67393</v>
      </c>
    </row>
    <row r="18598" spans="1:10" x14ac:dyDescent="0.35">
      <c r="A18598" s="1" t="s">
        <v>67329</v>
      </c>
      <c r="B18598" s="1" t="s">
        <v>53796</v>
      </c>
      <c r="C18598" s="1" t="s">
        <v>95</v>
      </c>
      <c r="D18598" s="1" t="s">
        <v>67394</v>
      </c>
      <c r="E18598" s="1" t="s">
        <v>67395</v>
      </c>
      <c r="F18598" s="1" t="s">
        <v>67396</v>
      </c>
      <c r="G18598" s="1" t="s">
        <v>67333</v>
      </c>
      <c r="H18598" s="1" t="s">
        <v>67334</v>
      </c>
      <c r="I18598" s="1" t="s">
        <v>53800</v>
      </c>
      <c r="J18598" s="1" t="s">
        <v>67397</v>
      </c>
    </row>
    <row r="18599" spans="1:10" x14ac:dyDescent="0.35">
      <c r="A18599" s="1" t="s">
        <v>67329</v>
      </c>
      <c r="B18599" s="1" t="s">
        <v>53796</v>
      </c>
      <c r="C18599" s="1" t="s">
        <v>100</v>
      </c>
      <c r="D18599" s="1" t="s">
        <v>67398</v>
      </c>
      <c r="E18599" s="1" t="s">
        <v>67399</v>
      </c>
      <c r="F18599" s="1" t="s">
        <v>67400</v>
      </c>
      <c r="G18599" s="1" t="s">
        <v>67333</v>
      </c>
      <c r="H18599" s="1" t="s">
        <v>67334</v>
      </c>
      <c r="I18599" s="1" t="s">
        <v>53800</v>
      </c>
      <c r="J18599" s="1" t="s">
        <v>67401</v>
      </c>
    </row>
    <row r="18600" spans="1:10" x14ac:dyDescent="0.35">
      <c r="A18600" s="1" t="s">
        <v>67329</v>
      </c>
      <c r="B18600" s="1" t="s">
        <v>53796</v>
      </c>
      <c r="C18600" s="1" t="s">
        <v>105</v>
      </c>
      <c r="D18600" s="1" t="s">
        <v>50897</v>
      </c>
      <c r="E18600" s="1" t="s">
        <v>67402</v>
      </c>
      <c r="F18600" s="1" t="s">
        <v>67403</v>
      </c>
      <c r="G18600" s="1" t="s">
        <v>67333</v>
      </c>
      <c r="H18600" s="1" t="s">
        <v>67334</v>
      </c>
      <c r="I18600" s="1" t="s">
        <v>53800</v>
      </c>
      <c r="J18600" s="1" t="s">
        <v>67404</v>
      </c>
    </row>
    <row r="18601" spans="1:10" x14ac:dyDescent="0.35">
      <c r="A18601" s="1" t="s">
        <v>67329</v>
      </c>
      <c r="B18601" s="1" t="s">
        <v>53796</v>
      </c>
      <c r="C18601" s="1" t="s">
        <v>110</v>
      </c>
      <c r="D18601" s="1" t="s">
        <v>62460</v>
      </c>
      <c r="E18601" s="1" t="s">
        <v>67405</v>
      </c>
      <c r="F18601" s="1" t="s">
        <v>67406</v>
      </c>
      <c r="G18601" s="1" t="s">
        <v>67333</v>
      </c>
      <c r="H18601" s="1" t="s">
        <v>67334</v>
      </c>
      <c r="I18601" s="1" t="s">
        <v>53800</v>
      </c>
      <c r="J18601" s="1" t="s">
        <v>67407</v>
      </c>
    </row>
    <row r="18602" spans="1:10" x14ac:dyDescent="0.35">
      <c r="A18602" s="1" t="s">
        <v>67329</v>
      </c>
      <c r="B18602" s="1" t="s">
        <v>53796</v>
      </c>
      <c r="C18602" s="1" t="s">
        <v>115</v>
      </c>
      <c r="D18602" s="1" t="s">
        <v>67408</v>
      </c>
      <c r="E18602" s="1" t="s">
        <v>23217</v>
      </c>
      <c r="F18602" s="1" t="s">
        <v>67409</v>
      </c>
      <c r="G18602" s="1" t="s">
        <v>67333</v>
      </c>
      <c r="H18602" s="1" t="s">
        <v>67334</v>
      </c>
      <c r="I18602" s="1" t="s">
        <v>53800</v>
      </c>
      <c r="J18602" s="1" t="s">
        <v>67410</v>
      </c>
    </row>
    <row r="18603" spans="1:10" x14ac:dyDescent="0.35">
      <c r="A18603" s="1" t="s">
        <v>67329</v>
      </c>
      <c r="B18603" s="1" t="s">
        <v>53796</v>
      </c>
      <c r="C18603" s="1" t="s">
        <v>120</v>
      </c>
      <c r="D18603" s="1" t="s">
        <v>43609</v>
      </c>
      <c r="E18603" s="1" t="s">
        <v>67411</v>
      </c>
      <c r="F18603" s="1" t="s">
        <v>67412</v>
      </c>
      <c r="G18603" s="1" t="s">
        <v>67333</v>
      </c>
      <c r="H18603" s="1" t="s">
        <v>67334</v>
      </c>
      <c r="I18603" s="1" t="s">
        <v>53800</v>
      </c>
      <c r="J18603" s="1" t="s">
        <v>67413</v>
      </c>
    </row>
    <row r="18604" spans="1:10" x14ac:dyDescent="0.35">
      <c r="A18604" s="1" t="s">
        <v>67329</v>
      </c>
      <c r="B18604" s="1" t="s">
        <v>53796</v>
      </c>
      <c r="C18604" s="1" t="s">
        <v>125</v>
      </c>
      <c r="D18604" s="1" t="s">
        <v>67414</v>
      </c>
      <c r="E18604" s="1" t="s">
        <v>67415</v>
      </c>
      <c r="F18604" s="1" t="s">
        <v>67416</v>
      </c>
      <c r="G18604" s="1" t="s">
        <v>67333</v>
      </c>
      <c r="H18604" s="1" t="s">
        <v>67334</v>
      </c>
      <c r="I18604" s="1" t="s">
        <v>53800</v>
      </c>
      <c r="J18604" s="1" t="s">
        <v>67417</v>
      </c>
    </row>
    <row r="18605" spans="1:10" x14ac:dyDescent="0.35">
      <c r="A18605" s="1" t="s">
        <v>67329</v>
      </c>
      <c r="B18605" s="1" t="s">
        <v>53796</v>
      </c>
      <c r="C18605" s="1" t="s">
        <v>130</v>
      </c>
      <c r="D18605" s="1" t="s">
        <v>55549</v>
      </c>
      <c r="E18605" s="1" t="s">
        <v>67418</v>
      </c>
      <c r="F18605" s="1" t="s">
        <v>67419</v>
      </c>
      <c r="G18605" s="1" t="s">
        <v>67333</v>
      </c>
      <c r="H18605" s="1" t="s">
        <v>67334</v>
      </c>
      <c r="I18605" s="1" t="s">
        <v>53800</v>
      </c>
      <c r="J18605" s="1" t="s">
        <v>67420</v>
      </c>
    </row>
    <row r="18606" spans="1:10" x14ac:dyDescent="0.35">
      <c r="A18606" s="1" t="s">
        <v>67329</v>
      </c>
      <c r="B18606" s="1" t="s">
        <v>53796</v>
      </c>
      <c r="C18606" s="1" t="s">
        <v>135</v>
      </c>
      <c r="D18606" s="1" t="s">
        <v>67421</v>
      </c>
      <c r="E18606" s="1" t="s">
        <v>67422</v>
      </c>
      <c r="F18606" s="1" t="s">
        <v>67423</v>
      </c>
      <c r="G18606" s="1" t="s">
        <v>67333</v>
      </c>
      <c r="H18606" s="1" t="s">
        <v>67334</v>
      </c>
      <c r="I18606" s="1" t="s">
        <v>53800</v>
      </c>
      <c r="J18606" s="1" t="s">
        <v>67424</v>
      </c>
    </row>
    <row r="18607" spans="1:10" x14ac:dyDescent="0.35">
      <c r="A18607" s="1" t="s">
        <v>67329</v>
      </c>
      <c r="B18607" s="1" t="s">
        <v>53796</v>
      </c>
      <c r="C18607" s="1" t="s">
        <v>140</v>
      </c>
      <c r="D18607" s="1" t="s">
        <v>67425</v>
      </c>
      <c r="E18607" s="1" t="s">
        <v>67426</v>
      </c>
      <c r="F18607" s="1" t="s">
        <v>67427</v>
      </c>
      <c r="G18607" s="1" t="s">
        <v>67333</v>
      </c>
      <c r="H18607" s="1" t="s">
        <v>67334</v>
      </c>
      <c r="I18607" s="1" t="s">
        <v>53800</v>
      </c>
      <c r="J18607" s="1" t="s">
        <v>67428</v>
      </c>
    </row>
    <row r="18608" spans="1:10" x14ac:dyDescent="0.35">
      <c r="A18608" s="1" t="s">
        <v>67329</v>
      </c>
      <c r="B18608" s="1" t="s">
        <v>53796</v>
      </c>
      <c r="C18608" s="1" t="s">
        <v>145</v>
      </c>
      <c r="D18608" s="1" t="s">
        <v>67429</v>
      </c>
      <c r="E18608" s="1" t="s">
        <v>15353</v>
      </c>
      <c r="F18608" s="1" t="s">
        <v>67430</v>
      </c>
      <c r="G18608" s="1" t="s">
        <v>67333</v>
      </c>
      <c r="H18608" s="1" t="s">
        <v>67334</v>
      </c>
      <c r="I18608" s="1" t="s">
        <v>53800</v>
      </c>
      <c r="J18608" s="1" t="s">
        <v>67431</v>
      </c>
    </row>
    <row r="18609" spans="1:10" x14ac:dyDescent="0.35">
      <c r="A18609" s="1" t="s">
        <v>67329</v>
      </c>
      <c r="B18609" s="1" t="s">
        <v>53796</v>
      </c>
      <c r="C18609" s="1" t="s">
        <v>150</v>
      </c>
      <c r="D18609" s="1" t="s">
        <v>67432</v>
      </c>
      <c r="E18609" s="1" t="s">
        <v>67433</v>
      </c>
      <c r="F18609" s="1" t="s">
        <v>67434</v>
      </c>
      <c r="G18609" s="1" t="s">
        <v>67333</v>
      </c>
      <c r="H18609" s="1" t="s">
        <v>67334</v>
      </c>
      <c r="I18609" s="1" t="s">
        <v>53800</v>
      </c>
      <c r="J18609" s="1" t="s">
        <v>67435</v>
      </c>
    </row>
    <row r="18610" spans="1:10" x14ac:dyDescent="0.35">
      <c r="A18610" s="1" t="s">
        <v>67329</v>
      </c>
      <c r="B18610" s="1" t="s">
        <v>53796</v>
      </c>
      <c r="C18610" s="1" t="s">
        <v>155</v>
      </c>
      <c r="D18610" s="1" t="s">
        <v>67436</v>
      </c>
      <c r="E18610" s="1" t="s">
        <v>67437</v>
      </c>
      <c r="F18610" s="1" t="s">
        <v>67438</v>
      </c>
      <c r="G18610" s="1" t="s">
        <v>67333</v>
      </c>
      <c r="H18610" s="1" t="s">
        <v>67334</v>
      </c>
      <c r="I18610" s="1" t="s">
        <v>53800</v>
      </c>
      <c r="J18610" s="1" t="s">
        <v>67439</v>
      </c>
    </row>
    <row r="18611" spans="1:10" x14ac:dyDescent="0.35">
      <c r="A18611" s="1" t="s">
        <v>67329</v>
      </c>
      <c r="B18611" s="1" t="s">
        <v>53796</v>
      </c>
      <c r="C18611" s="1" t="s">
        <v>160</v>
      </c>
      <c r="D18611" s="1" t="s">
        <v>67440</v>
      </c>
      <c r="E18611" s="1" t="s">
        <v>67441</v>
      </c>
      <c r="F18611" s="1" t="s">
        <v>67442</v>
      </c>
      <c r="G18611" s="1" t="s">
        <v>67333</v>
      </c>
      <c r="H18611" s="1" t="s">
        <v>67334</v>
      </c>
      <c r="I18611" s="1" t="s">
        <v>53800</v>
      </c>
      <c r="J18611" s="1" t="s">
        <v>67443</v>
      </c>
    </row>
    <row r="18612" spans="1:10" x14ac:dyDescent="0.35">
      <c r="A18612" s="1" t="s">
        <v>67329</v>
      </c>
      <c r="B18612" s="1" t="s">
        <v>53796</v>
      </c>
      <c r="C18612" s="1" t="s">
        <v>165</v>
      </c>
      <c r="D18612" s="1" t="s">
        <v>67444</v>
      </c>
      <c r="E18612" s="1" t="s">
        <v>67445</v>
      </c>
      <c r="F18612" s="1" t="s">
        <v>67446</v>
      </c>
      <c r="G18612" s="1" t="s">
        <v>67333</v>
      </c>
      <c r="H18612" s="1" t="s">
        <v>67334</v>
      </c>
      <c r="I18612" s="1" t="s">
        <v>53800</v>
      </c>
      <c r="J18612" s="1" t="s">
        <v>67447</v>
      </c>
    </row>
    <row r="18613" spans="1:10" x14ac:dyDescent="0.35">
      <c r="A18613" s="1" t="s">
        <v>67329</v>
      </c>
      <c r="B18613" s="1" t="s">
        <v>53796</v>
      </c>
      <c r="C18613" s="1" t="s">
        <v>170</v>
      </c>
      <c r="D18613" s="1" t="s">
        <v>67448</v>
      </c>
      <c r="E18613" s="1" t="s">
        <v>56560</v>
      </c>
      <c r="F18613" s="1" t="s">
        <v>67449</v>
      </c>
      <c r="G18613" s="1" t="s">
        <v>67333</v>
      </c>
      <c r="H18613" s="1" t="s">
        <v>67334</v>
      </c>
      <c r="I18613" s="1" t="s">
        <v>53800</v>
      </c>
      <c r="J18613" s="1" t="s">
        <v>67450</v>
      </c>
    </row>
    <row r="18614" spans="1:10" x14ac:dyDescent="0.35">
      <c r="A18614" s="1" t="s">
        <v>67451</v>
      </c>
      <c r="B18614" s="1" t="s">
        <v>53796</v>
      </c>
      <c r="C18614" s="1" t="s">
        <v>8</v>
      </c>
      <c r="D18614" s="1" t="s">
        <v>65645</v>
      </c>
      <c r="E18614" s="1" t="s">
        <v>26435</v>
      </c>
      <c r="F18614" s="1" t="s">
        <v>52538</v>
      </c>
      <c r="G18614" s="1" t="s">
        <v>67452</v>
      </c>
      <c r="H18614" s="1" t="s">
        <v>67453</v>
      </c>
      <c r="I18614" s="1" t="s">
        <v>53800</v>
      </c>
      <c r="J18614" s="1" t="s">
        <v>13</v>
      </c>
    </row>
    <row r="18615" spans="1:10" x14ac:dyDescent="0.35">
      <c r="A18615" s="1" t="s">
        <v>67451</v>
      </c>
      <c r="B18615" s="1" t="s">
        <v>53796</v>
      </c>
      <c r="C18615" s="1" t="s">
        <v>15</v>
      </c>
      <c r="D18615" s="1" t="s">
        <v>39233</v>
      </c>
      <c r="E18615" s="1" t="s">
        <v>62867</v>
      </c>
      <c r="F18615" s="1" t="s">
        <v>67454</v>
      </c>
      <c r="G18615" s="1" t="s">
        <v>67452</v>
      </c>
      <c r="H18615" s="1" t="s">
        <v>67453</v>
      </c>
      <c r="I18615" s="1" t="s">
        <v>53800</v>
      </c>
      <c r="J18615" s="1" t="s">
        <v>67455</v>
      </c>
    </row>
    <row r="18616" spans="1:10" x14ac:dyDescent="0.35">
      <c r="A18616" s="1" t="s">
        <v>67451</v>
      </c>
      <c r="B18616" s="1" t="s">
        <v>53796</v>
      </c>
      <c r="C18616" s="1" t="s">
        <v>20</v>
      </c>
      <c r="D18616" s="1" t="s">
        <v>67456</v>
      </c>
      <c r="E18616" s="1" t="s">
        <v>15245</v>
      </c>
      <c r="F18616" s="1" t="s">
        <v>67457</v>
      </c>
      <c r="G18616" s="1" t="s">
        <v>67452</v>
      </c>
      <c r="H18616" s="1" t="s">
        <v>67453</v>
      </c>
      <c r="I18616" s="1" t="s">
        <v>53800</v>
      </c>
      <c r="J18616" s="1" t="s">
        <v>67458</v>
      </c>
    </row>
    <row r="18617" spans="1:10" x14ac:dyDescent="0.35">
      <c r="A18617" s="1" t="s">
        <v>67451</v>
      </c>
      <c r="B18617" s="1" t="s">
        <v>53796</v>
      </c>
      <c r="C18617" s="1" t="s">
        <v>25</v>
      </c>
      <c r="D18617" s="1" t="s">
        <v>67459</v>
      </c>
      <c r="E18617" s="1" t="s">
        <v>21894</v>
      </c>
      <c r="F18617" s="1" t="s">
        <v>67460</v>
      </c>
      <c r="G18617" s="1" t="s">
        <v>67452</v>
      </c>
      <c r="H18617" s="1" t="s">
        <v>67453</v>
      </c>
      <c r="I18617" s="1" t="s">
        <v>53800</v>
      </c>
      <c r="J18617" s="1" t="s">
        <v>67461</v>
      </c>
    </row>
    <row r="18618" spans="1:10" x14ac:dyDescent="0.35">
      <c r="A18618" s="1" t="s">
        <v>67451</v>
      </c>
      <c r="B18618" s="1" t="s">
        <v>53796</v>
      </c>
      <c r="C18618" s="1" t="s">
        <v>30</v>
      </c>
      <c r="D18618" s="1" t="s">
        <v>67462</v>
      </c>
      <c r="E18618" s="1" t="s">
        <v>12798</v>
      </c>
      <c r="F18618" s="1" t="s">
        <v>67463</v>
      </c>
      <c r="G18618" s="1" t="s">
        <v>67452</v>
      </c>
      <c r="H18618" s="1" t="s">
        <v>67453</v>
      </c>
      <c r="I18618" s="1" t="s">
        <v>53800</v>
      </c>
      <c r="J18618" s="1" t="s">
        <v>67464</v>
      </c>
    </row>
    <row r="18619" spans="1:10" x14ac:dyDescent="0.35">
      <c r="A18619" s="1" t="s">
        <v>67451</v>
      </c>
      <c r="B18619" s="1" t="s">
        <v>53796</v>
      </c>
      <c r="C18619" s="1" t="s">
        <v>35</v>
      </c>
      <c r="D18619" s="1" t="s">
        <v>36369</v>
      </c>
      <c r="E18619" s="1" t="s">
        <v>57245</v>
      </c>
      <c r="F18619" s="1" t="s">
        <v>67465</v>
      </c>
      <c r="G18619" s="1" t="s">
        <v>67452</v>
      </c>
      <c r="H18619" s="1" t="s">
        <v>67453</v>
      </c>
      <c r="I18619" s="1" t="s">
        <v>53800</v>
      </c>
      <c r="J18619" s="1" t="s">
        <v>67466</v>
      </c>
    </row>
    <row r="18620" spans="1:10" x14ac:dyDescent="0.35">
      <c r="A18620" s="1" t="s">
        <v>67451</v>
      </c>
      <c r="B18620" s="1" t="s">
        <v>53796</v>
      </c>
      <c r="C18620" s="1" t="s">
        <v>40</v>
      </c>
      <c r="D18620" s="1" t="s">
        <v>66991</v>
      </c>
      <c r="E18620" s="1" t="s">
        <v>52492</v>
      </c>
      <c r="F18620" s="1" t="s">
        <v>66011</v>
      </c>
      <c r="G18620" s="1" t="s">
        <v>67452</v>
      </c>
      <c r="H18620" s="1" t="s">
        <v>67453</v>
      </c>
      <c r="I18620" s="1" t="s">
        <v>53800</v>
      </c>
      <c r="J18620" s="1" t="s">
        <v>67467</v>
      </c>
    </row>
    <row r="18621" spans="1:10" x14ac:dyDescent="0.35">
      <c r="A18621" s="1" t="s">
        <v>67451</v>
      </c>
      <c r="B18621" s="1" t="s">
        <v>53796</v>
      </c>
      <c r="C18621" s="1" t="s">
        <v>45</v>
      </c>
      <c r="D18621" s="1" t="s">
        <v>67468</v>
      </c>
      <c r="E18621" s="1" t="s">
        <v>56233</v>
      </c>
      <c r="F18621" s="1" t="s">
        <v>64699</v>
      </c>
      <c r="G18621" s="1" t="s">
        <v>67452</v>
      </c>
      <c r="H18621" s="1" t="s">
        <v>67453</v>
      </c>
      <c r="I18621" s="1" t="s">
        <v>53800</v>
      </c>
      <c r="J18621" s="1" t="s">
        <v>67469</v>
      </c>
    </row>
    <row r="18622" spans="1:10" x14ac:dyDescent="0.35">
      <c r="A18622" s="1" t="s">
        <v>67451</v>
      </c>
      <c r="B18622" s="1" t="s">
        <v>53796</v>
      </c>
      <c r="C18622" s="1" t="s">
        <v>50</v>
      </c>
      <c r="D18622" s="1" t="s">
        <v>67470</v>
      </c>
      <c r="E18622" s="1" t="s">
        <v>58979</v>
      </c>
      <c r="F18622" s="1" t="s">
        <v>67471</v>
      </c>
      <c r="G18622" s="1" t="s">
        <v>67452</v>
      </c>
      <c r="H18622" s="1" t="s">
        <v>67453</v>
      </c>
      <c r="I18622" s="1" t="s">
        <v>53800</v>
      </c>
      <c r="J18622" s="1" t="s">
        <v>67472</v>
      </c>
    </row>
    <row r="18623" spans="1:10" x14ac:dyDescent="0.35">
      <c r="A18623" s="1" t="s">
        <v>67451</v>
      </c>
      <c r="B18623" s="1" t="s">
        <v>53796</v>
      </c>
      <c r="C18623" s="1" t="s">
        <v>55</v>
      </c>
      <c r="D18623" s="1" t="s">
        <v>67473</v>
      </c>
      <c r="E18623" s="1" t="s">
        <v>59335</v>
      </c>
      <c r="F18623" s="1" t="s">
        <v>67474</v>
      </c>
      <c r="G18623" s="1" t="s">
        <v>67452</v>
      </c>
      <c r="H18623" s="1" t="s">
        <v>67453</v>
      </c>
      <c r="I18623" s="1" t="s">
        <v>53800</v>
      </c>
      <c r="J18623" s="1" t="s">
        <v>67475</v>
      </c>
    </row>
    <row r="18624" spans="1:10" x14ac:dyDescent="0.35">
      <c r="A18624" s="1" t="s">
        <v>67451</v>
      </c>
      <c r="B18624" s="1" t="s">
        <v>53796</v>
      </c>
      <c r="C18624" s="1" t="s">
        <v>60</v>
      </c>
      <c r="D18624" s="1" t="s">
        <v>67476</v>
      </c>
      <c r="E18624" s="1" t="s">
        <v>56393</v>
      </c>
      <c r="F18624" s="1" t="s">
        <v>67477</v>
      </c>
      <c r="G18624" s="1" t="s">
        <v>67452</v>
      </c>
      <c r="H18624" s="1" t="s">
        <v>67453</v>
      </c>
      <c r="I18624" s="1" t="s">
        <v>53800</v>
      </c>
      <c r="J18624" s="1" t="s">
        <v>67478</v>
      </c>
    </row>
    <row r="18625" spans="1:10" x14ac:dyDescent="0.35">
      <c r="A18625" s="1" t="s">
        <v>67451</v>
      </c>
      <c r="B18625" s="1" t="s">
        <v>53796</v>
      </c>
      <c r="C18625" s="1" t="s">
        <v>65</v>
      </c>
      <c r="D18625" s="1" t="s">
        <v>8185</v>
      </c>
      <c r="E18625" s="1" t="s">
        <v>41442</v>
      </c>
      <c r="F18625" s="1" t="s">
        <v>60606</v>
      </c>
      <c r="G18625" s="1" t="s">
        <v>67452</v>
      </c>
      <c r="H18625" s="1" t="s">
        <v>67453</v>
      </c>
      <c r="I18625" s="1" t="s">
        <v>53800</v>
      </c>
      <c r="J18625" s="1" t="s">
        <v>67479</v>
      </c>
    </row>
    <row r="18626" spans="1:10" x14ac:dyDescent="0.35">
      <c r="A18626" s="1" t="s">
        <v>67451</v>
      </c>
      <c r="B18626" s="1" t="s">
        <v>53796</v>
      </c>
      <c r="C18626" s="1" t="s">
        <v>70</v>
      </c>
      <c r="D18626" s="1" t="s">
        <v>67480</v>
      </c>
      <c r="E18626" s="1" t="s">
        <v>12798</v>
      </c>
      <c r="F18626" s="1" t="s">
        <v>67481</v>
      </c>
      <c r="G18626" s="1" t="s">
        <v>67452</v>
      </c>
      <c r="H18626" s="1" t="s">
        <v>67453</v>
      </c>
      <c r="I18626" s="1" t="s">
        <v>53800</v>
      </c>
      <c r="J18626" s="1" t="s">
        <v>67482</v>
      </c>
    </row>
    <row r="18627" spans="1:10" x14ac:dyDescent="0.35">
      <c r="A18627" s="1" t="s">
        <v>67451</v>
      </c>
      <c r="B18627" s="1" t="s">
        <v>53796</v>
      </c>
      <c r="C18627" s="1" t="s">
        <v>75</v>
      </c>
      <c r="D18627" s="1" t="s">
        <v>67483</v>
      </c>
      <c r="E18627" s="1" t="s">
        <v>53834</v>
      </c>
      <c r="F18627" s="1" t="s">
        <v>67484</v>
      </c>
      <c r="G18627" s="1" t="s">
        <v>67452</v>
      </c>
      <c r="H18627" s="1" t="s">
        <v>67453</v>
      </c>
      <c r="I18627" s="1" t="s">
        <v>53800</v>
      </c>
      <c r="J18627" s="1" t="s">
        <v>67485</v>
      </c>
    </row>
    <row r="18628" spans="1:10" x14ac:dyDescent="0.35">
      <c r="A18628" s="1" t="s">
        <v>67451</v>
      </c>
      <c r="B18628" s="1" t="s">
        <v>53796</v>
      </c>
      <c r="C18628" s="1" t="s">
        <v>80</v>
      </c>
      <c r="D18628" s="1" t="s">
        <v>67486</v>
      </c>
      <c r="E18628" s="1" t="s">
        <v>54059</v>
      </c>
      <c r="F18628" s="1" t="s">
        <v>67487</v>
      </c>
      <c r="G18628" s="1" t="s">
        <v>67452</v>
      </c>
      <c r="H18628" s="1" t="s">
        <v>67453</v>
      </c>
      <c r="I18628" s="1" t="s">
        <v>53800</v>
      </c>
      <c r="J18628" s="1" t="s">
        <v>67488</v>
      </c>
    </row>
    <row r="18629" spans="1:10" x14ac:dyDescent="0.35">
      <c r="A18629" s="1" t="s">
        <v>67451</v>
      </c>
      <c r="B18629" s="1" t="s">
        <v>53796</v>
      </c>
      <c r="C18629" s="1" t="s">
        <v>85</v>
      </c>
      <c r="D18629" s="1" t="s">
        <v>58656</v>
      </c>
      <c r="E18629" s="1" t="s">
        <v>56913</v>
      </c>
      <c r="F18629" s="1" t="s">
        <v>67489</v>
      </c>
      <c r="G18629" s="1" t="s">
        <v>67452</v>
      </c>
      <c r="H18629" s="1" t="s">
        <v>67453</v>
      </c>
      <c r="I18629" s="1" t="s">
        <v>53800</v>
      </c>
      <c r="J18629" s="1" t="s">
        <v>67490</v>
      </c>
    </row>
    <row r="18630" spans="1:10" x14ac:dyDescent="0.35">
      <c r="A18630" s="1" t="s">
        <v>67451</v>
      </c>
      <c r="B18630" s="1" t="s">
        <v>53796</v>
      </c>
      <c r="C18630" s="1" t="s">
        <v>90</v>
      </c>
      <c r="D18630" s="1" t="s">
        <v>67491</v>
      </c>
      <c r="E18630" s="1" t="s">
        <v>67492</v>
      </c>
      <c r="F18630" s="1" t="s">
        <v>67493</v>
      </c>
      <c r="G18630" s="1" t="s">
        <v>67452</v>
      </c>
      <c r="H18630" s="1" t="s">
        <v>67453</v>
      </c>
      <c r="I18630" s="1" t="s">
        <v>53800</v>
      </c>
      <c r="J18630" s="1" t="s">
        <v>67494</v>
      </c>
    </row>
    <row r="18631" spans="1:10" x14ac:dyDescent="0.35">
      <c r="A18631" s="1" t="s">
        <v>67451</v>
      </c>
      <c r="B18631" s="1" t="s">
        <v>53796</v>
      </c>
      <c r="C18631" s="1" t="s">
        <v>95</v>
      </c>
      <c r="D18631" s="1" t="s">
        <v>67495</v>
      </c>
      <c r="E18631" s="1" t="s">
        <v>32076</v>
      </c>
      <c r="F18631" s="1" t="s">
        <v>67496</v>
      </c>
      <c r="G18631" s="1" t="s">
        <v>67452</v>
      </c>
      <c r="H18631" s="1" t="s">
        <v>67453</v>
      </c>
      <c r="I18631" s="1" t="s">
        <v>53800</v>
      </c>
      <c r="J18631" s="1" t="s">
        <v>67497</v>
      </c>
    </row>
    <row r="18632" spans="1:10" x14ac:dyDescent="0.35">
      <c r="A18632" s="1" t="s">
        <v>67451</v>
      </c>
      <c r="B18632" s="1" t="s">
        <v>53796</v>
      </c>
      <c r="C18632" s="1" t="s">
        <v>100</v>
      </c>
      <c r="D18632" s="1" t="s">
        <v>67498</v>
      </c>
      <c r="E18632" s="1" t="s">
        <v>41202</v>
      </c>
      <c r="F18632" s="1" t="s">
        <v>67499</v>
      </c>
      <c r="G18632" s="1" t="s">
        <v>67452</v>
      </c>
      <c r="H18632" s="1" t="s">
        <v>67453</v>
      </c>
      <c r="I18632" s="1" t="s">
        <v>53800</v>
      </c>
      <c r="J18632" s="1" t="s">
        <v>67500</v>
      </c>
    </row>
    <row r="18633" spans="1:10" x14ac:dyDescent="0.35">
      <c r="A18633" s="1" t="s">
        <v>67451</v>
      </c>
      <c r="B18633" s="1" t="s">
        <v>53796</v>
      </c>
      <c r="C18633" s="1" t="s">
        <v>105</v>
      </c>
      <c r="D18633" s="1" t="s">
        <v>67501</v>
      </c>
      <c r="E18633" s="1" t="s">
        <v>41425</v>
      </c>
      <c r="F18633" s="1" t="s">
        <v>56251</v>
      </c>
      <c r="G18633" s="1" t="s">
        <v>67452</v>
      </c>
      <c r="H18633" s="1" t="s">
        <v>67453</v>
      </c>
      <c r="I18633" s="1" t="s">
        <v>53800</v>
      </c>
      <c r="J18633" s="1" t="s">
        <v>67502</v>
      </c>
    </row>
    <row r="18634" spans="1:10" x14ac:dyDescent="0.35">
      <c r="A18634" s="1" t="s">
        <v>67451</v>
      </c>
      <c r="B18634" s="1" t="s">
        <v>53796</v>
      </c>
      <c r="C18634" s="1" t="s">
        <v>110</v>
      </c>
      <c r="D18634" s="1" t="s">
        <v>41869</v>
      </c>
      <c r="E18634" s="1" t="s">
        <v>21890</v>
      </c>
      <c r="F18634" s="1" t="s">
        <v>32609</v>
      </c>
      <c r="G18634" s="1" t="s">
        <v>67452</v>
      </c>
      <c r="H18634" s="1" t="s">
        <v>67453</v>
      </c>
      <c r="I18634" s="1" t="s">
        <v>53800</v>
      </c>
      <c r="J18634" s="1" t="s">
        <v>67503</v>
      </c>
    </row>
    <row r="18635" spans="1:10" x14ac:dyDescent="0.35">
      <c r="A18635" s="1" t="s">
        <v>67451</v>
      </c>
      <c r="B18635" s="1" t="s">
        <v>53796</v>
      </c>
      <c r="C18635" s="1" t="s">
        <v>115</v>
      </c>
      <c r="D18635" s="1" t="s">
        <v>22913</v>
      </c>
      <c r="E18635" s="1" t="s">
        <v>41344</v>
      </c>
      <c r="F18635" s="1" t="s">
        <v>67504</v>
      </c>
      <c r="G18635" s="1" t="s">
        <v>67452</v>
      </c>
      <c r="H18635" s="1" t="s">
        <v>67453</v>
      </c>
      <c r="I18635" s="1" t="s">
        <v>53800</v>
      </c>
      <c r="J18635" s="1" t="s">
        <v>67505</v>
      </c>
    </row>
    <row r="18636" spans="1:10" x14ac:dyDescent="0.35">
      <c r="A18636" s="1" t="s">
        <v>67451</v>
      </c>
      <c r="B18636" s="1" t="s">
        <v>53796</v>
      </c>
      <c r="C18636" s="1" t="s">
        <v>120</v>
      </c>
      <c r="D18636" s="1" t="s">
        <v>39144</v>
      </c>
      <c r="E18636" s="1" t="s">
        <v>67506</v>
      </c>
      <c r="F18636" s="1" t="s">
        <v>67507</v>
      </c>
      <c r="G18636" s="1" t="s">
        <v>67452</v>
      </c>
      <c r="H18636" s="1" t="s">
        <v>67453</v>
      </c>
      <c r="I18636" s="1" t="s">
        <v>53800</v>
      </c>
      <c r="J18636" s="1" t="s">
        <v>67508</v>
      </c>
    </row>
    <row r="18637" spans="1:10" x14ac:dyDescent="0.35">
      <c r="A18637" s="1" t="s">
        <v>67451</v>
      </c>
      <c r="B18637" s="1" t="s">
        <v>53796</v>
      </c>
      <c r="C18637" s="1" t="s">
        <v>125</v>
      </c>
      <c r="D18637" s="1" t="s">
        <v>67509</v>
      </c>
      <c r="E18637" s="1" t="s">
        <v>54032</v>
      </c>
      <c r="F18637" s="1" t="s">
        <v>66337</v>
      </c>
      <c r="G18637" s="1" t="s">
        <v>67452</v>
      </c>
      <c r="H18637" s="1" t="s">
        <v>67453</v>
      </c>
      <c r="I18637" s="1" t="s">
        <v>53800</v>
      </c>
      <c r="J18637" s="1" t="s">
        <v>67510</v>
      </c>
    </row>
    <row r="18638" spans="1:10" x14ac:dyDescent="0.35">
      <c r="A18638" s="1" t="s">
        <v>67451</v>
      </c>
      <c r="B18638" s="1" t="s">
        <v>53796</v>
      </c>
      <c r="C18638" s="1" t="s">
        <v>130</v>
      </c>
      <c r="D18638" s="1" t="s">
        <v>67511</v>
      </c>
      <c r="E18638" s="1" t="s">
        <v>15336</v>
      </c>
      <c r="F18638" s="1" t="s">
        <v>67512</v>
      </c>
      <c r="G18638" s="1" t="s">
        <v>67452</v>
      </c>
      <c r="H18638" s="1" t="s">
        <v>67453</v>
      </c>
      <c r="I18638" s="1" t="s">
        <v>53800</v>
      </c>
      <c r="J18638" s="1" t="s">
        <v>67513</v>
      </c>
    </row>
    <row r="18639" spans="1:10" x14ac:dyDescent="0.35">
      <c r="A18639" s="1" t="s">
        <v>67451</v>
      </c>
      <c r="B18639" s="1" t="s">
        <v>53796</v>
      </c>
      <c r="C18639" s="1" t="s">
        <v>135</v>
      </c>
      <c r="D18639" s="1" t="s">
        <v>67514</v>
      </c>
      <c r="E18639" s="1" t="s">
        <v>12825</v>
      </c>
      <c r="F18639" s="1" t="s">
        <v>67515</v>
      </c>
      <c r="G18639" s="1" t="s">
        <v>67452</v>
      </c>
      <c r="H18639" s="1" t="s">
        <v>67453</v>
      </c>
      <c r="I18639" s="1" t="s">
        <v>53800</v>
      </c>
      <c r="J18639" s="1" t="s">
        <v>67516</v>
      </c>
    </row>
    <row r="18640" spans="1:10" x14ac:dyDescent="0.35">
      <c r="A18640" s="1" t="s">
        <v>67451</v>
      </c>
      <c r="B18640" s="1" t="s">
        <v>53796</v>
      </c>
      <c r="C18640" s="1" t="s">
        <v>140</v>
      </c>
      <c r="D18640" s="1" t="s">
        <v>41605</v>
      </c>
      <c r="E18640" s="1" t="s">
        <v>67517</v>
      </c>
      <c r="F18640" s="1" t="s">
        <v>67518</v>
      </c>
      <c r="G18640" s="1" t="s">
        <v>67452</v>
      </c>
      <c r="H18640" s="1" t="s">
        <v>67453</v>
      </c>
      <c r="I18640" s="1" t="s">
        <v>53800</v>
      </c>
      <c r="J18640" s="1" t="s">
        <v>67519</v>
      </c>
    </row>
    <row r="18641" spans="1:10" x14ac:dyDescent="0.35">
      <c r="A18641" s="1" t="s">
        <v>67451</v>
      </c>
      <c r="B18641" s="1" t="s">
        <v>53796</v>
      </c>
      <c r="C18641" s="1" t="s">
        <v>145</v>
      </c>
      <c r="D18641" s="1" t="s">
        <v>67520</v>
      </c>
      <c r="E18641" s="1" t="s">
        <v>12883</v>
      </c>
      <c r="F18641" s="1" t="s">
        <v>67521</v>
      </c>
      <c r="G18641" s="1" t="s">
        <v>67452</v>
      </c>
      <c r="H18641" s="1" t="s">
        <v>67453</v>
      </c>
      <c r="I18641" s="1" t="s">
        <v>53800</v>
      </c>
      <c r="J18641" s="1" t="s">
        <v>67522</v>
      </c>
    </row>
    <row r="18642" spans="1:10" x14ac:dyDescent="0.35">
      <c r="A18642" s="1" t="s">
        <v>67451</v>
      </c>
      <c r="B18642" s="1" t="s">
        <v>53796</v>
      </c>
      <c r="C18642" s="1" t="s">
        <v>150</v>
      </c>
      <c r="D18642" s="1" t="s">
        <v>67523</v>
      </c>
      <c r="E18642" s="1" t="s">
        <v>15399</v>
      </c>
      <c r="F18642" s="1" t="s">
        <v>67524</v>
      </c>
      <c r="G18642" s="1" t="s">
        <v>67452</v>
      </c>
      <c r="H18642" s="1" t="s">
        <v>67453</v>
      </c>
      <c r="I18642" s="1" t="s">
        <v>53800</v>
      </c>
      <c r="J18642" s="1" t="s">
        <v>67525</v>
      </c>
    </row>
    <row r="18643" spans="1:10" x14ac:dyDescent="0.35">
      <c r="A18643" s="1" t="s">
        <v>67451</v>
      </c>
      <c r="B18643" s="1" t="s">
        <v>53796</v>
      </c>
      <c r="C18643" s="1" t="s">
        <v>155</v>
      </c>
      <c r="D18643" s="1" t="s">
        <v>55301</v>
      </c>
      <c r="E18643" s="1" t="s">
        <v>15384</v>
      </c>
      <c r="F18643" s="1" t="s">
        <v>67526</v>
      </c>
      <c r="G18643" s="1" t="s">
        <v>67452</v>
      </c>
      <c r="H18643" s="1" t="s">
        <v>67453</v>
      </c>
      <c r="I18643" s="1" t="s">
        <v>53800</v>
      </c>
      <c r="J18643" s="1" t="s">
        <v>67527</v>
      </c>
    </row>
    <row r="18644" spans="1:10" x14ac:dyDescent="0.35">
      <c r="A18644" s="1" t="s">
        <v>67451</v>
      </c>
      <c r="B18644" s="1" t="s">
        <v>53796</v>
      </c>
      <c r="C18644" s="1" t="s">
        <v>160</v>
      </c>
      <c r="D18644" s="1" t="s">
        <v>67528</v>
      </c>
      <c r="E18644" s="1" t="s">
        <v>67529</v>
      </c>
      <c r="F18644" s="1" t="s">
        <v>60569</v>
      </c>
      <c r="G18644" s="1" t="s">
        <v>67452</v>
      </c>
      <c r="H18644" s="1" t="s">
        <v>67453</v>
      </c>
      <c r="I18644" s="1" t="s">
        <v>53800</v>
      </c>
      <c r="J18644" s="1" t="s">
        <v>67530</v>
      </c>
    </row>
    <row r="18645" spans="1:10" x14ac:dyDescent="0.35">
      <c r="A18645" s="1" t="s">
        <v>67451</v>
      </c>
      <c r="B18645" s="1" t="s">
        <v>53796</v>
      </c>
      <c r="C18645" s="1" t="s">
        <v>165</v>
      </c>
      <c r="D18645" s="1" t="s">
        <v>67531</v>
      </c>
      <c r="E18645" s="1" t="s">
        <v>15345</v>
      </c>
      <c r="F18645" s="1" t="s">
        <v>66181</v>
      </c>
      <c r="G18645" s="1" t="s">
        <v>67452</v>
      </c>
      <c r="H18645" s="1" t="s">
        <v>67453</v>
      </c>
      <c r="I18645" s="1" t="s">
        <v>53800</v>
      </c>
      <c r="J18645" s="1" t="s">
        <v>67532</v>
      </c>
    </row>
    <row r="18646" spans="1:10" x14ac:dyDescent="0.35">
      <c r="A18646" s="1" t="s">
        <v>67451</v>
      </c>
      <c r="B18646" s="1" t="s">
        <v>53796</v>
      </c>
      <c r="C18646" s="1" t="s">
        <v>170</v>
      </c>
      <c r="D18646" s="1" t="s">
        <v>67533</v>
      </c>
      <c r="E18646" s="1" t="s">
        <v>15417</v>
      </c>
      <c r="F18646" s="1" t="s">
        <v>64685</v>
      </c>
      <c r="G18646" s="1" t="s">
        <v>67452</v>
      </c>
      <c r="H18646" s="1" t="s">
        <v>67453</v>
      </c>
      <c r="I18646" s="1" t="s">
        <v>53800</v>
      </c>
      <c r="J18646" s="1" t="s">
        <v>67534</v>
      </c>
    </row>
    <row r="18647" spans="1:10" x14ac:dyDescent="0.35">
      <c r="A18647" s="1" t="s">
        <v>67535</v>
      </c>
      <c r="B18647" s="1" t="s">
        <v>53796</v>
      </c>
      <c r="C18647" s="1" t="s">
        <v>8</v>
      </c>
      <c r="D18647" s="1" t="s">
        <v>67536</v>
      </c>
      <c r="E18647" s="1" t="s">
        <v>55308</v>
      </c>
      <c r="F18647" s="1" t="s">
        <v>67537</v>
      </c>
      <c r="G18647" s="1" t="s">
        <v>67538</v>
      </c>
      <c r="H18647" s="1" t="s">
        <v>67539</v>
      </c>
      <c r="I18647" s="1" t="s">
        <v>53800</v>
      </c>
      <c r="J18647" s="1" t="s">
        <v>13</v>
      </c>
    </row>
    <row r="18648" spans="1:10" x14ac:dyDescent="0.35">
      <c r="A18648" s="1" t="s">
        <v>67535</v>
      </c>
      <c r="B18648" s="1" t="s">
        <v>53796</v>
      </c>
      <c r="C18648" s="1" t="s">
        <v>15</v>
      </c>
      <c r="D18648" s="1" t="s">
        <v>67540</v>
      </c>
      <c r="E18648" s="1" t="s">
        <v>60724</v>
      </c>
      <c r="F18648" s="1" t="s">
        <v>56883</v>
      </c>
      <c r="G18648" s="1" t="s">
        <v>67538</v>
      </c>
      <c r="H18648" s="1" t="s">
        <v>67539</v>
      </c>
      <c r="I18648" s="1" t="s">
        <v>53800</v>
      </c>
      <c r="J18648" s="1" t="s">
        <v>67541</v>
      </c>
    </row>
    <row r="18649" spans="1:10" x14ac:dyDescent="0.35">
      <c r="A18649" s="1" t="s">
        <v>67535</v>
      </c>
      <c r="B18649" s="1" t="s">
        <v>53796</v>
      </c>
      <c r="C18649" s="1" t="s">
        <v>20</v>
      </c>
      <c r="D18649" s="1" t="s">
        <v>67542</v>
      </c>
      <c r="E18649" s="1" t="s">
        <v>54747</v>
      </c>
      <c r="F18649" s="1" t="s">
        <v>67543</v>
      </c>
      <c r="G18649" s="1" t="s">
        <v>67538</v>
      </c>
      <c r="H18649" s="1" t="s">
        <v>67539</v>
      </c>
      <c r="I18649" s="1" t="s">
        <v>53800</v>
      </c>
      <c r="J18649" s="1" t="s">
        <v>67544</v>
      </c>
    </row>
    <row r="18650" spans="1:10" x14ac:dyDescent="0.35">
      <c r="A18650" s="1" t="s">
        <v>67535</v>
      </c>
      <c r="B18650" s="1" t="s">
        <v>53796</v>
      </c>
      <c r="C18650" s="1" t="s">
        <v>25</v>
      </c>
      <c r="D18650" s="1" t="s">
        <v>67545</v>
      </c>
      <c r="E18650" s="1" t="s">
        <v>31384</v>
      </c>
      <c r="F18650" s="1" t="s">
        <v>54402</v>
      </c>
      <c r="G18650" s="1" t="s">
        <v>67538</v>
      </c>
      <c r="H18650" s="1" t="s">
        <v>67539</v>
      </c>
      <c r="I18650" s="1" t="s">
        <v>53800</v>
      </c>
      <c r="J18650" s="1" t="s">
        <v>67546</v>
      </c>
    </row>
    <row r="18651" spans="1:10" x14ac:dyDescent="0.35">
      <c r="A18651" s="1" t="s">
        <v>67535</v>
      </c>
      <c r="B18651" s="1" t="s">
        <v>53796</v>
      </c>
      <c r="C18651" s="1" t="s">
        <v>30</v>
      </c>
      <c r="D18651" s="1" t="s">
        <v>67547</v>
      </c>
      <c r="E18651" s="1" t="s">
        <v>15245</v>
      </c>
      <c r="F18651" s="1" t="s">
        <v>62104</v>
      </c>
      <c r="G18651" s="1" t="s">
        <v>67538</v>
      </c>
      <c r="H18651" s="1" t="s">
        <v>67539</v>
      </c>
      <c r="I18651" s="1" t="s">
        <v>53800</v>
      </c>
      <c r="J18651" s="1" t="s">
        <v>67548</v>
      </c>
    </row>
    <row r="18652" spans="1:10" x14ac:dyDescent="0.35">
      <c r="A18652" s="1" t="s">
        <v>67535</v>
      </c>
      <c r="B18652" s="1" t="s">
        <v>53796</v>
      </c>
      <c r="C18652" s="1" t="s">
        <v>35</v>
      </c>
      <c r="D18652" s="1" t="s">
        <v>67549</v>
      </c>
      <c r="E18652" s="1" t="s">
        <v>21768</v>
      </c>
      <c r="F18652" s="1" t="s">
        <v>67550</v>
      </c>
      <c r="G18652" s="1" t="s">
        <v>67538</v>
      </c>
      <c r="H18652" s="1" t="s">
        <v>67539</v>
      </c>
      <c r="I18652" s="1" t="s">
        <v>53800</v>
      </c>
      <c r="J18652" s="1" t="s">
        <v>67551</v>
      </c>
    </row>
    <row r="18653" spans="1:10" x14ac:dyDescent="0.35">
      <c r="A18653" s="1" t="s">
        <v>67535</v>
      </c>
      <c r="B18653" s="1" t="s">
        <v>53796</v>
      </c>
      <c r="C18653" s="1" t="s">
        <v>40</v>
      </c>
      <c r="D18653" s="1" t="s">
        <v>67552</v>
      </c>
      <c r="E18653" s="1" t="s">
        <v>67553</v>
      </c>
      <c r="F18653" s="1" t="s">
        <v>67554</v>
      </c>
      <c r="G18653" s="1" t="s">
        <v>67538</v>
      </c>
      <c r="H18653" s="1" t="s">
        <v>67539</v>
      </c>
      <c r="I18653" s="1" t="s">
        <v>53800</v>
      </c>
      <c r="J18653" s="1" t="s">
        <v>67555</v>
      </c>
    </row>
    <row r="18654" spans="1:10" x14ac:dyDescent="0.35">
      <c r="A18654" s="1" t="s">
        <v>67535</v>
      </c>
      <c r="B18654" s="1" t="s">
        <v>53796</v>
      </c>
      <c r="C18654" s="1" t="s">
        <v>45</v>
      </c>
      <c r="D18654" s="1" t="s">
        <v>67556</v>
      </c>
      <c r="E18654" s="1" t="s">
        <v>55219</v>
      </c>
      <c r="F18654" s="1" t="s">
        <v>67557</v>
      </c>
      <c r="G18654" s="1" t="s">
        <v>67538</v>
      </c>
      <c r="H18654" s="1" t="s">
        <v>67539</v>
      </c>
      <c r="I18654" s="1" t="s">
        <v>53800</v>
      </c>
      <c r="J18654" s="1" t="s">
        <v>67558</v>
      </c>
    </row>
    <row r="18655" spans="1:10" x14ac:dyDescent="0.35">
      <c r="A18655" s="1" t="s">
        <v>67535</v>
      </c>
      <c r="B18655" s="1" t="s">
        <v>53796</v>
      </c>
      <c r="C18655" s="1" t="s">
        <v>50</v>
      </c>
      <c r="D18655" s="1" t="s">
        <v>67559</v>
      </c>
      <c r="E18655" s="1" t="s">
        <v>21807</v>
      </c>
      <c r="F18655" s="1" t="s">
        <v>67560</v>
      </c>
      <c r="G18655" s="1" t="s">
        <v>67538</v>
      </c>
      <c r="H18655" s="1" t="s">
        <v>67539</v>
      </c>
      <c r="I18655" s="1" t="s">
        <v>53800</v>
      </c>
      <c r="J18655" s="1" t="s">
        <v>67561</v>
      </c>
    </row>
    <row r="18656" spans="1:10" x14ac:dyDescent="0.35">
      <c r="A18656" s="1" t="s">
        <v>67535</v>
      </c>
      <c r="B18656" s="1" t="s">
        <v>53796</v>
      </c>
      <c r="C18656" s="1" t="s">
        <v>55</v>
      </c>
      <c r="D18656" s="1" t="s">
        <v>67562</v>
      </c>
      <c r="E18656" s="1" t="s">
        <v>61004</v>
      </c>
      <c r="F18656" s="1" t="s">
        <v>67563</v>
      </c>
      <c r="G18656" s="1" t="s">
        <v>67538</v>
      </c>
      <c r="H18656" s="1" t="s">
        <v>67539</v>
      </c>
      <c r="I18656" s="1" t="s">
        <v>53800</v>
      </c>
      <c r="J18656" s="1" t="s">
        <v>67564</v>
      </c>
    </row>
    <row r="18657" spans="1:10" x14ac:dyDescent="0.35">
      <c r="A18657" s="1" t="s">
        <v>67535</v>
      </c>
      <c r="B18657" s="1" t="s">
        <v>53796</v>
      </c>
      <c r="C18657" s="1" t="s">
        <v>60</v>
      </c>
      <c r="D18657" s="1" t="s">
        <v>67565</v>
      </c>
      <c r="E18657" s="1" t="s">
        <v>21985</v>
      </c>
      <c r="F18657" s="1" t="s">
        <v>67566</v>
      </c>
      <c r="G18657" s="1" t="s">
        <v>67538</v>
      </c>
      <c r="H18657" s="1" t="s">
        <v>67539</v>
      </c>
      <c r="I18657" s="1" t="s">
        <v>53800</v>
      </c>
      <c r="J18657" s="1" t="s">
        <v>67567</v>
      </c>
    </row>
    <row r="18658" spans="1:10" x14ac:dyDescent="0.35">
      <c r="A18658" s="1" t="s">
        <v>67535</v>
      </c>
      <c r="B18658" s="1" t="s">
        <v>53796</v>
      </c>
      <c r="C18658" s="1" t="s">
        <v>65</v>
      </c>
      <c r="D18658" s="1" t="s">
        <v>67568</v>
      </c>
      <c r="E18658" s="1" t="s">
        <v>41210</v>
      </c>
      <c r="F18658" s="1" t="s">
        <v>67569</v>
      </c>
      <c r="G18658" s="1" t="s">
        <v>67538</v>
      </c>
      <c r="H18658" s="1" t="s">
        <v>67539</v>
      </c>
      <c r="I18658" s="1" t="s">
        <v>53800</v>
      </c>
      <c r="J18658" s="1" t="s">
        <v>67570</v>
      </c>
    </row>
    <row r="18659" spans="1:10" x14ac:dyDescent="0.35">
      <c r="A18659" s="1" t="s">
        <v>67535</v>
      </c>
      <c r="B18659" s="1" t="s">
        <v>53796</v>
      </c>
      <c r="C18659" s="1" t="s">
        <v>70</v>
      </c>
      <c r="D18659" s="1" t="s">
        <v>57321</v>
      </c>
      <c r="E18659" s="1" t="s">
        <v>60671</v>
      </c>
      <c r="F18659" s="1" t="s">
        <v>67571</v>
      </c>
      <c r="G18659" s="1" t="s">
        <v>67538</v>
      </c>
      <c r="H18659" s="1" t="s">
        <v>67539</v>
      </c>
      <c r="I18659" s="1" t="s">
        <v>53800</v>
      </c>
      <c r="J18659" s="1" t="s">
        <v>67572</v>
      </c>
    </row>
    <row r="18660" spans="1:10" x14ac:dyDescent="0.35">
      <c r="A18660" s="1" t="s">
        <v>67535</v>
      </c>
      <c r="B18660" s="1" t="s">
        <v>53796</v>
      </c>
      <c r="C18660" s="1" t="s">
        <v>75</v>
      </c>
      <c r="D18660" s="1" t="s">
        <v>22258</v>
      </c>
      <c r="E18660" s="1" t="s">
        <v>53815</v>
      </c>
      <c r="F18660" s="1" t="s">
        <v>58246</v>
      </c>
      <c r="G18660" s="1" t="s">
        <v>67538</v>
      </c>
      <c r="H18660" s="1" t="s">
        <v>67539</v>
      </c>
      <c r="I18660" s="1" t="s">
        <v>53800</v>
      </c>
      <c r="J18660" s="1" t="s">
        <v>67573</v>
      </c>
    </row>
    <row r="18661" spans="1:10" x14ac:dyDescent="0.35">
      <c r="A18661" s="1" t="s">
        <v>67535</v>
      </c>
      <c r="B18661" s="1" t="s">
        <v>53796</v>
      </c>
      <c r="C18661" s="1" t="s">
        <v>80</v>
      </c>
      <c r="D18661" s="1" t="s">
        <v>67574</v>
      </c>
      <c r="E18661" s="1" t="s">
        <v>55907</v>
      </c>
      <c r="F18661" s="1" t="s">
        <v>61414</v>
      </c>
      <c r="G18661" s="1" t="s">
        <v>67538</v>
      </c>
      <c r="H18661" s="1" t="s">
        <v>67539</v>
      </c>
      <c r="I18661" s="1" t="s">
        <v>53800</v>
      </c>
      <c r="J18661" s="1" t="s">
        <v>67575</v>
      </c>
    </row>
    <row r="18662" spans="1:10" x14ac:dyDescent="0.35">
      <c r="A18662" s="1" t="s">
        <v>67535</v>
      </c>
      <c r="B18662" s="1" t="s">
        <v>53796</v>
      </c>
      <c r="C18662" s="1" t="s">
        <v>85</v>
      </c>
      <c r="D18662" s="1" t="s">
        <v>67576</v>
      </c>
      <c r="E18662" s="1" t="s">
        <v>55573</v>
      </c>
      <c r="F18662" s="1" t="s">
        <v>52447</v>
      </c>
      <c r="G18662" s="1" t="s">
        <v>67538</v>
      </c>
      <c r="H18662" s="1" t="s">
        <v>67539</v>
      </c>
      <c r="I18662" s="1" t="s">
        <v>53800</v>
      </c>
      <c r="J18662" s="1" t="s">
        <v>67577</v>
      </c>
    </row>
    <row r="18663" spans="1:10" x14ac:dyDescent="0.35">
      <c r="A18663" s="1" t="s">
        <v>67535</v>
      </c>
      <c r="B18663" s="1" t="s">
        <v>53796</v>
      </c>
      <c r="C18663" s="1" t="s">
        <v>90</v>
      </c>
      <c r="D18663" s="1" t="s">
        <v>56256</v>
      </c>
      <c r="E18663" s="1" t="s">
        <v>41344</v>
      </c>
      <c r="F18663" s="1" t="s">
        <v>67578</v>
      </c>
      <c r="G18663" s="1" t="s">
        <v>67538</v>
      </c>
      <c r="H18663" s="1" t="s">
        <v>67539</v>
      </c>
      <c r="I18663" s="1" t="s">
        <v>53800</v>
      </c>
      <c r="J18663" s="1" t="s">
        <v>67579</v>
      </c>
    </row>
    <row r="18664" spans="1:10" x14ac:dyDescent="0.35">
      <c r="A18664" s="1" t="s">
        <v>67535</v>
      </c>
      <c r="B18664" s="1" t="s">
        <v>53796</v>
      </c>
      <c r="C18664" s="1" t="s">
        <v>95</v>
      </c>
      <c r="D18664" s="1" t="s">
        <v>67580</v>
      </c>
      <c r="E18664" s="1" t="s">
        <v>54783</v>
      </c>
      <c r="F18664" s="1" t="s">
        <v>55974</v>
      </c>
      <c r="G18664" s="1" t="s">
        <v>67538</v>
      </c>
      <c r="H18664" s="1" t="s">
        <v>67539</v>
      </c>
      <c r="I18664" s="1" t="s">
        <v>53800</v>
      </c>
      <c r="J18664" s="1" t="s">
        <v>67581</v>
      </c>
    </row>
    <row r="18665" spans="1:10" x14ac:dyDescent="0.35">
      <c r="A18665" s="1" t="s">
        <v>67535</v>
      </c>
      <c r="B18665" s="1" t="s">
        <v>53796</v>
      </c>
      <c r="C18665" s="1" t="s">
        <v>100</v>
      </c>
      <c r="D18665" s="1" t="s">
        <v>67582</v>
      </c>
      <c r="E18665" s="1" t="s">
        <v>54796</v>
      </c>
      <c r="F18665" s="1" t="s">
        <v>56040</v>
      </c>
      <c r="G18665" s="1" t="s">
        <v>67538</v>
      </c>
      <c r="H18665" s="1" t="s">
        <v>67539</v>
      </c>
      <c r="I18665" s="1" t="s">
        <v>53800</v>
      </c>
      <c r="J18665" s="1" t="s">
        <v>67583</v>
      </c>
    </row>
    <row r="18666" spans="1:10" x14ac:dyDescent="0.35">
      <c r="A18666" s="1" t="s">
        <v>67535</v>
      </c>
      <c r="B18666" s="1" t="s">
        <v>53796</v>
      </c>
      <c r="C18666" s="1" t="s">
        <v>105</v>
      </c>
      <c r="D18666" s="1" t="s">
        <v>67584</v>
      </c>
      <c r="E18666" s="1" t="s">
        <v>21925</v>
      </c>
      <c r="F18666" s="1" t="s">
        <v>67585</v>
      </c>
      <c r="G18666" s="1" t="s">
        <v>67538</v>
      </c>
      <c r="H18666" s="1" t="s">
        <v>67539</v>
      </c>
      <c r="I18666" s="1" t="s">
        <v>53800</v>
      </c>
      <c r="J18666" s="1" t="s">
        <v>67586</v>
      </c>
    </row>
    <row r="18667" spans="1:10" x14ac:dyDescent="0.35">
      <c r="A18667" s="1" t="s">
        <v>67535</v>
      </c>
      <c r="B18667" s="1" t="s">
        <v>53796</v>
      </c>
      <c r="C18667" s="1" t="s">
        <v>110</v>
      </c>
      <c r="D18667" s="1" t="s">
        <v>67587</v>
      </c>
      <c r="E18667" s="1" t="s">
        <v>56664</v>
      </c>
      <c r="F18667" s="1" t="s">
        <v>67588</v>
      </c>
      <c r="G18667" s="1" t="s">
        <v>67538</v>
      </c>
      <c r="H18667" s="1" t="s">
        <v>67539</v>
      </c>
      <c r="I18667" s="1" t="s">
        <v>53800</v>
      </c>
      <c r="J18667" s="1" t="s">
        <v>67589</v>
      </c>
    </row>
    <row r="18668" spans="1:10" x14ac:dyDescent="0.35">
      <c r="A18668" s="1" t="s">
        <v>67535</v>
      </c>
      <c r="B18668" s="1" t="s">
        <v>53796</v>
      </c>
      <c r="C18668" s="1" t="s">
        <v>115</v>
      </c>
      <c r="D18668" s="1" t="s">
        <v>67590</v>
      </c>
      <c r="E18668" s="1" t="s">
        <v>31368</v>
      </c>
      <c r="F18668" s="1" t="s">
        <v>67591</v>
      </c>
      <c r="G18668" s="1" t="s">
        <v>67538</v>
      </c>
      <c r="H18668" s="1" t="s">
        <v>67539</v>
      </c>
      <c r="I18668" s="1" t="s">
        <v>53800</v>
      </c>
      <c r="J18668" s="1" t="s">
        <v>67592</v>
      </c>
    </row>
    <row r="18669" spans="1:10" x14ac:dyDescent="0.35">
      <c r="A18669" s="1" t="s">
        <v>67535</v>
      </c>
      <c r="B18669" s="1" t="s">
        <v>53796</v>
      </c>
      <c r="C18669" s="1" t="s">
        <v>120</v>
      </c>
      <c r="D18669" s="1" t="s">
        <v>67593</v>
      </c>
      <c r="E18669" s="1" t="s">
        <v>26552</v>
      </c>
      <c r="F18669" s="1" t="s">
        <v>67594</v>
      </c>
      <c r="G18669" s="1" t="s">
        <v>67538</v>
      </c>
      <c r="H18669" s="1" t="s">
        <v>67539</v>
      </c>
      <c r="I18669" s="1" t="s">
        <v>53800</v>
      </c>
      <c r="J18669" s="1" t="s">
        <v>67595</v>
      </c>
    </row>
    <row r="18670" spans="1:10" x14ac:dyDescent="0.35">
      <c r="A18670" s="1" t="s">
        <v>67535</v>
      </c>
      <c r="B18670" s="1" t="s">
        <v>53796</v>
      </c>
      <c r="C18670" s="1" t="s">
        <v>125</v>
      </c>
      <c r="D18670" s="1" t="s">
        <v>58506</v>
      </c>
      <c r="E18670" s="1" t="s">
        <v>55083</v>
      </c>
      <c r="F18670" s="1" t="s">
        <v>67596</v>
      </c>
      <c r="G18670" s="1" t="s">
        <v>67538</v>
      </c>
      <c r="H18670" s="1" t="s">
        <v>67539</v>
      </c>
      <c r="I18670" s="1" t="s">
        <v>53800</v>
      </c>
      <c r="J18670" s="1" t="s">
        <v>67597</v>
      </c>
    </row>
    <row r="18671" spans="1:10" x14ac:dyDescent="0.35">
      <c r="A18671" s="1" t="s">
        <v>67535</v>
      </c>
      <c r="B18671" s="1" t="s">
        <v>53796</v>
      </c>
      <c r="C18671" s="1" t="s">
        <v>130</v>
      </c>
      <c r="D18671" s="1" t="s">
        <v>67598</v>
      </c>
      <c r="E18671" s="1" t="s">
        <v>26478</v>
      </c>
      <c r="F18671" s="1" t="s">
        <v>53812</v>
      </c>
      <c r="G18671" s="1" t="s">
        <v>67538</v>
      </c>
      <c r="H18671" s="1" t="s">
        <v>67539</v>
      </c>
      <c r="I18671" s="1" t="s">
        <v>53800</v>
      </c>
      <c r="J18671" s="1" t="s">
        <v>67599</v>
      </c>
    </row>
    <row r="18672" spans="1:10" x14ac:dyDescent="0.35">
      <c r="A18672" s="1" t="s">
        <v>67535</v>
      </c>
      <c r="B18672" s="1" t="s">
        <v>53796</v>
      </c>
      <c r="C18672" s="1" t="s">
        <v>135</v>
      </c>
      <c r="D18672" s="1" t="s">
        <v>67600</v>
      </c>
      <c r="E18672" s="1" t="s">
        <v>15293</v>
      </c>
      <c r="F18672" s="1" t="s">
        <v>66496</v>
      </c>
      <c r="G18672" s="1" t="s">
        <v>67538</v>
      </c>
      <c r="H18672" s="1" t="s">
        <v>67539</v>
      </c>
      <c r="I18672" s="1" t="s">
        <v>53800</v>
      </c>
      <c r="J18672" s="1" t="s">
        <v>67601</v>
      </c>
    </row>
    <row r="18673" spans="1:10" x14ac:dyDescent="0.35">
      <c r="A18673" s="1" t="s">
        <v>67535</v>
      </c>
      <c r="B18673" s="1" t="s">
        <v>53796</v>
      </c>
      <c r="C18673" s="1" t="s">
        <v>140</v>
      </c>
      <c r="D18673" s="1" t="s">
        <v>67602</v>
      </c>
      <c r="E18673" s="1" t="s">
        <v>67603</v>
      </c>
      <c r="F18673" s="1" t="s">
        <v>67604</v>
      </c>
      <c r="G18673" s="1" t="s">
        <v>67538</v>
      </c>
      <c r="H18673" s="1" t="s">
        <v>67539</v>
      </c>
      <c r="I18673" s="1" t="s">
        <v>53800</v>
      </c>
      <c r="J18673" s="1" t="s">
        <v>67605</v>
      </c>
    </row>
    <row r="18674" spans="1:10" x14ac:dyDescent="0.35">
      <c r="A18674" s="1" t="s">
        <v>67535</v>
      </c>
      <c r="B18674" s="1" t="s">
        <v>53796</v>
      </c>
      <c r="C18674" s="1" t="s">
        <v>145</v>
      </c>
      <c r="D18674" s="1" t="s">
        <v>67606</v>
      </c>
      <c r="E18674" s="1" t="s">
        <v>21974</v>
      </c>
      <c r="F18674" s="1" t="s">
        <v>67607</v>
      </c>
      <c r="G18674" s="1" t="s">
        <v>67538</v>
      </c>
      <c r="H18674" s="1" t="s">
        <v>67539</v>
      </c>
      <c r="I18674" s="1" t="s">
        <v>53800</v>
      </c>
      <c r="J18674" s="1" t="s">
        <v>67608</v>
      </c>
    </row>
    <row r="18675" spans="1:10" x14ac:dyDescent="0.35">
      <c r="A18675" s="1" t="s">
        <v>67535</v>
      </c>
      <c r="B18675" s="1" t="s">
        <v>53796</v>
      </c>
      <c r="C18675" s="1" t="s">
        <v>150</v>
      </c>
      <c r="D18675" s="1" t="s">
        <v>67609</v>
      </c>
      <c r="E18675" s="1" t="s">
        <v>23164</v>
      </c>
      <c r="F18675" s="1" t="s">
        <v>67610</v>
      </c>
      <c r="G18675" s="1" t="s">
        <v>67538</v>
      </c>
      <c r="H18675" s="1" t="s">
        <v>67539</v>
      </c>
      <c r="I18675" s="1" t="s">
        <v>53800</v>
      </c>
      <c r="J18675" s="1" t="s">
        <v>67611</v>
      </c>
    </row>
    <row r="18676" spans="1:10" x14ac:dyDescent="0.35">
      <c r="A18676" s="1" t="s">
        <v>67535</v>
      </c>
      <c r="B18676" s="1" t="s">
        <v>53796</v>
      </c>
      <c r="C18676" s="1" t="s">
        <v>155</v>
      </c>
      <c r="D18676" s="1" t="s">
        <v>67612</v>
      </c>
      <c r="E18676" s="1" t="s">
        <v>26576</v>
      </c>
      <c r="F18676" s="1" t="s">
        <v>67613</v>
      </c>
      <c r="G18676" s="1" t="s">
        <v>67538</v>
      </c>
      <c r="H18676" s="1" t="s">
        <v>67539</v>
      </c>
      <c r="I18676" s="1" t="s">
        <v>53800</v>
      </c>
      <c r="J18676" s="1" t="s">
        <v>67614</v>
      </c>
    </row>
    <row r="18677" spans="1:10" x14ac:dyDescent="0.35">
      <c r="A18677" s="1" t="s">
        <v>67535</v>
      </c>
      <c r="B18677" s="1" t="s">
        <v>53796</v>
      </c>
      <c r="C18677" s="1" t="s">
        <v>160</v>
      </c>
      <c r="D18677" s="1" t="s">
        <v>67201</v>
      </c>
      <c r="E18677" s="1" t="s">
        <v>65706</v>
      </c>
      <c r="F18677" s="1" t="s">
        <v>67615</v>
      </c>
      <c r="G18677" s="1" t="s">
        <v>67538</v>
      </c>
      <c r="H18677" s="1" t="s">
        <v>67539</v>
      </c>
      <c r="I18677" s="1" t="s">
        <v>53800</v>
      </c>
      <c r="J18677" s="1" t="s">
        <v>67616</v>
      </c>
    </row>
    <row r="18678" spans="1:10" x14ac:dyDescent="0.35">
      <c r="A18678" s="1" t="s">
        <v>67535</v>
      </c>
      <c r="B18678" s="1" t="s">
        <v>53796</v>
      </c>
      <c r="C18678" s="1" t="s">
        <v>165</v>
      </c>
      <c r="D18678" s="1" t="s">
        <v>67617</v>
      </c>
      <c r="E18678" s="1" t="s">
        <v>55083</v>
      </c>
      <c r="F18678" s="1" t="s">
        <v>67618</v>
      </c>
      <c r="G18678" s="1" t="s">
        <v>67538</v>
      </c>
      <c r="H18678" s="1" t="s">
        <v>67539</v>
      </c>
      <c r="I18678" s="1" t="s">
        <v>53800</v>
      </c>
      <c r="J18678" s="1" t="s">
        <v>67619</v>
      </c>
    </row>
    <row r="18679" spans="1:10" x14ac:dyDescent="0.35">
      <c r="A18679" s="1" t="s">
        <v>67535</v>
      </c>
      <c r="B18679" s="1" t="s">
        <v>53796</v>
      </c>
      <c r="C18679" s="1" t="s">
        <v>170</v>
      </c>
      <c r="D18679" s="1" t="s">
        <v>67620</v>
      </c>
      <c r="E18679" s="1" t="s">
        <v>57695</v>
      </c>
      <c r="F18679" s="1" t="s">
        <v>62683</v>
      </c>
      <c r="G18679" s="1" t="s">
        <v>67538</v>
      </c>
      <c r="H18679" s="1" t="s">
        <v>67539</v>
      </c>
      <c r="I18679" s="1" t="s">
        <v>53800</v>
      </c>
      <c r="J18679" s="1" t="s">
        <v>67621</v>
      </c>
    </row>
    <row r="18680" spans="1:10" x14ac:dyDescent="0.35">
      <c r="A18680" s="1" t="s">
        <v>1280</v>
      </c>
      <c r="B18680" s="1" t="s">
        <v>53796</v>
      </c>
      <c r="C18680" s="1" t="s">
        <v>8</v>
      </c>
      <c r="D18680" s="1" t="s">
        <v>67622</v>
      </c>
      <c r="E18680" s="1" t="s">
        <v>56404</v>
      </c>
      <c r="F18680" s="1" t="s">
        <v>67623</v>
      </c>
      <c r="G18680" s="1" t="s">
        <v>67624</v>
      </c>
      <c r="H18680" s="1" t="s">
        <v>67625</v>
      </c>
      <c r="I18680" s="1" t="s">
        <v>53800</v>
      </c>
      <c r="J18680" s="1" t="s">
        <v>13</v>
      </c>
    </row>
    <row r="18681" spans="1:10" x14ac:dyDescent="0.35">
      <c r="A18681" s="1" t="s">
        <v>1280</v>
      </c>
      <c r="B18681" s="1" t="s">
        <v>53796</v>
      </c>
      <c r="C18681" s="1" t="s">
        <v>15</v>
      </c>
      <c r="D18681" s="1" t="s">
        <v>67626</v>
      </c>
      <c r="E18681" s="1" t="s">
        <v>53808</v>
      </c>
      <c r="F18681" s="1" t="s">
        <v>67627</v>
      </c>
      <c r="G18681" s="1" t="s">
        <v>67624</v>
      </c>
      <c r="H18681" s="1" t="s">
        <v>67625</v>
      </c>
      <c r="I18681" s="1" t="s">
        <v>53800</v>
      </c>
      <c r="J18681" s="1" t="s">
        <v>67628</v>
      </c>
    </row>
    <row r="18682" spans="1:10" x14ac:dyDescent="0.35">
      <c r="A18682" s="1" t="s">
        <v>1280</v>
      </c>
      <c r="B18682" s="1" t="s">
        <v>53796</v>
      </c>
      <c r="C18682" s="1" t="s">
        <v>20</v>
      </c>
      <c r="D18682" s="1" t="s">
        <v>67629</v>
      </c>
      <c r="E18682" s="1" t="s">
        <v>12853</v>
      </c>
      <c r="F18682" s="1" t="s">
        <v>67630</v>
      </c>
      <c r="G18682" s="1" t="s">
        <v>67624</v>
      </c>
      <c r="H18682" s="1" t="s">
        <v>67625</v>
      </c>
      <c r="I18682" s="1" t="s">
        <v>53800</v>
      </c>
      <c r="J18682" s="1" t="s">
        <v>67631</v>
      </c>
    </row>
    <row r="18683" spans="1:10" x14ac:dyDescent="0.35">
      <c r="A18683" s="1" t="s">
        <v>1280</v>
      </c>
      <c r="B18683" s="1" t="s">
        <v>53796</v>
      </c>
      <c r="C18683" s="1" t="s">
        <v>25</v>
      </c>
      <c r="D18683" s="1" t="s">
        <v>67632</v>
      </c>
      <c r="E18683" s="1" t="s">
        <v>58862</v>
      </c>
      <c r="F18683" s="1" t="s">
        <v>67633</v>
      </c>
      <c r="G18683" s="1" t="s">
        <v>67624</v>
      </c>
      <c r="H18683" s="1" t="s">
        <v>67625</v>
      </c>
      <c r="I18683" s="1" t="s">
        <v>53800</v>
      </c>
      <c r="J18683" s="1" t="s">
        <v>67634</v>
      </c>
    </row>
    <row r="18684" spans="1:10" x14ac:dyDescent="0.35">
      <c r="A18684" s="1" t="s">
        <v>1280</v>
      </c>
      <c r="B18684" s="1" t="s">
        <v>53796</v>
      </c>
      <c r="C18684" s="1" t="s">
        <v>30</v>
      </c>
      <c r="D18684" s="1" t="s">
        <v>67635</v>
      </c>
      <c r="E18684" s="1" t="s">
        <v>26629</v>
      </c>
      <c r="F18684" s="1" t="s">
        <v>67636</v>
      </c>
      <c r="G18684" s="1" t="s">
        <v>67624</v>
      </c>
      <c r="H18684" s="1" t="s">
        <v>67625</v>
      </c>
      <c r="I18684" s="1" t="s">
        <v>53800</v>
      </c>
      <c r="J18684" s="1" t="s">
        <v>67637</v>
      </c>
    </row>
    <row r="18685" spans="1:10" x14ac:dyDescent="0.35">
      <c r="A18685" s="1" t="s">
        <v>1280</v>
      </c>
      <c r="B18685" s="1" t="s">
        <v>53796</v>
      </c>
      <c r="C18685" s="1" t="s">
        <v>35</v>
      </c>
      <c r="D18685" s="1" t="s">
        <v>67638</v>
      </c>
      <c r="E18685" s="1" t="s">
        <v>55227</v>
      </c>
      <c r="F18685" s="1" t="s">
        <v>67639</v>
      </c>
      <c r="G18685" s="1" t="s">
        <v>67624</v>
      </c>
      <c r="H18685" s="1" t="s">
        <v>67625</v>
      </c>
      <c r="I18685" s="1" t="s">
        <v>53800</v>
      </c>
      <c r="J18685" s="1" t="s">
        <v>67640</v>
      </c>
    </row>
    <row r="18686" spans="1:10" x14ac:dyDescent="0.35">
      <c r="A18686" s="1" t="s">
        <v>1280</v>
      </c>
      <c r="B18686" s="1" t="s">
        <v>53796</v>
      </c>
      <c r="C18686" s="1" t="s">
        <v>40</v>
      </c>
      <c r="D18686" s="1" t="s">
        <v>67641</v>
      </c>
      <c r="E18686" s="1" t="s">
        <v>23030</v>
      </c>
      <c r="F18686" s="1" t="s">
        <v>23150</v>
      </c>
      <c r="G18686" s="1" t="s">
        <v>67624</v>
      </c>
      <c r="H18686" s="1" t="s">
        <v>67625</v>
      </c>
      <c r="I18686" s="1" t="s">
        <v>53800</v>
      </c>
      <c r="J18686" s="1" t="s">
        <v>67642</v>
      </c>
    </row>
    <row r="18687" spans="1:10" x14ac:dyDescent="0.35">
      <c r="A18687" s="1" t="s">
        <v>1280</v>
      </c>
      <c r="B18687" s="1" t="s">
        <v>53796</v>
      </c>
      <c r="C18687" s="1" t="s">
        <v>45</v>
      </c>
      <c r="D18687" s="1" t="s">
        <v>67643</v>
      </c>
      <c r="E18687" s="1" t="s">
        <v>24408</v>
      </c>
      <c r="F18687" s="1" t="s">
        <v>67644</v>
      </c>
      <c r="G18687" s="1" t="s">
        <v>67624</v>
      </c>
      <c r="H18687" s="1" t="s">
        <v>67625</v>
      </c>
      <c r="I18687" s="1" t="s">
        <v>53800</v>
      </c>
      <c r="J18687" s="1" t="s">
        <v>67645</v>
      </c>
    </row>
    <row r="18688" spans="1:10" x14ac:dyDescent="0.35">
      <c r="A18688" s="1" t="s">
        <v>1280</v>
      </c>
      <c r="B18688" s="1" t="s">
        <v>53796</v>
      </c>
      <c r="C18688" s="1" t="s">
        <v>50</v>
      </c>
      <c r="D18688" s="1" t="s">
        <v>67646</v>
      </c>
      <c r="E18688" s="1" t="s">
        <v>22091</v>
      </c>
      <c r="F18688" s="1" t="s">
        <v>67647</v>
      </c>
      <c r="G18688" s="1" t="s">
        <v>67624</v>
      </c>
      <c r="H18688" s="1" t="s">
        <v>67625</v>
      </c>
      <c r="I18688" s="1" t="s">
        <v>53800</v>
      </c>
      <c r="J18688" s="1" t="s">
        <v>67648</v>
      </c>
    </row>
    <row r="18689" spans="1:10" x14ac:dyDescent="0.35">
      <c r="A18689" s="1" t="s">
        <v>1280</v>
      </c>
      <c r="B18689" s="1" t="s">
        <v>53796</v>
      </c>
      <c r="C18689" s="1" t="s">
        <v>55</v>
      </c>
      <c r="D18689" s="1" t="s">
        <v>67649</v>
      </c>
      <c r="E18689" s="1" t="s">
        <v>60824</v>
      </c>
      <c r="F18689" s="1" t="s">
        <v>67650</v>
      </c>
      <c r="G18689" s="1" t="s">
        <v>67624</v>
      </c>
      <c r="H18689" s="1" t="s">
        <v>67625</v>
      </c>
      <c r="I18689" s="1" t="s">
        <v>53800</v>
      </c>
      <c r="J18689" s="1" t="s">
        <v>67651</v>
      </c>
    </row>
    <row r="18690" spans="1:10" x14ac:dyDescent="0.35">
      <c r="A18690" s="1" t="s">
        <v>1280</v>
      </c>
      <c r="B18690" s="1" t="s">
        <v>53796</v>
      </c>
      <c r="C18690" s="1" t="s">
        <v>60</v>
      </c>
      <c r="D18690" s="1" t="s">
        <v>41359</v>
      </c>
      <c r="E18690" s="1" t="s">
        <v>22267</v>
      </c>
      <c r="F18690" s="1" t="s">
        <v>67652</v>
      </c>
      <c r="G18690" s="1" t="s">
        <v>67624</v>
      </c>
      <c r="H18690" s="1" t="s">
        <v>67625</v>
      </c>
      <c r="I18690" s="1" t="s">
        <v>53800</v>
      </c>
      <c r="J18690" s="1" t="s">
        <v>67653</v>
      </c>
    </row>
    <row r="18691" spans="1:10" x14ac:dyDescent="0.35">
      <c r="A18691" s="1" t="s">
        <v>1280</v>
      </c>
      <c r="B18691" s="1" t="s">
        <v>53796</v>
      </c>
      <c r="C18691" s="1" t="s">
        <v>65</v>
      </c>
      <c r="D18691" s="1" t="s">
        <v>58351</v>
      </c>
      <c r="E18691" s="1" t="s">
        <v>15228</v>
      </c>
      <c r="F18691" s="1" t="s">
        <v>67654</v>
      </c>
      <c r="G18691" s="1" t="s">
        <v>67624</v>
      </c>
      <c r="H18691" s="1" t="s">
        <v>67625</v>
      </c>
      <c r="I18691" s="1" t="s">
        <v>53800</v>
      </c>
      <c r="J18691" s="1" t="s">
        <v>67655</v>
      </c>
    </row>
    <row r="18692" spans="1:10" x14ac:dyDescent="0.35">
      <c r="A18692" s="1" t="s">
        <v>1280</v>
      </c>
      <c r="B18692" s="1" t="s">
        <v>53796</v>
      </c>
      <c r="C18692" s="1" t="s">
        <v>70</v>
      </c>
      <c r="D18692" s="1" t="s">
        <v>67656</v>
      </c>
      <c r="E18692" s="1" t="s">
        <v>57982</v>
      </c>
      <c r="F18692" s="1" t="s">
        <v>67657</v>
      </c>
      <c r="G18692" s="1" t="s">
        <v>67624</v>
      </c>
      <c r="H18692" s="1" t="s">
        <v>67625</v>
      </c>
      <c r="I18692" s="1" t="s">
        <v>53800</v>
      </c>
      <c r="J18692" s="1" t="s">
        <v>67658</v>
      </c>
    </row>
    <row r="18693" spans="1:10" x14ac:dyDescent="0.35">
      <c r="A18693" s="1" t="s">
        <v>1280</v>
      </c>
      <c r="B18693" s="1" t="s">
        <v>53796</v>
      </c>
      <c r="C18693" s="1" t="s">
        <v>75</v>
      </c>
      <c r="D18693" s="1" t="s">
        <v>67659</v>
      </c>
      <c r="E18693" s="1" t="s">
        <v>22099</v>
      </c>
      <c r="F18693" s="1" t="s">
        <v>67660</v>
      </c>
      <c r="G18693" s="1" t="s">
        <v>67624</v>
      </c>
      <c r="H18693" s="1" t="s">
        <v>67625</v>
      </c>
      <c r="I18693" s="1" t="s">
        <v>53800</v>
      </c>
      <c r="J18693" s="1" t="s">
        <v>67661</v>
      </c>
    </row>
    <row r="18694" spans="1:10" x14ac:dyDescent="0.35">
      <c r="A18694" s="1" t="s">
        <v>1280</v>
      </c>
      <c r="B18694" s="1" t="s">
        <v>53796</v>
      </c>
      <c r="C18694" s="1" t="s">
        <v>80</v>
      </c>
      <c r="D18694" s="1" t="s">
        <v>67662</v>
      </c>
      <c r="E18694" s="1" t="s">
        <v>63935</v>
      </c>
      <c r="F18694" s="1" t="s">
        <v>67663</v>
      </c>
      <c r="G18694" s="1" t="s">
        <v>67624</v>
      </c>
      <c r="H18694" s="1" t="s">
        <v>67625</v>
      </c>
      <c r="I18694" s="1" t="s">
        <v>53800</v>
      </c>
      <c r="J18694" s="1" t="s">
        <v>67664</v>
      </c>
    </row>
    <row r="18695" spans="1:10" x14ac:dyDescent="0.35">
      <c r="A18695" s="1" t="s">
        <v>1280</v>
      </c>
      <c r="B18695" s="1" t="s">
        <v>53796</v>
      </c>
      <c r="C18695" s="1" t="s">
        <v>85</v>
      </c>
      <c r="D18695" s="1" t="s">
        <v>67665</v>
      </c>
      <c r="E18695" s="1" t="s">
        <v>23446</v>
      </c>
      <c r="F18695" s="1" t="s">
        <v>67666</v>
      </c>
      <c r="G18695" s="1" t="s">
        <v>67624</v>
      </c>
      <c r="H18695" s="1" t="s">
        <v>67625</v>
      </c>
      <c r="I18695" s="1" t="s">
        <v>53800</v>
      </c>
      <c r="J18695" s="1" t="s">
        <v>67667</v>
      </c>
    </row>
    <row r="18696" spans="1:10" x14ac:dyDescent="0.35">
      <c r="A18696" s="1" t="s">
        <v>1280</v>
      </c>
      <c r="B18696" s="1" t="s">
        <v>53796</v>
      </c>
      <c r="C18696" s="1" t="s">
        <v>90</v>
      </c>
      <c r="D18696" s="1" t="s">
        <v>67668</v>
      </c>
      <c r="E18696" s="1" t="s">
        <v>15380</v>
      </c>
      <c r="F18696" s="1" t="s">
        <v>67669</v>
      </c>
      <c r="G18696" s="1" t="s">
        <v>67624</v>
      </c>
      <c r="H18696" s="1" t="s">
        <v>67625</v>
      </c>
      <c r="I18696" s="1" t="s">
        <v>53800</v>
      </c>
      <c r="J18696" s="1" t="s">
        <v>67670</v>
      </c>
    </row>
    <row r="18697" spans="1:10" x14ac:dyDescent="0.35">
      <c r="A18697" s="1" t="s">
        <v>1280</v>
      </c>
      <c r="B18697" s="1" t="s">
        <v>53796</v>
      </c>
      <c r="C18697" s="1" t="s">
        <v>95</v>
      </c>
      <c r="D18697" s="1" t="s">
        <v>67671</v>
      </c>
      <c r="E18697" s="1" t="s">
        <v>32557</v>
      </c>
      <c r="F18697" s="1" t="s">
        <v>67672</v>
      </c>
      <c r="G18697" s="1" t="s">
        <v>67624</v>
      </c>
      <c r="H18697" s="1" t="s">
        <v>67625</v>
      </c>
      <c r="I18697" s="1" t="s">
        <v>53800</v>
      </c>
      <c r="J18697" s="1" t="s">
        <v>67673</v>
      </c>
    </row>
    <row r="18698" spans="1:10" x14ac:dyDescent="0.35">
      <c r="A18698" s="1" t="s">
        <v>1280</v>
      </c>
      <c r="B18698" s="1" t="s">
        <v>53796</v>
      </c>
      <c r="C18698" s="1" t="s">
        <v>100</v>
      </c>
      <c r="D18698" s="1" t="s">
        <v>63116</v>
      </c>
      <c r="E18698" s="1" t="s">
        <v>56233</v>
      </c>
      <c r="F18698" s="1" t="s">
        <v>15858</v>
      </c>
      <c r="G18698" s="1" t="s">
        <v>67624</v>
      </c>
      <c r="H18698" s="1" t="s">
        <v>67625</v>
      </c>
      <c r="I18698" s="1" t="s">
        <v>53800</v>
      </c>
      <c r="J18698" s="1" t="s">
        <v>67674</v>
      </c>
    </row>
    <row r="18699" spans="1:10" x14ac:dyDescent="0.35">
      <c r="A18699" s="1" t="s">
        <v>1280</v>
      </c>
      <c r="B18699" s="1" t="s">
        <v>53796</v>
      </c>
      <c r="C18699" s="1" t="s">
        <v>105</v>
      </c>
      <c r="D18699" s="1" t="s">
        <v>67675</v>
      </c>
      <c r="E18699" s="1" t="s">
        <v>31394</v>
      </c>
      <c r="F18699" s="1" t="s">
        <v>67676</v>
      </c>
      <c r="G18699" s="1" t="s">
        <v>67624</v>
      </c>
      <c r="H18699" s="1" t="s">
        <v>67625</v>
      </c>
      <c r="I18699" s="1" t="s">
        <v>53800</v>
      </c>
      <c r="J18699" s="1" t="s">
        <v>67677</v>
      </c>
    </row>
    <row r="18700" spans="1:10" x14ac:dyDescent="0.35">
      <c r="A18700" s="1" t="s">
        <v>1280</v>
      </c>
      <c r="B18700" s="1" t="s">
        <v>53796</v>
      </c>
      <c r="C18700" s="1" t="s">
        <v>110</v>
      </c>
      <c r="D18700" s="1" t="s">
        <v>67678</v>
      </c>
      <c r="E18700" s="1" t="s">
        <v>21190</v>
      </c>
      <c r="F18700" s="1" t="s">
        <v>67679</v>
      </c>
      <c r="G18700" s="1" t="s">
        <v>67624</v>
      </c>
      <c r="H18700" s="1" t="s">
        <v>67625</v>
      </c>
      <c r="I18700" s="1" t="s">
        <v>53800</v>
      </c>
      <c r="J18700" s="1" t="s">
        <v>67680</v>
      </c>
    </row>
    <row r="18701" spans="1:10" x14ac:dyDescent="0.35">
      <c r="A18701" s="1" t="s">
        <v>1280</v>
      </c>
      <c r="B18701" s="1" t="s">
        <v>53796</v>
      </c>
      <c r="C18701" s="1" t="s">
        <v>115</v>
      </c>
      <c r="D18701" s="1" t="s">
        <v>40654</v>
      </c>
      <c r="E18701" s="1" t="s">
        <v>27111</v>
      </c>
      <c r="F18701" s="1" t="s">
        <v>56924</v>
      </c>
      <c r="G18701" s="1" t="s">
        <v>67624</v>
      </c>
      <c r="H18701" s="1" t="s">
        <v>67625</v>
      </c>
      <c r="I18701" s="1" t="s">
        <v>53800</v>
      </c>
      <c r="J18701" s="1" t="s">
        <v>67681</v>
      </c>
    </row>
    <row r="18702" spans="1:10" x14ac:dyDescent="0.35">
      <c r="A18702" s="1" t="s">
        <v>1280</v>
      </c>
      <c r="B18702" s="1" t="s">
        <v>53796</v>
      </c>
      <c r="C18702" s="1" t="s">
        <v>120</v>
      </c>
      <c r="D18702" s="1" t="s">
        <v>67682</v>
      </c>
      <c r="E18702" s="1" t="s">
        <v>12875</v>
      </c>
      <c r="F18702" s="1" t="s">
        <v>58562</v>
      </c>
      <c r="G18702" s="1" t="s">
        <v>67624</v>
      </c>
      <c r="H18702" s="1" t="s">
        <v>67625</v>
      </c>
      <c r="I18702" s="1" t="s">
        <v>53800</v>
      </c>
      <c r="J18702" s="1" t="s">
        <v>67683</v>
      </c>
    </row>
    <row r="18703" spans="1:10" x14ac:dyDescent="0.35">
      <c r="A18703" s="1" t="s">
        <v>1280</v>
      </c>
      <c r="B18703" s="1" t="s">
        <v>53796</v>
      </c>
      <c r="C18703" s="1" t="s">
        <v>125</v>
      </c>
      <c r="D18703" s="1" t="s">
        <v>67520</v>
      </c>
      <c r="E18703" s="1" t="s">
        <v>58396</v>
      </c>
      <c r="F18703" s="1" t="s">
        <v>67684</v>
      </c>
      <c r="G18703" s="1" t="s">
        <v>67624</v>
      </c>
      <c r="H18703" s="1" t="s">
        <v>67625</v>
      </c>
      <c r="I18703" s="1" t="s">
        <v>53800</v>
      </c>
      <c r="J18703" s="1" t="s">
        <v>67685</v>
      </c>
    </row>
    <row r="18704" spans="1:10" x14ac:dyDescent="0.35">
      <c r="A18704" s="1" t="s">
        <v>1280</v>
      </c>
      <c r="B18704" s="1" t="s">
        <v>53796</v>
      </c>
      <c r="C18704" s="1" t="s">
        <v>130</v>
      </c>
      <c r="D18704" s="1" t="s">
        <v>67686</v>
      </c>
      <c r="E18704" s="1" t="s">
        <v>31869</v>
      </c>
      <c r="F18704" s="1" t="s">
        <v>67687</v>
      </c>
      <c r="G18704" s="1" t="s">
        <v>67624</v>
      </c>
      <c r="H18704" s="1" t="s">
        <v>67625</v>
      </c>
      <c r="I18704" s="1" t="s">
        <v>53800</v>
      </c>
      <c r="J18704" s="1" t="s">
        <v>67688</v>
      </c>
    </row>
    <row r="18705" spans="1:10" x14ac:dyDescent="0.35">
      <c r="A18705" s="1" t="s">
        <v>1280</v>
      </c>
      <c r="B18705" s="1" t="s">
        <v>53796</v>
      </c>
      <c r="C18705" s="1" t="s">
        <v>135</v>
      </c>
      <c r="D18705" s="1" t="s">
        <v>67689</v>
      </c>
      <c r="E18705" s="1" t="s">
        <v>54158</v>
      </c>
      <c r="F18705" s="1" t="s">
        <v>64216</v>
      </c>
      <c r="G18705" s="1" t="s">
        <v>67624</v>
      </c>
      <c r="H18705" s="1" t="s">
        <v>67625</v>
      </c>
      <c r="I18705" s="1" t="s">
        <v>53800</v>
      </c>
      <c r="J18705" s="1" t="s">
        <v>67690</v>
      </c>
    </row>
    <row r="18706" spans="1:10" x14ac:dyDescent="0.35">
      <c r="A18706" s="1" t="s">
        <v>1280</v>
      </c>
      <c r="B18706" s="1" t="s">
        <v>53796</v>
      </c>
      <c r="C18706" s="1" t="s">
        <v>140</v>
      </c>
      <c r="D18706" s="1" t="s">
        <v>67691</v>
      </c>
      <c r="E18706" s="1" t="s">
        <v>54783</v>
      </c>
      <c r="F18706" s="1" t="s">
        <v>67692</v>
      </c>
      <c r="G18706" s="1" t="s">
        <v>67624</v>
      </c>
      <c r="H18706" s="1" t="s">
        <v>67625</v>
      </c>
      <c r="I18706" s="1" t="s">
        <v>53800</v>
      </c>
      <c r="J18706" s="1" t="s">
        <v>67693</v>
      </c>
    </row>
    <row r="18707" spans="1:10" x14ac:dyDescent="0.35">
      <c r="A18707" s="1" t="s">
        <v>1280</v>
      </c>
      <c r="B18707" s="1" t="s">
        <v>53796</v>
      </c>
      <c r="C18707" s="1" t="s">
        <v>145</v>
      </c>
      <c r="D18707" s="1" t="s">
        <v>67694</v>
      </c>
      <c r="E18707" s="1" t="s">
        <v>31869</v>
      </c>
      <c r="F18707" s="1" t="s">
        <v>67695</v>
      </c>
      <c r="G18707" s="1" t="s">
        <v>67624</v>
      </c>
      <c r="H18707" s="1" t="s">
        <v>67625</v>
      </c>
      <c r="I18707" s="1" t="s">
        <v>53800</v>
      </c>
      <c r="J18707" s="1" t="s">
        <v>67696</v>
      </c>
    </row>
    <row r="18708" spans="1:10" x14ac:dyDescent="0.35">
      <c r="A18708" s="1" t="s">
        <v>1280</v>
      </c>
      <c r="B18708" s="1" t="s">
        <v>53796</v>
      </c>
      <c r="C18708" s="1" t="s">
        <v>150</v>
      </c>
      <c r="D18708" s="1" t="s">
        <v>67697</v>
      </c>
      <c r="E18708" s="1" t="s">
        <v>59099</v>
      </c>
      <c r="F18708" s="1" t="s">
        <v>67698</v>
      </c>
      <c r="G18708" s="1" t="s">
        <v>67624</v>
      </c>
      <c r="H18708" s="1" t="s">
        <v>67625</v>
      </c>
      <c r="I18708" s="1" t="s">
        <v>53800</v>
      </c>
      <c r="J18708" s="1" t="s">
        <v>67699</v>
      </c>
    </row>
    <row r="18709" spans="1:10" x14ac:dyDescent="0.35">
      <c r="A18709" s="1" t="s">
        <v>1280</v>
      </c>
      <c r="B18709" s="1" t="s">
        <v>53796</v>
      </c>
      <c r="C18709" s="1" t="s">
        <v>155</v>
      </c>
      <c r="D18709" s="1" t="s">
        <v>67700</v>
      </c>
      <c r="E18709" s="1" t="s">
        <v>56012</v>
      </c>
      <c r="F18709" s="1" t="s">
        <v>67701</v>
      </c>
      <c r="G18709" s="1" t="s">
        <v>67624</v>
      </c>
      <c r="H18709" s="1" t="s">
        <v>67625</v>
      </c>
      <c r="I18709" s="1" t="s">
        <v>53800</v>
      </c>
      <c r="J18709" s="1" t="s">
        <v>67702</v>
      </c>
    </row>
    <row r="18710" spans="1:10" x14ac:dyDescent="0.35">
      <c r="A18710" s="1" t="s">
        <v>1280</v>
      </c>
      <c r="B18710" s="1" t="s">
        <v>53796</v>
      </c>
      <c r="C18710" s="1" t="s">
        <v>160</v>
      </c>
      <c r="D18710" s="1" t="s">
        <v>67703</v>
      </c>
      <c r="E18710" s="1" t="s">
        <v>27104</v>
      </c>
      <c r="F18710" s="1" t="s">
        <v>67704</v>
      </c>
      <c r="G18710" s="1" t="s">
        <v>67624</v>
      </c>
      <c r="H18710" s="1" t="s">
        <v>67625</v>
      </c>
      <c r="I18710" s="1" t="s">
        <v>53800</v>
      </c>
      <c r="J18710" s="1" t="s">
        <v>67705</v>
      </c>
    </row>
    <row r="18711" spans="1:10" x14ac:dyDescent="0.35">
      <c r="A18711" s="1" t="s">
        <v>1280</v>
      </c>
      <c r="B18711" s="1" t="s">
        <v>53796</v>
      </c>
      <c r="C18711" s="1" t="s">
        <v>165</v>
      </c>
      <c r="D18711" s="1" t="s">
        <v>67706</v>
      </c>
      <c r="E18711" s="1" t="s">
        <v>41344</v>
      </c>
      <c r="F18711" s="1" t="s">
        <v>67707</v>
      </c>
      <c r="G18711" s="1" t="s">
        <v>67624</v>
      </c>
      <c r="H18711" s="1" t="s">
        <v>67625</v>
      </c>
      <c r="I18711" s="1" t="s">
        <v>53800</v>
      </c>
      <c r="J18711" s="1" t="s">
        <v>67708</v>
      </c>
    </row>
    <row r="18712" spans="1:10" x14ac:dyDescent="0.35">
      <c r="A18712" s="1" t="s">
        <v>1280</v>
      </c>
      <c r="B18712" s="1" t="s">
        <v>53796</v>
      </c>
      <c r="C18712" s="1" t="s">
        <v>170</v>
      </c>
      <c r="D18712" s="1" t="s">
        <v>67709</v>
      </c>
      <c r="E18712" s="1" t="s">
        <v>15896</v>
      </c>
      <c r="F18712" s="1" t="s">
        <v>67710</v>
      </c>
      <c r="G18712" s="1" t="s">
        <v>67624</v>
      </c>
      <c r="H18712" s="1" t="s">
        <v>67625</v>
      </c>
      <c r="I18712" s="1" t="s">
        <v>53800</v>
      </c>
      <c r="J18712" s="1" t="s">
        <v>67711</v>
      </c>
    </row>
    <row r="18713" spans="1:10" x14ac:dyDescent="0.35">
      <c r="A18713" s="1" t="s">
        <v>1881</v>
      </c>
      <c r="B18713" s="1" t="s">
        <v>53796</v>
      </c>
      <c r="C18713" s="1" t="s">
        <v>8</v>
      </c>
      <c r="D18713" s="1" t="s">
        <v>67712</v>
      </c>
      <c r="E18713" s="1" t="s">
        <v>54467</v>
      </c>
      <c r="F18713" s="1" t="s">
        <v>59239</v>
      </c>
      <c r="G18713" s="1" t="s">
        <v>67713</v>
      </c>
      <c r="H18713" s="1" t="s">
        <v>67714</v>
      </c>
      <c r="I18713" s="1" t="s">
        <v>53800</v>
      </c>
      <c r="J18713" s="1" t="s">
        <v>13</v>
      </c>
    </row>
    <row r="18714" spans="1:10" x14ac:dyDescent="0.35">
      <c r="A18714" s="1" t="s">
        <v>1881</v>
      </c>
      <c r="B18714" s="1" t="s">
        <v>53796</v>
      </c>
      <c r="C18714" s="1" t="s">
        <v>15</v>
      </c>
      <c r="D18714" s="1" t="s">
        <v>67715</v>
      </c>
      <c r="E18714" s="1" t="s">
        <v>67716</v>
      </c>
      <c r="F18714" s="1" t="s">
        <v>67717</v>
      </c>
      <c r="G18714" s="1" t="s">
        <v>67713</v>
      </c>
      <c r="H18714" s="1" t="s">
        <v>67714</v>
      </c>
      <c r="I18714" s="1" t="s">
        <v>53800</v>
      </c>
      <c r="J18714" s="1" t="s">
        <v>67718</v>
      </c>
    </row>
    <row r="18715" spans="1:10" x14ac:dyDescent="0.35">
      <c r="A18715" s="1" t="s">
        <v>1881</v>
      </c>
      <c r="B18715" s="1" t="s">
        <v>53796</v>
      </c>
      <c r="C18715" s="1" t="s">
        <v>20</v>
      </c>
      <c r="D18715" s="1" t="s">
        <v>67719</v>
      </c>
      <c r="E18715" s="1" t="s">
        <v>41356</v>
      </c>
      <c r="F18715" s="1" t="s">
        <v>55917</v>
      </c>
      <c r="G18715" s="1" t="s">
        <v>67713</v>
      </c>
      <c r="H18715" s="1" t="s">
        <v>67714</v>
      </c>
      <c r="I18715" s="1" t="s">
        <v>53800</v>
      </c>
      <c r="J18715" s="1" t="s">
        <v>67720</v>
      </c>
    </row>
    <row r="18716" spans="1:10" x14ac:dyDescent="0.35">
      <c r="A18716" s="1" t="s">
        <v>1881</v>
      </c>
      <c r="B18716" s="1" t="s">
        <v>53796</v>
      </c>
      <c r="C18716" s="1" t="s">
        <v>25</v>
      </c>
      <c r="D18716" s="1" t="s">
        <v>67721</v>
      </c>
      <c r="E18716" s="1" t="s">
        <v>41159</v>
      </c>
      <c r="F18716" s="1" t="s">
        <v>67722</v>
      </c>
      <c r="G18716" s="1" t="s">
        <v>67713</v>
      </c>
      <c r="H18716" s="1" t="s">
        <v>67714</v>
      </c>
      <c r="I18716" s="1" t="s">
        <v>53800</v>
      </c>
      <c r="J18716" s="1" t="s">
        <v>67723</v>
      </c>
    </row>
    <row r="18717" spans="1:10" x14ac:dyDescent="0.35">
      <c r="A18717" s="1" t="s">
        <v>1881</v>
      </c>
      <c r="B18717" s="1" t="s">
        <v>53796</v>
      </c>
      <c r="C18717" s="1" t="s">
        <v>30</v>
      </c>
      <c r="D18717" s="1" t="s">
        <v>67724</v>
      </c>
      <c r="E18717" s="1" t="s">
        <v>26239</v>
      </c>
      <c r="F18717" s="1" t="s">
        <v>58928</v>
      </c>
      <c r="G18717" s="1" t="s">
        <v>67713</v>
      </c>
      <c r="H18717" s="1" t="s">
        <v>67714</v>
      </c>
      <c r="I18717" s="1" t="s">
        <v>53800</v>
      </c>
      <c r="J18717" s="1" t="s">
        <v>67725</v>
      </c>
    </row>
    <row r="18718" spans="1:10" x14ac:dyDescent="0.35">
      <c r="A18718" s="1" t="s">
        <v>1881</v>
      </c>
      <c r="B18718" s="1" t="s">
        <v>53796</v>
      </c>
      <c r="C18718" s="1" t="s">
        <v>35</v>
      </c>
      <c r="D18718" s="1" t="s">
        <v>30399</v>
      </c>
      <c r="E18718" s="1" t="s">
        <v>65690</v>
      </c>
      <c r="F18718" s="1" t="s">
        <v>57913</v>
      </c>
      <c r="G18718" s="1" t="s">
        <v>67713</v>
      </c>
      <c r="H18718" s="1" t="s">
        <v>67714</v>
      </c>
      <c r="I18718" s="1" t="s">
        <v>53800</v>
      </c>
      <c r="J18718" s="1" t="s">
        <v>67726</v>
      </c>
    </row>
    <row r="18719" spans="1:10" x14ac:dyDescent="0.35">
      <c r="A18719" s="1" t="s">
        <v>1881</v>
      </c>
      <c r="B18719" s="1" t="s">
        <v>53796</v>
      </c>
      <c r="C18719" s="1" t="s">
        <v>40</v>
      </c>
      <c r="D18719" s="1" t="s">
        <v>67727</v>
      </c>
      <c r="E18719" s="1" t="s">
        <v>67728</v>
      </c>
      <c r="F18719" s="1" t="s">
        <v>59785</v>
      </c>
      <c r="G18719" s="1" t="s">
        <v>67713</v>
      </c>
      <c r="H18719" s="1" t="s">
        <v>67714</v>
      </c>
      <c r="I18719" s="1" t="s">
        <v>53800</v>
      </c>
      <c r="J18719" s="1" t="s">
        <v>67729</v>
      </c>
    </row>
    <row r="18720" spans="1:10" x14ac:dyDescent="0.35">
      <c r="A18720" s="1" t="s">
        <v>1881</v>
      </c>
      <c r="B18720" s="1" t="s">
        <v>53796</v>
      </c>
      <c r="C18720" s="1" t="s">
        <v>45</v>
      </c>
      <c r="D18720" s="1" t="s">
        <v>67730</v>
      </c>
      <c r="E18720" s="1" t="s">
        <v>64275</v>
      </c>
      <c r="F18720" s="1" t="s">
        <v>67731</v>
      </c>
      <c r="G18720" s="1" t="s">
        <v>67713</v>
      </c>
      <c r="H18720" s="1" t="s">
        <v>67714</v>
      </c>
      <c r="I18720" s="1" t="s">
        <v>53800</v>
      </c>
      <c r="J18720" s="1" t="s">
        <v>67732</v>
      </c>
    </row>
    <row r="18721" spans="1:10" x14ac:dyDescent="0.35">
      <c r="A18721" s="1" t="s">
        <v>1881</v>
      </c>
      <c r="B18721" s="1" t="s">
        <v>53796</v>
      </c>
      <c r="C18721" s="1" t="s">
        <v>50</v>
      </c>
      <c r="D18721" s="1" t="s">
        <v>10626</v>
      </c>
      <c r="E18721" s="1" t="s">
        <v>31394</v>
      </c>
      <c r="F18721" s="1" t="s">
        <v>64839</v>
      </c>
      <c r="G18721" s="1" t="s">
        <v>67713</v>
      </c>
      <c r="H18721" s="1" t="s">
        <v>67714</v>
      </c>
      <c r="I18721" s="1" t="s">
        <v>53800</v>
      </c>
      <c r="J18721" s="1" t="s">
        <v>67733</v>
      </c>
    </row>
    <row r="18722" spans="1:10" x14ac:dyDescent="0.35">
      <c r="A18722" s="1" t="s">
        <v>1881</v>
      </c>
      <c r="B18722" s="1" t="s">
        <v>53796</v>
      </c>
      <c r="C18722" s="1" t="s">
        <v>55</v>
      </c>
      <c r="D18722" s="1" t="s">
        <v>67734</v>
      </c>
      <c r="E18722" s="1" t="s">
        <v>41148</v>
      </c>
      <c r="F18722" s="1" t="s">
        <v>67735</v>
      </c>
      <c r="G18722" s="1" t="s">
        <v>67713</v>
      </c>
      <c r="H18722" s="1" t="s">
        <v>67714</v>
      </c>
      <c r="I18722" s="1" t="s">
        <v>53800</v>
      </c>
      <c r="J18722" s="1" t="s">
        <v>67736</v>
      </c>
    </row>
    <row r="18723" spans="1:10" x14ac:dyDescent="0.35">
      <c r="A18723" s="1" t="s">
        <v>1881</v>
      </c>
      <c r="B18723" s="1" t="s">
        <v>53796</v>
      </c>
      <c r="C18723" s="1" t="s">
        <v>60</v>
      </c>
      <c r="D18723" s="1" t="s">
        <v>67737</v>
      </c>
      <c r="E18723" s="1" t="s">
        <v>54219</v>
      </c>
      <c r="F18723" s="1" t="s">
        <v>67738</v>
      </c>
      <c r="G18723" s="1" t="s">
        <v>67713</v>
      </c>
      <c r="H18723" s="1" t="s">
        <v>67714</v>
      </c>
      <c r="I18723" s="1" t="s">
        <v>53800</v>
      </c>
      <c r="J18723" s="1" t="s">
        <v>67739</v>
      </c>
    </row>
    <row r="18724" spans="1:10" x14ac:dyDescent="0.35">
      <c r="A18724" s="1" t="s">
        <v>1881</v>
      </c>
      <c r="B18724" s="1" t="s">
        <v>53796</v>
      </c>
      <c r="C18724" s="1" t="s">
        <v>65</v>
      </c>
      <c r="D18724" s="1" t="s">
        <v>67740</v>
      </c>
      <c r="E18724" s="1" t="s">
        <v>26560</v>
      </c>
      <c r="F18724" s="1" t="s">
        <v>60598</v>
      </c>
      <c r="G18724" s="1" t="s">
        <v>67713</v>
      </c>
      <c r="H18724" s="1" t="s">
        <v>67714</v>
      </c>
      <c r="I18724" s="1" t="s">
        <v>53800</v>
      </c>
      <c r="J18724" s="1" t="s">
        <v>67741</v>
      </c>
    </row>
    <row r="18725" spans="1:10" x14ac:dyDescent="0.35">
      <c r="A18725" s="1" t="s">
        <v>1881</v>
      </c>
      <c r="B18725" s="1" t="s">
        <v>53796</v>
      </c>
      <c r="C18725" s="1" t="s">
        <v>70</v>
      </c>
      <c r="D18725" s="1" t="s">
        <v>67742</v>
      </c>
      <c r="E18725" s="1" t="s">
        <v>54659</v>
      </c>
      <c r="F18725" s="1" t="s">
        <v>67743</v>
      </c>
      <c r="G18725" s="1" t="s">
        <v>67713</v>
      </c>
      <c r="H18725" s="1" t="s">
        <v>67714</v>
      </c>
      <c r="I18725" s="1" t="s">
        <v>53800</v>
      </c>
      <c r="J18725" s="1" t="s">
        <v>67744</v>
      </c>
    </row>
    <row r="18726" spans="1:10" x14ac:dyDescent="0.35">
      <c r="A18726" s="1" t="s">
        <v>1881</v>
      </c>
      <c r="B18726" s="1" t="s">
        <v>53796</v>
      </c>
      <c r="C18726" s="1" t="s">
        <v>75</v>
      </c>
      <c r="D18726" s="1" t="s">
        <v>67745</v>
      </c>
      <c r="E18726" s="1" t="s">
        <v>56784</v>
      </c>
      <c r="F18726" s="1" t="s">
        <v>67746</v>
      </c>
      <c r="G18726" s="1" t="s">
        <v>67713</v>
      </c>
      <c r="H18726" s="1" t="s">
        <v>67714</v>
      </c>
      <c r="I18726" s="1" t="s">
        <v>53800</v>
      </c>
      <c r="J18726" s="1" t="s">
        <v>67747</v>
      </c>
    </row>
    <row r="18727" spans="1:10" x14ac:dyDescent="0.35">
      <c r="A18727" s="1" t="s">
        <v>1881</v>
      </c>
      <c r="B18727" s="1" t="s">
        <v>53796</v>
      </c>
      <c r="C18727" s="1" t="s">
        <v>80</v>
      </c>
      <c r="D18727" s="1" t="s">
        <v>17589</v>
      </c>
      <c r="E18727" s="1" t="s">
        <v>31394</v>
      </c>
      <c r="F18727" s="1" t="s">
        <v>67748</v>
      </c>
      <c r="G18727" s="1" t="s">
        <v>67713</v>
      </c>
      <c r="H18727" s="1" t="s">
        <v>67714</v>
      </c>
      <c r="I18727" s="1" t="s">
        <v>53800</v>
      </c>
      <c r="J18727" s="1" t="s">
        <v>67749</v>
      </c>
    </row>
    <row r="18728" spans="1:10" x14ac:dyDescent="0.35">
      <c r="A18728" s="1" t="s">
        <v>1881</v>
      </c>
      <c r="B18728" s="1" t="s">
        <v>53796</v>
      </c>
      <c r="C18728" s="1" t="s">
        <v>85</v>
      </c>
      <c r="D18728" s="1" t="s">
        <v>67750</v>
      </c>
      <c r="E18728" s="1" t="s">
        <v>15345</v>
      </c>
      <c r="F18728" s="1" t="s">
        <v>67751</v>
      </c>
      <c r="G18728" s="1" t="s">
        <v>67713</v>
      </c>
      <c r="H18728" s="1" t="s">
        <v>67714</v>
      </c>
      <c r="I18728" s="1" t="s">
        <v>53800</v>
      </c>
      <c r="J18728" s="1" t="s">
        <v>67752</v>
      </c>
    </row>
    <row r="18729" spans="1:10" x14ac:dyDescent="0.35">
      <c r="A18729" s="1" t="s">
        <v>1881</v>
      </c>
      <c r="B18729" s="1" t="s">
        <v>53796</v>
      </c>
      <c r="C18729" s="1" t="s">
        <v>90</v>
      </c>
      <c r="D18729" s="1" t="s">
        <v>67753</v>
      </c>
      <c r="E18729" s="1" t="s">
        <v>32567</v>
      </c>
      <c r="F18729" s="1" t="s">
        <v>67754</v>
      </c>
      <c r="G18729" s="1" t="s">
        <v>67713</v>
      </c>
      <c r="H18729" s="1" t="s">
        <v>67714</v>
      </c>
      <c r="I18729" s="1" t="s">
        <v>53800</v>
      </c>
      <c r="J18729" s="1" t="s">
        <v>67755</v>
      </c>
    </row>
    <row r="18730" spans="1:10" x14ac:dyDescent="0.35">
      <c r="A18730" s="1" t="s">
        <v>1881</v>
      </c>
      <c r="B18730" s="1" t="s">
        <v>53796</v>
      </c>
      <c r="C18730" s="1" t="s">
        <v>95</v>
      </c>
      <c r="D18730" s="1" t="s">
        <v>67756</v>
      </c>
      <c r="E18730" s="1" t="s">
        <v>15319</v>
      </c>
      <c r="F18730" s="1" t="s">
        <v>67757</v>
      </c>
      <c r="G18730" s="1" t="s">
        <v>67713</v>
      </c>
      <c r="H18730" s="1" t="s">
        <v>67714</v>
      </c>
      <c r="I18730" s="1" t="s">
        <v>53800</v>
      </c>
      <c r="J18730" s="1" t="s">
        <v>67758</v>
      </c>
    </row>
    <row r="18731" spans="1:10" x14ac:dyDescent="0.35">
      <c r="A18731" s="1" t="s">
        <v>1881</v>
      </c>
      <c r="B18731" s="1" t="s">
        <v>53796</v>
      </c>
      <c r="C18731" s="1" t="s">
        <v>100</v>
      </c>
      <c r="D18731" s="1" t="s">
        <v>67759</v>
      </c>
      <c r="E18731" s="1" t="s">
        <v>54059</v>
      </c>
      <c r="F18731" s="1" t="s">
        <v>62291</v>
      </c>
      <c r="G18731" s="1" t="s">
        <v>67713</v>
      </c>
      <c r="H18731" s="1" t="s">
        <v>67714</v>
      </c>
      <c r="I18731" s="1" t="s">
        <v>53800</v>
      </c>
      <c r="J18731" s="1" t="s">
        <v>67760</v>
      </c>
    </row>
    <row r="18732" spans="1:10" x14ac:dyDescent="0.35">
      <c r="A18732" s="1" t="s">
        <v>1881</v>
      </c>
      <c r="B18732" s="1" t="s">
        <v>53796</v>
      </c>
      <c r="C18732" s="1" t="s">
        <v>105</v>
      </c>
      <c r="D18732" s="1" t="s">
        <v>67761</v>
      </c>
      <c r="E18732" s="1" t="s">
        <v>21956</v>
      </c>
      <c r="F18732" s="1" t="s">
        <v>58660</v>
      </c>
      <c r="G18732" s="1" t="s">
        <v>67713</v>
      </c>
      <c r="H18732" s="1" t="s">
        <v>67714</v>
      </c>
      <c r="I18732" s="1" t="s">
        <v>53800</v>
      </c>
      <c r="J18732" s="1" t="s">
        <v>67762</v>
      </c>
    </row>
    <row r="18733" spans="1:10" x14ac:dyDescent="0.35">
      <c r="A18733" s="1" t="s">
        <v>1881</v>
      </c>
      <c r="B18733" s="1" t="s">
        <v>53796</v>
      </c>
      <c r="C18733" s="1" t="s">
        <v>110</v>
      </c>
      <c r="D18733" s="1" t="s">
        <v>67763</v>
      </c>
      <c r="E18733" s="1" t="s">
        <v>41468</v>
      </c>
      <c r="F18733" s="1" t="s">
        <v>67764</v>
      </c>
      <c r="G18733" s="1" t="s">
        <v>67713</v>
      </c>
      <c r="H18733" s="1" t="s">
        <v>67714</v>
      </c>
      <c r="I18733" s="1" t="s">
        <v>53800</v>
      </c>
      <c r="J18733" s="1" t="s">
        <v>67765</v>
      </c>
    </row>
    <row r="18734" spans="1:10" x14ac:dyDescent="0.35">
      <c r="A18734" s="1" t="s">
        <v>1881</v>
      </c>
      <c r="B18734" s="1" t="s">
        <v>53796</v>
      </c>
      <c r="C18734" s="1" t="s">
        <v>115</v>
      </c>
      <c r="D18734" s="1" t="s">
        <v>67766</v>
      </c>
      <c r="E18734" s="1" t="s">
        <v>27097</v>
      </c>
      <c r="F18734" s="1" t="s">
        <v>59480</v>
      </c>
      <c r="G18734" s="1" t="s">
        <v>67713</v>
      </c>
      <c r="H18734" s="1" t="s">
        <v>67714</v>
      </c>
      <c r="I18734" s="1" t="s">
        <v>53800</v>
      </c>
      <c r="J18734" s="1" t="s">
        <v>67767</v>
      </c>
    </row>
    <row r="18735" spans="1:10" x14ac:dyDescent="0.35">
      <c r="A18735" s="1" t="s">
        <v>1881</v>
      </c>
      <c r="B18735" s="1" t="s">
        <v>53796</v>
      </c>
      <c r="C18735" s="1" t="s">
        <v>120</v>
      </c>
      <c r="D18735" s="1" t="s">
        <v>67768</v>
      </c>
      <c r="E18735" s="1" t="s">
        <v>15245</v>
      </c>
      <c r="F18735" s="1" t="s">
        <v>61232</v>
      </c>
      <c r="G18735" s="1" t="s">
        <v>67713</v>
      </c>
      <c r="H18735" s="1" t="s">
        <v>67714</v>
      </c>
      <c r="I18735" s="1" t="s">
        <v>53800</v>
      </c>
      <c r="J18735" s="1" t="s">
        <v>67769</v>
      </c>
    </row>
    <row r="18736" spans="1:10" x14ac:dyDescent="0.35">
      <c r="A18736" s="1" t="s">
        <v>1881</v>
      </c>
      <c r="B18736" s="1" t="s">
        <v>53796</v>
      </c>
      <c r="C18736" s="1" t="s">
        <v>125</v>
      </c>
      <c r="D18736" s="1" t="s">
        <v>67770</v>
      </c>
      <c r="E18736" s="1" t="s">
        <v>62433</v>
      </c>
      <c r="F18736" s="1" t="s">
        <v>67771</v>
      </c>
      <c r="G18736" s="1" t="s">
        <v>67713</v>
      </c>
      <c r="H18736" s="1" t="s">
        <v>67714</v>
      </c>
      <c r="I18736" s="1" t="s">
        <v>53800</v>
      </c>
      <c r="J18736" s="1" t="s">
        <v>67772</v>
      </c>
    </row>
    <row r="18737" spans="1:10" x14ac:dyDescent="0.35">
      <c r="A18737" s="1" t="s">
        <v>1881</v>
      </c>
      <c r="B18737" s="1" t="s">
        <v>53796</v>
      </c>
      <c r="C18737" s="1" t="s">
        <v>130</v>
      </c>
      <c r="D18737" s="1" t="s">
        <v>67773</v>
      </c>
      <c r="E18737" s="1" t="s">
        <v>15413</v>
      </c>
      <c r="F18737" s="1" t="s">
        <v>67774</v>
      </c>
      <c r="G18737" s="1" t="s">
        <v>67713</v>
      </c>
      <c r="H18737" s="1" t="s">
        <v>67714</v>
      </c>
      <c r="I18737" s="1" t="s">
        <v>53800</v>
      </c>
      <c r="J18737" s="1" t="s">
        <v>67775</v>
      </c>
    </row>
    <row r="18738" spans="1:10" x14ac:dyDescent="0.35">
      <c r="A18738" s="1" t="s">
        <v>1881</v>
      </c>
      <c r="B18738" s="1" t="s">
        <v>53796</v>
      </c>
      <c r="C18738" s="1" t="s">
        <v>135</v>
      </c>
      <c r="D18738" s="1" t="s">
        <v>57407</v>
      </c>
      <c r="E18738" s="1" t="s">
        <v>22274</v>
      </c>
      <c r="F18738" s="1" t="s">
        <v>67776</v>
      </c>
      <c r="G18738" s="1" t="s">
        <v>67713</v>
      </c>
      <c r="H18738" s="1" t="s">
        <v>67714</v>
      </c>
      <c r="I18738" s="1" t="s">
        <v>53800</v>
      </c>
      <c r="J18738" s="1" t="s">
        <v>67777</v>
      </c>
    </row>
    <row r="18739" spans="1:10" x14ac:dyDescent="0.35">
      <c r="A18739" s="1" t="s">
        <v>1881</v>
      </c>
      <c r="B18739" s="1" t="s">
        <v>53796</v>
      </c>
      <c r="C18739" s="1" t="s">
        <v>140</v>
      </c>
      <c r="D18739" s="1" t="s">
        <v>67778</v>
      </c>
      <c r="E18739" s="1" t="s">
        <v>15245</v>
      </c>
      <c r="F18739" s="1" t="s">
        <v>32048</v>
      </c>
      <c r="G18739" s="1" t="s">
        <v>67713</v>
      </c>
      <c r="H18739" s="1" t="s">
        <v>67714</v>
      </c>
      <c r="I18739" s="1" t="s">
        <v>53800</v>
      </c>
      <c r="J18739" s="1" t="s">
        <v>67779</v>
      </c>
    </row>
    <row r="18740" spans="1:10" x14ac:dyDescent="0.35">
      <c r="A18740" s="1" t="s">
        <v>1881</v>
      </c>
      <c r="B18740" s="1" t="s">
        <v>53796</v>
      </c>
      <c r="C18740" s="1" t="s">
        <v>145</v>
      </c>
      <c r="D18740" s="1" t="s">
        <v>67780</v>
      </c>
      <c r="E18740" s="1" t="s">
        <v>58602</v>
      </c>
      <c r="F18740" s="1" t="s">
        <v>67781</v>
      </c>
      <c r="G18740" s="1" t="s">
        <v>67713</v>
      </c>
      <c r="H18740" s="1" t="s">
        <v>67714</v>
      </c>
      <c r="I18740" s="1" t="s">
        <v>53800</v>
      </c>
      <c r="J18740" s="1" t="s">
        <v>67782</v>
      </c>
    </row>
    <row r="18741" spans="1:10" x14ac:dyDescent="0.35">
      <c r="A18741" s="1" t="s">
        <v>1881</v>
      </c>
      <c r="B18741" s="1" t="s">
        <v>53796</v>
      </c>
      <c r="C18741" s="1" t="s">
        <v>150</v>
      </c>
      <c r="D18741" s="1" t="s">
        <v>67783</v>
      </c>
      <c r="E18741" s="1" t="s">
        <v>67784</v>
      </c>
      <c r="F18741" s="1" t="s">
        <v>67785</v>
      </c>
      <c r="G18741" s="1" t="s">
        <v>67713</v>
      </c>
      <c r="H18741" s="1" t="s">
        <v>67714</v>
      </c>
      <c r="I18741" s="1" t="s">
        <v>53800</v>
      </c>
      <c r="J18741" s="1" t="s">
        <v>67786</v>
      </c>
    </row>
    <row r="18742" spans="1:10" x14ac:dyDescent="0.35">
      <c r="A18742" s="1" t="s">
        <v>1881</v>
      </c>
      <c r="B18742" s="1" t="s">
        <v>53796</v>
      </c>
      <c r="C18742" s="1" t="s">
        <v>155</v>
      </c>
      <c r="D18742" s="1" t="s">
        <v>67787</v>
      </c>
      <c r="E18742" s="1" t="s">
        <v>22317</v>
      </c>
      <c r="F18742" s="1" t="s">
        <v>66502</v>
      </c>
      <c r="G18742" s="1" t="s">
        <v>67713</v>
      </c>
      <c r="H18742" s="1" t="s">
        <v>67714</v>
      </c>
      <c r="I18742" s="1" t="s">
        <v>53800</v>
      </c>
      <c r="J18742" s="1" t="s">
        <v>67788</v>
      </c>
    </row>
    <row r="18743" spans="1:10" x14ac:dyDescent="0.35">
      <c r="A18743" s="1" t="s">
        <v>1881</v>
      </c>
      <c r="B18743" s="1" t="s">
        <v>53796</v>
      </c>
      <c r="C18743" s="1" t="s">
        <v>160</v>
      </c>
      <c r="D18743" s="1" t="s">
        <v>67789</v>
      </c>
      <c r="E18743" s="1" t="s">
        <v>58043</v>
      </c>
      <c r="F18743" s="1" t="s">
        <v>67790</v>
      </c>
      <c r="G18743" s="1" t="s">
        <v>67713</v>
      </c>
      <c r="H18743" s="1" t="s">
        <v>67714</v>
      </c>
      <c r="I18743" s="1" t="s">
        <v>53800</v>
      </c>
      <c r="J18743" s="1" t="s">
        <v>67791</v>
      </c>
    </row>
    <row r="18744" spans="1:10" x14ac:dyDescent="0.35">
      <c r="A18744" s="1" t="s">
        <v>1881</v>
      </c>
      <c r="B18744" s="1" t="s">
        <v>53796</v>
      </c>
      <c r="C18744" s="1" t="s">
        <v>165</v>
      </c>
      <c r="D18744" s="1" t="s">
        <v>67792</v>
      </c>
      <c r="E18744" s="1" t="s">
        <v>15328</v>
      </c>
      <c r="F18744" s="1" t="s">
        <v>67793</v>
      </c>
      <c r="G18744" s="1" t="s">
        <v>67713</v>
      </c>
      <c r="H18744" s="1" t="s">
        <v>67714</v>
      </c>
      <c r="I18744" s="1" t="s">
        <v>53800</v>
      </c>
      <c r="J18744" s="1" t="s">
        <v>67794</v>
      </c>
    </row>
    <row r="18745" spans="1:10" x14ac:dyDescent="0.35">
      <c r="A18745" s="1" t="s">
        <v>1881</v>
      </c>
      <c r="B18745" s="1" t="s">
        <v>53796</v>
      </c>
      <c r="C18745" s="1" t="s">
        <v>170</v>
      </c>
      <c r="D18745" s="1" t="s">
        <v>67795</v>
      </c>
      <c r="E18745" s="1" t="s">
        <v>58598</v>
      </c>
      <c r="F18745" s="1" t="s">
        <v>67796</v>
      </c>
      <c r="G18745" s="1" t="s">
        <v>67713</v>
      </c>
      <c r="H18745" s="1" t="s">
        <v>67714</v>
      </c>
      <c r="I18745" s="1" t="s">
        <v>53800</v>
      </c>
      <c r="J18745" s="1" t="s">
        <v>67797</v>
      </c>
    </row>
    <row r="18746" spans="1:10" x14ac:dyDescent="0.35">
      <c r="A18746" s="1" t="s">
        <v>1866</v>
      </c>
      <c r="B18746" s="1" t="s">
        <v>53796</v>
      </c>
      <c r="C18746" s="1" t="s">
        <v>8</v>
      </c>
      <c r="D18746" s="1" t="s">
        <v>67798</v>
      </c>
      <c r="E18746" s="1" t="s">
        <v>15857</v>
      </c>
      <c r="F18746" s="1" t="s">
        <v>67799</v>
      </c>
      <c r="G18746" s="1" t="s">
        <v>67800</v>
      </c>
      <c r="H18746" s="1" t="s">
        <v>67801</v>
      </c>
      <c r="I18746" s="1" t="s">
        <v>53800</v>
      </c>
      <c r="J18746" s="1" t="s">
        <v>13</v>
      </c>
    </row>
    <row r="18747" spans="1:10" x14ac:dyDescent="0.35">
      <c r="A18747" s="1" t="s">
        <v>1866</v>
      </c>
      <c r="B18747" s="1" t="s">
        <v>53796</v>
      </c>
      <c r="C18747" s="1" t="s">
        <v>15</v>
      </c>
      <c r="D18747" s="1" t="s">
        <v>67802</v>
      </c>
      <c r="E18747" s="1" t="s">
        <v>22052</v>
      </c>
      <c r="F18747" s="1" t="s">
        <v>66559</v>
      </c>
      <c r="G18747" s="1" t="s">
        <v>67800</v>
      </c>
      <c r="H18747" s="1" t="s">
        <v>67801</v>
      </c>
      <c r="I18747" s="1" t="s">
        <v>53800</v>
      </c>
      <c r="J18747" s="1" t="s">
        <v>67803</v>
      </c>
    </row>
    <row r="18748" spans="1:10" x14ac:dyDescent="0.35">
      <c r="A18748" s="1" t="s">
        <v>1866</v>
      </c>
      <c r="B18748" s="1" t="s">
        <v>53796</v>
      </c>
      <c r="C18748" s="1" t="s">
        <v>20</v>
      </c>
      <c r="D18748" s="1" t="s">
        <v>67804</v>
      </c>
      <c r="E18748" s="1" t="s">
        <v>55269</v>
      </c>
      <c r="F18748" s="1" t="s">
        <v>31870</v>
      </c>
      <c r="G18748" s="1" t="s">
        <v>67800</v>
      </c>
      <c r="H18748" s="1" t="s">
        <v>67801</v>
      </c>
      <c r="I18748" s="1" t="s">
        <v>53800</v>
      </c>
      <c r="J18748" s="1" t="s">
        <v>67805</v>
      </c>
    </row>
    <row r="18749" spans="1:10" x14ac:dyDescent="0.35">
      <c r="A18749" s="1" t="s">
        <v>1866</v>
      </c>
      <c r="B18749" s="1" t="s">
        <v>53796</v>
      </c>
      <c r="C18749" s="1" t="s">
        <v>25</v>
      </c>
      <c r="D18749" s="1" t="s">
        <v>26766</v>
      </c>
      <c r="E18749" s="1" t="s">
        <v>56389</v>
      </c>
      <c r="F18749" s="1" t="s">
        <v>67806</v>
      </c>
      <c r="G18749" s="1" t="s">
        <v>67800</v>
      </c>
      <c r="H18749" s="1" t="s">
        <v>67801</v>
      </c>
      <c r="I18749" s="1" t="s">
        <v>53800</v>
      </c>
      <c r="J18749" s="1" t="s">
        <v>67807</v>
      </c>
    </row>
    <row r="18750" spans="1:10" x14ac:dyDescent="0.35">
      <c r="A18750" s="1" t="s">
        <v>1866</v>
      </c>
      <c r="B18750" s="1" t="s">
        <v>53796</v>
      </c>
      <c r="C18750" s="1" t="s">
        <v>30</v>
      </c>
      <c r="D18750" s="1" t="s">
        <v>5875</v>
      </c>
      <c r="E18750" s="1" t="s">
        <v>54650</v>
      </c>
      <c r="F18750" s="1" t="s">
        <v>67808</v>
      </c>
      <c r="G18750" s="1" t="s">
        <v>67800</v>
      </c>
      <c r="H18750" s="1" t="s">
        <v>67801</v>
      </c>
      <c r="I18750" s="1" t="s">
        <v>53800</v>
      </c>
      <c r="J18750" s="1" t="s">
        <v>67809</v>
      </c>
    </row>
    <row r="18751" spans="1:10" x14ac:dyDescent="0.35">
      <c r="A18751" s="1" t="s">
        <v>1866</v>
      </c>
      <c r="B18751" s="1" t="s">
        <v>53796</v>
      </c>
      <c r="C18751" s="1" t="s">
        <v>35</v>
      </c>
      <c r="D18751" s="1" t="s">
        <v>54974</v>
      </c>
      <c r="E18751" s="1" t="s">
        <v>56246</v>
      </c>
      <c r="F18751" s="1" t="s">
        <v>67810</v>
      </c>
      <c r="G18751" s="1" t="s">
        <v>67800</v>
      </c>
      <c r="H18751" s="1" t="s">
        <v>67801</v>
      </c>
      <c r="I18751" s="1" t="s">
        <v>53800</v>
      </c>
      <c r="J18751" s="1" t="s">
        <v>67811</v>
      </c>
    </row>
    <row r="18752" spans="1:10" x14ac:dyDescent="0.35">
      <c r="A18752" s="1" t="s">
        <v>1866</v>
      </c>
      <c r="B18752" s="1" t="s">
        <v>53796</v>
      </c>
      <c r="C18752" s="1" t="s">
        <v>40</v>
      </c>
      <c r="D18752" s="1" t="s">
        <v>67812</v>
      </c>
      <c r="E18752" s="1" t="s">
        <v>60345</v>
      </c>
      <c r="F18752" s="1" t="s">
        <v>67813</v>
      </c>
      <c r="G18752" s="1" t="s">
        <v>67800</v>
      </c>
      <c r="H18752" s="1" t="s">
        <v>67801</v>
      </c>
      <c r="I18752" s="1" t="s">
        <v>53800</v>
      </c>
      <c r="J18752" s="1" t="s">
        <v>67814</v>
      </c>
    </row>
    <row r="18753" spans="1:10" x14ac:dyDescent="0.35">
      <c r="A18753" s="1" t="s">
        <v>1866</v>
      </c>
      <c r="B18753" s="1" t="s">
        <v>53796</v>
      </c>
      <c r="C18753" s="1" t="s">
        <v>45</v>
      </c>
      <c r="D18753" s="1" t="s">
        <v>67815</v>
      </c>
      <c r="E18753" s="1" t="s">
        <v>67816</v>
      </c>
      <c r="F18753" s="1" t="s">
        <v>67817</v>
      </c>
      <c r="G18753" s="1" t="s">
        <v>67800</v>
      </c>
      <c r="H18753" s="1" t="s">
        <v>67801</v>
      </c>
      <c r="I18753" s="1" t="s">
        <v>53800</v>
      </c>
      <c r="J18753" s="1" t="s">
        <v>67818</v>
      </c>
    </row>
    <row r="18754" spans="1:10" x14ac:dyDescent="0.35">
      <c r="A18754" s="1" t="s">
        <v>1866</v>
      </c>
      <c r="B18754" s="1" t="s">
        <v>53796</v>
      </c>
      <c r="C18754" s="1" t="s">
        <v>50</v>
      </c>
      <c r="D18754" s="1" t="s">
        <v>67819</v>
      </c>
      <c r="E18754" s="1" t="s">
        <v>54478</v>
      </c>
      <c r="F18754" s="1" t="s">
        <v>67820</v>
      </c>
      <c r="G18754" s="1" t="s">
        <v>67800</v>
      </c>
      <c r="H18754" s="1" t="s">
        <v>67801</v>
      </c>
      <c r="I18754" s="1" t="s">
        <v>53800</v>
      </c>
      <c r="J18754" s="1" t="s">
        <v>67821</v>
      </c>
    </row>
    <row r="18755" spans="1:10" x14ac:dyDescent="0.35">
      <c r="A18755" s="1" t="s">
        <v>1866</v>
      </c>
      <c r="B18755" s="1" t="s">
        <v>53796</v>
      </c>
      <c r="C18755" s="1" t="s">
        <v>55</v>
      </c>
      <c r="D18755" s="1" t="s">
        <v>4823</v>
      </c>
      <c r="E18755" s="1" t="s">
        <v>15361</v>
      </c>
      <c r="F18755" s="1" t="s">
        <v>67822</v>
      </c>
      <c r="G18755" s="1" t="s">
        <v>67800</v>
      </c>
      <c r="H18755" s="1" t="s">
        <v>67801</v>
      </c>
      <c r="I18755" s="1" t="s">
        <v>53800</v>
      </c>
      <c r="J18755" s="1" t="s">
        <v>67823</v>
      </c>
    </row>
    <row r="18756" spans="1:10" x14ac:dyDescent="0.35">
      <c r="A18756" s="1" t="s">
        <v>1866</v>
      </c>
      <c r="B18756" s="1" t="s">
        <v>53796</v>
      </c>
      <c r="C18756" s="1" t="s">
        <v>60</v>
      </c>
      <c r="D18756" s="1" t="s">
        <v>67295</v>
      </c>
      <c r="E18756" s="1" t="s">
        <v>15837</v>
      </c>
      <c r="F18756" s="1" t="s">
        <v>67824</v>
      </c>
      <c r="G18756" s="1" t="s">
        <v>67800</v>
      </c>
      <c r="H18756" s="1" t="s">
        <v>67801</v>
      </c>
      <c r="I18756" s="1" t="s">
        <v>53800</v>
      </c>
      <c r="J18756" s="1" t="s">
        <v>67825</v>
      </c>
    </row>
    <row r="18757" spans="1:10" x14ac:dyDescent="0.35">
      <c r="A18757" s="1" t="s">
        <v>1866</v>
      </c>
      <c r="B18757" s="1" t="s">
        <v>53796</v>
      </c>
      <c r="C18757" s="1" t="s">
        <v>65</v>
      </c>
      <c r="D18757" s="1" t="s">
        <v>67826</v>
      </c>
      <c r="E18757" s="1" t="s">
        <v>54074</v>
      </c>
      <c r="F18757" s="1" t="s">
        <v>67827</v>
      </c>
      <c r="G18757" s="1" t="s">
        <v>67800</v>
      </c>
      <c r="H18757" s="1" t="s">
        <v>67801</v>
      </c>
      <c r="I18757" s="1" t="s">
        <v>53800</v>
      </c>
      <c r="J18757" s="1" t="s">
        <v>67828</v>
      </c>
    </row>
    <row r="18758" spans="1:10" x14ac:dyDescent="0.35">
      <c r="A18758" s="1" t="s">
        <v>1866</v>
      </c>
      <c r="B18758" s="1" t="s">
        <v>53796</v>
      </c>
      <c r="C18758" s="1" t="s">
        <v>70</v>
      </c>
      <c r="D18758" s="1" t="s">
        <v>67829</v>
      </c>
      <c r="E18758" s="1" t="s">
        <v>56254</v>
      </c>
      <c r="F18758" s="1" t="s">
        <v>60121</v>
      </c>
      <c r="G18758" s="1" t="s">
        <v>67800</v>
      </c>
      <c r="H18758" s="1" t="s">
        <v>67801</v>
      </c>
      <c r="I18758" s="1" t="s">
        <v>53800</v>
      </c>
      <c r="J18758" s="1" t="s">
        <v>67830</v>
      </c>
    </row>
    <row r="18759" spans="1:10" x14ac:dyDescent="0.35">
      <c r="A18759" s="1" t="s">
        <v>1866</v>
      </c>
      <c r="B18759" s="1" t="s">
        <v>53796</v>
      </c>
      <c r="C18759" s="1" t="s">
        <v>75</v>
      </c>
      <c r="D18759" s="1" t="s">
        <v>67831</v>
      </c>
      <c r="E18759" s="1" t="s">
        <v>21834</v>
      </c>
      <c r="F18759" s="1" t="s">
        <v>67832</v>
      </c>
      <c r="G18759" s="1" t="s">
        <v>67800</v>
      </c>
      <c r="H18759" s="1" t="s">
        <v>67801</v>
      </c>
      <c r="I18759" s="1" t="s">
        <v>53800</v>
      </c>
      <c r="J18759" s="1" t="s">
        <v>67833</v>
      </c>
    </row>
    <row r="18760" spans="1:10" x14ac:dyDescent="0.35">
      <c r="A18760" s="1" t="s">
        <v>1866</v>
      </c>
      <c r="B18760" s="1" t="s">
        <v>53796</v>
      </c>
      <c r="C18760" s="1" t="s">
        <v>80</v>
      </c>
      <c r="D18760" s="1" t="s">
        <v>67834</v>
      </c>
      <c r="E18760" s="1" t="s">
        <v>15293</v>
      </c>
      <c r="F18760" s="1" t="s">
        <v>67835</v>
      </c>
      <c r="G18760" s="1" t="s">
        <v>67800</v>
      </c>
      <c r="H18760" s="1" t="s">
        <v>67801</v>
      </c>
      <c r="I18760" s="1" t="s">
        <v>53800</v>
      </c>
      <c r="J18760" s="1" t="s">
        <v>67836</v>
      </c>
    </row>
    <row r="18761" spans="1:10" x14ac:dyDescent="0.35">
      <c r="A18761" s="1" t="s">
        <v>1866</v>
      </c>
      <c r="B18761" s="1" t="s">
        <v>53796</v>
      </c>
      <c r="C18761" s="1" t="s">
        <v>85</v>
      </c>
      <c r="D18761" s="1" t="s">
        <v>60840</v>
      </c>
      <c r="E18761" s="1" t="s">
        <v>56209</v>
      </c>
      <c r="F18761" s="1" t="s">
        <v>67837</v>
      </c>
      <c r="G18761" s="1" t="s">
        <v>67800</v>
      </c>
      <c r="H18761" s="1" t="s">
        <v>67801</v>
      </c>
      <c r="I18761" s="1" t="s">
        <v>53800</v>
      </c>
      <c r="J18761" s="1" t="s">
        <v>67838</v>
      </c>
    </row>
    <row r="18762" spans="1:10" x14ac:dyDescent="0.35">
      <c r="A18762" s="1" t="s">
        <v>1866</v>
      </c>
      <c r="B18762" s="1" t="s">
        <v>53796</v>
      </c>
      <c r="C18762" s="1" t="s">
        <v>90</v>
      </c>
      <c r="D18762" s="1" t="s">
        <v>67839</v>
      </c>
      <c r="E18762" s="1" t="s">
        <v>26625</v>
      </c>
      <c r="F18762" s="1" t="s">
        <v>67111</v>
      </c>
      <c r="G18762" s="1" t="s">
        <v>67800</v>
      </c>
      <c r="H18762" s="1" t="s">
        <v>67801</v>
      </c>
      <c r="I18762" s="1" t="s">
        <v>53800</v>
      </c>
      <c r="J18762" s="1" t="s">
        <v>67840</v>
      </c>
    </row>
    <row r="18763" spans="1:10" x14ac:dyDescent="0.35">
      <c r="A18763" s="1" t="s">
        <v>1866</v>
      </c>
      <c r="B18763" s="1" t="s">
        <v>53796</v>
      </c>
      <c r="C18763" s="1" t="s">
        <v>95</v>
      </c>
      <c r="D18763" s="1" t="s">
        <v>67841</v>
      </c>
      <c r="E18763" s="1" t="s">
        <v>15392</v>
      </c>
      <c r="F18763" s="1" t="s">
        <v>67842</v>
      </c>
      <c r="G18763" s="1" t="s">
        <v>67800</v>
      </c>
      <c r="H18763" s="1" t="s">
        <v>67801</v>
      </c>
      <c r="I18763" s="1" t="s">
        <v>53800</v>
      </c>
      <c r="J18763" s="1" t="s">
        <v>67843</v>
      </c>
    </row>
    <row r="18764" spans="1:10" x14ac:dyDescent="0.35">
      <c r="A18764" s="1" t="s">
        <v>1866</v>
      </c>
      <c r="B18764" s="1" t="s">
        <v>53796</v>
      </c>
      <c r="C18764" s="1" t="s">
        <v>100</v>
      </c>
      <c r="D18764" s="1" t="s">
        <v>67844</v>
      </c>
      <c r="E18764" s="1" t="s">
        <v>23491</v>
      </c>
      <c r="F18764" s="1" t="s">
        <v>64978</v>
      </c>
      <c r="G18764" s="1" t="s">
        <v>67800</v>
      </c>
      <c r="H18764" s="1" t="s">
        <v>67801</v>
      </c>
      <c r="I18764" s="1" t="s">
        <v>53800</v>
      </c>
      <c r="J18764" s="1" t="s">
        <v>67845</v>
      </c>
    </row>
    <row r="18765" spans="1:10" x14ac:dyDescent="0.35">
      <c r="A18765" s="1" t="s">
        <v>1866</v>
      </c>
      <c r="B18765" s="1" t="s">
        <v>53796</v>
      </c>
      <c r="C18765" s="1" t="s">
        <v>105</v>
      </c>
      <c r="D18765" s="1" t="s">
        <v>55992</v>
      </c>
      <c r="E18765" s="1" t="s">
        <v>22080</v>
      </c>
      <c r="F18765" s="1" t="s">
        <v>32977</v>
      </c>
      <c r="G18765" s="1" t="s">
        <v>67800</v>
      </c>
      <c r="H18765" s="1" t="s">
        <v>67801</v>
      </c>
      <c r="I18765" s="1" t="s">
        <v>53800</v>
      </c>
      <c r="J18765" s="1" t="s">
        <v>67846</v>
      </c>
    </row>
    <row r="18766" spans="1:10" x14ac:dyDescent="0.35">
      <c r="A18766" s="1" t="s">
        <v>1866</v>
      </c>
      <c r="B18766" s="1" t="s">
        <v>53796</v>
      </c>
      <c r="C18766" s="1" t="s">
        <v>110</v>
      </c>
      <c r="D18766" s="1" t="s">
        <v>18607</v>
      </c>
      <c r="E18766" s="1" t="s">
        <v>41425</v>
      </c>
      <c r="F18766" s="1" t="s">
        <v>65221</v>
      </c>
      <c r="G18766" s="1" t="s">
        <v>67800</v>
      </c>
      <c r="H18766" s="1" t="s">
        <v>67801</v>
      </c>
      <c r="I18766" s="1" t="s">
        <v>53800</v>
      </c>
      <c r="J18766" s="1" t="s">
        <v>67847</v>
      </c>
    </row>
    <row r="18767" spans="1:10" x14ac:dyDescent="0.35">
      <c r="A18767" s="1" t="s">
        <v>1866</v>
      </c>
      <c r="B18767" s="1" t="s">
        <v>53796</v>
      </c>
      <c r="C18767" s="1" t="s">
        <v>115</v>
      </c>
      <c r="D18767" s="1" t="s">
        <v>67848</v>
      </c>
      <c r="E18767" s="1" t="s">
        <v>59078</v>
      </c>
      <c r="F18767" s="1" t="s">
        <v>66300</v>
      </c>
      <c r="G18767" s="1" t="s">
        <v>67800</v>
      </c>
      <c r="H18767" s="1" t="s">
        <v>67801</v>
      </c>
      <c r="I18767" s="1" t="s">
        <v>53800</v>
      </c>
      <c r="J18767" s="1" t="s">
        <v>67849</v>
      </c>
    </row>
    <row r="18768" spans="1:10" x14ac:dyDescent="0.35">
      <c r="A18768" s="1" t="s">
        <v>1866</v>
      </c>
      <c r="B18768" s="1" t="s">
        <v>53796</v>
      </c>
      <c r="C18768" s="1" t="s">
        <v>120</v>
      </c>
      <c r="D18768" s="1" t="s">
        <v>67850</v>
      </c>
      <c r="E18768" s="1" t="s">
        <v>15340</v>
      </c>
      <c r="F18768" s="1" t="s">
        <v>26195</v>
      </c>
      <c r="G18768" s="1" t="s">
        <v>67800</v>
      </c>
      <c r="H18768" s="1" t="s">
        <v>67801</v>
      </c>
      <c r="I18768" s="1" t="s">
        <v>53800</v>
      </c>
      <c r="J18768" s="1" t="s">
        <v>67851</v>
      </c>
    </row>
    <row r="18769" spans="1:10" x14ac:dyDescent="0.35">
      <c r="A18769" s="1" t="s">
        <v>1866</v>
      </c>
      <c r="B18769" s="1" t="s">
        <v>53796</v>
      </c>
      <c r="C18769" s="1" t="s">
        <v>125</v>
      </c>
      <c r="D18769" s="1" t="s">
        <v>27077</v>
      </c>
      <c r="E18769" s="1" t="s">
        <v>15274</v>
      </c>
      <c r="F18769" s="1" t="s">
        <v>67852</v>
      </c>
      <c r="G18769" s="1" t="s">
        <v>67800</v>
      </c>
      <c r="H18769" s="1" t="s">
        <v>67801</v>
      </c>
      <c r="I18769" s="1" t="s">
        <v>53800</v>
      </c>
      <c r="J18769" s="1" t="s">
        <v>67853</v>
      </c>
    </row>
    <row r="18770" spans="1:10" x14ac:dyDescent="0.35">
      <c r="A18770" s="1" t="s">
        <v>1866</v>
      </c>
      <c r="B18770" s="1" t="s">
        <v>53796</v>
      </c>
      <c r="C18770" s="1" t="s">
        <v>130</v>
      </c>
      <c r="D18770" s="1" t="s">
        <v>67854</v>
      </c>
      <c r="E18770" s="1" t="s">
        <v>15915</v>
      </c>
      <c r="F18770" s="1" t="s">
        <v>62199</v>
      </c>
      <c r="G18770" s="1" t="s">
        <v>67800</v>
      </c>
      <c r="H18770" s="1" t="s">
        <v>67801</v>
      </c>
      <c r="I18770" s="1" t="s">
        <v>53800</v>
      </c>
      <c r="J18770" s="1" t="s">
        <v>67855</v>
      </c>
    </row>
    <row r="18771" spans="1:10" x14ac:dyDescent="0.35">
      <c r="A18771" s="1" t="s">
        <v>1866</v>
      </c>
      <c r="B18771" s="1" t="s">
        <v>53796</v>
      </c>
      <c r="C18771" s="1" t="s">
        <v>135</v>
      </c>
      <c r="D18771" s="1" t="s">
        <v>67856</v>
      </c>
      <c r="E18771" s="1" t="s">
        <v>15235</v>
      </c>
      <c r="F18771" s="1" t="s">
        <v>67857</v>
      </c>
      <c r="G18771" s="1" t="s">
        <v>67800</v>
      </c>
      <c r="H18771" s="1" t="s">
        <v>67801</v>
      </c>
      <c r="I18771" s="1" t="s">
        <v>53800</v>
      </c>
      <c r="J18771" s="1" t="s">
        <v>67858</v>
      </c>
    </row>
    <row r="18772" spans="1:10" x14ac:dyDescent="0.35">
      <c r="A18772" s="1" t="s">
        <v>1866</v>
      </c>
      <c r="B18772" s="1" t="s">
        <v>53796</v>
      </c>
      <c r="C18772" s="1" t="s">
        <v>140</v>
      </c>
      <c r="D18772" s="1" t="s">
        <v>67859</v>
      </c>
      <c r="E18772" s="1" t="s">
        <v>15884</v>
      </c>
      <c r="F18772" s="1" t="s">
        <v>67860</v>
      </c>
      <c r="G18772" s="1" t="s">
        <v>67800</v>
      </c>
      <c r="H18772" s="1" t="s">
        <v>67801</v>
      </c>
      <c r="I18772" s="1" t="s">
        <v>53800</v>
      </c>
      <c r="J18772" s="1" t="s">
        <v>67861</v>
      </c>
    </row>
    <row r="18773" spans="1:10" x14ac:dyDescent="0.35">
      <c r="A18773" s="1" t="s">
        <v>1866</v>
      </c>
      <c r="B18773" s="1" t="s">
        <v>53796</v>
      </c>
      <c r="C18773" s="1" t="s">
        <v>145</v>
      </c>
      <c r="D18773" s="1" t="s">
        <v>67862</v>
      </c>
      <c r="E18773" s="1" t="s">
        <v>26198</v>
      </c>
      <c r="F18773" s="1" t="s">
        <v>67863</v>
      </c>
      <c r="G18773" s="1" t="s">
        <v>67800</v>
      </c>
      <c r="H18773" s="1" t="s">
        <v>67801</v>
      </c>
      <c r="I18773" s="1" t="s">
        <v>53800</v>
      </c>
      <c r="J18773" s="1" t="s">
        <v>67864</v>
      </c>
    </row>
    <row r="18774" spans="1:10" x14ac:dyDescent="0.35">
      <c r="A18774" s="1" t="s">
        <v>1866</v>
      </c>
      <c r="B18774" s="1" t="s">
        <v>53796</v>
      </c>
      <c r="C18774" s="1" t="s">
        <v>150</v>
      </c>
      <c r="D18774" s="1" t="s">
        <v>67865</v>
      </c>
      <c r="E18774" s="1" t="s">
        <v>65601</v>
      </c>
      <c r="F18774" s="1" t="s">
        <v>67866</v>
      </c>
      <c r="G18774" s="1" t="s">
        <v>67800</v>
      </c>
      <c r="H18774" s="1" t="s">
        <v>67801</v>
      </c>
      <c r="I18774" s="1" t="s">
        <v>53800</v>
      </c>
      <c r="J18774" s="1" t="s">
        <v>67867</v>
      </c>
    </row>
    <row r="18775" spans="1:10" x14ac:dyDescent="0.35">
      <c r="A18775" s="1" t="s">
        <v>1866</v>
      </c>
      <c r="B18775" s="1" t="s">
        <v>53796</v>
      </c>
      <c r="C18775" s="1" t="s">
        <v>155</v>
      </c>
      <c r="D18775" s="1" t="s">
        <v>11183</v>
      </c>
      <c r="E18775" s="1" t="s">
        <v>67868</v>
      </c>
      <c r="F18775" s="1" t="s">
        <v>67869</v>
      </c>
      <c r="G18775" s="1" t="s">
        <v>67800</v>
      </c>
      <c r="H18775" s="1" t="s">
        <v>67801</v>
      </c>
      <c r="I18775" s="1" t="s">
        <v>53800</v>
      </c>
      <c r="J18775" s="1" t="s">
        <v>67870</v>
      </c>
    </row>
    <row r="18776" spans="1:10" x14ac:dyDescent="0.35">
      <c r="A18776" s="1" t="s">
        <v>1866</v>
      </c>
      <c r="B18776" s="1" t="s">
        <v>53796</v>
      </c>
      <c r="C18776" s="1" t="s">
        <v>160</v>
      </c>
      <c r="D18776" s="1" t="s">
        <v>67871</v>
      </c>
      <c r="E18776" s="1" t="s">
        <v>15407</v>
      </c>
      <c r="F18776" s="1" t="s">
        <v>67872</v>
      </c>
      <c r="G18776" s="1" t="s">
        <v>67800</v>
      </c>
      <c r="H18776" s="1" t="s">
        <v>67801</v>
      </c>
      <c r="I18776" s="1" t="s">
        <v>53800</v>
      </c>
      <c r="J18776" s="1" t="s">
        <v>67873</v>
      </c>
    </row>
    <row r="18777" spans="1:10" x14ac:dyDescent="0.35">
      <c r="A18777" s="1" t="s">
        <v>1866</v>
      </c>
      <c r="B18777" s="1" t="s">
        <v>53796</v>
      </c>
      <c r="C18777" s="1" t="s">
        <v>165</v>
      </c>
      <c r="D18777" s="1" t="s">
        <v>67874</v>
      </c>
      <c r="E18777" s="1" t="s">
        <v>31828</v>
      </c>
      <c r="F18777" s="1" t="s">
        <v>67875</v>
      </c>
      <c r="G18777" s="1" t="s">
        <v>67800</v>
      </c>
      <c r="H18777" s="1" t="s">
        <v>67801</v>
      </c>
      <c r="I18777" s="1" t="s">
        <v>53800</v>
      </c>
      <c r="J18777" s="1" t="s">
        <v>67876</v>
      </c>
    </row>
    <row r="18778" spans="1:10" x14ac:dyDescent="0.35">
      <c r="A18778" s="1" t="s">
        <v>1866</v>
      </c>
      <c r="B18778" s="1" t="s">
        <v>53796</v>
      </c>
      <c r="C18778" s="1" t="s">
        <v>170</v>
      </c>
      <c r="D18778" s="1" t="s">
        <v>67877</v>
      </c>
      <c r="E18778" s="1" t="s">
        <v>15896</v>
      </c>
      <c r="F18778" s="1" t="s">
        <v>67878</v>
      </c>
      <c r="G18778" s="1" t="s">
        <v>67800</v>
      </c>
      <c r="H18778" s="1" t="s">
        <v>67801</v>
      </c>
      <c r="I18778" s="1" t="s">
        <v>53800</v>
      </c>
      <c r="J18778" s="1" t="s">
        <v>67879</v>
      </c>
    </row>
    <row r="18779" spans="1:10" x14ac:dyDescent="0.35">
      <c r="A18779" s="1" t="s">
        <v>67880</v>
      </c>
      <c r="B18779" s="1" t="s">
        <v>53796</v>
      </c>
      <c r="C18779" s="1" t="s">
        <v>8</v>
      </c>
      <c r="D18779" s="1" t="s">
        <v>67881</v>
      </c>
      <c r="E18779" s="1" t="s">
        <v>32076</v>
      </c>
      <c r="F18779" s="1" t="s">
        <v>65339</v>
      </c>
      <c r="G18779" s="1" t="s">
        <v>67882</v>
      </c>
      <c r="H18779" s="1" t="s">
        <v>67883</v>
      </c>
      <c r="I18779" s="1" t="s">
        <v>53800</v>
      </c>
      <c r="J18779" s="1" t="s">
        <v>13</v>
      </c>
    </row>
    <row r="18780" spans="1:10" x14ac:dyDescent="0.35">
      <c r="A18780" s="1" t="s">
        <v>67880</v>
      </c>
      <c r="B18780" s="1" t="s">
        <v>53796</v>
      </c>
      <c r="C18780" s="1" t="s">
        <v>15</v>
      </c>
      <c r="D18780" s="1" t="s">
        <v>67884</v>
      </c>
      <c r="E18780" s="1" t="s">
        <v>67885</v>
      </c>
      <c r="F18780" s="1" t="s">
        <v>67886</v>
      </c>
      <c r="G18780" s="1" t="s">
        <v>67882</v>
      </c>
      <c r="H18780" s="1" t="s">
        <v>67883</v>
      </c>
      <c r="I18780" s="1" t="s">
        <v>53800</v>
      </c>
      <c r="J18780" s="1" t="s">
        <v>67887</v>
      </c>
    </row>
    <row r="18781" spans="1:10" x14ac:dyDescent="0.35">
      <c r="A18781" s="1" t="s">
        <v>67880</v>
      </c>
      <c r="B18781" s="1" t="s">
        <v>53796</v>
      </c>
      <c r="C18781" s="1" t="s">
        <v>20</v>
      </c>
      <c r="D18781" s="1" t="s">
        <v>67888</v>
      </c>
      <c r="E18781" s="1" t="s">
        <v>41356</v>
      </c>
      <c r="F18781" s="1" t="s">
        <v>67889</v>
      </c>
      <c r="G18781" s="1" t="s">
        <v>67882</v>
      </c>
      <c r="H18781" s="1" t="s">
        <v>67883</v>
      </c>
      <c r="I18781" s="1" t="s">
        <v>53800</v>
      </c>
      <c r="J18781" s="1" t="s">
        <v>67890</v>
      </c>
    </row>
    <row r="18782" spans="1:10" x14ac:dyDescent="0.35">
      <c r="A18782" s="1" t="s">
        <v>67880</v>
      </c>
      <c r="B18782" s="1" t="s">
        <v>53796</v>
      </c>
      <c r="C18782" s="1" t="s">
        <v>25</v>
      </c>
      <c r="D18782" s="1" t="s">
        <v>52814</v>
      </c>
      <c r="E18782" s="1" t="s">
        <v>24178</v>
      </c>
      <c r="F18782" s="1" t="s">
        <v>55167</v>
      </c>
      <c r="G18782" s="1" t="s">
        <v>67882</v>
      </c>
      <c r="H18782" s="1" t="s">
        <v>67883</v>
      </c>
      <c r="I18782" s="1" t="s">
        <v>53800</v>
      </c>
      <c r="J18782" s="1" t="s">
        <v>67891</v>
      </c>
    </row>
    <row r="18783" spans="1:10" x14ac:dyDescent="0.35">
      <c r="A18783" s="1" t="s">
        <v>67880</v>
      </c>
      <c r="B18783" s="1" t="s">
        <v>53796</v>
      </c>
      <c r="C18783" s="1" t="s">
        <v>30</v>
      </c>
      <c r="D18783" s="1" t="s">
        <v>67892</v>
      </c>
      <c r="E18783" s="1" t="s">
        <v>23232</v>
      </c>
      <c r="F18783" s="1" t="s">
        <v>55141</v>
      </c>
      <c r="G18783" s="1" t="s">
        <v>67882</v>
      </c>
      <c r="H18783" s="1" t="s">
        <v>67883</v>
      </c>
      <c r="I18783" s="1" t="s">
        <v>53800</v>
      </c>
      <c r="J18783" s="1" t="s">
        <v>67893</v>
      </c>
    </row>
    <row r="18784" spans="1:10" x14ac:dyDescent="0.35">
      <c r="A18784" s="1" t="s">
        <v>67880</v>
      </c>
      <c r="B18784" s="1" t="s">
        <v>53796</v>
      </c>
      <c r="C18784" s="1" t="s">
        <v>35</v>
      </c>
      <c r="D18784" s="1" t="s">
        <v>67894</v>
      </c>
      <c r="E18784" s="1" t="s">
        <v>55586</v>
      </c>
      <c r="F18784" s="1" t="s">
        <v>67895</v>
      </c>
      <c r="G18784" s="1" t="s">
        <v>67882</v>
      </c>
      <c r="H18784" s="1" t="s">
        <v>67883</v>
      </c>
      <c r="I18784" s="1" t="s">
        <v>53800</v>
      </c>
      <c r="J18784" s="1" t="s">
        <v>67896</v>
      </c>
    </row>
    <row r="18785" spans="1:10" x14ac:dyDescent="0.35">
      <c r="A18785" s="1" t="s">
        <v>67880</v>
      </c>
      <c r="B18785" s="1" t="s">
        <v>53796</v>
      </c>
      <c r="C18785" s="1" t="s">
        <v>40</v>
      </c>
      <c r="D18785" s="1" t="s">
        <v>67897</v>
      </c>
      <c r="E18785" s="1" t="s">
        <v>55074</v>
      </c>
      <c r="F18785" s="1" t="s">
        <v>53953</v>
      </c>
      <c r="G18785" s="1" t="s">
        <v>67882</v>
      </c>
      <c r="H18785" s="1" t="s">
        <v>67883</v>
      </c>
      <c r="I18785" s="1" t="s">
        <v>53800</v>
      </c>
      <c r="J18785" s="1" t="s">
        <v>67898</v>
      </c>
    </row>
    <row r="18786" spans="1:10" x14ac:dyDescent="0.35">
      <c r="A18786" s="1" t="s">
        <v>67880</v>
      </c>
      <c r="B18786" s="1" t="s">
        <v>53796</v>
      </c>
      <c r="C18786" s="1" t="s">
        <v>45</v>
      </c>
      <c r="D18786" s="1" t="s">
        <v>67899</v>
      </c>
      <c r="E18786" s="1" t="s">
        <v>41356</v>
      </c>
      <c r="F18786" s="1" t="s">
        <v>64811</v>
      </c>
      <c r="G18786" s="1" t="s">
        <v>67882</v>
      </c>
      <c r="H18786" s="1" t="s">
        <v>67883</v>
      </c>
      <c r="I18786" s="1" t="s">
        <v>53800</v>
      </c>
      <c r="J18786" s="1" t="s">
        <v>67900</v>
      </c>
    </row>
    <row r="18787" spans="1:10" x14ac:dyDescent="0.35">
      <c r="A18787" s="1" t="s">
        <v>67880</v>
      </c>
      <c r="B18787" s="1" t="s">
        <v>53796</v>
      </c>
      <c r="C18787" s="1" t="s">
        <v>50</v>
      </c>
      <c r="D18787" s="1" t="s">
        <v>67901</v>
      </c>
      <c r="E18787" s="1" t="s">
        <v>59319</v>
      </c>
      <c r="F18787" s="1" t="s">
        <v>67902</v>
      </c>
      <c r="G18787" s="1" t="s">
        <v>67882</v>
      </c>
      <c r="H18787" s="1" t="s">
        <v>67883</v>
      </c>
      <c r="I18787" s="1" t="s">
        <v>53800</v>
      </c>
      <c r="J18787" s="1" t="s">
        <v>67903</v>
      </c>
    </row>
    <row r="18788" spans="1:10" x14ac:dyDescent="0.35">
      <c r="A18788" s="1" t="s">
        <v>67880</v>
      </c>
      <c r="B18788" s="1" t="s">
        <v>53796</v>
      </c>
      <c r="C18788" s="1" t="s">
        <v>55</v>
      </c>
      <c r="D18788" s="1" t="s">
        <v>67904</v>
      </c>
      <c r="E18788" s="1" t="s">
        <v>41356</v>
      </c>
      <c r="F18788" s="1" t="s">
        <v>67905</v>
      </c>
      <c r="G18788" s="1" t="s">
        <v>67882</v>
      </c>
      <c r="H18788" s="1" t="s">
        <v>67883</v>
      </c>
      <c r="I18788" s="1" t="s">
        <v>53800</v>
      </c>
      <c r="J18788" s="1" t="s">
        <v>67906</v>
      </c>
    </row>
    <row r="18789" spans="1:10" x14ac:dyDescent="0.35">
      <c r="A18789" s="1" t="s">
        <v>67880</v>
      </c>
      <c r="B18789" s="1" t="s">
        <v>53796</v>
      </c>
      <c r="C18789" s="1" t="s">
        <v>60</v>
      </c>
      <c r="D18789" s="1" t="s">
        <v>67907</v>
      </c>
      <c r="E18789" s="1" t="s">
        <v>15319</v>
      </c>
      <c r="F18789" s="1" t="s">
        <v>67908</v>
      </c>
      <c r="G18789" s="1" t="s">
        <v>67882</v>
      </c>
      <c r="H18789" s="1" t="s">
        <v>67883</v>
      </c>
      <c r="I18789" s="1" t="s">
        <v>53800</v>
      </c>
      <c r="J18789" s="1" t="s">
        <v>67909</v>
      </c>
    </row>
    <row r="18790" spans="1:10" x14ac:dyDescent="0.35">
      <c r="A18790" s="1" t="s">
        <v>67880</v>
      </c>
      <c r="B18790" s="1" t="s">
        <v>53796</v>
      </c>
      <c r="C18790" s="1" t="s">
        <v>65</v>
      </c>
      <c r="D18790" s="1" t="s">
        <v>67910</v>
      </c>
      <c r="E18790" s="1" t="s">
        <v>23176</v>
      </c>
      <c r="F18790" s="1" t="s">
        <v>67911</v>
      </c>
      <c r="G18790" s="1" t="s">
        <v>67882</v>
      </c>
      <c r="H18790" s="1" t="s">
        <v>67883</v>
      </c>
      <c r="I18790" s="1" t="s">
        <v>53800</v>
      </c>
      <c r="J18790" s="1" t="s">
        <v>67912</v>
      </c>
    </row>
    <row r="18791" spans="1:10" x14ac:dyDescent="0.35">
      <c r="A18791" s="1" t="s">
        <v>67880</v>
      </c>
      <c r="B18791" s="1" t="s">
        <v>53796</v>
      </c>
      <c r="C18791" s="1" t="s">
        <v>70</v>
      </c>
      <c r="D18791" s="1" t="s">
        <v>67913</v>
      </c>
      <c r="E18791" s="1" t="s">
        <v>60377</v>
      </c>
      <c r="F18791" s="1" t="s">
        <v>67914</v>
      </c>
      <c r="G18791" s="1" t="s">
        <v>67882</v>
      </c>
      <c r="H18791" s="1" t="s">
        <v>67883</v>
      </c>
      <c r="I18791" s="1" t="s">
        <v>53800</v>
      </c>
      <c r="J18791" s="1" t="s">
        <v>67915</v>
      </c>
    </row>
    <row r="18792" spans="1:10" x14ac:dyDescent="0.35">
      <c r="A18792" s="1" t="s">
        <v>67880</v>
      </c>
      <c r="B18792" s="1" t="s">
        <v>53796</v>
      </c>
      <c r="C18792" s="1" t="s">
        <v>75</v>
      </c>
      <c r="D18792" s="1" t="s">
        <v>67916</v>
      </c>
      <c r="E18792" s="1" t="s">
        <v>54070</v>
      </c>
      <c r="F18792" s="1" t="s">
        <v>32922</v>
      </c>
      <c r="G18792" s="1" t="s">
        <v>67882</v>
      </c>
      <c r="H18792" s="1" t="s">
        <v>67883</v>
      </c>
      <c r="I18792" s="1" t="s">
        <v>53800</v>
      </c>
      <c r="J18792" s="1" t="s">
        <v>67917</v>
      </c>
    </row>
    <row r="18793" spans="1:10" x14ac:dyDescent="0.35">
      <c r="A18793" s="1" t="s">
        <v>67880</v>
      </c>
      <c r="B18793" s="1" t="s">
        <v>53796</v>
      </c>
      <c r="C18793" s="1" t="s">
        <v>80</v>
      </c>
      <c r="D18793" s="1" t="s">
        <v>12639</v>
      </c>
      <c r="E18793" s="1" t="s">
        <v>54136</v>
      </c>
      <c r="F18793" s="1" t="s">
        <v>67918</v>
      </c>
      <c r="G18793" s="1" t="s">
        <v>67882</v>
      </c>
      <c r="H18793" s="1" t="s">
        <v>67883</v>
      </c>
      <c r="I18793" s="1" t="s">
        <v>53800</v>
      </c>
      <c r="J18793" s="1" t="s">
        <v>67919</v>
      </c>
    </row>
    <row r="18794" spans="1:10" x14ac:dyDescent="0.35">
      <c r="A18794" s="1" t="s">
        <v>67880</v>
      </c>
      <c r="B18794" s="1" t="s">
        <v>53796</v>
      </c>
      <c r="C18794" s="1" t="s">
        <v>85</v>
      </c>
      <c r="D18794" s="1" t="s">
        <v>67920</v>
      </c>
      <c r="E18794" s="1" t="s">
        <v>53932</v>
      </c>
      <c r="F18794" s="1" t="s">
        <v>24285</v>
      </c>
      <c r="G18794" s="1" t="s">
        <v>67882</v>
      </c>
      <c r="H18794" s="1" t="s">
        <v>67883</v>
      </c>
      <c r="I18794" s="1" t="s">
        <v>53800</v>
      </c>
      <c r="J18794" s="1" t="s">
        <v>67921</v>
      </c>
    </row>
    <row r="18795" spans="1:10" x14ac:dyDescent="0.35">
      <c r="A18795" s="1" t="s">
        <v>67880</v>
      </c>
      <c r="B18795" s="1" t="s">
        <v>53796</v>
      </c>
      <c r="C18795" s="1" t="s">
        <v>90</v>
      </c>
      <c r="D18795" s="1" t="s">
        <v>67922</v>
      </c>
      <c r="E18795" s="1" t="s">
        <v>31965</v>
      </c>
      <c r="F18795" s="1" t="s">
        <v>67923</v>
      </c>
      <c r="G18795" s="1" t="s">
        <v>67882</v>
      </c>
      <c r="H18795" s="1" t="s">
        <v>67883</v>
      </c>
      <c r="I18795" s="1" t="s">
        <v>53800</v>
      </c>
      <c r="J18795" s="1" t="s">
        <v>67924</v>
      </c>
    </row>
    <row r="18796" spans="1:10" x14ac:dyDescent="0.35">
      <c r="A18796" s="1" t="s">
        <v>67880</v>
      </c>
      <c r="B18796" s="1" t="s">
        <v>53796</v>
      </c>
      <c r="C18796" s="1" t="s">
        <v>95</v>
      </c>
      <c r="D18796" s="1" t="s">
        <v>67925</v>
      </c>
      <c r="E18796" s="1" t="s">
        <v>41237</v>
      </c>
      <c r="F18796" s="1" t="s">
        <v>67926</v>
      </c>
      <c r="G18796" s="1" t="s">
        <v>67882</v>
      </c>
      <c r="H18796" s="1" t="s">
        <v>67883</v>
      </c>
      <c r="I18796" s="1" t="s">
        <v>53800</v>
      </c>
      <c r="J18796" s="1" t="s">
        <v>67927</v>
      </c>
    </row>
    <row r="18797" spans="1:10" x14ac:dyDescent="0.35">
      <c r="A18797" s="1" t="s">
        <v>67880</v>
      </c>
      <c r="B18797" s="1" t="s">
        <v>53796</v>
      </c>
      <c r="C18797" s="1" t="s">
        <v>100</v>
      </c>
      <c r="D18797" s="1" t="s">
        <v>53927</v>
      </c>
      <c r="E18797" s="1" t="s">
        <v>53969</v>
      </c>
      <c r="F18797" s="1" t="s">
        <v>60112</v>
      </c>
      <c r="G18797" s="1" t="s">
        <v>67882</v>
      </c>
      <c r="H18797" s="1" t="s">
        <v>67883</v>
      </c>
      <c r="I18797" s="1" t="s">
        <v>53800</v>
      </c>
      <c r="J18797" s="1" t="s">
        <v>67928</v>
      </c>
    </row>
    <row r="18798" spans="1:10" x14ac:dyDescent="0.35">
      <c r="A18798" s="1" t="s">
        <v>67880</v>
      </c>
      <c r="B18798" s="1" t="s">
        <v>53796</v>
      </c>
      <c r="C18798" s="1" t="s">
        <v>105</v>
      </c>
      <c r="D18798" s="1" t="s">
        <v>67929</v>
      </c>
      <c r="E18798" s="1" t="s">
        <v>31394</v>
      </c>
      <c r="F18798" s="1" t="s">
        <v>66402</v>
      </c>
      <c r="G18798" s="1" t="s">
        <v>67882</v>
      </c>
      <c r="H18798" s="1" t="s">
        <v>67883</v>
      </c>
      <c r="I18798" s="1" t="s">
        <v>53800</v>
      </c>
      <c r="J18798" s="1" t="s">
        <v>67930</v>
      </c>
    </row>
    <row r="18799" spans="1:10" x14ac:dyDescent="0.35">
      <c r="A18799" s="1" t="s">
        <v>67880</v>
      </c>
      <c r="B18799" s="1" t="s">
        <v>53796</v>
      </c>
      <c r="C18799" s="1" t="s">
        <v>110</v>
      </c>
      <c r="D18799" s="1" t="s">
        <v>67931</v>
      </c>
      <c r="E18799" s="1" t="s">
        <v>55248</v>
      </c>
      <c r="F18799" s="1" t="s">
        <v>67932</v>
      </c>
      <c r="G18799" s="1" t="s">
        <v>67882</v>
      </c>
      <c r="H18799" s="1" t="s">
        <v>67883</v>
      </c>
      <c r="I18799" s="1" t="s">
        <v>53800</v>
      </c>
      <c r="J18799" s="1" t="s">
        <v>67933</v>
      </c>
    </row>
    <row r="18800" spans="1:10" x14ac:dyDescent="0.35">
      <c r="A18800" s="1" t="s">
        <v>67880</v>
      </c>
      <c r="B18800" s="1" t="s">
        <v>53796</v>
      </c>
      <c r="C18800" s="1" t="s">
        <v>115</v>
      </c>
      <c r="D18800" s="1" t="s">
        <v>67934</v>
      </c>
      <c r="E18800" s="1" t="s">
        <v>27122</v>
      </c>
      <c r="F18800" s="1" t="s">
        <v>67935</v>
      </c>
      <c r="G18800" s="1" t="s">
        <v>67882</v>
      </c>
      <c r="H18800" s="1" t="s">
        <v>67883</v>
      </c>
      <c r="I18800" s="1" t="s">
        <v>53800</v>
      </c>
      <c r="J18800" s="1" t="s">
        <v>67936</v>
      </c>
    </row>
    <row r="18801" spans="1:10" x14ac:dyDescent="0.35">
      <c r="A18801" s="1" t="s">
        <v>67880</v>
      </c>
      <c r="B18801" s="1" t="s">
        <v>53796</v>
      </c>
      <c r="C18801" s="1" t="s">
        <v>120</v>
      </c>
      <c r="D18801" s="1" t="s">
        <v>62898</v>
      </c>
      <c r="E18801" s="1" t="s">
        <v>12817</v>
      </c>
      <c r="F18801" s="1" t="s">
        <v>67937</v>
      </c>
      <c r="G18801" s="1" t="s">
        <v>67882</v>
      </c>
      <c r="H18801" s="1" t="s">
        <v>67883</v>
      </c>
      <c r="I18801" s="1" t="s">
        <v>53800</v>
      </c>
      <c r="J18801" s="1" t="s">
        <v>67938</v>
      </c>
    </row>
    <row r="18802" spans="1:10" x14ac:dyDescent="0.35">
      <c r="A18802" s="1" t="s">
        <v>67880</v>
      </c>
      <c r="B18802" s="1" t="s">
        <v>53796</v>
      </c>
      <c r="C18802" s="1" t="s">
        <v>125</v>
      </c>
      <c r="D18802" s="1" t="s">
        <v>67939</v>
      </c>
      <c r="E18802" s="1" t="s">
        <v>56141</v>
      </c>
      <c r="F18802" s="1" t="s">
        <v>67940</v>
      </c>
      <c r="G18802" s="1" t="s">
        <v>67882</v>
      </c>
      <c r="H18802" s="1" t="s">
        <v>67883</v>
      </c>
      <c r="I18802" s="1" t="s">
        <v>53800</v>
      </c>
      <c r="J18802" s="1" t="s">
        <v>67941</v>
      </c>
    </row>
    <row r="18803" spans="1:10" x14ac:dyDescent="0.35">
      <c r="A18803" s="1" t="s">
        <v>67880</v>
      </c>
      <c r="B18803" s="1" t="s">
        <v>53796</v>
      </c>
      <c r="C18803" s="1" t="s">
        <v>130</v>
      </c>
      <c r="D18803" s="1" t="s">
        <v>67942</v>
      </c>
      <c r="E18803" s="1" t="s">
        <v>22282</v>
      </c>
      <c r="F18803" s="1" t="s">
        <v>59301</v>
      </c>
      <c r="G18803" s="1" t="s">
        <v>67882</v>
      </c>
      <c r="H18803" s="1" t="s">
        <v>67883</v>
      </c>
      <c r="I18803" s="1" t="s">
        <v>53800</v>
      </c>
      <c r="J18803" s="1" t="s">
        <v>67943</v>
      </c>
    </row>
    <row r="18804" spans="1:10" x14ac:dyDescent="0.35">
      <c r="A18804" s="1" t="s">
        <v>67880</v>
      </c>
      <c r="B18804" s="1" t="s">
        <v>53796</v>
      </c>
      <c r="C18804" s="1" t="s">
        <v>135</v>
      </c>
      <c r="D18804" s="1" t="s">
        <v>67944</v>
      </c>
      <c r="E18804" s="1" t="s">
        <v>31480</v>
      </c>
      <c r="F18804" s="1" t="s">
        <v>67945</v>
      </c>
      <c r="G18804" s="1" t="s">
        <v>67882</v>
      </c>
      <c r="H18804" s="1" t="s">
        <v>67883</v>
      </c>
      <c r="I18804" s="1" t="s">
        <v>53800</v>
      </c>
      <c r="J18804" s="1" t="s">
        <v>67946</v>
      </c>
    </row>
    <row r="18805" spans="1:10" x14ac:dyDescent="0.35">
      <c r="A18805" s="1" t="s">
        <v>67880</v>
      </c>
      <c r="B18805" s="1" t="s">
        <v>53796</v>
      </c>
      <c r="C18805" s="1" t="s">
        <v>140</v>
      </c>
      <c r="D18805" s="1" t="s">
        <v>2702</v>
      </c>
      <c r="E18805" s="1" t="s">
        <v>54783</v>
      </c>
      <c r="F18805" s="1" t="s">
        <v>64442</v>
      </c>
      <c r="G18805" s="1" t="s">
        <v>67882</v>
      </c>
      <c r="H18805" s="1" t="s">
        <v>67883</v>
      </c>
      <c r="I18805" s="1" t="s">
        <v>53800</v>
      </c>
      <c r="J18805" s="1" t="s">
        <v>67947</v>
      </c>
    </row>
    <row r="18806" spans="1:10" x14ac:dyDescent="0.35">
      <c r="A18806" s="1" t="s">
        <v>67880</v>
      </c>
      <c r="B18806" s="1" t="s">
        <v>53796</v>
      </c>
      <c r="C18806" s="1" t="s">
        <v>145</v>
      </c>
      <c r="D18806" s="1" t="s">
        <v>67948</v>
      </c>
      <c r="E18806" s="1" t="s">
        <v>26564</v>
      </c>
      <c r="F18806" s="1" t="s">
        <v>61423</v>
      </c>
      <c r="G18806" s="1" t="s">
        <v>67882</v>
      </c>
      <c r="H18806" s="1" t="s">
        <v>67883</v>
      </c>
      <c r="I18806" s="1" t="s">
        <v>53800</v>
      </c>
      <c r="J18806" s="1" t="s">
        <v>67949</v>
      </c>
    </row>
    <row r="18807" spans="1:10" x14ac:dyDescent="0.35">
      <c r="A18807" s="1" t="s">
        <v>67880</v>
      </c>
      <c r="B18807" s="1" t="s">
        <v>53796</v>
      </c>
      <c r="C18807" s="1" t="s">
        <v>150</v>
      </c>
      <c r="D18807" s="1" t="s">
        <v>67950</v>
      </c>
      <c r="E18807" s="1" t="s">
        <v>22302</v>
      </c>
      <c r="F18807" s="1" t="s">
        <v>62285</v>
      </c>
      <c r="G18807" s="1" t="s">
        <v>67882</v>
      </c>
      <c r="H18807" s="1" t="s">
        <v>67883</v>
      </c>
      <c r="I18807" s="1" t="s">
        <v>53800</v>
      </c>
      <c r="J18807" s="1" t="s">
        <v>67951</v>
      </c>
    </row>
    <row r="18808" spans="1:10" x14ac:dyDescent="0.35">
      <c r="A18808" s="1" t="s">
        <v>67880</v>
      </c>
      <c r="B18808" s="1" t="s">
        <v>53796</v>
      </c>
      <c r="C18808" s="1" t="s">
        <v>155</v>
      </c>
      <c r="D18808" s="1" t="s">
        <v>67952</v>
      </c>
      <c r="E18808" s="1" t="s">
        <v>22317</v>
      </c>
      <c r="F18808" s="1" t="s">
        <v>67953</v>
      </c>
      <c r="G18808" s="1" t="s">
        <v>67882</v>
      </c>
      <c r="H18808" s="1" t="s">
        <v>67883</v>
      </c>
      <c r="I18808" s="1" t="s">
        <v>53800</v>
      </c>
      <c r="J18808" s="1" t="s">
        <v>67954</v>
      </c>
    </row>
    <row r="18809" spans="1:10" x14ac:dyDescent="0.35">
      <c r="A18809" s="1" t="s">
        <v>67880</v>
      </c>
      <c r="B18809" s="1" t="s">
        <v>53796</v>
      </c>
      <c r="C18809" s="1" t="s">
        <v>160</v>
      </c>
      <c r="D18809" s="1" t="s">
        <v>67955</v>
      </c>
      <c r="E18809" s="1" t="s">
        <v>15388</v>
      </c>
      <c r="F18809" s="1" t="s">
        <v>67956</v>
      </c>
      <c r="G18809" s="1" t="s">
        <v>67882</v>
      </c>
      <c r="H18809" s="1" t="s">
        <v>67883</v>
      </c>
      <c r="I18809" s="1" t="s">
        <v>53800</v>
      </c>
      <c r="J18809" s="1" t="s">
        <v>67957</v>
      </c>
    </row>
    <row r="18810" spans="1:10" x14ac:dyDescent="0.35">
      <c r="A18810" s="1" t="s">
        <v>67880</v>
      </c>
      <c r="B18810" s="1" t="s">
        <v>53796</v>
      </c>
      <c r="C18810" s="1" t="s">
        <v>165</v>
      </c>
      <c r="D18810" s="1" t="s">
        <v>67958</v>
      </c>
      <c r="E18810" s="1" t="s">
        <v>54197</v>
      </c>
      <c r="F18810" s="1" t="s">
        <v>58889</v>
      </c>
      <c r="G18810" s="1" t="s">
        <v>67882</v>
      </c>
      <c r="H18810" s="1" t="s">
        <v>67883</v>
      </c>
      <c r="I18810" s="1" t="s">
        <v>53800</v>
      </c>
      <c r="J18810" s="1" t="s">
        <v>67959</v>
      </c>
    </row>
    <row r="18811" spans="1:10" x14ac:dyDescent="0.35">
      <c r="A18811" s="1" t="s">
        <v>67880</v>
      </c>
      <c r="B18811" s="1" t="s">
        <v>53796</v>
      </c>
      <c r="C18811" s="1" t="s">
        <v>170</v>
      </c>
      <c r="D18811" s="1" t="s">
        <v>43095</v>
      </c>
      <c r="E18811" s="1" t="s">
        <v>15357</v>
      </c>
      <c r="F18811" s="1" t="s">
        <v>67038</v>
      </c>
      <c r="G18811" s="1" t="s">
        <v>67882</v>
      </c>
      <c r="H18811" s="1" t="s">
        <v>67883</v>
      </c>
      <c r="I18811" s="1" t="s">
        <v>53800</v>
      </c>
      <c r="J18811" s="1" t="s">
        <v>67960</v>
      </c>
    </row>
    <row r="18812" spans="1:10" x14ac:dyDescent="0.35">
      <c r="A18812" s="1" t="s">
        <v>1284</v>
      </c>
      <c r="B18812" s="1" t="s">
        <v>53796</v>
      </c>
      <c r="C18812" s="1" t="s">
        <v>8</v>
      </c>
      <c r="D18812" s="1" t="s">
        <v>67961</v>
      </c>
      <c r="E18812" s="1" t="s">
        <v>67962</v>
      </c>
      <c r="F18812" s="1" t="s">
        <v>67963</v>
      </c>
      <c r="G18812" s="1" t="s">
        <v>67964</v>
      </c>
      <c r="H18812" s="1" t="s">
        <v>67965</v>
      </c>
      <c r="I18812" s="1" t="s">
        <v>53800</v>
      </c>
      <c r="J18812" s="1" t="s">
        <v>13</v>
      </c>
    </row>
    <row r="18813" spans="1:10" x14ac:dyDescent="0.35">
      <c r="A18813" s="1" t="s">
        <v>1284</v>
      </c>
      <c r="B18813" s="1" t="s">
        <v>53796</v>
      </c>
      <c r="C18813" s="1" t="s">
        <v>15</v>
      </c>
      <c r="D18813" s="1" t="s">
        <v>67966</v>
      </c>
      <c r="E18813" s="1" t="s">
        <v>67967</v>
      </c>
      <c r="F18813" s="1" t="s">
        <v>67968</v>
      </c>
      <c r="G18813" s="1" t="s">
        <v>67964</v>
      </c>
      <c r="H18813" s="1" t="s">
        <v>67965</v>
      </c>
      <c r="I18813" s="1" t="s">
        <v>53800</v>
      </c>
      <c r="J18813" s="1" t="s">
        <v>67969</v>
      </c>
    </row>
    <row r="18814" spans="1:10" x14ac:dyDescent="0.35">
      <c r="A18814" s="1" t="s">
        <v>1284</v>
      </c>
      <c r="B18814" s="1" t="s">
        <v>53796</v>
      </c>
      <c r="C18814" s="1" t="s">
        <v>20</v>
      </c>
      <c r="D18814" s="1" t="s">
        <v>67970</v>
      </c>
      <c r="E18814" s="1" t="s">
        <v>67971</v>
      </c>
      <c r="F18814" s="1" t="s">
        <v>67972</v>
      </c>
      <c r="G18814" s="1" t="s">
        <v>67964</v>
      </c>
      <c r="H18814" s="1" t="s">
        <v>67965</v>
      </c>
      <c r="I18814" s="1" t="s">
        <v>53800</v>
      </c>
      <c r="J18814" s="1" t="s">
        <v>67973</v>
      </c>
    </row>
    <row r="18815" spans="1:10" x14ac:dyDescent="0.35">
      <c r="A18815" s="1" t="s">
        <v>1284</v>
      </c>
      <c r="B18815" s="1" t="s">
        <v>53796</v>
      </c>
      <c r="C18815" s="1" t="s">
        <v>25</v>
      </c>
      <c r="D18815" s="1" t="s">
        <v>67974</v>
      </c>
      <c r="E18815" s="1" t="s">
        <v>67975</v>
      </c>
      <c r="F18815" s="1" t="s">
        <v>67976</v>
      </c>
      <c r="G18815" s="1" t="s">
        <v>67964</v>
      </c>
      <c r="H18815" s="1" t="s">
        <v>67965</v>
      </c>
      <c r="I18815" s="1" t="s">
        <v>53800</v>
      </c>
      <c r="J18815" s="1" t="s">
        <v>67977</v>
      </c>
    </row>
    <row r="18816" spans="1:10" x14ac:dyDescent="0.35">
      <c r="A18816" s="1" t="s">
        <v>1284</v>
      </c>
      <c r="B18816" s="1" t="s">
        <v>53796</v>
      </c>
      <c r="C18816" s="1" t="s">
        <v>30</v>
      </c>
      <c r="D18816" s="1" t="s">
        <v>67978</v>
      </c>
      <c r="E18816" s="1" t="s">
        <v>67979</v>
      </c>
      <c r="F18816" s="1" t="s">
        <v>67980</v>
      </c>
      <c r="G18816" s="1" t="s">
        <v>67964</v>
      </c>
      <c r="H18816" s="1" t="s">
        <v>67965</v>
      </c>
      <c r="I18816" s="1" t="s">
        <v>53800</v>
      </c>
      <c r="J18816" s="1" t="s">
        <v>67981</v>
      </c>
    </row>
    <row r="18817" spans="1:10" x14ac:dyDescent="0.35">
      <c r="A18817" s="1" t="s">
        <v>1284</v>
      </c>
      <c r="B18817" s="1" t="s">
        <v>53796</v>
      </c>
      <c r="C18817" s="1" t="s">
        <v>35</v>
      </c>
      <c r="D18817" s="1" t="s">
        <v>43476</v>
      </c>
      <c r="E18817" s="1" t="s">
        <v>67982</v>
      </c>
      <c r="F18817" s="1" t="s">
        <v>67983</v>
      </c>
      <c r="G18817" s="1" t="s">
        <v>67964</v>
      </c>
      <c r="H18817" s="1" t="s">
        <v>67965</v>
      </c>
      <c r="I18817" s="1" t="s">
        <v>53800</v>
      </c>
      <c r="J18817" s="1" t="s">
        <v>66995</v>
      </c>
    </row>
    <row r="18818" spans="1:10" x14ac:dyDescent="0.35">
      <c r="A18818" s="1" t="s">
        <v>1284</v>
      </c>
      <c r="B18818" s="1" t="s">
        <v>53796</v>
      </c>
      <c r="C18818" s="1" t="s">
        <v>40</v>
      </c>
      <c r="D18818" s="1" t="s">
        <v>56072</v>
      </c>
      <c r="E18818" s="1" t="s">
        <v>67984</v>
      </c>
      <c r="F18818" s="1" t="s">
        <v>67985</v>
      </c>
      <c r="G18818" s="1" t="s">
        <v>67964</v>
      </c>
      <c r="H18818" s="1" t="s">
        <v>67965</v>
      </c>
      <c r="I18818" s="1" t="s">
        <v>53800</v>
      </c>
      <c r="J18818" s="1" t="s">
        <v>67986</v>
      </c>
    </row>
    <row r="18819" spans="1:10" x14ac:dyDescent="0.35">
      <c r="A18819" s="1" t="s">
        <v>1284</v>
      </c>
      <c r="B18819" s="1" t="s">
        <v>53796</v>
      </c>
      <c r="C18819" s="1" t="s">
        <v>45</v>
      </c>
      <c r="D18819" s="1" t="s">
        <v>67987</v>
      </c>
      <c r="E18819" s="1" t="s">
        <v>67988</v>
      </c>
      <c r="F18819" s="1" t="s">
        <v>67989</v>
      </c>
      <c r="G18819" s="1" t="s">
        <v>67964</v>
      </c>
      <c r="H18819" s="1" t="s">
        <v>67965</v>
      </c>
      <c r="I18819" s="1" t="s">
        <v>53800</v>
      </c>
      <c r="J18819" s="1" t="s">
        <v>67990</v>
      </c>
    </row>
    <row r="18820" spans="1:10" x14ac:dyDescent="0.35">
      <c r="A18820" s="1" t="s">
        <v>1284</v>
      </c>
      <c r="B18820" s="1" t="s">
        <v>53796</v>
      </c>
      <c r="C18820" s="1" t="s">
        <v>50</v>
      </c>
      <c r="D18820" s="1" t="s">
        <v>67991</v>
      </c>
      <c r="E18820" s="1" t="s">
        <v>67992</v>
      </c>
      <c r="F18820" s="1" t="s">
        <v>67993</v>
      </c>
      <c r="G18820" s="1" t="s">
        <v>67964</v>
      </c>
      <c r="H18820" s="1" t="s">
        <v>67965</v>
      </c>
      <c r="I18820" s="1" t="s">
        <v>53800</v>
      </c>
      <c r="J18820" s="1" t="s">
        <v>67994</v>
      </c>
    </row>
    <row r="18821" spans="1:10" x14ac:dyDescent="0.35">
      <c r="A18821" s="1" t="s">
        <v>1284</v>
      </c>
      <c r="B18821" s="1" t="s">
        <v>53796</v>
      </c>
      <c r="C18821" s="1" t="s">
        <v>55</v>
      </c>
      <c r="D18821" s="1" t="s">
        <v>53833</v>
      </c>
      <c r="E18821" s="1" t="s">
        <v>67995</v>
      </c>
      <c r="F18821" s="1" t="s">
        <v>67996</v>
      </c>
      <c r="G18821" s="1" t="s">
        <v>67964</v>
      </c>
      <c r="H18821" s="1" t="s">
        <v>67965</v>
      </c>
      <c r="I18821" s="1" t="s">
        <v>53800</v>
      </c>
      <c r="J18821" s="1" t="s">
        <v>67997</v>
      </c>
    </row>
    <row r="18822" spans="1:10" x14ac:dyDescent="0.35">
      <c r="A18822" s="1" t="s">
        <v>1284</v>
      </c>
      <c r="B18822" s="1" t="s">
        <v>53796</v>
      </c>
      <c r="C18822" s="1" t="s">
        <v>60</v>
      </c>
      <c r="D18822" s="1" t="s">
        <v>67998</v>
      </c>
      <c r="E18822" s="1" t="s">
        <v>67999</v>
      </c>
      <c r="F18822" s="1" t="s">
        <v>68000</v>
      </c>
      <c r="G18822" s="1" t="s">
        <v>67964</v>
      </c>
      <c r="H18822" s="1" t="s">
        <v>67965</v>
      </c>
      <c r="I18822" s="1" t="s">
        <v>53800</v>
      </c>
      <c r="J18822" s="1" t="s">
        <v>68001</v>
      </c>
    </row>
    <row r="18823" spans="1:10" x14ac:dyDescent="0.35">
      <c r="A18823" s="1" t="s">
        <v>1284</v>
      </c>
      <c r="B18823" s="1" t="s">
        <v>53796</v>
      </c>
      <c r="C18823" s="1" t="s">
        <v>65</v>
      </c>
      <c r="D18823" s="1" t="s">
        <v>68002</v>
      </c>
      <c r="E18823" s="1" t="s">
        <v>68003</v>
      </c>
      <c r="F18823" s="1" t="s">
        <v>68004</v>
      </c>
      <c r="G18823" s="1" t="s">
        <v>67964</v>
      </c>
      <c r="H18823" s="1" t="s">
        <v>67965</v>
      </c>
      <c r="I18823" s="1" t="s">
        <v>53800</v>
      </c>
      <c r="J18823" s="1" t="s">
        <v>68005</v>
      </c>
    </row>
    <row r="18824" spans="1:10" x14ac:dyDescent="0.35">
      <c r="A18824" s="1" t="s">
        <v>1284</v>
      </c>
      <c r="B18824" s="1" t="s">
        <v>53796</v>
      </c>
      <c r="C18824" s="1" t="s">
        <v>70</v>
      </c>
      <c r="D18824" s="1" t="s">
        <v>68006</v>
      </c>
      <c r="E18824" s="1" t="s">
        <v>68007</v>
      </c>
      <c r="F18824" s="1" t="s">
        <v>68008</v>
      </c>
      <c r="G18824" s="1" t="s">
        <v>67964</v>
      </c>
      <c r="H18824" s="1" t="s">
        <v>67965</v>
      </c>
      <c r="I18824" s="1" t="s">
        <v>53800</v>
      </c>
      <c r="J18824" s="1" t="s">
        <v>68009</v>
      </c>
    </row>
    <row r="18825" spans="1:10" x14ac:dyDescent="0.35">
      <c r="A18825" s="1" t="s">
        <v>1284</v>
      </c>
      <c r="B18825" s="1" t="s">
        <v>53796</v>
      </c>
      <c r="C18825" s="1" t="s">
        <v>75</v>
      </c>
      <c r="D18825" s="1" t="s">
        <v>68010</v>
      </c>
      <c r="E18825" s="1" t="s">
        <v>68011</v>
      </c>
      <c r="F18825" s="1" t="s">
        <v>68012</v>
      </c>
      <c r="G18825" s="1" t="s">
        <v>67964</v>
      </c>
      <c r="H18825" s="1" t="s">
        <v>67965</v>
      </c>
      <c r="I18825" s="1" t="s">
        <v>53800</v>
      </c>
      <c r="J18825" s="1" t="s">
        <v>68013</v>
      </c>
    </row>
    <row r="18826" spans="1:10" x14ac:dyDescent="0.35">
      <c r="A18826" s="1" t="s">
        <v>1284</v>
      </c>
      <c r="B18826" s="1" t="s">
        <v>53796</v>
      </c>
      <c r="C18826" s="1" t="s">
        <v>80</v>
      </c>
      <c r="D18826" s="1" t="s">
        <v>60221</v>
      </c>
      <c r="E18826" s="1" t="s">
        <v>68014</v>
      </c>
      <c r="F18826" s="1" t="s">
        <v>68015</v>
      </c>
      <c r="G18826" s="1" t="s">
        <v>67964</v>
      </c>
      <c r="H18826" s="1" t="s">
        <v>67965</v>
      </c>
      <c r="I18826" s="1" t="s">
        <v>53800</v>
      </c>
      <c r="J18826" s="1" t="s">
        <v>68016</v>
      </c>
    </row>
    <row r="18827" spans="1:10" x14ac:dyDescent="0.35">
      <c r="A18827" s="1" t="s">
        <v>1284</v>
      </c>
      <c r="B18827" s="1" t="s">
        <v>53796</v>
      </c>
      <c r="C18827" s="1" t="s">
        <v>85</v>
      </c>
      <c r="D18827" s="1" t="s">
        <v>33359</v>
      </c>
      <c r="E18827" s="1" t="s">
        <v>68017</v>
      </c>
      <c r="F18827" s="1" t="s">
        <v>68018</v>
      </c>
      <c r="G18827" s="1" t="s">
        <v>67964</v>
      </c>
      <c r="H18827" s="1" t="s">
        <v>67965</v>
      </c>
      <c r="I18827" s="1" t="s">
        <v>53800</v>
      </c>
      <c r="J18827" s="1" t="s">
        <v>68019</v>
      </c>
    </row>
    <row r="18828" spans="1:10" x14ac:dyDescent="0.35">
      <c r="A18828" s="1" t="s">
        <v>1284</v>
      </c>
      <c r="B18828" s="1" t="s">
        <v>53796</v>
      </c>
      <c r="C18828" s="1" t="s">
        <v>90</v>
      </c>
      <c r="D18828" s="1" t="s">
        <v>68020</v>
      </c>
      <c r="E18828" s="1" t="s">
        <v>68021</v>
      </c>
      <c r="F18828" s="1" t="s">
        <v>68022</v>
      </c>
      <c r="G18828" s="1" t="s">
        <v>67964</v>
      </c>
      <c r="H18828" s="1" t="s">
        <v>67965</v>
      </c>
      <c r="I18828" s="1" t="s">
        <v>53800</v>
      </c>
      <c r="J18828" s="1" t="s">
        <v>68023</v>
      </c>
    </row>
    <row r="18829" spans="1:10" x14ac:dyDescent="0.35">
      <c r="A18829" s="1" t="s">
        <v>1284</v>
      </c>
      <c r="B18829" s="1" t="s">
        <v>53796</v>
      </c>
      <c r="C18829" s="1" t="s">
        <v>95</v>
      </c>
      <c r="D18829" s="1" t="s">
        <v>68024</v>
      </c>
      <c r="E18829" s="1" t="s">
        <v>68025</v>
      </c>
      <c r="F18829" s="1" t="s">
        <v>68026</v>
      </c>
      <c r="G18829" s="1" t="s">
        <v>67964</v>
      </c>
      <c r="H18829" s="1" t="s">
        <v>67965</v>
      </c>
      <c r="I18829" s="1" t="s">
        <v>53800</v>
      </c>
      <c r="J18829" s="1" t="s">
        <v>68027</v>
      </c>
    </row>
    <row r="18830" spans="1:10" x14ac:dyDescent="0.35">
      <c r="A18830" s="1" t="s">
        <v>1284</v>
      </c>
      <c r="B18830" s="1" t="s">
        <v>53796</v>
      </c>
      <c r="C18830" s="1" t="s">
        <v>100</v>
      </c>
      <c r="D18830" s="1" t="s">
        <v>68028</v>
      </c>
      <c r="E18830" s="1" t="s">
        <v>68029</v>
      </c>
      <c r="F18830" s="1" t="s">
        <v>68030</v>
      </c>
      <c r="G18830" s="1" t="s">
        <v>67964</v>
      </c>
      <c r="H18830" s="1" t="s">
        <v>67965</v>
      </c>
      <c r="I18830" s="1" t="s">
        <v>53800</v>
      </c>
      <c r="J18830" s="1" t="s">
        <v>68031</v>
      </c>
    </row>
    <row r="18831" spans="1:10" x14ac:dyDescent="0.35">
      <c r="A18831" s="1" t="s">
        <v>1284</v>
      </c>
      <c r="B18831" s="1" t="s">
        <v>53796</v>
      </c>
      <c r="C18831" s="1" t="s">
        <v>105</v>
      </c>
      <c r="D18831" s="1" t="s">
        <v>68032</v>
      </c>
      <c r="E18831" s="1" t="s">
        <v>68033</v>
      </c>
      <c r="F18831" s="1" t="s">
        <v>68034</v>
      </c>
      <c r="G18831" s="1" t="s">
        <v>67964</v>
      </c>
      <c r="H18831" s="1" t="s">
        <v>67965</v>
      </c>
      <c r="I18831" s="1" t="s">
        <v>53800</v>
      </c>
      <c r="J18831" s="1" t="s">
        <v>68035</v>
      </c>
    </row>
    <row r="18832" spans="1:10" x14ac:dyDescent="0.35">
      <c r="A18832" s="1" t="s">
        <v>1284</v>
      </c>
      <c r="B18832" s="1" t="s">
        <v>53796</v>
      </c>
      <c r="C18832" s="1" t="s">
        <v>110</v>
      </c>
      <c r="D18832" s="1" t="s">
        <v>68036</v>
      </c>
      <c r="E18832" s="1" t="s">
        <v>68037</v>
      </c>
      <c r="F18832" s="1" t="s">
        <v>68038</v>
      </c>
      <c r="G18832" s="1" t="s">
        <v>67964</v>
      </c>
      <c r="H18832" s="1" t="s">
        <v>67965</v>
      </c>
      <c r="I18832" s="1" t="s">
        <v>53800</v>
      </c>
      <c r="J18832" s="1" t="s">
        <v>68039</v>
      </c>
    </row>
    <row r="18833" spans="1:10" x14ac:dyDescent="0.35">
      <c r="A18833" s="1" t="s">
        <v>1284</v>
      </c>
      <c r="B18833" s="1" t="s">
        <v>53796</v>
      </c>
      <c r="C18833" s="1" t="s">
        <v>115</v>
      </c>
      <c r="D18833" s="1" t="s">
        <v>68040</v>
      </c>
      <c r="E18833" s="1" t="s">
        <v>68041</v>
      </c>
      <c r="F18833" s="1" t="s">
        <v>68042</v>
      </c>
      <c r="G18833" s="1" t="s">
        <v>67964</v>
      </c>
      <c r="H18833" s="1" t="s">
        <v>67965</v>
      </c>
      <c r="I18833" s="1" t="s">
        <v>53800</v>
      </c>
      <c r="J18833" s="1" t="s">
        <v>68043</v>
      </c>
    </row>
    <row r="18834" spans="1:10" x14ac:dyDescent="0.35">
      <c r="A18834" s="1" t="s">
        <v>1284</v>
      </c>
      <c r="B18834" s="1" t="s">
        <v>53796</v>
      </c>
      <c r="C18834" s="1" t="s">
        <v>120</v>
      </c>
      <c r="D18834" s="1" t="s">
        <v>68044</v>
      </c>
      <c r="E18834" s="1" t="s">
        <v>68045</v>
      </c>
      <c r="F18834" s="1" t="s">
        <v>68046</v>
      </c>
      <c r="G18834" s="1" t="s">
        <v>67964</v>
      </c>
      <c r="H18834" s="1" t="s">
        <v>67965</v>
      </c>
      <c r="I18834" s="1" t="s">
        <v>53800</v>
      </c>
      <c r="J18834" s="1" t="s">
        <v>68047</v>
      </c>
    </row>
    <row r="18835" spans="1:10" x14ac:dyDescent="0.35">
      <c r="A18835" s="1" t="s">
        <v>1284</v>
      </c>
      <c r="B18835" s="1" t="s">
        <v>53796</v>
      </c>
      <c r="C18835" s="1" t="s">
        <v>125</v>
      </c>
      <c r="D18835" s="1" t="s">
        <v>62872</v>
      </c>
      <c r="E18835" s="1" t="s">
        <v>68048</v>
      </c>
      <c r="F18835" s="1" t="s">
        <v>68049</v>
      </c>
      <c r="G18835" s="1" t="s">
        <v>67964</v>
      </c>
      <c r="H18835" s="1" t="s">
        <v>67965</v>
      </c>
      <c r="I18835" s="1" t="s">
        <v>53800</v>
      </c>
      <c r="J18835" s="1" t="s">
        <v>68050</v>
      </c>
    </row>
    <row r="18836" spans="1:10" x14ac:dyDescent="0.35">
      <c r="A18836" s="1" t="s">
        <v>1284</v>
      </c>
      <c r="B18836" s="1" t="s">
        <v>53796</v>
      </c>
      <c r="C18836" s="1" t="s">
        <v>130</v>
      </c>
      <c r="D18836" s="1" t="s">
        <v>68051</v>
      </c>
      <c r="E18836" s="1" t="s">
        <v>68052</v>
      </c>
      <c r="F18836" s="1" t="s">
        <v>68053</v>
      </c>
      <c r="G18836" s="1" t="s">
        <v>67964</v>
      </c>
      <c r="H18836" s="1" t="s">
        <v>67965</v>
      </c>
      <c r="I18836" s="1" t="s">
        <v>53800</v>
      </c>
      <c r="J18836" s="1" t="s">
        <v>68054</v>
      </c>
    </row>
    <row r="18837" spans="1:10" x14ac:dyDescent="0.35">
      <c r="A18837" s="1" t="s">
        <v>1284</v>
      </c>
      <c r="B18837" s="1" t="s">
        <v>53796</v>
      </c>
      <c r="C18837" s="1" t="s">
        <v>135</v>
      </c>
      <c r="D18837" s="1" t="s">
        <v>68055</v>
      </c>
      <c r="E18837" s="1" t="s">
        <v>68056</v>
      </c>
      <c r="F18837" s="1" t="s">
        <v>68057</v>
      </c>
      <c r="G18837" s="1" t="s">
        <v>67964</v>
      </c>
      <c r="H18837" s="1" t="s">
        <v>67965</v>
      </c>
      <c r="I18837" s="1" t="s">
        <v>53800</v>
      </c>
      <c r="J18837" s="1" t="s">
        <v>68058</v>
      </c>
    </row>
    <row r="18838" spans="1:10" x14ac:dyDescent="0.35">
      <c r="A18838" s="1" t="s">
        <v>1284</v>
      </c>
      <c r="B18838" s="1" t="s">
        <v>53796</v>
      </c>
      <c r="C18838" s="1" t="s">
        <v>140</v>
      </c>
      <c r="D18838" s="1" t="s">
        <v>68059</v>
      </c>
      <c r="E18838" s="1" t="s">
        <v>68060</v>
      </c>
      <c r="F18838" s="1" t="s">
        <v>68061</v>
      </c>
      <c r="G18838" s="1" t="s">
        <v>67964</v>
      </c>
      <c r="H18838" s="1" t="s">
        <v>67965</v>
      </c>
      <c r="I18838" s="1" t="s">
        <v>53800</v>
      </c>
      <c r="J18838" s="1" t="s">
        <v>68062</v>
      </c>
    </row>
    <row r="18839" spans="1:10" x14ac:dyDescent="0.35">
      <c r="A18839" s="1" t="s">
        <v>1284</v>
      </c>
      <c r="B18839" s="1" t="s">
        <v>53796</v>
      </c>
      <c r="C18839" s="1" t="s">
        <v>145</v>
      </c>
      <c r="D18839" s="1" t="s">
        <v>21932</v>
      </c>
      <c r="E18839" s="1" t="s">
        <v>68063</v>
      </c>
      <c r="F18839" s="1" t="s">
        <v>68064</v>
      </c>
      <c r="G18839" s="1" t="s">
        <v>67964</v>
      </c>
      <c r="H18839" s="1" t="s">
        <v>67965</v>
      </c>
      <c r="I18839" s="1" t="s">
        <v>53800</v>
      </c>
      <c r="J18839" s="1" t="s">
        <v>68065</v>
      </c>
    </row>
    <row r="18840" spans="1:10" x14ac:dyDescent="0.35">
      <c r="A18840" s="1" t="s">
        <v>1284</v>
      </c>
      <c r="B18840" s="1" t="s">
        <v>53796</v>
      </c>
      <c r="C18840" s="1" t="s">
        <v>150</v>
      </c>
      <c r="D18840" s="1" t="s">
        <v>68066</v>
      </c>
      <c r="E18840" s="1" t="s">
        <v>68067</v>
      </c>
      <c r="F18840" s="1" t="s">
        <v>68068</v>
      </c>
      <c r="G18840" s="1" t="s">
        <v>67964</v>
      </c>
      <c r="H18840" s="1" t="s">
        <v>67965</v>
      </c>
      <c r="I18840" s="1" t="s">
        <v>53800</v>
      </c>
      <c r="J18840" s="1" t="s">
        <v>68069</v>
      </c>
    </row>
    <row r="18841" spans="1:10" x14ac:dyDescent="0.35">
      <c r="A18841" s="1" t="s">
        <v>1284</v>
      </c>
      <c r="B18841" s="1" t="s">
        <v>53796</v>
      </c>
      <c r="C18841" s="1" t="s">
        <v>155</v>
      </c>
      <c r="D18841" s="1" t="s">
        <v>68070</v>
      </c>
      <c r="E18841" s="1" t="s">
        <v>68071</v>
      </c>
      <c r="F18841" s="1" t="s">
        <v>68072</v>
      </c>
      <c r="G18841" s="1" t="s">
        <v>67964</v>
      </c>
      <c r="H18841" s="1" t="s">
        <v>67965</v>
      </c>
      <c r="I18841" s="1" t="s">
        <v>53800</v>
      </c>
      <c r="J18841" s="1" t="s">
        <v>68073</v>
      </c>
    </row>
    <row r="18842" spans="1:10" x14ac:dyDescent="0.35">
      <c r="A18842" s="1" t="s">
        <v>1284</v>
      </c>
      <c r="B18842" s="1" t="s">
        <v>53796</v>
      </c>
      <c r="C18842" s="1" t="s">
        <v>160</v>
      </c>
      <c r="D18842" s="1" t="s">
        <v>68074</v>
      </c>
      <c r="E18842" s="1" t="s">
        <v>68075</v>
      </c>
      <c r="F18842" s="1" t="s">
        <v>68076</v>
      </c>
      <c r="G18842" s="1" t="s">
        <v>67964</v>
      </c>
      <c r="H18842" s="1" t="s">
        <v>67965</v>
      </c>
      <c r="I18842" s="1" t="s">
        <v>53800</v>
      </c>
      <c r="J18842" s="1" t="s">
        <v>68077</v>
      </c>
    </row>
    <row r="18843" spans="1:10" x14ac:dyDescent="0.35">
      <c r="A18843" s="1" t="s">
        <v>1284</v>
      </c>
      <c r="B18843" s="1" t="s">
        <v>53796</v>
      </c>
      <c r="C18843" s="1" t="s">
        <v>165</v>
      </c>
      <c r="D18843" s="1" t="s">
        <v>68078</v>
      </c>
      <c r="E18843" s="1" t="s">
        <v>68079</v>
      </c>
      <c r="F18843" s="1" t="s">
        <v>68080</v>
      </c>
      <c r="G18843" s="1" t="s">
        <v>67964</v>
      </c>
      <c r="H18843" s="1" t="s">
        <v>67965</v>
      </c>
      <c r="I18843" s="1" t="s">
        <v>53800</v>
      </c>
      <c r="J18843" s="1" t="s">
        <v>68081</v>
      </c>
    </row>
    <row r="18844" spans="1:10" x14ac:dyDescent="0.35">
      <c r="A18844" s="1" t="s">
        <v>1284</v>
      </c>
      <c r="B18844" s="1" t="s">
        <v>53796</v>
      </c>
      <c r="C18844" s="1" t="s">
        <v>170</v>
      </c>
      <c r="D18844" s="1" t="s">
        <v>68082</v>
      </c>
      <c r="E18844" s="1" t="s">
        <v>68083</v>
      </c>
      <c r="F18844" s="1" t="s">
        <v>68084</v>
      </c>
      <c r="G18844" s="1" t="s">
        <v>67964</v>
      </c>
      <c r="H18844" s="1" t="s">
        <v>67965</v>
      </c>
      <c r="I18844" s="1" t="s">
        <v>53800</v>
      </c>
      <c r="J18844" s="1" t="s">
        <v>68085</v>
      </c>
    </row>
    <row r="18845" spans="1:10" x14ac:dyDescent="0.35">
      <c r="A18845" s="1" t="s">
        <v>68086</v>
      </c>
      <c r="B18845" s="1" t="s">
        <v>53796</v>
      </c>
      <c r="C18845" s="1" t="s">
        <v>8</v>
      </c>
      <c r="D18845" s="1" t="s">
        <v>68087</v>
      </c>
      <c r="E18845" s="1" t="s">
        <v>68088</v>
      </c>
      <c r="F18845" s="1" t="s">
        <v>68089</v>
      </c>
      <c r="G18845" s="1" t="s">
        <v>68090</v>
      </c>
      <c r="H18845" s="1" t="s">
        <v>68091</v>
      </c>
      <c r="I18845" s="1" t="s">
        <v>53800</v>
      </c>
      <c r="J18845" s="1" t="s">
        <v>13</v>
      </c>
    </row>
    <row r="18846" spans="1:10" x14ac:dyDescent="0.35">
      <c r="A18846" s="1" t="s">
        <v>68086</v>
      </c>
      <c r="B18846" s="1" t="s">
        <v>53796</v>
      </c>
      <c r="C18846" s="1" t="s">
        <v>15</v>
      </c>
      <c r="D18846" s="1" t="s">
        <v>63631</v>
      </c>
      <c r="E18846" s="1" t="s">
        <v>68092</v>
      </c>
      <c r="F18846" s="1" t="s">
        <v>68093</v>
      </c>
      <c r="G18846" s="1" t="s">
        <v>68090</v>
      </c>
      <c r="H18846" s="1" t="s">
        <v>68091</v>
      </c>
      <c r="I18846" s="1" t="s">
        <v>53800</v>
      </c>
      <c r="J18846" s="1" t="s">
        <v>68094</v>
      </c>
    </row>
    <row r="18847" spans="1:10" x14ac:dyDescent="0.35">
      <c r="A18847" s="1" t="s">
        <v>68086</v>
      </c>
      <c r="B18847" s="1" t="s">
        <v>53796</v>
      </c>
      <c r="C18847" s="1" t="s">
        <v>20</v>
      </c>
      <c r="D18847" s="1" t="s">
        <v>34243</v>
      </c>
      <c r="E18847" s="1" t="s">
        <v>68095</v>
      </c>
      <c r="F18847" s="1" t="s">
        <v>68096</v>
      </c>
      <c r="G18847" s="1" t="s">
        <v>68090</v>
      </c>
      <c r="H18847" s="1" t="s">
        <v>68091</v>
      </c>
      <c r="I18847" s="1" t="s">
        <v>53800</v>
      </c>
      <c r="J18847" s="1" t="s">
        <v>68097</v>
      </c>
    </row>
    <row r="18848" spans="1:10" x14ac:dyDescent="0.35">
      <c r="A18848" s="1" t="s">
        <v>68086</v>
      </c>
      <c r="B18848" s="1" t="s">
        <v>53796</v>
      </c>
      <c r="C18848" s="1" t="s">
        <v>25</v>
      </c>
      <c r="D18848" s="1" t="s">
        <v>68098</v>
      </c>
      <c r="E18848" s="1" t="s">
        <v>68099</v>
      </c>
      <c r="F18848" s="1" t="s">
        <v>68100</v>
      </c>
      <c r="G18848" s="1" t="s">
        <v>68090</v>
      </c>
      <c r="H18848" s="1" t="s">
        <v>68091</v>
      </c>
      <c r="I18848" s="1" t="s">
        <v>53800</v>
      </c>
      <c r="J18848" s="1" t="s">
        <v>68101</v>
      </c>
    </row>
    <row r="18849" spans="1:10" x14ac:dyDescent="0.35">
      <c r="A18849" s="1" t="s">
        <v>68086</v>
      </c>
      <c r="B18849" s="1" t="s">
        <v>53796</v>
      </c>
      <c r="C18849" s="1" t="s">
        <v>30</v>
      </c>
      <c r="D18849" s="1" t="s">
        <v>66164</v>
      </c>
      <c r="E18849" s="1" t="s">
        <v>68102</v>
      </c>
      <c r="F18849" s="1" t="s">
        <v>68103</v>
      </c>
      <c r="G18849" s="1" t="s">
        <v>68090</v>
      </c>
      <c r="H18849" s="1" t="s">
        <v>68091</v>
      </c>
      <c r="I18849" s="1" t="s">
        <v>53800</v>
      </c>
      <c r="J18849" s="1" t="s">
        <v>68104</v>
      </c>
    </row>
    <row r="18850" spans="1:10" x14ac:dyDescent="0.35">
      <c r="A18850" s="1" t="s">
        <v>68086</v>
      </c>
      <c r="B18850" s="1" t="s">
        <v>53796</v>
      </c>
      <c r="C18850" s="1" t="s">
        <v>35</v>
      </c>
      <c r="D18850" s="1" t="s">
        <v>67365</v>
      </c>
      <c r="E18850" s="1" t="s">
        <v>68105</v>
      </c>
      <c r="F18850" s="1" t="s">
        <v>68106</v>
      </c>
      <c r="G18850" s="1" t="s">
        <v>68090</v>
      </c>
      <c r="H18850" s="1" t="s">
        <v>68091</v>
      </c>
      <c r="I18850" s="1" t="s">
        <v>53800</v>
      </c>
      <c r="J18850" s="1" t="s">
        <v>68107</v>
      </c>
    </row>
    <row r="18851" spans="1:10" x14ac:dyDescent="0.35">
      <c r="A18851" s="1" t="s">
        <v>68086</v>
      </c>
      <c r="B18851" s="1" t="s">
        <v>53796</v>
      </c>
      <c r="C18851" s="1" t="s">
        <v>40</v>
      </c>
      <c r="D18851" s="1" t="s">
        <v>68108</v>
      </c>
      <c r="E18851" s="1" t="s">
        <v>68109</v>
      </c>
      <c r="F18851" s="1" t="s">
        <v>68110</v>
      </c>
      <c r="G18851" s="1" t="s">
        <v>68090</v>
      </c>
      <c r="H18851" s="1" t="s">
        <v>68091</v>
      </c>
      <c r="I18851" s="1" t="s">
        <v>53800</v>
      </c>
      <c r="J18851" s="1" t="s">
        <v>68111</v>
      </c>
    </row>
    <row r="18852" spans="1:10" x14ac:dyDescent="0.35">
      <c r="A18852" s="1" t="s">
        <v>68086</v>
      </c>
      <c r="B18852" s="1" t="s">
        <v>53796</v>
      </c>
      <c r="C18852" s="1" t="s">
        <v>45</v>
      </c>
      <c r="D18852" s="1" t="s">
        <v>64423</v>
      </c>
      <c r="E18852" s="1" t="s">
        <v>68112</v>
      </c>
      <c r="F18852" s="1" t="s">
        <v>68113</v>
      </c>
      <c r="G18852" s="1" t="s">
        <v>68090</v>
      </c>
      <c r="H18852" s="1" t="s">
        <v>68091</v>
      </c>
      <c r="I18852" s="1" t="s">
        <v>53800</v>
      </c>
      <c r="J18852" s="1" t="s">
        <v>68114</v>
      </c>
    </row>
    <row r="18853" spans="1:10" x14ac:dyDescent="0.35">
      <c r="A18853" s="1" t="s">
        <v>68086</v>
      </c>
      <c r="B18853" s="1" t="s">
        <v>53796</v>
      </c>
      <c r="C18853" s="1" t="s">
        <v>50</v>
      </c>
      <c r="D18853" s="1" t="s">
        <v>68115</v>
      </c>
      <c r="E18853" s="1" t="s">
        <v>68116</v>
      </c>
      <c r="F18853" s="1" t="s">
        <v>68117</v>
      </c>
      <c r="G18853" s="1" t="s">
        <v>68090</v>
      </c>
      <c r="H18853" s="1" t="s">
        <v>68091</v>
      </c>
      <c r="I18853" s="1" t="s">
        <v>53800</v>
      </c>
      <c r="J18853" s="1" t="s">
        <v>68118</v>
      </c>
    </row>
    <row r="18854" spans="1:10" x14ac:dyDescent="0.35">
      <c r="A18854" s="1" t="s">
        <v>68086</v>
      </c>
      <c r="B18854" s="1" t="s">
        <v>53796</v>
      </c>
      <c r="C18854" s="1" t="s">
        <v>55</v>
      </c>
      <c r="D18854" s="1" t="s">
        <v>68119</v>
      </c>
      <c r="E18854" s="1" t="s">
        <v>68120</v>
      </c>
      <c r="F18854" s="1" t="s">
        <v>68121</v>
      </c>
      <c r="G18854" s="1" t="s">
        <v>68090</v>
      </c>
      <c r="H18854" s="1" t="s">
        <v>68091</v>
      </c>
      <c r="I18854" s="1" t="s">
        <v>53800</v>
      </c>
      <c r="J18854" s="1" t="s">
        <v>68122</v>
      </c>
    </row>
    <row r="18855" spans="1:10" x14ac:dyDescent="0.35">
      <c r="A18855" s="1" t="s">
        <v>68086</v>
      </c>
      <c r="B18855" s="1" t="s">
        <v>53796</v>
      </c>
      <c r="C18855" s="1" t="s">
        <v>60</v>
      </c>
      <c r="D18855" s="1" t="s">
        <v>68123</v>
      </c>
      <c r="E18855" s="1" t="s">
        <v>68124</v>
      </c>
      <c r="F18855" s="1" t="s">
        <v>68125</v>
      </c>
      <c r="G18855" s="1" t="s">
        <v>68090</v>
      </c>
      <c r="H18855" s="1" t="s">
        <v>68091</v>
      </c>
      <c r="I18855" s="1" t="s">
        <v>53800</v>
      </c>
      <c r="J18855" s="1" t="s">
        <v>68126</v>
      </c>
    </row>
    <row r="18856" spans="1:10" x14ac:dyDescent="0.35">
      <c r="A18856" s="1" t="s">
        <v>68086</v>
      </c>
      <c r="B18856" s="1" t="s">
        <v>53796</v>
      </c>
      <c r="C18856" s="1" t="s">
        <v>65</v>
      </c>
      <c r="D18856" s="1" t="s">
        <v>68127</v>
      </c>
      <c r="E18856" s="1" t="s">
        <v>68128</v>
      </c>
      <c r="F18856" s="1" t="s">
        <v>68129</v>
      </c>
      <c r="G18856" s="1" t="s">
        <v>68090</v>
      </c>
      <c r="H18856" s="1" t="s">
        <v>68091</v>
      </c>
      <c r="I18856" s="1" t="s">
        <v>53800</v>
      </c>
      <c r="J18856" s="1" t="s">
        <v>68130</v>
      </c>
    </row>
    <row r="18857" spans="1:10" x14ac:dyDescent="0.35">
      <c r="A18857" s="1" t="s">
        <v>68086</v>
      </c>
      <c r="B18857" s="1" t="s">
        <v>53796</v>
      </c>
      <c r="C18857" s="1" t="s">
        <v>70</v>
      </c>
      <c r="D18857" s="1" t="s">
        <v>68131</v>
      </c>
      <c r="E18857" s="1" t="s">
        <v>68132</v>
      </c>
      <c r="F18857" s="1" t="s">
        <v>68133</v>
      </c>
      <c r="G18857" s="1" t="s">
        <v>68090</v>
      </c>
      <c r="H18857" s="1" t="s">
        <v>68091</v>
      </c>
      <c r="I18857" s="1" t="s">
        <v>53800</v>
      </c>
      <c r="J18857" s="1" t="s">
        <v>68134</v>
      </c>
    </row>
    <row r="18858" spans="1:10" x14ac:dyDescent="0.35">
      <c r="A18858" s="1" t="s">
        <v>68086</v>
      </c>
      <c r="B18858" s="1" t="s">
        <v>53796</v>
      </c>
      <c r="C18858" s="1" t="s">
        <v>75</v>
      </c>
      <c r="D18858" s="1" t="s">
        <v>68135</v>
      </c>
      <c r="E18858" s="1" t="s">
        <v>68136</v>
      </c>
      <c r="F18858" s="1" t="s">
        <v>68137</v>
      </c>
      <c r="G18858" s="1" t="s">
        <v>68090</v>
      </c>
      <c r="H18858" s="1" t="s">
        <v>68091</v>
      </c>
      <c r="I18858" s="1" t="s">
        <v>53800</v>
      </c>
      <c r="J18858" s="1" t="s">
        <v>68138</v>
      </c>
    </row>
    <row r="18859" spans="1:10" x14ac:dyDescent="0.35">
      <c r="A18859" s="1" t="s">
        <v>68086</v>
      </c>
      <c r="B18859" s="1" t="s">
        <v>53796</v>
      </c>
      <c r="C18859" s="1" t="s">
        <v>80</v>
      </c>
      <c r="D18859" s="1" t="s">
        <v>68139</v>
      </c>
      <c r="E18859" s="1" t="s">
        <v>68140</v>
      </c>
      <c r="F18859" s="1" t="s">
        <v>68141</v>
      </c>
      <c r="G18859" s="1" t="s">
        <v>68090</v>
      </c>
      <c r="H18859" s="1" t="s">
        <v>68091</v>
      </c>
      <c r="I18859" s="1" t="s">
        <v>53800</v>
      </c>
      <c r="J18859" s="1" t="s">
        <v>68142</v>
      </c>
    </row>
    <row r="18860" spans="1:10" x14ac:dyDescent="0.35">
      <c r="A18860" s="1" t="s">
        <v>68086</v>
      </c>
      <c r="B18860" s="1" t="s">
        <v>53796</v>
      </c>
      <c r="C18860" s="1" t="s">
        <v>85</v>
      </c>
      <c r="D18860" s="1" t="s">
        <v>68143</v>
      </c>
      <c r="E18860" s="1" t="s">
        <v>68144</v>
      </c>
      <c r="F18860" s="1" t="s">
        <v>68145</v>
      </c>
      <c r="G18860" s="1" t="s">
        <v>68090</v>
      </c>
      <c r="H18860" s="1" t="s">
        <v>68091</v>
      </c>
      <c r="I18860" s="1" t="s">
        <v>53800</v>
      </c>
      <c r="J18860" s="1" t="s">
        <v>68146</v>
      </c>
    </row>
    <row r="18861" spans="1:10" x14ac:dyDescent="0.35">
      <c r="A18861" s="1" t="s">
        <v>68086</v>
      </c>
      <c r="B18861" s="1" t="s">
        <v>53796</v>
      </c>
      <c r="C18861" s="1" t="s">
        <v>90</v>
      </c>
      <c r="D18861" s="1" t="s">
        <v>68147</v>
      </c>
      <c r="E18861" s="1" t="s">
        <v>68148</v>
      </c>
      <c r="F18861" s="1" t="s">
        <v>68149</v>
      </c>
      <c r="G18861" s="1" t="s">
        <v>68090</v>
      </c>
      <c r="H18861" s="1" t="s">
        <v>68091</v>
      </c>
      <c r="I18861" s="1" t="s">
        <v>53800</v>
      </c>
      <c r="J18861" s="1" t="s">
        <v>68150</v>
      </c>
    </row>
    <row r="18862" spans="1:10" x14ac:dyDescent="0.35">
      <c r="A18862" s="1" t="s">
        <v>68086</v>
      </c>
      <c r="B18862" s="1" t="s">
        <v>53796</v>
      </c>
      <c r="C18862" s="1" t="s">
        <v>95</v>
      </c>
      <c r="D18862" s="1" t="s">
        <v>68151</v>
      </c>
      <c r="E18862" s="1" t="s">
        <v>68152</v>
      </c>
      <c r="F18862" s="1" t="s">
        <v>68153</v>
      </c>
      <c r="G18862" s="1" t="s">
        <v>68090</v>
      </c>
      <c r="H18862" s="1" t="s">
        <v>68091</v>
      </c>
      <c r="I18862" s="1" t="s">
        <v>53800</v>
      </c>
      <c r="J18862" s="1" t="s">
        <v>68154</v>
      </c>
    </row>
    <row r="18863" spans="1:10" x14ac:dyDescent="0.35">
      <c r="A18863" s="1" t="s">
        <v>68086</v>
      </c>
      <c r="B18863" s="1" t="s">
        <v>53796</v>
      </c>
      <c r="C18863" s="1" t="s">
        <v>100</v>
      </c>
      <c r="D18863" s="1" t="s">
        <v>68155</v>
      </c>
      <c r="E18863" s="1" t="s">
        <v>68156</v>
      </c>
      <c r="F18863" s="1" t="s">
        <v>68157</v>
      </c>
      <c r="G18863" s="1" t="s">
        <v>68090</v>
      </c>
      <c r="H18863" s="1" t="s">
        <v>68091</v>
      </c>
      <c r="I18863" s="1" t="s">
        <v>53800</v>
      </c>
      <c r="J18863" s="1" t="s">
        <v>68158</v>
      </c>
    </row>
    <row r="18864" spans="1:10" x14ac:dyDescent="0.35">
      <c r="A18864" s="1" t="s">
        <v>68086</v>
      </c>
      <c r="B18864" s="1" t="s">
        <v>53796</v>
      </c>
      <c r="C18864" s="1" t="s">
        <v>105</v>
      </c>
      <c r="D18864" s="1" t="s">
        <v>68159</v>
      </c>
      <c r="E18864" s="1" t="s">
        <v>68160</v>
      </c>
      <c r="F18864" s="1" t="s">
        <v>68161</v>
      </c>
      <c r="G18864" s="1" t="s">
        <v>68090</v>
      </c>
      <c r="H18864" s="1" t="s">
        <v>68091</v>
      </c>
      <c r="I18864" s="1" t="s">
        <v>53800</v>
      </c>
      <c r="J18864" s="1" t="s">
        <v>68162</v>
      </c>
    </row>
    <row r="18865" spans="1:10" x14ac:dyDescent="0.35">
      <c r="A18865" s="1" t="s">
        <v>68086</v>
      </c>
      <c r="B18865" s="1" t="s">
        <v>53796</v>
      </c>
      <c r="C18865" s="1" t="s">
        <v>110</v>
      </c>
      <c r="D18865" s="1" t="s">
        <v>68163</v>
      </c>
      <c r="E18865" s="1" t="s">
        <v>68164</v>
      </c>
      <c r="F18865" s="1" t="s">
        <v>68165</v>
      </c>
      <c r="G18865" s="1" t="s">
        <v>68090</v>
      </c>
      <c r="H18865" s="1" t="s">
        <v>68091</v>
      </c>
      <c r="I18865" s="1" t="s">
        <v>53800</v>
      </c>
      <c r="J18865" s="1" t="s">
        <v>68166</v>
      </c>
    </row>
    <row r="18866" spans="1:10" x14ac:dyDescent="0.35">
      <c r="A18866" s="1" t="s">
        <v>68086</v>
      </c>
      <c r="B18866" s="1" t="s">
        <v>53796</v>
      </c>
      <c r="C18866" s="1" t="s">
        <v>115</v>
      </c>
      <c r="D18866" s="1" t="s">
        <v>68167</v>
      </c>
      <c r="E18866" s="1" t="s">
        <v>68168</v>
      </c>
      <c r="F18866" s="1" t="s">
        <v>68169</v>
      </c>
      <c r="G18866" s="1" t="s">
        <v>68090</v>
      </c>
      <c r="H18866" s="1" t="s">
        <v>68091</v>
      </c>
      <c r="I18866" s="1" t="s">
        <v>53800</v>
      </c>
      <c r="J18866" s="1" t="s">
        <v>68170</v>
      </c>
    </row>
    <row r="18867" spans="1:10" x14ac:dyDescent="0.35">
      <c r="A18867" s="1" t="s">
        <v>68086</v>
      </c>
      <c r="B18867" s="1" t="s">
        <v>53796</v>
      </c>
      <c r="C18867" s="1" t="s">
        <v>120</v>
      </c>
      <c r="D18867" s="1" t="s">
        <v>68171</v>
      </c>
      <c r="E18867" s="1" t="s">
        <v>68172</v>
      </c>
      <c r="F18867" s="1" t="s">
        <v>68173</v>
      </c>
      <c r="G18867" s="1" t="s">
        <v>68090</v>
      </c>
      <c r="H18867" s="1" t="s">
        <v>68091</v>
      </c>
      <c r="I18867" s="1" t="s">
        <v>53800</v>
      </c>
      <c r="J18867" s="1" t="s">
        <v>68174</v>
      </c>
    </row>
    <row r="18868" spans="1:10" x14ac:dyDescent="0.35">
      <c r="A18868" s="1" t="s">
        <v>68086</v>
      </c>
      <c r="B18868" s="1" t="s">
        <v>53796</v>
      </c>
      <c r="C18868" s="1" t="s">
        <v>125</v>
      </c>
      <c r="D18868" s="1" t="s">
        <v>68175</v>
      </c>
      <c r="E18868" s="1" t="s">
        <v>68176</v>
      </c>
      <c r="F18868" s="1" t="s">
        <v>68177</v>
      </c>
      <c r="G18868" s="1" t="s">
        <v>68090</v>
      </c>
      <c r="H18868" s="1" t="s">
        <v>68091</v>
      </c>
      <c r="I18868" s="1" t="s">
        <v>53800</v>
      </c>
      <c r="J18868" s="1" t="s">
        <v>68178</v>
      </c>
    </row>
    <row r="18869" spans="1:10" x14ac:dyDescent="0.35">
      <c r="A18869" s="1" t="s">
        <v>68086</v>
      </c>
      <c r="B18869" s="1" t="s">
        <v>53796</v>
      </c>
      <c r="C18869" s="1" t="s">
        <v>130</v>
      </c>
      <c r="D18869" s="1" t="s">
        <v>68179</v>
      </c>
      <c r="E18869" s="1" t="s">
        <v>68180</v>
      </c>
      <c r="F18869" s="1" t="s">
        <v>68181</v>
      </c>
      <c r="G18869" s="1" t="s">
        <v>68090</v>
      </c>
      <c r="H18869" s="1" t="s">
        <v>68091</v>
      </c>
      <c r="I18869" s="1" t="s">
        <v>53800</v>
      </c>
      <c r="J18869" s="1" t="s">
        <v>68182</v>
      </c>
    </row>
    <row r="18870" spans="1:10" x14ac:dyDescent="0.35">
      <c r="A18870" s="1" t="s">
        <v>68086</v>
      </c>
      <c r="B18870" s="1" t="s">
        <v>53796</v>
      </c>
      <c r="C18870" s="1" t="s">
        <v>135</v>
      </c>
      <c r="D18870" s="1" t="s">
        <v>68183</v>
      </c>
      <c r="E18870" s="1" t="s">
        <v>68184</v>
      </c>
      <c r="F18870" s="1" t="s">
        <v>68185</v>
      </c>
      <c r="G18870" s="1" t="s">
        <v>68090</v>
      </c>
      <c r="H18870" s="1" t="s">
        <v>68091</v>
      </c>
      <c r="I18870" s="1" t="s">
        <v>53800</v>
      </c>
      <c r="J18870" s="1" t="s">
        <v>68186</v>
      </c>
    </row>
    <row r="18871" spans="1:10" x14ac:dyDescent="0.35">
      <c r="A18871" s="1" t="s">
        <v>68086</v>
      </c>
      <c r="B18871" s="1" t="s">
        <v>53796</v>
      </c>
      <c r="C18871" s="1" t="s">
        <v>140</v>
      </c>
      <c r="D18871" s="1" t="s">
        <v>68187</v>
      </c>
      <c r="E18871" s="1" t="s">
        <v>68188</v>
      </c>
      <c r="F18871" s="1" t="s">
        <v>68189</v>
      </c>
      <c r="G18871" s="1" t="s">
        <v>68090</v>
      </c>
      <c r="H18871" s="1" t="s">
        <v>68091</v>
      </c>
      <c r="I18871" s="1" t="s">
        <v>53800</v>
      </c>
      <c r="J18871" s="1" t="s">
        <v>68190</v>
      </c>
    </row>
    <row r="18872" spans="1:10" x14ac:dyDescent="0.35">
      <c r="A18872" s="1" t="s">
        <v>68086</v>
      </c>
      <c r="B18872" s="1" t="s">
        <v>53796</v>
      </c>
      <c r="C18872" s="1" t="s">
        <v>145</v>
      </c>
      <c r="D18872" s="1" t="s">
        <v>58470</v>
      </c>
      <c r="E18872" s="1" t="s">
        <v>68191</v>
      </c>
      <c r="F18872" s="1" t="s">
        <v>68192</v>
      </c>
      <c r="G18872" s="1" t="s">
        <v>68090</v>
      </c>
      <c r="H18872" s="1" t="s">
        <v>68091</v>
      </c>
      <c r="I18872" s="1" t="s">
        <v>53800</v>
      </c>
      <c r="J18872" s="1" t="s">
        <v>68193</v>
      </c>
    </row>
    <row r="18873" spans="1:10" x14ac:dyDescent="0.35">
      <c r="A18873" s="1" t="s">
        <v>68086</v>
      </c>
      <c r="B18873" s="1" t="s">
        <v>53796</v>
      </c>
      <c r="C18873" s="1" t="s">
        <v>150</v>
      </c>
      <c r="D18873" s="1" t="s">
        <v>68194</v>
      </c>
      <c r="E18873" s="1" t="s">
        <v>68195</v>
      </c>
      <c r="F18873" s="1" t="s">
        <v>68196</v>
      </c>
      <c r="G18873" s="1" t="s">
        <v>68090</v>
      </c>
      <c r="H18873" s="1" t="s">
        <v>68091</v>
      </c>
      <c r="I18873" s="1" t="s">
        <v>53800</v>
      </c>
      <c r="J18873" s="1" t="s">
        <v>68197</v>
      </c>
    </row>
    <row r="18874" spans="1:10" x14ac:dyDescent="0.35">
      <c r="A18874" s="1" t="s">
        <v>68086</v>
      </c>
      <c r="B18874" s="1" t="s">
        <v>53796</v>
      </c>
      <c r="C18874" s="1" t="s">
        <v>155</v>
      </c>
      <c r="D18874" s="1" t="s">
        <v>26930</v>
      </c>
      <c r="E18874" s="1" t="s">
        <v>68198</v>
      </c>
      <c r="F18874" s="1" t="s">
        <v>68199</v>
      </c>
      <c r="G18874" s="1" t="s">
        <v>68090</v>
      </c>
      <c r="H18874" s="1" t="s">
        <v>68091</v>
      </c>
      <c r="I18874" s="1" t="s">
        <v>53800</v>
      </c>
      <c r="J18874" s="1" t="s">
        <v>68200</v>
      </c>
    </row>
    <row r="18875" spans="1:10" x14ac:dyDescent="0.35">
      <c r="A18875" s="1" t="s">
        <v>68086</v>
      </c>
      <c r="B18875" s="1" t="s">
        <v>53796</v>
      </c>
      <c r="C18875" s="1" t="s">
        <v>160</v>
      </c>
      <c r="D18875" s="1" t="s">
        <v>20014</v>
      </c>
      <c r="E18875" s="1" t="s">
        <v>68201</v>
      </c>
      <c r="F18875" s="1" t="s">
        <v>68202</v>
      </c>
      <c r="G18875" s="1" t="s">
        <v>68090</v>
      </c>
      <c r="H18875" s="1" t="s">
        <v>68091</v>
      </c>
      <c r="I18875" s="1" t="s">
        <v>53800</v>
      </c>
      <c r="J18875" s="1" t="s">
        <v>68203</v>
      </c>
    </row>
    <row r="18876" spans="1:10" x14ac:dyDescent="0.35">
      <c r="A18876" s="1" t="s">
        <v>68086</v>
      </c>
      <c r="B18876" s="1" t="s">
        <v>53796</v>
      </c>
      <c r="C18876" s="1" t="s">
        <v>165</v>
      </c>
      <c r="D18876" s="1" t="s">
        <v>68204</v>
      </c>
      <c r="E18876" s="1" t="s">
        <v>68205</v>
      </c>
      <c r="F18876" s="1" t="s">
        <v>68206</v>
      </c>
      <c r="G18876" s="1" t="s">
        <v>68090</v>
      </c>
      <c r="H18876" s="1" t="s">
        <v>68091</v>
      </c>
      <c r="I18876" s="1" t="s">
        <v>53800</v>
      </c>
      <c r="J18876" s="1" t="s">
        <v>68207</v>
      </c>
    </row>
    <row r="18877" spans="1:10" x14ac:dyDescent="0.35">
      <c r="A18877" s="1" t="s">
        <v>68086</v>
      </c>
      <c r="B18877" s="1" t="s">
        <v>53796</v>
      </c>
      <c r="C18877" s="1" t="s">
        <v>170</v>
      </c>
      <c r="D18877" s="1" t="s">
        <v>68208</v>
      </c>
      <c r="E18877" s="1" t="s">
        <v>68209</v>
      </c>
      <c r="F18877" s="1" t="s">
        <v>68210</v>
      </c>
      <c r="G18877" s="1" t="s">
        <v>68090</v>
      </c>
      <c r="H18877" s="1" t="s">
        <v>68091</v>
      </c>
      <c r="I18877" s="1" t="s">
        <v>53800</v>
      </c>
      <c r="J18877" s="1" t="s">
        <v>68211</v>
      </c>
    </row>
    <row r="18878" spans="1:10" x14ac:dyDescent="0.35">
      <c r="A18878" s="1" t="s">
        <v>68212</v>
      </c>
      <c r="B18878" s="1" t="s">
        <v>53796</v>
      </c>
      <c r="C18878" s="1" t="s">
        <v>8</v>
      </c>
      <c r="D18878" s="1" t="s">
        <v>60110</v>
      </c>
      <c r="E18878" s="1" t="s">
        <v>41468</v>
      </c>
      <c r="F18878" s="1" t="s">
        <v>21991</v>
      </c>
      <c r="G18878" s="1" t="s">
        <v>68213</v>
      </c>
      <c r="H18878" s="1" t="s">
        <v>68214</v>
      </c>
      <c r="I18878" s="1" t="s">
        <v>53800</v>
      </c>
      <c r="J18878" s="1" t="s">
        <v>13</v>
      </c>
    </row>
    <row r="18879" spans="1:10" x14ac:dyDescent="0.35">
      <c r="A18879" s="1" t="s">
        <v>68212</v>
      </c>
      <c r="B18879" s="1" t="s">
        <v>53796</v>
      </c>
      <c r="C18879" s="1" t="s">
        <v>15</v>
      </c>
      <c r="D18879" s="1" t="s">
        <v>68215</v>
      </c>
      <c r="E18879" s="1" t="s">
        <v>68216</v>
      </c>
      <c r="F18879" s="1" t="s">
        <v>60481</v>
      </c>
      <c r="G18879" s="1" t="s">
        <v>68213</v>
      </c>
      <c r="H18879" s="1" t="s">
        <v>68214</v>
      </c>
      <c r="I18879" s="1" t="s">
        <v>53800</v>
      </c>
      <c r="J18879" s="1" t="s">
        <v>68217</v>
      </c>
    </row>
    <row r="18880" spans="1:10" x14ac:dyDescent="0.35">
      <c r="A18880" s="1" t="s">
        <v>68212</v>
      </c>
      <c r="B18880" s="1" t="s">
        <v>53796</v>
      </c>
      <c r="C18880" s="1" t="s">
        <v>20</v>
      </c>
      <c r="D18880" s="1" t="s">
        <v>68218</v>
      </c>
      <c r="E18880" s="1" t="s">
        <v>56923</v>
      </c>
      <c r="F18880" s="1" t="s">
        <v>65643</v>
      </c>
      <c r="G18880" s="1" t="s">
        <v>68213</v>
      </c>
      <c r="H18880" s="1" t="s">
        <v>68214</v>
      </c>
      <c r="I18880" s="1" t="s">
        <v>53800</v>
      </c>
      <c r="J18880" s="1" t="s">
        <v>68219</v>
      </c>
    </row>
    <row r="18881" spans="1:10" x14ac:dyDescent="0.35">
      <c r="A18881" s="1" t="s">
        <v>68212</v>
      </c>
      <c r="B18881" s="1" t="s">
        <v>53796</v>
      </c>
      <c r="C18881" s="1" t="s">
        <v>25</v>
      </c>
      <c r="D18881" s="1" t="s">
        <v>68220</v>
      </c>
      <c r="E18881" s="1" t="s">
        <v>57018</v>
      </c>
      <c r="F18881" s="1" t="s">
        <v>64761</v>
      </c>
      <c r="G18881" s="1" t="s">
        <v>68213</v>
      </c>
      <c r="H18881" s="1" t="s">
        <v>68214</v>
      </c>
      <c r="I18881" s="1" t="s">
        <v>53800</v>
      </c>
      <c r="J18881" s="1" t="s">
        <v>68221</v>
      </c>
    </row>
    <row r="18882" spans="1:10" x14ac:dyDescent="0.35">
      <c r="A18882" s="1" t="s">
        <v>68212</v>
      </c>
      <c r="B18882" s="1" t="s">
        <v>53796</v>
      </c>
      <c r="C18882" s="1" t="s">
        <v>30</v>
      </c>
      <c r="D18882" s="1" t="s">
        <v>68222</v>
      </c>
      <c r="E18882" s="1" t="s">
        <v>16090</v>
      </c>
      <c r="F18882" s="1" t="s">
        <v>68223</v>
      </c>
      <c r="G18882" s="1" t="s">
        <v>68213</v>
      </c>
      <c r="H18882" s="1" t="s">
        <v>68214</v>
      </c>
      <c r="I18882" s="1" t="s">
        <v>53800</v>
      </c>
      <c r="J18882" s="1" t="s">
        <v>68224</v>
      </c>
    </row>
    <row r="18883" spans="1:10" x14ac:dyDescent="0.35">
      <c r="A18883" s="1" t="s">
        <v>68212</v>
      </c>
      <c r="B18883" s="1" t="s">
        <v>53796</v>
      </c>
      <c r="C18883" s="1" t="s">
        <v>35</v>
      </c>
      <c r="D18883" s="1" t="s">
        <v>68225</v>
      </c>
      <c r="E18883" s="1" t="s">
        <v>54383</v>
      </c>
      <c r="F18883" s="1" t="s">
        <v>68226</v>
      </c>
      <c r="G18883" s="1" t="s">
        <v>68213</v>
      </c>
      <c r="H18883" s="1" t="s">
        <v>68214</v>
      </c>
      <c r="I18883" s="1" t="s">
        <v>53800</v>
      </c>
      <c r="J18883" s="1" t="s">
        <v>68227</v>
      </c>
    </row>
    <row r="18884" spans="1:10" x14ac:dyDescent="0.35">
      <c r="A18884" s="1" t="s">
        <v>68212</v>
      </c>
      <c r="B18884" s="1" t="s">
        <v>53796</v>
      </c>
      <c r="C18884" s="1" t="s">
        <v>40</v>
      </c>
      <c r="D18884" s="1" t="s">
        <v>68228</v>
      </c>
      <c r="E18884" s="1" t="s">
        <v>68229</v>
      </c>
      <c r="F18884" s="1" t="s">
        <v>62673</v>
      </c>
      <c r="G18884" s="1" t="s">
        <v>68213</v>
      </c>
      <c r="H18884" s="1" t="s">
        <v>68214</v>
      </c>
      <c r="I18884" s="1" t="s">
        <v>53800</v>
      </c>
      <c r="J18884" s="1" t="s">
        <v>68230</v>
      </c>
    </row>
    <row r="18885" spans="1:10" x14ac:dyDescent="0.35">
      <c r="A18885" s="1" t="s">
        <v>68212</v>
      </c>
      <c r="B18885" s="1" t="s">
        <v>53796</v>
      </c>
      <c r="C18885" s="1" t="s">
        <v>45</v>
      </c>
      <c r="D18885" s="1" t="s">
        <v>68231</v>
      </c>
      <c r="E18885" s="1" t="s">
        <v>68232</v>
      </c>
      <c r="F18885" s="1" t="s">
        <v>68233</v>
      </c>
      <c r="G18885" s="1" t="s">
        <v>68213</v>
      </c>
      <c r="H18885" s="1" t="s">
        <v>68214</v>
      </c>
      <c r="I18885" s="1" t="s">
        <v>53800</v>
      </c>
      <c r="J18885" s="1" t="s">
        <v>68234</v>
      </c>
    </row>
    <row r="18886" spans="1:10" x14ac:dyDescent="0.35">
      <c r="A18886" s="1" t="s">
        <v>68212</v>
      </c>
      <c r="B18886" s="1" t="s">
        <v>53796</v>
      </c>
      <c r="C18886" s="1" t="s">
        <v>50</v>
      </c>
      <c r="D18886" s="1" t="s">
        <v>68235</v>
      </c>
      <c r="E18886" s="1" t="s">
        <v>21201</v>
      </c>
      <c r="F18886" s="1" t="s">
        <v>68236</v>
      </c>
      <c r="G18886" s="1" t="s">
        <v>68213</v>
      </c>
      <c r="H18886" s="1" t="s">
        <v>68214</v>
      </c>
      <c r="I18886" s="1" t="s">
        <v>53800</v>
      </c>
      <c r="J18886" s="1" t="s">
        <v>68237</v>
      </c>
    </row>
    <row r="18887" spans="1:10" x14ac:dyDescent="0.35">
      <c r="A18887" s="1" t="s">
        <v>68212</v>
      </c>
      <c r="B18887" s="1" t="s">
        <v>53796</v>
      </c>
      <c r="C18887" s="1" t="s">
        <v>55</v>
      </c>
      <c r="D18887" s="1" t="s">
        <v>68238</v>
      </c>
      <c r="E18887" s="1" t="s">
        <v>68239</v>
      </c>
      <c r="F18887" s="1" t="s">
        <v>68240</v>
      </c>
      <c r="G18887" s="1" t="s">
        <v>68213</v>
      </c>
      <c r="H18887" s="1" t="s">
        <v>68214</v>
      </c>
      <c r="I18887" s="1" t="s">
        <v>53800</v>
      </c>
      <c r="J18887" s="1" t="s">
        <v>68241</v>
      </c>
    </row>
    <row r="18888" spans="1:10" x14ac:dyDescent="0.35">
      <c r="A18888" s="1" t="s">
        <v>68212</v>
      </c>
      <c r="B18888" s="1" t="s">
        <v>53796</v>
      </c>
      <c r="C18888" s="1" t="s">
        <v>60</v>
      </c>
      <c r="D18888" s="1" t="s">
        <v>68242</v>
      </c>
      <c r="E18888" s="1" t="s">
        <v>15245</v>
      </c>
      <c r="F18888" s="1" t="s">
        <v>63826</v>
      </c>
      <c r="G18888" s="1" t="s">
        <v>68213</v>
      </c>
      <c r="H18888" s="1" t="s">
        <v>68214</v>
      </c>
      <c r="I18888" s="1" t="s">
        <v>53800</v>
      </c>
      <c r="J18888" s="1" t="s">
        <v>68243</v>
      </c>
    </row>
    <row r="18889" spans="1:10" x14ac:dyDescent="0.35">
      <c r="A18889" s="1" t="s">
        <v>68212</v>
      </c>
      <c r="B18889" s="1" t="s">
        <v>53796</v>
      </c>
      <c r="C18889" s="1" t="s">
        <v>65</v>
      </c>
      <c r="D18889" s="1" t="s">
        <v>68244</v>
      </c>
      <c r="E18889" s="1" t="s">
        <v>57926</v>
      </c>
      <c r="F18889" s="1" t="s">
        <v>68245</v>
      </c>
      <c r="G18889" s="1" t="s">
        <v>68213</v>
      </c>
      <c r="H18889" s="1" t="s">
        <v>68214</v>
      </c>
      <c r="I18889" s="1" t="s">
        <v>53800</v>
      </c>
      <c r="J18889" s="1" t="s">
        <v>68246</v>
      </c>
    </row>
    <row r="18890" spans="1:10" x14ac:dyDescent="0.35">
      <c r="A18890" s="1" t="s">
        <v>68212</v>
      </c>
      <c r="B18890" s="1" t="s">
        <v>53796</v>
      </c>
      <c r="C18890" s="1" t="s">
        <v>70</v>
      </c>
      <c r="D18890" s="1" t="s">
        <v>67612</v>
      </c>
      <c r="E18890" s="1" t="s">
        <v>55308</v>
      </c>
      <c r="F18890" s="1" t="s">
        <v>68247</v>
      </c>
      <c r="G18890" s="1" t="s">
        <v>68213</v>
      </c>
      <c r="H18890" s="1" t="s">
        <v>68214</v>
      </c>
      <c r="I18890" s="1" t="s">
        <v>53800</v>
      </c>
      <c r="J18890" s="1" t="s">
        <v>68248</v>
      </c>
    </row>
    <row r="18891" spans="1:10" x14ac:dyDescent="0.35">
      <c r="A18891" s="1" t="s">
        <v>68212</v>
      </c>
      <c r="B18891" s="1" t="s">
        <v>53796</v>
      </c>
      <c r="C18891" s="1" t="s">
        <v>75</v>
      </c>
      <c r="D18891" s="1" t="s">
        <v>68249</v>
      </c>
      <c r="E18891" s="1" t="s">
        <v>21737</v>
      </c>
      <c r="F18891" s="1" t="s">
        <v>60550</v>
      </c>
      <c r="G18891" s="1" t="s">
        <v>68213</v>
      </c>
      <c r="H18891" s="1" t="s">
        <v>68214</v>
      </c>
      <c r="I18891" s="1" t="s">
        <v>53800</v>
      </c>
      <c r="J18891" s="1" t="s">
        <v>68250</v>
      </c>
    </row>
    <row r="18892" spans="1:10" x14ac:dyDescent="0.35">
      <c r="A18892" s="1" t="s">
        <v>68212</v>
      </c>
      <c r="B18892" s="1" t="s">
        <v>53796</v>
      </c>
      <c r="C18892" s="1" t="s">
        <v>80</v>
      </c>
      <c r="D18892" s="1" t="s">
        <v>68251</v>
      </c>
      <c r="E18892" s="1" t="s">
        <v>68252</v>
      </c>
      <c r="F18892" s="1" t="s">
        <v>68253</v>
      </c>
      <c r="G18892" s="1" t="s">
        <v>68213</v>
      </c>
      <c r="H18892" s="1" t="s">
        <v>68214</v>
      </c>
      <c r="I18892" s="1" t="s">
        <v>53800</v>
      </c>
      <c r="J18892" s="1" t="s">
        <v>68254</v>
      </c>
    </row>
    <row r="18893" spans="1:10" x14ac:dyDescent="0.35">
      <c r="A18893" s="1" t="s">
        <v>68212</v>
      </c>
      <c r="B18893" s="1" t="s">
        <v>53796</v>
      </c>
      <c r="C18893" s="1" t="s">
        <v>85</v>
      </c>
      <c r="D18893" s="1" t="s">
        <v>68255</v>
      </c>
      <c r="E18893" s="1" t="s">
        <v>68256</v>
      </c>
      <c r="F18893" s="1" t="s">
        <v>67754</v>
      </c>
      <c r="G18893" s="1" t="s">
        <v>68213</v>
      </c>
      <c r="H18893" s="1" t="s">
        <v>68214</v>
      </c>
      <c r="I18893" s="1" t="s">
        <v>53800</v>
      </c>
      <c r="J18893" s="1" t="s">
        <v>68257</v>
      </c>
    </row>
    <row r="18894" spans="1:10" x14ac:dyDescent="0.35">
      <c r="A18894" s="1" t="s">
        <v>68212</v>
      </c>
      <c r="B18894" s="1" t="s">
        <v>53796</v>
      </c>
      <c r="C18894" s="1" t="s">
        <v>90</v>
      </c>
      <c r="D18894" s="1" t="s">
        <v>68258</v>
      </c>
      <c r="E18894" s="1" t="s">
        <v>22103</v>
      </c>
      <c r="F18894" s="1" t="s">
        <v>55116</v>
      </c>
      <c r="G18894" s="1" t="s">
        <v>68213</v>
      </c>
      <c r="H18894" s="1" t="s">
        <v>68214</v>
      </c>
      <c r="I18894" s="1" t="s">
        <v>53800</v>
      </c>
      <c r="J18894" s="1" t="s">
        <v>68259</v>
      </c>
    </row>
    <row r="18895" spans="1:10" x14ac:dyDescent="0.35">
      <c r="A18895" s="1" t="s">
        <v>68212</v>
      </c>
      <c r="B18895" s="1" t="s">
        <v>53796</v>
      </c>
      <c r="C18895" s="1" t="s">
        <v>95</v>
      </c>
      <c r="D18895" s="1" t="s">
        <v>56569</v>
      </c>
      <c r="E18895" s="1" t="s">
        <v>21783</v>
      </c>
      <c r="F18895" s="1" t="s">
        <v>68260</v>
      </c>
      <c r="G18895" s="1" t="s">
        <v>68213</v>
      </c>
      <c r="H18895" s="1" t="s">
        <v>68214</v>
      </c>
      <c r="I18895" s="1" t="s">
        <v>53800</v>
      </c>
      <c r="J18895" s="1" t="s">
        <v>68261</v>
      </c>
    </row>
    <row r="18896" spans="1:10" x14ac:dyDescent="0.35">
      <c r="A18896" s="1" t="s">
        <v>68212</v>
      </c>
      <c r="B18896" s="1" t="s">
        <v>53796</v>
      </c>
      <c r="C18896" s="1" t="s">
        <v>100</v>
      </c>
      <c r="D18896" s="1" t="s">
        <v>23558</v>
      </c>
      <c r="E18896" s="1" t="s">
        <v>41395</v>
      </c>
      <c r="F18896" s="1" t="s">
        <v>68262</v>
      </c>
      <c r="G18896" s="1" t="s">
        <v>68213</v>
      </c>
      <c r="H18896" s="1" t="s">
        <v>68214</v>
      </c>
      <c r="I18896" s="1" t="s">
        <v>53800</v>
      </c>
      <c r="J18896" s="1" t="s">
        <v>68263</v>
      </c>
    </row>
    <row r="18897" spans="1:10" x14ac:dyDescent="0.35">
      <c r="A18897" s="1" t="s">
        <v>68212</v>
      </c>
      <c r="B18897" s="1" t="s">
        <v>53796</v>
      </c>
      <c r="C18897" s="1" t="s">
        <v>105</v>
      </c>
      <c r="D18897" s="1" t="s">
        <v>68264</v>
      </c>
      <c r="E18897" s="1" t="s">
        <v>16094</v>
      </c>
      <c r="F18897" s="1" t="s">
        <v>68265</v>
      </c>
      <c r="G18897" s="1" t="s">
        <v>68213</v>
      </c>
      <c r="H18897" s="1" t="s">
        <v>68214</v>
      </c>
      <c r="I18897" s="1" t="s">
        <v>53800</v>
      </c>
      <c r="J18897" s="1" t="s">
        <v>68266</v>
      </c>
    </row>
    <row r="18898" spans="1:10" x14ac:dyDescent="0.35">
      <c r="A18898" s="1" t="s">
        <v>68212</v>
      </c>
      <c r="B18898" s="1" t="s">
        <v>53796</v>
      </c>
      <c r="C18898" s="1" t="s">
        <v>110</v>
      </c>
      <c r="D18898" s="1" t="s">
        <v>68267</v>
      </c>
      <c r="E18898" s="1" t="s">
        <v>68268</v>
      </c>
      <c r="F18898" s="1" t="s">
        <v>55421</v>
      </c>
      <c r="G18898" s="1" t="s">
        <v>68213</v>
      </c>
      <c r="H18898" s="1" t="s">
        <v>68214</v>
      </c>
      <c r="I18898" s="1" t="s">
        <v>53800</v>
      </c>
      <c r="J18898" s="1" t="s">
        <v>68269</v>
      </c>
    </row>
    <row r="18899" spans="1:10" x14ac:dyDescent="0.35">
      <c r="A18899" s="1" t="s">
        <v>68212</v>
      </c>
      <c r="B18899" s="1" t="s">
        <v>53796</v>
      </c>
      <c r="C18899" s="1" t="s">
        <v>115</v>
      </c>
      <c r="D18899" s="1" t="s">
        <v>68270</v>
      </c>
      <c r="E18899" s="1" t="s">
        <v>12864</v>
      </c>
      <c r="F18899" s="1" t="s">
        <v>68271</v>
      </c>
      <c r="G18899" s="1" t="s">
        <v>68213</v>
      </c>
      <c r="H18899" s="1" t="s">
        <v>68214</v>
      </c>
      <c r="I18899" s="1" t="s">
        <v>53800</v>
      </c>
      <c r="J18899" s="1" t="s">
        <v>68272</v>
      </c>
    </row>
    <row r="18900" spans="1:10" x14ac:dyDescent="0.35">
      <c r="A18900" s="1" t="s">
        <v>68212</v>
      </c>
      <c r="B18900" s="1" t="s">
        <v>53796</v>
      </c>
      <c r="C18900" s="1" t="s">
        <v>120</v>
      </c>
      <c r="D18900" s="1" t="s">
        <v>68273</v>
      </c>
      <c r="E18900" s="1" t="s">
        <v>58862</v>
      </c>
      <c r="F18900" s="1" t="s">
        <v>58744</v>
      </c>
      <c r="G18900" s="1" t="s">
        <v>68213</v>
      </c>
      <c r="H18900" s="1" t="s">
        <v>68214</v>
      </c>
      <c r="I18900" s="1" t="s">
        <v>53800</v>
      </c>
      <c r="J18900" s="1" t="s">
        <v>68274</v>
      </c>
    </row>
    <row r="18901" spans="1:10" x14ac:dyDescent="0.35">
      <c r="A18901" s="1" t="s">
        <v>68212</v>
      </c>
      <c r="B18901" s="1" t="s">
        <v>53796</v>
      </c>
      <c r="C18901" s="1" t="s">
        <v>125</v>
      </c>
      <c r="D18901" s="1" t="s">
        <v>68275</v>
      </c>
      <c r="E18901" s="1" t="s">
        <v>58409</v>
      </c>
      <c r="F18901" s="1" t="s">
        <v>68276</v>
      </c>
      <c r="G18901" s="1" t="s">
        <v>68213</v>
      </c>
      <c r="H18901" s="1" t="s">
        <v>68214</v>
      </c>
      <c r="I18901" s="1" t="s">
        <v>53800</v>
      </c>
      <c r="J18901" s="1" t="s">
        <v>68277</v>
      </c>
    </row>
    <row r="18902" spans="1:10" x14ac:dyDescent="0.35">
      <c r="A18902" s="1" t="s">
        <v>68212</v>
      </c>
      <c r="B18902" s="1" t="s">
        <v>53796</v>
      </c>
      <c r="C18902" s="1" t="s">
        <v>130</v>
      </c>
      <c r="D18902" s="1" t="s">
        <v>68278</v>
      </c>
      <c r="E18902" s="1" t="s">
        <v>58783</v>
      </c>
      <c r="F18902" s="1" t="s">
        <v>68279</v>
      </c>
      <c r="G18902" s="1" t="s">
        <v>68213</v>
      </c>
      <c r="H18902" s="1" t="s">
        <v>68214</v>
      </c>
      <c r="I18902" s="1" t="s">
        <v>53800</v>
      </c>
      <c r="J18902" s="1" t="s">
        <v>68280</v>
      </c>
    </row>
    <row r="18903" spans="1:10" x14ac:dyDescent="0.35">
      <c r="A18903" s="1" t="s">
        <v>68212</v>
      </c>
      <c r="B18903" s="1" t="s">
        <v>53796</v>
      </c>
      <c r="C18903" s="1" t="s">
        <v>135</v>
      </c>
      <c r="D18903" s="1" t="s">
        <v>68281</v>
      </c>
      <c r="E18903" s="1" t="s">
        <v>54467</v>
      </c>
      <c r="F18903" s="1" t="s">
        <v>66853</v>
      </c>
      <c r="G18903" s="1" t="s">
        <v>68213</v>
      </c>
      <c r="H18903" s="1" t="s">
        <v>68214</v>
      </c>
      <c r="I18903" s="1" t="s">
        <v>53800</v>
      </c>
      <c r="J18903" s="1" t="s">
        <v>68282</v>
      </c>
    </row>
    <row r="18904" spans="1:10" x14ac:dyDescent="0.35">
      <c r="A18904" s="1" t="s">
        <v>68212</v>
      </c>
      <c r="B18904" s="1" t="s">
        <v>53796</v>
      </c>
      <c r="C18904" s="1" t="s">
        <v>140</v>
      </c>
      <c r="D18904" s="1" t="s">
        <v>68283</v>
      </c>
      <c r="E18904" s="1" t="s">
        <v>15221</v>
      </c>
      <c r="F18904" s="1" t="s">
        <v>68284</v>
      </c>
      <c r="G18904" s="1" t="s">
        <v>68213</v>
      </c>
      <c r="H18904" s="1" t="s">
        <v>68214</v>
      </c>
      <c r="I18904" s="1" t="s">
        <v>53800</v>
      </c>
      <c r="J18904" s="1" t="s">
        <v>68285</v>
      </c>
    </row>
    <row r="18905" spans="1:10" x14ac:dyDescent="0.35">
      <c r="A18905" s="1" t="s">
        <v>68212</v>
      </c>
      <c r="B18905" s="1" t="s">
        <v>53796</v>
      </c>
      <c r="C18905" s="1" t="s">
        <v>145</v>
      </c>
      <c r="D18905" s="1" t="s">
        <v>65299</v>
      </c>
      <c r="E18905" s="1" t="s">
        <v>53936</v>
      </c>
      <c r="F18905" s="1" t="s">
        <v>68286</v>
      </c>
      <c r="G18905" s="1" t="s">
        <v>68213</v>
      </c>
      <c r="H18905" s="1" t="s">
        <v>68214</v>
      </c>
      <c r="I18905" s="1" t="s">
        <v>53800</v>
      </c>
      <c r="J18905" s="1" t="s">
        <v>68287</v>
      </c>
    </row>
    <row r="18906" spans="1:10" x14ac:dyDescent="0.35">
      <c r="A18906" s="1" t="s">
        <v>68212</v>
      </c>
      <c r="B18906" s="1" t="s">
        <v>53796</v>
      </c>
      <c r="C18906" s="1" t="s">
        <v>150</v>
      </c>
      <c r="D18906" s="1" t="s">
        <v>68288</v>
      </c>
      <c r="E18906" s="1" t="s">
        <v>54783</v>
      </c>
      <c r="F18906" s="1" t="s">
        <v>68289</v>
      </c>
      <c r="G18906" s="1" t="s">
        <v>68213</v>
      </c>
      <c r="H18906" s="1" t="s">
        <v>68214</v>
      </c>
      <c r="I18906" s="1" t="s">
        <v>53800</v>
      </c>
      <c r="J18906" s="1" t="s">
        <v>68290</v>
      </c>
    </row>
    <row r="18907" spans="1:10" x14ac:dyDescent="0.35">
      <c r="A18907" s="1" t="s">
        <v>68212</v>
      </c>
      <c r="B18907" s="1" t="s">
        <v>53796</v>
      </c>
      <c r="C18907" s="1" t="s">
        <v>155</v>
      </c>
      <c r="D18907" s="1" t="s">
        <v>68291</v>
      </c>
      <c r="E18907" s="1" t="s">
        <v>23232</v>
      </c>
      <c r="F18907" s="1" t="s">
        <v>31739</v>
      </c>
      <c r="G18907" s="1" t="s">
        <v>68213</v>
      </c>
      <c r="H18907" s="1" t="s">
        <v>68214</v>
      </c>
      <c r="I18907" s="1" t="s">
        <v>53800</v>
      </c>
      <c r="J18907" s="1" t="s">
        <v>68292</v>
      </c>
    </row>
    <row r="18908" spans="1:10" x14ac:dyDescent="0.35">
      <c r="A18908" s="1" t="s">
        <v>68212</v>
      </c>
      <c r="B18908" s="1" t="s">
        <v>53796</v>
      </c>
      <c r="C18908" s="1" t="s">
        <v>160</v>
      </c>
      <c r="D18908" s="1" t="s">
        <v>68293</v>
      </c>
      <c r="E18908" s="1" t="s">
        <v>68294</v>
      </c>
      <c r="F18908" s="1" t="s">
        <v>68295</v>
      </c>
      <c r="G18908" s="1" t="s">
        <v>68213</v>
      </c>
      <c r="H18908" s="1" t="s">
        <v>68214</v>
      </c>
      <c r="I18908" s="1" t="s">
        <v>53800</v>
      </c>
      <c r="J18908" s="1" t="s">
        <v>68296</v>
      </c>
    </row>
    <row r="18909" spans="1:10" x14ac:dyDescent="0.35">
      <c r="A18909" s="1" t="s">
        <v>68212</v>
      </c>
      <c r="B18909" s="1" t="s">
        <v>53796</v>
      </c>
      <c r="C18909" s="1" t="s">
        <v>165</v>
      </c>
      <c r="D18909" s="1" t="s">
        <v>68297</v>
      </c>
      <c r="E18909" s="1" t="s">
        <v>56956</v>
      </c>
      <c r="F18909" s="1" t="s">
        <v>67280</v>
      </c>
      <c r="G18909" s="1" t="s">
        <v>68213</v>
      </c>
      <c r="H18909" s="1" t="s">
        <v>68214</v>
      </c>
      <c r="I18909" s="1" t="s">
        <v>53800</v>
      </c>
      <c r="J18909" s="1" t="s">
        <v>68298</v>
      </c>
    </row>
    <row r="18910" spans="1:10" x14ac:dyDescent="0.35">
      <c r="A18910" s="1" t="s">
        <v>68212</v>
      </c>
      <c r="B18910" s="1" t="s">
        <v>53796</v>
      </c>
      <c r="C18910" s="1" t="s">
        <v>170</v>
      </c>
      <c r="D18910" s="1" t="s">
        <v>68299</v>
      </c>
      <c r="E18910" s="1" t="s">
        <v>23210</v>
      </c>
      <c r="F18910" s="1" t="s">
        <v>68300</v>
      </c>
      <c r="G18910" s="1" t="s">
        <v>68213</v>
      </c>
      <c r="H18910" s="1" t="s">
        <v>68214</v>
      </c>
      <c r="I18910" s="1" t="s">
        <v>53800</v>
      </c>
      <c r="J18910" s="1" t="s">
        <v>68301</v>
      </c>
    </row>
    <row r="18911" spans="1:10" x14ac:dyDescent="0.35">
      <c r="A18911" s="1" t="s">
        <v>68302</v>
      </c>
      <c r="B18911" s="1" t="s">
        <v>53796</v>
      </c>
      <c r="C18911" s="1" t="s">
        <v>8</v>
      </c>
      <c r="D18911" s="1" t="s">
        <v>56556</v>
      </c>
      <c r="E18911" s="1" t="s">
        <v>15369</v>
      </c>
      <c r="F18911" s="1" t="s">
        <v>58869</v>
      </c>
      <c r="G18911" s="1" t="s">
        <v>68303</v>
      </c>
      <c r="H18911" s="1" t="s">
        <v>68304</v>
      </c>
      <c r="I18911" s="1" t="s">
        <v>53800</v>
      </c>
      <c r="J18911" s="1" t="s">
        <v>13</v>
      </c>
    </row>
    <row r="18912" spans="1:10" x14ac:dyDescent="0.35">
      <c r="A18912" s="1" t="s">
        <v>68302</v>
      </c>
      <c r="B18912" s="1" t="s">
        <v>53796</v>
      </c>
      <c r="C18912" s="1" t="s">
        <v>15</v>
      </c>
      <c r="D18912" s="1" t="s">
        <v>68305</v>
      </c>
      <c r="E18912" s="1" t="s">
        <v>54032</v>
      </c>
      <c r="F18912" s="1" t="s">
        <v>68306</v>
      </c>
      <c r="G18912" s="1" t="s">
        <v>68303</v>
      </c>
      <c r="H18912" s="1" t="s">
        <v>68304</v>
      </c>
      <c r="I18912" s="1" t="s">
        <v>53800</v>
      </c>
      <c r="J18912" s="1" t="s">
        <v>68307</v>
      </c>
    </row>
    <row r="18913" spans="1:10" x14ac:dyDescent="0.35">
      <c r="A18913" s="1" t="s">
        <v>68302</v>
      </c>
      <c r="B18913" s="1" t="s">
        <v>53796</v>
      </c>
      <c r="C18913" s="1" t="s">
        <v>20</v>
      </c>
      <c r="D18913" s="1" t="s">
        <v>56573</v>
      </c>
      <c r="E18913" s="1" t="s">
        <v>32365</v>
      </c>
      <c r="F18913" s="1" t="s">
        <v>68308</v>
      </c>
      <c r="G18913" s="1" t="s">
        <v>68303</v>
      </c>
      <c r="H18913" s="1" t="s">
        <v>68304</v>
      </c>
      <c r="I18913" s="1" t="s">
        <v>53800</v>
      </c>
      <c r="J18913" s="1" t="s">
        <v>68309</v>
      </c>
    </row>
    <row r="18914" spans="1:10" x14ac:dyDescent="0.35">
      <c r="A18914" s="1" t="s">
        <v>68302</v>
      </c>
      <c r="B18914" s="1" t="s">
        <v>53796</v>
      </c>
      <c r="C18914" s="1" t="s">
        <v>25</v>
      </c>
      <c r="D18914" s="1" t="s">
        <v>64266</v>
      </c>
      <c r="E18914" s="1" t="s">
        <v>57305</v>
      </c>
      <c r="F18914" s="1" t="s">
        <v>68310</v>
      </c>
      <c r="G18914" s="1" t="s">
        <v>68303</v>
      </c>
      <c r="H18914" s="1" t="s">
        <v>68304</v>
      </c>
      <c r="I18914" s="1" t="s">
        <v>53800</v>
      </c>
      <c r="J18914" s="1" t="s">
        <v>68311</v>
      </c>
    </row>
    <row r="18915" spans="1:10" x14ac:dyDescent="0.35">
      <c r="A18915" s="1" t="s">
        <v>68302</v>
      </c>
      <c r="B18915" s="1" t="s">
        <v>53796</v>
      </c>
      <c r="C18915" s="1" t="s">
        <v>30</v>
      </c>
      <c r="D18915" s="1" t="s">
        <v>68312</v>
      </c>
      <c r="E18915" s="1" t="s">
        <v>12841</v>
      </c>
      <c r="F18915" s="1" t="s">
        <v>68313</v>
      </c>
      <c r="G18915" s="1" t="s">
        <v>68303</v>
      </c>
      <c r="H18915" s="1" t="s">
        <v>68304</v>
      </c>
      <c r="I18915" s="1" t="s">
        <v>53800</v>
      </c>
      <c r="J18915" s="1" t="s">
        <v>68314</v>
      </c>
    </row>
    <row r="18916" spans="1:10" x14ac:dyDescent="0.35">
      <c r="A18916" s="1" t="s">
        <v>68302</v>
      </c>
      <c r="B18916" s="1" t="s">
        <v>53796</v>
      </c>
      <c r="C18916" s="1" t="s">
        <v>35</v>
      </c>
      <c r="D18916" s="1" t="s">
        <v>68315</v>
      </c>
      <c r="E18916" s="1" t="s">
        <v>41425</v>
      </c>
      <c r="F18916" s="1" t="s">
        <v>68316</v>
      </c>
      <c r="G18916" s="1" t="s">
        <v>68303</v>
      </c>
      <c r="H18916" s="1" t="s">
        <v>68304</v>
      </c>
      <c r="I18916" s="1" t="s">
        <v>53800</v>
      </c>
      <c r="J18916" s="1" t="s">
        <v>68317</v>
      </c>
    </row>
    <row r="18917" spans="1:10" x14ac:dyDescent="0.35">
      <c r="A18917" s="1" t="s">
        <v>68302</v>
      </c>
      <c r="B18917" s="1" t="s">
        <v>53796</v>
      </c>
      <c r="C18917" s="1" t="s">
        <v>40</v>
      </c>
      <c r="D18917" s="1" t="s">
        <v>68318</v>
      </c>
      <c r="E18917" s="1" t="s">
        <v>68319</v>
      </c>
      <c r="F18917" s="1" t="s">
        <v>68320</v>
      </c>
      <c r="G18917" s="1" t="s">
        <v>68303</v>
      </c>
      <c r="H18917" s="1" t="s">
        <v>68304</v>
      </c>
      <c r="I18917" s="1" t="s">
        <v>53800</v>
      </c>
      <c r="J18917" s="1" t="s">
        <v>68321</v>
      </c>
    </row>
    <row r="18918" spans="1:10" x14ac:dyDescent="0.35">
      <c r="A18918" s="1" t="s">
        <v>68302</v>
      </c>
      <c r="B18918" s="1" t="s">
        <v>53796</v>
      </c>
      <c r="C18918" s="1" t="s">
        <v>45</v>
      </c>
      <c r="D18918" s="1" t="s">
        <v>68322</v>
      </c>
      <c r="E18918" s="1" t="s">
        <v>12825</v>
      </c>
      <c r="F18918" s="1" t="s">
        <v>56240</v>
      </c>
      <c r="G18918" s="1" t="s">
        <v>68303</v>
      </c>
      <c r="H18918" s="1" t="s">
        <v>68304</v>
      </c>
      <c r="I18918" s="1" t="s">
        <v>53800</v>
      </c>
      <c r="J18918" s="1" t="s">
        <v>68323</v>
      </c>
    </row>
    <row r="18919" spans="1:10" x14ac:dyDescent="0.35">
      <c r="A18919" s="1" t="s">
        <v>68302</v>
      </c>
      <c r="B18919" s="1" t="s">
        <v>53796</v>
      </c>
      <c r="C18919" s="1" t="s">
        <v>50</v>
      </c>
      <c r="D18919" s="1" t="s">
        <v>68324</v>
      </c>
      <c r="E18919" s="1" t="s">
        <v>55377</v>
      </c>
      <c r="F18919" s="1" t="s">
        <v>55214</v>
      </c>
      <c r="G18919" s="1" t="s">
        <v>68303</v>
      </c>
      <c r="H18919" s="1" t="s">
        <v>68304</v>
      </c>
      <c r="I18919" s="1" t="s">
        <v>53800</v>
      </c>
      <c r="J18919" s="1" t="s">
        <v>68325</v>
      </c>
    </row>
    <row r="18920" spans="1:10" x14ac:dyDescent="0.35">
      <c r="A18920" s="1" t="s">
        <v>68302</v>
      </c>
      <c r="B18920" s="1" t="s">
        <v>53796</v>
      </c>
      <c r="C18920" s="1" t="s">
        <v>55</v>
      </c>
      <c r="D18920" s="1" t="s">
        <v>68326</v>
      </c>
      <c r="E18920" s="1" t="s">
        <v>58768</v>
      </c>
      <c r="F18920" s="1" t="s">
        <v>68327</v>
      </c>
      <c r="G18920" s="1" t="s">
        <v>68303</v>
      </c>
      <c r="H18920" s="1" t="s">
        <v>68304</v>
      </c>
      <c r="I18920" s="1" t="s">
        <v>53800</v>
      </c>
      <c r="J18920" s="1" t="s">
        <v>68328</v>
      </c>
    </row>
    <row r="18921" spans="1:10" x14ac:dyDescent="0.35">
      <c r="A18921" s="1" t="s">
        <v>68302</v>
      </c>
      <c r="B18921" s="1" t="s">
        <v>53796</v>
      </c>
      <c r="C18921" s="1" t="s">
        <v>60</v>
      </c>
      <c r="D18921" s="1" t="s">
        <v>68329</v>
      </c>
      <c r="E18921" s="1" t="s">
        <v>54207</v>
      </c>
      <c r="F18921" s="1" t="s">
        <v>60428</v>
      </c>
      <c r="G18921" s="1" t="s">
        <v>68303</v>
      </c>
      <c r="H18921" s="1" t="s">
        <v>68304</v>
      </c>
      <c r="I18921" s="1" t="s">
        <v>53800</v>
      </c>
      <c r="J18921" s="1" t="s">
        <v>68330</v>
      </c>
    </row>
    <row r="18922" spans="1:10" x14ac:dyDescent="0.35">
      <c r="A18922" s="1" t="s">
        <v>68302</v>
      </c>
      <c r="B18922" s="1" t="s">
        <v>53796</v>
      </c>
      <c r="C18922" s="1" t="s">
        <v>65</v>
      </c>
      <c r="D18922" s="1" t="s">
        <v>68331</v>
      </c>
      <c r="E18922" s="1" t="s">
        <v>59249</v>
      </c>
      <c r="F18922" s="1" t="s">
        <v>68332</v>
      </c>
      <c r="G18922" s="1" t="s">
        <v>68303</v>
      </c>
      <c r="H18922" s="1" t="s">
        <v>68304</v>
      </c>
      <c r="I18922" s="1" t="s">
        <v>53800</v>
      </c>
      <c r="J18922" s="1" t="s">
        <v>68333</v>
      </c>
    </row>
    <row r="18923" spans="1:10" x14ac:dyDescent="0.35">
      <c r="A18923" s="1" t="s">
        <v>68302</v>
      </c>
      <c r="B18923" s="1" t="s">
        <v>53796</v>
      </c>
      <c r="C18923" s="1" t="s">
        <v>70</v>
      </c>
      <c r="D18923" s="1" t="s">
        <v>68334</v>
      </c>
      <c r="E18923" s="1" t="s">
        <v>57099</v>
      </c>
      <c r="F18923" s="1" t="s">
        <v>68335</v>
      </c>
      <c r="G18923" s="1" t="s">
        <v>68303</v>
      </c>
      <c r="H18923" s="1" t="s">
        <v>68304</v>
      </c>
      <c r="I18923" s="1" t="s">
        <v>53800</v>
      </c>
      <c r="J18923" s="1" t="s">
        <v>68336</v>
      </c>
    </row>
    <row r="18924" spans="1:10" x14ac:dyDescent="0.35">
      <c r="A18924" s="1" t="s">
        <v>68302</v>
      </c>
      <c r="B18924" s="1" t="s">
        <v>53796</v>
      </c>
      <c r="C18924" s="1" t="s">
        <v>75</v>
      </c>
      <c r="D18924" s="1" t="s">
        <v>68337</v>
      </c>
      <c r="E18924" s="1" t="s">
        <v>24213</v>
      </c>
      <c r="F18924" s="1" t="s">
        <v>57568</v>
      </c>
      <c r="G18924" s="1" t="s">
        <v>68303</v>
      </c>
      <c r="H18924" s="1" t="s">
        <v>68304</v>
      </c>
      <c r="I18924" s="1" t="s">
        <v>53800</v>
      </c>
      <c r="J18924" s="1" t="s">
        <v>68338</v>
      </c>
    </row>
    <row r="18925" spans="1:10" x14ac:dyDescent="0.35">
      <c r="A18925" s="1" t="s">
        <v>68302</v>
      </c>
      <c r="B18925" s="1" t="s">
        <v>53796</v>
      </c>
      <c r="C18925" s="1" t="s">
        <v>80</v>
      </c>
      <c r="D18925" s="1" t="s">
        <v>68339</v>
      </c>
      <c r="E18925" s="1" t="s">
        <v>12853</v>
      </c>
      <c r="F18925" s="1" t="s">
        <v>68340</v>
      </c>
      <c r="G18925" s="1" t="s">
        <v>68303</v>
      </c>
      <c r="H18925" s="1" t="s">
        <v>68304</v>
      </c>
      <c r="I18925" s="1" t="s">
        <v>53800</v>
      </c>
      <c r="J18925" s="1" t="s">
        <v>68341</v>
      </c>
    </row>
    <row r="18926" spans="1:10" x14ac:dyDescent="0.35">
      <c r="A18926" s="1" t="s">
        <v>68302</v>
      </c>
      <c r="B18926" s="1" t="s">
        <v>53796</v>
      </c>
      <c r="C18926" s="1" t="s">
        <v>85</v>
      </c>
      <c r="D18926" s="1" t="s">
        <v>68342</v>
      </c>
      <c r="E18926" s="1" t="s">
        <v>55586</v>
      </c>
      <c r="F18926" s="1" t="s">
        <v>27108</v>
      </c>
      <c r="G18926" s="1" t="s">
        <v>68303</v>
      </c>
      <c r="H18926" s="1" t="s">
        <v>68304</v>
      </c>
      <c r="I18926" s="1" t="s">
        <v>53800</v>
      </c>
      <c r="J18926" s="1" t="s">
        <v>68343</v>
      </c>
    </row>
    <row r="18927" spans="1:10" x14ac:dyDescent="0.35">
      <c r="A18927" s="1" t="s">
        <v>68302</v>
      </c>
      <c r="B18927" s="1" t="s">
        <v>53796</v>
      </c>
      <c r="C18927" s="1" t="s">
        <v>90</v>
      </c>
      <c r="D18927" s="1" t="s">
        <v>68344</v>
      </c>
      <c r="E18927" s="1" t="s">
        <v>56250</v>
      </c>
      <c r="F18927" s="1" t="s">
        <v>60172</v>
      </c>
      <c r="G18927" s="1" t="s">
        <v>68303</v>
      </c>
      <c r="H18927" s="1" t="s">
        <v>68304</v>
      </c>
      <c r="I18927" s="1" t="s">
        <v>53800</v>
      </c>
      <c r="J18927" s="1" t="s">
        <v>68345</v>
      </c>
    </row>
    <row r="18928" spans="1:10" x14ac:dyDescent="0.35">
      <c r="A18928" s="1" t="s">
        <v>68302</v>
      </c>
      <c r="B18928" s="1" t="s">
        <v>53796</v>
      </c>
      <c r="C18928" s="1" t="s">
        <v>95</v>
      </c>
      <c r="D18928" s="1" t="s">
        <v>68346</v>
      </c>
      <c r="E18928" s="1" t="s">
        <v>22290</v>
      </c>
      <c r="F18928" s="1" t="s">
        <v>68347</v>
      </c>
      <c r="G18928" s="1" t="s">
        <v>68303</v>
      </c>
      <c r="H18928" s="1" t="s">
        <v>68304</v>
      </c>
      <c r="I18928" s="1" t="s">
        <v>53800</v>
      </c>
      <c r="J18928" s="1" t="s">
        <v>68348</v>
      </c>
    </row>
    <row r="18929" spans="1:10" x14ac:dyDescent="0.35">
      <c r="A18929" s="1" t="s">
        <v>68302</v>
      </c>
      <c r="B18929" s="1" t="s">
        <v>53796</v>
      </c>
      <c r="C18929" s="1" t="s">
        <v>100</v>
      </c>
      <c r="D18929" s="1" t="s">
        <v>40788</v>
      </c>
      <c r="E18929" s="1" t="s">
        <v>58783</v>
      </c>
      <c r="F18929" s="1" t="s">
        <v>68349</v>
      </c>
      <c r="G18929" s="1" t="s">
        <v>68303</v>
      </c>
      <c r="H18929" s="1" t="s">
        <v>68304</v>
      </c>
      <c r="I18929" s="1" t="s">
        <v>53800</v>
      </c>
      <c r="J18929" s="1" t="s">
        <v>68350</v>
      </c>
    </row>
    <row r="18930" spans="1:10" x14ac:dyDescent="0.35">
      <c r="A18930" s="1" t="s">
        <v>68302</v>
      </c>
      <c r="B18930" s="1" t="s">
        <v>53796</v>
      </c>
      <c r="C18930" s="1" t="s">
        <v>105</v>
      </c>
      <c r="D18930" s="1" t="s">
        <v>68351</v>
      </c>
      <c r="E18930" s="1" t="s">
        <v>63935</v>
      </c>
      <c r="F18930" s="1" t="s">
        <v>68352</v>
      </c>
      <c r="G18930" s="1" t="s">
        <v>68303</v>
      </c>
      <c r="H18930" s="1" t="s">
        <v>68304</v>
      </c>
      <c r="I18930" s="1" t="s">
        <v>53800</v>
      </c>
      <c r="J18930" s="1" t="s">
        <v>68353</v>
      </c>
    </row>
    <row r="18931" spans="1:10" x14ac:dyDescent="0.35">
      <c r="A18931" s="1" t="s">
        <v>68302</v>
      </c>
      <c r="B18931" s="1" t="s">
        <v>53796</v>
      </c>
      <c r="C18931" s="1" t="s">
        <v>110</v>
      </c>
      <c r="D18931" s="1" t="s">
        <v>68354</v>
      </c>
      <c r="E18931" s="1" t="s">
        <v>55907</v>
      </c>
      <c r="F18931" s="1" t="s">
        <v>68355</v>
      </c>
      <c r="G18931" s="1" t="s">
        <v>68303</v>
      </c>
      <c r="H18931" s="1" t="s">
        <v>68304</v>
      </c>
      <c r="I18931" s="1" t="s">
        <v>53800</v>
      </c>
      <c r="J18931" s="1" t="s">
        <v>68356</v>
      </c>
    </row>
    <row r="18932" spans="1:10" x14ac:dyDescent="0.35">
      <c r="A18932" s="1" t="s">
        <v>68302</v>
      </c>
      <c r="B18932" s="1" t="s">
        <v>53796</v>
      </c>
      <c r="C18932" s="1" t="s">
        <v>115</v>
      </c>
      <c r="D18932" s="1" t="s">
        <v>68357</v>
      </c>
      <c r="E18932" s="1" t="s">
        <v>27137</v>
      </c>
      <c r="F18932" s="1" t="s">
        <v>64547</v>
      </c>
      <c r="G18932" s="1" t="s">
        <v>68303</v>
      </c>
      <c r="H18932" s="1" t="s">
        <v>68304</v>
      </c>
      <c r="I18932" s="1" t="s">
        <v>53800</v>
      </c>
      <c r="J18932" s="1" t="s">
        <v>68358</v>
      </c>
    </row>
    <row r="18933" spans="1:10" x14ac:dyDescent="0.35">
      <c r="A18933" s="1" t="s">
        <v>68302</v>
      </c>
      <c r="B18933" s="1" t="s">
        <v>53796</v>
      </c>
      <c r="C18933" s="1" t="s">
        <v>120</v>
      </c>
      <c r="D18933" s="1" t="s">
        <v>68359</v>
      </c>
      <c r="E18933" s="1" t="s">
        <v>12868</v>
      </c>
      <c r="F18933" s="1" t="s">
        <v>68360</v>
      </c>
      <c r="G18933" s="1" t="s">
        <v>68303</v>
      </c>
      <c r="H18933" s="1" t="s">
        <v>68304</v>
      </c>
      <c r="I18933" s="1" t="s">
        <v>53800</v>
      </c>
      <c r="J18933" s="1" t="s">
        <v>68361</v>
      </c>
    </row>
    <row r="18934" spans="1:10" x14ac:dyDescent="0.35">
      <c r="A18934" s="1" t="s">
        <v>68302</v>
      </c>
      <c r="B18934" s="1" t="s">
        <v>53796</v>
      </c>
      <c r="C18934" s="1" t="s">
        <v>125</v>
      </c>
      <c r="D18934" s="1" t="s">
        <v>68362</v>
      </c>
      <c r="E18934" s="1" t="s">
        <v>24401</v>
      </c>
      <c r="F18934" s="1" t="s">
        <v>55326</v>
      </c>
      <c r="G18934" s="1" t="s">
        <v>68303</v>
      </c>
      <c r="H18934" s="1" t="s">
        <v>68304</v>
      </c>
      <c r="I18934" s="1" t="s">
        <v>53800</v>
      </c>
      <c r="J18934" s="1" t="s">
        <v>68363</v>
      </c>
    </row>
    <row r="18935" spans="1:10" x14ac:dyDescent="0.35">
      <c r="A18935" s="1" t="s">
        <v>68302</v>
      </c>
      <c r="B18935" s="1" t="s">
        <v>53796</v>
      </c>
      <c r="C18935" s="1" t="s">
        <v>130</v>
      </c>
      <c r="D18935" s="1" t="s">
        <v>68364</v>
      </c>
      <c r="E18935" s="1" t="s">
        <v>22294</v>
      </c>
      <c r="F18935" s="1" t="s">
        <v>68365</v>
      </c>
      <c r="G18935" s="1" t="s">
        <v>68303</v>
      </c>
      <c r="H18935" s="1" t="s">
        <v>68304</v>
      </c>
      <c r="I18935" s="1" t="s">
        <v>53800</v>
      </c>
      <c r="J18935" s="1" t="s">
        <v>68366</v>
      </c>
    </row>
    <row r="18936" spans="1:10" x14ac:dyDescent="0.35">
      <c r="A18936" s="1" t="s">
        <v>68302</v>
      </c>
      <c r="B18936" s="1" t="s">
        <v>53796</v>
      </c>
      <c r="C18936" s="1" t="s">
        <v>135</v>
      </c>
      <c r="D18936" s="1" t="s">
        <v>68367</v>
      </c>
      <c r="E18936" s="1" t="s">
        <v>31445</v>
      </c>
      <c r="F18936" s="1" t="s">
        <v>68368</v>
      </c>
      <c r="G18936" s="1" t="s">
        <v>68303</v>
      </c>
      <c r="H18936" s="1" t="s">
        <v>68304</v>
      </c>
      <c r="I18936" s="1" t="s">
        <v>53800</v>
      </c>
      <c r="J18936" s="1" t="s">
        <v>68369</v>
      </c>
    </row>
    <row r="18937" spans="1:10" x14ac:dyDescent="0.35">
      <c r="A18937" s="1" t="s">
        <v>68302</v>
      </c>
      <c r="B18937" s="1" t="s">
        <v>53796</v>
      </c>
      <c r="C18937" s="1" t="s">
        <v>140</v>
      </c>
      <c r="D18937" s="1" t="s">
        <v>68370</v>
      </c>
      <c r="E18937" s="1" t="s">
        <v>32365</v>
      </c>
      <c r="F18937" s="1" t="s">
        <v>64276</v>
      </c>
      <c r="G18937" s="1" t="s">
        <v>68303</v>
      </c>
      <c r="H18937" s="1" t="s">
        <v>68304</v>
      </c>
      <c r="I18937" s="1" t="s">
        <v>53800</v>
      </c>
      <c r="J18937" s="1" t="s">
        <v>68371</v>
      </c>
    </row>
    <row r="18938" spans="1:10" x14ac:dyDescent="0.35">
      <c r="A18938" s="1" t="s">
        <v>68302</v>
      </c>
      <c r="B18938" s="1" t="s">
        <v>53796</v>
      </c>
      <c r="C18938" s="1" t="s">
        <v>145</v>
      </c>
      <c r="D18938" s="1" t="s">
        <v>68372</v>
      </c>
      <c r="E18938" s="1" t="s">
        <v>15336</v>
      </c>
      <c r="F18938" s="1" t="s">
        <v>68373</v>
      </c>
      <c r="G18938" s="1" t="s">
        <v>68303</v>
      </c>
      <c r="H18938" s="1" t="s">
        <v>68304</v>
      </c>
      <c r="I18938" s="1" t="s">
        <v>53800</v>
      </c>
      <c r="J18938" s="1" t="s">
        <v>68374</v>
      </c>
    </row>
    <row r="18939" spans="1:10" x14ac:dyDescent="0.35">
      <c r="A18939" s="1" t="s">
        <v>68302</v>
      </c>
      <c r="B18939" s="1" t="s">
        <v>53796</v>
      </c>
      <c r="C18939" s="1" t="s">
        <v>150</v>
      </c>
      <c r="D18939" s="1" t="s">
        <v>68375</v>
      </c>
      <c r="E18939" s="1" t="s">
        <v>26564</v>
      </c>
      <c r="F18939" s="1" t="s">
        <v>68376</v>
      </c>
      <c r="G18939" s="1" t="s">
        <v>68303</v>
      </c>
      <c r="H18939" s="1" t="s">
        <v>68304</v>
      </c>
      <c r="I18939" s="1" t="s">
        <v>53800</v>
      </c>
      <c r="J18939" s="1" t="s">
        <v>68377</v>
      </c>
    </row>
    <row r="18940" spans="1:10" x14ac:dyDescent="0.35">
      <c r="A18940" s="1" t="s">
        <v>68302</v>
      </c>
      <c r="B18940" s="1" t="s">
        <v>53796</v>
      </c>
      <c r="C18940" s="1" t="s">
        <v>155</v>
      </c>
      <c r="D18940" s="1" t="s">
        <v>65595</v>
      </c>
      <c r="E18940" s="1" t="s">
        <v>64743</v>
      </c>
      <c r="F18940" s="1" t="s">
        <v>32073</v>
      </c>
      <c r="G18940" s="1" t="s">
        <v>68303</v>
      </c>
      <c r="H18940" s="1" t="s">
        <v>68304</v>
      </c>
      <c r="I18940" s="1" t="s">
        <v>53800</v>
      </c>
      <c r="J18940" s="1" t="s">
        <v>68378</v>
      </c>
    </row>
    <row r="18941" spans="1:10" x14ac:dyDescent="0.35">
      <c r="A18941" s="1" t="s">
        <v>68302</v>
      </c>
      <c r="B18941" s="1" t="s">
        <v>53796</v>
      </c>
      <c r="C18941" s="1" t="s">
        <v>160</v>
      </c>
      <c r="D18941" s="1" t="s">
        <v>68379</v>
      </c>
      <c r="E18941" s="1" t="s">
        <v>68380</v>
      </c>
      <c r="F18941" s="1" t="s">
        <v>68381</v>
      </c>
      <c r="G18941" s="1" t="s">
        <v>68303</v>
      </c>
      <c r="H18941" s="1" t="s">
        <v>68304</v>
      </c>
      <c r="I18941" s="1" t="s">
        <v>53800</v>
      </c>
      <c r="J18941" s="1" t="s">
        <v>68382</v>
      </c>
    </row>
    <row r="18942" spans="1:10" x14ac:dyDescent="0.35">
      <c r="A18942" s="1" t="s">
        <v>68302</v>
      </c>
      <c r="B18942" s="1" t="s">
        <v>53796</v>
      </c>
      <c r="C18942" s="1" t="s">
        <v>165</v>
      </c>
      <c r="D18942" s="1" t="s">
        <v>68383</v>
      </c>
      <c r="E18942" s="1" t="s">
        <v>65706</v>
      </c>
      <c r="F18942" s="1" t="s">
        <v>68384</v>
      </c>
      <c r="G18942" s="1" t="s">
        <v>68303</v>
      </c>
      <c r="H18942" s="1" t="s">
        <v>68304</v>
      </c>
      <c r="I18942" s="1" t="s">
        <v>53800</v>
      </c>
      <c r="J18942" s="1" t="s">
        <v>68385</v>
      </c>
    </row>
    <row r="18943" spans="1:10" x14ac:dyDescent="0.35">
      <c r="A18943" s="1" t="s">
        <v>68302</v>
      </c>
      <c r="B18943" s="1" t="s">
        <v>53796</v>
      </c>
      <c r="C18943" s="1" t="s">
        <v>170</v>
      </c>
      <c r="D18943" s="1" t="s">
        <v>38968</v>
      </c>
      <c r="E18943" s="1" t="s">
        <v>32595</v>
      </c>
      <c r="F18943" s="1" t="s">
        <v>32352</v>
      </c>
      <c r="G18943" s="1" t="s">
        <v>68303</v>
      </c>
      <c r="H18943" s="1" t="s">
        <v>68304</v>
      </c>
      <c r="I18943" s="1" t="s">
        <v>53800</v>
      </c>
      <c r="J18943" s="1" t="s">
        <v>68386</v>
      </c>
    </row>
    <row r="18944" spans="1:10" x14ac:dyDescent="0.35">
      <c r="A18944" s="1" t="s">
        <v>1870</v>
      </c>
      <c r="B18944" s="1" t="s">
        <v>53796</v>
      </c>
      <c r="C18944" s="1" t="s">
        <v>8</v>
      </c>
      <c r="D18944" s="1" t="s">
        <v>68387</v>
      </c>
      <c r="E18944" s="1" t="s">
        <v>23262</v>
      </c>
      <c r="F18944" s="1" t="s">
        <v>68388</v>
      </c>
      <c r="G18944" s="1" t="s">
        <v>68389</v>
      </c>
      <c r="H18944" s="1" t="s">
        <v>68390</v>
      </c>
      <c r="I18944" s="1" t="s">
        <v>53800</v>
      </c>
      <c r="J18944" s="1" t="s">
        <v>13</v>
      </c>
    </row>
    <row r="18945" spans="1:10" x14ac:dyDescent="0.35">
      <c r="A18945" s="1" t="s">
        <v>1870</v>
      </c>
      <c r="B18945" s="1" t="s">
        <v>53796</v>
      </c>
      <c r="C18945" s="1" t="s">
        <v>15</v>
      </c>
      <c r="D18945" s="1" t="s">
        <v>22671</v>
      </c>
      <c r="E18945" s="1" t="s">
        <v>54783</v>
      </c>
      <c r="F18945" s="1" t="s">
        <v>58222</v>
      </c>
      <c r="G18945" s="1" t="s">
        <v>68389</v>
      </c>
      <c r="H18945" s="1" t="s">
        <v>68390</v>
      </c>
      <c r="I18945" s="1" t="s">
        <v>53800</v>
      </c>
      <c r="J18945" s="1" t="s">
        <v>68391</v>
      </c>
    </row>
    <row r="18946" spans="1:10" x14ac:dyDescent="0.35">
      <c r="A18946" s="1" t="s">
        <v>1870</v>
      </c>
      <c r="B18946" s="1" t="s">
        <v>53796</v>
      </c>
      <c r="C18946" s="1" t="s">
        <v>20</v>
      </c>
      <c r="D18946" s="1" t="s">
        <v>68392</v>
      </c>
      <c r="E18946" s="1" t="s">
        <v>15927</v>
      </c>
      <c r="F18946" s="1" t="s">
        <v>66878</v>
      </c>
      <c r="G18946" s="1" t="s">
        <v>68389</v>
      </c>
      <c r="H18946" s="1" t="s">
        <v>68390</v>
      </c>
      <c r="I18946" s="1" t="s">
        <v>53800</v>
      </c>
      <c r="J18946" s="1" t="s">
        <v>68393</v>
      </c>
    </row>
    <row r="18947" spans="1:10" x14ac:dyDescent="0.35">
      <c r="A18947" s="1" t="s">
        <v>1870</v>
      </c>
      <c r="B18947" s="1" t="s">
        <v>53796</v>
      </c>
      <c r="C18947" s="1" t="s">
        <v>25</v>
      </c>
      <c r="D18947" s="1" t="s">
        <v>68394</v>
      </c>
      <c r="E18947" s="1" t="s">
        <v>15328</v>
      </c>
      <c r="F18947" s="1" t="s">
        <v>61193</v>
      </c>
      <c r="G18947" s="1" t="s">
        <v>68389</v>
      </c>
      <c r="H18947" s="1" t="s">
        <v>68390</v>
      </c>
      <c r="I18947" s="1" t="s">
        <v>53800</v>
      </c>
      <c r="J18947" s="1" t="s">
        <v>68395</v>
      </c>
    </row>
    <row r="18948" spans="1:10" x14ac:dyDescent="0.35">
      <c r="A18948" s="1" t="s">
        <v>1870</v>
      </c>
      <c r="B18948" s="1" t="s">
        <v>53796</v>
      </c>
      <c r="C18948" s="1" t="s">
        <v>30</v>
      </c>
      <c r="D18948" s="1" t="s">
        <v>68396</v>
      </c>
      <c r="E18948" s="1" t="s">
        <v>57156</v>
      </c>
      <c r="F18948" s="1" t="s">
        <v>68397</v>
      </c>
      <c r="G18948" s="1" t="s">
        <v>68389</v>
      </c>
      <c r="H18948" s="1" t="s">
        <v>68390</v>
      </c>
      <c r="I18948" s="1" t="s">
        <v>53800</v>
      </c>
      <c r="J18948" s="1" t="s">
        <v>68398</v>
      </c>
    </row>
    <row r="18949" spans="1:10" x14ac:dyDescent="0.35">
      <c r="A18949" s="1" t="s">
        <v>1870</v>
      </c>
      <c r="B18949" s="1" t="s">
        <v>53796</v>
      </c>
      <c r="C18949" s="1" t="s">
        <v>35</v>
      </c>
      <c r="D18949" s="1" t="s">
        <v>68399</v>
      </c>
      <c r="E18949" s="1" t="s">
        <v>26600</v>
      </c>
      <c r="F18949" s="1" t="s">
        <v>57036</v>
      </c>
      <c r="G18949" s="1" t="s">
        <v>68389</v>
      </c>
      <c r="H18949" s="1" t="s">
        <v>68390</v>
      </c>
      <c r="I18949" s="1" t="s">
        <v>53800</v>
      </c>
      <c r="J18949" s="1" t="s">
        <v>68400</v>
      </c>
    </row>
    <row r="18950" spans="1:10" x14ac:dyDescent="0.35">
      <c r="A18950" s="1" t="s">
        <v>1870</v>
      </c>
      <c r="B18950" s="1" t="s">
        <v>53796</v>
      </c>
      <c r="C18950" s="1" t="s">
        <v>40</v>
      </c>
      <c r="D18950" s="1" t="s">
        <v>68401</v>
      </c>
      <c r="E18950" s="1" t="s">
        <v>41294</v>
      </c>
      <c r="F18950" s="1" t="s">
        <v>68402</v>
      </c>
      <c r="G18950" s="1" t="s">
        <v>68389</v>
      </c>
      <c r="H18950" s="1" t="s">
        <v>68390</v>
      </c>
      <c r="I18950" s="1" t="s">
        <v>53800</v>
      </c>
      <c r="J18950" s="1" t="s">
        <v>68403</v>
      </c>
    </row>
    <row r="18951" spans="1:10" x14ac:dyDescent="0.35">
      <c r="A18951" s="1" t="s">
        <v>1870</v>
      </c>
      <c r="B18951" s="1" t="s">
        <v>53796</v>
      </c>
      <c r="C18951" s="1" t="s">
        <v>45</v>
      </c>
      <c r="D18951" s="1" t="s">
        <v>68404</v>
      </c>
      <c r="E18951" s="1" t="s">
        <v>15365</v>
      </c>
      <c r="F18951" s="1" t="s">
        <v>68405</v>
      </c>
      <c r="G18951" s="1" t="s">
        <v>68389</v>
      </c>
      <c r="H18951" s="1" t="s">
        <v>68390</v>
      </c>
      <c r="I18951" s="1" t="s">
        <v>53800</v>
      </c>
      <c r="J18951" s="1" t="s">
        <v>68406</v>
      </c>
    </row>
    <row r="18952" spans="1:10" x14ac:dyDescent="0.35">
      <c r="A18952" s="1" t="s">
        <v>1870</v>
      </c>
      <c r="B18952" s="1" t="s">
        <v>53796</v>
      </c>
      <c r="C18952" s="1" t="s">
        <v>50</v>
      </c>
      <c r="D18952" s="1" t="s">
        <v>68407</v>
      </c>
      <c r="E18952" s="1" t="s">
        <v>26202</v>
      </c>
      <c r="F18952" s="1" t="s">
        <v>65572</v>
      </c>
      <c r="G18952" s="1" t="s">
        <v>68389</v>
      </c>
      <c r="H18952" s="1" t="s">
        <v>68390</v>
      </c>
      <c r="I18952" s="1" t="s">
        <v>53800</v>
      </c>
      <c r="J18952" s="1" t="s">
        <v>68408</v>
      </c>
    </row>
    <row r="18953" spans="1:10" x14ac:dyDescent="0.35">
      <c r="A18953" s="1" t="s">
        <v>1870</v>
      </c>
      <c r="B18953" s="1" t="s">
        <v>53796</v>
      </c>
      <c r="C18953" s="1" t="s">
        <v>55</v>
      </c>
      <c r="D18953" s="1" t="s">
        <v>68409</v>
      </c>
      <c r="E18953" s="1" t="s">
        <v>68410</v>
      </c>
      <c r="F18953" s="1" t="s">
        <v>66069</v>
      </c>
      <c r="G18953" s="1" t="s">
        <v>68389</v>
      </c>
      <c r="H18953" s="1" t="s">
        <v>68390</v>
      </c>
      <c r="I18953" s="1" t="s">
        <v>53800</v>
      </c>
      <c r="J18953" s="1" t="s">
        <v>68411</v>
      </c>
    </row>
    <row r="18954" spans="1:10" x14ac:dyDescent="0.35">
      <c r="A18954" s="1" t="s">
        <v>1870</v>
      </c>
      <c r="B18954" s="1" t="s">
        <v>53796</v>
      </c>
      <c r="C18954" s="1" t="s">
        <v>60</v>
      </c>
      <c r="D18954" s="1" t="s">
        <v>68412</v>
      </c>
      <c r="E18954" s="1" t="s">
        <v>57103</v>
      </c>
      <c r="F18954" s="1" t="s">
        <v>61393</v>
      </c>
      <c r="G18954" s="1" t="s">
        <v>68389</v>
      </c>
      <c r="H18954" s="1" t="s">
        <v>68390</v>
      </c>
      <c r="I18954" s="1" t="s">
        <v>53800</v>
      </c>
      <c r="J18954" s="1" t="s">
        <v>68413</v>
      </c>
    </row>
    <row r="18955" spans="1:10" x14ac:dyDescent="0.35">
      <c r="A18955" s="1" t="s">
        <v>1870</v>
      </c>
      <c r="B18955" s="1" t="s">
        <v>53796</v>
      </c>
      <c r="C18955" s="1" t="s">
        <v>65</v>
      </c>
      <c r="D18955" s="1" t="s">
        <v>68414</v>
      </c>
      <c r="E18955" s="1" t="s">
        <v>15336</v>
      </c>
      <c r="F18955" s="1" t="s">
        <v>68415</v>
      </c>
      <c r="G18955" s="1" t="s">
        <v>68389</v>
      </c>
      <c r="H18955" s="1" t="s">
        <v>68390</v>
      </c>
      <c r="I18955" s="1" t="s">
        <v>53800</v>
      </c>
      <c r="J18955" s="1" t="s">
        <v>68416</v>
      </c>
    </row>
    <row r="18956" spans="1:10" x14ac:dyDescent="0.35">
      <c r="A18956" s="1" t="s">
        <v>1870</v>
      </c>
      <c r="B18956" s="1" t="s">
        <v>53796</v>
      </c>
      <c r="C18956" s="1" t="s">
        <v>70</v>
      </c>
      <c r="D18956" s="1" t="s">
        <v>68417</v>
      </c>
      <c r="E18956" s="1" t="s">
        <v>26474</v>
      </c>
      <c r="F18956" s="1" t="s">
        <v>68418</v>
      </c>
      <c r="G18956" s="1" t="s">
        <v>68389</v>
      </c>
      <c r="H18956" s="1" t="s">
        <v>68390</v>
      </c>
      <c r="I18956" s="1" t="s">
        <v>53800</v>
      </c>
      <c r="J18956" s="1" t="s">
        <v>68419</v>
      </c>
    </row>
    <row r="18957" spans="1:10" x14ac:dyDescent="0.35">
      <c r="A18957" s="1" t="s">
        <v>1870</v>
      </c>
      <c r="B18957" s="1" t="s">
        <v>53796</v>
      </c>
      <c r="C18957" s="1" t="s">
        <v>75</v>
      </c>
      <c r="D18957" s="1" t="s">
        <v>68420</v>
      </c>
      <c r="E18957" s="1" t="s">
        <v>54697</v>
      </c>
      <c r="F18957" s="1" t="s">
        <v>68421</v>
      </c>
      <c r="G18957" s="1" t="s">
        <v>68389</v>
      </c>
      <c r="H18957" s="1" t="s">
        <v>68390</v>
      </c>
      <c r="I18957" s="1" t="s">
        <v>53800</v>
      </c>
      <c r="J18957" s="1" t="s">
        <v>68422</v>
      </c>
    </row>
    <row r="18958" spans="1:10" x14ac:dyDescent="0.35">
      <c r="A18958" s="1" t="s">
        <v>1870</v>
      </c>
      <c r="B18958" s="1" t="s">
        <v>53796</v>
      </c>
      <c r="C18958" s="1" t="s">
        <v>80</v>
      </c>
      <c r="D18958" s="1" t="s">
        <v>68423</v>
      </c>
      <c r="E18958" s="1" t="s">
        <v>23498</v>
      </c>
      <c r="F18958" s="1" t="s">
        <v>68424</v>
      </c>
      <c r="G18958" s="1" t="s">
        <v>68389</v>
      </c>
      <c r="H18958" s="1" t="s">
        <v>68390</v>
      </c>
      <c r="I18958" s="1" t="s">
        <v>53800</v>
      </c>
      <c r="J18958" s="1" t="s">
        <v>68425</v>
      </c>
    </row>
    <row r="18959" spans="1:10" x14ac:dyDescent="0.35">
      <c r="A18959" s="1" t="s">
        <v>1870</v>
      </c>
      <c r="B18959" s="1" t="s">
        <v>53796</v>
      </c>
      <c r="C18959" s="1" t="s">
        <v>85</v>
      </c>
      <c r="D18959" s="1" t="s">
        <v>68426</v>
      </c>
      <c r="E18959" s="1" t="s">
        <v>63929</v>
      </c>
      <c r="F18959" s="1" t="s">
        <v>68427</v>
      </c>
      <c r="G18959" s="1" t="s">
        <v>68389</v>
      </c>
      <c r="H18959" s="1" t="s">
        <v>68390</v>
      </c>
      <c r="I18959" s="1" t="s">
        <v>53800</v>
      </c>
      <c r="J18959" s="1" t="s">
        <v>68428</v>
      </c>
    </row>
    <row r="18960" spans="1:10" x14ac:dyDescent="0.35">
      <c r="A18960" s="1" t="s">
        <v>1870</v>
      </c>
      <c r="B18960" s="1" t="s">
        <v>53796</v>
      </c>
      <c r="C18960" s="1" t="s">
        <v>90</v>
      </c>
      <c r="D18960" s="1" t="s">
        <v>54546</v>
      </c>
      <c r="E18960" s="1" t="s">
        <v>24292</v>
      </c>
      <c r="F18960" s="1" t="s">
        <v>68429</v>
      </c>
      <c r="G18960" s="1" t="s">
        <v>68389</v>
      </c>
      <c r="H18960" s="1" t="s">
        <v>68390</v>
      </c>
      <c r="I18960" s="1" t="s">
        <v>53800</v>
      </c>
      <c r="J18960" s="1" t="s">
        <v>68430</v>
      </c>
    </row>
    <row r="18961" spans="1:10" x14ac:dyDescent="0.35">
      <c r="A18961" s="1" t="s">
        <v>1870</v>
      </c>
      <c r="B18961" s="1" t="s">
        <v>53796</v>
      </c>
      <c r="C18961" s="1" t="s">
        <v>95</v>
      </c>
      <c r="D18961" s="1" t="s">
        <v>68431</v>
      </c>
      <c r="E18961" s="1" t="s">
        <v>67157</v>
      </c>
      <c r="F18961" s="1" t="s">
        <v>62156</v>
      </c>
      <c r="G18961" s="1" t="s">
        <v>68389</v>
      </c>
      <c r="H18961" s="1" t="s">
        <v>68390</v>
      </c>
      <c r="I18961" s="1" t="s">
        <v>53800</v>
      </c>
      <c r="J18961" s="1" t="s">
        <v>68432</v>
      </c>
    </row>
    <row r="18962" spans="1:10" x14ac:dyDescent="0.35">
      <c r="A18962" s="1" t="s">
        <v>1870</v>
      </c>
      <c r="B18962" s="1" t="s">
        <v>53796</v>
      </c>
      <c r="C18962" s="1" t="s">
        <v>100</v>
      </c>
      <c r="D18962" s="1" t="s">
        <v>68433</v>
      </c>
      <c r="E18962" s="1" t="s">
        <v>15263</v>
      </c>
      <c r="F18962" s="1" t="s">
        <v>68429</v>
      </c>
      <c r="G18962" s="1" t="s">
        <v>68389</v>
      </c>
      <c r="H18962" s="1" t="s">
        <v>68390</v>
      </c>
      <c r="I18962" s="1" t="s">
        <v>53800</v>
      </c>
      <c r="J18962" s="1" t="s">
        <v>68434</v>
      </c>
    </row>
    <row r="18963" spans="1:10" x14ac:dyDescent="0.35">
      <c r="A18963" s="1" t="s">
        <v>1870</v>
      </c>
      <c r="B18963" s="1" t="s">
        <v>53796</v>
      </c>
      <c r="C18963" s="1" t="s">
        <v>105</v>
      </c>
      <c r="D18963" s="1" t="s">
        <v>68435</v>
      </c>
      <c r="E18963" s="1" t="s">
        <v>15278</v>
      </c>
      <c r="F18963" s="1" t="s">
        <v>64718</v>
      </c>
      <c r="G18963" s="1" t="s">
        <v>68389</v>
      </c>
      <c r="H18963" s="1" t="s">
        <v>68390</v>
      </c>
      <c r="I18963" s="1" t="s">
        <v>53800</v>
      </c>
      <c r="J18963" s="1" t="s">
        <v>68436</v>
      </c>
    </row>
    <row r="18964" spans="1:10" x14ac:dyDescent="0.35">
      <c r="A18964" s="1" t="s">
        <v>1870</v>
      </c>
      <c r="B18964" s="1" t="s">
        <v>53796</v>
      </c>
      <c r="C18964" s="1" t="s">
        <v>110</v>
      </c>
      <c r="D18964" s="1" t="s">
        <v>68437</v>
      </c>
      <c r="E18964" s="1" t="s">
        <v>24384</v>
      </c>
      <c r="F18964" s="1" t="s">
        <v>62747</v>
      </c>
      <c r="G18964" s="1" t="s">
        <v>68389</v>
      </c>
      <c r="H18964" s="1" t="s">
        <v>68390</v>
      </c>
      <c r="I18964" s="1" t="s">
        <v>53800</v>
      </c>
      <c r="J18964" s="1" t="s">
        <v>68438</v>
      </c>
    </row>
    <row r="18965" spans="1:10" x14ac:dyDescent="0.35">
      <c r="A18965" s="1" t="s">
        <v>1870</v>
      </c>
      <c r="B18965" s="1" t="s">
        <v>53796</v>
      </c>
      <c r="C18965" s="1" t="s">
        <v>115</v>
      </c>
      <c r="D18965" s="1" t="s">
        <v>68439</v>
      </c>
      <c r="E18965" s="1" t="s">
        <v>32604</v>
      </c>
      <c r="F18965" s="1" t="s">
        <v>54694</v>
      </c>
      <c r="G18965" s="1" t="s">
        <v>68389</v>
      </c>
      <c r="H18965" s="1" t="s">
        <v>68390</v>
      </c>
      <c r="I18965" s="1" t="s">
        <v>53800</v>
      </c>
      <c r="J18965" s="1" t="s">
        <v>68440</v>
      </c>
    </row>
    <row r="18966" spans="1:10" x14ac:dyDescent="0.35">
      <c r="A18966" s="1" t="s">
        <v>1870</v>
      </c>
      <c r="B18966" s="1" t="s">
        <v>53796</v>
      </c>
      <c r="C18966" s="1" t="s">
        <v>120</v>
      </c>
      <c r="D18966" s="1" t="s">
        <v>68441</v>
      </c>
      <c r="E18966" s="1" t="s">
        <v>22267</v>
      </c>
      <c r="F18966" s="1" t="s">
        <v>68442</v>
      </c>
      <c r="G18966" s="1" t="s">
        <v>68389</v>
      </c>
      <c r="H18966" s="1" t="s">
        <v>68390</v>
      </c>
      <c r="I18966" s="1" t="s">
        <v>53800</v>
      </c>
      <c r="J18966" s="1" t="s">
        <v>68443</v>
      </c>
    </row>
    <row r="18967" spans="1:10" x14ac:dyDescent="0.35">
      <c r="A18967" s="1" t="s">
        <v>1870</v>
      </c>
      <c r="B18967" s="1" t="s">
        <v>53796</v>
      </c>
      <c r="C18967" s="1" t="s">
        <v>125</v>
      </c>
      <c r="D18967" s="1" t="s">
        <v>68444</v>
      </c>
      <c r="E18967" s="1" t="s">
        <v>16186</v>
      </c>
      <c r="F18967" s="1" t="s">
        <v>68445</v>
      </c>
      <c r="G18967" s="1" t="s">
        <v>68389</v>
      </c>
      <c r="H18967" s="1" t="s">
        <v>68390</v>
      </c>
      <c r="I18967" s="1" t="s">
        <v>53800</v>
      </c>
      <c r="J18967" s="1" t="s">
        <v>68446</v>
      </c>
    </row>
    <row r="18968" spans="1:10" x14ac:dyDescent="0.35">
      <c r="A18968" s="1" t="s">
        <v>1870</v>
      </c>
      <c r="B18968" s="1" t="s">
        <v>53796</v>
      </c>
      <c r="C18968" s="1" t="s">
        <v>130</v>
      </c>
      <c r="D18968" s="1" t="s">
        <v>68447</v>
      </c>
      <c r="E18968" s="1" t="s">
        <v>68448</v>
      </c>
      <c r="F18968" s="1" t="s">
        <v>68449</v>
      </c>
      <c r="G18968" s="1" t="s">
        <v>68389</v>
      </c>
      <c r="H18968" s="1" t="s">
        <v>68390</v>
      </c>
      <c r="I18968" s="1" t="s">
        <v>53800</v>
      </c>
      <c r="J18968" s="1" t="s">
        <v>68450</v>
      </c>
    </row>
    <row r="18969" spans="1:10" x14ac:dyDescent="0.35">
      <c r="A18969" s="1" t="s">
        <v>1870</v>
      </c>
      <c r="B18969" s="1" t="s">
        <v>53796</v>
      </c>
      <c r="C18969" s="1" t="s">
        <v>135</v>
      </c>
      <c r="D18969" s="1" t="s">
        <v>63094</v>
      </c>
      <c r="E18969" s="1" t="s">
        <v>32140</v>
      </c>
      <c r="F18969" s="1" t="s">
        <v>56491</v>
      </c>
      <c r="G18969" s="1" t="s">
        <v>68389</v>
      </c>
      <c r="H18969" s="1" t="s">
        <v>68390</v>
      </c>
      <c r="I18969" s="1" t="s">
        <v>53800</v>
      </c>
      <c r="J18969" s="1" t="s">
        <v>68451</v>
      </c>
    </row>
    <row r="18970" spans="1:10" x14ac:dyDescent="0.35">
      <c r="A18970" s="1" t="s">
        <v>1870</v>
      </c>
      <c r="B18970" s="1" t="s">
        <v>53796</v>
      </c>
      <c r="C18970" s="1" t="s">
        <v>140</v>
      </c>
      <c r="D18970" s="1" t="s">
        <v>68452</v>
      </c>
      <c r="E18970" s="1" t="s">
        <v>54118</v>
      </c>
      <c r="F18970" s="1" t="s">
        <v>62138</v>
      </c>
      <c r="G18970" s="1" t="s">
        <v>68389</v>
      </c>
      <c r="H18970" s="1" t="s">
        <v>68390</v>
      </c>
      <c r="I18970" s="1" t="s">
        <v>53800</v>
      </c>
      <c r="J18970" s="1" t="s">
        <v>68453</v>
      </c>
    </row>
    <row r="18971" spans="1:10" x14ac:dyDescent="0.35">
      <c r="A18971" s="1" t="s">
        <v>1870</v>
      </c>
      <c r="B18971" s="1" t="s">
        <v>53796</v>
      </c>
      <c r="C18971" s="1" t="s">
        <v>145</v>
      </c>
      <c r="D18971" s="1" t="s">
        <v>68454</v>
      </c>
      <c r="E18971" s="1" t="s">
        <v>32153</v>
      </c>
      <c r="F18971" s="1" t="s">
        <v>32373</v>
      </c>
      <c r="G18971" s="1" t="s">
        <v>68389</v>
      </c>
      <c r="H18971" s="1" t="s">
        <v>68390</v>
      </c>
      <c r="I18971" s="1" t="s">
        <v>53800</v>
      </c>
      <c r="J18971" s="1" t="s">
        <v>68455</v>
      </c>
    </row>
    <row r="18972" spans="1:10" x14ac:dyDescent="0.35">
      <c r="A18972" s="1" t="s">
        <v>1870</v>
      </c>
      <c r="B18972" s="1" t="s">
        <v>53796</v>
      </c>
      <c r="C18972" s="1" t="s">
        <v>150</v>
      </c>
      <c r="D18972" s="1" t="s">
        <v>23997</v>
      </c>
      <c r="E18972" s="1" t="s">
        <v>32153</v>
      </c>
      <c r="F18972" s="1" t="s">
        <v>68456</v>
      </c>
      <c r="G18972" s="1" t="s">
        <v>68389</v>
      </c>
      <c r="H18972" s="1" t="s">
        <v>68390</v>
      </c>
      <c r="I18972" s="1" t="s">
        <v>53800</v>
      </c>
      <c r="J18972" s="1" t="s">
        <v>68457</v>
      </c>
    </row>
    <row r="18973" spans="1:10" x14ac:dyDescent="0.35">
      <c r="A18973" s="1" t="s">
        <v>1870</v>
      </c>
      <c r="B18973" s="1" t="s">
        <v>53796</v>
      </c>
      <c r="C18973" s="1" t="s">
        <v>155</v>
      </c>
      <c r="D18973" s="1" t="s">
        <v>68458</v>
      </c>
      <c r="E18973" s="1" t="s">
        <v>30601</v>
      </c>
      <c r="F18973" s="1" t="s">
        <v>22360</v>
      </c>
      <c r="G18973" s="1" t="s">
        <v>68389</v>
      </c>
      <c r="H18973" s="1" t="s">
        <v>68390</v>
      </c>
      <c r="I18973" s="1" t="s">
        <v>53800</v>
      </c>
      <c r="J18973" s="1" t="s">
        <v>68459</v>
      </c>
    </row>
    <row r="18974" spans="1:10" x14ac:dyDescent="0.35">
      <c r="A18974" s="1" t="s">
        <v>1870</v>
      </c>
      <c r="B18974" s="1" t="s">
        <v>53796</v>
      </c>
      <c r="C18974" s="1" t="s">
        <v>160</v>
      </c>
      <c r="D18974" s="1" t="s">
        <v>24631</v>
      </c>
      <c r="E18974" s="1" t="s">
        <v>26535</v>
      </c>
      <c r="F18974" s="1" t="s">
        <v>66363</v>
      </c>
      <c r="G18974" s="1" t="s">
        <v>68389</v>
      </c>
      <c r="H18974" s="1" t="s">
        <v>68390</v>
      </c>
      <c r="I18974" s="1" t="s">
        <v>53800</v>
      </c>
      <c r="J18974" s="1" t="s">
        <v>68460</v>
      </c>
    </row>
    <row r="18975" spans="1:10" x14ac:dyDescent="0.35">
      <c r="A18975" s="1" t="s">
        <v>1870</v>
      </c>
      <c r="B18975" s="1" t="s">
        <v>53796</v>
      </c>
      <c r="C18975" s="1" t="s">
        <v>165</v>
      </c>
      <c r="D18975" s="1" t="s">
        <v>23293</v>
      </c>
      <c r="E18975" s="1" t="s">
        <v>15927</v>
      </c>
      <c r="F18975" s="1" t="s">
        <v>68461</v>
      </c>
      <c r="G18975" s="1" t="s">
        <v>68389</v>
      </c>
      <c r="H18975" s="1" t="s">
        <v>68390</v>
      </c>
      <c r="I18975" s="1" t="s">
        <v>53800</v>
      </c>
      <c r="J18975" s="1" t="s">
        <v>68462</v>
      </c>
    </row>
    <row r="18976" spans="1:10" x14ac:dyDescent="0.35">
      <c r="A18976" s="1" t="s">
        <v>1870</v>
      </c>
      <c r="B18976" s="1" t="s">
        <v>53796</v>
      </c>
      <c r="C18976" s="1" t="s">
        <v>170</v>
      </c>
      <c r="D18976" s="1" t="s">
        <v>41865</v>
      </c>
      <c r="E18976" s="1" t="s">
        <v>68463</v>
      </c>
      <c r="F18976" s="1" t="s">
        <v>68464</v>
      </c>
      <c r="G18976" s="1" t="s">
        <v>68389</v>
      </c>
      <c r="H18976" s="1" t="s">
        <v>68390</v>
      </c>
      <c r="I18976" s="1" t="s">
        <v>53800</v>
      </c>
      <c r="J18976" s="1" t="s">
        <v>68465</v>
      </c>
    </row>
    <row r="18977" spans="1:10" x14ac:dyDescent="0.35">
      <c r="A18977" s="1" t="s">
        <v>51150</v>
      </c>
      <c r="B18977" s="1" t="s">
        <v>53796</v>
      </c>
      <c r="C18977" s="1" t="s">
        <v>8</v>
      </c>
      <c r="D18977" s="1" t="s">
        <v>68466</v>
      </c>
      <c r="E18977" s="1" t="s">
        <v>41598</v>
      </c>
      <c r="F18977" s="1" t="s">
        <v>53917</v>
      </c>
      <c r="G18977" s="1" t="s">
        <v>68467</v>
      </c>
      <c r="H18977" s="1" t="s">
        <v>68468</v>
      </c>
      <c r="I18977" s="1" t="s">
        <v>53800</v>
      </c>
      <c r="J18977" s="1" t="s">
        <v>13</v>
      </c>
    </row>
    <row r="18978" spans="1:10" x14ac:dyDescent="0.35">
      <c r="A18978" s="1" t="s">
        <v>51150</v>
      </c>
      <c r="B18978" s="1" t="s">
        <v>53796</v>
      </c>
      <c r="C18978" s="1" t="s">
        <v>15</v>
      </c>
      <c r="D18978" s="1" t="s">
        <v>9472</v>
      </c>
      <c r="E18978" s="1" t="s">
        <v>41418</v>
      </c>
      <c r="F18978" s="1" t="s">
        <v>68469</v>
      </c>
      <c r="G18978" s="1" t="s">
        <v>68467</v>
      </c>
      <c r="H18978" s="1" t="s">
        <v>68468</v>
      </c>
      <c r="I18978" s="1" t="s">
        <v>53800</v>
      </c>
      <c r="J18978" s="1" t="s">
        <v>68470</v>
      </c>
    </row>
    <row r="18979" spans="1:10" x14ac:dyDescent="0.35">
      <c r="A18979" s="1" t="s">
        <v>51150</v>
      </c>
      <c r="B18979" s="1" t="s">
        <v>53796</v>
      </c>
      <c r="C18979" s="1" t="s">
        <v>20</v>
      </c>
      <c r="D18979" s="1" t="s">
        <v>68471</v>
      </c>
      <c r="E18979" s="1" t="s">
        <v>58497</v>
      </c>
      <c r="F18979" s="1" t="s">
        <v>68472</v>
      </c>
      <c r="G18979" s="1" t="s">
        <v>68467</v>
      </c>
      <c r="H18979" s="1" t="s">
        <v>68468</v>
      </c>
      <c r="I18979" s="1" t="s">
        <v>53800</v>
      </c>
      <c r="J18979" s="1" t="s">
        <v>68473</v>
      </c>
    </row>
    <row r="18980" spans="1:10" x14ac:dyDescent="0.35">
      <c r="A18980" s="1" t="s">
        <v>51150</v>
      </c>
      <c r="B18980" s="1" t="s">
        <v>53796</v>
      </c>
      <c r="C18980" s="1" t="s">
        <v>25</v>
      </c>
      <c r="D18980" s="1" t="s">
        <v>56229</v>
      </c>
      <c r="E18980" s="1" t="s">
        <v>21941</v>
      </c>
      <c r="F18980" s="1" t="s">
        <v>68474</v>
      </c>
      <c r="G18980" s="1" t="s">
        <v>68467</v>
      </c>
      <c r="H18980" s="1" t="s">
        <v>68468</v>
      </c>
      <c r="I18980" s="1" t="s">
        <v>53800</v>
      </c>
      <c r="J18980" s="1" t="s">
        <v>68475</v>
      </c>
    </row>
    <row r="18981" spans="1:10" x14ac:dyDescent="0.35">
      <c r="A18981" s="1" t="s">
        <v>51150</v>
      </c>
      <c r="B18981" s="1" t="s">
        <v>53796</v>
      </c>
      <c r="C18981" s="1" t="s">
        <v>30</v>
      </c>
      <c r="D18981" s="1" t="s">
        <v>68476</v>
      </c>
      <c r="E18981" s="1" t="s">
        <v>41363</v>
      </c>
      <c r="F18981" s="1" t="s">
        <v>68477</v>
      </c>
      <c r="G18981" s="1" t="s">
        <v>68467</v>
      </c>
      <c r="H18981" s="1" t="s">
        <v>68468</v>
      </c>
      <c r="I18981" s="1" t="s">
        <v>53800</v>
      </c>
      <c r="J18981" s="1" t="s">
        <v>68478</v>
      </c>
    </row>
    <row r="18982" spans="1:10" x14ac:dyDescent="0.35">
      <c r="A18982" s="1" t="s">
        <v>51150</v>
      </c>
      <c r="B18982" s="1" t="s">
        <v>53796</v>
      </c>
      <c r="C18982" s="1" t="s">
        <v>35</v>
      </c>
      <c r="D18982" s="1" t="s">
        <v>68479</v>
      </c>
      <c r="E18982" s="1" t="s">
        <v>55564</v>
      </c>
      <c r="F18982" s="1" t="s">
        <v>68480</v>
      </c>
      <c r="G18982" s="1" t="s">
        <v>68467</v>
      </c>
      <c r="H18982" s="1" t="s">
        <v>68468</v>
      </c>
      <c r="I18982" s="1" t="s">
        <v>53800</v>
      </c>
      <c r="J18982" s="1" t="s">
        <v>68481</v>
      </c>
    </row>
    <row r="18983" spans="1:10" x14ac:dyDescent="0.35">
      <c r="A18983" s="1" t="s">
        <v>51150</v>
      </c>
      <c r="B18983" s="1" t="s">
        <v>53796</v>
      </c>
      <c r="C18983" s="1" t="s">
        <v>40</v>
      </c>
      <c r="D18983" s="1" t="s">
        <v>64012</v>
      </c>
      <c r="E18983" s="1" t="s">
        <v>68482</v>
      </c>
      <c r="F18983" s="1" t="s">
        <v>68483</v>
      </c>
      <c r="G18983" s="1" t="s">
        <v>68467</v>
      </c>
      <c r="H18983" s="1" t="s">
        <v>68468</v>
      </c>
      <c r="I18983" s="1" t="s">
        <v>53800</v>
      </c>
      <c r="J18983" s="1" t="s">
        <v>68484</v>
      </c>
    </row>
    <row r="18984" spans="1:10" x14ac:dyDescent="0.35">
      <c r="A18984" s="1" t="s">
        <v>51150</v>
      </c>
      <c r="B18984" s="1" t="s">
        <v>53796</v>
      </c>
      <c r="C18984" s="1" t="s">
        <v>45</v>
      </c>
      <c r="D18984" s="1" t="s">
        <v>40136</v>
      </c>
      <c r="E18984" s="1" t="s">
        <v>55907</v>
      </c>
      <c r="F18984" s="1" t="s">
        <v>68485</v>
      </c>
      <c r="G18984" s="1" t="s">
        <v>68467</v>
      </c>
      <c r="H18984" s="1" t="s">
        <v>68468</v>
      </c>
      <c r="I18984" s="1" t="s">
        <v>53800</v>
      </c>
      <c r="J18984" s="1" t="s">
        <v>68486</v>
      </c>
    </row>
    <row r="18985" spans="1:10" x14ac:dyDescent="0.35">
      <c r="A18985" s="1" t="s">
        <v>51150</v>
      </c>
      <c r="B18985" s="1" t="s">
        <v>53796</v>
      </c>
      <c r="C18985" s="1" t="s">
        <v>50</v>
      </c>
      <c r="D18985" s="1" t="s">
        <v>68487</v>
      </c>
      <c r="E18985" s="1" t="s">
        <v>58672</v>
      </c>
      <c r="F18985" s="1" t="s">
        <v>68488</v>
      </c>
      <c r="G18985" s="1" t="s">
        <v>68467</v>
      </c>
      <c r="H18985" s="1" t="s">
        <v>68468</v>
      </c>
      <c r="I18985" s="1" t="s">
        <v>53800</v>
      </c>
      <c r="J18985" s="1" t="s">
        <v>68489</v>
      </c>
    </row>
    <row r="18986" spans="1:10" x14ac:dyDescent="0.35">
      <c r="A18986" s="1" t="s">
        <v>51150</v>
      </c>
      <c r="B18986" s="1" t="s">
        <v>53796</v>
      </c>
      <c r="C18986" s="1" t="s">
        <v>55</v>
      </c>
      <c r="D18986" s="1" t="s">
        <v>53821</v>
      </c>
      <c r="E18986" s="1" t="s">
        <v>54371</v>
      </c>
      <c r="F18986" s="1" t="s">
        <v>62138</v>
      </c>
      <c r="G18986" s="1" t="s">
        <v>68467</v>
      </c>
      <c r="H18986" s="1" t="s">
        <v>68468</v>
      </c>
      <c r="I18986" s="1" t="s">
        <v>53800</v>
      </c>
      <c r="J18986" s="1" t="s">
        <v>68490</v>
      </c>
    </row>
    <row r="18987" spans="1:10" x14ac:dyDescent="0.35">
      <c r="A18987" s="1" t="s">
        <v>51150</v>
      </c>
      <c r="B18987" s="1" t="s">
        <v>53796</v>
      </c>
      <c r="C18987" s="1" t="s">
        <v>60</v>
      </c>
      <c r="D18987" s="1" t="s">
        <v>68491</v>
      </c>
      <c r="E18987" s="1" t="s">
        <v>23457</v>
      </c>
      <c r="F18987" s="1" t="s">
        <v>68492</v>
      </c>
      <c r="G18987" s="1" t="s">
        <v>68467</v>
      </c>
      <c r="H18987" s="1" t="s">
        <v>68468</v>
      </c>
      <c r="I18987" s="1" t="s">
        <v>53800</v>
      </c>
      <c r="J18987" s="1" t="s">
        <v>68493</v>
      </c>
    </row>
    <row r="18988" spans="1:10" x14ac:dyDescent="0.35">
      <c r="A18988" s="1" t="s">
        <v>51150</v>
      </c>
      <c r="B18988" s="1" t="s">
        <v>53796</v>
      </c>
      <c r="C18988" s="1" t="s">
        <v>65</v>
      </c>
      <c r="D18988" s="1" t="s">
        <v>68494</v>
      </c>
      <c r="E18988" s="1" t="s">
        <v>22040</v>
      </c>
      <c r="F18988" s="1" t="s">
        <v>68495</v>
      </c>
      <c r="G18988" s="1" t="s">
        <v>68467</v>
      </c>
      <c r="H18988" s="1" t="s">
        <v>68468</v>
      </c>
      <c r="I18988" s="1" t="s">
        <v>53800</v>
      </c>
      <c r="J18988" s="1" t="s">
        <v>68496</v>
      </c>
    </row>
    <row r="18989" spans="1:10" x14ac:dyDescent="0.35">
      <c r="A18989" s="1" t="s">
        <v>51150</v>
      </c>
      <c r="B18989" s="1" t="s">
        <v>53796</v>
      </c>
      <c r="C18989" s="1" t="s">
        <v>70</v>
      </c>
      <c r="D18989" s="1" t="s">
        <v>68497</v>
      </c>
      <c r="E18989" s="1" t="s">
        <v>41363</v>
      </c>
      <c r="F18989" s="1" t="s">
        <v>68498</v>
      </c>
      <c r="G18989" s="1" t="s">
        <v>68467</v>
      </c>
      <c r="H18989" s="1" t="s">
        <v>68468</v>
      </c>
      <c r="I18989" s="1" t="s">
        <v>53800</v>
      </c>
      <c r="J18989" s="1" t="s">
        <v>68499</v>
      </c>
    </row>
    <row r="18990" spans="1:10" x14ac:dyDescent="0.35">
      <c r="A18990" s="1" t="s">
        <v>51150</v>
      </c>
      <c r="B18990" s="1" t="s">
        <v>53796</v>
      </c>
      <c r="C18990" s="1" t="s">
        <v>75</v>
      </c>
      <c r="D18990" s="1" t="s">
        <v>56727</v>
      </c>
      <c r="E18990" s="1" t="s">
        <v>68500</v>
      </c>
      <c r="F18990" s="1" t="s">
        <v>68501</v>
      </c>
      <c r="G18990" s="1" t="s">
        <v>68467</v>
      </c>
      <c r="H18990" s="1" t="s">
        <v>68468</v>
      </c>
      <c r="I18990" s="1" t="s">
        <v>53800</v>
      </c>
      <c r="J18990" s="1" t="s">
        <v>68502</v>
      </c>
    </row>
    <row r="18991" spans="1:10" x14ac:dyDescent="0.35">
      <c r="A18991" s="1" t="s">
        <v>51150</v>
      </c>
      <c r="B18991" s="1" t="s">
        <v>53796</v>
      </c>
      <c r="C18991" s="1" t="s">
        <v>80</v>
      </c>
      <c r="D18991" s="1" t="s">
        <v>68503</v>
      </c>
      <c r="E18991" s="1" t="s">
        <v>21937</v>
      </c>
      <c r="F18991" s="1" t="s">
        <v>22110</v>
      </c>
      <c r="G18991" s="1" t="s">
        <v>68467</v>
      </c>
      <c r="H18991" s="1" t="s">
        <v>68468</v>
      </c>
      <c r="I18991" s="1" t="s">
        <v>53800</v>
      </c>
      <c r="J18991" s="1" t="s">
        <v>68504</v>
      </c>
    </row>
    <row r="18992" spans="1:10" x14ac:dyDescent="0.35">
      <c r="A18992" s="1" t="s">
        <v>51150</v>
      </c>
      <c r="B18992" s="1" t="s">
        <v>53796</v>
      </c>
      <c r="C18992" s="1" t="s">
        <v>85</v>
      </c>
      <c r="D18992" s="1" t="s">
        <v>68505</v>
      </c>
      <c r="E18992" s="1" t="s">
        <v>61010</v>
      </c>
      <c r="F18992" s="1" t="s">
        <v>62265</v>
      </c>
      <c r="G18992" s="1" t="s">
        <v>68467</v>
      </c>
      <c r="H18992" s="1" t="s">
        <v>68468</v>
      </c>
      <c r="I18992" s="1" t="s">
        <v>53800</v>
      </c>
      <c r="J18992" s="1" t="s">
        <v>68506</v>
      </c>
    </row>
    <row r="18993" spans="1:10" x14ac:dyDescent="0.35">
      <c r="A18993" s="1" t="s">
        <v>51150</v>
      </c>
      <c r="B18993" s="1" t="s">
        <v>53796</v>
      </c>
      <c r="C18993" s="1" t="s">
        <v>90</v>
      </c>
      <c r="D18993" s="1" t="s">
        <v>68507</v>
      </c>
      <c r="E18993" s="1" t="s">
        <v>41198</v>
      </c>
      <c r="F18993" s="1" t="s">
        <v>60838</v>
      </c>
      <c r="G18993" s="1" t="s">
        <v>68467</v>
      </c>
      <c r="H18993" s="1" t="s">
        <v>68468</v>
      </c>
      <c r="I18993" s="1" t="s">
        <v>53800</v>
      </c>
      <c r="J18993" s="1" t="s">
        <v>68508</v>
      </c>
    </row>
    <row r="18994" spans="1:10" x14ac:dyDescent="0.35">
      <c r="A18994" s="1" t="s">
        <v>51150</v>
      </c>
      <c r="B18994" s="1" t="s">
        <v>53796</v>
      </c>
      <c r="C18994" s="1" t="s">
        <v>95</v>
      </c>
      <c r="D18994" s="1" t="s">
        <v>68509</v>
      </c>
      <c r="E18994" s="1" t="s">
        <v>56082</v>
      </c>
      <c r="F18994" s="1" t="s">
        <v>68510</v>
      </c>
      <c r="G18994" s="1" t="s">
        <v>68467</v>
      </c>
      <c r="H18994" s="1" t="s">
        <v>68468</v>
      </c>
      <c r="I18994" s="1" t="s">
        <v>53800</v>
      </c>
      <c r="J18994" s="1" t="s">
        <v>68511</v>
      </c>
    </row>
    <row r="18995" spans="1:10" x14ac:dyDescent="0.35">
      <c r="A18995" s="1" t="s">
        <v>51150</v>
      </c>
      <c r="B18995" s="1" t="s">
        <v>53796</v>
      </c>
      <c r="C18995" s="1" t="s">
        <v>100</v>
      </c>
      <c r="D18995" s="1" t="s">
        <v>68512</v>
      </c>
      <c r="E18995" s="1" t="s">
        <v>21937</v>
      </c>
      <c r="F18995" s="1" t="s">
        <v>68513</v>
      </c>
      <c r="G18995" s="1" t="s">
        <v>68467</v>
      </c>
      <c r="H18995" s="1" t="s">
        <v>68468</v>
      </c>
      <c r="I18995" s="1" t="s">
        <v>53800</v>
      </c>
      <c r="J18995" s="1" t="s">
        <v>68514</v>
      </c>
    </row>
    <row r="18996" spans="1:10" x14ac:dyDescent="0.35">
      <c r="A18996" s="1" t="s">
        <v>51150</v>
      </c>
      <c r="B18996" s="1" t="s">
        <v>53796</v>
      </c>
      <c r="C18996" s="1" t="s">
        <v>105</v>
      </c>
      <c r="D18996" s="1" t="s">
        <v>68515</v>
      </c>
      <c r="E18996" s="1" t="s">
        <v>60159</v>
      </c>
      <c r="F18996" s="1" t="s">
        <v>68516</v>
      </c>
      <c r="G18996" s="1" t="s">
        <v>68467</v>
      </c>
      <c r="H18996" s="1" t="s">
        <v>68468</v>
      </c>
      <c r="I18996" s="1" t="s">
        <v>53800</v>
      </c>
      <c r="J18996" s="1" t="s">
        <v>68517</v>
      </c>
    </row>
    <row r="18997" spans="1:10" x14ac:dyDescent="0.35">
      <c r="A18997" s="1" t="s">
        <v>51150</v>
      </c>
      <c r="B18997" s="1" t="s">
        <v>53796</v>
      </c>
      <c r="C18997" s="1" t="s">
        <v>110</v>
      </c>
      <c r="D18997" s="1" t="s">
        <v>68518</v>
      </c>
      <c r="E18997" s="1" t="s">
        <v>68519</v>
      </c>
      <c r="F18997" s="1" t="s">
        <v>68520</v>
      </c>
      <c r="G18997" s="1" t="s">
        <v>68467</v>
      </c>
      <c r="H18997" s="1" t="s">
        <v>68468</v>
      </c>
      <c r="I18997" s="1" t="s">
        <v>53800</v>
      </c>
      <c r="J18997" s="1" t="s">
        <v>68521</v>
      </c>
    </row>
    <row r="18998" spans="1:10" x14ac:dyDescent="0.35">
      <c r="A18998" s="1" t="s">
        <v>51150</v>
      </c>
      <c r="B18998" s="1" t="s">
        <v>53796</v>
      </c>
      <c r="C18998" s="1" t="s">
        <v>115</v>
      </c>
      <c r="D18998" s="1" t="s">
        <v>68522</v>
      </c>
      <c r="E18998" s="1" t="s">
        <v>56209</v>
      </c>
      <c r="F18998" s="1" t="s">
        <v>32928</v>
      </c>
      <c r="G18998" s="1" t="s">
        <v>68467</v>
      </c>
      <c r="H18998" s="1" t="s">
        <v>68468</v>
      </c>
      <c r="I18998" s="1" t="s">
        <v>53800</v>
      </c>
      <c r="J18998" s="1" t="s">
        <v>68523</v>
      </c>
    </row>
    <row r="18999" spans="1:10" x14ac:dyDescent="0.35">
      <c r="A18999" s="1" t="s">
        <v>51150</v>
      </c>
      <c r="B18999" s="1" t="s">
        <v>53796</v>
      </c>
      <c r="C18999" s="1" t="s">
        <v>120</v>
      </c>
      <c r="D18999" s="1" t="s">
        <v>63946</v>
      </c>
      <c r="E18999" s="1" t="s">
        <v>41429</v>
      </c>
      <c r="F18999" s="1" t="s">
        <v>68524</v>
      </c>
      <c r="G18999" s="1" t="s">
        <v>68467</v>
      </c>
      <c r="H18999" s="1" t="s">
        <v>68468</v>
      </c>
      <c r="I18999" s="1" t="s">
        <v>53800</v>
      </c>
      <c r="J18999" s="1" t="s">
        <v>68525</v>
      </c>
    </row>
    <row r="19000" spans="1:10" x14ac:dyDescent="0.35">
      <c r="A19000" s="1" t="s">
        <v>51150</v>
      </c>
      <c r="B19000" s="1" t="s">
        <v>53796</v>
      </c>
      <c r="C19000" s="1" t="s">
        <v>125</v>
      </c>
      <c r="D19000" s="1" t="s">
        <v>68526</v>
      </c>
      <c r="E19000" s="1" t="s">
        <v>68527</v>
      </c>
      <c r="F19000" s="1" t="s">
        <v>68528</v>
      </c>
      <c r="G19000" s="1" t="s">
        <v>68467</v>
      </c>
      <c r="H19000" s="1" t="s">
        <v>68468</v>
      </c>
      <c r="I19000" s="1" t="s">
        <v>53800</v>
      </c>
      <c r="J19000" s="1" t="s">
        <v>68529</v>
      </c>
    </row>
    <row r="19001" spans="1:10" x14ac:dyDescent="0.35">
      <c r="A19001" s="1" t="s">
        <v>51150</v>
      </c>
      <c r="B19001" s="1" t="s">
        <v>53796</v>
      </c>
      <c r="C19001" s="1" t="s">
        <v>130</v>
      </c>
      <c r="D19001" s="1" t="s">
        <v>68530</v>
      </c>
      <c r="E19001" s="1" t="s">
        <v>23450</v>
      </c>
      <c r="F19001" s="1" t="s">
        <v>57011</v>
      </c>
      <c r="G19001" s="1" t="s">
        <v>68467</v>
      </c>
      <c r="H19001" s="1" t="s">
        <v>68468</v>
      </c>
      <c r="I19001" s="1" t="s">
        <v>53800</v>
      </c>
      <c r="J19001" s="1" t="s">
        <v>68531</v>
      </c>
    </row>
    <row r="19002" spans="1:10" x14ac:dyDescent="0.35">
      <c r="A19002" s="1" t="s">
        <v>51150</v>
      </c>
      <c r="B19002" s="1" t="s">
        <v>53796</v>
      </c>
      <c r="C19002" s="1" t="s">
        <v>135</v>
      </c>
      <c r="D19002" s="1" t="s">
        <v>55240</v>
      </c>
      <c r="E19002" s="1" t="s">
        <v>21925</v>
      </c>
      <c r="F19002" s="1" t="s">
        <v>66971</v>
      </c>
      <c r="G19002" s="1" t="s">
        <v>68467</v>
      </c>
      <c r="H19002" s="1" t="s">
        <v>68468</v>
      </c>
      <c r="I19002" s="1" t="s">
        <v>53800</v>
      </c>
      <c r="J19002" s="1" t="s">
        <v>68532</v>
      </c>
    </row>
    <row r="19003" spans="1:10" x14ac:dyDescent="0.35">
      <c r="A19003" s="1" t="s">
        <v>51150</v>
      </c>
      <c r="B19003" s="1" t="s">
        <v>53796</v>
      </c>
      <c r="C19003" s="1" t="s">
        <v>140</v>
      </c>
      <c r="D19003" s="1" t="s">
        <v>68533</v>
      </c>
      <c r="E19003" s="1" t="s">
        <v>41425</v>
      </c>
      <c r="F19003" s="1" t="s">
        <v>68534</v>
      </c>
      <c r="G19003" s="1" t="s">
        <v>68467</v>
      </c>
      <c r="H19003" s="1" t="s">
        <v>68468</v>
      </c>
      <c r="I19003" s="1" t="s">
        <v>53800</v>
      </c>
      <c r="J19003" s="1" t="s">
        <v>68535</v>
      </c>
    </row>
    <row r="19004" spans="1:10" x14ac:dyDescent="0.35">
      <c r="A19004" s="1" t="s">
        <v>51150</v>
      </c>
      <c r="B19004" s="1" t="s">
        <v>53796</v>
      </c>
      <c r="C19004" s="1" t="s">
        <v>145</v>
      </c>
      <c r="D19004" s="1" t="s">
        <v>68536</v>
      </c>
      <c r="E19004" s="1" t="s">
        <v>15376</v>
      </c>
      <c r="F19004" s="1" t="s">
        <v>19883</v>
      </c>
      <c r="G19004" s="1" t="s">
        <v>68467</v>
      </c>
      <c r="H19004" s="1" t="s">
        <v>68468</v>
      </c>
      <c r="I19004" s="1" t="s">
        <v>53800</v>
      </c>
      <c r="J19004" s="1" t="s">
        <v>68537</v>
      </c>
    </row>
    <row r="19005" spans="1:10" x14ac:dyDescent="0.35">
      <c r="A19005" s="1" t="s">
        <v>51150</v>
      </c>
      <c r="B19005" s="1" t="s">
        <v>53796</v>
      </c>
      <c r="C19005" s="1" t="s">
        <v>150</v>
      </c>
      <c r="D19005" s="1" t="s">
        <v>68538</v>
      </c>
      <c r="E19005" s="1" t="s">
        <v>56822</v>
      </c>
      <c r="F19005" s="1" t="s">
        <v>68539</v>
      </c>
      <c r="G19005" s="1" t="s">
        <v>68467</v>
      </c>
      <c r="H19005" s="1" t="s">
        <v>68468</v>
      </c>
      <c r="I19005" s="1" t="s">
        <v>53800</v>
      </c>
      <c r="J19005" s="1" t="s">
        <v>68540</v>
      </c>
    </row>
    <row r="19006" spans="1:10" x14ac:dyDescent="0.35">
      <c r="A19006" s="1" t="s">
        <v>51150</v>
      </c>
      <c r="B19006" s="1" t="s">
        <v>53796</v>
      </c>
      <c r="C19006" s="1" t="s">
        <v>155</v>
      </c>
      <c r="D19006" s="1" t="s">
        <v>68541</v>
      </c>
      <c r="E19006" s="1" t="s">
        <v>15361</v>
      </c>
      <c r="F19006" s="1" t="s">
        <v>31551</v>
      </c>
      <c r="G19006" s="1" t="s">
        <v>68467</v>
      </c>
      <c r="H19006" s="1" t="s">
        <v>68468</v>
      </c>
      <c r="I19006" s="1" t="s">
        <v>53800</v>
      </c>
      <c r="J19006" s="1" t="s">
        <v>68542</v>
      </c>
    </row>
    <row r="19007" spans="1:10" x14ac:dyDescent="0.35">
      <c r="A19007" s="1" t="s">
        <v>51150</v>
      </c>
      <c r="B19007" s="1" t="s">
        <v>53796</v>
      </c>
      <c r="C19007" s="1" t="s">
        <v>160</v>
      </c>
      <c r="D19007" s="1" t="s">
        <v>68543</v>
      </c>
      <c r="E19007" s="1" t="s">
        <v>67061</v>
      </c>
      <c r="F19007" s="1" t="s">
        <v>68544</v>
      </c>
      <c r="G19007" s="1" t="s">
        <v>68467</v>
      </c>
      <c r="H19007" s="1" t="s">
        <v>68468</v>
      </c>
      <c r="I19007" s="1" t="s">
        <v>53800</v>
      </c>
      <c r="J19007" s="1" t="s">
        <v>68545</v>
      </c>
    </row>
    <row r="19008" spans="1:10" x14ac:dyDescent="0.35">
      <c r="A19008" s="1" t="s">
        <v>51150</v>
      </c>
      <c r="B19008" s="1" t="s">
        <v>53796</v>
      </c>
      <c r="C19008" s="1" t="s">
        <v>165</v>
      </c>
      <c r="D19008" s="1" t="s">
        <v>68546</v>
      </c>
      <c r="E19008" s="1" t="s">
        <v>41316</v>
      </c>
      <c r="F19008" s="1" t="s">
        <v>58818</v>
      </c>
      <c r="G19008" s="1" t="s">
        <v>68467</v>
      </c>
      <c r="H19008" s="1" t="s">
        <v>68468</v>
      </c>
      <c r="I19008" s="1" t="s">
        <v>53800</v>
      </c>
      <c r="J19008" s="1" t="s">
        <v>68547</v>
      </c>
    </row>
    <row r="19009" spans="1:10" x14ac:dyDescent="0.35">
      <c r="A19009" s="1" t="s">
        <v>51150</v>
      </c>
      <c r="B19009" s="1" t="s">
        <v>53796</v>
      </c>
      <c r="C19009" s="1" t="s">
        <v>170</v>
      </c>
      <c r="D19009" s="1" t="s">
        <v>68548</v>
      </c>
      <c r="E19009" s="1" t="s">
        <v>54070</v>
      </c>
      <c r="F19009" s="1" t="s">
        <v>62781</v>
      </c>
      <c r="G19009" s="1" t="s">
        <v>68467</v>
      </c>
      <c r="H19009" s="1" t="s">
        <v>68468</v>
      </c>
      <c r="I19009" s="1" t="s">
        <v>53800</v>
      </c>
      <c r="J19009" s="1" t="s">
        <v>68549</v>
      </c>
    </row>
    <row r="19010" spans="1:10" x14ac:dyDescent="0.35">
      <c r="A19010" s="1" t="s">
        <v>68550</v>
      </c>
      <c r="B19010" s="1" t="s">
        <v>53796</v>
      </c>
      <c r="C19010" s="1" t="s">
        <v>8</v>
      </c>
      <c r="D19010" s="1" t="s">
        <v>68551</v>
      </c>
      <c r="E19010" s="1" t="s">
        <v>23383</v>
      </c>
      <c r="F19010" s="1" t="s">
        <v>30667</v>
      </c>
      <c r="G19010" s="1" t="s">
        <v>68552</v>
      </c>
      <c r="H19010" s="1" t="s">
        <v>68553</v>
      </c>
      <c r="I19010" s="1" t="s">
        <v>53800</v>
      </c>
      <c r="J19010" s="1" t="s">
        <v>13</v>
      </c>
    </row>
    <row r="19011" spans="1:10" x14ac:dyDescent="0.35">
      <c r="A19011" s="1" t="s">
        <v>68550</v>
      </c>
      <c r="B19011" s="1" t="s">
        <v>53796</v>
      </c>
      <c r="C19011" s="1" t="s">
        <v>15</v>
      </c>
      <c r="D19011" s="1" t="s">
        <v>68554</v>
      </c>
      <c r="E19011" s="1" t="s">
        <v>68555</v>
      </c>
      <c r="F19011" s="1" t="s">
        <v>68556</v>
      </c>
      <c r="G19011" s="1" t="s">
        <v>68552</v>
      </c>
      <c r="H19011" s="1" t="s">
        <v>68553</v>
      </c>
      <c r="I19011" s="1" t="s">
        <v>53800</v>
      </c>
      <c r="J19011" s="1" t="s">
        <v>68557</v>
      </c>
    </row>
    <row r="19012" spans="1:10" x14ac:dyDescent="0.35">
      <c r="A19012" s="1" t="s">
        <v>68550</v>
      </c>
      <c r="B19012" s="1" t="s">
        <v>53796</v>
      </c>
      <c r="C19012" s="1" t="s">
        <v>20</v>
      </c>
      <c r="D19012" s="1" t="s">
        <v>68558</v>
      </c>
      <c r="E19012" s="1" t="s">
        <v>60319</v>
      </c>
      <c r="F19012" s="1" t="s">
        <v>68559</v>
      </c>
      <c r="G19012" s="1" t="s">
        <v>68552</v>
      </c>
      <c r="H19012" s="1" t="s">
        <v>68553</v>
      </c>
      <c r="I19012" s="1" t="s">
        <v>53800</v>
      </c>
      <c r="J19012" s="1" t="s">
        <v>68560</v>
      </c>
    </row>
    <row r="19013" spans="1:10" x14ac:dyDescent="0.35">
      <c r="A19013" s="1" t="s">
        <v>68550</v>
      </c>
      <c r="B19013" s="1" t="s">
        <v>53796</v>
      </c>
      <c r="C19013" s="1" t="s">
        <v>25</v>
      </c>
      <c r="D19013" s="1" t="s">
        <v>68561</v>
      </c>
      <c r="E19013" s="1" t="s">
        <v>22962</v>
      </c>
      <c r="F19013" s="1" t="s">
        <v>65776</v>
      </c>
      <c r="G19013" s="1" t="s">
        <v>68552</v>
      </c>
      <c r="H19013" s="1" t="s">
        <v>68553</v>
      </c>
      <c r="I19013" s="1" t="s">
        <v>53800</v>
      </c>
      <c r="J19013" s="1" t="s">
        <v>68562</v>
      </c>
    </row>
    <row r="19014" spans="1:10" x14ac:dyDescent="0.35">
      <c r="A19014" s="1" t="s">
        <v>68550</v>
      </c>
      <c r="B19014" s="1" t="s">
        <v>53796</v>
      </c>
      <c r="C19014" s="1" t="s">
        <v>30</v>
      </c>
      <c r="D19014" s="1" t="s">
        <v>59702</v>
      </c>
      <c r="E19014" s="1" t="s">
        <v>68563</v>
      </c>
      <c r="F19014" s="1" t="s">
        <v>68564</v>
      </c>
      <c r="G19014" s="1" t="s">
        <v>68552</v>
      </c>
      <c r="H19014" s="1" t="s">
        <v>68553</v>
      </c>
      <c r="I19014" s="1" t="s">
        <v>53800</v>
      </c>
      <c r="J19014" s="1" t="s">
        <v>68565</v>
      </c>
    </row>
    <row r="19015" spans="1:10" x14ac:dyDescent="0.35">
      <c r="A19015" s="1" t="s">
        <v>68550</v>
      </c>
      <c r="B19015" s="1" t="s">
        <v>53796</v>
      </c>
      <c r="C19015" s="1" t="s">
        <v>35</v>
      </c>
      <c r="D19015" s="1" t="s">
        <v>68566</v>
      </c>
      <c r="E19015" s="1" t="s">
        <v>23274</v>
      </c>
      <c r="F19015" s="1" t="s">
        <v>59882</v>
      </c>
      <c r="G19015" s="1" t="s">
        <v>68552</v>
      </c>
      <c r="H19015" s="1" t="s">
        <v>68553</v>
      </c>
      <c r="I19015" s="1" t="s">
        <v>53800</v>
      </c>
      <c r="J19015" s="1" t="s">
        <v>68567</v>
      </c>
    </row>
    <row r="19016" spans="1:10" x14ac:dyDescent="0.35">
      <c r="A19016" s="1" t="s">
        <v>68550</v>
      </c>
      <c r="B19016" s="1" t="s">
        <v>53796</v>
      </c>
      <c r="C19016" s="1" t="s">
        <v>40</v>
      </c>
      <c r="D19016" s="1" t="s">
        <v>23424</v>
      </c>
      <c r="E19016" s="1" t="s">
        <v>68568</v>
      </c>
      <c r="F19016" s="1" t="s">
        <v>68569</v>
      </c>
      <c r="G19016" s="1" t="s">
        <v>68552</v>
      </c>
      <c r="H19016" s="1" t="s">
        <v>68553</v>
      </c>
      <c r="I19016" s="1" t="s">
        <v>53800</v>
      </c>
      <c r="J19016" s="1" t="s">
        <v>68570</v>
      </c>
    </row>
    <row r="19017" spans="1:10" x14ac:dyDescent="0.35">
      <c r="A19017" s="1" t="s">
        <v>68550</v>
      </c>
      <c r="B19017" s="1" t="s">
        <v>53796</v>
      </c>
      <c r="C19017" s="1" t="s">
        <v>45</v>
      </c>
      <c r="D19017" s="1" t="s">
        <v>13478</v>
      </c>
      <c r="E19017" s="1" t="s">
        <v>23053</v>
      </c>
      <c r="F19017" s="1" t="s">
        <v>68571</v>
      </c>
      <c r="G19017" s="1" t="s">
        <v>68552</v>
      </c>
      <c r="H19017" s="1" t="s">
        <v>68553</v>
      </c>
      <c r="I19017" s="1" t="s">
        <v>53800</v>
      </c>
      <c r="J19017" s="1" t="s">
        <v>68572</v>
      </c>
    </row>
    <row r="19018" spans="1:10" x14ac:dyDescent="0.35">
      <c r="A19018" s="1" t="s">
        <v>68550</v>
      </c>
      <c r="B19018" s="1" t="s">
        <v>53796</v>
      </c>
      <c r="C19018" s="1" t="s">
        <v>50</v>
      </c>
      <c r="D19018" s="1" t="s">
        <v>68573</v>
      </c>
      <c r="E19018" s="1" t="s">
        <v>22889</v>
      </c>
      <c r="F19018" s="1" t="s">
        <v>21986</v>
      </c>
      <c r="G19018" s="1" t="s">
        <v>68552</v>
      </c>
      <c r="H19018" s="1" t="s">
        <v>68553</v>
      </c>
      <c r="I19018" s="1" t="s">
        <v>53800</v>
      </c>
      <c r="J19018" s="1" t="s">
        <v>68574</v>
      </c>
    </row>
    <row r="19019" spans="1:10" x14ac:dyDescent="0.35">
      <c r="A19019" s="1" t="s">
        <v>68550</v>
      </c>
      <c r="B19019" s="1" t="s">
        <v>53796</v>
      </c>
      <c r="C19019" s="1" t="s">
        <v>55</v>
      </c>
      <c r="D19019" s="1" t="s">
        <v>68575</v>
      </c>
      <c r="E19019" s="1" t="s">
        <v>23391</v>
      </c>
      <c r="F19019" s="1" t="s">
        <v>58422</v>
      </c>
      <c r="G19019" s="1" t="s">
        <v>68552</v>
      </c>
      <c r="H19019" s="1" t="s">
        <v>68553</v>
      </c>
      <c r="I19019" s="1" t="s">
        <v>53800</v>
      </c>
      <c r="J19019" s="1" t="s">
        <v>68576</v>
      </c>
    </row>
    <row r="19020" spans="1:10" x14ac:dyDescent="0.35">
      <c r="A19020" s="1" t="s">
        <v>68550</v>
      </c>
      <c r="B19020" s="1" t="s">
        <v>53796</v>
      </c>
      <c r="C19020" s="1" t="s">
        <v>60</v>
      </c>
      <c r="D19020" s="1" t="s">
        <v>68577</v>
      </c>
      <c r="E19020" s="1" t="s">
        <v>56613</v>
      </c>
      <c r="F19020" s="1" t="s">
        <v>68578</v>
      </c>
      <c r="G19020" s="1" t="s">
        <v>68552</v>
      </c>
      <c r="H19020" s="1" t="s">
        <v>68553</v>
      </c>
      <c r="I19020" s="1" t="s">
        <v>53800</v>
      </c>
      <c r="J19020" s="1" t="s">
        <v>68579</v>
      </c>
    </row>
    <row r="19021" spans="1:10" x14ac:dyDescent="0.35">
      <c r="A19021" s="1" t="s">
        <v>68550</v>
      </c>
      <c r="B19021" s="1" t="s">
        <v>53796</v>
      </c>
      <c r="C19021" s="1" t="s">
        <v>65</v>
      </c>
      <c r="D19021" s="1" t="s">
        <v>68580</v>
      </c>
      <c r="E19021" s="1" t="s">
        <v>22978</v>
      </c>
      <c r="F19021" s="1" t="s">
        <v>68581</v>
      </c>
      <c r="G19021" s="1" t="s">
        <v>68552</v>
      </c>
      <c r="H19021" s="1" t="s">
        <v>68553</v>
      </c>
      <c r="I19021" s="1" t="s">
        <v>53800</v>
      </c>
      <c r="J19021" s="1" t="s">
        <v>68582</v>
      </c>
    </row>
    <row r="19022" spans="1:10" x14ac:dyDescent="0.35">
      <c r="A19022" s="1" t="s">
        <v>68550</v>
      </c>
      <c r="B19022" s="1" t="s">
        <v>53796</v>
      </c>
      <c r="C19022" s="1" t="s">
        <v>70</v>
      </c>
      <c r="D19022" s="1" t="s">
        <v>22644</v>
      </c>
      <c r="E19022" s="1" t="s">
        <v>23314</v>
      </c>
      <c r="F19022" s="1" t="s">
        <v>68583</v>
      </c>
      <c r="G19022" s="1" t="s">
        <v>68552</v>
      </c>
      <c r="H19022" s="1" t="s">
        <v>68553</v>
      </c>
      <c r="I19022" s="1" t="s">
        <v>53800</v>
      </c>
      <c r="J19022" s="1" t="s">
        <v>68584</v>
      </c>
    </row>
    <row r="19023" spans="1:10" x14ac:dyDescent="0.35">
      <c r="A19023" s="1" t="s">
        <v>68550</v>
      </c>
      <c r="B19023" s="1" t="s">
        <v>53796</v>
      </c>
      <c r="C19023" s="1" t="s">
        <v>75</v>
      </c>
      <c r="D19023" s="1" t="s">
        <v>61282</v>
      </c>
      <c r="E19023" s="1" t="s">
        <v>41389</v>
      </c>
      <c r="F19023" s="1" t="s">
        <v>68585</v>
      </c>
      <c r="G19023" s="1" t="s">
        <v>68552</v>
      </c>
      <c r="H19023" s="1" t="s">
        <v>68553</v>
      </c>
      <c r="I19023" s="1" t="s">
        <v>53800</v>
      </c>
      <c r="J19023" s="1" t="s">
        <v>68586</v>
      </c>
    </row>
    <row r="19024" spans="1:10" x14ac:dyDescent="0.35">
      <c r="A19024" s="1" t="s">
        <v>68550</v>
      </c>
      <c r="B19024" s="1" t="s">
        <v>53796</v>
      </c>
      <c r="C19024" s="1" t="s">
        <v>80</v>
      </c>
      <c r="D19024" s="1" t="s">
        <v>21343</v>
      </c>
      <c r="E19024" s="1" t="s">
        <v>40680</v>
      </c>
      <c r="F19024" s="1" t="s">
        <v>58943</v>
      </c>
      <c r="G19024" s="1" t="s">
        <v>68552</v>
      </c>
      <c r="H19024" s="1" t="s">
        <v>68553</v>
      </c>
      <c r="I19024" s="1" t="s">
        <v>53800</v>
      </c>
      <c r="J19024" s="1" t="s">
        <v>68587</v>
      </c>
    </row>
    <row r="19025" spans="1:10" x14ac:dyDescent="0.35">
      <c r="A19025" s="1" t="s">
        <v>68550</v>
      </c>
      <c r="B19025" s="1" t="s">
        <v>53796</v>
      </c>
      <c r="C19025" s="1" t="s">
        <v>85</v>
      </c>
      <c r="D19025" s="1" t="s">
        <v>68588</v>
      </c>
      <c r="E19025" s="1" t="s">
        <v>14658</v>
      </c>
      <c r="F19025" s="1" t="s">
        <v>68589</v>
      </c>
      <c r="G19025" s="1" t="s">
        <v>68552</v>
      </c>
      <c r="H19025" s="1" t="s">
        <v>68553</v>
      </c>
      <c r="I19025" s="1" t="s">
        <v>53800</v>
      </c>
      <c r="J19025" s="1" t="s">
        <v>68590</v>
      </c>
    </row>
    <row r="19026" spans="1:10" x14ac:dyDescent="0.35">
      <c r="A19026" s="1" t="s">
        <v>68550</v>
      </c>
      <c r="B19026" s="1" t="s">
        <v>53796</v>
      </c>
      <c r="C19026" s="1" t="s">
        <v>90</v>
      </c>
      <c r="D19026" s="1" t="s">
        <v>61900</v>
      </c>
      <c r="E19026" s="1" t="s">
        <v>22018</v>
      </c>
      <c r="F19026" s="1" t="s">
        <v>23418</v>
      </c>
      <c r="G19026" s="1" t="s">
        <v>68552</v>
      </c>
      <c r="H19026" s="1" t="s">
        <v>68553</v>
      </c>
      <c r="I19026" s="1" t="s">
        <v>53800</v>
      </c>
      <c r="J19026" s="1" t="s">
        <v>68591</v>
      </c>
    </row>
    <row r="19027" spans="1:10" x14ac:dyDescent="0.35">
      <c r="A19027" s="1" t="s">
        <v>68550</v>
      </c>
      <c r="B19027" s="1" t="s">
        <v>53796</v>
      </c>
      <c r="C19027" s="1" t="s">
        <v>95</v>
      </c>
      <c r="D19027" s="1" t="s">
        <v>68592</v>
      </c>
      <c r="E19027" s="1" t="s">
        <v>41535</v>
      </c>
      <c r="F19027" s="1" t="s">
        <v>68355</v>
      </c>
      <c r="G19027" s="1" t="s">
        <v>68552</v>
      </c>
      <c r="H19027" s="1" t="s">
        <v>68553</v>
      </c>
      <c r="I19027" s="1" t="s">
        <v>53800</v>
      </c>
      <c r="J19027" s="1" t="s">
        <v>68593</v>
      </c>
    </row>
    <row r="19028" spans="1:10" x14ac:dyDescent="0.35">
      <c r="A19028" s="1" t="s">
        <v>68550</v>
      </c>
      <c r="B19028" s="1" t="s">
        <v>53796</v>
      </c>
      <c r="C19028" s="1" t="s">
        <v>100</v>
      </c>
      <c r="D19028" s="1" t="s">
        <v>68594</v>
      </c>
      <c r="E19028" s="1" t="s">
        <v>56629</v>
      </c>
      <c r="F19028" s="1" t="s">
        <v>68595</v>
      </c>
      <c r="G19028" s="1" t="s">
        <v>68552</v>
      </c>
      <c r="H19028" s="1" t="s">
        <v>68553</v>
      </c>
      <c r="I19028" s="1" t="s">
        <v>53800</v>
      </c>
      <c r="J19028" s="1" t="s">
        <v>68596</v>
      </c>
    </row>
    <row r="19029" spans="1:10" x14ac:dyDescent="0.35">
      <c r="A19029" s="1" t="s">
        <v>68550</v>
      </c>
      <c r="B19029" s="1" t="s">
        <v>53796</v>
      </c>
      <c r="C19029" s="1" t="s">
        <v>105</v>
      </c>
      <c r="D19029" s="1" t="s">
        <v>68597</v>
      </c>
      <c r="E19029" s="1" t="s">
        <v>23832</v>
      </c>
      <c r="F19029" s="1" t="s">
        <v>68598</v>
      </c>
      <c r="G19029" s="1" t="s">
        <v>68552</v>
      </c>
      <c r="H19029" s="1" t="s">
        <v>68553</v>
      </c>
      <c r="I19029" s="1" t="s">
        <v>53800</v>
      </c>
      <c r="J19029" s="1" t="s">
        <v>68599</v>
      </c>
    </row>
    <row r="19030" spans="1:10" x14ac:dyDescent="0.35">
      <c r="A19030" s="1" t="s">
        <v>68550</v>
      </c>
      <c r="B19030" s="1" t="s">
        <v>53796</v>
      </c>
      <c r="C19030" s="1" t="s">
        <v>110</v>
      </c>
      <c r="D19030" s="1" t="s">
        <v>68600</v>
      </c>
      <c r="E19030" s="1" t="s">
        <v>62561</v>
      </c>
      <c r="F19030" s="1" t="s">
        <v>68601</v>
      </c>
      <c r="G19030" s="1" t="s">
        <v>68552</v>
      </c>
      <c r="H19030" s="1" t="s">
        <v>68553</v>
      </c>
      <c r="I19030" s="1" t="s">
        <v>53800</v>
      </c>
      <c r="J19030" s="1" t="s">
        <v>68602</v>
      </c>
    </row>
    <row r="19031" spans="1:10" x14ac:dyDescent="0.35">
      <c r="A19031" s="1" t="s">
        <v>68550</v>
      </c>
      <c r="B19031" s="1" t="s">
        <v>53796</v>
      </c>
      <c r="C19031" s="1" t="s">
        <v>115</v>
      </c>
      <c r="D19031" s="1" t="s">
        <v>68603</v>
      </c>
      <c r="E19031" s="1" t="s">
        <v>58352</v>
      </c>
      <c r="F19031" s="1" t="s">
        <v>68604</v>
      </c>
      <c r="G19031" s="1" t="s">
        <v>68552</v>
      </c>
      <c r="H19031" s="1" t="s">
        <v>68553</v>
      </c>
      <c r="I19031" s="1" t="s">
        <v>53800</v>
      </c>
      <c r="J19031" s="1" t="s">
        <v>68605</v>
      </c>
    </row>
    <row r="19032" spans="1:10" x14ac:dyDescent="0.35">
      <c r="A19032" s="1" t="s">
        <v>68550</v>
      </c>
      <c r="B19032" s="1" t="s">
        <v>53796</v>
      </c>
      <c r="C19032" s="1" t="s">
        <v>120</v>
      </c>
      <c r="D19032" s="1" t="s">
        <v>5274</v>
      </c>
      <c r="E19032" s="1" t="s">
        <v>68606</v>
      </c>
      <c r="F19032" s="1" t="s">
        <v>60334</v>
      </c>
      <c r="G19032" s="1" t="s">
        <v>68552</v>
      </c>
      <c r="H19032" s="1" t="s">
        <v>68553</v>
      </c>
      <c r="I19032" s="1" t="s">
        <v>53800</v>
      </c>
      <c r="J19032" s="1" t="s">
        <v>68607</v>
      </c>
    </row>
    <row r="19033" spans="1:10" x14ac:dyDescent="0.35">
      <c r="A19033" s="1" t="s">
        <v>68550</v>
      </c>
      <c r="B19033" s="1" t="s">
        <v>53796</v>
      </c>
      <c r="C19033" s="1" t="s">
        <v>125</v>
      </c>
      <c r="D19033" s="1" t="s">
        <v>68608</v>
      </c>
      <c r="E19033" s="1" t="s">
        <v>23903</v>
      </c>
      <c r="F19033" s="1" t="s">
        <v>33005</v>
      </c>
      <c r="G19033" s="1" t="s">
        <v>68552</v>
      </c>
      <c r="H19033" s="1" t="s">
        <v>68553</v>
      </c>
      <c r="I19033" s="1" t="s">
        <v>53800</v>
      </c>
      <c r="J19033" s="1" t="s">
        <v>68609</v>
      </c>
    </row>
    <row r="19034" spans="1:10" x14ac:dyDescent="0.35">
      <c r="A19034" s="1" t="s">
        <v>68550</v>
      </c>
      <c r="B19034" s="1" t="s">
        <v>53796</v>
      </c>
      <c r="C19034" s="1" t="s">
        <v>130</v>
      </c>
      <c r="D19034" s="1" t="s">
        <v>68610</v>
      </c>
      <c r="E19034" s="1" t="s">
        <v>41395</v>
      </c>
      <c r="F19034" s="1" t="s">
        <v>68611</v>
      </c>
      <c r="G19034" s="1" t="s">
        <v>68552</v>
      </c>
      <c r="H19034" s="1" t="s">
        <v>68553</v>
      </c>
      <c r="I19034" s="1" t="s">
        <v>53800</v>
      </c>
      <c r="J19034" s="1" t="s">
        <v>68612</v>
      </c>
    </row>
    <row r="19035" spans="1:10" x14ac:dyDescent="0.35">
      <c r="A19035" s="1" t="s">
        <v>68550</v>
      </c>
      <c r="B19035" s="1" t="s">
        <v>53796</v>
      </c>
      <c r="C19035" s="1" t="s">
        <v>135</v>
      </c>
      <c r="D19035" s="1" t="s">
        <v>68613</v>
      </c>
      <c r="E19035" s="1" t="s">
        <v>57856</v>
      </c>
      <c r="F19035" s="1" t="s">
        <v>68614</v>
      </c>
      <c r="G19035" s="1" t="s">
        <v>68552</v>
      </c>
      <c r="H19035" s="1" t="s">
        <v>68553</v>
      </c>
      <c r="I19035" s="1" t="s">
        <v>53800</v>
      </c>
      <c r="J19035" s="1" t="s">
        <v>68615</v>
      </c>
    </row>
    <row r="19036" spans="1:10" x14ac:dyDescent="0.35">
      <c r="A19036" s="1" t="s">
        <v>68550</v>
      </c>
      <c r="B19036" s="1" t="s">
        <v>53796</v>
      </c>
      <c r="C19036" s="1" t="s">
        <v>140</v>
      </c>
      <c r="D19036" s="1" t="s">
        <v>68616</v>
      </c>
      <c r="E19036" s="1" t="s">
        <v>64314</v>
      </c>
      <c r="F19036" s="1" t="s">
        <v>68617</v>
      </c>
      <c r="G19036" s="1" t="s">
        <v>68552</v>
      </c>
      <c r="H19036" s="1" t="s">
        <v>68553</v>
      </c>
      <c r="I19036" s="1" t="s">
        <v>53800</v>
      </c>
      <c r="J19036" s="1" t="s">
        <v>68618</v>
      </c>
    </row>
    <row r="19037" spans="1:10" x14ac:dyDescent="0.35">
      <c r="A19037" s="1" t="s">
        <v>68550</v>
      </c>
      <c r="B19037" s="1" t="s">
        <v>53796</v>
      </c>
      <c r="C19037" s="1" t="s">
        <v>145</v>
      </c>
      <c r="D19037" s="1" t="s">
        <v>36307</v>
      </c>
      <c r="E19037" s="1" t="s">
        <v>23114</v>
      </c>
      <c r="F19037" s="1" t="s">
        <v>68520</v>
      </c>
      <c r="G19037" s="1" t="s">
        <v>68552</v>
      </c>
      <c r="H19037" s="1" t="s">
        <v>68553</v>
      </c>
      <c r="I19037" s="1" t="s">
        <v>53800</v>
      </c>
      <c r="J19037" s="1" t="s">
        <v>68619</v>
      </c>
    </row>
    <row r="19038" spans="1:10" x14ac:dyDescent="0.35">
      <c r="A19038" s="1" t="s">
        <v>68550</v>
      </c>
      <c r="B19038" s="1" t="s">
        <v>53796</v>
      </c>
      <c r="C19038" s="1" t="s">
        <v>150</v>
      </c>
      <c r="D19038" s="1" t="s">
        <v>68620</v>
      </c>
      <c r="E19038" s="1" t="s">
        <v>41192</v>
      </c>
      <c r="F19038" s="1" t="s">
        <v>68621</v>
      </c>
      <c r="G19038" s="1" t="s">
        <v>68552</v>
      </c>
      <c r="H19038" s="1" t="s">
        <v>68553</v>
      </c>
      <c r="I19038" s="1" t="s">
        <v>53800</v>
      </c>
      <c r="J19038" s="1" t="s">
        <v>68622</v>
      </c>
    </row>
    <row r="19039" spans="1:10" x14ac:dyDescent="0.35">
      <c r="A19039" s="1" t="s">
        <v>68550</v>
      </c>
      <c r="B19039" s="1" t="s">
        <v>53796</v>
      </c>
      <c r="C19039" s="1" t="s">
        <v>155</v>
      </c>
      <c r="D19039" s="1" t="s">
        <v>68623</v>
      </c>
      <c r="E19039" s="1" t="s">
        <v>55248</v>
      </c>
      <c r="F19039" s="1" t="s">
        <v>59785</v>
      </c>
      <c r="G19039" s="1" t="s">
        <v>68552</v>
      </c>
      <c r="H19039" s="1" t="s">
        <v>68553</v>
      </c>
      <c r="I19039" s="1" t="s">
        <v>53800</v>
      </c>
      <c r="J19039" s="1" t="s">
        <v>68624</v>
      </c>
    </row>
    <row r="19040" spans="1:10" x14ac:dyDescent="0.35">
      <c r="A19040" s="1" t="s">
        <v>68550</v>
      </c>
      <c r="B19040" s="1" t="s">
        <v>53796</v>
      </c>
      <c r="C19040" s="1" t="s">
        <v>160</v>
      </c>
      <c r="D19040" s="1" t="s">
        <v>67282</v>
      </c>
      <c r="E19040" s="1" t="s">
        <v>55107</v>
      </c>
      <c r="F19040" s="1" t="s">
        <v>68625</v>
      </c>
      <c r="G19040" s="1" t="s">
        <v>68552</v>
      </c>
      <c r="H19040" s="1" t="s">
        <v>68553</v>
      </c>
      <c r="I19040" s="1" t="s">
        <v>53800</v>
      </c>
      <c r="J19040" s="1" t="s">
        <v>68626</v>
      </c>
    </row>
    <row r="19041" spans="1:10" x14ac:dyDescent="0.35">
      <c r="A19041" s="1" t="s">
        <v>68550</v>
      </c>
      <c r="B19041" s="1" t="s">
        <v>53796</v>
      </c>
      <c r="C19041" s="1" t="s">
        <v>165</v>
      </c>
      <c r="D19041" s="1" t="s">
        <v>68627</v>
      </c>
      <c r="E19041" s="1" t="s">
        <v>68563</v>
      </c>
      <c r="F19041" s="1" t="s">
        <v>68300</v>
      </c>
      <c r="G19041" s="1" t="s">
        <v>68552</v>
      </c>
      <c r="H19041" s="1" t="s">
        <v>68553</v>
      </c>
      <c r="I19041" s="1" t="s">
        <v>53800</v>
      </c>
      <c r="J19041" s="1" t="s">
        <v>68628</v>
      </c>
    </row>
    <row r="19042" spans="1:10" x14ac:dyDescent="0.35">
      <c r="A19042" s="1" t="s">
        <v>68550</v>
      </c>
      <c r="B19042" s="1" t="s">
        <v>53796</v>
      </c>
      <c r="C19042" s="1" t="s">
        <v>170</v>
      </c>
      <c r="D19042" s="1" t="s">
        <v>33331</v>
      </c>
      <c r="E19042" s="1" t="s">
        <v>23016</v>
      </c>
      <c r="F19042" s="1" t="s">
        <v>52479</v>
      </c>
      <c r="G19042" s="1" t="s">
        <v>68552</v>
      </c>
      <c r="H19042" s="1" t="s">
        <v>68553</v>
      </c>
      <c r="I19042" s="1" t="s">
        <v>53800</v>
      </c>
      <c r="J19042" s="1" t="s">
        <v>68629</v>
      </c>
    </row>
    <row r="19043" spans="1:10" x14ac:dyDescent="0.35">
      <c r="A19043" s="1" t="s">
        <v>25932</v>
      </c>
      <c r="B19043" s="1" t="s">
        <v>53796</v>
      </c>
      <c r="C19043" s="1" t="s">
        <v>8</v>
      </c>
      <c r="D19043" s="1" t="s">
        <v>42282</v>
      </c>
      <c r="E19043" s="1" t="s">
        <v>15245</v>
      </c>
      <c r="F19043" s="1" t="s">
        <v>68630</v>
      </c>
      <c r="G19043" s="1" t="s">
        <v>68631</v>
      </c>
      <c r="H19043" s="1" t="s">
        <v>68632</v>
      </c>
      <c r="I19043" s="1" t="s">
        <v>53800</v>
      </c>
      <c r="J19043" s="1" t="s">
        <v>13</v>
      </c>
    </row>
    <row r="19044" spans="1:10" x14ac:dyDescent="0.35">
      <c r="A19044" s="1" t="s">
        <v>25932</v>
      </c>
      <c r="B19044" s="1" t="s">
        <v>53796</v>
      </c>
      <c r="C19044" s="1" t="s">
        <v>15</v>
      </c>
      <c r="D19044" s="1" t="s">
        <v>68633</v>
      </c>
      <c r="E19044" s="1" t="s">
        <v>21749</v>
      </c>
      <c r="F19044" s="1" t="s">
        <v>68634</v>
      </c>
      <c r="G19044" s="1" t="s">
        <v>68631</v>
      </c>
      <c r="H19044" s="1" t="s">
        <v>68632</v>
      </c>
      <c r="I19044" s="1" t="s">
        <v>53800</v>
      </c>
      <c r="J19044" s="1" t="s">
        <v>68635</v>
      </c>
    </row>
    <row r="19045" spans="1:10" x14ac:dyDescent="0.35">
      <c r="A19045" s="1" t="s">
        <v>25932</v>
      </c>
      <c r="B19045" s="1" t="s">
        <v>53796</v>
      </c>
      <c r="C19045" s="1" t="s">
        <v>20</v>
      </c>
      <c r="D19045" s="1" t="s">
        <v>68636</v>
      </c>
      <c r="E19045" s="1" t="s">
        <v>21960</v>
      </c>
      <c r="F19045" s="1" t="s">
        <v>68637</v>
      </c>
      <c r="G19045" s="1" t="s">
        <v>68631</v>
      </c>
      <c r="H19045" s="1" t="s">
        <v>68632</v>
      </c>
      <c r="I19045" s="1" t="s">
        <v>53800</v>
      </c>
      <c r="J19045" s="1" t="s">
        <v>68638</v>
      </c>
    </row>
    <row r="19046" spans="1:10" x14ac:dyDescent="0.35">
      <c r="A19046" s="1" t="s">
        <v>25932</v>
      </c>
      <c r="B19046" s="1" t="s">
        <v>53796</v>
      </c>
      <c r="C19046" s="1" t="s">
        <v>25</v>
      </c>
      <c r="D19046" s="1" t="s">
        <v>68639</v>
      </c>
      <c r="E19046" s="1" t="s">
        <v>55869</v>
      </c>
      <c r="F19046" s="1" t="s">
        <v>68640</v>
      </c>
      <c r="G19046" s="1" t="s">
        <v>68631</v>
      </c>
      <c r="H19046" s="1" t="s">
        <v>68632</v>
      </c>
      <c r="I19046" s="1" t="s">
        <v>53800</v>
      </c>
      <c r="J19046" s="1" t="s">
        <v>68641</v>
      </c>
    </row>
    <row r="19047" spans="1:10" x14ac:dyDescent="0.35">
      <c r="A19047" s="1" t="s">
        <v>25932</v>
      </c>
      <c r="B19047" s="1" t="s">
        <v>53796</v>
      </c>
      <c r="C19047" s="1" t="s">
        <v>30</v>
      </c>
      <c r="D19047" s="1" t="s">
        <v>68642</v>
      </c>
      <c r="E19047" s="1" t="s">
        <v>54042</v>
      </c>
      <c r="F19047" s="1" t="s">
        <v>68643</v>
      </c>
      <c r="G19047" s="1" t="s">
        <v>68631</v>
      </c>
      <c r="H19047" s="1" t="s">
        <v>68632</v>
      </c>
      <c r="I19047" s="1" t="s">
        <v>53800</v>
      </c>
      <c r="J19047" s="1" t="s">
        <v>68644</v>
      </c>
    </row>
    <row r="19048" spans="1:10" x14ac:dyDescent="0.35">
      <c r="A19048" s="1" t="s">
        <v>25932</v>
      </c>
      <c r="B19048" s="1" t="s">
        <v>53796</v>
      </c>
      <c r="C19048" s="1" t="s">
        <v>35</v>
      </c>
      <c r="D19048" s="1" t="s">
        <v>34255</v>
      </c>
      <c r="E19048" s="1" t="s">
        <v>55869</v>
      </c>
      <c r="F19048" s="1" t="s">
        <v>68645</v>
      </c>
      <c r="G19048" s="1" t="s">
        <v>68631</v>
      </c>
      <c r="H19048" s="1" t="s">
        <v>68632</v>
      </c>
      <c r="I19048" s="1" t="s">
        <v>53800</v>
      </c>
      <c r="J19048" s="1" t="s">
        <v>68646</v>
      </c>
    </row>
    <row r="19049" spans="1:10" x14ac:dyDescent="0.35">
      <c r="A19049" s="1" t="s">
        <v>25932</v>
      </c>
      <c r="B19049" s="1" t="s">
        <v>53796</v>
      </c>
      <c r="C19049" s="1" t="s">
        <v>40</v>
      </c>
      <c r="D19049" s="1" t="s">
        <v>68647</v>
      </c>
      <c r="E19049" s="1" t="s">
        <v>68648</v>
      </c>
      <c r="F19049" s="1" t="s">
        <v>68649</v>
      </c>
      <c r="G19049" s="1" t="s">
        <v>68631</v>
      </c>
      <c r="H19049" s="1" t="s">
        <v>68632</v>
      </c>
      <c r="I19049" s="1" t="s">
        <v>53800</v>
      </c>
      <c r="J19049" s="1" t="s">
        <v>68650</v>
      </c>
    </row>
    <row r="19050" spans="1:10" x14ac:dyDescent="0.35">
      <c r="A19050" s="1" t="s">
        <v>25932</v>
      </c>
      <c r="B19050" s="1" t="s">
        <v>53796</v>
      </c>
      <c r="C19050" s="1" t="s">
        <v>45</v>
      </c>
      <c r="D19050" s="1" t="s">
        <v>68651</v>
      </c>
      <c r="E19050" s="1" t="s">
        <v>53843</v>
      </c>
      <c r="F19050" s="1" t="s">
        <v>68652</v>
      </c>
      <c r="G19050" s="1" t="s">
        <v>68631</v>
      </c>
      <c r="H19050" s="1" t="s">
        <v>68632</v>
      </c>
      <c r="I19050" s="1" t="s">
        <v>53800</v>
      </c>
      <c r="J19050" s="1" t="s">
        <v>68653</v>
      </c>
    </row>
    <row r="19051" spans="1:10" x14ac:dyDescent="0.35">
      <c r="A19051" s="1" t="s">
        <v>25932</v>
      </c>
      <c r="B19051" s="1" t="s">
        <v>53796</v>
      </c>
      <c r="C19051" s="1" t="s">
        <v>50</v>
      </c>
      <c r="D19051" s="1" t="s">
        <v>68654</v>
      </c>
      <c r="E19051" s="1" t="s">
        <v>15217</v>
      </c>
      <c r="F19051" s="1" t="s">
        <v>68655</v>
      </c>
      <c r="G19051" s="1" t="s">
        <v>68631</v>
      </c>
      <c r="H19051" s="1" t="s">
        <v>68632</v>
      </c>
      <c r="I19051" s="1" t="s">
        <v>53800</v>
      </c>
      <c r="J19051" s="1" t="s">
        <v>68656</v>
      </c>
    </row>
    <row r="19052" spans="1:10" x14ac:dyDescent="0.35">
      <c r="A19052" s="1" t="s">
        <v>25932</v>
      </c>
      <c r="B19052" s="1" t="s">
        <v>53796</v>
      </c>
      <c r="C19052" s="1" t="s">
        <v>55</v>
      </c>
      <c r="D19052" s="1" t="s">
        <v>23416</v>
      </c>
      <c r="E19052" s="1" t="s">
        <v>53928</v>
      </c>
      <c r="F19052" s="1" t="s">
        <v>32052</v>
      </c>
      <c r="G19052" s="1" t="s">
        <v>68631</v>
      </c>
      <c r="H19052" s="1" t="s">
        <v>68632</v>
      </c>
      <c r="I19052" s="1" t="s">
        <v>53800</v>
      </c>
      <c r="J19052" s="1" t="s">
        <v>68657</v>
      </c>
    </row>
    <row r="19053" spans="1:10" x14ac:dyDescent="0.35">
      <c r="A19053" s="1" t="s">
        <v>25932</v>
      </c>
      <c r="B19053" s="1" t="s">
        <v>53796</v>
      </c>
      <c r="C19053" s="1" t="s">
        <v>60</v>
      </c>
      <c r="D19053" s="1" t="s">
        <v>68658</v>
      </c>
      <c r="E19053" s="1" t="s">
        <v>57621</v>
      </c>
      <c r="F19053" s="1" t="s">
        <v>68659</v>
      </c>
      <c r="G19053" s="1" t="s">
        <v>68631</v>
      </c>
      <c r="H19053" s="1" t="s">
        <v>68632</v>
      </c>
      <c r="I19053" s="1" t="s">
        <v>53800</v>
      </c>
      <c r="J19053" s="1" t="s">
        <v>68660</v>
      </c>
    </row>
    <row r="19054" spans="1:10" x14ac:dyDescent="0.35">
      <c r="A19054" s="1" t="s">
        <v>25932</v>
      </c>
      <c r="B19054" s="1" t="s">
        <v>53796</v>
      </c>
      <c r="C19054" s="1" t="s">
        <v>65</v>
      </c>
      <c r="D19054" s="1" t="s">
        <v>68661</v>
      </c>
      <c r="E19054" s="1" t="s">
        <v>32333</v>
      </c>
      <c r="F19054" s="1" t="s">
        <v>58176</v>
      </c>
      <c r="G19054" s="1" t="s">
        <v>68631</v>
      </c>
      <c r="H19054" s="1" t="s">
        <v>68632</v>
      </c>
      <c r="I19054" s="1" t="s">
        <v>53800</v>
      </c>
      <c r="J19054" s="1" t="s">
        <v>68662</v>
      </c>
    </row>
    <row r="19055" spans="1:10" x14ac:dyDescent="0.35">
      <c r="A19055" s="1" t="s">
        <v>25932</v>
      </c>
      <c r="B19055" s="1" t="s">
        <v>53796</v>
      </c>
      <c r="C19055" s="1" t="s">
        <v>70</v>
      </c>
      <c r="D19055" s="1" t="s">
        <v>68663</v>
      </c>
      <c r="E19055" s="1" t="s">
        <v>68664</v>
      </c>
      <c r="F19055" s="1" t="s">
        <v>68665</v>
      </c>
      <c r="G19055" s="1" t="s">
        <v>68631</v>
      </c>
      <c r="H19055" s="1" t="s">
        <v>68632</v>
      </c>
      <c r="I19055" s="1" t="s">
        <v>53800</v>
      </c>
      <c r="J19055" s="1" t="s">
        <v>68666</v>
      </c>
    </row>
    <row r="19056" spans="1:10" x14ac:dyDescent="0.35">
      <c r="A19056" s="1" t="s">
        <v>25932</v>
      </c>
      <c r="B19056" s="1" t="s">
        <v>53796</v>
      </c>
      <c r="C19056" s="1" t="s">
        <v>75</v>
      </c>
      <c r="D19056" s="1" t="s">
        <v>68667</v>
      </c>
      <c r="E19056" s="1" t="s">
        <v>41262</v>
      </c>
      <c r="F19056" s="1" t="s">
        <v>68668</v>
      </c>
      <c r="G19056" s="1" t="s">
        <v>68631</v>
      </c>
      <c r="H19056" s="1" t="s">
        <v>68632</v>
      </c>
      <c r="I19056" s="1" t="s">
        <v>53800</v>
      </c>
      <c r="J19056" s="1" t="s">
        <v>68669</v>
      </c>
    </row>
    <row r="19057" spans="1:10" x14ac:dyDescent="0.35">
      <c r="A19057" s="1" t="s">
        <v>25932</v>
      </c>
      <c r="B19057" s="1" t="s">
        <v>53796</v>
      </c>
      <c r="C19057" s="1" t="s">
        <v>80</v>
      </c>
      <c r="D19057" s="1" t="s">
        <v>68670</v>
      </c>
      <c r="E19057" s="1" t="s">
        <v>55315</v>
      </c>
      <c r="F19057" s="1" t="s">
        <v>68671</v>
      </c>
      <c r="G19057" s="1" t="s">
        <v>68631</v>
      </c>
      <c r="H19057" s="1" t="s">
        <v>68632</v>
      </c>
      <c r="I19057" s="1" t="s">
        <v>53800</v>
      </c>
      <c r="J19057" s="1" t="s">
        <v>68672</v>
      </c>
    </row>
    <row r="19058" spans="1:10" x14ac:dyDescent="0.35">
      <c r="A19058" s="1" t="s">
        <v>25932</v>
      </c>
      <c r="B19058" s="1" t="s">
        <v>53796</v>
      </c>
      <c r="C19058" s="1" t="s">
        <v>85</v>
      </c>
      <c r="D19058" s="1" t="s">
        <v>68673</v>
      </c>
      <c r="E19058" s="1" t="s">
        <v>54405</v>
      </c>
      <c r="F19058" s="1" t="s">
        <v>68674</v>
      </c>
      <c r="G19058" s="1" t="s">
        <v>68631</v>
      </c>
      <c r="H19058" s="1" t="s">
        <v>68632</v>
      </c>
      <c r="I19058" s="1" t="s">
        <v>53800</v>
      </c>
      <c r="J19058" s="1" t="s">
        <v>68675</v>
      </c>
    </row>
    <row r="19059" spans="1:10" x14ac:dyDescent="0.35">
      <c r="A19059" s="1" t="s">
        <v>25932</v>
      </c>
      <c r="B19059" s="1" t="s">
        <v>53796</v>
      </c>
      <c r="C19059" s="1" t="s">
        <v>90</v>
      </c>
      <c r="D19059" s="1" t="s">
        <v>68676</v>
      </c>
      <c r="E19059" s="1" t="s">
        <v>15263</v>
      </c>
      <c r="F19059" s="1" t="s">
        <v>60277</v>
      </c>
      <c r="G19059" s="1" t="s">
        <v>68631</v>
      </c>
      <c r="H19059" s="1" t="s">
        <v>68632</v>
      </c>
      <c r="I19059" s="1" t="s">
        <v>53800</v>
      </c>
      <c r="J19059" s="1" t="s">
        <v>68677</v>
      </c>
    </row>
    <row r="19060" spans="1:10" x14ac:dyDescent="0.35">
      <c r="A19060" s="1" t="s">
        <v>25932</v>
      </c>
      <c r="B19060" s="1" t="s">
        <v>53796</v>
      </c>
      <c r="C19060" s="1" t="s">
        <v>95</v>
      </c>
      <c r="D19060" s="1" t="s">
        <v>68678</v>
      </c>
      <c r="E19060" s="1" t="s">
        <v>23248</v>
      </c>
      <c r="F19060" s="1" t="s">
        <v>68679</v>
      </c>
      <c r="G19060" s="1" t="s">
        <v>68631</v>
      </c>
      <c r="H19060" s="1" t="s">
        <v>68632</v>
      </c>
      <c r="I19060" s="1" t="s">
        <v>53800</v>
      </c>
      <c r="J19060" s="1" t="s">
        <v>68680</v>
      </c>
    </row>
    <row r="19061" spans="1:10" x14ac:dyDescent="0.35">
      <c r="A19061" s="1" t="s">
        <v>25932</v>
      </c>
      <c r="B19061" s="1" t="s">
        <v>53796</v>
      </c>
      <c r="C19061" s="1" t="s">
        <v>100</v>
      </c>
      <c r="D19061" s="1" t="s">
        <v>68681</v>
      </c>
      <c r="E19061" s="1" t="s">
        <v>26621</v>
      </c>
      <c r="F19061" s="1" t="s">
        <v>19995</v>
      </c>
      <c r="G19061" s="1" t="s">
        <v>68631</v>
      </c>
      <c r="H19061" s="1" t="s">
        <v>68632</v>
      </c>
      <c r="I19061" s="1" t="s">
        <v>53800</v>
      </c>
      <c r="J19061" s="1" t="s">
        <v>68682</v>
      </c>
    </row>
    <row r="19062" spans="1:10" x14ac:dyDescent="0.35">
      <c r="A19062" s="1" t="s">
        <v>25932</v>
      </c>
      <c r="B19062" s="1" t="s">
        <v>53796</v>
      </c>
      <c r="C19062" s="1" t="s">
        <v>105</v>
      </c>
      <c r="D19062" s="1" t="s">
        <v>68683</v>
      </c>
      <c r="E19062" s="1" t="s">
        <v>56076</v>
      </c>
      <c r="F19062" s="1" t="s">
        <v>62199</v>
      </c>
      <c r="G19062" s="1" t="s">
        <v>68631</v>
      </c>
      <c r="H19062" s="1" t="s">
        <v>68632</v>
      </c>
      <c r="I19062" s="1" t="s">
        <v>53800</v>
      </c>
      <c r="J19062" s="1" t="s">
        <v>50165</v>
      </c>
    </row>
    <row r="19063" spans="1:10" x14ac:dyDescent="0.35">
      <c r="A19063" s="1" t="s">
        <v>25932</v>
      </c>
      <c r="B19063" s="1" t="s">
        <v>53796</v>
      </c>
      <c r="C19063" s="1" t="s">
        <v>110</v>
      </c>
      <c r="D19063" s="1" t="s">
        <v>13470</v>
      </c>
      <c r="E19063" s="1" t="s">
        <v>60954</v>
      </c>
      <c r="F19063" s="1" t="s">
        <v>32324</v>
      </c>
      <c r="G19063" s="1" t="s">
        <v>68631</v>
      </c>
      <c r="H19063" s="1" t="s">
        <v>68632</v>
      </c>
      <c r="I19063" s="1" t="s">
        <v>53800</v>
      </c>
      <c r="J19063" s="1" t="s">
        <v>68684</v>
      </c>
    </row>
    <row r="19064" spans="1:10" x14ac:dyDescent="0.35">
      <c r="A19064" s="1" t="s">
        <v>25932</v>
      </c>
      <c r="B19064" s="1" t="s">
        <v>53796</v>
      </c>
      <c r="C19064" s="1" t="s">
        <v>115</v>
      </c>
      <c r="D19064" s="1" t="s">
        <v>54809</v>
      </c>
      <c r="E19064" s="1" t="s">
        <v>59927</v>
      </c>
      <c r="F19064" s="1" t="s">
        <v>68685</v>
      </c>
      <c r="G19064" s="1" t="s">
        <v>68631</v>
      </c>
      <c r="H19064" s="1" t="s">
        <v>68632</v>
      </c>
      <c r="I19064" s="1" t="s">
        <v>53800</v>
      </c>
      <c r="J19064" s="1" t="s">
        <v>68686</v>
      </c>
    </row>
    <row r="19065" spans="1:10" x14ac:dyDescent="0.35">
      <c r="A19065" s="1" t="s">
        <v>25932</v>
      </c>
      <c r="B19065" s="1" t="s">
        <v>53796</v>
      </c>
      <c r="C19065" s="1" t="s">
        <v>120</v>
      </c>
      <c r="D19065" s="1" t="s">
        <v>68687</v>
      </c>
      <c r="E19065" s="1" t="s">
        <v>57284</v>
      </c>
      <c r="F19065" s="1" t="s">
        <v>68688</v>
      </c>
      <c r="G19065" s="1" t="s">
        <v>68631</v>
      </c>
      <c r="H19065" s="1" t="s">
        <v>68632</v>
      </c>
      <c r="I19065" s="1" t="s">
        <v>53800</v>
      </c>
      <c r="J19065" s="1" t="s">
        <v>68689</v>
      </c>
    </row>
    <row r="19066" spans="1:10" x14ac:dyDescent="0.35">
      <c r="A19066" s="1" t="s">
        <v>25932</v>
      </c>
      <c r="B19066" s="1" t="s">
        <v>53796</v>
      </c>
      <c r="C19066" s="1" t="s">
        <v>125</v>
      </c>
      <c r="D19066" s="1" t="s">
        <v>68690</v>
      </c>
      <c r="E19066" s="1" t="s">
        <v>41425</v>
      </c>
      <c r="F19066" s="1" t="s">
        <v>68691</v>
      </c>
      <c r="G19066" s="1" t="s">
        <v>68631</v>
      </c>
      <c r="H19066" s="1" t="s">
        <v>68632</v>
      </c>
      <c r="I19066" s="1" t="s">
        <v>53800</v>
      </c>
      <c r="J19066" s="1" t="s">
        <v>68692</v>
      </c>
    </row>
    <row r="19067" spans="1:10" x14ac:dyDescent="0.35">
      <c r="A19067" s="1" t="s">
        <v>25932</v>
      </c>
      <c r="B19067" s="1" t="s">
        <v>53796</v>
      </c>
      <c r="C19067" s="1" t="s">
        <v>130</v>
      </c>
      <c r="D19067" s="1" t="s">
        <v>56096</v>
      </c>
      <c r="E19067" s="1" t="s">
        <v>23498</v>
      </c>
      <c r="F19067" s="1" t="s">
        <v>68693</v>
      </c>
      <c r="G19067" s="1" t="s">
        <v>68631</v>
      </c>
      <c r="H19067" s="1" t="s">
        <v>68632</v>
      </c>
      <c r="I19067" s="1" t="s">
        <v>53800</v>
      </c>
      <c r="J19067" s="1" t="s">
        <v>68694</v>
      </c>
    </row>
    <row r="19068" spans="1:10" x14ac:dyDescent="0.35">
      <c r="A19068" s="1" t="s">
        <v>25932</v>
      </c>
      <c r="B19068" s="1" t="s">
        <v>53796</v>
      </c>
      <c r="C19068" s="1" t="s">
        <v>135</v>
      </c>
      <c r="D19068" s="1" t="s">
        <v>68695</v>
      </c>
      <c r="E19068" s="1" t="s">
        <v>27070</v>
      </c>
      <c r="F19068" s="1" t="s">
        <v>68696</v>
      </c>
      <c r="G19068" s="1" t="s">
        <v>68631</v>
      </c>
      <c r="H19068" s="1" t="s">
        <v>68632</v>
      </c>
      <c r="I19068" s="1" t="s">
        <v>53800</v>
      </c>
      <c r="J19068" s="1" t="s">
        <v>68697</v>
      </c>
    </row>
    <row r="19069" spans="1:10" x14ac:dyDescent="0.35">
      <c r="A19069" s="1" t="s">
        <v>25932</v>
      </c>
      <c r="B19069" s="1" t="s">
        <v>53796</v>
      </c>
      <c r="C19069" s="1" t="s">
        <v>140</v>
      </c>
      <c r="D19069" s="1" t="s">
        <v>68698</v>
      </c>
      <c r="E19069" s="1" t="s">
        <v>53965</v>
      </c>
      <c r="F19069" s="1" t="s">
        <v>68699</v>
      </c>
      <c r="G19069" s="1" t="s">
        <v>68631</v>
      </c>
      <c r="H19069" s="1" t="s">
        <v>68632</v>
      </c>
      <c r="I19069" s="1" t="s">
        <v>53800</v>
      </c>
      <c r="J19069" s="1" t="s">
        <v>68700</v>
      </c>
    </row>
    <row r="19070" spans="1:10" x14ac:dyDescent="0.35">
      <c r="A19070" s="1" t="s">
        <v>25932</v>
      </c>
      <c r="B19070" s="1" t="s">
        <v>53796</v>
      </c>
      <c r="C19070" s="1" t="s">
        <v>145</v>
      </c>
      <c r="D19070" s="1" t="s">
        <v>26913</v>
      </c>
      <c r="E19070" s="1" t="s">
        <v>60525</v>
      </c>
      <c r="F19070" s="1" t="s">
        <v>68701</v>
      </c>
      <c r="G19070" s="1" t="s">
        <v>68631</v>
      </c>
      <c r="H19070" s="1" t="s">
        <v>68632</v>
      </c>
      <c r="I19070" s="1" t="s">
        <v>53800</v>
      </c>
      <c r="J19070" s="1" t="s">
        <v>68702</v>
      </c>
    </row>
    <row r="19071" spans="1:10" x14ac:dyDescent="0.35">
      <c r="A19071" s="1" t="s">
        <v>25932</v>
      </c>
      <c r="B19071" s="1" t="s">
        <v>53796</v>
      </c>
      <c r="C19071" s="1" t="s">
        <v>150</v>
      </c>
      <c r="D19071" s="1" t="s">
        <v>56537</v>
      </c>
      <c r="E19071" s="1" t="s">
        <v>22259</v>
      </c>
      <c r="F19071" s="1" t="s">
        <v>68703</v>
      </c>
      <c r="G19071" s="1" t="s">
        <v>68631</v>
      </c>
      <c r="H19071" s="1" t="s">
        <v>68632</v>
      </c>
      <c r="I19071" s="1" t="s">
        <v>53800</v>
      </c>
      <c r="J19071" s="1" t="s">
        <v>68704</v>
      </c>
    </row>
    <row r="19072" spans="1:10" x14ac:dyDescent="0.35">
      <c r="A19072" s="1" t="s">
        <v>25932</v>
      </c>
      <c r="B19072" s="1" t="s">
        <v>53796</v>
      </c>
      <c r="C19072" s="1" t="s">
        <v>155</v>
      </c>
      <c r="D19072" s="1" t="s">
        <v>68705</v>
      </c>
      <c r="E19072" s="1" t="s">
        <v>26198</v>
      </c>
      <c r="F19072" s="1" t="s">
        <v>68706</v>
      </c>
      <c r="G19072" s="1" t="s">
        <v>68631</v>
      </c>
      <c r="H19072" s="1" t="s">
        <v>68632</v>
      </c>
      <c r="I19072" s="1" t="s">
        <v>53800</v>
      </c>
      <c r="J19072" s="1" t="s">
        <v>68707</v>
      </c>
    </row>
    <row r="19073" spans="1:10" x14ac:dyDescent="0.35">
      <c r="A19073" s="1" t="s">
        <v>25932</v>
      </c>
      <c r="B19073" s="1" t="s">
        <v>53796</v>
      </c>
      <c r="C19073" s="1" t="s">
        <v>160</v>
      </c>
      <c r="D19073" s="1" t="s">
        <v>68708</v>
      </c>
      <c r="E19073" s="1" t="s">
        <v>54110</v>
      </c>
      <c r="F19073" s="1" t="s">
        <v>61877</v>
      </c>
      <c r="G19073" s="1" t="s">
        <v>68631</v>
      </c>
      <c r="H19073" s="1" t="s">
        <v>68632</v>
      </c>
      <c r="I19073" s="1" t="s">
        <v>53800</v>
      </c>
      <c r="J19073" s="1" t="s">
        <v>68709</v>
      </c>
    </row>
    <row r="19074" spans="1:10" x14ac:dyDescent="0.35">
      <c r="A19074" s="1" t="s">
        <v>25932</v>
      </c>
      <c r="B19074" s="1" t="s">
        <v>53796</v>
      </c>
      <c r="C19074" s="1" t="s">
        <v>165</v>
      </c>
      <c r="D19074" s="1" t="s">
        <v>68710</v>
      </c>
      <c r="E19074" s="1" t="s">
        <v>31368</v>
      </c>
      <c r="F19074" s="1" t="s">
        <v>68711</v>
      </c>
      <c r="G19074" s="1" t="s">
        <v>68631</v>
      </c>
      <c r="H19074" s="1" t="s">
        <v>68632</v>
      </c>
      <c r="I19074" s="1" t="s">
        <v>53800</v>
      </c>
      <c r="J19074" s="1" t="s">
        <v>68712</v>
      </c>
    </row>
    <row r="19075" spans="1:10" x14ac:dyDescent="0.35">
      <c r="A19075" s="1" t="s">
        <v>25932</v>
      </c>
      <c r="B19075" s="1" t="s">
        <v>53796</v>
      </c>
      <c r="C19075" s="1" t="s">
        <v>170</v>
      </c>
      <c r="D19075" s="1" t="s">
        <v>68713</v>
      </c>
      <c r="E19075" s="1" t="s">
        <v>15336</v>
      </c>
      <c r="F19075" s="1" t="s">
        <v>68714</v>
      </c>
      <c r="G19075" s="1" t="s">
        <v>68631</v>
      </c>
      <c r="H19075" s="1" t="s">
        <v>68632</v>
      </c>
      <c r="I19075" s="1" t="s">
        <v>53800</v>
      </c>
      <c r="J19075" s="1" t="s">
        <v>68715</v>
      </c>
    </row>
    <row r="19076" spans="1:10" x14ac:dyDescent="0.35">
      <c r="A19076" s="1" t="s">
        <v>68716</v>
      </c>
      <c r="B19076" s="1" t="s">
        <v>53796</v>
      </c>
      <c r="C19076" s="1" t="s">
        <v>8</v>
      </c>
      <c r="D19076" s="1" t="s">
        <v>24188</v>
      </c>
      <c r="E19076" s="1" t="s">
        <v>68717</v>
      </c>
      <c r="F19076" s="1" t="s">
        <v>68718</v>
      </c>
      <c r="G19076" s="1" t="s">
        <v>68719</v>
      </c>
      <c r="H19076" s="1" t="s">
        <v>68720</v>
      </c>
      <c r="I19076" s="1" t="s">
        <v>53800</v>
      </c>
      <c r="J19076" s="1" t="s">
        <v>13</v>
      </c>
    </row>
    <row r="19077" spans="1:10" x14ac:dyDescent="0.35">
      <c r="A19077" s="1" t="s">
        <v>68716</v>
      </c>
      <c r="B19077" s="1" t="s">
        <v>53796</v>
      </c>
      <c r="C19077" s="1" t="s">
        <v>15</v>
      </c>
      <c r="D19077" s="1" t="s">
        <v>68721</v>
      </c>
      <c r="E19077" s="1" t="s">
        <v>68722</v>
      </c>
      <c r="F19077" s="1" t="s">
        <v>68723</v>
      </c>
      <c r="G19077" s="1" t="s">
        <v>68719</v>
      </c>
      <c r="H19077" s="1" t="s">
        <v>68720</v>
      </c>
      <c r="I19077" s="1" t="s">
        <v>53800</v>
      </c>
      <c r="J19077" s="1" t="s">
        <v>68724</v>
      </c>
    </row>
    <row r="19078" spans="1:10" x14ac:dyDescent="0.35">
      <c r="A19078" s="1" t="s">
        <v>68716</v>
      </c>
      <c r="B19078" s="1" t="s">
        <v>53796</v>
      </c>
      <c r="C19078" s="1" t="s">
        <v>20</v>
      </c>
      <c r="D19078" s="1" t="s">
        <v>68725</v>
      </c>
      <c r="E19078" s="1" t="s">
        <v>68726</v>
      </c>
      <c r="F19078" s="1" t="s">
        <v>68727</v>
      </c>
      <c r="G19078" s="1" t="s">
        <v>68719</v>
      </c>
      <c r="H19078" s="1" t="s">
        <v>68720</v>
      </c>
      <c r="I19078" s="1" t="s">
        <v>53800</v>
      </c>
      <c r="J19078" s="1" t="s">
        <v>68728</v>
      </c>
    </row>
    <row r="19079" spans="1:10" x14ac:dyDescent="0.35">
      <c r="A19079" s="1" t="s">
        <v>68716</v>
      </c>
      <c r="B19079" s="1" t="s">
        <v>53796</v>
      </c>
      <c r="C19079" s="1" t="s">
        <v>25</v>
      </c>
      <c r="D19079" s="1" t="s">
        <v>68729</v>
      </c>
      <c r="E19079" s="1" t="s">
        <v>68730</v>
      </c>
      <c r="F19079" s="1" t="s">
        <v>68731</v>
      </c>
      <c r="G19079" s="1" t="s">
        <v>68719</v>
      </c>
      <c r="H19079" s="1" t="s">
        <v>68720</v>
      </c>
      <c r="I19079" s="1" t="s">
        <v>53800</v>
      </c>
      <c r="J19079" s="1" t="s">
        <v>68732</v>
      </c>
    </row>
    <row r="19080" spans="1:10" x14ac:dyDescent="0.35">
      <c r="A19080" s="1" t="s">
        <v>68716</v>
      </c>
      <c r="B19080" s="1" t="s">
        <v>53796</v>
      </c>
      <c r="C19080" s="1" t="s">
        <v>30</v>
      </c>
      <c r="D19080" s="1" t="s">
        <v>68733</v>
      </c>
      <c r="E19080" s="1" t="s">
        <v>68734</v>
      </c>
      <c r="F19080" s="1" t="s">
        <v>68735</v>
      </c>
      <c r="G19080" s="1" t="s">
        <v>68719</v>
      </c>
      <c r="H19080" s="1" t="s">
        <v>68720</v>
      </c>
      <c r="I19080" s="1" t="s">
        <v>53800</v>
      </c>
      <c r="J19080" s="1" t="s">
        <v>68736</v>
      </c>
    </row>
    <row r="19081" spans="1:10" x14ac:dyDescent="0.35">
      <c r="A19081" s="1" t="s">
        <v>68716</v>
      </c>
      <c r="B19081" s="1" t="s">
        <v>53796</v>
      </c>
      <c r="C19081" s="1" t="s">
        <v>35</v>
      </c>
      <c r="D19081" s="1" t="s">
        <v>68737</v>
      </c>
      <c r="E19081" s="1" t="s">
        <v>68738</v>
      </c>
      <c r="F19081" s="1" t="s">
        <v>68739</v>
      </c>
      <c r="G19081" s="1" t="s">
        <v>68719</v>
      </c>
      <c r="H19081" s="1" t="s">
        <v>68720</v>
      </c>
      <c r="I19081" s="1" t="s">
        <v>53800</v>
      </c>
      <c r="J19081" s="1" t="s">
        <v>68740</v>
      </c>
    </row>
    <row r="19082" spans="1:10" x14ac:dyDescent="0.35">
      <c r="A19082" s="1" t="s">
        <v>68716</v>
      </c>
      <c r="B19082" s="1" t="s">
        <v>53796</v>
      </c>
      <c r="C19082" s="1" t="s">
        <v>40</v>
      </c>
      <c r="D19082" s="1" t="s">
        <v>58701</v>
      </c>
      <c r="E19082" s="1" t="s">
        <v>68741</v>
      </c>
      <c r="F19082" s="1" t="s">
        <v>68742</v>
      </c>
      <c r="G19082" s="1" t="s">
        <v>68719</v>
      </c>
      <c r="H19082" s="1" t="s">
        <v>68720</v>
      </c>
      <c r="I19082" s="1" t="s">
        <v>53800</v>
      </c>
      <c r="J19082" s="1" t="s">
        <v>68743</v>
      </c>
    </row>
    <row r="19083" spans="1:10" x14ac:dyDescent="0.35">
      <c r="A19083" s="1" t="s">
        <v>68716</v>
      </c>
      <c r="B19083" s="1" t="s">
        <v>53796</v>
      </c>
      <c r="C19083" s="1" t="s">
        <v>45</v>
      </c>
      <c r="D19083" s="1" t="s">
        <v>68744</v>
      </c>
      <c r="E19083" s="1" t="s">
        <v>68745</v>
      </c>
      <c r="F19083" s="1" t="s">
        <v>68746</v>
      </c>
      <c r="G19083" s="1" t="s">
        <v>68719</v>
      </c>
      <c r="H19083" s="1" t="s">
        <v>68720</v>
      </c>
      <c r="I19083" s="1" t="s">
        <v>53800</v>
      </c>
      <c r="J19083" s="1" t="s">
        <v>68747</v>
      </c>
    </row>
    <row r="19084" spans="1:10" x14ac:dyDescent="0.35">
      <c r="A19084" s="1" t="s">
        <v>68716</v>
      </c>
      <c r="B19084" s="1" t="s">
        <v>53796</v>
      </c>
      <c r="C19084" s="1" t="s">
        <v>50</v>
      </c>
      <c r="D19084" s="1" t="s">
        <v>68748</v>
      </c>
      <c r="E19084" s="1" t="s">
        <v>68749</v>
      </c>
      <c r="F19084" s="1" t="s">
        <v>68750</v>
      </c>
      <c r="G19084" s="1" t="s">
        <v>68719</v>
      </c>
      <c r="H19084" s="1" t="s">
        <v>68720</v>
      </c>
      <c r="I19084" s="1" t="s">
        <v>53800</v>
      </c>
      <c r="J19084" s="1" t="s">
        <v>68751</v>
      </c>
    </row>
    <row r="19085" spans="1:10" x14ac:dyDescent="0.35">
      <c r="A19085" s="1" t="s">
        <v>68716</v>
      </c>
      <c r="B19085" s="1" t="s">
        <v>53796</v>
      </c>
      <c r="C19085" s="1" t="s">
        <v>55</v>
      </c>
      <c r="D19085" s="1" t="s">
        <v>68752</v>
      </c>
      <c r="E19085" s="1" t="s">
        <v>68753</v>
      </c>
      <c r="F19085" s="1" t="s">
        <v>68754</v>
      </c>
      <c r="G19085" s="1" t="s">
        <v>68719</v>
      </c>
      <c r="H19085" s="1" t="s">
        <v>68720</v>
      </c>
      <c r="I19085" s="1" t="s">
        <v>53800</v>
      </c>
      <c r="J19085" s="1" t="s">
        <v>68755</v>
      </c>
    </row>
    <row r="19086" spans="1:10" x14ac:dyDescent="0.35">
      <c r="A19086" s="1" t="s">
        <v>68716</v>
      </c>
      <c r="B19086" s="1" t="s">
        <v>53796</v>
      </c>
      <c r="C19086" s="1" t="s">
        <v>60</v>
      </c>
      <c r="D19086" s="1" t="s">
        <v>68756</v>
      </c>
      <c r="E19086" s="1" t="s">
        <v>68757</v>
      </c>
      <c r="F19086" s="1" t="s">
        <v>68758</v>
      </c>
      <c r="G19086" s="1" t="s">
        <v>68719</v>
      </c>
      <c r="H19086" s="1" t="s">
        <v>68720</v>
      </c>
      <c r="I19086" s="1" t="s">
        <v>53800</v>
      </c>
      <c r="J19086" s="1" t="s">
        <v>68759</v>
      </c>
    </row>
    <row r="19087" spans="1:10" x14ac:dyDescent="0.35">
      <c r="A19087" s="1" t="s">
        <v>68716</v>
      </c>
      <c r="B19087" s="1" t="s">
        <v>53796</v>
      </c>
      <c r="C19087" s="1" t="s">
        <v>65</v>
      </c>
      <c r="D19087" s="1" t="s">
        <v>68760</v>
      </c>
      <c r="E19087" s="1" t="s">
        <v>68761</v>
      </c>
      <c r="F19087" s="1" t="s">
        <v>68762</v>
      </c>
      <c r="G19087" s="1" t="s">
        <v>68719</v>
      </c>
      <c r="H19087" s="1" t="s">
        <v>68720</v>
      </c>
      <c r="I19087" s="1" t="s">
        <v>53800</v>
      </c>
      <c r="J19087" s="1" t="s">
        <v>68763</v>
      </c>
    </row>
    <row r="19088" spans="1:10" x14ac:dyDescent="0.35">
      <c r="A19088" s="1" t="s">
        <v>68716</v>
      </c>
      <c r="B19088" s="1" t="s">
        <v>53796</v>
      </c>
      <c r="C19088" s="1" t="s">
        <v>70</v>
      </c>
      <c r="D19088" s="1" t="s">
        <v>68764</v>
      </c>
      <c r="E19088" s="1" t="s">
        <v>68765</v>
      </c>
      <c r="F19088" s="1" t="s">
        <v>68766</v>
      </c>
      <c r="G19088" s="1" t="s">
        <v>68719</v>
      </c>
      <c r="H19088" s="1" t="s">
        <v>68720</v>
      </c>
      <c r="I19088" s="1" t="s">
        <v>53800</v>
      </c>
      <c r="J19088" s="1" t="s">
        <v>68767</v>
      </c>
    </row>
    <row r="19089" spans="1:10" x14ac:dyDescent="0.35">
      <c r="A19089" s="1" t="s">
        <v>68716</v>
      </c>
      <c r="B19089" s="1" t="s">
        <v>53796</v>
      </c>
      <c r="C19089" s="1" t="s">
        <v>75</v>
      </c>
      <c r="D19089" s="1" t="s">
        <v>18374</v>
      </c>
      <c r="E19089" s="1" t="s">
        <v>68768</v>
      </c>
      <c r="F19089" s="1" t="s">
        <v>68769</v>
      </c>
      <c r="G19089" s="1" t="s">
        <v>68719</v>
      </c>
      <c r="H19089" s="1" t="s">
        <v>68720</v>
      </c>
      <c r="I19089" s="1" t="s">
        <v>53800</v>
      </c>
      <c r="J19089" s="1" t="s">
        <v>68770</v>
      </c>
    </row>
    <row r="19090" spans="1:10" x14ac:dyDescent="0.35">
      <c r="A19090" s="1" t="s">
        <v>68716</v>
      </c>
      <c r="B19090" s="1" t="s">
        <v>53796</v>
      </c>
      <c r="C19090" s="1" t="s">
        <v>80</v>
      </c>
      <c r="D19090" s="1" t="s">
        <v>64459</v>
      </c>
      <c r="E19090" s="1" t="s">
        <v>68771</v>
      </c>
      <c r="F19090" s="1" t="s">
        <v>68772</v>
      </c>
      <c r="G19090" s="1" t="s">
        <v>68719</v>
      </c>
      <c r="H19090" s="1" t="s">
        <v>68720</v>
      </c>
      <c r="I19090" s="1" t="s">
        <v>53800</v>
      </c>
      <c r="J19090" s="1" t="s">
        <v>68773</v>
      </c>
    </row>
    <row r="19091" spans="1:10" x14ac:dyDescent="0.35">
      <c r="A19091" s="1" t="s">
        <v>68716</v>
      </c>
      <c r="B19091" s="1" t="s">
        <v>53796</v>
      </c>
      <c r="C19091" s="1" t="s">
        <v>85</v>
      </c>
      <c r="D19091" s="1" t="s">
        <v>14343</v>
      </c>
      <c r="E19091" s="1" t="s">
        <v>68774</v>
      </c>
      <c r="F19091" s="1" t="s">
        <v>68775</v>
      </c>
      <c r="G19091" s="1" t="s">
        <v>68719</v>
      </c>
      <c r="H19091" s="1" t="s">
        <v>68720</v>
      </c>
      <c r="I19091" s="1" t="s">
        <v>53800</v>
      </c>
      <c r="J19091" s="1" t="s">
        <v>68776</v>
      </c>
    </row>
    <row r="19092" spans="1:10" x14ac:dyDescent="0.35">
      <c r="A19092" s="1" t="s">
        <v>68716</v>
      </c>
      <c r="B19092" s="1" t="s">
        <v>53796</v>
      </c>
      <c r="C19092" s="1" t="s">
        <v>90</v>
      </c>
      <c r="D19092" s="1" t="s">
        <v>21338</v>
      </c>
      <c r="E19092" s="1" t="s">
        <v>68777</v>
      </c>
      <c r="F19092" s="1" t="s">
        <v>68778</v>
      </c>
      <c r="G19092" s="1" t="s">
        <v>68719</v>
      </c>
      <c r="H19092" s="1" t="s">
        <v>68720</v>
      </c>
      <c r="I19092" s="1" t="s">
        <v>53800</v>
      </c>
      <c r="J19092" s="1" t="s">
        <v>68779</v>
      </c>
    </row>
    <row r="19093" spans="1:10" x14ac:dyDescent="0.35">
      <c r="A19093" s="1" t="s">
        <v>68716</v>
      </c>
      <c r="B19093" s="1" t="s">
        <v>53796</v>
      </c>
      <c r="C19093" s="1" t="s">
        <v>95</v>
      </c>
      <c r="D19093" s="1" t="s">
        <v>68780</v>
      </c>
      <c r="E19093" s="1" t="s">
        <v>68781</v>
      </c>
      <c r="F19093" s="1" t="s">
        <v>68782</v>
      </c>
      <c r="G19093" s="1" t="s">
        <v>68719</v>
      </c>
      <c r="H19093" s="1" t="s">
        <v>68720</v>
      </c>
      <c r="I19093" s="1" t="s">
        <v>53800</v>
      </c>
      <c r="J19093" s="1" t="s">
        <v>68783</v>
      </c>
    </row>
    <row r="19094" spans="1:10" x14ac:dyDescent="0.35">
      <c r="A19094" s="1" t="s">
        <v>68716</v>
      </c>
      <c r="B19094" s="1" t="s">
        <v>53796</v>
      </c>
      <c r="C19094" s="1" t="s">
        <v>100</v>
      </c>
      <c r="D19094" s="1" t="s">
        <v>56513</v>
      </c>
      <c r="E19094" s="1" t="s">
        <v>68784</v>
      </c>
      <c r="F19094" s="1" t="s">
        <v>68785</v>
      </c>
      <c r="G19094" s="1" t="s">
        <v>68719</v>
      </c>
      <c r="H19094" s="1" t="s">
        <v>68720</v>
      </c>
      <c r="I19094" s="1" t="s">
        <v>53800</v>
      </c>
      <c r="J19094" s="1" t="s">
        <v>68786</v>
      </c>
    </row>
    <row r="19095" spans="1:10" x14ac:dyDescent="0.35">
      <c r="A19095" s="1" t="s">
        <v>68716</v>
      </c>
      <c r="B19095" s="1" t="s">
        <v>53796</v>
      </c>
      <c r="C19095" s="1" t="s">
        <v>105</v>
      </c>
      <c r="D19095" s="1" t="s">
        <v>12479</v>
      </c>
      <c r="E19095" s="1" t="s">
        <v>68787</v>
      </c>
      <c r="F19095" s="1" t="s">
        <v>68788</v>
      </c>
      <c r="G19095" s="1" t="s">
        <v>68719</v>
      </c>
      <c r="H19095" s="1" t="s">
        <v>68720</v>
      </c>
      <c r="I19095" s="1" t="s">
        <v>53800</v>
      </c>
      <c r="J19095" s="1" t="s">
        <v>68789</v>
      </c>
    </row>
    <row r="19096" spans="1:10" x14ac:dyDescent="0.35">
      <c r="A19096" s="1" t="s">
        <v>68716</v>
      </c>
      <c r="B19096" s="1" t="s">
        <v>53796</v>
      </c>
      <c r="C19096" s="1" t="s">
        <v>110</v>
      </c>
      <c r="D19096" s="1" t="s">
        <v>68790</v>
      </c>
      <c r="E19096" s="1" t="s">
        <v>68791</v>
      </c>
      <c r="F19096" s="1" t="s">
        <v>68792</v>
      </c>
      <c r="G19096" s="1" t="s">
        <v>68719</v>
      </c>
      <c r="H19096" s="1" t="s">
        <v>68720</v>
      </c>
      <c r="I19096" s="1" t="s">
        <v>53800</v>
      </c>
      <c r="J19096" s="1" t="s">
        <v>68793</v>
      </c>
    </row>
    <row r="19097" spans="1:10" x14ac:dyDescent="0.35">
      <c r="A19097" s="1" t="s">
        <v>68716</v>
      </c>
      <c r="B19097" s="1" t="s">
        <v>53796</v>
      </c>
      <c r="C19097" s="1" t="s">
        <v>115</v>
      </c>
      <c r="D19097" s="1" t="s">
        <v>60208</v>
      </c>
      <c r="E19097" s="1" t="s">
        <v>68794</v>
      </c>
      <c r="F19097" s="1" t="s">
        <v>68795</v>
      </c>
      <c r="G19097" s="1" t="s">
        <v>68719</v>
      </c>
      <c r="H19097" s="1" t="s">
        <v>68720</v>
      </c>
      <c r="I19097" s="1" t="s">
        <v>53800</v>
      </c>
      <c r="J19097" s="1" t="s">
        <v>68796</v>
      </c>
    </row>
    <row r="19098" spans="1:10" x14ac:dyDescent="0.35">
      <c r="A19098" s="1" t="s">
        <v>68716</v>
      </c>
      <c r="B19098" s="1" t="s">
        <v>53796</v>
      </c>
      <c r="C19098" s="1" t="s">
        <v>120</v>
      </c>
      <c r="D19098" s="1" t="s">
        <v>52908</v>
      </c>
      <c r="E19098" s="1" t="s">
        <v>68797</v>
      </c>
      <c r="F19098" s="1" t="s">
        <v>68798</v>
      </c>
      <c r="G19098" s="1" t="s">
        <v>68719</v>
      </c>
      <c r="H19098" s="1" t="s">
        <v>68720</v>
      </c>
      <c r="I19098" s="1" t="s">
        <v>53800</v>
      </c>
      <c r="J19098" s="1" t="s">
        <v>68799</v>
      </c>
    </row>
    <row r="19099" spans="1:10" x14ac:dyDescent="0.35">
      <c r="A19099" s="1" t="s">
        <v>68716</v>
      </c>
      <c r="B19099" s="1" t="s">
        <v>53796</v>
      </c>
      <c r="C19099" s="1" t="s">
        <v>125</v>
      </c>
      <c r="D19099" s="1" t="s">
        <v>68800</v>
      </c>
      <c r="E19099" s="1" t="s">
        <v>68801</v>
      </c>
      <c r="F19099" s="1" t="s">
        <v>68802</v>
      </c>
      <c r="G19099" s="1" t="s">
        <v>68719</v>
      </c>
      <c r="H19099" s="1" t="s">
        <v>68720</v>
      </c>
      <c r="I19099" s="1" t="s">
        <v>53800</v>
      </c>
      <c r="J19099" s="1" t="s">
        <v>68803</v>
      </c>
    </row>
    <row r="19100" spans="1:10" x14ac:dyDescent="0.35">
      <c r="A19100" s="1" t="s">
        <v>68716</v>
      </c>
      <c r="B19100" s="1" t="s">
        <v>53796</v>
      </c>
      <c r="C19100" s="1" t="s">
        <v>130</v>
      </c>
      <c r="D19100" s="1" t="s">
        <v>68804</v>
      </c>
      <c r="E19100" s="1" t="s">
        <v>68805</v>
      </c>
      <c r="F19100" s="1" t="s">
        <v>68806</v>
      </c>
      <c r="G19100" s="1" t="s">
        <v>68719</v>
      </c>
      <c r="H19100" s="1" t="s">
        <v>68720</v>
      </c>
      <c r="I19100" s="1" t="s">
        <v>53800</v>
      </c>
      <c r="J19100" s="1" t="s">
        <v>68807</v>
      </c>
    </row>
    <row r="19101" spans="1:10" x14ac:dyDescent="0.35">
      <c r="A19101" s="1" t="s">
        <v>68716</v>
      </c>
      <c r="B19101" s="1" t="s">
        <v>53796</v>
      </c>
      <c r="C19101" s="1" t="s">
        <v>135</v>
      </c>
      <c r="D19101" s="1" t="s">
        <v>68808</v>
      </c>
      <c r="E19101" s="1" t="s">
        <v>68809</v>
      </c>
      <c r="F19101" s="1" t="s">
        <v>68810</v>
      </c>
      <c r="G19101" s="1" t="s">
        <v>68719</v>
      </c>
      <c r="H19101" s="1" t="s">
        <v>68720</v>
      </c>
      <c r="I19101" s="1" t="s">
        <v>53800</v>
      </c>
      <c r="J19101" s="1" t="s">
        <v>68811</v>
      </c>
    </row>
    <row r="19102" spans="1:10" x14ac:dyDescent="0.35">
      <c r="A19102" s="1" t="s">
        <v>68716</v>
      </c>
      <c r="B19102" s="1" t="s">
        <v>53796</v>
      </c>
      <c r="C19102" s="1" t="s">
        <v>140</v>
      </c>
      <c r="D19102" s="1" t="s">
        <v>68812</v>
      </c>
      <c r="E19102" s="1" t="s">
        <v>68813</v>
      </c>
      <c r="F19102" s="1" t="s">
        <v>68814</v>
      </c>
      <c r="G19102" s="1" t="s">
        <v>68719</v>
      </c>
      <c r="H19102" s="1" t="s">
        <v>68720</v>
      </c>
      <c r="I19102" s="1" t="s">
        <v>53800</v>
      </c>
      <c r="J19102" s="1" t="s">
        <v>68815</v>
      </c>
    </row>
    <row r="19103" spans="1:10" x14ac:dyDescent="0.35">
      <c r="A19103" s="1" t="s">
        <v>68716</v>
      </c>
      <c r="B19103" s="1" t="s">
        <v>53796</v>
      </c>
      <c r="C19103" s="1" t="s">
        <v>145</v>
      </c>
      <c r="D19103" s="1" t="s">
        <v>11318</v>
      </c>
      <c r="E19103" s="1" t="s">
        <v>68816</v>
      </c>
      <c r="F19103" s="1" t="s">
        <v>68817</v>
      </c>
      <c r="G19103" s="1" t="s">
        <v>68719</v>
      </c>
      <c r="H19103" s="1" t="s">
        <v>68720</v>
      </c>
      <c r="I19103" s="1" t="s">
        <v>53800</v>
      </c>
      <c r="J19103" s="1" t="s">
        <v>68818</v>
      </c>
    </row>
    <row r="19104" spans="1:10" x14ac:dyDescent="0.35">
      <c r="A19104" s="1" t="s">
        <v>68716</v>
      </c>
      <c r="B19104" s="1" t="s">
        <v>53796</v>
      </c>
      <c r="C19104" s="1" t="s">
        <v>150</v>
      </c>
      <c r="D19104" s="1" t="s">
        <v>68819</v>
      </c>
      <c r="E19104" s="1" t="s">
        <v>68820</v>
      </c>
      <c r="F19104" s="1" t="s">
        <v>68821</v>
      </c>
      <c r="G19104" s="1" t="s">
        <v>68719</v>
      </c>
      <c r="H19104" s="1" t="s">
        <v>68720</v>
      </c>
      <c r="I19104" s="1" t="s">
        <v>53800</v>
      </c>
      <c r="J19104" s="1" t="s">
        <v>68822</v>
      </c>
    </row>
    <row r="19105" spans="1:10" x14ac:dyDescent="0.35">
      <c r="A19105" s="1" t="s">
        <v>68716</v>
      </c>
      <c r="B19105" s="1" t="s">
        <v>53796</v>
      </c>
      <c r="C19105" s="1" t="s">
        <v>155</v>
      </c>
      <c r="D19105" s="1" t="s">
        <v>68823</v>
      </c>
      <c r="E19105" s="1" t="s">
        <v>68824</v>
      </c>
      <c r="F19105" s="1" t="s">
        <v>68825</v>
      </c>
      <c r="G19105" s="1" t="s">
        <v>68719</v>
      </c>
      <c r="H19105" s="1" t="s">
        <v>68720</v>
      </c>
      <c r="I19105" s="1" t="s">
        <v>53800</v>
      </c>
      <c r="J19105" s="1" t="s">
        <v>68826</v>
      </c>
    </row>
    <row r="19106" spans="1:10" x14ac:dyDescent="0.35">
      <c r="A19106" s="1" t="s">
        <v>68716</v>
      </c>
      <c r="B19106" s="1" t="s">
        <v>53796</v>
      </c>
      <c r="C19106" s="1" t="s">
        <v>160</v>
      </c>
      <c r="D19106" s="1" t="s">
        <v>53855</v>
      </c>
      <c r="E19106" s="1" t="s">
        <v>68827</v>
      </c>
      <c r="F19106" s="1" t="s">
        <v>68828</v>
      </c>
      <c r="G19106" s="1" t="s">
        <v>68719</v>
      </c>
      <c r="H19106" s="1" t="s">
        <v>68720</v>
      </c>
      <c r="I19106" s="1" t="s">
        <v>53800</v>
      </c>
      <c r="J19106" s="1" t="s">
        <v>68829</v>
      </c>
    </row>
    <row r="19107" spans="1:10" x14ac:dyDescent="0.35">
      <c r="A19107" s="1" t="s">
        <v>68716</v>
      </c>
      <c r="B19107" s="1" t="s">
        <v>53796</v>
      </c>
      <c r="C19107" s="1" t="s">
        <v>165</v>
      </c>
      <c r="D19107" s="1" t="s">
        <v>68830</v>
      </c>
      <c r="E19107" s="1" t="s">
        <v>68831</v>
      </c>
      <c r="F19107" s="1" t="s">
        <v>68832</v>
      </c>
      <c r="G19107" s="1" t="s">
        <v>68719</v>
      </c>
      <c r="H19107" s="1" t="s">
        <v>68720</v>
      </c>
      <c r="I19107" s="1" t="s">
        <v>53800</v>
      </c>
      <c r="J19107" s="1" t="s">
        <v>68833</v>
      </c>
    </row>
    <row r="19108" spans="1:10" x14ac:dyDescent="0.35">
      <c r="A19108" s="1" t="s">
        <v>68716</v>
      </c>
      <c r="B19108" s="1" t="s">
        <v>53796</v>
      </c>
      <c r="C19108" s="1" t="s">
        <v>170</v>
      </c>
      <c r="D19108" s="1" t="s">
        <v>68834</v>
      </c>
      <c r="E19108" s="1" t="s">
        <v>68835</v>
      </c>
      <c r="F19108" s="1" t="s">
        <v>68836</v>
      </c>
      <c r="G19108" s="1" t="s">
        <v>68719</v>
      </c>
      <c r="H19108" s="1" t="s">
        <v>68720</v>
      </c>
      <c r="I19108" s="1" t="s">
        <v>53800</v>
      </c>
      <c r="J19108" s="1" t="s">
        <v>68837</v>
      </c>
    </row>
    <row r="19109" spans="1:10" x14ac:dyDescent="0.35">
      <c r="A19109" s="1" t="s">
        <v>68838</v>
      </c>
      <c r="B19109" s="1" t="s">
        <v>53796</v>
      </c>
      <c r="C19109" s="1" t="s">
        <v>8</v>
      </c>
      <c r="D19109" s="1" t="s">
        <v>57215</v>
      </c>
      <c r="E19109" s="1" t="s">
        <v>24178</v>
      </c>
      <c r="F19109" s="1" t="s">
        <v>68839</v>
      </c>
      <c r="G19109" s="1" t="s">
        <v>68840</v>
      </c>
      <c r="H19109" s="1" t="s">
        <v>68841</v>
      </c>
      <c r="I19109" s="1" t="s">
        <v>53800</v>
      </c>
      <c r="J19109" s="1" t="s">
        <v>13</v>
      </c>
    </row>
    <row r="19110" spans="1:10" x14ac:dyDescent="0.35">
      <c r="A19110" s="1" t="s">
        <v>68838</v>
      </c>
      <c r="B19110" s="1" t="s">
        <v>53796</v>
      </c>
      <c r="C19110" s="1" t="s">
        <v>15</v>
      </c>
      <c r="D19110" s="1" t="s">
        <v>63685</v>
      </c>
      <c r="E19110" s="1" t="s">
        <v>23083</v>
      </c>
      <c r="F19110" s="1" t="s">
        <v>68842</v>
      </c>
      <c r="G19110" s="1" t="s">
        <v>68840</v>
      </c>
      <c r="H19110" s="1" t="s">
        <v>68841</v>
      </c>
      <c r="I19110" s="1" t="s">
        <v>53800</v>
      </c>
      <c r="J19110" s="1" t="s">
        <v>68843</v>
      </c>
    </row>
    <row r="19111" spans="1:10" x14ac:dyDescent="0.35">
      <c r="A19111" s="1" t="s">
        <v>68838</v>
      </c>
      <c r="B19111" s="1" t="s">
        <v>53796</v>
      </c>
      <c r="C19111" s="1" t="s">
        <v>20</v>
      </c>
      <c r="D19111" s="1" t="s">
        <v>68844</v>
      </c>
      <c r="E19111" s="1" t="s">
        <v>56901</v>
      </c>
      <c r="F19111" s="1" t="s">
        <v>68845</v>
      </c>
      <c r="G19111" s="1" t="s">
        <v>68840</v>
      </c>
      <c r="H19111" s="1" t="s">
        <v>68841</v>
      </c>
      <c r="I19111" s="1" t="s">
        <v>53800</v>
      </c>
      <c r="J19111" s="1" t="s">
        <v>68846</v>
      </c>
    </row>
    <row r="19112" spans="1:10" x14ac:dyDescent="0.35">
      <c r="A19112" s="1" t="s">
        <v>68838</v>
      </c>
      <c r="B19112" s="1" t="s">
        <v>53796</v>
      </c>
      <c r="C19112" s="1" t="s">
        <v>25</v>
      </c>
      <c r="D19112" s="1" t="s">
        <v>68847</v>
      </c>
      <c r="E19112" s="1" t="s">
        <v>68848</v>
      </c>
      <c r="F19112" s="1" t="s">
        <v>68849</v>
      </c>
      <c r="G19112" s="1" t="s">
        <v>68840</v>
      </c>
      <c r="H19112" s="1" t="s">
        <v>68841</v>
      </c>
      <c r="I19112" s="1" t="s">
        <v>53800</v>
      </c>
      <c r="J19112" s="1" t="s">
        <v>68850</v>
      </c>
    </row>
    <row r="19113" spans="1:10" x14ac:dyDescent="0.35">
      <c r="A19113" s="1" t="s">
        <v>68838</v>
      </c>
      <c r="B19113" s="1" t="s">
        <v>53796</v>
      </c>
      <c r="C19113" s="1" t="s">
        <v>30</v>
      </c>
      <c r="D19113" s="1" t="s">
        <v>68851</v>
      </c>
      <c r="E19113" s="1" t="s">
        <v>55198</v>
      </c>
      <c r="F19113" s="1" t="s">
        <v>68852</v>
      </c>
      <c r="G19113" s="1" t="s">
        <v>68840</v>
      </c>
      <c r="H19113" s="1" t="s">
        <v>68841</v>
      </c>
      <c r="I19113" s="1" t="s">
        <v>53800</v>
      </c>
      <c r="J19113" s="1" t="s">
        <v>68853</v>
      </c>
    </row>
    <row r="19114" spans="1:10" x14ac:dyDescent="0.35">
      <c r="A19114" s="1" t="s">
        <v>68838</v>
      </c>
      <c r="B19114" s="1" t="s">
        <v>53796</v>
      </c>
      <c r="C19114" s="1" t="s">
        <v>35</v>
      </c>
      <c r="D19114" s="1" t="s">
        <v>68854</v>
      </c>
      <c r="E19114" s="1" t="s">
        <v>41287</v>
      </c>
      <c r="F19114" s="1" t="s">
        <v>68855</v>
      </c>
      <c r="G19114" s="1" t="s">
        <v>68840</v>
      </c>
      <c r="H19114" s="1" t="s">
        <v>68841</v>
      </c>
      <c r="I19114" s="1" t="s">
        <v>53800</v>
      </c>
      <c r="J19114" s="1" t="s">
        <v>68856</v>
      </c>
    </row>
    <row r="19115" spans="1:10" x14ac:dyDescent="0.35">
      <c r="A19115" s="1" t="s">
        <v>68838</v>
      </c>
      <c r="B19115" s="1" t="s">
        <v>53796</v>
      </c>
      <c r="C19115" s="1" t="s">
        <v>40</v>
      </c>
      <c r="D19115" s="1" t="s">
        <v>68857</v>
      </c>
      <c r="E19115" s="1" t="s">
        <v>21599</v>
      </c>
      <c r="F19115" s="1" t="s">
        <v>68858</v>
      </c>
      <c r="G19115" s="1" t="s">
        <v>68840</v>
      </c>
      <c r="H19115" s="1" t="s">
        <v>68841</v>
      </c>
      <c r="I19115" s="1" t="s">
        <v>53800</v>
      </c>
      <c r="J19115" s="1" t="s">
        <v>68859</v>
      </c>
    </row>
    <row r="19116" spans="1:10" x14ac:dyDescent="0.35">
      <c r="A19116" s="1" t="s">
        <v>68838</v>
      </c>
      <c r="B19116" s="1" t="s">
        <v>53796</v>
      </c>
      <c r="C19116" s="1" t="s">
        <v>45</v>
      </c>
      <c r="D19116" s="1" t="s">
        <v>68860</v>
      </c>
      <c r="E19116" s="1" t="s">
        <v>22052</v>
      </c>
      <c r="F19116" s="1" t="s">
        <v>68861</v>
      </c>
      <c r="G19116" s="1" t="s">
        <v>68840</v>
      </c>
      <c r="H19116" s="1" t="s">
        <v>68841</v>
      </c>
      <c r="I19116" s="1" t="s">
        <v>53800</v>
      </c>
      <c r="J19116" s="1" t="s">
        <v>68862</v>
      </c>
    </row>
    <row r="19117" spans="1:10" x14ac:dyDescent="0.35">
      <c r="A19117" s="1" t="s">
        <v>68838</v>
      </c>
      <c r="B19117" s="1" t="s">
        <v>53796</v>
      </c>
      <c r="C19117" s="1" t="s">
        <v>50</v>
      </c>
      <c r="D19117" s="1" t="s">
        <v>68863</v>
      </c>
      <c r="E19117" s="1" t="s">
        <v>55113</v>
      </c>
      <c r="F19117" s="1" t="s">
        <v>16151</v>
      </c>
      <c r="G19117" s="1" t="s">
        <v>68840</v>
      </c>
      <c r="H19117" s="1" t="s">
        <v>68841</v>
      </c>
      <c r="I19117" s="1" t="s">
        <v>53800</v>
      </c>
      <c r="J19117" s="1" t="s">
        <v>68864</v>
      </c>
    </row>
    <row r="19118" spans="1:10" x14ac:dyDescent="0.35">
      <c r="A19118" s="1" t="s">
        <v>68838</v>
      </c>
      <c r="B19118" s="1" t="s">
        <v>53796</v>
      </c>
      <c r="C19118" s="1" t="s">
        <v>55</v>
      </c>
      <c r="D19118" s="1" t="s">
        <v>68865</v>
      </c>
      <c r="E19118" s="1" t="s">
        <v>12774</v>
      </c>
      <c r="F19118" s="1" t="s">
        <v>68866</v>
      </c>
      <c r="G19118" s="1" t="s">
        <v>68840</v>
      </c>
      <c r="H19118" s="1" t="s">
        <v>68841</v>
      </c>
      <c r="I19118" s="1" t="s">
        <v>53800</v>
      </c>
      <c r="J19118" s="1" t="s">
        <v>68867</v>
      </c>
    </row>
    <row r="19119" spans="1:10" x14ac:dyDescent="0.35">
      <c r="A19119" s="1" t="s">
        <v>68838</v>
      </c>
      <c r="B19119" s="1" t="s">
        <v>53796</v>
      </c>
      <c r="C19119" s="1" t="s">
        <v>60</v>
      </c>
      <c r="D19119" s="1" t="s">
        <v>68868</v>
      </c>
      <c r="E19119" s="1" t="s">
        <v>54081</v>
      </c>
      <c r="F19119" s="1" t="s">
        <v>57377</v>
      </c>
      <c r="G19119" s="1" t="s">
        <v>68840</v>
      </c>
      <c r="H19119" s="1" t="s">
        <v>68841</v>
      </c>
      <c r="I19119" s="1" t="s">
        <v>53800</v>
      </c>
      <c r="J19119" s="1" t="s">
        <v>68869</v>
      </c>
    </row>
    <row r="19120" spans="1:10" x14ac:dyDescent="0.35">
      <c r="A19120" s="1" t="s">
        <v>68838</v>
      </c>
      <c r="B19120" s="1" t="s">
        <v>53796</v>
      </c>
      <c r="C19120" s="1" t="s">
        <v>65</v>
      </c>
      <c r="D19120" s="1" t="s">
        <v>68870</v>
      </c>
      <c r="E19120" s="1" t="s">
        <v>53808</v>
      </c>
      <c r="F19120" s="1" t="s">
        <v>68871</v>
      </c>
      <c r="G19120" s="1" t="s">
        <v>68840</v>
      </c>
      <c r="H19120" s="1" t="s">
        <v>68841</v>
      </c>
      <c r="I19120" s="1" t="s">
        <v>53800</v>
      </c>
      <c r="J19120" s="1" t="s">
        <v>68872</v>
      </c>
    </row>
    <row r="19121" spans="1:10" x14ac:dyDescent="0.35">
      <c r="A19121" s="1" t="s">
        <v>68838</v>
      </c>
      <c r="B19121" s="1" t="s">
        <v>53796</v>
      </c>
      <c r="C19121" s="1" t="s">
        <v>70</v>
      </c>
      <c r="D19121" s="1" t="s">
        <v>68873</v>
      </c>
      <c r="E19121" s="1" t="s">
        <v>15209</v>
      </c>
      <c r="F19121" s="1" t="s">
        <v>68874</v>
      </c>
      <c r="G19121" s="1" t="s">
        <v>68840</v>
      </c>
      <c r="H19121" s="1" t="s">
        <v>68841</v>
      </c>
      <c r="I19121" s="1" t="s">
        <v>53800</v>
      </c>
      <c r="J19121" s="1" t="s">
        <v>68875</v>
      </c>
    </row>
    <row r="19122" spans="1:10" x14ac:dyDescent="0.35">
      <c r="A19122" s="1" t="s">
        <v>68838</v>
      </c>
      <c r="B19122" s="1" t="s">
        <v>53796</v>
      </c>
      <c r="C19122" s="1" t="s">
        <v>75</v>
      </c>
      <c r="D19122" s="1" t="s">
        <v>66855</v>
      </c>
      <c r="E19122" s="1" t="s">
        <v>60199</v>
      </c>
      <c r="F19122" s="1" t="s">
        <v>68876</v>
      </c>
      <c r="G19122" s="1" t="s">
        <v>68840</v>
      </c>
      <c r="H19122" s="1" t="s">
        <v>68841</v>
      </c>
      <c r="I19122" s="1" t="s">
        <v>53800</v>
      </c>
      <c r="J19122" s="1" t="s">
        <v>68877</v>
      </c>
    </row>
    <row r="19123" spans="1:10" x14ac:dyDescent="0.35">
      <c r="A19123" s="1" t="s">
        <v>68838</v>
      </c>
      <c r="B19123" s="1" t="s">
        <v>53796</v>
      </c>
      <c r="C19123" s="1" t="s">
        <v>80</v>
      </c>
      <c r="D19123" s="1" t="s">
        <v>64771</v>
      </c>
      <c r="E19123" s="1" t="s">
        <v>56651</v>
      </c>
      <c r="F19123" s="1" t="s">
        <v>68878</v>
      </c>
      <c r="G19123" s="1" t="s">
        <v>68840</v>
      </c>
      <c r="H19123" s="1" t="s">
        <v>68841</v>
      </c>
      <c r="I19123" s="1" t="s">
        <v>53800</v>
      </c>
      <c r="J19123" s="1" t="s">
        <v>68879</v>
      </c>
    </row>
    <row r="19124" spans="1:10" x14ac:dyDescent="0.35">
      <c r="A19124" s="1" t="s">
        <v>68838</v>
      </c>
      <c r="B19124" s="1" t="s">
        <v>53796</v>
      </c>
      <c r="C19124" s="1" t="s">
        <v>85</v>
      </c>
      <c r="D19124" s="1" t="s">
        <v>24461</v>
      </c>
      <c r="E19124" s="1" t="s">
        <v>41348</v>
      </c>
      <c r="F19124" s="1" t="s">
        <v>68880</v>
      </c>
      <c r="G19124" s="1" t="s">
        <v>68840</v>
      </c>
      <c r="H19124" s="1" t="s">
        <v>68841</v>
      </c>
      <c r="I19124" s="1" t="s">
        <v>53800</v>
      </c>
      <c r="J19124" s="1" t="s">
        <v>68881</v>
      </c>
    </row>
    <row r="19125" spans="1:10" x14ac:dyDescent="0.35">
      <c r="A19125" s="1" t="s">
        <v>68838</v>
      </c>
      <c r="B19125" s="1" t="s">
        <v>53796</v>
      </c>
      <c r="C19125" s="1" t="s">
        <v>90</v>
      </c>
      <c r="D19125" s="1" t="s">
        <v>68882</v>
      </c>
      <c r="E19125" s="1" t="s">
        <v>12813</v>
      </c>
      <c r="F19125" s="1" t="s">
        <v>68883</v>
      </c>
      <c r="G19125" s="1" t="s">
        <v>68840</v>
      </c>
      <c r="H19125" s="1" t="s">
        <v>68841</v>
      </c>
      <c r="I19125" s="1" t="s">
        <v>53800</v>
      </c>
      <c r="J19125" s="1" t="s">
        <v>68884</v>
      </c>
    </row>
    <row r="19126" spans="1:10" x14ac:dyDescent="0.35">
      <c r="A19126" s="1" t="s">
        <v>68838</v>
      </c>
      <c r="B19126" s="1" t="s">
        <v>53796</v>
      </c>
      <c r="C19126" s="1" t="s">
        <v>95</v>
      </c>
      <c r="D19126" s="1" t="s">
        <v>22165</v>
      </c>
      <c r="E19126" s="1" t="s">
        <v>41202</v>
      </c>
      <c r="F19126" s="1" t="s">
        <v>68885</v>
      </c>
      <c r="G19126" s="1" t="s">
        <v>68840</v>
      </c>
      <c r="H19126" s="1" t="s">
        <v>68841</v>
      </c>
      <c r="I19126" s="1" t="s">
        <v>53800</v>
      </c>
      <c r="J19126" s="1" t="s">
        <v>68886</v>
      </c>
    </row>
    <row r="19127" spans="1:10" x14ac:dyDescent="0.35">
      <c r="A19127" s="1" t="s">
        <v>68838</v>
      </c>
      <c r="B19127" s="1" t="s">
        <v>53796</v>
      </c>
      <c r="C19127" s="1" t="s">
        <v>100</v>
      </c>
      <c r="D19127" s="1" t="s">
        <v>68887</v>
      </c>
      <c r="E19127" s="1" t="s">
        <v>23118</v>
      </c>
      <c r="F19127" s="1" t="s">
        <v>68265</v>
      </c>
      <c r="G19127" s="1" t="s">
        <v>68840</v>
      </c>
      <c r="H19127" s="1" t="s">
        <v>68841</v>
      </c>
      <c r="I19127" s="1" t="s">
        <v>53800</v>
      </c>
      <c r="J19127" s="1" t="s">
        <v>68888</v>
      </c>
    </row>
    <row r="19128" spans="1:10" x14ac:dyDescent="0.35">
      <c r="A19128" s="1" t="s">
        <v>68838</v>
      </c>
      <c r="B19128" s="1" t="s">
        <v>53796</v>
      </c>
      <c r="C19128" s="1" t="s">
        <v>105</v>
      </c>
      <c r="D19128" s="1" t="s">
        <v>68889</v>
      </c>
      <c r="E19128" s="1" t="s">
        <v>58862</v>
      </c>
      <c r="F19128" s="1" t="s">
        <v>68890</v>
      </c>
      <c r="G19128" s="1" t="s">
        <v>68840</v>
      </c>
      <c r="H19128" s="1" t="s">
        <v>68841</v>
      </c>
      <c r="I19128" s="1" t="s">
        <v>53800</v>
      </c>
      <c r="J19128" s="1" t="s">
        <v>68891</v>
      </c>
    </row>
    <row r="19129" spans="1:10" x14ac:dyDescent="0.35">
      <c r="A19129" s="1" t="s">
        <v>68838</v>
      </c>
      <c r="B19129" s="1" t="s">
        <v>53796</v>
      </c>
      <c r="C19129" s="1" t="s">
        <v>110</v>
      </c>
      <c r="D19129" s="1" t="s">
        <v>68892</v>
      </c>
      <c r="E19129" s="1" t="s">
        <v>68893</v>
      </c>
      <c r="F19129" s="1" t="s">
        <v>68894</v>
      </c>
      <c r="G19129" s="1" t="s">
        <v>68840</v>
      </c>
      <c r="H19129" s="1" t="s">
        <v>68841</v>
      </c>
      <c r="I19129" s="1" t="s">
        <v>53800</v>
      </c>
      <c r="J19129" s="1" t="s">
        <v>68895</v>
      </c>
    </row>
    <row r="19130" spans="1:10" x14ac:dyDescent="0.35">
      <c r="A19130" s="1" t="s">
        <v>68838</v>
      </c>
      <c r="B19130" s="1" t="s">
        <v>53796</v>
      </c>
      <c r="C19130" s="1" t="s">
        <v>115</v>
      </c>
      <c r="D19130" s="1" t="s">
        <v>68896</v>
      </c>
      <c r="E19130" s="1" t="s">
        <v>56822</v>
      </c>
      <c r="F19130" s="1" t="s">
        <v>68897</v>
      </c>
      <c r="G19130" s="1" t="s">
        <v>68840</v>
      </c>
      <c r="H19130" s="1" t="s">
        <v>68841</v>
      </c>
      <c r="I19130" s="1" t="s">
        <v>53800</v>
      </c>
      <c r="J19130" s="1" t="s">
        <v>68898</v>
      </c>
    </row>
    <row r="19131" spans="1:10" x14ac:dyDescent="0.35">
      <c r="A19131" s="1" t="s">
        <v>68838</v>
      </c>
      <c r="B19131" s="1" t="s">
        <v>53796</v>
      </c>
      <c r="C19131" s="1" t="s">
        <v>120</v>
      </c>
      <c r="D19131" s="1" t="s">
        <v>64269</v>
      </c>
      <c r="E19131" s="1" t="s">
        <v>41283</v>
      </c>
      <c r="F19131" s="1" t="s">
        <v>68899</v>
      </c>
      <c r="G19131" s="1" t="s">
        <v>68840</v>
      </c>
      <c r="H19131" s="1" t="s">
        <v>68841</v>
      </c>
      <c r="I19131" s="1" t="s">
        <v>53800</v>
      </c>
      <c r="J19131" s="1" t="s">
        <v>68900</v>
      </c>
    </row>
    <row r="19132" spans="1:10" x14ac:dyDescent="0.35">
      <c r="A19132" s="1" t="s">
        <v>68838</v>
      </c>
      <c r="B19132" s="1" t="s">
        <v>53796</v>
      </c>
      <c r="C19132" s="1" t="s">
        <v>125</v>
      </c>
      <c r="D19132" s="1" t="s">
        <v>68901</v>
      </c>
      <c r="E19132" s="1" t="s">
        <v>62462</v>
      </c>
      <c r="F19132" s="1" t="s">
        <v>68902</v>
      </c>
      <c r="G19132" s="1" t="s">
        <v>68840</v>
      </c>
      <c r="H19132" s="1" t="s">
        <v>68841</v>
      </c>
      <c r="I19132" s="1" t="s">
        <v>53800</v>
      </c>
      <c r="J19132" s="1" t="s">
        <v>68903</v>
      </c>
    </row>
    <row r="19133" spans="1:10" x14ac:dyDescent="0.35">
      <c r="A19133" s="1" t="s">
        <v>68838</v>
      </c>
      <c r="B19133" s="1" t="s">
        <v>53796</v>
      </c>
      <c r="C19133" s="1" t="s">
        <v>130</v>
      </c>
      <c r="D19133" s="1" t="s">
        <v>68904</v>
      </c>
      <c r="E19133" s="1" t="s">
        <v>54650</v>
      </c>
      <c r="F19133" s="1" t="s">
        <v>68905</v>
      </c>
      <c r="G19133" s="1" t="s">
        <v>68840</v>
      </c>
      <c r="H19133" s="1" t="s">
        <v>68841</v>
      </c>
      <c r="I19133" s="1" t="s">
        <v>53800</v>
      </c>
      <c r="J19133" s="1" t="s">
        <v>68906</v>
      </c>
    </row>
    <row r="19134" spans="1:10" x14ac:dyDescent="0.35">
      <c r="A19134" s="1" t="s">
        <v>68838</v>
      </c>
      <c r="B19134" s="1" t="s">
        <v>53796</v>
      </c>
      <c r="C19134" s="1" t="s">
        <v>135</v>
      </c>
      <c r="D19134" s="1" t="s">
        <v>68907</v>
      </c>
      <c r="E19134" s="1" t="s">
        <v>56721</v>
      </c>
      <c r="F19134" s="1" t="s">
        <v>57015</v>
      </c>
      <c r="G19134" s="1" t="s">
        <v>68840</v>
      </c>
      <c r="H19134" s="1" t="s">
        <v>68841</v>
      </c>
      <c r="I19134" s="1" t="s">
        <v>53800</v>
      </c>
      <c r="J19134" s="1" t="s">
        <v>68908</v>
      </c>
    </row>
    <row r="19135" spans="1:10" x14ac:dyDescent="0.35">
      <c r="A19135" s="1" t="s">
        <v>68838</v>
      </c>
      <c r="B19135" s="1" t="s">
        <v>53796</v>
      </c>
      <c r="C19135" s="1" t="s">
        <v>140</v>
      </c>
      <c r="D19135" s="1" t="s">
        <v>68909</v>
      </c>
      <c r="E19135" s="1" t="s">
        <v>53808</v>
      </c>
      <c r="F19135" s="1" t="s">
        <v>68910</v>
      </c>
      <c r="G19135" s="1" t="s">
        <v>68840</v>
      </c>
      <c r="H19135" s="1" t="s">
        <v>68841</v>
      </c>
      <c r="I19135" s="1" t="s">
        <v>53800</v>
      </c>
      <c r="J19135" s="1" t="s">
        <v>68911</v>
      </c>
    </row>
    <row r="19136" spans="1:10" x14ac:dyDescent="0.35">
      <c r="A19136" s="1" t="s">
        <v>68838</v>
      </c>
      <c r="B19136" s="1" t="s">
        <v>53796</v>
      </c>
      <c r="C19136" s="1" t="s">
        <v>145</v>
      </c>
      <c r="D19136" s="1" t="s">
        <v>68912</v>
      </c>
      <c r="E19136" s="1" t="s">
        <v>23248</v>
      </c>
      <c r="F19136" s="1" t="s">
        <v>68913</v>
      </c>
      <c r="G19136" s="1" t="s">
        <v>68840</v>
      </c>
      <c r="H19136" s="1" t="s">
        <v>68841</v>
      </c>
      <c r="I19136" s="1" t="s">
        <v>53800</v>
      </c>
      <c r="J19136" s="1" t="s">
        <v>68914</v>
      </c>
    </row>
    <row r="19137" spans="1:10" x14ac:dyDescent="0.35">
      <c r="A19137" s="1" t="s">
        <v>68838</v>
      </c>
      <c r="B19137" s="1" t="s">
        <v>53796</v>
      </c>
      <c r="C19137" s="1" t="s">
        <v>150</v>
      </c>
      <c r="D19137" s="1" t="s">
        <v>68915</v>
      </c>
      <c r="E19137" s="1" t="s">
        <v>68916</v>
      </c>
      <c r="F19137" s="1" t="s">
        <v>31568</v>
      </c>
      <c r="G19137" s="1" t="s">
        <v>68840</v>
      </c>
      <c r="H19137" s="1" t="s">
        <v>68841</v>
      </c>
      <c r="I19137" s="1" t="s">
        <v>53800</v>
      </c>
      <c r="J19137" s="1" t="s">
        <v>68917</v>
      </c>
    </row>
    <row r="19138" spans="1:10" x14ac:dyDescent="0.35">
      <c r="A19138" s="1" t="s">
        <v>68838</v>
      </c>
      <c r="B19138" s="1" t="s">
        <v>53796</v>
      </c>
      <c r="C19138" s="1" t="s">
        <v>155</v>
      </c>
      <c r="D19138" s="1" t="s">
        <v>68918</v>
      </c>
      <c r="E19138" s="1" t="s">
        <v>65825</v>
      </c>
      <c r="F19138" s="1" t="s">
        <v>52465</v>
      </c>
      <c r="G19138" s="1" t="s">
        <v>68840</v>
      </c>
      <c r="H19138" s="1" t="s">
        <v>68841</v>
      </c>
      <c r="I19138" s="1" t="s">
        <v>53800</v>
      </c>
      <c r="J19138" s="1" t="s">
        <v>68919</v>
      </c>
    </row>
    <row r="19139" spans="1:10" x14ac:dyDescent="0.35">
      <c r="A19139" s="1" t="s">
        <v>68838</v>
      </c>
      <c r="B19139" s="1" t="s">
        <v>53796</v>
      </c>
      <c r="C19139" s="1" t="s">
        <v>160</v>
      </c>
      <c r="D19139" s="1" t="s">
        <v>68920</v>
      </c>
      <c r="E19139" s="1" t="s">
        <v>22267</v>
      </c>
      <c r="F19139" s="1" t="s">
        <v>68921</v>
      </c>
      <c r="G19139" s="1" t="s">
        <v>68840</v>
      </c>
      <c r="H19139" s="1" t="s">
        <v>68841</v>
      </c>
      <c r="I19139" s="1" t="s">
        <v>53800</v>
      </c>
      <c r="J19139" s="1" t="s">
        <v>68922</v>
      </c>
    </row>
    <row r="19140" spans="1:10" x14ac:dyDescent="0.35">
      <c r="A19140" s="1" t="s">
        <v>68838</v>
      </c>
      <c r="B19140" s="1" t="s">
        <v>53796</v>
      </c>
      <c r="C19140" s="1" t="s">
        <v>165</v>
      </c>
      <c r="D19140" s="1" t="s">
        <v>68923</v>
      </c>
      <c r="E19140" s="1" t="s">
        <v>41445</v>
      </c>
      <c r="F19140" s="1" t="s">
        <v>68924</v>
      </c>
      <c r="G19140" s="1" t="s">
        <v>68840</v>
      </c>
      <c r="H19140" s="1" t="s">
        <v>68841</v>
      </c>
      <c r="I19140" s="1" t="s">
        <v>53800</v>
      </c>
      <c r="J19140" s="1" t="s">
        <v>68925</v>
      </c>
    </row>
    <row r="19141" spans="1:10" x14ac:dyDescent="0.35">
      <c r="A19141" s="1" t="s">
        <v>68838</v>
      </c>
      <c r="B19141" s="1" t="s">
        <v>53796</v>
      </c>
      <c r="C19141" s="1" t="s">
        <v>170</v>
      </c>
      <c r="D19141" s="1" t="s">
        <v>68926</v>
      </c>
      <c r="E19141" s="1" t="s">
        <v>26576</v>
      </c>
      <c r="F19141" s="1" t="s">
        <v>68927</v>
      </c>
      <c r="G19141" s="1" t="s">
        <v>68840</v>
      </c>
      <c r="H19141" s="1" t="s">
        <v>68841</v>
      </c>
      <c r="I19141" s="1" t="s">
        <v>53800</v>
      </c>
      <c r="J19141" s="1" t="s">
        <v>68928</v>
      </c>
    </row>
    <row r="19142" spans="1:10" x14ac:dyDescent="0.35">
      <c r="A19142" s="1" t="s">
        <v>13999</v>
      </c>
      <c r="B19142" s="1" t="s">
        <v>53796</v>
      </c>
      <c r="C19142" s="1" t="s">
        <v>8</v>
      </c>
      <c r="D19142" s="1" t="s">
        <v>68929</v>
      </c>
      <c r="E19142" s="1" t="s">
        <v>68930</v>
      </c>
      <c r="F19142" s="1" t="s">
        <v>68931</v>
      </c>
      <c r="G19142" s="1" t="s">
        <v>68932</v>
      </c>
      <c r="H19142" s="1" t="s">
        <v>68933</v>
      </c>
      <c r="I19142" s="1" t="s">
        <v>53800</v>
      </c>
      <c r="J19142" s="1" t="s">
        <v>13</v>
      </c>
    </row>
    <row r="19143" spans="1:10" x14ac:dyDescent="0.35">
      <c r="A19143" s="1" t="s">
        <v>13999</v>
      </c>
      <c r="B19143" s="1" t="s">
        <v>53796</v>
      </c>
      <c r="C19143" s="1" t="s">
        <v>15</v>
      </c>
      <c r="D19143" s="1" t="s">
        <v>68934</v>
      </c>
      <c r="E19143" s="1" t="s">
        <v>55325</v>
      </c>
      <c r="F19143" s="1" t="s">
        <v>65563</v>
      </c>
      <c r="G19143" s="1" t="s">
        <v>68932</v>
      </c>
      <c r="H19143" s="1" t="s">
        <v>68933</v>
      </c>
      <c r="I19143" s="1" t="s">
        <v>53800</v>
      </c>
      <c r="J19143" s="1" t="s">
        <v>68935</v>
      </c>
    </row>
    <row r="19144" spans="1:10" x14ac:dyDescent="0.35">
      <c r="A19144" s="1" t="s">
        <v>13999</v>
      </c>
      <c r="B19144" s="1" t="s">
        <v>53796</v>
      </c>
      <c r="C19144" s="1" t="s">
        <v>20</v>
      </c>
      <c r="D19144" s="1" t="s">
        <v>68936</v>
      </c>
      <c r="E19144" s="1" t="s">
        <v>15884</v>
      </c>
      <c r="F19144" s="1" t="s">
        <v>68937</v>
      </c>
      <c r="G19144" s="1" t="s">
        <v>68932</v>
      </c>
      <c r="H19144" s="1" t="s">
        <v>68933</v>
      </c>
      <c r="I19144" s="1" t="s">
        <v>53800</v>
      </c>
      <c r="J19144" s="1" t="s">
        <v>68938</v>
      </c>
    </row>
    <row r="19145" spans="1:10" x14ac:dyDescent="0.35">
      <c r="A19145" s="1" t="s">
        <v>13999</v>
      </c>
      <c r="B19145" s="1" t="s">
        <v>53796</v>
      </c>
      <c r="C19145" s="1" t="s">
        <v>25</v>
      </c>
      <c r="D19145" s="1" t="s">
        <v>68939</v>
      </c>
      <c r="E19145" s="1" t="s">
        <v>26435</v>
      </c>
      <c r="F19145" s="1" t="s">
        <v>68940</v>
      </c>
      <c r="G19145" s="1" t="s">
        <v>68932</v>
      </c>
      <c r="H19145" s="1" t="s">
        <v>68933</v>
      </c>
      <c r="I19145" s="1" t="s">
        <v>53800</v>
      </c>
      <c r="J19145" s="1" t="s">
        <v>68941</v>
      </c>
    </row>
    <row r="19146" spans="1:10" x14ac:dyDescent="0.35">
      <c r="A19146" s="1" t="s">
        <v>13999</v>
      </c>
      <c r="B19146" s="1" t="s">
        <v>53796</v>
      </c>
      <c r="C19146" s="1" t="s">
        <v>30</v>
      </c>
      <c r="D19146" s="1" t="s">
        <v>60233</v>
      </c>
      <c r="E19146" s="1" t="s">
        <v>68942</v>
      </c>
      <c r="F19146" s="1" t="s">
        <v>68943</v>
      </c>
      <c r="G19146" s="1" t="s">
        <v>68932</v>
      </c>
      <c r="H19146" s="1" t="s">
        <v>68933</v>
      </c>
      <c r="I19146" s="1" t="s">
        <v>53800</v>
      </c>
      <c r="J19146" s="1" t="s">
        <v>68944</v>
      </c>
    </row>
    <row r="19147" spans="1:10" x14ac:dyDescent="0.35">
      <c r="A19147" s="1" t="s">
        <v>13999</v>
      </c>
      <c r="B19147" s="1" t="s">
        <v>53796</v>
      </c>
      <c r="C19147" s="1" t="s">
        <v>35</v>
      </c>
      <c r="D19147" s="1" t="s">
        <v>68945</v>
      </c>
      <c r="E19147" s="1" t="s">
        <v>32584</v>
      </c>
      <c r="F19147" s="1" t="s">
        <v>66665</v>
      </c>
      <c r="G19147" s="1" t="s">
        <v>68932</v>
      </c>
      <c r="H19147" s="1" t="s">
        <v>68933</v>
      </c>
      <c r="I19147" s="1" t="s">
        <v>53800</v>
      </c>
      <c r="J19147" s="1" t="s">
        <v>68946</v>
      </c>
    </row>
    <row r="19148" spans="1:10" x14ac:dyDescent="0.35">
      <c r="A19148" s="1" t="s">
        <v>13999</v>
      </c>
      <c r="B19148" s="1" t="s">
        <v>53796</v>
      </c>
      <c r="C19148" s="1" t="s">
        <v>40</v>
      </c>
      <c r="D19148" s="1" t="s">
        <v>68947</v>
      </c>
      <c r="E19148" s="1" t="s">
        <v>55869</v>
      </c>
      <c r="F19148" s="1" t="s">
        <v>68948</v>
      </c>
      <c r="G19148" s="1" t="s">
        <v>68932</v>
      </c>
      <c r="H19148" s="1" t="s">
        <v>68933</v>
      </c>
      <c r="I19148" s="1" t="s">
        <v>53800</v>
      </c>
      <c r="J19148" s="1" t="s">
        <v>68949</v>
      </c>
    </row>
    <row r="19149" spans="1:10" x14ac:dyDescent="0.35">
      <c r="A19149" s="1" t="s">
        <v>13999</v>
      </c>
      <c r="B19149" s="1" t="s">
        <v>53796</v>
      </c>
      <c r="C19149" s="1" t="s">
        <v>45</v>
      </c>
      <c r="D19149" s="1" t="s">
        <v>68950</v>
      </c>
      <c r="E19149" s="1" t="s">
        <v>26592</v>
      </c>
      <c r="F19149" s="1" t="s">
        <v>31438</v>
      </c>
      <c r="G19149" s="1" t="s">
        <v>68932</v>
      </c>
      <c r="H19149" s="1" t="s">
        <v>68933</v>
      </c>
      <c r="I19149" s="1" t="s">
        <v>53800</v>
      </c>
      <c r="J19149" s="1" t="s">
        <v>68951</v>
      </c>
    </row>
    <row r="19150" spans="1:10" x14ac:dyDescent="0.35">
      <c r="A19150" s="1" t="s">
        <v>13999</v>
      </c>
      <c r="B19150" s="1" t="s">
        <v>53796</v>
      </c>
      <c r="C19150" s="1" t="s">
        <v>50</v>
      </c>
      <c r="D19150" s="1" t="s">
        <v>68952</v>
      </c>
      <c r="E19150" s="1" t="s">
        <v>68953</v>
      </c>
      <c r="F19150" s="1" t="s">
        <v>15215</v>
      </c>
      <c r="G19150" s="1" t="s">
        <v>68932</v>
      </c>
      <c r="H19150" s="1" t="s">
        <v>68933</v>
      </c>
      <c r="I19150" s="1" t="s">
        <v>53800</v>
      </c>
      <c r="J19150" s="1" t="s">
        <v>68954</v>
      </c>
    </row>
    <row r="19151" spans="1:10" x14ac:dyDescent="0.35">
      <c r="A19151" s="1" t="s">
        <v>13999</v>
      </c>
      <c r="B19151" s="1" t="s">
        <v>53796</v>
      </c>
      <c r="C19151" s="1" t="s">
        <v>55</v>
      </c>
      <c r="D19151" s="1" t="s">
        <v>68955</v>
      </c>
      <c r="E19151" s="1" t="s">
        <v>57695</v>
      </c>
      <c r="F19151" s="1" t="s">
        <v>55231</v>
      </c>
      <c r="G19151" s="1" t="s">
        <v>68932</v>
      </c>
      <c r="H19151" s="1" t="s">
        <v>68933</v>
      </c>
      <c r="I19151" s="1" t="s">
        <v>53800</v>
      </c>
      <c r="J19151" s="1" t="s">
        <v>68956</v>
      </c>
    </row>
    <row r="19152" spans="1:10" x14ac:dyDescent="0.35">
      <c r="A19152" s="1" t="s">
        <v>13999</v>
      </c>
      <c r="B19152" s="1" t="s">
        <v>53796</v>
      </c>
      <c r="C19152" s="1" t="s">
        <v>60</v>
      </c>
      <c r="D19152" s="1" t="s">
        <v>68957</v>
      </c>
      <c r="E19152" s="1" t="s">
        <v>58602</v>
      </c>
      <c r="F19152" s="1" t="s">
        <v>61015</v>
      </c>
      <c r="G19152" s="1" t="s">
        <v>68932</v>
      </c>
      <c r="H19152" s="1" t="s">
        <v>68933</v>
      </c>
      <c r="I19152" s="1" t="s">
        <v>53800</v>
      </c>
      <c r="J19152" s="1" t="s">
        <v>68958</v>
      </c>
    </row>
    <row r="19153" spans="1:10" x14ac:dyDescent="0.35">
      <c r="A19153" s="1" t="s">
        <v>13999</v>
      </c>
      <c r="B19153" s="1" t="s">
        <v>53796</v>
      </c>
      <c r="C19153" s="1" t="s">
        <v>65</v>
      </c>
      <c r="D19153" s="1" t="s">
        <v>68959</v>
      </c>
      <c r="E19153" s="1" t="s">
        <v>12883</v>
      </c>
      <c r="F19153" s="1" t="s">
        <v>68960</v>
      </c>
      <c r="G19153" s="1" t="s">
        <v>68932</v>
      </c>
      <c r="H19153" s="1" t="s">
        <v>68933</v>
      </c>
      <c r="I19153" s="1" t="s">
        <v>53800</v>
      </c>
      <c r="J19153" s="1" t="s">
        <v>68961</v>
      </c>
    </row>
    <row r="19154" spans="1:10" x14ac:dyDescent="0.35">
      <c r="A19154" s="1" t="s">
        <v>13999</v>
      </c>
      <c r="B19154" s="1" t="s">
        <v>53796</v>
      </c>
      <c r="C19154" s="1" t="s">
        <v>70</v>
      </c>
      <c r="D19154" s="1" t="s">
        <v>68962</v>
      </c>
      <c r="E19154" s="1" t="s">
        <v>54158</v>
      </c>
      <c r="F19154" s="1" t="s">
        <v>62143</v>
      </c>
      <c r="G19154" s="1" t="s">
        <v>68932</v>
      </c>
      <c r="H19154" s="1" t="s">
        <v>68933</v>
      </c>
      <c r="I19154" s="1" t="s">
        <v>53800</v>
      </c>
      <c r="J19154" s="1" t="s">
        <v>68963</v>
      </c>
    </row>
    <row r="19155" spans="1:10" x14ac:dyDescent="0.35">
      <c r="A19155" s="1" t="s">
        <v>13999</v>
      </c>
      <c r="B19155" s="1" t="s">
        <v>53796</v>
      </c>
      <c r="C19155" s="1" t="s">
        <v>75</v>
      </c>
      <c r="D19155" s="1" t="s">
        <v>68964</v>
      </c>
      <c r="E19155" s="1" t="s">
        <v>31953</v>
      </c>
      <c r="F19155" s="1" t="s">
        <v>61728</v>
      </c>
      <c r="G19155" s="1" t="s">
        <v>68932</v>
      </c>
      <c r="H19155" s="1" t="s">
        <v>68933</v>
      </c>
      <c r="I19155" s="1" t="s">
        <v>53800</v>
      </c>
      <c r="J19155" s="1" t="s">
        <v>68965</v>
      </c>
    </row>
    <row r="19156" spans="1:10" x14ac:dyDescent="0.35">
      <c r="A19156" s="1" t="s">
        <v>13999</v>
      </c>
      <c r="B19156" s="1" t="s">
        <v>53796</v>
      </c>
      <c r="C19156" s="1" t="s">
        <v>80</v>
      </c>
      <c r="D19156" s="1" t="s">
        <v>68966</v>
      </c>
      <c r="E19156" s="1" t="s">
        <v>23450</v>
      </c>
      <c r="F19156" s="1" t="s">
        <v>68967</v>
      </c>
      <c r="G19156" s="1" t="s">
        <v>68932</v>
      </c>
      <c r="H19156" s="1" t="s">
        <v>68933</v>
      </c>
      <c r="I19156" s="1" t="s">
        <v>53800</v>
      </c>
      <c r="J19156" s="1" t="s">
        <v>68968</v>
      </c>
    </row>
    <row r="19157" spans="1:10" x14ac:dyDescent="0.35">
      <c r="A19157" s="1" t="s">
        <v>13999</v>
      </c>
      <c r="B19157" s="1" t="s">
        <v>53796</v>
      </c>
      <c r="C19157" s="1" t="s">
        <v>85</v>
      </c>
      <c r="D19157" s="1" t="s">
        <v>68969</v>
      </c>
      <c r="E19157" s="1" t="s">
        <v>26185</v>
      </c>
      <c r="F19157" s="1" t="s">
        <v>68970</v>
      </c>
      <c r="G19157" s="1" t="s">
        <v>68932</v>
      </c>
      <c r="H19157" s="1" t="s">
        <v>68933</v>
      </c>
      <c r="I19157" s="1" t="s">
        <v>53800</v>
      </c>
      <c r="J19157" s="1" t="s">
        <v>68971</v>
      </c>
    </row>
    <row r="19158" spans="1:10" x14ac:dyDescent="0.35">
      <c r="A19158" s="1" t="s">
        <v>13999</v>
      </c>
      <c r="B19158" s="1" t="s">
        <v>53796</v>
      </c>
      <c r="C19158" s="1" t="s">
        <v>90</v>
      </c>
      <c r="D19158" s="1" t="s">
        <v>68972</v>
      </c>
      <c r="E19158" s="1" t="s">
        <v>31497</v>
      </c>
      <c r="F19158" s="1" t="s">
        <v>68973</v>
      </c>
      <c r="G19158" s="1" t="s">
        <v>68932</v>
      </c>
      <c r="H19158" s="1" t="s">
        <v>68933</v>
      </c>
      <c r="I19158" s="1" t="s">
        <v>53800</v>
      </c>
      <c r="J19158" s="1" t="s">
        <v>68974</v>
      </c>
    </row>
    <row r="19159" spans="1:10" x14ac:dyDescent="0.35">
      <c r="A19159" s="1" t="s">
        <v>13999</v>
      </c>
      <c r="B19159" s="1" t="s">
        <v>53796</v>
      </c>
      <c r="C19159" s="1" t="s">
        <v>95</v>
      </c>
      <c r="D19159" s="1" t="s">
        <v>68975</v>
      </c>
      <c r="E19159" s="1" t="s">
        <v>27074</v>
      </c>
      <c r="F19159" s="1" t="s">
        <v>68976</v>
      </c>
      <c r="G19159" s="1" t="s">
        <v>68932</v>
      </c>
      <c r="H19159" s="1" t="s">
        <v>68933</v>
      </c>
      <c r="I19159" s="1" t="s">
        <v>53800</v>
      </c>
      <c r="J19159" s="1" t="s">
        <v>68977</v>
      </c>
    </row>
    <row r="19160" spans="1:10" x14ac:dyDescent="0.35">
      <c r="A19160" s="1" t="s">
        <v>13999</v>
      </c>
      <c r="B19160" s="1" t="s">
        <v>53796</v>
      </c>
      <c r="C19160" s="1" t="s">
        <v>100</v>
      </c>
      <c r="D19160" s="1" t="s">
        <v>56749</v>
      </c>
      <c r="E19160" s="1" t="s">
        <v>16146</v>
      </c>
      <c r="F19160" s="1" t="s">
        <v>68978</v>
      </c>
      <c r="G19160" s="1" t="s">
        <v>68932</v>
      </c>
      <c r="H19160" s="1" t="s">
        <v>68933</v>
      </c>
      <c r="I19160" s="1" t="s">
        <v>53800</v>
      </c>
      <c r="J19160" s="1" t="s">
        <v>68979</v>
      </c>
    </row>
    <row r="19161" spans="1:10" x14ac:dyDescent="0.35">
      <c r="A19161" s="1" t="s">
        <v>13999</v>
      </c>
      <c r="B19161" s="1" t="s">
        <v>53796</v>
      </c>
      <c r="C19161" s="1" t="s">
        <v>105</v>
      </c>
      <c r="D19161" s="1" t="s">
        <v>68980</v>
      </c>
      <c r="E19161" s="1" t="s">
        <v>15841</v>
      </c>
      <c r="F19161" s="1" t="s">
        <v>68981</v>
      </c>
      <c r="G19161" s="1" t="s">
        <v>68932</v>
      </c>
      <c r="H19161" s="1" t="s">
        <v>68933</v>
      </c>
      <c r="I19161" s="1" t="s">
        <v>53800</v>
      </c>
      <c r="J19161" s="1" t="s">
        <v>68982</v>
      </c>
    </row>
    <row r="19162" spans="1:10" x14ac:dyDescent="0.35">
      <c r="A19162" s="1" t="s">
        <v>13999</v>
      </c>
      <c r="B19162" s="1" t="s">
        <v>53796</v>
      </c>
      <c r="C19162" s="1" t="s">
        <v>110</v>
      </c>
      <c r="D19162" s="1" t="s">
        <v>68983</v>
      </c>
      <c r="E19162" s="1" t="s">
        <v>54747</v>
      </c>
      <c r="F19162" s="1" t="s">
        <v>60102</v>
      </c>
      <c r="G19162" s="1" t="s">
        <v>68932</v>
      </c>
      <c r="H19162" s="1" t="s">
        <v>68933</v>
      </c>
      <c r="I19162" s="1" t="s">
        <v>53800</v>
      </c>
      <c r="J19162" s="1" t="s">
        <v>68984</v>
      </c>
    </row>
    <row r="19163" spans="1:10" x14ac:dyDescent="0.35">
      <c r="A19163" s="1" t="s">
        <v>13999</v>
      </c>
      <c r="B19163" s="1" t="s">
        <v>53796</v>
      </c>
      <c r="C19163" s="1" t="s">
        <v>115</v>
      </c>
      <c r="D19163" s="1" t="s">
        <v>68985</v>
      </c>
      <c r="E19163" s="1" t="s">
        <v>64479</v>
      </c>
      <c r="F19163" s="1" t="s">
        <v>68986</v>
      </c>
      <c r="G19163" s="1" t="s">
        <v>68932</v>
      </c>
      <c r="H19163" s="1" t="s">
        <v>68933</v>
      </c>
      <c r="I19163" s="1" t="s">
        <v>53800</v>
      </c>
      <c r="J19163" s="1" t="s">
        <v>68987</v>
      </c>
    </row>
    <row r="19164" spans="1:10" x14ac:dyDescent="0.35">
      <c r="A19164" s="1" t="s">
        <v>13999</v>
      </c>
      <c r="B19164" s="1" t="s">
        <v>53796</v>
      </c>
      <c r="C19164" s="1" t="s">
        <v>120</v>
      </c>
      <c r="D19164" s="1" t="s">
        <v>68988</v>
      </c>
      <c r="E19164" s="1" t="s">
        <v>55286</v>
      </c>
      <c r="F19164" s="1" t="s">
        <v>68989</v>
      </c>
      <c r="G19164" s="1" t="s">
        <v>68932</v>
      </c>
      <c r="H19164" s="1" t="s">
        <v>68933</v>
      </c>
      <c r="I19164" s="1" t="s">
        <v>53800</v>
      </c>
      <c r="J19164" s="1" t="s">
        <v>68990</v>
      </c>
    </row>
    <row r="19165" spans="1:10" x14ac:dyDescent="0.35">
      <c r="A19165" s="1" t="s">
        <v>13999</v>
      </c>
      <c r="B19165" s="1" t="s">
        <v>53796</v>
      </c>
      <c r="C19165" s="1" t="s">
        <v>125</v>
      </c>
      <c r="D19165" s="1" t="s">
        <v>67005</v>
      </c>
      <c r="E19165" s="1" t="s">
        <v>32344</v>
      </c>
      <c r="F19165" s="1" t="s">
        <v>56554</v>
      </c>
      <c r="G19165" s="1" t="s">
        <v>68932</v>
      </c>
      <c r="H19165" s="1" t="s">
        <v>68933</v>
      </c>
      <c r="I19165" s="1" t="s">
        <v>53800</v>
      </c>
      <c r="J19165" s="1" t="s">
        <v>68991</v>
      </c>
    </row>
    <row r="19166" spans="1:10" x14ac:dyDescent="0.35">
      <c r="A19166" s="1" t="s">
        <v>13999</v>
      </c>
      <c r="B19166" s="1" t="s">
        <v>53796</v>
      </c>
      <c r="C19166" s="1" t="s">
        <v>130</v>
      </c>
      <c r="D19166" s="1" t="s">
        <v>68992</v>
      </c>
      <c r="E19166" s="1" t="s">
        <v>32622</v>
      </c>
      <c r="F19166" s="1" t="s">
        <v>68993</v>
      </c>
      <c r="G19166" s="1" t="s">
        <v>68932</v>
      </c>
      <c r="H19166" s="1" t="s">
        <v>68933</v>
      </c>
      <c r="I19166" s="1" t="s">
        <v>53800</v>
      </c>
      <c r="J19166" s="1" t="s">
        <v>68994</v>
      </c>
    </row>
    <row r="19167" spans="1:10" x14ac:dyDescent="0.35">
      <c r="A19167" s="1" t="s">
        <v>13999</v>
      </c>
      <c r="B19167" s="1" t="s">
        <v>53796</v>
      </c>
      <c r="C19167" s="1" t="s">
        <v>135</v>
      </c>
      <c r="D19167" s="1" t="s">
        <v>68995</v>
      </c>
      <c r="E19167" s="1" t="s">
        <v>22363</v>
      </c>
      <c r="F19167" s="1" t="s">
        <v>56066</v>
      </c>
      <c r="G19167" s="1" t="s">
        <v>68932</v>
      </c>
      <c r="H19167" s="1" t="s">
        <v>68933</v>
      </c>
      <c r="I19167" s="1" t="s">
        <v>53800</v>
      </c>
      <c r="J19167" s="1" t="s">
        <v>68996</v>
      </c>
    </row>
    <row r="19168" spans="1:10" x14ac:dyDescent="0.35">
      <c r="A19168" s="1" t="s">
        <v>13999</v>
      </c>
      <c r="B19168" s="1" t="s">
        <v>53796</v>
      </c>
      <c r="C19168" s="1" t="s">
        <v>140</v>
      </c>
      <c r="D19168" s="1" t="s">
        <v>43578</v>
      </c>
      <c r="E19168" s="1" t="s">
        <v>64260</v>
      </c>
      <c r="F19168" s="1" t="s">
        <v>31460</v>
      </c>
      <c r="G19168" s="1" t="s">
        <v>68932</v>
      </c>
      <c r="H19168" s="1" t="s">
        <v>68933</v>
      </c>
      <c r="I19168" s="1" t="s">
        <v>53800</v>
      </c>
      <c r="J19168" s="1" t="s">
        <v>68997</v>
      </c>
    </row>
    <row r="19169" spans="1:10" x14ac:dyDescent="0.35">
      <c r="A19169" s="1" t="s">
        <v>13999</v>
      </c>
      <c r="B19169" s="1" t="s">
        <v>53796</v>
      </c>
      <c r="C19169" s="1" t="s">
        <v>145</v>
      </c>
      <c r="D19169" s="1" t="s">
        <v>65705</v>
      </c>
      <c r="E19169" s="1" t="s">
        <v>24209</v>
      </c>
      <c r="F19169" s="1" t="s">
        <v>68998</v>
      </c>
      <c r="G19169" s="1" t="s">
        <v>68932</v>
      </c>
      <c r="H19169" s="1" t="s">
        <v>68933</v>
      </c>
      <c r="I19169" s="1" t="s">
        <v>53800</v>
      </c>
      <c r="J19169" s="1" t="s">
        <v>68999</v>
      </c>
    </row>
    <row r="19170" spans="1:10" x14ac:dyDescent="0.35">
      <c r="A19170" s="1" t="s">
        <v>13999</v>
      </c>
      <c r="B19170" s="1" t="s">
        <v>53796</v>
      </c>
      <c r="C19170" s="1" t="s">
        <v>150</v>
      </c>
      <c r="D19170" s="1" t="s">
        <v>69000</v>
      </c>
      <c r="E19170" s="1" t="s">
        <v>15889</v>
      </c>
      <c r="F19170" s="1" t="s">
        <v>69001</v>
      </c>
      <c r="G19170" s="1" t="s">
        <v>68932</v>
      </c>
      <c r="H19170" s="1" t="s">
        <v>68933</v>
      </c>
      <c r="I19170" s="1" t="s">
        <v>53800</v>
      </c>
      <c r="J19170" s="1" t="s">
        <v>69002</v>
      </c>
    </row>
    <row r="19171" spans="1:10" x14ac:dyDescent="0.35">
      <c r="A19171" s="1" t="s">
        <v>13999</v>
      </c>
      <c r="B19171" s="1" t="s">
        <v>53796</v>
      </c>
      <c r="C19171" s="1" t="s">
        <v>155</v>
      </c>
      <c r="D19171" s="1" t="s">
        <v>69003</v>
      </c>
      <c r="E19171" s="1" t="s">
        <v>15899</v>
      </c>
      <c r="F19171" s="1" t="s">
        <v>60646</v>
      </c>
      <c r="G19171" s="1" t="s">
        <v>68932</v>
      </c>
      <c r="H19171" s="1" t="s">
        <v>68933</v>
      </c>
      <c r="I19171" s="1" t="s">
        <v>53800</v>
      </c>
      <c r="J19171" s="1" t="s">
        <v>69004</v>
      </c>
    </row>
    <row r="19172" spans="1:10" x14ac:dyDescent="0.35">
      <c r="A19172" s="1" t="s">
        <v>13999</v>
      </c>
      <c r="B19172" s="1" t="s">
        <v>53796</v>
      </c>
      <c r="C19172" s="1" t="s">
        <v>160</v>
      </c>
      <c r="D19172" s="1" t="s">
        <v>69005</v>
      </c>
      <c r="E19172" s="1" t="s">
        <v>69006</v>
      </c>
      <c r="F19172" s="1" t="s">
        <v>69007</v>
      </c>
      <c r="G19172" s="1" t="s">
        <v>68932</v>
      </c>
      <c r="H19172" s="1" t="s">
        <v>68933</v>
      </c>
      <c r="I19172" s="1" t="s">
        <v>53800</v>
      </c>
      <c r="J19172" s="1" t="s">
        <v>69008</v>
      </c>
    </row>
    <row r="19173" spans="1:10" x14ac:dyDescent="0.35">
      <c r="A19173" s="1" t="s">
        <v>13999</v>
      </c>
      <c r="B19173" s="1" t="s">
        <v>53796</v>
      </c>
      <c r="C19173" s="1" t="s">
        <v>165</v>
      </c>
      <c r="D19173" s="1" t="s">
        <v>68331</v>
      </c>
      <c r="E19173" s="1" t="s">
        <v>15353</v>
      </c>
      <c r="F19173" s="1" t="s">
        <v>69009</v>
      </c>
      <c r="G19173" s="1" t="s">
        <v>68932</v>
      </c>
      <c r="H19173" s="1" t="s">
        <v>68933</v>
      </c>
      <c r="I19173" s="1" t="s">
        <v>53800</v>
      </c>
      <c r="J19173" s="1" t="s">
        <v>69010</v>
      </c>
    </row>
    <row r="19174" spans="1:10" x14ac:dyDescent="0.35">
      <c r="A19174" s="1" t="s">
        <v>13999</v>
      </c>
      <c r="B19174" s="1" t="s">
        <v>53796</v>
      </c>
      <c r="C19174" s="1" t="s">
        <v>170</v>
      </c>
      <c r="D19174" s="1" t="s">
        <v>55047</v>
      </c>
      <c r="E19174" s="1" t="s">
        <v>69011</v>
      </c>
      <c r="F19174" s="1" t="s">
        <v>58980</v>
      </c>
      <c r="G19174" s="1" t="s">
        <v>68932</v>
      </c>
      <c r="H19174" s="1" t="s">
        <v>68933</v>
      </c>
      <c r="I19174" s="1" t="s">
        <v>53800</v>
      </c>
      <c r="J19174" s="1" t="s">
        <v>69012</v>
      </c>
    </row>
    <row r="19175" spans="1:10" x14ac:dyDescent="0.35">
      <c r="A19175" s="1" t="s">
        <v>69013</v>
      </c>
      <c r="B19175" s="1" t="s">
        <v>53796</v>
      </c>
      <c r="C19175" s="1" t="s">
        <v>8</v>
      </c>
      <c r="D19175" s="1" t="s">
        <v>15127</v>
      </c>
      <c r="E19175" s="1" t="s">
        <v>22052</v>
      </c>
      <c r="F19175" s="1" t="s">
        <v>63065</v>
      </c>
      <c r="G19175" s="1" t="s">
        <v>69014</v>
      </c>
      <c r="H19175" s="1" t="s">
        <v>69015</v>
      </c>
      <c r="I19175" s="1" t="s">
        <v>53800</v>
      </c>
      <c r="J19175" s="1" t="s">
        <v>13</v>
      </c>
    </row>
    <row r="19176" spans="1:10" x14ac:dyDescent="0.35">
      <c r="A19176" s="1" t="s">
        <v>69013</v>
      </c>
      <c r="B19176" s="1" t="s">
        <v>53796</v>
      </c>
      <c r="C19176" s="1" t="s">
        <v>15</v>
      </c>
      <c r="D19176" s="1" t="s">
        <v>69016</v>
      </c>
      <c r="E19176" s="1" t="s">
        <v>69017</v>
      </c>
      <c r="F19176" s="1" t="s">
        <v>69018</v>
      </c>
      <c r="G19176" s="1" t="s">
        <v>69014</v>
      </c>
      <c r="H19176" s="1" t="s">
        <v>69015</v>
      </c>
      <c r="I19176" s="1" t="s">
        <v>53800</v>
      </c>
      <c r="J19176" s="1" t="s">
        <v>69019</v>
      </c>
    </row>
    <row r="19177" spans="1:10" x14ac:dyDescent="0.35">
      <c r="A19177" s="1" t="s">
        <v>69013</v>
      </c>
      <c r="B19177" s="1" t="s">
        <v>53796</v>
      </c>
      <c r="C19177" s="1" t="s">
        <v>20</v>
      </c>
      <c r="D19177" s="1" t="s">
        <v>69020</v>
      </c>
      <c r="E19177" s="1" t="s">
        <v>54095</v>
      </c>
      <c r="F19177" s="1" t="s">
        <v>69021</v>
      </c>
      <c r="G19177" s="1" t="s">
        <v>69014</v>
      </c>
      <c r="H19177" s="1" t="s">
        <v>69015</v>
      </c>
      <c r="I19177" s="1" t="s">
        <v>53800</v>
      </c>
      <c r="J19177" s="1" t="s">
        <v>69022</v>
      </c>
    </row>
    <row r="19178" spans="1:10" x14ac:dyDescent="0.35">
      <c r="A19178" s="1" t="s">
        <v>69013</v>
      </c>
      <c r="B19178" s="1" t="s">
        <v>53796</v>
      </c>
      <c r="C19178" s="1" t="s">
        <v>25</v>
      </c>
      <c r="D19178" s="1" t="s">
        <v>69023</v>
      </c>
      <c r="E19178" s="1" t="s">
        <v>40644</v>
      </c>
      <c r="F19178" s="1" t="s">
        <v>69024</v>
      </c>
      <c r="G19178" s="1" t="s">
        <v>69014</v>
      </c>
      <c r="H19178" s="1" t="s">
        <v>69015</v>
      </c>
      <c r="I19178" s="1" t="s">
        <v>53800</v>
      </c>
      <c r="J19178" s="1" t="s">
        <v>69025</v>
      </c>
    </row>
    <row r="19179" spans="1:10" x14ac:dyDescent="0.35">
      <c r="A19179" s="1" t="s">
        <v>69013</v>
      </c>
      <c r="B19179" s="1" t="s">
        <v>53796</v>
      </c>
      <c r="C19179" s="1" t="s">
        <v>30</v>
      </c>
      <c r="D19179" s="1" t="s">
        <v>69026</v>
      </c>
      <c r="E19179" s="1" t="s">
        <v>66959</v>
      </c>
      <c r="F19179" s="1" t="s">
        <v>68510</v>
      </c>
      <c r="G19179" s="1" t="s">
        <v>69014</v>
      </c>
      <c r="H19179" s="1" t="s">
        <v>69015</v>
      </c>
      <c r="I19179" s="1" t="s">
        <v>53800</v>
      </c>
      <c r="J19179" s="1" t="s">
        <v>69027</v>
      </c>
    </row>
    <row r="19180" spans="1:10" x14ac:dyDescent="0.35">
      <c r="A19180" s="1" t="s">
        <v>69013</v>
      </c>
      <c r="B19180" s="1" t="s">
        <v>53796</v>
      </c>
      <c r="C19180" s="1" t="s">
        <v>35</v>
      </c>
      <c r="D19180" s="1" t="s">
        <v>69028</v>
      </c>
      <c r="E19180" s="1" t="s">
        <v>56503</v>
      </c>
      <c r="F19180" s="1" t="s">
        <v>26174</v>
      </c>
      <c r="G19180" s="1" t="s">
        <v>69014</v>
      </c>
      <c r="H19180" s="1" t="s">
        <v>69015</v>
      </c>
      <c r="I19180" s="1" t="s">
        <v>53800</v>
      </c>
      <c r="J19180" s="1" t="s">
        <v>69029</v>
      </c>
    </row>
    <row r="19181" spans="1:10" x14ac:dyDescent="0.35">
      <c r="A19181" s="1" t="s">
        <v>69013</v>
      </c>
      <c r="B19181" s="1" t="s">
        <v>53796</v>
      </c>
      <c r="C19181" s="1" t="s">
        <v>40</v>
      </c>
      <c r="D19181" s="1" t="s">
        <v>2714</v>
      </c>
      <c r="E19181" s="1" t="s">
        <v>69030</v>
      </c>
      <c r="F19181" s="1" t="s">
        <v>69031</v>
      </c>
      <c r="G19181" s="1" t="s">
        <v>69014</v>
      </c>
      <c r="H19181" s="1" t="s">
        <v>69015</v>
      </c>
      <c r="I19181" s="1" t="s">
        <v>53800</v>
      </c>
      <c r="J19181" s="1" t="s">
        <v>69032</v>
      </c>
    </row>
    <row r="19182" spans="1:10" x14ac:dyDescent="0.35">
      <c r="A19182" s="1" t="s">
        <v>69013</v>
      </c>
      <c r="B19182" s="1" t="s">
        <v>53796</v>
      </c>
      <c r="C19182" s="1" t="s">
        <v>45</v>
      </c>
      <c r="D19182" s="1" t="s">
        <v>69033</v>
      </c>
      <c r="E19182" s="1" t="s">
        <v>61396</v>
      </c>
      <c r="F19182" s="1" t="s">
        <v>69034</v>
      </c>
      <c r="G19182" s="1" t="s">
        <v>69014</v>
      </c>
      <c r="H19182" s="1" t="s">
        <v>69015</v>
      </c>
      <c r="I19182" s="1" t="s">
        <v>53800</v>
      </c>
      <c r="J19182" s="1" t="s">
        <v>69035</v>
      </c>
    </row>
    <row r="19183" spans="1:10" x14ac:dyDescent="0.35">
      <c r="A19183" s="1" t="s">
        <v>69013</v>
      </c>
      <c r="B19183" s="1" t="s">
        <v>53796</v>
      </c>
      <c r="C19183" s="1" t="s">
        <v>50</v>
      </c>
      <c r="D19183" s="1" t="s">
        <v>40246</v>
      </c>
      <c r="E19183" s="1" t="s">
        <v>54729</v>
      </c>
      <c r="F19183" s="1" t="s">
        <v>69036</v>
      </c>
      <c r="G19183" s="1" t="s">
        <v>69014</v>
      </c>
      <c r="H19183" s="1" t="s">
        <v>69015</v>
      </c>
      <c r="I19183" s="1" t="s">
        <v>53800</v>
      </c>
      <c r="J19183" s="1" t="s">
        <v>69037</v>
      </c>
    </row>
    <row r="19184" spans="1:10" x14ac:dyDescent="0.35">
      <c r="A19184" s="1" t="s">
        <v>69013</v>
      </c>
      <c r="B19184" s="1" t="s">
        <v>53796</v>
      </c>
      <c r="C19184" s="1" t="s">
        <v>55</v>
      </c>
      <c r="D19184" s="1" t="s">
        <v>66643</v>
      </c>
      <c r="E19184" s="1" t="s">
        <v>54095</v>
      </c>
      <c r="F19184" s="1" t="s">
        <v>22268</v>
      </c>
      <c r="G19184" s="1" t="s">
        <v>69014</v>
      </c>
      <c r="H19184" s="1" t="s">
        <v>69015</v>
      </c>
      <c r="I19184" s="1" t="s">
        <v>53800</v>
      </c>
      <c r="J19184" s="1" t="s">
        <v>69038</v>
      </c>
    </row>
    <row r="19185" spans="1:10" x14ac:dyDescent="0.35">
      <c r="A19185" s="1" t="s">
        <v>69013</v>
      </c>
      <c r="B19185" s="1" t="s">
        <v>53796</v>
      </c>
      <c r="C19185" s="1" t="s">
        <v>60</v>
      </c>
      <c r="D19185" s="1" t="s">
        <v>66563</v>
      </c>
      <c r="E19185" s="1" t="s">
        <v>23176</v>
      </c>
      <c r="F19185" s="1" t="s">
        <v>65732</v>
      </c>
      <c r="G19185" s="1" t="s">
        <v>69014</v>
      </c>
      <c r="H19185" s="1" t="s">
        <v>69015</v>
      </c>
      <c r="I19185" s="1" t="s">
        <v>53800</v>
      </c>
      <c r="J19185" s="1" t="s">
        <v>69039</v>
      </c>
    </row>
    <row r="19186" spans="1:10" x14ac:dyDescent="0.35">
      <c r="A19186" s="1" t="s">
        <v>69013</v>
      </c>
      <c r="B19186" s="1" t="s">
        <v>53796</v>
      </c>
      <c r="C19186" s="1" t="s">
        <v>65</v>
      </c>
      <c r="D19186" s="1" t="s">
        <v>69040</v>
      </c>
      <c r="E19186" s="1" t="s">
        <v>41294</v>
      </c>
      <c r="F19186" s="1" t="s">
        <v>32127</v>
      </c>
      <c r="G19186" s="1" t="s">
        <v>69014</v>
      </c>
      <c r="H19186" s="1" t="s">
        <v>69015</v>
      </c>
      <c r="I19186" s="1" t="s">
        <v>53800</v>
      </c>
      <c r="J19186" s="1" t="s">
        <v>69041</v>
      </c>
    </row>
    <row r="19187" spans="1:10" x14ac:dyDescent="0.35">
      <c r="A19187" s="1" t="s">
        <v>69013</v>
      </c>
      <c r="B19187" s="1" t="s">
        <v>53796</v>
      </c>
      <c r="C19187" s="1" t="s">
        <v>70</v>
      </c>
      <c r="D19187" s="1" t="s">
        <v>69042</v>
      </c>
      <c r="E19187" s="1" t="s">
        <v>63089</v>
      </c>
      <c r="F19187" s="1" t="s">
        <v>69043</v>
      </c>
      <c r="G19187" s="1" t="s">
        <v>69014</v>
      </c>
      <c r="H19187" s="1" t="s">
        <v>69015</v>
      </c>
      <c r="I19187" s="1" t="s">
        <v>53800</v>
      </c>
      <c r="J19187" s="1" t="s">
        <v>69044</v>
      </c>
    </row>
    <row r="19188" spans="1:10" x14ac:dyDescent="0.35">
      <c r="A19188" s="1" t="s">
        <v>69013</v>
      </c>
      <c r="B19188" s="1" t="s">
        <v>53796</v>
      </c>
      <c r="C19188" s="1" t="s">
        <v>75</v>
      </c>
      <c r="D19188" s="1" t="s">
        <v>55529</v>
      </c>
      <c r="E19188" s="1" t="s">
        <v>21910</v>
      </c>
      <c r="F19188" s="1" t="s">
        <v>69045</v>
      </c>
      <c r="G19188" s="1" t="s">
        <v>69014</v>
      </c>
      <c r="H19188" s="1" t="s">
        <v>69015</v>
      </c>
      <c r="I19188" s="1" t="s">
        <v>53800</v>
      </c>
      <c r="J19188" s="1" t="s">
        <v>69046</v>
      </c>
    </row>
    <row r="19189" spans="1:10" x14ac:dyDescent="0.35">
      <c r="A19189" s="1" t="s">
        <v>69013</v>
      </c>
      <c r="B19189" s="1" t="s">
        <v>53796</v>
      </c>
      <c r="C19189" s="1" t="s">
        <v>80</v>
      </c>
      <c r="D19189" s="1" t="s">
        <v>69047</v>
      </c>
      <c r="E19189" s="1" t="s">
        <v>15221</v>
      </c>
      <c r="F19189" s="1" t="s">
        <v>58948</v>
      </c>
      <c r="G19189" s="1" t="s">
        <v>69014</v>
      </c>
      <c r="H19189" s="1" t="s">
        <v>69015</v>
      </c>
      <c r="I19189" s="1" t="s">
        <v>53800</v>
      </c>
      <c r="J19189" s="1" t="s">
        <v>69048</v>
      </c>
    </row>
    <row r="19190" spans="1:10" x14ac:dyDescent="0.35">
      <c r="A19190" s="1" t="s">
        <v>69013</v>
      </c>
      <c r="B19190" s="1" t="s">
        <v>53796</v>
      </c>
      <c r="C19190" s="1" t="s">
        <v>85</v>
      </c>
      <c r="D19190" s="1" t="s">
        <v>69049</v>
      </c>
      <c r="E19190" s="1" t="s">
        <v>57856</v>
      </c>
      <c r="F19190" s="1" t="s">
        <v>69050</v>
      </c>
      <c r="G19190" s="1" t="s">
        <v>69014</v>
      </c>
      <c r="H19190" s="1" t="s">
        <v>69015</v>
      </c>
      <c r="I19190" s="1" t="s">
        <v>53800</v>
      </c>
      <c r="J19190" s="1" t="s">
        <v>69051</v>
      </c>
    </row>
    <row r="19191" spans="1:10" x14ac:dyDescent="0.35">
      <c r="A19191" s="1" t="s">
        <v>69013</v>
      </c>
      <c r="B19191" s="1" t="s">
        <v>53796</v>
      </c>
      <c r="C19191" s="1" t="s">
        <v>90</v>
      </c>
      <c r="D19191" s="1" t="s">
        <v>69052</v>
      </c>
      <c r="E19191" s="1" t="s">
        <v>60377</v>
      </c>
      <c r="F19191" s="1" t="s">
        <v>23451</v>
      </c>
      <c r="G19191" s="1" t="s">
        <v>69014</v>
      </c>
      <c r="H19191" s="1" t="s">
        <v>69015</v>
      </c>
      <c r="I19191" s="1" t="s">
        <v>53800</v>
      </c>
      <c r="J19191" s="1" t="s">
        <v>69053</v>
      </c>
    </row>
    <row r="19192" spans="1:10" x14ac:dyDescent="0.35">
      <c r="A19192" s="1" t="s">
        <v>69013</v>
      </c>
      <c r="B19192" s="1" t="s">
        <v>53796</v>
      </c>
      <c r="C19192" s="1" t="s">
        <v>95</v>
      </c>
      <c r="D19192" s="1" t="s">
        <v>69054</v>
      </c>
      <c r="E19192" s="1" t="s">
        <v>15376</v>
      </c>
      <c r="F19192" s="1" t="s">
        <v>69055</v>
      </c>
      <c r="G19192" s="1" t="s">
        <v>69014</v>
      </c>
      <c r="H19192" s="1" t="s">
        <v>69015</v>
      </c>
      <c r="I19192" s="1" t="s">
        <v>53800</v>
      </c>
      <c r="J19192" s="1" t="s">
        <v>69056</v>
      </c>
    </row>
    <row r="19193" spans="1:10" x14ac:dyDescent="0.35">
      <c r="A19193" s="1" t="s">
        <v>69013</v>
      </c>
      <c r="B19193" s="1" t="s">
        <v>53796</v>
      </c>
      <c r="C19193" s="1" t="s">
        <v>100</v>
      </c>
      <c r="D19193" s="1" t="s">
        <v>69057</v>
      </c>
      <c r="E19193" s="1" t="s">
        <v>55248</v>
      </c>
      <c r="F19193" s="1" t="s">
        <v>64905</v>
      </c>
      <c r="G19193" s="1" t="s">
        <v>69014</v>
      </c>
      <c r="H19193" s="1" t="s">
        <v>69015</v>
      </c>
      <c r="I19193" s="1" t="s">
        <v>53800</v>
      </c>
      <c r="J19193" s="1" t="s">
        <v>69058</v>
      </c>
    </row>
    <row r="19194" spans="1:10" x14ac:dyDescent="0.35">
      <c r="A19194" s="1" t="s">
        <v>69013</v>
      </c>
      <c r="B19194" s="1" t="s">
        <v>53796</v>
      </c>
      <c r="C19194" s="1" t="s">
        <v>105</v>
      </c>
      <c r="D19194" s="1" t="s">
        <v>55204</v>
      </c>
      <c r="E19194" s="1" t="s">
        <v>41348</v>
      </c>
      <c r="F19194" s="1" t="s">
        <v>65703</v>
      </c>
      <c r="G19194" s="1" t="s">
        <v>69014</v>
      </c>
      <c r="H19194" s="1" t="s">
        <v>69015</v>
      </c>
      <c r="I19194" s="1" t="s">
        <v>53800</v>
      </c>
      <c r="J19194" s="1" t="s">
        <v>69059</v>
      </c>
    </row>
    <row r="19195" spans="1:10" x14ac:dyDescent="0.35">
      <c r="A19195" s="1" t="s">
        <v>69013</v>
      </c>
      <c r="B19195" s="1" t="s">
        <v>53796</v>
      </c>
      <c r="C19195" s="1" t="s">
        <v>110</v>
      </c>
      <c r="D19195" s="1" t="s">
        <v>17112</v>
      </c>
      <c r="E19195" s="1" t="s">
        <v>23894</v>
      </c>
      <c r="F19195" s="1" t="s">
        <v>69060</v>
      </c>
      <c r="G19195" s="1" t="s">
        <v>69014</v>
      </c>
      <c r="H19195" s="1" t="s">
        <v>69015</v>
      </c>
      <c r="I19195" s="1" t="s">
        <v>53800</v>
      </c>
      <c r="J19195" s="1" t="s">
        <v>69061</v>
      </c>
    </row>
    <row r="19196" spans="1:10" x14ac:dyDescent="0.35">
      <c r="A19196" s="1" t="s">
        <v>69013</v>
      </c>
      <c r="B19196" s="1" t="s">
        <v>53796</v>
      </c>
      <c r="C19196" s="1" t="s">
        <v>115</v>
      </c>
      <c r="D19196" s="1" t="s">
        <v>69062</v>
      </c>
      <c r="E19196" s="1" t="s">
        <v>65158</v>
      </c>
      <c r="F19196" s="1" t="s">
        <v>31557</v>
      </c>
      <c r="G19196" s="1" t="s">
        <v>69014</v>
      </c>
      <c r="H19196" s="1" t="s">
        <v>69015</v>
      </c>
      <c r="I19196" s="1" t="s">
        <v>53800</v>
      </c>
      <c r="J19196" s="1" t="s">
        <v>69063</v>
      </c>
    </row>
    <row r="19197" spans="1:10" x14ac:dyDescent="0.35">
      <c r="A19197" s="1" t="s">
        <v>69013</v>
      </c>
      <c r="B19197" s="1" t="s">
        <v>53796</v>
      </c>
      <c r="C19197" s="1" t="s">
        <v>120</v>
      </c>
      <c r="D19197" s="1" t="s">
        <v>64306</v>
      </c>
      <c r="E19197" s="1" t="s">
        <v>41192</v>
      </c>
      <c r="F19197" s="1" t="s">
        <v>69064</v>
      </c>
      <c r="G19197" s="1" t="s">
        <v>69014</v>
      </c>
      <c r="H19197" s="1" t="s">
        <v>69015</v>
      </c>
      <c r="I19197" s="1" t="s">
        <v>53800</v>
      </c>
      <c r="J19197" s="1" t="s">
        <v>69065</v>
      </c>
    </row>
    <row r="19198" spans="1:10" x14ac:dyDescent="0.35">
      <c r="A19198" s="1" t="s">
        <v>69013</v>
      </c>
      <c r="B19198" s="1" t="s">
        <v>53796</v>
      </c>
      <c r="C19198" s="1" t="s">
        <v>125</v>
      </c>
      <c r="D19198" s="1" t="s">
        <v>69066</v>
      </c>
      <c r="E19198" s="1" t="s">
        <v>21791</v>
      </c>
      <c r="F19198" s="1" t="s">
        <v>69067</v>
      </c>
      <c r="G19198" s="1" t="s">
        <v>69014</v>
      </c>
      <c r="H19198" s="1" t="s">
        <v>69015</v>
      </c>
      <c r="I19198" s="1" t="s">
        <v>53800</v>
      </c>
      <c r="J19198" s="1" t="s">
        <v>69068</v>
      </c>
    </row>
    <row r="19199" spans="1:10" x14ac:dyDescent="0.35">
      <c r="A19199" s="1" t="s">
        <v>69013</v>
      </c>
      <c r="B19199" s="1" t="s">
        <v>53796</v>
      </c>
      <c r="C19199" s="1" t="s">
        <v>130</v>
      </c>
      <c r="D19199" s="1" t="s">
        <v>4948</v>
      </c>
      <c r="E19199" s="1" t="s">
        <v>16186</v>
      </c>
      <c r="F19199" s="1" t="s">
        <v>64879</v>
      </c>
      <c r="G19199" s="1" t="s">
        <v>69014</v>
      </c>
      <c r="H19199" s="1" t="s">
        <v>69015</v>
      </c>
      <c r="I19199" s="1" t="s">
        <v>53800</v>
      </c>
      <c r="J19199" s="1" t="s">
        <v>69069</v>
      </c>
    </row>
    <row r="19200" spans="1:10" x14ac:dyDescent="0.35">
      <c r="A19200" s="1" t="s">
        <v>69013</v>
      </c>
      <c r="B19200" s="1" t="s">
        <v>53796</v>
      </c>
      <c r="C19200" s="1" t="s">
        <v>135</v>
      </c>
      <c r="D19200" s="1" t="s">
        <v>69070</v>
      </c>
      <c r="E19200" s="1" t="s">
        <v>69071</v>
      </c>
      <c r="F19200" s="1" t="s">
        <v>69072</v>
      </c>
      <c r="G19200" s="1" t="s">
        <v>69014</v>
      </c>
      <c r="H19200" s="1" t="s">
        <v>69015</v>
      </c>
      <c r="I19200" s="1" t="s">
        <v>53800</v>
      </c>
      <c r="J19200" s="1" t="s">
        <v>69073</v>
      </c>
    </row>
    <row r="19201" spans="1:10" x14ac:dyDescent="0.35">
      <c r="A19201" s="1" t="s">
        <v>69013</v>
      </c>
      <c r="B19201" s="1" t="s">
        <v>53796</v>
      </c>
      <c r="C19201" s="1" t="s">
        <v>140</v>
      </c>
      <c r="D19201" s="1" t="s">
        <v>69074</v>
      </c>
      <c r="E19201" s="1" t="s">
        <v>41159</v>
      </c>
      <c r="F19201" s="1" t="s">
        <v>69075</v>
      </c>
      <c r="G19201" s="1" t="s">
        <v>69014</v>
      </c>
      <c r="H19201" s="1" t="s">
        <v>69015</v>
      </c>
      <c r="I19201" s="1" t="s">
        <v>53800</v>
      </c>
      <c r="J19201" s="1" t="s">
        <v>69076</v>
      </c>
    </row>
    <row r="19202" spans="1:10" x14ac:dyDescent="0.35">
      <c r="A19202" s="1" t="s">
        <v>69013</v>
      </c>
      <c r="B19202" s="1" t="s">
        <v>53796</v>
      </c>
      <c r="C19202" s="1" t="s">
        <v>145</v>
      </c>
      <c r="D19202" s="1" t="s">
        <v>69077</v>
      </c>
      <c r="E19202" s="1" t="s">
        <v>24384</v>
      </c>
      <c r="F19202" s="1" t="s">
        <v>69078</v>
      </c>
      <c r="G19202" s="1" t="s">
        <v>69014</v>
      </c>
      <c r="H19202" s="1" t="s">
        <v>69015</v>
      </c>
      <c r="I19202" s="1" t="s">
        <v>53800</v>
      </c>
      <c r="J19202" s="1" t="s">
        <v>69079</v>
      </c>
    </row>
    <row r="19203" spans="1:10" x14ac:dyDescent="0.35">
      <c r="A19203" s="1" t="s">
        <v>69013</v>
      </c>
      <c r="B19203" s="1" t="s">
        <v>53796</v>
      </c>
      <c r="C19203" s="1" t="s">
        <v>150</v>
      </c>
      <c r="D19203" s="1" t="s">
        <v>62538</v>
      </c>
      <c r="E19203" s="1" t="s">
        <v>59071</v>
      </c>
      <c r="F19203" s="1" t="s">
        <v>69080</v>
      </c>
      <c r="G19203" s="1" t="s">
        <v>69014</v>
      </c>
      <c r="H19203" s="1" t="s">
        <v>69015</v>
      </c>
      <c r="I19203" s="1" t="s">
        <v>53800</v>
      </c>
      <c r="J19203" s="1" t="s">
        <v>69081</v>
      </c>
    </row>
    <row r="19204" spans="1:10" x14ac:dyDescent="0.35">
      <c r="A19204" s="1" t="s">
        <v>69013</v>
      </c>
      <c r="B19204" s="1" t="s">
        <v>53796</v>
      </c>
      <c r="C19204" s="1" t="s">
        <v>155</v>
      </c>
      <c r="D19204" s="1" t="s">
        <v>69082</v>
      </c>
      <c r="E19204" s="1" t="s">
        <v>22259</v>
      </c>
      <c r="F19204" s="1" t="s">
        <v>69083</v>
      </c>
      <c r="G19204" s="1" t="s">
        <v>69014</v>
      </c>
      <c r="H19204" s="1" t="s">
        <v>69015</v>
      </c>
      <c r="I19204" s="1" t="s">
        <v>53800</v>
      </c>
      <c r="J19204" s="1" t="s">
        <v>69084</v>
      </c>
    </row>
    <row r="19205" spans="1:10" x14ac:dyDescent="0.35">
      <c r="A19205" s="1" t="s">
        <v>69013</v>
      </c>
      <c r="B19205" s="1" t="s">
        <v>53796</v>
      </c>
      <c r="C19205" s="1" t="s">
        <v>160</v>
      </c>
      <c r="D19205" s="1" t="s">
        <v>69085</v>
      </c>
      <c r="E19205" s="1" t="s">
        <v>60740</v>
      </c>
      <c r="F19205" s="1" t="s">
        <v>56191</v>
      </c>
      <c r="G19205" s="1" t="s">
        <v>69014</v>
      </c>
      <c r="H19205" s="1" t="s">
        <v>69015</v>
      </c>
      <c r="I19205" s="1" t="s">
        <v>53800</v>
      </c>
      <c r="J19205" s="1" t="s">
        <v>69086</v>
      </c>
    </row>
    <row r="19206" spans="1:10" x14ac:dyDescent="0.35">
      <c r="A19206" s="1" t="s">
        <v>69013</v>
      </c>
      <c r="B19206" s="1" t="s">
        <v>53796</v>
      </c>
      <c r="C19206" s="1" t="s">
        <v>165</v>
      </c>
      <c r="D19206" s="1" t="s">
        <v>69087</v>
      </c>
      <c r="E19206" s="1" t="s">
        <v>56246</v>
      </c>
      <c r="F19206" s="1" t="s">
        <v>69088</v>
      </c>
      <c r="G19206" s="1" t="s">
        <v>69014</v>
      </c>
      <c r="H19206" s="1" t="s">
        <v>69015</v>
      </c>
      <c r="I19206" s="1" t="s">
        <v>53800</v>
      </c>
      <c r="J19206" s="1" t="s">
        <v>69089</v>
      </c>
    </row>
    <row r="19207" spans="1:10" x14ac:dyDescent="0.35">
      <c r="A19207" s="1" t="s">
        <v>69013</v>
      </c>
      <c r="B19207" s="1" t="s">
        <v>53796</v>
      </c>
      <c r="C19207" s="1" t="s">
        <v>170</v>
      </c>
      <c r="D19207" s="1" t="s">
        <v>69090</v>
      </c>
      <c r="E19207" s="1" t="s">
        <v>23232</v>
      </c>
      <c r="F19207" s="1" t="s">
        <v>57708</v>
      </c>
      <c r="G19207" s="1" t="s">
        <v>69014</v>
      </c>
      <c r="H19207" s="1" t="s">
        <v>69015</v>
      </c>
      <c r="I19207" s="1" t="s">
        <v>53800</v>
      </c>
      <c r="J19207" s="1" t="s">
        <v>69091</v>
      </c>
    </row>
    <row r="19208" spans="1:10" x14ac:dyDescent="0.35">
      <c r="A19208" s="1" t="s">
        <v>69092</v>
      </c>
      <c r="B19208" s="1" t="s">
        <v>53796</v>
      </c>
      <c r="C19208" s="1" t="s">
        <v>8</v>
      </c>
      <c r="D19208" s="1" t="s">
        <v>69093</v>
      </c>
      <c r="E19208" s="1" t="s">
        <v>56784</v>
      </c>
      <c r="F19208" s="1" t="s">
        <v>69094</v>
      </c>
      <c r="G19208" s="1" t="s">
        <v>69095</v>
      </c>
      <c r="H19208" s="1" t="s">
        <v>69096</v>
      </c>
      <c r="I19208" s="1" t="s">
        <v>53800</v>
      </c>
      <c r="J19208" s="1" t="s">
        <v>13</v>
      </c>
    </row>
    <row r="19209" spans="1:10" x14ac:dyDescent="0.35">
      <c r="A19209" s="1" t="s">
        <v>69092</v>
      </c>
      <c r="B19209" s="1" t="s">
        <v>53796</v>
      </c>
      <c r="C19209" s="1" t="s">
        <v>15</v>
      </c>
      <c r="D19209" s="1" t="s">
        <v>69097</v>
      </c>
      <c r="E19209" s="1" t="s">
        <v>12762</v>
      </c>
      <c r="F19209" s="1" t="s">
        <v>69098</v>
      </c>
      <c r="G19209" s="1" t="s">
        <v>69095</v>
      </c>
      <c r="H19209" s="1" t="s">
        <v>69096</v>
      </c>
      <c r="I19209" s="1" t="s">
        <v>53800</v>
      </c>
      <c r="J19209" s="1" t="s">
        <v>69099</v>
      </c>
    </row>
    <row r="19210" spans="1:10" x14ac:dyDescent="0.35">
      <c r="A19210" s="1" t="s">
        <v>69092</v>
      </c>
      <c r="B19210" s="1" t="s">
        <v>53796</v>
      </c>
      <c r="C19210" s="1" t="s">
        <v>20</v>
      </c>
      <c r="D19210" s="1" t="s">
        <v>69100</v>
      </c>
      <c r="E19210" s="1" t="s">
        <v>23232</v>
      </c>
      <c r="F19210" s="1" t="s">
        <v>69101</v>
      </c>
      <c r="G19210" s="1" t="s">
        <v>69095</v>
      </c>
      <c r="H19210" s="1" t="s">
        <v>69096</v>
      </c>
      <c r="I19210" s="1" t="s">
        <v>53800</v>
      </c>
      <c r="J19210" s="1" t="s">
        <v>69102</v>
      </c>
    </row>
    <row r="19211" spans="1:10" x14ac:dyDescent="0.35">
      <c r="A19211" s="1" t="s">
        <v>69092</v>
      </c>
      <c r="B19211" s="1" t="s">
        <v>53796</v>
      </c>
      <c r="C19211" s="1" t="s">
        <v>25</v>
      </c>
      <c r="D19211" s="1" t="s">
        <v>69103</v>
      </c>
      <c r="E19211" s="1" t="s">
        <v>24373</v>
      </c>
      <c r="F19211" s="1" t="s">
        <v>21260</v>
      </c>
      <c r="G19211" s="1" t="s">
        <v>69095</v>
      </c>
      <c r="H19211" s="1" t="s">
        <v>69096</v>
      </c>
      <c r="I19211" s="1" t="s">
        <v>53800</v>
      </c>
      <c r="J19211" s="1" t="s">
        <v>69104</v>
      </c>
    </row>
    <row r="19212" spans="1:10" x14ac:dyDescent="0.35">
      <c r="A19212" s="1" t="s">
        <v>69092</v>
      </c>
      <c r="B19212" s="1" t="s">
        <v>53796</v>
      </c>
      <c r="C19212" s="1" t="s">
        <v>30</v>
      </c>
      <c r="D19212" s="1" t="s">
        <v>26473</v>
      </c>
      <c r="E19212" s="1" t="s">
        <v>54478</v>
      </c>
      <c r="F19212" s="1" t="s">
        <v>69105</v>
      </c>
      <c r="G19212" s="1" t="s">
        <v>69095</v>
      </c>
      <c r="H19212" s="1" t="s">
        <v>69096</v>
      </c>
      <c r="I19212" s="1" t="s">
        <v>53800</v>
      </c>
      <c r="J19212" s="1" t="s">
        <v>69106</v>
      </c>
    </row>
    <row r="19213" spans="1:10" x14ac:dyDescent="0.35">
      <c r="A19213" s="1" t="s">
        <v>69092</v>
      </c>
      <c r="B19213" s="1" t="s">
        <v>53796</v>
      </c>
      <c r="C19213" s="1" t="s">
        <v>35</v>
      </c>
      <c r="D19213" s="1" t="s">
        <v>69107</v>
      </c>
      <c r="E19213" s="1" t="s">
        <v>15217</v>
      </c>
      <c r="F19213" s="1" t="s">
        <v>63045</v>
      </c>
      <c r="G19213" s="1" t="s">
        <v>69095</v>
      </c>
      <c r="H19213" s="1" t="s">
        <v>69096</v>
      </c>
      <c r="I19213" s="1" t="s">
        <v>53800</v>
      </c>
      <c r="J19213" s="1" t="s">
        <v>69108</v>
      </c>
    </row>
    <row r="19214" spans="1:10" x14ac:dyDescent="0.35">
      <c r="A19214" s="1" t="s">
        <v>69092</v>
      </c>
      <c r="B19214" s="1" t="s">
        <v>53796</v>
      </c>
      <c r="C19214" s="1" t="s">
        <v>40</v>
      </c>
      <c r="D19214" s="1" t="s">
        <v>69109</v>
      </c>
      <c r="E19214" s="1" t="s">
        <v>69110</v>
      </c>
      <c r="F19214" s="1" t="s">
        <v>68569</v>
      </c>
      <c r="G19214" s="1" t="s">
        <v>69095</v>
      </c>
      <c r="H19214" s="1" t="s">
        <v>69096</v>
      </c>
      <c r="I19214" s="1" t="s">
        <v>53800</v>
      </c>
      <c r="J19214" s="1" t="s">
        <v>69111</v>
      </c>
    </row>
    <row r="19215" spans="1:10" x14ac:dyDescent="0.35">
      <c r="A19215" s="1" t="s">
        <v>69092</v>
      </c>
      <c r="B19215" s="1" t="s">
        <v>53796</v>
      </c>
      <c r="C19215" s="1" t="s">
        <v>45</v>
      </c>
      <c r="D19215" s="1" t="s">
        <v>69112</v>
      </c>
      <c r="E19215" s="1" t="s">
        <v>21970</v>
      </c>
      <c r="F19215" s="1" t="s">
        <v>69113</v>
      </c>
      <c r="G19215" s="1" t="s">
        <v>69095</v>
      </c>
      <c r="H19215" s="1" t="s">
        <v>69096</v>
      </c>
      <c r="I19215" s="1" t="s">
        <v>53800</v>
      </c>
      <c r="J19215" s="1" t="s">
        <v>69114</v>
      </c>
    </row>
    <row r="19216" spans="1:10" x14ac:dyDescent="0.35">
      <c r="A19216" s="1" t="s">
        <v>69092</v>
      </c>
      <c r="B19216" s="1" t="s">
        <v>53796</v>
      </c>
      <c r="C19216" s="1" t="s">
        <v>50</v>
      </c>
      <c r="D19216" s="1" t="s">
        <v>64780</v>
      </c>
      <c r="E19216" s="1" t="s">
        <v>15228</v>
      </c>
      <c r="F19216" s="1" t="s">
        <v>69115</v>
      </c>
      <c r="G19216" s="1" t="s">
        <v>69095</v>
      </c>
      <c r="H19216" s="1" t="s">
        <v>69096</v>
      </c>
      <c r="I19216" s="1" t="s">
        <v>53800</v>
      </c>
      <c r="J19216" s="1" t="s">
        <v>69116</v>
      </c>
    </row>
    <row r="19217" spans="1:10" x14ac:dyDescent="0.35">
      <c r="A19217" s="1" t="s">
        <v>69092</v>
      </c>
      <c r="B19217" s="1" t="s">
        <v>53796</v>
      </c>
      <c r="C19217" s="1" t="s">
        <v>55</v>
      </c>
      <c r="D19217" s="1" t="s">
        <v>69117</v>
      </c>
      <c r="E19217" s="1" t="s">
        <v>56686</v>
      </c>
      <c r="F19217" s="1" t="s">
        <v>69118</v>
      </c>
      <c r="G19217" s="1" t="s">
        <v>69095</v>
      </c>
      <c r="H19217" s="1" t="s">
        <v>69096</v>
      </c>
      <c r="I19217" s="1" t="s">
        <v>53800</v>
      </c>
      <c r="J19217" s="1" t="s">
        <v>69119</v>
      </c>
    </row>
    <row r="19218" spans="1:10" x14ac:dyDescent="0.35">
      <c r="A19218" s="1" t="s">
        <v>69092</v>
      </c>
      <c r="B19218" s="1" t="s">
        <v>53796</v>
      </c>
      <c r="C19218" s="1" t="s">
        <v>60</v>
      </c>
      <c r="D19218" s="1" t="s">
        <v>69120</v>
      </c>
      <c r="E19218" s="1" t="s">
        <v>21860</v>
      </c>
      <c r="F19218" s="1" t="s">
        <v>69121</v>
      </c>
      <c r="G19218" s="1" t="s">
        <v>69095</v>
      </c>
      <c r="H19218" s="1" t="s">
        <v>69096</v>
      </c>
      <c r="I19218" s="1" t="s">
        <v>53800</v>
      </c>
      <c r="J19218" s="1" t="s">
        <v>69122</v>
      </c>
    </row>
    <row r="19219" spans="1:10" x14ac:dyDescent="0.35">
      <c r="A19219" s="1" t="s">
        <v>69092</v>
      </c>
      <c r="B19219" s="1" t="s">
        <v>53796</v>
      </c>
      <c r="C19219" s="1" t="s">
        <v>65</v>
      </c>
      <c r="D19219" s="1" t="s">
        <v>69123</v>
      </c>
      <c r="E19219" s="1" t="s">
        <v>69124</v>
      </c>
      <c r="F19219" s="1" t="s">
        <v>69125</v>
      </c>
      <c r="G19219" s="1" t="s">
        <v>69095</v>
      </c>
      <c r="H19219" s="1" t="s">
        <v>69096</v>
      </c>
      <c r="I19219" s="1" t="s">
        <v>53800</v>
      </c>
      <c r="J19219" s="1" t="s">
        <v>69126</v>
      </c>
    </row>
    <row r="19220" spans="1:10" x14ac:dyDescent="0.35">
      <c r="A19220" s="1" t="s">
        <v>69092</v>
      </c>
      <c r="B19220" s="1" t="s">
        <v>53796</v>
      </c>
      <c r="C19220" s="1" t="s">
        <v>70</v>
      </c>
      <c r="D19220" s="1" t="s">
        <v>69127</v>
      </c>
      <c r="E19220" s="1" t="s">
        <v>53936</v>
      </c>
      <c r="F19220" s="1" t="s">
        <v>69128</v>
      </c>
      <c r="G19220" s="1" t="s">
        <v>69095</v>
      </c>
      <c r="H19220" s="1" t="s">
        <v>69096</v>
      </c>
      <c r="I19220" s="1" t="s">
        <v>53800</v>
      </c>
      <c r="J19220" s="1" t="s">
        <v>69129</v>
      </c>
    </row>
    <row r="19221" spans="1:10" x14ac:dyDescent="0.35">
      <c r="A19221" s="1" t="s">
        <v>69092</v>
      </c>
      <c r="B19221" s="1" t="s">
        <v>53796</v>
      </c>
      <c r="C19221" s="1" t="s">
        <v>75</v>
      </c>
      <c r="D19221" s="1" t="s">
        <v>66783</v>
      </c>
      <c r="E19221" s="1" t="s">
        <v>54478</v>
      </c>
      <c r="F19221" s="1" t="s">
        <v>69130</v>
      </c>
      <c r="G19221" s="1" t="s">
        <v>69095</v>
      </c>
      <c r="H19221" s="1" t="s">
        <v>69096</v>
      </c>
      <c r="I19221" s="1" t="s">
        <v>53800</v>
      </c>
      <c r="J19221" s="1" t="s">
        <v>69131</v>
      </c>
    </row>
    <row r="19222" spans="1:10" x14ac:dyDescent="0.35">
      <c r="A19222" s="1" t="s">
        <v>69092</v>
      </c>
      <c r="B19222" s="1" t="s">
        <v>53796</v>
      </c>
      <c r="C19222" s="1" t="s">
        <v>80</v>
      </c>
      <c r="D19222" s="1" t="s">
        <v>69132</v>
      </c>
      <c r="E19222" s="1" t="s">
        <v>21853</v>
      </c>
      <c r="F19222" s="1" t="s">
        <v>31412</v>
      </c>
      <c r="G19222" s="1" t="s">
        <v>69095</v>
      </c>
      <c r="H19222" s="1" t="s">
        <v>69096</v>
      </c>
      <c r="I19222" s="1" t="s">
        <v>53800</v>
      </c>
      <c r="J19222" s="1" t="s">
        <v>69133</v>
      </c>
    </row>
    <row r="19223" spans="1:10" x14ac:dyDescent="0.35">
      <c r="A19223" s="1" t="s">
        <v>69092</v>
      </c>
      <c r="B19223" s="1" t="s">
        <v>53796</v>
      </c>
      <c r="C19223" s="1" t="s">
        <v>85</v>
      </c>
      <c r="D19223" s="1" t="s">
        <v>69134</v>
      </c>
      <c r="E19223" s="1" t="s">
        <v>23480</v>
      </c>
      <c r="F19223" s="1" t="s">
        <v>69135</v>
      </c>
      <c r="G19223" s="1" t="s">
        <v>69095</v>
      </c>
      <c r="H19223" s="1" t="s">
        <v>69096</v>
      </c>
      <c r="I19223" s="1" t="s">
        <v>53800</v>
      </c>
      <c r="J19223" s="1" t="s">
        <v>69136</v>
      </c>
    </row>
    <row r="19224" spans="1:10" x14ac:dyDescent="0.35">
      <c r="A19224" s="1" t="s">
        <v>69092</v>
      </c>
      <c r="B19224" s="1" t="s">
        <v>53796</v>
      </c>
      <c r="C19224" s="1" t="s">
        <v>90</v>
      </c>
      <c r="D19224" s="1" t="s">
        <v>69137</v>
      </c>
      <c r="E19224" s="1" t="s">
        <v>15837</v>
      </c>
      <c r="F19224" s="1" t="s">
        <v>69138</v>
      </c>
      <c r="G19224" s="1" t="s">
        <v>69095</v>
      </c>
      <c r="H19224" s="1" t="s">
        <v>69096</v>
      </c>
      <c r="I19224" s="1" t="s">
        <v>53800</v>
      </c>
      <c r="J19224" s="1" t="s">
        <v>69139</v>
      </c>
    </row>
    <row r="19225" spans="1:10" x14ac:dyDescent="0.35">
      <c r="A19225" s="1" t="s">
        <v>69092</v>
      </c>
      <c r="B19225" s="1" t="s">
        <v>53796</v>
      </c>
      <c r="C19225" s="1" t="s">
        <v>95</v>
      </c>
      <c r="D19225" s="1" t="s">
        <v>69140</v>
      </c>
      <c r="E19225" s="1" t="s">
        <v>54168</v>
      </c>
      <c r="F19225" s="1" t="s">
        <v>69141</v>
      </c>
      <c r="G19225" s="1" t="s">
        <v>69095</v>
      </c>
      <c r="H19225" s="1" t="s">
        <v>69096</v>
      </c>
      <c r="I19225" s="1" t="s">
        <v>53800</v>
      </c>
      <c r="J19225" s="1" t="s">
        <v>69142</v>
      </c>
    </row>
    <row r="19226" spans="1:10" x14ac:dyDescent="0.35">
      <c r="A19226" s="1" t="s">
        <v>69092</v>
      </c>
      <c r="B19226" s="1" t="s">
        <v>53796</v>
      </c>
      <c r="C19226" s="1" t="s">
        <v>100</v>
      </c>
      <c r="D19226" s="1" t="s">
        <v>69143</v>
      </c>
      <c r="E19226" s="1" t="s">
        <v>56448</v>
      </c>
      <c r="F19226" s="1" t="s">
        <v>58805</v>
      </c>
      <c r="G19226" s="1" t="s">
        <v>69095</v>
      </c>
      <c r="H19226" s="1" t="s">
        <v>69096</v>
      </c>
      <c r="I19226" s="1" t="s">
        <v>53800</v>
      </c>
      <c r="J19226" s="1" t="s">
        <v>69144</v>
      </c>
    </row>
    <row r="19227" spans="1:10" x14ac:dyDescent="0.35">
      <c r="A19227" s="1" t="s">
        <v>69092</v>
      </c>
      <c r="B19227" s="1" t="s">
        <v>53796</v>
      </c>
      <c r="C19227" s="1" t="s">
        <v>105</v>
      </c>
      <c r="D19227" s="1" t="s">
        <v>69145</v>
      </c>
      <c r="E19227" s="1" t="s">
        <v>15853</v>
      </c>
      <c r="F19227" s="1" t="s">
        <v>63117</v>
      </c>
      <c r="G19227" s="1" t="s">
        <v>69095</v>
      </c>
      <c r="H19227" s="1" t="s">
        <v>69096</v>
      </c>
      <c r="I19227" s="1" t="s">
        <v>53800</v>
      </c>
      <c r="J19227" s="1" t="s">
        <v>69146</v>
      </c>
    </row>
    <row r="19228" spans="1:10" x14ac:dyDescent="0.35">
      <c r="A19228" s="1" t="s">
        <v>69092</v>
      </c>
      <c r="B19228" s="1" t="s">
        <v>53796</v>
      </c>
      <c r="C19228" s="1" t="s">
        <v>110</v>
      </c>
      <c r="D19228" s="1" t="s">
        <v>69147</v>
      </c>
      <c r="E19228" s="1" t="s">
        <v>59517</v>
      </c>
      <c r="F19228" s="1" t="s">
        <v>69148</v>
      </c>
      <c r="G19228" s="1" t="s">
        <v>69095</v>
      </c>
      <c r="H19228" s="1" t="s">
        <v>69096</v>
      </c>
      <c r="I19228" s="1" t="s">
        <v>53800</v>
      </c>
      <c r="J19228" s="1" t="s">
        <v>69149</v>
      </c>
    </row>
    <row r="19229" spans="1:10" x14ac:dyDescent="0.35">
      <c r="A19229" s="1" t="s">
        <v>69092</v>
      </c>
      <c r="B19229" s="1" t="s">
        <v>53796</v>
      </c>
      <c r="C19229" s="1" t="s">
        <v>115</v>
      </c>
      <c r="D19229" s="1" t="s">
        <v>69150</v>
      </c>
      <c r="E19229" s="1" t="s">
        <v>31445</v>
      </c>
      <c r="F19229" s="1" t="s">
        <v>69151</v>
      </c>
      <c r="G19229" s="1" t="s">
        <v>69095</v>
      </c>
      <c r="H19229" s="1" t="s">
        <v>69096</v>
      </c>
      <c r="I19229" s="1" t="s">
        <v>53800</v>
      </c>
      <c r="J19229" s="1" t="s">
        <v>69152</v>
      </c>
    </row>
    <row r="19230" spans="1:10" x14ac:dyDescent="0.35">
      <c r="A19230" s="1" t="s">
        <v>69092</v>
      </c>
      <c r="B19230" s="1" t="s">
        <v>53796</v>
      </c>
      <c r="C19230" s="1" t="s">
        <v>120</v>
      </c>
      <c r="D19230" s="1" t="s">
        <v>69153</v>
      </c>
      <c r="E19230" s="1" t="s">
        <v>12757</v>
      </c>
      <c r="F19230" s="1" t="s">
        <v>69154</v>
      </c>
      <c r="G19230" s="1" t="s">
        <v>69095</v>
      </c>
      <c r="H19230" s="1" t="s">
        <v>69096</v>
      </c>
      <c r="I19230" s="1" t="s">
        <v>53800</v>
      </c>
      <c r="J19230" s="1" t="s">
        <v>69155</v>
      </c>
    </row>
    <row r="19231" spans="1:10" x14ac:dyDescent="0.35">
      <c r="A19231" s="1" t="s">
        <v>69092</v>
      </c>
      <c r="B19231" s="1" t="s">
        <v>53796</v>
      </c>
      <c r="C19231" s="1" t="s">
        <v>125</v>
      </c>
      <c r="D19231" s="1" t="s">
        <v>69156</v>
      </c>
      <c r="E19231" s="1" t="s">
        <v>55325</v>
      </c>
      <c r="F19231" s="1" t="s">
        <v>69157</v>
      </c>
      <c r="G19231" s="1" t="s">
        <v>69095</v>
      </c>
      <c r="H19231" s="1" t="s">
        <v>69096</v>
      </c>
      <c r="I19231" s="1" t="s">
        <v>53800</v>
      </c>
      <c r="J19231" s="1" t="s">
        <v>69158</v>
      </c>
    </row>
    <row r="19232" spans="1:10" x14ac:dyDescent="0.35">
      <c r="A19232" s="1" t="s">
        <v>69092</v>
      </c>
      <c r="B19232" s="1" t="s">
        <v>53796</v>
      </c>
      <c r="C19232" s="1" t="s">
        <v>130</v>
      </c>
      <c r="D19232" s="1" t="s">
        <v>69159</v>
      </c>
      <c r="E19232" s="1" t="s">
        <v>15628</v>
      </c>
      <c r="F19232" s="1" t="s">
        <v>69160</v>
      </c>
      <c r="G19232" s="1" t="s">
        <v>69095</v>
      </c>
      <c r="H19232" s="1" t="s">
        <v>69096</v>
      </c>
      <c r="I19232" s="1" t="s">
        <v>53800</v>
      </c>
      <c r="J19232" s="1" t="s">
        <v>69161</v>
      </c>
    </row>
    <row r="19233" spans="1:10" x14ac:dyDescent="0.35">
      <c r="A19233" s="1" t="s">
        <v>69092</v>
      </c>
      <c r="B19233" s="1" t="s">
        <v>53796</v>
      </c>
      <c r="C19233" s="1" t="s">
        <v>135</v>
      </c>
      <c r="D19233" s="1" t="s">
        <v>69162</v>
      </c>
      <c r="E19233" s="1" t="s">
        <v>24258</v>
      </c>
      <c r="F19233" s="1" t="s">
        <v>55460</v>
      </c>
      <c r="G19233" s="1" t="s">
        <v>69095</v>
      </c>
      <c r="H19233" s="1" t="s">
        <v>69096</v>
      </c>
      <c r="I19233" s="1" t="s">
        <v>53800</v>
      </c>
      <c r="J19233" s="1" t="s">
        <v>69163</v>
      </c>
    </row>
    <row r="19234" spans="1:10" x14ac:dyDescent="0.35">
      <c r="A19234" s="1" t="s">
        <v>69092</v>
      </c>
      <c r="B19234" s="1" t="s">
        <v>53796</v>
      </c>
      <c r="C19234" s="1" t="s">
        <v>140</v>
      </c>
      <c r="D19234" s="1" t="s">
        <v>69164</v>
      </c>
      <c r="E19234" s="1" t="s">
        <v>23521</v>
      </c>
      <c r="F19234" s="1" t="s">
        <v>69165</v>
      </c>
      <c r="G19234" s="1" t="s">
        <v>69095</v>
      </c>
      <c r="H19234" s="1" t="s">
        <v>69096</v>
      </c>
      <c r="I19234" s="1" t="s">
        <v>53800</v>
      </c>
      <c r="J19234" s="1" t="s">
        <v>69166</v>
      </c>
    </row>
    <row r="19235" spans="1:10" x14ac:dyDescent="0.35">
      <c r="A19235" s="1" t="s">
        <v>69092</v>
      </c>
      <c r="B19235" s="1" t="s">
        <v>53796</v>
      </c>
      <c r="C19235" s="1" t="s">
        <v>145</v>
      </c>
      <c r="D19235" s="1" t="s">
        <v>69167</v>
      </c>
      <c r="E19235" s="1" t="s">
        <v>16132</v>
      </c>
      <c r="F19235" s="1" t="s">
        <v>69168</v>
      </c>
      <c r="G19235" s="1" t="s">
        <v>69095</v>
      </c>
      <c r="H19235" s="1" t="s">
        <v>69096</v>
      </c>
      <c r="I19235" s="1" t="s">
        <v>53800</v>
      </c>
      <c r="J19235" s="1" t="s">
        <v>69169</v>
      </c>
    </row>
    <row r="19236" spans="1:10" x14ac:dyDescent="0.35">
      <c r="A19236" s="1" t="s">
        <v>69092</v>
      </c>
      <c r="B19236" s="1" t="s">
        <v>53796</v>
      </c>
      <c r="C19236" s="1" t="s">
        <v>150</v>
      </c>
      <c r="D19236" s="1" t="s">
        <v>2810</v>
      </c>
      <c r="E19236" s="1" t="s">
        <v>16138</v>
      </c>
      <c r="F19236" s="1" t="s">
        <v>69170</v>
      </c>
      <c r="G19236" s="1" t="s">
        <v>69095</v>
      </c>
      <c r="H19236" s="1" t="s">
        <v>69096</v>
      </c>
      <c r="I19236" s="1" t="s">
        <v>53800</v>
      </c>
      <c r="J19236" s="1" t="s">
        <v>69171</v>
      </c>
    </row>
    <row r="19237" spans="1:10" x14ac:dyDescent="0.35">
      <c r="A19237" s="1" t="s">
        <v>69092</v>
      </c>
      <c r="B19237" s="1" t="s">
        <v>53796</v>
      </c>
      <c r="C19237" s="1" t="s">
        <v>155</v>
      </c>
      <c r="D19237" s="1" t="s">
        <v>69172</v>
      </c>
      <c r="E19237" s="1" t="s">
        <v>23240</v>
      </c>
      <c r="F19237" s="1" t="s">
        <v>69173</v>
      </c>
      <c r="G19237" s="1" t="s">
        <v>69095</v>
      </c>
      <c r="H19237" s="1" t="s">
        <v>69096</v>
      </c>
      <c r="I19237" s="1" t="s">
        <v>53800</v>
      </c>
      <c r="J19237" s="1" t="s">
        <v>69174</v>
      </c>
    </row>
    <row r="19238" spans="1:10" x14ac:dyDescent="0.35">
      <c r="A19238" s="1" t="s">
        <v>69092</v>
      </c>
      <c r="B19238" s="1" t="s">
        <v>53796</v>
      </c>
      <c r="C19238" s="1" t="s">
        <v>160</v>
      </c>
      <c r="D19238" s="1" t="s">
        <v>69175</v>
      </c>
      <c r="E19238" s="1" t="s">
        <v>59636</v>
      </c>
      <c r="F19238" s="1" t="s">
        <v>69176</v>
      </c>
      <c r="G19238" s="1" t="s">
        <v>69095</v>
      </c>
      <c r="H19238" s="1" t="s">
        <v>69096</v>
      </c>
      <c r="I19238" s="1" t="s">
        <v>53800</v>
      </c>
      <c r="J19238" s="1" t="s">
        <v>69177</v>
      </c>
    </row>
    <row r="19239" spans="1:10" x14ac:dyDescent="0.35">
      <c r="A19239" s="1" t="s">
        <v>69092</v>
      </c>
      <c r="B19239" s="1" t="s">
        <v>53796</v>
      </c>
      <c r="C19239" s="1" t="s">
        <v>165</v>
      </c>
      <c r="D19239" s="1" t="s">
        <v>41512</v>
      </c>
      <c r="E19239" s="1" t="s">
        <v>32584</v>
      </c>
      <c r="F19239" s="1" t="s">
        <v>65386</v>
      </c>
      <c r="G19239" s="1" t="s">
        <v>69095</v>
      </c>
      <c r="H19239" s="1" t="s">
        <v>69096</v>
      </c>
      <c r="I19239" s="1" t="s">
        <v>53800</v>
      </c>
      <c r="J19239" s="1" t="s">
        <v>69178</v>
      </c>
    </row>
    <row r="19240" spans="1:10" x14ac:dyDescent="0.35">
      <c r="A19240" s="1" t="s">
        <v>69092</v>
      </c>
      <c r="B19240" s="1" t="s">
        <v>53796</v>
      </c>
      <c r="C19240" s="1" t="s">
        <v>170</v>
      </c>
      <c r="D19240" s="1" t="s">
        <v>69179</v>
      </c>
      <c r="E19240" s="1" t="s">
        <v>58043</v>
      </c>
      <c r="F19240" s="1" t="s">
        <v>69180</v>
      </c>
      <c r="G19240" s="1" t="s">
        <v>69095</v>
      </c>
      <c r="H19240" s="1" t="s">
        <v>69096</v>
      </c>
      <c r="I19240" s="1" t="s">
        <v>53800</v>
      </c>
      <c r="J19240" s="1" t="s">
        <v>69181</v>
      </c>
    </row>
    <row r="19241" spans="1:10" x14ac:dyDescent="0.35">
      <c r="A19241" s="1" t="s">
        <v>69182</v>
      </c>
      <c r="B19241" s="1" t="s">
        <v>53796</v>
      </c>
      <c r="C19241" s="1" t="s">
        <v>8</v>
      </c>
      <c r="D19241" s="1" t="s">
        <v>69183</v>
      </c>
      <c r="E19241" s="1" t="s">
        <v>32384</v>
      </c>
      <c r="F19241" s="1" t="s">
        <v>69184</v>
      </c>
      <c r="G19241" s="1" t="s">
        <v>69185</v>
      </c>
      <c r="H19241" s="1" t="s">
        <v>69186</v>
      </c>
      <c r="I19241" s="1" t="s">
        <v>53800</v>
      </c>
      <c r="J19241" s="1" t="s">
        <v>13</v>
      </c>
    </row>
    <row r="19242" spans="1:10" x14ac:dyDescent="0.35">
      <c r="A19242" s="1" t="s">
        <v>69182</v>
      </c>
      <c r="B19242" s="1" t="s">
        <v>53796</v>
      </c>
      <c r="C19242" s="1" t="s">
        <v>15</v>
      </c>
      <c r="D19242" s="1" t="s">
        <v>69187</v>
      </c>
      <c r="E19242" s="1" t="s">
        <v>16129</v>
      </c>
      <c r="F19242" s="1" t="s">
        <v>69188</v>
      </c>
      <c r="G19242" s="1" t="s">
        <v>69185</v>
      </c>
      <c r="H19242" s="1" t="s">
        <v>69186</v>
      </c>
      <c r="I19242" s="1" t="s">
        <v>53800</v>
      </c>
      <c r="J19242" s="1" t="s">
        <v>69189</v>
      </c>
    </row>
    <row r="19243" spans="1:10" x14ac:dyDescent="0.35">
      <c r="A19243" s="1" t="s">
        <v>69182</v>
      </c>
      <c r="B19243" s="1" t="s">
        <v>53796</v>
      </c>
      <c r="C19243" s="1" t="s">
        <v>20</v>
      </c>
      <c r="D19243" s="1" t="s">
        <v>69190</v>
      </c>
      <c r="E19243" s="1" t="s">
        <v>54659</v>
      </c>
      <c r="F19243" s="1" t="s">
        <v>69191</v>
      </c>
      <c r="G19243" s="1" t="s">
        <v>69185</v>
      </c>
      <c r="H19243" s="1" t="s">
        <v>69186</v>
      </c>
      <c r="I19243" s="1" t="s">
        <v>53800</v>
      </c>
      <c r="J19243" s="1" t="s">
        <v>69192</v>
      </c>
    </row>
    <row r="19244" spans="1:10" x14ac:dyDescent="0.35">
      <c r="A19244" s="1" t="s">
        <v>69182</v>
      </c>
      <c r="B19244" s="1" t="s">
        <v>53796</v>
      </c>
      <c r="C19244" s="1" t="s">
        <v>25</v>
      </c>
      <c r="D19244" s="1" t="s">
        <v>69193</v>
      </c>
      <c r="E19244" s="1" t="s">
        <v>56246</v>
      </c>
      <c r="F19244" s="1" t="s">
        <v>32928</v>
      </c>
      <c r="G19244" s="1" t="s">
        <v>69185</v>
      </c>
      <c r="H19244" s="1" t="s">
        <v>69186</v>
      </c>
      <c r="I19244" s="1" t="s">
        <v>53800</v>
      </c>
      <c r="J19244" s="1" t="s">
        <v>69194</v>
      </c>
    </row>
    <row r="19245" spans="1:10" x14ac:dyDescent="0.35">
      <c r="A19245" s="1" t="s">
        <v>69182</v>
      </c>
      <c r="B19245" s="1" t="s">
        <v>53796</v>
      </c>
      <c r="C19245" s="1" t="s">
        <v>30</v>
      </c>
      <c r="D19245" s="1" t="s">
        <v>43480</v>
      </c>
      <c r="E19245" s="1" t="s">
        <v>21985</v>
      </c>
      <c r="F19245" s="1" t="s">
        <v>69195</v>
      </c>
      <c r="G19245" s="1" t="s">
        <v>69185</v>
      </c>
      <c r="H19245" s="1" t="s">
        <v>69186</v>
      </c>
      <c r="I19245" s="1" t="s">
        <v>53800</v>
      </c>
      <c r="J19245" s="1" t="s">
        <v>69196</v>
      </c>
    </row>
    <row r="19246" spans="1:10" x14ac:dyDescent="0.35">
      <c r="A19246" s="1" t="s">
        <v>69182</v>
      </c>
      <c r="B19246" s="1" t="s">
        <v>53796</v>
      </c>
      <c r="C19246" s="1" t="s">
        <v>35</v>
      </c>
      <c r="D19246" s="1" t="s">
        <v>5262</v>
      </c>
      <c r="E19246" s="1" t="s">
        <v>21925</v>
      </c>
      <c r="F19246" s="1" t="s">
        <v>22336</v>
      </c>
      <c r="G19246" s="1" t="s">
        <v>69185</v>
      </c>
      <c r="H19246" s="1" t="s">
        <v>69186</v>
      </c>
      <c r="I19246" s="1" t="s">
        <v>53800</v>
      </c>
      <c r="J19246" s="1" t="s">
        <v>69197</v>
      </c>
    </row>
    <row r="19247" spans="1:10" x14ac:dyDescent="0.35">
      <c r="A19247" s="1" t="s">
        <v>69182</v>
      </c>
      <c r="B19247" s="1" t="s">
        <v>53796</v>
      </c>
      <c r="C19247" s="1" t="s">
        <v>40</v>
      </c>
      <c r="D19247" s="1" t="s">
        <v>68592</v>
      </c>
      <c r="E19247" s="1" t="s">
        <v>40655</v>
      </c>
      <c r="F19247" s="1" t="s">
        <v>69198</v>
      </c>
      <c r="G19247" s="1" t="s">
        <v>69185</v>
      </c>
      <c r="H19247" s="1" t="s">
        <v>69186</v>
      </c>
      <c r="I19247" s="1" t="s">
        <v>53800</v>
      </c>
      <c r="J19247" s="1" t="s">
        <v>69199</v>
      </c>
    </row>
    <row r="19248" spans="1:10" x14ac:dyDescent="0.35">
      <c r="A19248" s="1" t="s">
        <v>69182</v>
      </c>
      <c r="B19248" s="1" t="s">
        <v>53796</v>
      </c>
      <c r="C19248" s="1" t="s">
        <v>45</v>
      </c>
      <c r="D19248" s="1" t="s">
        <v>63339</v>
      </c>
      <c r="E19248" s="1" t="s">
        <v>57982</v>
      </c>
      <c r="F19248" s="1" t="s">
        <v>69200</v>
      </c>
      <c r="G19248" s="1" t="s">
        <v>69185</v>
      </c>
      <c r="H19248" s="1" t="s">
        <v>69186</v>
      </c>
      <c r="I19248" s="1" t="s">
        <v>53800</v>
      </c>
      <c r="J19248" s="1" t="s">
        <v>69201</v>
      </c>
    </row>
    <row r="19249" spans="1:10" x14ac:dyDescent="0.35">
      <c r="A19249" s="1" t="s">
        <v>69182</v>
      </c>
      <c r="B19249" s="1" t="s">
        <v>53796</v>
      </c>
      <c r="C19249" s="1" t="s">
        <v>50</v>
      </c>
      <c r="D19249" s="1" t="s">
        <v>69202</v>
      </c>
      <c r="E19249" s="1" t="s">
        <v>55999</v>
      </c>
      <c r="F19249" s="1" t="s">
        <v>69203</v>
      </c>
      <c r="G19249" s="1" t="s">
        <v>69185</v>
      </c>
      <c r="H19249" s="1" t="s">
        <v>69186</v>
      </c>
      <c r="I19249" s="1" t="s">
        <v>53800</v>
      </c>
      <c r="J19249" s="1" t="s">
        <v>69204</v>
      </c>
    </row>
    <row r="19250" spans="1:10" x14ac:dyDescent="0.35">
      <c r="A19250" s="1" t="s">
        <v>69182</v>
      </c>
      <c r="B19250" s="1" t="s">
        <v>53796</v>
      </c>
      <c r="C19250" s="1" t="s">
        <v>55</v>
      </c>
      <c r="D19250" s="1" t="s">
        <v>24279</v>
      </c>
      <c r="E19250" s="1" t="s">
        <v>15267</v>
      </c>
      <c r="F19250" s="1" t="s">
        <v>69205</v>
      </c>
      <c r="G19250" s="1" t="s">
        <v>69185</v>
      </c>
      <c r="H19250" s="1" t="s">
        <v>69186</v>
      </c>
      <c r="I19250" s="1" t="s">
        <v>53800</v>
      </c>
      <c r="J19250" s="1" t="s">
        <v>69206</v>
      </c>
    </row>
    <row r="19251" spans="1:10" x14ac:dyDescent="0.35">
      <c r="A19251" s="1" t="s">
        <v>69182</v>
      </c>
      <c r="B19251" s="1" t="s">
        <v>53796</v>
      </c>
      <c r="C19251" s="1" t="s">
        <v>60</v>
      </c>
      <c r="D19251" s="1" t="s">
        <v>69207</v>
      </c>
      <c r="E19251" s="1" t="s">
        <v>15903</v>
      </c>
      <c r="F19251" s="1" t="s">
        <v>65551</v>
      </c>
      <c r="G19251" s="1" t="s">
        <v>69185</v>
      </c>
      <c r="H19251" s="1" t="s">
        <v>69186</v>
      </c>
      <c r="I19251" s="1" t="s">
        <v>53800</v>
      </c>
      <c r="J19251" s="1" t="s">
        <v>69208</v>
      </c>
    </row>
    <row r="19252" spans="1:10" x14ac:dyDescent="0.35">
      <c r="A19252" s="1" t="s">
        <v>69182</v>
      </c>
      <c r="B19252" s="1" t="s">
        <v>53796</v>
      </c>
      <c r="C19252" s="1" t="s">
        <v>65</v>
      </c>
      <c r="D19252" s="1" t="s">
        <v>69209</v>
      </c>
      <c r="E19252" s="1" t="s">
        <v>24246</v>
      </c>
      <c r="F19252" s="1" t="s">
        <v>60428</v>
      </c>
      <c r="G19252" s="1" t="s">
        <v>69185</v>
      </c>
      <c r="H19252" s="1" t="s">
        <v>69186</v>
      </c>
      <c r="I19252" s="1" t="s">
        <v>53800</v>
      </c>
      <c r="J19252" s="1" t="s">
        <v>69210</v>
      </c>
    </row>
    <row r="19253" spans="1:10" x14ac:dyDescent="0.35">
      <c r="A19253" s="1" t="s">
        <v>69182</v>
      </c>
      <c r="B19253" s="1" t="s">
        <v>53796</v>
      </c>
      <c r="C19253" s="1" t="s">
        <v>70</v>
      </c>
      <c r="D19253" s="1" t="s">
        <v>69211</v>
      </c>
      <c r="E19253" s="1" t="s">
        <v>62154</v>
      </c>
      <c r="F19253" s="1" t="s">
        <v>69212</v>
      </c>
      <c r="G19253" s="1" t="s">
        <v>69185</v>
      </c>
      <c r="H19253" s="1" t="s">
        <v>69186</v>
      </c>
      <c r="I19253" s="1" t="s">
        <v>53800</v>
      </c>
      <c r="J19253" s="1" t="s">
        <v>69213</v>
      </c>
    </row>
    <row r="19254" spans="1:10" x14ac:dyDescent="0.35">
      <c r="A19254" s="1" t="s">
        <v>69182</v>
      </c>
      <c r="B19254" s="1" t="s">
        <v>53796</v>
      </c>
      <c r="C19254" s="1" t="s">
        <v>75</v>
      </c>
      <c r="D19254" s="1" t="s">
        <v>69214</v>
      </c>
      <c r="E19254" s="1" t="s">
        <v>23248</v>
      </c>
      <c r="F19254" s="1" t="s">
        <v>69215</v>
      </c>
      <c r="G19254" s="1" t="s">
        <v>69185</v>
      </c>
      <c r="H19254" s="1" t="s">
        <v>69186</v>
      </c>
      <c r="I19254" s="1" t="s">
        <v>53800</v>
      </c>
      <c r="J19254" s="1" t="s">
        <v>69216</v>
      </c>
    </row>
    <row r="19255" spans="1:10" x14ac:dyDescent="0.35">
      <c r="A19255" s="1" t="s">
        <v>69182</v>
      </c>
      <c r="B19255" s="1" t="s">
        <v>53796</v>
      </c>
      <c r="C19255" s="1" t="s">
        <v>80</v>
      </c>
      <c r="D19255" s="1" t="s">
        <v>69217</v>
      </c>
      <c r="E19255" s="1" t="s">
        <v>54197</v>
      </c>
      <c r="F19255" s="1" t="s">
        <v>69218</v>
      </c>
      <c r="G19255" s="1" t="s">
        <v>69185</v>
      </c>
      <c r="H19255" s="1" t="s">
        <v>69186</v>
      </c>
      <c r="I19255" s="1" t="s">
        <v>53800</v>
      </c>
      <c r="J19255" s="1" t="s">
        <v>69219</v>
      </c>
    </row>
    <row r="19256" spans="1:10" x14ac:dyDescent="0.35">
      <c r="A19256" s="1" t="s">
        <v>69182</v>
      </c>
      <c r="B19256" s="1" t="s">
        <v>53796</v>
      </c>
      <c r="C19256" s="1" t="s">
        <v>85</v>
      </c>
      <c r="D19256" s="1" t="s">
        <v>69220</v>
      </c>
      <c r="E19256" s="1" t="s">
        <v>40741</v>
      </c>
      <c r="F19256" s="1" t="s">
        <v>69221</v>
      </c>
      <c r="G19256" s="1" t="s">
        <v>69185</v>
      </c>
      <c r="H19256" s="1" t="s">
        <v>69186</v>
      </c>
      <c r="I19256" s="1" t="s">
        <v>53800</v>
      </c>
      <c r="J19256" s="1" t="s">
        <v>69222</v>
      </c>
    </row>
    <row r="19257" spans="1:10" x14ac:dyDescent="0.35">
      <c r="A19257" s="1" t="s">
        <v>69182</v>
      </c>
      <c r="B19257" s="1" t="s">
        <v>53796</v>
      </c>
      <c r="C19257" s="1" t="s">
        <v>90</v>
      </c>
      <c r="D19257" s="1" t="s">
        <v>69223</v>
      </c>
      <c r="E19257" s="1" t="s">
        <v>59636</v>
      </c>
      <c r="F19257" s="1" t="s">
        <v>69224</v>
      </c>
      <c r="G19257" s="1" t="s">
        <v>69185</v>
      </c>
      <c r="H19257" s="1" t="s">
        <v>69186</v>
      </c>
      <c r="I19257" s="1" t="s">
        <v>53800</v>
      </c>
      <c r="J19257" s="1" t="s">
        <v>69225</v>
      </c>
    </row>
    <row r="19258" spans="1:10" x14ac:dyDescent="0.35">
      <c r="A19258" s="1" t="s">
        <v>69182</v>
      </c>
      <c r="B19258" s="1" t="s">
        <v>53796</v>
      </c>
      <c r="C19258" s="1" t="s">
        <v>95</v>
      </c>
      <c r="D19258" s="1" t="s">
        <v>60477</v>
      </c>
      <c r="E19258" s="1" t="s">
        <v>54178</v>
      </c>
      <c r="F19258" s="1" t="s">
        <v>69226</v>
      </c>
      <c r="G19258" s="1" t="s">
        <v>69185</v>
      </c>
      <c r="H19258" s="1" t="s">
        <v>69186</v>
      </c>
      <c r="I19258" s="1" t="s">
        <v>53800</v>
      </c>
      <c r="J19258" s="1" t="s">
        <v>69227</v>
      </c>
    </row>
    <row r="19259" spans="1:10" x14ac:dyDescent="0.35">
      <c r="A19259" s="1" t="s">
        <v>69182</v>
      </c>
      <c r="B19259" s="1" t="s">
        <v>53796</v>
      </c>
      <c r="C19259" s="1" t="s">
        <v>100</v>
      </c>
      <c r="D19259" s="1" t="s">
        <v>69228</v>
      </c>
      <c r="E19259" s="1" t="s">
        <v>69229</v>
      </c>
      <c r="F19259" s="1" t="s">
        <v>26192</v>
      </c>
      <c r="G19259" s="1" t="s">
        <v>69185</v>
      </c>
      <c r="H19259" s="1" t="s">
        <v>69186</v>
      </c>
      <c r="I19259" s="1" t="s">
        <v>53800</v>
      </c>
      <c r="J19259" s="1" t="s">
        <v>69230</v>
      </c>
    </row>
    <row r="19260" spans="1:10" x14ac:dyDescent="0.35">
      <c r="A19260" s="1" t="s">
        <v>69182</v>
      </c>
      <c r="B19260" s="1" t="s">
        <v>53796</v>
      </c>
      <c r="C19260" s="1" t="s">
        <v>105</v>
      </c>
      <c r="D19260" s="1" t="s">
        <v>69231</v>
      </c>
      <c r="E19260" s="1" t="s">
        <v>31415</v>
      </c>
      <c r="F19260" s="1" t="s">
        <v>69232</v>
      </c>
      <c r="G19260" s="1" t="s">
        <v>69185</v>
      </c>
      <c r="H19260" s="1" t="s">
        <v>69186</v>
      </c>
      <c r="I19260" s="1" t="s">
        <v>53800</v>
      </c>
      <c r="J19260" s="1" t="s">
        <v>69233</v>
      </c>
    </row>
    <row r="19261" spans="1:10" x14ac:dyDescent="0.35">
      <c r="A19261" s="1" t="s">
        <v>69182</v>
      </c>
      <c r="B19261" s="1" t="s">
        <v>53796</v>
      </c>
      <c r="C19261" s="1" t="s">
        <v>110</v>
      </c>
      <c r="D19261" s="1" t="s">
        <v>69234</v>
      </c>
      <c r="E19261" s="1" t="s">
        <v>24359</v>
      </c>
      <c r="F19261" s="1" t="s">
        <v>58880</v>
      </c>
      <c r="G19261" s="1" t="s">
        <v>69185</v>
      </c>
      <c r="H19261" s="1" t="s">
        <v>69186</v>
      </c>
      <c r="I19261" s="1" t="s">
        <v>53800</v>
      </c>
      <c r="J19261" s="1" t="s">
        <v>69235</v>
      </c>
    </row>
    <row r="19262" spans="1:10" x14ac:dyDescent="0.35">
      <c r="A19262" s="1" t="s">
        <v>69182</v>
      </c>
      <c r="B19262" s="1" t="s">
        <v>53796</v>
      </c>
      <c r="C19262" s="1" t="s">
        <v>115</v>
      </c>
      <c r="D19262" s="1" t="s">
        <v>65875</v>
      </c>
      <c r="E19262" s="1" t="s">
        <v>26214</v>
      </c>
      <c r="F19262" s="1" t="s">
        <v>69236</v>
      </c>
      <c r="G19262" s="1" t="s">
        <v>69185</v>
      </c>
      <c r="H19262" s="1" t="s">
        <v>69186</v>
      </c>
      <c r="I19262" s="1" t="s">
        <v>53800</v>
      </c>
      <c r="J19262" s="1" t="s">
        <v>69237</v>
      </c>
    </row>
    <row r="19263" spans="1:10" x14ac:dyDescent="0.35">
      <c r="A19263" s="1" t="s">
        <v>69182</v>
      </c>
      <c r="B19263" s="1" t="s">
        <v>53796</v>
      </c>
      <c r="C19263" s="1" t="s">
        <v>120</v>
      </c>
      <c r="D19263" s="1" t="s">
        <v>69238</v>
      </c>
      <c r="E19263" s="1" t="s">
        <v>54074</v>
      </c>
      <c r="F19263" s="1" t="s">
        <v>69239</v>
      </c>
      <c r="G19263" s="1" t="s">
        <v>69185</v>
      </c>
      <c r="H19263" s="1" t="s">
        <v>69186</v>
      </c>
      <c r="I19263" s="1" t="s">
        <v>53800</v>
      </c>
      <c r="J19263" s="1" t="s">
        <v>69240</v>
      </c>
    </row>
    <row r="19264" spans="1:10" x14ac:dyDescent="0.35">
      <c r="A19264" s="1" t="s">
        <v>69182</v>
      </c>
      <c r="B19264" s="1" t="s">
        <v>53796</v>
      </c>
      <c r="C19264" s="1" t="s">
        <v>125</v>
      </c>
      <c r="D19264" s="1" t="s">
        <v>69241</v>
      </c>
      <c r="E19264" s="1" t="s">
        <v>15345</v>
      </c>
      <c r="F19264" s="1" t="s">
        <v>69242</v>
      </c>
      <c r="G19264" s="1" t="s">
        <v>69185</v>
      </c>
      <c r="H19264" s="1" t="s">
        <v>69186</v>
      </c>
      <c r="I19264" s="1" t="s">
        <v>53800</v>
      </c>
      <c r="J19264" s="1" t="s">
        <v>69243</v>
      </c>
    </row>
    <row r="19265" spans="1:10" x14ac:dyDescent="0.35">
      <c r="A19265" s="1" t="s">
        <v>69182</v>
      </c>
      <c r="B19265" s="1" t="s">
        <v>53796</v>
      </c>
      <c r="C19265" s="1" t="s">
        <v>130</v>
      </c>
      <c r="D19265" s="1" t="s">
        <v>69244</v>
      </c>
      <c r="E19265" s="1" t="s">
        <v>15845</v>
      </c>
      <c r="F19265" s="1" t="s">
        <v>69245</v>
      </c>
      <c r="G19265" s="1" t="s">
        <v>69185</v>
      </c>
      <c r="H19265" s="1" t="s">
        <v>69186</v>
      </c>
      <c r="I19265" s="1" t="s">
        <v>53800</v>
      </c>
      <c r="J19265" s="1" t="s">
        <v>69246</v>
      </c>
    </row>
    <row r="19266" spans="1:10" x14ac:dyDescent="0.35">
      <c r="A19266" s="1" t="s">
        <v>69182</v>
      </c>
      <c r="B19266" s="1" t="s">
        <v>53796</v>
      </c>
      <c r="C19266" s="1" t="s">
        <v>135</v>
      </c>
      <c r="D19266" s="1" t="s">
        <v>69247</v>
      </c>
      <c r="E19266" s="1" t="s">
        <v>53890</v>
      </c>
      <c r="F19266" s="1" t="s">
        <v>69248</v>
      </c>
      <c r="G19266" s="1" t="s">
        <v>69185</v>
      </c>
      <c r="H19266" s="1" t="s">
        <v>69186</v>
      </c>
      <c r="I19266" s="1" t="s">
        <v>53800</v>
      </c>
      <c r="J19266" s="1" t="s">
        <v>69249</v>
      </c>
    </row>
    <row r="19267" spans="1:10" x14ac:dyDescent="0.35">
      <c r="A19267" s="1" t="s">
        <v>69182</v>
      </c>
      <c r="B19267" s="1" t="s">
        <v>53796</v>
      </c>
      <c r="C19267" s="1" t="s">
        <v>140</v>
      </c>
      <c r="D19267" s="1" t="s">
        <v>39421</v>
      </c>
      <c r="E19267" s="1" t="s">
        <v>69250</v>
      </c>
      <c r="F19267" s="1" t="s">
        <v>69251</v>
      </c>
      <c r="G19267" s="1" t="s">
        <v>69185</v>
      </c>
      <c r="H19267" s="1" t="s">
        <v>69186</v>
      </c>
      <c r="I19267" s="1" t="s">
        <v>53800</v>
      </c>
      <c r="J19267" s="1" t="s">
        <v>69252</v>
      </c>
    </row>
    <row r="19268" spans="1:10" x14ac:dyDescent="0.35">
      <c r="A19268" s="1" t="s">
        <v>69182</v>
      </c>
      <c r="B19268" s="1" t="s">
        <v>53796</v>
      </c>
      <c r="C19268" s="1" t="s">
        <v>145</v>
      </c>
      <c r="D19268" s="1" t="s">
        <v>15175</v>
      </c>
      <c r="E19268" s="1" t="s">
        <v>26218</v>
      </c>
      <c r="F19268" s="1" t="s">
        <v>60133</v>
      </c>
      <c r="G19268" s="1" t="s">
        <v>69185</v>
      </c>
      <c r="H19268" s="1" t="s">
        <v>69186</v>
      </c>
      <c r="I19268" s="1" t="s">
        <v>53800</v>
      </c>
      <c r="J19268" s="1" t="s">
        <v>69253</v>
      </c>
    </row>
    <row r="19269" spans="1:10" x14ac:dyDescent="0.35">
      <c r="A19269" s="1" t="s">
        <v>69182</v>
      </c>
      <c r="B19269" s="1" t="s">
        <v>53796</v>
      </c>
      <c r="C19269" s="1" t="s">
        <v>150</v>
      </c>
      <c r="D19269" s="1" t="s">
        <v>69254</v>
      </c>
      <c r="E19269" s="1" t="s">
        <v>23505</v>
      </c>
      <c r="F19269" s="1" t="s">
        <v>69255</v>
      </c>
      <c r="G19269" s="1" t="s">
        <v>69185</v>
      </c>
      <c r="H19269" s="1" t="s">
        <v>69186</v>
      </c>
      <c r="I19269" s="1" t="s">
        <v>53800</v>
      </c>
      <c r="J19269" s="1" t="s">
        <v>69256</v>
      </c>
    </row>
    <row r="19270" spans="1:10" x14ac:dyDescent="0.35">
      <c r="A19270" s="1" t="s">
        <v>69182</v>
      </c>
      <c r="B19270" s="1" t="s">
        <v>53796</v>
      </c>
      <c r="C19270" s="1" t="s">
        <v>155</v>
      </c>
      <c r="D19270" s="1" t="s">
        <v>69257</v>
      </c>
      <c r="E19270" s="1" t="s">
        <v>54200</v>
      </c>
      <c r="F19270" s="1" t="s">
        <v>69258</v>
      </c>
      <c r="G19270" s="1" t="s">
        <v>69185</v>
      </c>
      <c r="H19270" s="1" t="s">
        <v>69186</v>
      </c>
      <c r="I19270" s="1" t="s">
        <v>53800</v>
      </c>
      <c r="J19270" s="1" t="s">
        <v>69259</v>
      </c>
    </row>
    <row r="19271" spans="1:10" x14ac:dyDescent="0.35">
      <c r="A19271" s="1" t="s">
        <v>69182</v>
      </c>
      <c r="B19271" s="1" t="s">
        <v>53796</v>
      </c>
      <c r="C19271" s="1" t="s">
        <v>160</v>
      </c>
      <c r="D19271" s="1" t="s">
        <v>69260</v>
      </c>
      <c r="E19271" s="1" t="s">
        <v>65601</v>
      </c>
      <c r="F19271" s="1" t="s">
        <v>32960</v>
      </c>
      <c r="G19271" s="1" t="s">
        <v>69185</v>
      </c>
      <c r="H19271" s="1" t="s">
        <v>69186</v>
      </c>
      <c r="I19271" s="1" t="s">
        <v>53800</v>
      </c>
      <c r="J19271" s="1" t="s">
        <v>69261</v>
      </c>
    </row>
    <row r="19272" spans="1:10" x14ac:dyDescent="0.35">
      <c r="A19272" s="1" t="s">
        <v>69182</v>
      </c>
      <c r="B19272" s="1" t="s">
        <v>53796</v>
      </c>
      <c r="C19272" s="1" t="s">
        <v>165</v>
      </c>
      <c r="D19272" s="1" t="s">
        <v>69262</v>
      </c>
      <c r="E19272" s="1" t="s">
        <v>64293</v>
      </c>
      <c r="F19272" s="1" t="s">
        <v>69263</v>
      </c>
      <c r="G19272" s="1" t="s">
        <v>69185</v>
      </c>
      <c r="H19272" s="1" t="s">
        <v>69186</v>
      </c>
      <c r="I19272" s="1" t="s">
        <v>53800</v>
      </c>
      <c r="J19272" s="1" t="s">
        <v>69264</v>
      </c>
    </row>
    <row r="19273" spans="1:10" x14ac:dyDescent="0.35">
      <c r="A19273" s="1" t="s">
        <v>69182</v>
      </c>
      <c r="B19273" s="1" t="s">
        <v>53796</v>
      </c>
      <c r="C19273" s="1" t="s">
        <v>170</v>
      </c>
      <c r="D19273" s="1" t="s">
        <v>69265</v>
      </c>
      <c r="E19273" s="1" t="s">
        <v>32622</v>
      </c>
      <c r="F19273" s="1" t="s">
        <v>64018</v>
      </c>
      <c r="G19273" s="1" t="s">
        <v>69185</v>
      </c>
      <c r="H19273" s="1" t="s">
        <v>69186</v>
      </c>
      <c r="I19273" s="1" t="s">
        <v>53800</v>
      </c>
      <c r="J19273" s="1" t="s">
        <v>69266</v>
      </c>
    </row>
    <row r="19274" spans="1:10" x14ac:dyDescent="0.35">
      <c r="A19274" s="1" t="s">
        <v>69267</v>
      </c>
      <c r="B19274" s="1" t="s">
        <v>53796</v>
      </c>
      <c r="C19274" s="1" t="s">
        <v>8</v>
      </c>
      <c r="D19274" s="1" t="s">
        <v>69268</v>
      </c>
      <c r="E19274" s="1" t="s">
        <v>64275</v>
      </c>
      <c r="F19274" s="1" t="s">
        <v>62936</v>
      </c>
      <c r="G19274" s="1" t="s">
        <v>69269</v>
      </c>
      <c r="H19274" s="1" t="s">
        <v>69270</v>
      </c>
      <c r="I19274" s="1" t="s">
        <v>53800</v>
      </c>
      <c r="J19274" s="1" t="s">
        <v>13</v>
      </c>
    </row>
    <row r="19275" spans="1:10" x14ac:dyDescent="0.35">
      <c r="A19275" s="1" t="s">
        <v>69267</v>
      </c>
      <c r="B19275" s="1" t="s">
        <v>53796</v>
      </c>
      <c r="C19275" s="1" t="s">
        <v>15</v>
      </c>
      <c r="D19275" s="1" t="s">
        <v>69271</v>
      </c>
      <c r="E19275" s="1" t="s">
        <v>54046</v>
      </c>
      <c r="F19275" s="1" t="s">
        <v>67878</v>
      </c>
      <c r="G19275" s="1" t="s">
        <v>69269</v>
      </c>
      <c r="H19275" s="1" t="s">
        <v>69270</v>
      </c>
      <c r="I19275" s="1" t="s">
        <v>53800</v>
      </c>
      <c r="J19275" s="1" t="s">
        <v>69272</v>
      </c>
    </row>
    <row r="19276" spans="1:10" x14ac:dyDescent="0.35">
      <c r="A19276" s="1" t="s">
        <v>69267</v>
      </c>
      <c r="B19276" s="1" t="s">
        <v>53796</v>
      </c>
      <c r="C19276" s="1" t="s">
        <v>20</v>
      </c>
      <c r="D19276" s="1" t="s">
        <v>69273</v>
      </c>
      <c r="E19276" s="1" t="s">
        <v>64275</v>
      </c>
      <c r="F19276" s="1" t="s">
        <v>69274</v>
      </c>
      <c r="G19276" s="1" t="s">
        <v>69269</v>
      </c>
      <c r="H19276" s="1" t="s">
        <v>69270</v>
      </c>
      <c r="I19276" s="1" t="s">
        <v>53800</v>
      </c>
      <c r="J19276" s="1" t="s">
        <v>69275</v>
      </c>
    </row>
    <row r="19277" spans="1:10" x14ac:dyDescent="0.35">
      <c r="A19277" s="1" t="s">
        <v>69267</v>
      </c>
      <c r="B19277" s="1" t="s">
        <v>53796</v>
      </c>
      <c r="C19277" s="1" t="s">
        <v>25</v>
      </c>
      <c r="D19277" s="1" t="s">
        <v>52950</v>
      </c>
      <c r="E19277" s="1" t="s">
        <v>21737</v>
      </c>
      <c r="F19277" s="1" t="s">
        <v>69276</v>
      </c>
      <c r="G19277" s="1" t="s">
        <v>69269</v>
      </c>
      <c r="H19277" s="1" t="s">
        <v>69270</v>
      </c>
      <c r="I19277" s="1" t="s">
        <v>53800</v>
      </c>
      <c r="J19277" s="1" t="s">
        <v>69277</v>
      </c>
    </row>
    <row r="19278" spans="1:10" x14ac:dyDescent="0.35">
      <c r="A19278" s="1" t="s">
        <v>69267</v>
      </c>
      <c r="B19278" s="1" t="s">
        <v>53796</v>
      </c>
      <c r="C19278" s="1" t="s">
        <v>30</v>
      </c>
      <c r="D19278" s="1" t="s">
        <v>69278</v>
      </c>
      <c r="E19278" s="1" t="s">
        <v>16125</v>
      </c>
      <c r="F19278" s="1" t="s">
        <v>69279</v>
      </c>
      <c r="G19278" s="1" t="s">
        <v>69269</v>
      </c>
      <c r="H19278" s="1" t="s">
        <v>69270</v>
      </c>
      <c r="I19278" s="1" t="s">
        <v>53800</v>
      </c>
      <c r="J19278" s="1" t="s">
        <v>69280</v>
      </c>
    </row>
    <row r="19279" spans="1:10" x14ac:dyDescent="0.35">
      <c r="A19279" s="1" t="s">
        <v>69267</v>
      </c>
      <c r="B19279" s="1" t="s">
        <v>53796</v>
      </c>
      <c r="C19279" s="1" t="s">
        <v>35</v>
      </c>
      <c r="D19279" s="1" t="s">
        <v>64847</v>
      </c>
      <c r="E19279" s="1" t="s">
        <v>24373</v>
      </c>
      <c r="F19279" s="1" t="s">
        <v>69281</v>
      </c>
      <c r="G19279" s="1" t="s">
        <v>69269</v>
      </c>
      <c r="H19279" s="1" t="s">
        <v>69270</v>
      </c>
      <c r="I19279" s="1" t="s">
        <v>53800</v>
      </c>
      <c r="J19279" s="1" t="s">
        <v>69282</v>
      </c>
    </row>
    <row r="19280" spans="1:10" x14ac:dyDescent="0.35">
      <c r="A19280" s="1" t="s">
        <v>69267</v>
      </c>
      <c r="B19280" s="1" t="s">
        <v>53796</v>
      </c>
      <c r="C19280" s="1" t="s">
        <v>40</v>
      </c>
      <c r="D19280" s="1" t="s">
        <v>69283</v>
      </c>
      <c r="E19280" s="1" t="s">
        <v>23049</v>
      </c>
      <c r="F19280" s="1" t="s">
        <v>69284</v>
      </c>
      <c r="G19280" s="1" t="s">
        <v>69269</v>
      </c>
      <c r="H19280" s="1" t="s">
        <v>69270</v>
      </c>
      <c r="I19280" s="1" t="s">
        <v>53800</v>
      </c>
      <c r="J19280" s="1" t="s">
        <v>69285</v>
      </c>
    </row>
    <row r="19281" spans="1:10" x14ac:dyDescent="0.35">
      <c r="A19281" s="1" t="s">
        <v>69267</v>
      </c>
      <c r="B19281" s="1" t="s">
        <v>53796</v>
      </c>
      <c r="C19281" s="1" t="s">
        <v>45</v>
      </c>
      <c r="D19281" s="1" t="s">
        <v>69286</v>
      </c>
      <c r="E19281" s="1" t="s">
        <v>54783</v>
      </c>
      <c r="F19281" s="1" t="s">
        <v>59262</v>
      </c>
      <c r="G19281" s="1" t="s">
        <v>69269</v>
      </c>
      <c r="H19281" s="1" t="s">
        <v>69270</v>
      </c>
      <c r="I19281" s="1" t="s">
        <v>53800</v>
      </c>
      <c r="J19281" s="1" t="s">
        <v>69287</v>
      </c>
    </row>
    <row r="19282" spans="1:10" x14ac:dyDescent="0.35">
      <c r="A19282" s="1" t="s">
        <v>69267</v>
      </c>
      <c r="B19282" s="1" t="s">
        <v>53796</v>
      </c>
      <c r="C19282" s="1" t="s">
        <v>50</v>
      </c>
      <c r="D19282" s="1" t="s">
        <v>69288</v>
      </c>
      <c r="E19282" s="1" t="s">
        <v>24384</v>
      </c>
      <c r="F19282" s="1" t="s">
        <v>69289</v>
      </c>
      <c r="G19282" s="1" t="s">
        <v>69269</v>
      </c>
      <c r="H19282" s="1" t="s">
        <v>69270</v>
      </c>
      <c r="I19282" s="1" t="s">
        <v>53800</v>
      </c>
      <c r="J19282" s="1" t="s">
        <v>69290</v>
      </c>
    </row>
    <row r="19283" spans="1:10" x14ac:dyDescent="0.35">
      <c r="A19283" s="1" t="s">
        <v>69267</v>
      </c>
      <c r="B19283" s="1" t="s">
        <v>53796</v>
      </c>
      <c r="C19283" s="1" t="s">
        <v>55</v>
      </c>
      <c r="D19283" s="1" t="s">
        <v>54746</v>
      </c>
      <c r="E19283" s="1" t="s">
        <v>58019</v>
      </c>
      <c r="F19283" s="1" t="s">
        <v>69291</v>
      </c>
      <c r="G19283" s="1" t="s">
        <v>69269</v>
      </c>
      <c r="H19283" s="1" t="s">
        <v>69270</v>
      </c>
      <c r="I19283" s="1" t="s">
        <v>53800</v>
      </c>
      <c r="J19283" s="1" t="s">
        <v>69292</v>
      </c>
    </row>
    <row r="19284" spans="1:10" x14ac:dyDescent="0.35">
      <c r="A19284" s="1" t="s">
        <v>69267</v>
      </c>
      <c r="B19284" s="1" t="s">
        <v>53796</v>
      </c>
      <c r="C19284" s="1" t="s">
        <v>60</v>
      </c>
      <c r="D19284" s="1" t="s">
        <v>69293</v>
      </c>
      <c r="E19284" s="1" t="s">
        <v>57695</v>
      </c>
      <c r="F19284" s="1" t="s">
        <v>69294</v>
      </c>
      <c r="G19284" s="1" t="s">
        <v>69269</v>
      </c>
      <c r="H19284" s="1" t="s">
        <v>69270</v>
      </c>
      <c r="I19284" s="1" t="s">
        <v>53800</v>
      </c>
      <c r="J19284" s="1" t="s">
        <v>69295</v>
      </c>
    </row>
    <row r="19285" spans="1:10" x14ac:dyDescent="0.35">
      <c r="A19285" s="1" t="s">
        <v>69267</v>
      </c>
      <c r="B19285" s="1" t="s">
        <v>53796</v>
      </c>
      <c r="C19285" s="1" t="s">
        <v>65</v>
      </c>
      <c r="D19285" s="1" t="s">
        <v>69296</v>
      </c>
      <c r="E19285" s="1" t="s">
        <v>23457</v>
      </c>
      <c r="F19285" s="1" t="s">
        <v>69297</v>
      </c>
      <c r="G19285" s="1" t="s">
        <v>69269</v>
      </c>
      <c r="H19285" s="1" t="s">
        <v>69270</v>
      </c>
      <c r="I19285" s="1" t="s">
        <v>53800</v>
      </c>
      <c r="J19285" s="1" t="s">
        <v>69298</v>
      </c>
    </row>
    <row r="19286" spans="1:10" x14ac:dyDescent="0.35">
      <c r="A19286" s="1" t="s">
        <v>69267</v>
      </c>
      <c r="B19286" s="1" t="s">
        <v>53796</v>
      </c>
      <c r="C19286" s="1" t="s">
        <v>70</v>
      </c>
      <c r="D19286" s="1" t="s">
        <v>69299</v>
      </c>
      <c r="E19286" s="1" t="s">
        <v>12879</v>
      </c>
      <c r="F19286" s="1" t="s">
        <v>69300</v>
      </c>
      <c r="G19286" s="1" t="s">
        <v>69269</v>
      </c>
      <c r="H19286" s="1" t="s">
        <v>69270</v>
      </c>
      <c r="I19286" s="1" t="s">
        <v>53800</v>
      </c>
      <c r="J19286" s="1" t="s">
        <v>69301</v>
      </c>
    </row>
    <row r="19287" spans="1:10" x14ac:dyDescent="0.35">
      <c r="A19287" s="1" t="s">
        <v>69267</v>
      </c>
      <c r="B19287" s="1" t="s">
        <v>53796</v>
      </c>
      <c r="C19287" s="1" t="s">
        <v>75</v>
      </c>
      <c r="D19287" s="1" t="s">
        <v>69302</v>
      </c>
      <c r="E19287" s="1" t="s">
        <v>41165</v>
      </c>
      <c r="F19287" s="1" t="s">
        <v>69303</v>
      </c>
      <c r="G19287" s="1" t="s">
        <v>69269</v>
      </c>
      <c r="H19287" s="1" t="s">
        <v>69270</v>
      </c>
      <c r="I19287" s="1" t="s">
        <v>53800</v>
      </c>
      <c r="J19287" s="1" t="s">
        <v>69304</v>
      </c>
    </row>
    <row r="19288" spans="1:10" x14ac:dyDescent="0.35">
      <c r="A19288" s="1" t="s">
        <v>69267</v>
      </c>
      <c r="B19288" s="1" t="s">
        <v>53796</v>
      </c>
      <c r="C19288" s="1" t="s">
        <v>80</v>
      </c>
      <c r="D19288" s="1" t="s">
        <v>69305</v>
      </c>
      <c r="E19288" s="1" t="s">
        <v>21834</v>
      </c>
      <c r="F19288" s="1" t="s">
        <v>69306</v>
      </c>
      <c r="G19288" s="1" t="s">
        <v>69269</v>
      </c>
      <c r="H19288" s="1" t="s">
        <v>69270</v>
      </c>
      <c r="I19288" s="1" t="s">
        <v>53800</v>
      </c>
      <c r="J19288" s="1" t="s">
        <v>69307</v>
      </c>
    </row>
    <row r="19289" spans="1:10" x14ac:dyDescent="0.35">
      <c r="A19289" s="1" t="s">
        <v>69267</v>
      </c>
      <c r="B19289" s="1" t="s">
        <v>53796</v>
      </c>
      <c r="C19289" s="1" t="s">
        <v>85</v>
      </c>
      <c r="D19289" s="1" t="s">
        <v>69308</v>
      </c>
      <c r="E19289" s="1" t="s">
        <v>58447</v>
      </c>
      <c r="F19289" s="1" t="s">
        <v>69309</v>
      </c>
      <c r="G19289" s="1" t="s">
        <v>69269</v>
      </c>
      <c r="H19289" s="1" t="s">
        <v>69270</v>
      </c>
      <c r="I19289" s="1" t="s">
        <v>53800</v>
      </c>
      <c r="J19289" s="1" t="s">
        <v>69310</v>
      </c>
    </row>
    <row r="19290" spans="1:10" x14ac:dyDescent="0.35">
      <c r="A19290" s="1" t="s">
        <v>69267</v>
      </c>
      <c r="B19290" s="1" t="s">
        <v>53796</v>
      </c>
      <c r="C19290" s="1" t="s">
        <v>90</v>
      </c>
      <c r="D19290" s="1" t="s">
        <v>69311</v>
      </c>
      <c r="E19290" s="1" t="s">
        <v>22298</v>
      </c>
      <c r="F19290" s="1" t="s">
        <v>31897</v>
      </c>
      <c r="G19290" s="1" t="s">
        <v>69269</v>
      </c>
      <c r="H19290" s="1" t="s">
        <v>69270</v>
      </c>
      <c r="I19290" s="1" t="s">
        <v>53800</v>
      </c>
      <c r="J19290" s="1" t="s">
        <v>69312</v>
      </c>
    </row>
    <row r="19291" spans="1:10" x14ac:dyDescent="0.35">
      <c r="A19291" s="1" t="s">
        <v>69267</v>
      </c>
      <c r="B19291" s="1" t="s">
        <v>53796</v>
      </c>
      <c r="C19291" s="1" t="s">
        <v>95</v>
      </c>
      <c r="D19291" s="1" t="s">
        <v>69313</v>
      </c>
      <c r="E19291" s="1" t="s">
        <v>41226</v>
      </c>
      <c r="F19291" s="1" t="s">
        <v>69314</v>
      </c>
      <c r="G19291" s="1" t="s">
        <v>69269</v>
      </c>
      <c r="H19291" s="1" t="s">
        <v>69270</v>
      </c>
      <c r="I19291" s="1" t="s">
        <v>53800</v>
      </c>
      <c r="J19291" s="1" t="s">
        <v>69315</v>
      </c>
    </row>
    <row r="19292" spans="1:10" x14ac:dyDescent="0.35">
      <c r="A19292" s="1" t="s">
        <v>69267</v>
      </c>
      <c r="B19292" s="1" t="s">
        <v>53796</v>
      </c>
      <c r="C19292" s="1" t="s">
        <v>100</v>
      </c>
      <c r="D19292" s="1" t="s">
        <v>69316</v>
      </c>
      <c r="E19292" s="1" t="s">
        <v>24225</v>
      </c>
      <c r="F19292" s="1" t="s">
        <v>69317</v>
      </c>
      <c r="G19292" s="1" t="s">
        <v>69269</v>
      </c>
      <c r="H19292" s="1" t="s">
        <v>69270</v>
      </c>
      <c r="I19292" s="1" t="s">
        <v>53800</v>
      </c>
      <c r="J19292" s="1" t="s">
        <v>69318</v>
      </c>
    </row>
    <row r="19293" spans="1:10" x14ac:dyDescent="0.35">
      <c r="A19293" s="1" t="s">
        <v>69267</v>
      </c>
      <c r="B19293" s="1" t="s">
        <v>53796</v>
      </c>
      <c r="C19293" s="1" t="s">
        <v>105</v>
      </c>
      <c r="D19293" s="1" t="s">
        <v>69319</v>
      </c>
      <c r="E19293" s="1" t="s">
        <v>23202</v>
      </c>
      <c r="F19293" s="1" t="s">
        <v>60768</v>
      </c>
      <c r="G19293" s="1" t="s">
        <v>69269</v>
      </c>
      <c r="H19293" s="1" t="s">
        <v>69270</v>
      </c>
      <c r="I19293" s="1" t="s">
        <v>53800</v>
      </c>
      <c r="J19293" s="1" t="s">
        <v>69320</v>
      </c>
    </row>
    <row r="19294" spans="1:10" x14ac:dyDescent="0.35">
      <c r="A19294" s="1" t="s">
        <v>69267</v>
      </c>
      <c r="B19294" s="1" t="s">
        <v>53796</v>
      </c>
      <c r="C19294" s="1" t="s">
        <v>110</v>
      </c>
      <c r="D19294" s="1" t="s">
        <v>69321</v>
      </c>
      <c r="E19294" s="1" t="s">
        <v>41210</v>
      </c>
      <c r="F19294" s="1" t="s">
        <v>69322</v>
      </c>
      <c r="G19294" s="1" t="s">
        <v>69269</v>
      </c>
      <c r="H19294" s="1" t="s">
        <v>69270</v>
      </c>
      <c r="I19294" s="1" t="s">
        <v>53800</v>
      </c>
      <c r="J19294" s="1" t="s">
        <v>69323</v>
      </c>
    </row>
    <row r="19295" spans="1:10" x14ac:dyDescent="0.35">
      <c r="A19295" s="1" t="s">
        <v>69267</v>
      </c>
      <c r="B19295" s="1" t="s">
        <v>53796</v>
      </c>
      <c r="C19295" s="1" t="s">
        <v>115</v>
      </c>
      <c r="D19295" s="1" t="s">
        <v>66001</v>
      </c>
      <c r="E19295" s="1" t="s">
        <v>64260</v>
      </c>
      <c r="F19295" s="1" t="s">
        <v>69324</v>
      </c>
      <c r="G19295" s="1" t="s">
        <v>69269</v>
      </c>
      <c r="H19295" s="1" t="s">
        <v>69270</v>
      </c>
      <c r="I19295" s="1" t="s">
        <v>53800</v>
      </c>
      <c r="J19295" s="1" t="s">
        <v>69325</v>
      </c>
    </row>
    <row r="19296" spans="1:10" x14ac:dyDescent="0.35">
      <c r="A19296" s="1" t="s">
        <v>69267</v>
      </c>
      <c r="B19296" s="1" t="s">
        <v>53796</v>
      </c>
      <c r="C19296" s="1" t="s">
        <v>120</v>
      </c>
      <c r="D19296" s="1" t="s">
        <v>63173</v>
      </c>
      <c r="E19296" s="1" t="s">
        <v>32376</v>
      </c>
      <c r="F19296" s="1" t="s">
        <v>69326</v>
      </c>
      <c r="G19296" s="1" t="s">
        <v>69269</v>
      </c>
      <c r="H19296" s="1" t="s">
        <v>69270</v>
      </c>
      <c r="I19296" s="1" t="s">
        <v>53800</v>
      </c>
      <c r="J19296" s="1" t="s">
        <v>69327</v>
      </c>
    </row>
    <row r="19297" spans="1:10" x14ac:dyDescent="0.35">
      <c r="A19297" s="1" t="s">
        <v>69267</v>
      </c>
      <c r="B19297" s="1" t="s">
        <v>53796</v>
      </c>
      <c r="C19297" s="1" t="s">
        <v>125</v>
      </c>
      <c r="D19297" s="1" t="s">
        <v>69328</v>
      </c>
      <c r="E19297" s="1" t="s">
        <v>23202</v>
      </c>
      <c r="F19297" s="1" t="s">
        <v>69329</v>
      </c>
      <c r="G19297" s="1" t="s">
        <v>69269</v>
      </c>
      <c r="H19297" s="1" t="s">
        <v>69270</v>
      </c>
      <c r="I19297" s="1" t="s">
        <v>53800</v>
      </c>
      <c r="J19297" s="1" t="s">
        <v>69330</v>
      </c>
    </row>
    <row r="19298" spans="1:10" x14ac:dyDescent="0.35">
      <c r="A19298" s="1" t="s">
        <v>69267</v>
      </c>
      <c r="B19298" s="1" t="s">
        <v>53796</v>
      </c>
      <c r="C19298" s="1" t="s">
        <v>130</v>
      </c>
      <c r="D19298" s="1" t="s">
        <v>69331</v>
      </c>
      <c r="E19298" s="1" t="s">
        <v>32913</v>
      </c>
      <c r="F19298" s="1" t="s">
        <v>69332</v>
      </c>
      <c r="G19298" s="1" t="s">
        <v>69269</v>
      </c>
      <c r="H19298" s="1" t="s">
        <v>69270</v>
      </c>
      <c r="I19298" s="1" t="s">
        <v>53800</v>
      </c>
      <c r="J19298" s="1" t="s">
        <v>69333</v>
      </c>
    </row>
    <row r="19299" spans="1:10" x14ac:dyDescent="0.35">
      <c r="A19299" s="1" t="s">
        <v>69267</v>
      </c>
      <c r="B19299" s="1" t="s">
        <v>53796</v>
      </c>
      <c r="C19299" s="1" t="s">
        <v>135</v>
      </c>
      <c r="D19299" s="1" t="s">
        <v>69334</v>
      </c>
      <c r="E19299" s="1" t="s">
        <v>31480</v>
      </c>
      <c r="F19299" s="1" t="s">
        <v>69335</v>
      </c>
      <c r="G19299" s="1" t="s">
        <v>69269</v>
      </c>
      <c r="H19299" s="1" t="s">
        <v>69270</v>
      </c>
      <c r="I19299" s="1" t="s">
        <v>53800</v>
      </c>
      <c r="J19299" s="1" t="s">
        <v>69336</v>
      </c>
    </row>
    <row r="19300" spans="1:10" x14ac:dyDescent="0.35">
      <c r="A19300" s="1" t="s">
        <v>69267</v>
      </c>
      <c r="B19300" s="1" t="s">
        <v>53796</v>
      </c>
      <c r="C19300" s="1" t="s">
        <v>140</v>
      </c>
      <c r="D19300" s="1" t="s">
        <v>69337</v>
      </c>
      <c r="E19300" s="1" t="s">
        <v>41237</v>
      </c>
      <c r="F19300" s="1" t="s">
        <v>69338</v>
      </c>
      <c r="G19300" s="1" t="s">
        <v>69269</v>
      </c>
      <c r="H19300" s="1" t="s">
        <v>69270</v>
      </c>
      <c r="I19300" s="1" t="s">
        <v>53800</v>
      </c>
      <c r="J19300" s="1" t="s">
        <v>69339</v>
      </c>
    </row>
    <row r="19301" spans="1:10" x14ac:dyDescent="0.35">
      <c r="A19301" s="1" t="s">
        <v>69267</v>
      </c>
      <c r="B19301" s="1" t="s">
        <v>53796</v>
      </c>
      <c r="C19301" s="1" t="s">
        <v>145</v>
      </c>
      <c r="D19301" s="1" t="s">
        <v>69340</v>
      </c>
      <c r="E19301" s="1" t="s">
        <v>26576</v>
      </c>
      <c r="F19301" s="1" t="s">
        <v>69341</v>
      </c>
      <c r="G19301" s="1" t="s">
        <v>69269</v>
      </c>
      <c r="H19301" s="1" t="s">
        <v>69270</v>
      </c>
      <c r="I19301" s="1" t="s">
        <v>53800</v>
      </c>
      <c r="J19301" s="1" t="s">
        <v>69342</v>
      </c>
    </row>
    <row r="19302" spans="1:10" x14ac:dyDescent="0.35">
      <c r="A19302" s="1" t="s">
        <v>69267</v>
      </c>
      <c r="B19302" s="1" t="s">
        <v>53796</v>
      </c>
      <c r="C19302" s="1" t="s">
        <v>150</v>
      </c>
      <c r="D19302" s="1" t="s">
        <v>69343</v>
      </c>
      <c r="E19302" s="1" t="s">
        <v>23187</v>
      </c>
      <c r="F19302" s="1" t="s">
        <v>69344</v>
      </c>
      <c r="G19302" s="1" t="s">
        <v>69269</v>
      </c>
      <c r="H19302" s="1" t="s">
        <v>69270</v>
      </c>
      <c r="I19302" s="1" t="s">
        <v>53800</v>
      </c>
      <c r="J19302" s="1" t="s">
        <v>69345</v>
      </c>
    </row>
    <row r="19303" spans="1:10" x14ac:dyDescent="0.35">
      <c r="A19303" s="1" t="s">
        <v>69267</v>
      </c>
      <c r="B19303" s="1" t="s">
        <v>53796</v>
      </c>
      <c r="C19303" s="1" t="s">
        <v>155</v>
      </c>
      <c r="D19303" s="1" t="s">
        <v>69346</v>
      </c>
      <c r="E19303" s="1" t="s">
        <v>26265</v>
      </c>
      <c r="F19303" s="1" t="s">
        <v>69347</v>
      </c>
      <c r="G19303" s="1" t="s">
        <v>69269</v>
      </c>
      <c r="H19303" s="1" t="s">
        <v>69270</v>
      </c>
      <c r="I19303" s="1" t="s">
        <v>53800</v>
      </c>
      <c r="J19303" s="1" t="s">
        <v>69348</v>
      </c>
    </row>
    <row r="19304" spans="1:10" x14ac:dyDescent="0.35">
      <c r="A19304" s="1" t="s">
        <v>69267</v>
      </c>
      <c r="B19304" s="1" t="s">
        <v>53796</v>
      </c>
      <c r="C19304" s="1" t="s">
        <v>160</v>
      </c>
      <c r="D19304" s="1" t="s">
        <v>22433</v>
      </c>
      <c r="E19304" s="1" t="s">
        <v>69349</v>
      </c>
      <c r="F19304" s="1" t="s">
        <v>69350</v>
      </c>
      <c r="G19304" s="1" t="s">
        <v>69269</v>
      </c>
      <c r="H19304" s="1" t="s">
        <v>69270</v>
      </c>
      <c r="I19304" s="1" t="s">
        <v>53800</v>
      </c>
      <c r="J19304" s="1" t="s">
        <v>69351</v>
      </c>
    </row>
    <row r="19305" spans="1:10" x14ac:dyDescent="0.35">
      <c r="A19305" s="1" t="s">
        <v>69267</v>
      </c>
      <c r="B19305" s="1" t="s">
        <v>53796</v>
      </c>
      <c r="C19305" s="1" t="s">
        <v>165</v>
      </c>
      <c r="D19305" s="1" t="s">
        <v>69352</v>
      </c>
      <c r="E19305" s="1" t="s">
        <v>23450</v>
      </c>
      <c r="F19305" s="1" t="s">
        <v>32973</v>
      </c>
      <c r="G19305" s="1" t="s">
        <v>69269</v>
      </c>
      <c r="H19305" s="1" t="s">
        <v>69270</v>
      </c>
      <c r="I19305" s="1" t="s">
        <v>53800</v>
      </c>
      <c r="J19305" s="1" t="s">
        <v>69353</v>
      </c>
    </row>
    <row r="19306" spans="1:10" x14ac:dyDescent="0.35">
      <c r="A19306" s="1" t="s">
        <v>69267</v>
      </c>
      <c r="B19306" s="1" t="s">
        <v>53796</v>
      </c>
      <c r="C19306" s="1" t="s">
        <v>170</v>
      </c>
      <c r="D19306" s="1" t="s">
        <v>69354</v>
      </c>
      <c r="E19306" s="1" t="s">
        <v>26637</v>
      </c>
      <c r="F19306" s="1" t="s">
        <v>69355</v>
      </c>
      <c r="G19306" s="1" t="s">
        <v>69269</v>
      </c>
      <c r="H19306" s="1" t="s">
        <v>69270</v>
      </c>
      <c r="I19306" s="1" t="s">
        <v>53800</v>
      </c>
      <c r="J19306" s="1" t="s">
        <v>69356</v>
      </c>
    </row>
    <row r="19307" spans="1:10" x14ac:dyDescent="0.35">
      <c r="A19307" s="1" t="s">
        <v>69357</v>
      </c>
      <c r="B19307" s="1" t="s">
        <v>53796</v>
      </c>
      <c r="C19307" s="1" t="s">
        <v>8</v>
      </c>
      <c r="D19307" s="1" t="s">
        <v>69358</v>
      </c>
      <c r="E19307" s="1" t="s">
        <v>57621</v>
      </c>
      <c r="F19307" s="1" t="s">
        <v>60629</v>
      </c>
      <c r="G19307" s="1" t="s">
        <v>69359</v>
      </c>
      <c r="H19307" s="1" t="s">
        <v>69360</v>
      </c>
      <c r="I19307" s="1" t="s">
        <v>53800</v>
      </c>
      <c r="J19307" s="1" t="s">
        <v>13</v>
      </c>
    </row>
    <row r="19308" spans="1:10" x14ac:dyDescent="0.35">
      <c r="A19308" s="1" t="s">
        <v>69357</v>
      </c>
      <c r="B19308" s="1" t="s">
        <v>53796</v>
      </c>
      <c r="C19308" s="1" t="s">
        <v>15</v>
      </c>
      <c r="D19308" s="1" t="s">
        <v>58167</v>
      </c>
      <c r="E19308" s="1" t="s">
        <v>31397</v>
      </c>
      <c r="F19308" s="1" t="s">
        <v>60269</v>
      </c>
      <c r="G19308" s="1" t="s">
        <v>69359</v>
      </c>
      <c r="H19308" s="1" t="s">
        <v>69360</v>
      </c>
      <c r="I19308" s="1" t="s">
        <v>53800</v>
      </c>
      <c r="J19308" s="1" t="s">
        <v>69361</v>
      </c>
    </row>
    <row r="19309" spans="1:10" x14ac:dyDescent="0.35">
      <c r="A19309" s="1" t="s">
        <v>69357</v>
      </c>
      <c r="B19309" s="1" t="s">
        <v>53796</v>
      </c>
      <c r="C19309" s="1" t="s">
        <v>20</v>
      </c>
      <c r="D19309" s="1" t="s">
        <v>69362</v>
      </c>
      <c r="E19309" s="1" t="s">
        <v>23248</v>
      </c>
      <c r="F19309" s="1" t="s">
        <v>69363</v>
      </c>
      <c r="G19309" s="1" t="s">
        <v>69359</v>
      </c>
      <c r="H19309" s="1" t="s">
        <v>69360</v>
      </c>
      <c r="I19309" s="1" t="s">
        <v>53800</v>
      </c>
      <c r="J19309" s="1" t="s">
        <v>69364</v>
      </c>
    </row>
    <row r="19310" spans="1:10" x14ac:dyDescent="0.35">
      <c r="A19310" s="1" t="s">
        <v>69357</v>
      </c>
      <c r="B19310" s="1" t="s">
        <v>53796</v>
      </c>
      <c r="C19310" s="1" t="s">
        <v>25</v>
      </c>
      <c r="D19310" s="1" t="s">
        <v>69365</v>
      </c>
      <c r="E19310" s="1" t="s">
        <v>55907</v>
      </c>
      <c r="F19310" s="1" t="s">
        <v>69366</v>
      </c>
      <c r="G19310" s="1" t="s">
        <v>69359</v>
      </c>
      <c r="H19310" s="1" t="s">
        <v>69360</v>
      </c>
      <c r="I19310" s="1" t="s">
        <v>53800</v>
      </c>
      <c r="J19310" s="1" t="s">
        <v>69367</v>
      </c>
    </row>
    <row r="19311" spans="1:10" x14ac:dyDescent="0.35">
      <c r="A19311" s="1" t="s">
        <v>69357</v>
      </c>
      <c r="B19311" s="1" t="s">
        <v>53796</v>
      </c>
      <c r="C19311" s="1" t="s">
        <v>30</v>
      </c>
      <c r="D19311" s="1" t="s">
        <v>32292</v>
      </c>
      <c r="E19311" s="1" t="s">
        <v>16113</v>
      </c>
      <c r="F19311" s="1" t="s">
        <v>69368</v>
      </c>
      <c r="G19311" s="1" t="s">
        <v>69359</v>
      </c>
      <c r="H19311" s="1" t="s">
        <v>69360</v>
      </c>
      <c r="I19311" s="1" t="s">
        <v>53800</v>
      </c>
      <c r="J19311" s="1" t="s">
        <v>69369</v>
      </c>
    </row>
    <row r="19312" spans="1:10" x14ac:dyDescent="0.35">
      <c r="A19312" s="1" t="s">
        <v>69357</v>
      </c>
      <c r="B19312" s="1" t="s">
        <v>53796</v>
      </c>
      <c r="C19312" s="1" t="s">
        <v>35</v>
      </c>
      <c r="D19312" s="1" t="s">
        <v>69370</v>
      </c>
      <c r="E19312" s="1" t="s">
        <v>24359</v>
      </c>
      <c r="F19312" s="1" t="s">
        <v>69371</v>
      </c>
      <c r="G19312" s="1" t="s">
        <v>69359</v>
      </c>
      <c r="H19312" s="1" t="s">
        <v>69360</v>
      </c>
      <c r="I19312" s="1" t="s">
        <v>53800</v>
      </c>
      <c r="J19312" s="1" t="s">
        <v>69372</v>
      </c>
    </row>
    <row r="19313" spans="1:10" x14ac:dyDescent="0.35">
      <c r="A19313" s="1" t="s">
        <v>69357</v>
      </c>
      <c r="B19313" s="1" t="s">
        <v>53796</v>
      </c>
      <c r="C19313" s="1" t="s">
        <v>40</v>
      </c>
      <c r="D19313" s="1" t="s">
        <v>64890</v>
      </c>
      <c r="E19313" s="1" t="s">
        <v>62585</v>
      </c>
      <c r="F19313" s="1" t="s">
        <v>69373</v>
      </c>
      <c r="G19313" s="1" t="s">
        <v>69359</v>
      </c>
      <c r="H19313" s="1" t="s">
        <v>69360</v>
      </c>
      <c r="I19313" s="1" t="s">
        <v>53800</v>
      </c>
      <c r="J19313" s="1" t="s">
        <v>69374</v>
      </c>
    </row>
    <row r="19314" spans="1:10" x14ac:dyDescent="0.35">
      <c r="A19314" s="1" t="s">
        <v>69357</v>
      </c>
      <c r="B19314" s="1" t="s">
        <v>53796</v>
      </c>
      <c r="C19314" s="1" t="s">
        <v>45</v>
      </c>
      <c r="D19314" s="1" t="s">
        <v>69375</v>
      </c>
      <c r="E19314" s="1" t="s">
        <v>26247</v>
      </c>
      <c r="F19314" s="1" t="s">
        <v>69376</v>
      </c>
      <c r="G19314" s="1" t="s">
        <v>69359</v>
      </c>
      <c r="H19314" s="1" t="s">
        <v>69360</v>
      </c>
      <c r="I19314" s="1" t="s">
        <v>53800</v>
      </c>
      <c r="J19314" s="1" t="s">
        <v>69377</v>
      </c>
    </row>
    <row r="19315" spans="1:10" x14ac:dyDescent="0.35">
      <c r="A19315" s="1" t="s">
        <v>69357</v>
      </c>
      <c r="B19315" s="1" t="s">
        <v>53796</v>
      </c>
      <c r="C19315" s="1" t="s">
        <v>50</v>
      </c>
      <c r="D19315" s="1" t="s">
        <v>69378</v>
      </c>
      <c r="E19315" s="1" t="s">
        <v>32302</v>
      </c>
      <c r="F19315" s="1" t="s">
        <v>69379</v>
      </c>
      <c r="G19315" s="1" t="s">
        <v>69359</v>
      </c>
      <c r="H19315" s="1" t="s">
        <v>69360</v>
      </c>
      <c r="I19315" s="1" t="s">
        <v>53800</v>
      </c>
      <c r="J19315" s="1" t="s">
        <v>69380</v>
      </c>
    </row>
    <row r="19316" spans="1:10" x14ac:dyDescent="0.35">
      <c r="A19316" s="1" t="s">
        <v>69357</v>
      </c>
      <c r="B19316" s="1" t="s">
        <v>53796</v>
      </c>
      <c r="C19316" s="1" t="s">
        <v>55</v>
      </c>
      <c r="D19316" s="1" t="s">
        <v>69381</v>
      </c>
      <c r="E19316" s="1" t="s">
        <v>21985</v>
      </c>
      <c r="F19316" s="1" t="s">
        <v>69382</v>
      </c>
      <c r="G19316" s="1" t="s">
        <v>69359</v>
      </c>
      <c r="H19316" s="1" t="s">
        <v>69360</v>
      </c>
      <c r="I19316" s="1" t="s">
        <v>53800</v>
      </c>
      <c r="J19316" s="1" t="s">
        <v>69383</v>
      </c>
    </row>
    <row r="19317" spans="1:10" x14ac:dyDescent="0.35">
      <c r="A19317" s="1" t="s">
        <v>69357</v>
      </c>
      <c r="B19317" s="1" t="s">
        <v>53796</v>
      </c>
      <c r="C19317" s="1" t="s">
        <v>60</v>
      </c>
      <c r="D19317" s="1" t="s">
        <v>69384</v>
      </c>
      <c r="E19317" s="1" t="s">
        <v>55251</v>
      </c>
      <c r="F19317" s="1" t="s">
        <v>69385</v>
      </c>
      <c r="G19317" s="1" t="s">
        <v>69359</v>
      </c>
      <c r="H19317" s="1" t="s">
        <v>69360</v>
      </c>
      <c r="I19317" s="1" t="s">
        <v>53800</v>
      </c>
      <c r="J19317" s="1" t="s">
        <v>69386</v>
      </c>
    </row>
    <row r="19318" spans="1:10" x14ac:dyDescent="0.35">
      <c r="A19318" s="1" t="s">
        <v>69357</v>
      </c>
      <c r="B19318" s="1" t="s">
        <v>53796</v>
      </c>
      <c r="C19318" s="1" t="s">
        <v>65</v>
      </c>
      <c r="D19318" s="1" t="s">
        <v>69387</v>
      </c>
      <c r="E19318" s="1" t="s">
        <v>32407</v>
      </c>
      <c r="F19318" s="1" t="s">
        <v>69388</v>
      </c>
      <c r="G19318" s="1" t="s">
        <v>69359</v>
      </c>
      <c r="H19318" s="1" t="s">
        <v>69360</v>
      </c>
      <c r="I19318" s="1" t="s">
        <v>53800</v>
      </c>
      <c r="J19318" s="1" t="s">
        <v>69389</v>
      </c>
    </row>
    <row r="19319" spans="1:10" x14ac:dyDescent="0.35">
      <c r="A19319" s="1" t="s">
        <v>69357</v>
      </c>
      <c r="B19319" s="1" t="s">
        <v>53796</v>
      </c>
      <c r="C19319" s="1" t="s">
        <v>70</v>
      </c>
      <c r="D19319" s="1" t="s">
        <v>69390</v>
      </c>
      <c r="E19319" s="1" t="s">
        <v>53965</v>
      </c>
      <c r="F19319" s="1" t="s">
        <v>69391</v>
      </c>
      <c r="G19319" s="1" t="s">
        <v>69359</v>
      </c>
      <c r="H19319" s="1" t="s">
        <v>69360</v>
      </c>
      <c r="I19319" s="1" t="s">
        <v>53800</v>
      </c>
      <c r="J19319" s="1" t="s">
        <v>69392</v>
      </c>
    </row>
    <row r="19320" spans="1:10" x14ac:dyDescent="0.35">
      <c r="A19320" s="1" t="s">
        <v>69357</v>
      </c>
      <c r="B19320" s="1" t="s">
        <v>53796</v>
      </c>
      <c r="C19320" s="1" t="s">
        <v>75</v>
      </c>
      <c r="D19320" s="1" t="s">
        <v>69393</v>
      </c>
      <c r="E19320" s="1" t="s">
        <v>15340</v>
      </c>
      <c r="F19320" s="1" t="s">
        <v>69394</v>
      </c>
      <c r="G19320" s="1" t="s">
        <v>69359</v>
      </c>
      <c r="H19320" s="1" t="s">
        <v>69360</v>
      </c>
      <c r="I19320" s="1" t="s">
        <v>53800</v>
      </c>
      <c r="J19320" s="1" t="s">
        <v>69395</v>
      </c>
    </row>
    <row r="19321" spans="1:10" x14ac:dyDescent="0.35">
      <c r="A19321" s="1" t="s">
        <v>69357</v>
      </c>
      <c r="B19321" s="1" t="s">
        <v>53796</v>
      </c>
      <c r="C19321" s="1" t="s">
        <v>80</v>
      </c>
      <c r="D19321" s="1" t="s">
        <v>69396</v>
      </c>
      <c r="E19321" s="1" t="s">
        <v>31368</v>
      </c>
      <c r="F19321" s="1" t="s">
        <v>69397</v>
      </c>
      <c r="G19321" s="1" t="s">
        <v>69359</v>
      </c>
      <c r="H19321" s="1" t="s">
        <v>69360</v>
      </c>
      <c r="I19321" s="1" t="s">
        <v>53800</v>
      </c>
      <c r="J19321" s="1" t="s">
        <v>69398</v>
      </c>
    </row>
    <row r="19322" spans="1:10" x14ac:dyDescent="0.35">
      <c r="A19322" s="1" t="s">
        <v>69357</v>
      </c>
      <c r="B19322" s="1" t="s">
        <v>53796</v>
      </c>
      <c r="C19322" s="1" t="s">
        <v>85</v>
      </c>
      <c r="D19322" s="1" t="s">
        <v>69399</v>
      </c>
      <c r="E19322" s="1" t="s">
        <v>54095</v>
      </c>
      <c r="F19322" s="1" t="s">
        <v>58679</v>
      </c>
      <c r="G19322" s="1" t="s">
        <v>69359</v>
      </c>
      <c r="H19322" s="1" t="s">
        <v>69360</v>
      </c>
      <c r="I19322" s="1" t="s">
        <v>53800</v>
      </c>
      <c r="J19322" s="1" t="s">
        <v>69400</v>
      </c>
    </row>
    <row r="19323" spans="1:10" x14ac:dyDescent="0.35">
      <c r="A19323" s="1" t="s">
        <v>69357</v>
      </c>
      <c r="B19323" s="1" t="s">
        <v>53796</v>
      </c>
      <c r="C19323" s="1" t="s">
        <v>90</v>
      </c>
      <c r="D19323" s="1" t="s">
        <v>69401</v>
      </c>
      <c r="E19323" s="1" t="s">
        <v>15417</v>
      </c>
      <c r="F19323" s="1" t="s">
        <v>69402</v>
      </c>
      <c r="G19323" s="1" t="s">
        <v>69359</v>
      </c>
      <c r="H19323" s="1" t="s">
        <v>69360</v>
      </c>
      <c r="I19323" s="1" t="s">
        <v>53800</v>
      </c>
      <c r="J19323" s="1" t="s">
        <v>69403</v>
      </c>
    </row>
    <row r="19324" spans="1:10" x14ac:dyDescent="0.35">
      <c r="A19324" s="1" t="s">
        <v>69357</v>
      </c>
      <c r="B19324" s="1" t="s">
        <v>53796</v>
      </c>
      <c r="C19324" s="1" t="s">
        <v>95</v>
      </c>
      <c r="D19324" s="1" t="s">
        <v>63735</v>
      </c>
      <c r="E19324" s="1" t="s">
        <v>22259</v>
      </c>
      <c r="F19324" s="1" t="s">
        <v>69404</v>
      </c>
      <c r="G19324" s="1" t="s">
        <v>69359</v>
      </c>
      <c r="H19324" s="1" t="s">
        <v>69360</v>
      </c>
      <c r="I19324" s="1" t="s">
        <v>53800</v>
      </c>
      <c r="J19324" s="1" t="s">
        <v>69405</v>
      </c>
    </row>
    <row r="19325" spans="1:10" x14ac:dyDescent="0.35">
      <c r="A19325" s="1" t="s">
        <v>69357</v>
      </c>
      <c r="B19325" s="1" t="s">
        <v>53796</v>
      </c>
      <c r="C19325" s="1" t="s">
        <v>100</v>
      </c>
      <c r="D19325" s="1" t="s">
        <v>69406</v>
      </c>
      <c r="E19325" s="1" t="s">
        <v>21960</v>
      </c>
      <c r="F19325" s="1" t="s">
        <v>58821</v>
      </c>
      <c r="G19325" s="1" t="s">
        <v>69359</v>
      </c>
      <c r="H19325" s="1" t="s">
        <v>69360</v>
      </c>
      <c r="I19325" s="1" t="s">
        <v>53800</v>
      </c>
      <c r="J19325" s="1" t="s">
        <v>69407</v>
      </c>
    </row>
    <row r="19326" spans="1:10" x14ac:dyDescent="0.35">
      <c r="A19326" s="1" t="s">
        <v>69357</v>
      </c>
      <c r="B19326" s="1" t="s">
        <v>53796</v>
      </c>
      <c r="C19326" s="1" t="s">
        <v>105</v>
      </c>
      <c r="D19326" s="1" t="s">
        <v>22251</v>
      </c>
      <c r="E19326" s="1" t="s">
        <v>23202</v>
      </c>
      <c r="F19326" s="1" t="s">
        <v>56902</v>
      </c>
      <c r="G19326" s="1" t="s">
        <v>69359</v>
      </c>
      <c r="H19326" s="1" t="s">
        <v>69360</v>
      </c>
      <c r="I19326" s="1" t="s">
        <v>53800</v>
      </c>
      <c r="J19326" s="1" t="s">
        <v>69408</v>
      </c>
    </row>
    <row r="19327" spans="1:10" x14ac:dyDescent="0.35">
      <c r="A19327" s="1" t="s">
        <v>69357</v>
      </c>
      <c r="B19327" s="1" t="s">
        <v>53796</v>
      </c>
      <c r="C19327" s="1" t="s">
        <v>110</v>
      </c>
      <c r="D19327" s="1" t="s">
        <v>69409</v>
      </c>
      <c r="E19327" s="1" t="s">
        <v>55069</v>
      </c>
      <c r="F19327" s="1" t="s">
        <v>69410</v>
      </c>
      <c r="G19327" s="1" t="s">
        <v>69359</v>
      </c>
      <c r="H19327" s="1" t="s">
        <v>69360</v>
      </c>
      <c r="I19327" s="1" t="s">
        <v>53800</v>
      </c>
      <c r="J19327" s="1" t="s">
        <v>69411</v>
      </c>
    </row>
    <row r="19328" spans="1:10" x14ac:dyDescent="0.35">
      <c r="A19328" s="1" t="s">
        <v>69357</v>
      </c>
      <c r="B19328" s="1" t="s">
        <v>53796</v>
      </c>
      <c r="C19328" s="1" t="s">
        <v>115</v>
      </c>
      <c r="D19328" s="1" t="s">
        <v>69412</v>
      </c>
      <c r="E19328" s="1" t="s">
        <v>65834</v>
      </c>
      <c r="F19328" s="1" t="s">
        <v>69413</v>
      </c>
      <c r="G19328" s="1" t="s">
        <v>69359</v>
      </c>
      <c r="H19328" s="1" t="s">
        <v>69360</v>
      </c>
      <c r="I19328" s="1" t="s">
        <v>53800</v>
      </c>
      <c r="J19328" s="1" t="s">
        <v>69414</v>
      </c>
    </row>
    <row r="19329" spans="1:10" x14ac:dyDescent="0.35">
      <c r="A19329" s="1" t="s">
        <v>69357</v>
      </c>
      <c r="B19329" s="1" t="s">
        <v>53796</v>
      </c>
      <c r="C19329" s="1" t="s">
        <v>120</v>
      </c>
      <c r="D19329" s="1" t="s">
        <v>69415</v>
      </c>
      <c r="E19329" s="1" t="s">
        <v>54799</v>
      </c>
      <c r="F19329" s="1" t="s">
        <v>59901</v>
      </c>
      <c r="G19329" s="1" t="s">
        <v>69359</v>
      </c>
      <c r="H19329" s="1" t="s">
        <v>69360</v>
      </c>
      <c r="I19329" s="1" t="s">
        <v>53800</v>
      </c>
      <c r="J19329" s="1" t="s">
        <v>69416</v>
      </c>
    </row>
    <row r="19330" spans="1:10" x14ac:dyDescent="0.35">
      <c r="A19330" s="1" t="s">
        <v>69357</v>
      </c>
      <c r="B19330" s="1" t="s">
        <v>53796</v>
      </c>
      <c r="C19330" s="1" t="s">
        <v>125</v>
      </c>
      <c r="D19330" s="1" t="s">
        <v>69417</v>
      </c>
      <c r="E19330" s="1" t="s">
        <v>58546</v>
      </c>
      <c r="F19330" s="1" t="s">
        <v>56872</v>
      </c>
      <c r="G19330" s="1" t="s">
        <v>69359</v>
      </c>
      <c r="H19330" s="1" t="s">
        <v>69360</v>
      </c>
      <c r="I19330" s="1" t="s">
        <v>53800</v>
      </c>
      <c r="J19330" s="1" t="s">
        <v>69418</v>
      </c>
    </row>
    <row r="19331" spans="1:10" x14ac:dyDescent="0.35">
      <c r="A19331" s="1" t="s">
        <v>69357</v>
      </c>
      <c r="B19331" s="1" t="s">
        <v>53796</v>
      </c>
      <c r="C19331" s="1" t="s">
        <v>130</v>
      </c>
      <c r="D19331" s="1" t="s">
        <v>69419</v>
      </c>
      <c r="E19331" s="1" t="s">
        <v>54829</v>
      </c>
      <c r="F19331" s="1" t="s">
        <v>61808</v>
      </c>
      <c r="G19331" s="1" t="s">
        <v>69359</v>
      </c>
      <c r="H19331" s="1" t="s">
        <v>69360</v>
      </c>
      <c r="I19331" s="1" t="s">
        <v>53800</v>
      </c>
      <c r="J19331" s="1" t="s">
        <v>69420</v>
      </c>
    </row>
    <row r="19332" spans="1:10" x14ac:dyDescent="0.35">
      <c r="A19332" s="1" t="s">
        <v>69357</v>
      </c>
      <c r="B19332" s="1" t="s">
        <v>53796</v>
      </c>
      <c r="C19332" s="1" t="s">
        <v>135</v>
      </c>
      <c r="D19332" s="1" t="s">
        <v>36291</v>
      </c>
      <c r="E19332" s="1" t="s">
        <v>32384</v>
      </c>
      <c r="F19332" s="1" t="s">
        <v>69421</v>
      </c>
      <c r="G19332" s="1" t="s">
        <v>69359</v>
      </c>
      <c r="H19332" s="1" t="s">
        <v>69360</v>
      </c>
      <c r="I19332" s="1" t="s">
        <v>53800</v>
      </c>
      <c r="J19332" s="1" t="s">
        <v>69422</v>
      </c>
    </row>
    <row r="19333" spans="1:10" x14ac:dyDescent="0.35">
      <c r="A19333" s="1" t="s">
        <v>69357</v>
      </c>
      <c r="B19333" s="1" t="s">
        <v>53796</v>
      </c>
      <c r="C19333" s="1" t="s">
        <v>140</v>
      </c>
      <c r="D19333" s="1" t="s">
        <v>68868</v>
      </c>
      <c r="E19333" s="1" t="s">
        <v>27070</v>
      </c>
      <c r="F19333" s="1" t="s">
        <v>69423</v>
      </c>
      <c r="G19333" s="1" t="s">
        <v>69359</v>
      </c>
      <c r="H19333" s="1" t="s">
        <v>69360</v>
      </c>
      <c r="I19333" s="1" t="s">
        <v>53800</v>
      </c>
      <c r="J19333" s="1" t="s">
        <v>69424</v>
      </c>
    </row>
    <row r="19334" spans="1:10" x14ac:dyDescent="0.35">
      <c r="A19334" s="1" t="s">
        <v>69357</v>
      </c>
      <c r="B19334" s="1" t="s">
        <v>53796</v>
      </c>
      <c r="C19334" s="1" t="s">
        <v>145</v>
      </c>
      <c r="D19334" s="1" t="s">
        <v>64251</v>
      </c>
      <c r="E19334" s="1" t="s">
        <v>69425</v>
      </c>
      <c r="F19334" s="1" t="s">
        <v>69426</v>
      </c>
      <c r="G19334" s="1" t="s">
        <v>69359</v>
      </c>
      <c r="H19334" s="1" t="s">
        <v>69360</v>
      </c>
      <c r="I19334" s="1" t="s">
        <v>53800</v>
      </c>
      <c r="J19334" s="1" t="s">
        <v>69427</v>
      </c>
    </row>
    <row r="19335" spans="1:10" x14ac:dyDescent="0.35">
      <c r="A19335" s="1" t="s">
        <v>69357</v>
      </c>
      <c r="B19335" s="1" t="s">
        <v>53796</v>
      </c>
      <c r="C19335" s="1" t="s">
        <v>150</v>
      </c>
      <c r="D19335" s="1" t="s">
        <v>69428</v>
      </c>
      <c r="E19335" s="1" t="s">
        <v>57707</v>
      </c>
      <c r="F19335" s="1" t="s">
        <v>69429</v>
      </c>
      <c r="G19335" s="1" t="s">
        <v>69359</v>
      </c>
      <c r="H19335" s="1" t="s">
        <v>69360</v>
      </c>
      <c r="I19335" s="1" t="s">
        <v>53800</v>
      </c>
      <c r="J19335" s="1" t="s">
        <v>69430</v>
      </c>
    </row>
    <row r="19336" spans="1:10" x14ac:dyDescent="0.35">
      <c r="A19336" s="1" t="s">
        <v>69357</v>
      </c>
      <c r="B19336" s="1" t="s">
        <v>53796</v>
      </c>
      <c r="C19336" s="1" t="s">
        <v>155</v>
      </c>
      <c r="D19336" s="1" t="s">
        <v>63469</v>
      </c>
      <c r="E19336" s="1" t="s">
        <v>32107</v>
      </c>
      <c r="F19336" s="1" t="s">
        <v>69431</v>
      </c>
      <c r="G19336" s="1" t="s">
        <v>69359</v>
      </c>
      <c r="H19336" s="1" t="s">
        <v>69360</v>
      </c>
      <c r="I19336" s="1" t="s">
        <v>53800</v>
      </c>
      <c r="J19336" s="1" t="s">
        <v>69432</v>
      </c>
    </row>
    <row r="19337" spans="1:10" x14ac:dyDescent="0.35">
      <c r="A19337" s="1" t="s">
        <v>69357</v>
      </c>
      <c r="B19337" s="1" t="s">
        <v>53796</v>
      </c>
      <c r="C19337" s="1" t="s">
        <v>160</v>
      </c>
      <c r="D19337" s="1" t="s">
        <v>69433</v>
      </c>
      <c r="E19337" s="1" t="s">
        <v>15392</v>
      </c>
      <c r="F19337" s="1" t="s">
        <v>67507</v>
      </c>
      <c r="G19337" s="1" t="s">
        <v>69359</v>
      </c>
      <c r="H19337" s="1" t="s">
        <v>69360</v>
      </c>
      <c r="I19337" s="1" t="s">
        <v>53800</v>
      </c>
      <c r="J19337" s="1" t="s">
        <v>69434</v>
      </c>
    </row>
    <row r="19338" spans="1:10" x14ac:dyDescent="0.35">
      <c r="A19338" s="1" t="s">
        <v>69357</v>
      </c>
      <c r="B19338" s="1" t="s">
        <v>53796</v>
      </c>
      <c r="C19338" s="1" t="s">
        <v>165</v>
      </c>
      <c r="D19338" s="1" t="s">
        <v>69435</v>
      </c>
      <c r="E19338" s="1" t="s">
        <v>26185</v>
      </c>
      <c r="F19338" s="1" t="s">
        <v>32581</v>
      </c>
      <c r="G19338" s="1" t="s">
        <v>69359</v>
      </c>
      <c r="H19338" s="1" t="s">
        <v>69360</v>
      </c>
      <c r="I19338" s="1" t="s">
        <v>53800</v>
      </c>
      <c r="J19338" s="1" t="s">
        <v>69436</v>
      </c>
    </row>
    <row r="19339" spans="1:10" x14ac:dyDescent="0.35">
      <c r="A19339" s="1" t="s">
        <v>69357</v>
      </c>
      <c r="B19339" s="1" t="s">
        <v>53796</v>
      </c>
      <c r="C19339" s="1" t="s">
        <v>170</v>
      </c>
      <c r="D19339" s="1" t="s">
        <v>69437</v>
      </c>
      <c r="E19339" s="1" t="s">
        <v>16164</v>
      </c>
      <c r="F19339" s="1" t="s">
        <v>69438</v>
      </c>
      <c r="G19339" s="1" t="s">
        <v>69359</v>
      </c>
      <c r="H19339" s="1" t="s">
        <v>69360</v>
      </c>
      <c r="I19339" s="1" t="s">
        <v>53800</v>
      </c>
      <c r="J19339" s="1" t="s">
        <v>69439</v>
      </c>
    </row>
    <row r="19340" spans="1:10" x14ac:dyDescent="0.35">
      <c r="A19340" s="1" t="s">
        <v>69440</v>
      </c>
      <c r="B19340" s="1" t="s">
        <v>53796</v>
      </c>
      <c r="C19340" s="1" t="s">
        <v>8</v>
      </c>
      <c r="D19340" s="1" t="s">
        <v>69441</v>
      </c>
      <c r="E19340" s="1" t="s">
        <v>32557</v>
      </c>
      <c r="F19340" s="1" t="s">
        <v>69442</v>
      </c>
      <c r="G19340" s="1" t="s">
        <v>69443</v>
      </c>
      <c r="H19340" s="1" t="s">
        <v>69444</v>
      </c>
      <c r="I19340" s="1" t="s">
        <v>53800</v>
      </c>
      <c r="J19340" s="1" t="s">
        <v>13</v>
      </c>
    </row>
    <row r="19341" spans="1:10" x14ac:dyDescent="0.35">
      <c r="A19341" s="1" t="s">
        <v>69440</v>
      </c>
      <c r="B19341" s="1" t="s">
        <v>53796</v>
      </c>
      <c r="C19341" s="1" t="s">
        <v>15</v>
      </c>
      <c r="D19341" s="1" t="s">
        <v>69445</v>
      </c>
      <c r="E19341" s="1" t="s">
        <v>41262</v>
      </c>
      <c r="F19341" s="1" t="s">
        <v>69446</v>
      </c>
      <c r="G19341" s="1" t="s">
        <v>69443</v>
      </c>
      <c r="H19341" s="1" t="s">
        <v>69444</v>
      </c>
      <c r="I19341" s="1" t="s">
        <v>53800</v>
      </c>
      <c r="J19341" s="1" t="s">
        <v>69447</v>
      </c>
    </row>
    <row r="19342" spans="1:10" x14ac:dyDescent="0.35">
      <c r="A19342" s="1" t="s">
        <v>69440</v>
      </c>
      <c r="B19342" s="1" t="s">
        <v>53796</v>
      </c>
      <c r="C19342" s="1" t="s">
        <v>20</v>
      </c>
      <c r="D19342" s="1" t="s">
        <v>60916</v>
      </c>
      <c r="E19342" s="1" t="s">
        <v>23164</v>
      </c>
      <c r="F19342" s="1" t="s">
        <v>69448</v>
      </c>
      <c r="G19342" s="1" t="s">
        <v>69443</v>
      </c>
      <c r="H19342" s="1" t="s">
        <v>69444</v>
      </c>
      <c r="I19342" s="1" t="s">
        <v>53800</v>
      </c>
      <c r="J19342" s="1" t="s">
        <v>69449</v>
      </c>
    </row>
    <row r="19343" spans="1:10" x14ac:dyDescent="0.35">
      <c r="A19343" s="1" t="s">
        <v>69440</v>
      </c>
      <c r="B19343" s="1" t="s">
        <v>53796</v>
      </c>
      <c r="C19343" s="1" t="s">
        <v>25</v>
      </c>
      <c r="D19343" s="1" t="s">
        <v>69450</v>
      </c>
      <c r="E19343" s="1" t="s">
        <v>54095</v>
      </c>
      <c r="F19343" s="1" t="s">
        <v>69451</v>
      </c>
      <c r="G19343" s="1" t="s">
        <v>69443</v>
      </c>
      <c r="H19343" s="1" t="s">
        <v>69444</v>
      </c>
      <c r="I19343" s="1" t="s">
        <v>53800</v>
      </c>
      <c r="J19343" s="1" t="s">
        <v>69452</v>
      </c>
    </row>
    <row r="19344" spans="1:10" x14ac:dyDescent="0.35">
      <c r="A19344" s="1" t="s">
        <v>69440</v>
      </c>
      <c r="B19344" s="1" t="s">
        <v>53796</v>
      </c>
      <c r="C19344" s="1" t="s">
        <v>30</v>
      </c>
      <c r="D19344" s="1" t="s">
        <v>69453</v>
      </c>
      <c r="E19344" s="1" t="s">
        <v>15293</v>
      </c>
      <c r="F19344" s="1" t="s">
        <v>69454</v>
      </c>
      <c r="G19344" s="1" t="s">
        <v>69443</v>
      </c>
      <c r="H19344" s="1" t="s">
        <v>69444</v>
      </c>
      <c r="I19344" s="1" t="s">
        <v>53800</v>
      </c>
      <c r="J19344" s="1" t="s">
        <v>69455</v>
      </c>
    </row>
    <row r="19345" spans="1:10" x14ac:dyDescent="0.35">
      <c r="A19345" s="1" t="s">
        <v>69440</v>
      </c>
      <c r="B19345" s="1" t="s">
        <v>53796</v>
      </c>
      <c r="C19345" s="1" t="s">
        <v>35</v>
      </c>
      <c r="D19345" s="1" t="s">
        <v>69456</v>
      </c>
      <c r="E19345" s="1" t="s">
        <v>41247</v>
      </c>
      <c r="F19345" s="1" t="s">
        <v>69457</v>
      </c>
      <c r="G19345" s="1" t="s">
        <v>69443</v>
      </c>
      <c r="H19345" s="1" t="s">
        <v>69444</v>
      </c>
      <c r="I19345" s="1" t="s">
        <v>53800</v>
      </c>
      <c r="J19345" s="1" t="s">
        <v>69458</v>
      </c>
    </row>
    <row r="19346" spans="1:10" x14ac:dyDescent="0.35">
      <c r="A19346" s="1" t="s">
        <v>69440</v>
      </c>
      <c r="B19346" s="1" t="s">
        <v>53796</v>
      </c>
      <c r="C19346" s="1" t="s">
        <v>40</v>
      </c>
      <c r="D19346" s="1" t="s">
        <v>69459</v>
      </c>
      <c r="E19346" s="1" t="s">
        <v>23890</v>
      </c>
      <c r="F19346" s="1" t="s">
        <v>61132</v>
      </c>
      <c r="G19346" s="1" t="s">
        <v>69443</v>
      </c>
      <c r="H19346" s="1" t="s">
        <v>69444</v>
      </c>
      <c r="I19346" s="1" t="s">
        <v>53800</v>
      </c>
      <c r="J19346" s="1" t="s">
        <v>69460</v>
      </c>
    </row>
    <row r="19347" spans="1:10" x14ac:dyDescent="0.35">
      <c r="A19347" s="1" t="s">
        <v>69440</v>
      </c>
      <c r="B19347" s="1" t="s">
        <v>53796</v>
      </c>
      <c r="C19347" s="1" t="s">
        <v>45</v>
      </c>
      <c r="D19347" s="1" t="s">
        <v>69461</v>
      </c>
      <c r="E19347" s="1" t="s">
        <v>59323</v>
      </c>
      <c r="F19347" s="1" t="s">
        <v>69462</v>
      </c>
      <c r="G19347" s="1" t="s">
        <v>69443</v>
      </c>
      <c r="H19347" s="1" t="s">
        <v>69444</v>
      </c>
      <c r="I19347" s="1" t="s">
        <v>53800</v>
      </c>
      <c r="J19347" s="1" t="s">
        <v>69463</v>
      </c>
    </row>
    <row r="19348" spans="1:10" x14ac:dyDescent="0.35">
      <c r="A19348" s="1" t="s">
        <v>69440</v>
      </c>
      <c r="B19348" s="1" t="s">
        <v>53796</v>
      </c>
      <c r="C19348" s="1" t="s">
        <v>50</v>
      </c>
      <c r="D19348" s="1" t="s">
        <v>69464</v>
      </c>
      <c r="E19348" s="1" t="s">
        <v>69465</v>
      </c>
      <c r="F19348" s="1" t="s">
        <v>69466</v>
      </c>
      <c r="G19348" s="1" t="s">
        <v>69443</v>
      </c>
      <c r="H19348" s="1" t="s">
        <v>69444</v>
      </c>
      <c r="I19348" s="1" t="s">
        <v>53800</v>
      </c>
      <c r="J19348" s="1" t="s">
        <v>69467</v>
      </c>
    </row>
    <row r="19349" spans="1:10" x14ac:dyDescent="0.35">
      <c r="A19349" s="1" t="s">
        <v>69440</v>
      </c>
      <c r="B19349" s="1" t="s">
        <v>53796</v>
      </c>
      <c r="C19349" s="1" t="s">
        <v>55</v>
      </c>
      <c r="D19349" s="1" t="s">
        <v>69468</v>
      </c>
      <c r="E19349" s="1" t="s">
        <v>31510</v>
      </c>
      <c r="F19349" s="1" t="s">
        <v>27460</v>
      </c>
      <c r="G19349" s="1" t="s">
        <v>69443</v>
      </c>
      <c r="H19349" s="1" t="s">
        <v>69444</v>
      </c>
      <c r="I19349" s="1" t="s">
        <v>53800</v>
      </c>
      <c r="J19349" s="1" t="s">
        <v>69469</v>
      </c>
    </row>
    <row r="19350" spans="1:10" x14ac:dyDescent="0.35">
      <c r="A19350" s="1" t="s">
        <v>69440</v>
      </c>
      <c r="B19350" s="1" t="s">
        <v>53796</v>
      </c>
      <c r="C19350" s="1" t="s">
        <v>60</v>
      </c>
      <c r="D19350" s="1" t="s">
        <v>60158</v>
      </c>
      <c r="E19350" s="1" t="s">
        <v>31510</v>
      </c>
      <c r="F19350" s="1" t="s">
        <v>69470</v>
      </c>
      <c r="G19350" s="1" t="s">
        <v>69443</v>
      </c>
      <c r="H19350" s="1" t="s">
        <v>69444</v>
      </c>
      <c r="I19350" s="1" t="s">
        <v>53800</v>
      </c>
      <c r="J19350" s="1" t="s">
        <v>69471</v>
      </c>
    </row>
    <row r="19351" spans="1:10" x14ac:dyDescent="0.35">
      <c r="A19351" s="1" t="s">
        <v>69440</v>
      </c>
      <c r="B19351" s="1" t="s">
        <v>53796</v>
      </c>
      <c r="C19351" s="1" t="s">
        <v>65</v>
      </c>
      <c r="D19351" s="1" t="s">
        <v>69472</v>
      </c>
      <c r="E19351" s="1" t="s">
        <v>56351</v>
      </c>
      <c r="F19351" s="1" t="s">
        <v>60945</v>
      </c>
      <c r="G19351" s="1" t="s">
        <v>69443</v>
      </c>
      <c r="H19351" s="1" t="s">
        <v>69444</v>
      </c>
      <c r="I19351" s="1" t="s">
        <v>53800</v>
      </c>
      <c r="J19351" s="1" t="s">
        <v>69473</v>
      </c>
    </row>
    <row r="19352" spans="1:10" x14ac:dyDescent="0.35">
      <c r="A19352" s="1" t="s">
        <v>69440</v>
      </c>
      <c r="B19352" s="1" t="s">
        <v>53796</v>
      </c>
      <c r="C19352" s="1" t="s">
        <v>70</v>
      </c>
      <c r="D19352" s="1" t="s">
        <v>63587</v>
      </c>
      <c r="E19352" s="1" t="s">
        <v>32384</v>
      </c>
      <c r="F19352" s="1" t="s">
        <v>69474</v>
      </c>
      <c r="G19352" s="1" t="s">
        <v>69443</v>
      </c>
      <c r="H19352" s="1" t="s">
        <v>69444</v>
      </c>
      <c r="I19352" s="1" t="s">
        <v>53800</v>
      </c>
      <c r="J19352" s="1" t="s">
        <v>69475</v>
      </c>
    </row>
    <row r="19353" spans="1:10" x14ac:dyDescent="0.35">
      <c r="A19353" s="1" t="s">
        <v>69440</v>
      </c>
      <c r="B19353" s="1" t="s">
        <v>53796</v>
      </c>
      <c r="C19353" s="1" t="s">
        <v>75</v>
      </c>
      <c r="D19353" s="1" t="s">
        <v>69476</v>
      </c>
      <c r="E19353" s="1" t="s">
        <v>16186</v>
      </c>
      <c r="F19353" s="1" t="s">
        <v>69477</v>
      </c>
      <c r="G19353" s="1" t="s">
        <v>69443</v>
      </c>
      <c r="H19353" s="1" t="s">
        <v>69444</v>
      </c>
      <c r="I19353" s="1" t="s">
        <v>53800</v>
      </c>
      <c r="J19353" s="1" t="s">
        <v>69478</v>
      </c>
    </row>
    <row r="19354" spans="1:10" x14ac:dyDescent="0.35">
      <c r="A19354" s="1" t="s">
        <v>69440</v>
      </c>
      <c r="B19354" s="1" t="s">
        <v>53796</v>
      </c>
      <c r="C19354" s="1" t="s">
        <v>80</v>
      </c>
      <c r="D19354" s="1" t="s">
        <v>58942</v>
      </c>
      <c r="E19354" s="1" t="s">
        <v>32584</v>
      </c>
      <c r="F19354" s="1" t="s">
        <v>69479</v>
      </c>
      <c r="G19354" s="1" t="s">
        <v>69443</v>
      </c>
      <c r="H19354" s="1" t="s">
        <v>69444</v>
      </c>
      <c r="I19354" s="1" t="s">
        <v>53800</v>
      </c>
      <c r="J19354" s="1" t="s">
        <v>69480</v>
      </c>
    </row>
    <row r="19355" spans="1:10" x14ac:dyDescent="0.35">
      <c r="A19355" s="1" t="s">
        <v>69440</v>
      </c>
      <c r="B19355" s="1" t="s">
        <v>53796</v>
      </c>
      <c r="C19355" s="1" t="s">
        <v>85</v>
      </c>
      <c r="D19355" s="1" t="s">
        <v>69481</v>
      </c>
      <c r="E19355" s="1" t="s">
        <v>53965</v>
      </c>
      <c r="F19355" s="1" t="s">
        <v>69482</v>
      </c>
      <c r="G19355" s="1" t="s">
        <v>69443</v>
      </c>
      <c r="H19355" s="1" t="s">
        <v>69444</v>
      </c>
      <c r="I19355" s="1" t="s">
        <v>53800</v>
      </c>
      <c r="J19355" s="1" t="s">
        <v>69483</v>
      </c>
    </row>
    <row r="19356" spans="1:10" x14ac:dyDescent="0.35">
      <c r="A19356" s="1" t="s">
        <v>69440</v>
      </c>
      <c r="B19356" s="1" t="s">
        <v>53796</v>
      </c>
      <c r="C19356" s="1" t="s">
        <v>90</v>
      </c>
      <c r="D19356" s="1" t="s">
        <v>69484</v>
      </c>
      <c r="E19356" s="1" t="s">
        <v>27104</v>
      </c>
      <c r="F19356" s="1" t="s">
        <v>26489</v>
      </c>
      <c r="G19356" s="1" t="s">
        <v>69443</v>
      </c>
      <c r="H19356" s="1" t="s">
        <v>69444</v>
      </c>
      <c r="I19356" s="1" t="s">
        <v>53800</v>
      </c>
      <c r="J19356" s="1" t="s">
        <v>69485</v>
      </c>
    </row>
    <row r="19357" spans="1:10" x14ac:dyDescent="0.35">
      <c r="A19357" s="1" t="s">
        <v>69440</v>
      </c>
      <c r="B19357" s="1" t="s">
        <v>53796</v>
      </c>
      <c r="C19357" s="1" t="s">
        <v>95</v>
      </c>
      <c r="D19357" s="1" t="s">
        <v>69486</v>
      </c>
      <c r="E19357" s="1" t="s">
        <v>59742</v>
      </c>
      <c r="F19357" s="1" t="s">
        <v>69487</v>
      </c>
      <c r="G19357" s="1" t="s">
        <v>69443</v>
      </c>
      <c r="H19357" s="1" t="s">
        <v>69444</v>
      </c>
      <c r="I19357" s="1" t="s">
        <v>53800</v>
      </c>
      <c r="J19357" s="1" t="s">
        <v>69488</v>
      </c>
    </row>
    <row r="19358" spans="1:10" x14ac:dyDescent="0.35">
      <c r="A19358" s="1" t="s">
        <v>69440</v>
      </c>
      <c r="B19358" s="1" t="s">
        <v>53796</v>
      </c>
      <c r="C19358" s="1" t="s">
        <v>100</v>
      </c>
      <c r="D19358" s="1" t="s">
        <v>69489</v>
      </c>
      <c r="E19358" s="1" t="s">
        <v>53965</v>
      </c>
      <c r="F19358" s="1" t="s">
        <v>56652</v>
      </c>
      <c r="G19358" s="1" t="s">
        <v>69443</v>
      </c>
      <c r="H19358" s="1" t="s">
        <v>69444</v>
      </c>
      <c r="I19358" s="1" t="s">
        <v>53800</v>
      </c>
      <c r="J19358" s="1" t="s">
        <v>69490</v>
      </c>
    </row>
    <row r="19359" spans="1:10" x14ac:dyDescent="0.35">
      <c r="A19359" s="1" t="s">
        <v>69440</v>
      </c>
      <c r="B19359" s="1" t="s">
        <v>53796</v>
      </c>
      <c r="C19359" s="1" t="s">
        <v>105</v>
      </c>
      <c r="D19359" s="1" t="s">
        <v>69491</v>
      </c>
      <c r="E19359" s="1" t="s">
        <v>21956</v>
      </c>
      <c r="F19359" s="1" t="s">
        <v>69492</v>
      </c>
      <c r="G19359" s="1" t="s">
        <v>69443</v>
      </c>
      <c r="H19359" s="1" t="s">
        <v>69444</v>
      </c>
      <c r="I19359" s="1" t="s">
        <v>53800</v>
      </c>
      <c r="J19359" s="1" t="s">
        <v>69493</v>
      </c>
    </row>
    <row r="19360" spans="1:10" x14ac:dyDescent="0.35">
      <c r="A19360" s="1" t="s">
        <v>69440</v>
      </c>
      <c r="B19360" s="1" t="s">
        <v>53796</v>
      </c>
      <c r="C19360" s="1" t="s">
        <v>110</v>
      </c>
      <c r="D19360" s="1" t="s">
        <v>69494</v>
      </c>
      <c r="E19360" s="1" t="s">
        <v>54024</v>
      </c>
      <c r="F19360" s="1" t="s">
        <v>67911</v>
      </c>
      <c r="G19360" s="1" t="s">
        <v>69443</v>
      </c>
      <c r="H19360" s="1" t="s">
        <v>69444</v>
      </c>
      <c r="I19360" s="1" t="s">
        <v>53800</v>
      </c>
      <c r="J19360" s="1" t="s">
        <v>69495</v>
      </c>
    </row>
    <row r="19361" spans="1:10" x14ac:dyDescent="0.35">
      <c r="A19361" s="1" t="s">
        <v>69440</v>
      </c>
      <c r="B19361" s="1" t="s">
        <v>53796</v>
      </c>
      <c r="C19361" s="1" t="s">
        <v>115</v>
      </c>
      <c r="D19361" s="1" t="s">
        <v>21446</v>
      </c>
      <c r="E19361" s="1" t="s">
        <v>69496</v>
      </c>
      <c r="F19361" s="1" t="s">
        <v>66848</v>
      </c>
      <c r="G19361" s="1" t="s">
        <v>69443</v>
      </c>
      <c r="H19361" s="1" t="s">
        <v>69444</v>
      </c>
      <c r="I19361" s="1" t="s">
        <v>53800</v>
      </c>
      <c r="J19361" s="1" t="s">
        <v>69497</v>
      </c>
    </row>
    <row r="19362" spans="1:10" x14ac:dyDescent="0.35">
      <c r="A19362" s="1" t="s">
        <v>69440</v>
      </c>
      <c r="B19362" s="1" t="s">
        <v>53796</v>
      </c>
      <c r="C19362" s="1" t="s">
        <v>120</v>
      </c>
      <c r="D19362" s="1" t="s">
        <v>69498</v>
      </c>
      <c r="E19362" s="1" t="s">
        <v>59319</v>
      </c>
      <c r="F19362" s="1" t="s">
        <v>63038</v>
      </c>
      <c r="G19362" s="1" t="s">
        <v>69443</v>
      </c>
      <c r="H19362" s="1" t="s">
        <v>69444</v>
      </c>
      <c r="I19362" s="1" t="s">
        <v>53800</v>
      </c>
      <c r="J19362" s="1" t="s">
        <v>69499</v>
      </c>
    </row>
    <row r="19363" spans="1:10" x14ac:dyDescent="0.35">
      <c r="A19363" s="1" t="s">
        <v>69440</v>
      </c>
      <c r="B19363" s="1" t="s">
        <v>53796</v>
      </c>
      <c r="C19363" s="1" t="s">
        <v>125</v>
      </c>
      <c r="D19363" s="1" t="s">
        <v>69500</v>
      </c>
      <c r="E19363" s="1" t="s">
        <v>24384</v>
      </c>
      <c r="F19363" s="1" t="s">
        <v>69501</v>
      </c>
      <c r="G19363" s="1" t="s">
        <v>69443</v>
      </c>
      <c r="H19363" s="1" t="s">
        <v>69444</v>
      </c>
      <c r="I19363" s="1" t="s">
        <v>53800</v>
      </c>
      <c r="J19363" s="1" t="s">
        <v>69502</v>
      </c>
    </row>
    <row r="19364" spans="1:10" x14ac:dyDescent="0.35">
      <c r="A19364" s="1" t="s">
        <v>69440</v>
      </c>
      <c r="B19364" s="1" t="s">
        <v>53796</v>
      </c>
      <c r="C19364" s="1" t="s">
        <v>130</v>
      </c>
      <c r="D19364" s="1" t="s">
        <v>69503</v>
      </c>
      <c r="E19364" s="1" t="s">
        <v>27093</v>
      </c>
      <c r="F19364" s="1" t="s">
        <v>56652</v>
      </c>
      <c r="G19364" s="1" t="s">
        <v>69443</v>
      </c>
      <c r="H19364" s="1" t="s">
        <v>69444</v>
      </c>
      <c r="I19364" s="1" t="s">
        <v>53800</v>
      </c>
      <c r="J19364" s="1" t="s">
        <v>69504</v>
      </c>
    </row>
    <row r="19365" spans="1:10" x14ac:dyDescent="0.35">
      <c r="A19365" s="1" t="s">
        <v>69440</v>
      </c>
      <c r="B19365" s="1" t="s">
        <v>53796</v>
      </c>
      <c r="C19365" s="1" t="s">
        <v>135</v>
      </c>
      <c r="D19365" s="1" t="s">
        <v>69505</v>
      </c>
      <c r="E19365" s="1" t="s">
        <v>26202</v>
      </c>
      <c r="F19365" s="1" t="s">
        <v>56796</v>
      </c>
      <c r="G19365" s="1" t="s">
        <v>69443</v>
      </c>
      <c r="H19365" s="1" t="s">
        <v>69444</v>
      </c>
      <c r="I19365" s="1" t="s">
        <v>53800</v>
      </c>
      <c r="J19365" s="1" t="s">
        <v>69506</v>
      </c>
    </row>
    <row r="19366" spans="1:10" x14ac:dyDescent="0.35">
      <c r="A19366" s="1" t="s">
        <v>69440</v>
      </c>
      <c r="B19366" s="1" t="s">
        <v>53796</v>
      </c>
      <c r="C19366" s="1" t="s">
        <v>140</v>
      </c>
      <c r="D19366" s="1" t="s">
        <v>69507</v>
      </c>
      <c r="E19366" s="1" t="s">
        <v>23217</v>
      </c>
      <c r="F19366" s="1" t="s">
        <v>27161</v>
      </c>
      <c r="G19366" s="1" t="s">
        <v>69443</v>
      </c>
      <c r="H19366" s="1" t="s">
        <v>69444</v>
      </c>
      <c r="I19366" s="1" t="s">
        <v>53800</v>
      </c>
      <c r="J19366" s="1" t="s">
        <v>69508</v>
      </c>
    </row>
    <row r="19367" spans="1:10" x14ac:dyDescent="0.35">
      <c r="A19367" s="1" t="s">
        <v>69440</v>
      </c>
      <c r="B19367" s="1" t="s">
        <v>53796</v>
      </c>
      <c r="C19367" s="1" t="s">
        <v>145</v>
      </c>
      <c r="D19367" s="1" t="s">
        <v>69509</v>
      </c>
      <c r="E19367" s="1" t="s">
        <v>58602</v>
      </c>
      <c r="F19367" s="1" t="s">
        <v>69510</v>
      </c>
      <c r="G19367" s="1" t="s">
        <v>69443</v>
      </c>
      <c r="H19367" s="1" t="s">
        <v>69444</v>
      </c>
      <c r="I19367" s="1" t="s">
        <v>53800</v>
      </c>
      <c r="J19367" s="1" t="s">
        <v>69511</v>
      </c>
    </row>
    <row r="19368" spans="1:10" x14ac:dyDescent="0.35">
      <c r="A19368" s="1" t="s">
        <v>69440</v>
      </c>
      <c r="B19368" s="1" t="s">
        <v>53796</v>
      </c>
      <c r="C19368" s="1" t="s">
        <v>150</v>
      </c>
      <c r="D19368" s="1" t="s">
        <v>69512</v>
      </c>
      <c r="E19368" s="1" t="s">
        <v>23262</v>
      </c>
      <c r="F19368" s="1" t="s">
        <v>69513</v>
      </c>
      <c r="G19368" s="1" t="s">
        <v>69443</v>
      </c>
      <c r="H19368" s="1" t="s">
        <v>69444</v>
      </c>
      <c r="I19368" s="1" t="s">
        <v>53800</v>
      </c>
      <c r="J19368" s="1" t="s">
        <v>69514</v>
      </c>
    </row>
    <row r="19369" spans="1:10" x14ac:dyDescent="0.35">
      <c r="A19369" s="1" t="s">
        <v>69440</v>
      </c>
      <c r="B19369" s="1" t="s">
        <v>53796</v>
      </c>
      <c r="C19369" s="1" t="s">
        <v>155</v>
      </c>
      <c r="D19369" s="1" t="s">
        <v>69515</v>
      </c>
      <c r="E19369" s="1" t="s">
        <v>54165</v>
      </c>
      <c r="F19369" s="1" t="s">
        <v>69516</v>
      </c>
      <c r="G19369" s="1" t="s">
        <v>69443</v>
      </c>
      <c r="H19369" s="1" t="s">
        <v>69444</v>
      </c>
      <c r="I19369" s="1" t="s">
        <v>53800</v>
      </c>
      <c r="J19369" s="1" t="s">
        <v>69517</v>
      </c>
    </row>
    <row r="19370" spans="1:10" x14ac:dyDescent="0.35">
      <c r="A19370" s="1" t="s">
        <v>69440</v>
      </c>
      <c r="B19370" s="1" t="s">
        <v>53796</v>
      </c>
      <c r="C19370" s="1" t="s">
        <v>160</v>
      </c>
      <c r="D19370" s="1" t="s">
        <v>21703</v>
      </c>
      <c r="E19370" s="1" t="s">
        <v>69518</v>
      </c>
      <c r="F19370" s="1" t="s">
        <v>69519</v>
      </c>
      <c r="G19370" s="1" t="s">
        <v>69443</v>
      </c>
      <c r="H19370" s="1" t="s">
        <v>69444</v>
      </c>
      <c r="I19370" s="1" t="s">
        <v>53800</v>
      </c>
      <c r="J19370" s="1" t="s">
        <v>69520</v>
      </c>
    </row>
    <row r="19371" spans="1:10" x14ac:dyDescent="0.35">
      <c r="A19371" s="1" t="s">
        <v>69440</v>
      </c>
      <c r="B19371" s="1" t="s">
        <v>53796</v>
      </c>
      <c r="C19371" s="1" t="s">
        <v>165</v>
      </c>
      <c r="D19371" s="1" t="s">
        <v>69521</v>
      </c>
      <c r="E19371" s="1" t="s">
        <v>69522</v>
      </c>
      <c r="F19371" s="1" t="s">
        <v>56210</v>
      </c>
      <c r="G19371" s="1" t="s">
        <v>69443</v>
      </c>
      <c r="H19371" s="1" t="s">
        <v>69444</v>
      </c>
      <c r="I19371" s="1" t="s">
        <v>53800</v>
      </c>
      <c r="J19371" s="1" t="s">
        <v>69523</v>
      </c>
    </row>
    <row r="19372" spans="1:10" x14ac:dyDescent="0.35">
      <c r="A19372" s="1" t="s">
        <v>69440</v>
      </c>
      <c r="B19372" s="1" t="s">
        <v>53796</v>
      </c>
      <c r="C19372" s="1" t="s">
        <v>170</v>
      </c>
      <c r="D19372" s="1" t="s">
        <v>69524</v>
      </c>
      <c r="E19372" s="1" t="s">
        <v>59658</v>
      </c>
      <c r="F19372" s="1" t="s">
        <v>65852</v>
      </c>
      <c r="G19372" s="1" t="s">
        <v>69443</v>
      </c>
      <c r="H19372" s="1" t="s">
        <v>69444</v>
      </c>
      <c r="I19372" s="1" t="s">
        <v>53800</v>
      </c>
      <c r="J19372" s="1" t="s">
        <v>69525</v>
      </c>
    </row>
    <row r="19373" spans="1:10" x14ac:dyDescent="0.35">
      <c r="A19373" s="1" t="s">
        <v>69526</v>
      </c>
      <c r="B19373" s="1" t="s">
        <v>53796</v>
      </c>
      <c r="C19373" s="1" t="s">
        <v>8</v>
      </c>
      <c r="D19373" s="1" t="s">
        <v>23915</v>
      </c>
      <c r="E19373" s="1" t="s">
        <v>12805</v>
      </c>
      <c r="F19373" s="1" t="s">
        <v>64879</v>
      </c>
      <c r="G19373" s="1" t="s">
        <v>69527</v>
      </c>
      <c r="H19373" s="1" t="s">
        <v>69528</v>
      </c>
      <c r="I19373" s="1" t="s">
        <v>53800</v>
      </c>
      <c r="J19373" s="1" t="s">
        <v>13</v>
      </c>
    </row>
    <row r="19374" spans="1:10" x14ac:dyDescent="0.35">
      <c r="A19374" s="1" t="s">
        <v>69526</v>
      </c>
      <c r="B19374" s="1" t="s">
        <v>53796</v>
      </c>
      <c r="C19374" s="1" t="s">
        <v>15</v>
      </c>
      <c r="D19374" s="1" t="s">
        <v>69529</v>
      </c>
      <c r="E19374" s="1" t="s">
        <v>23114</v>
      </c>
      <c r="F19374" s="1" t="s">
        <v>64991</v>
      </c>
      <c r="G19374" s="1" t="s">
        <v>69527</v>
      </c>
      <c r="H19374" s="1" t="s">
        <v>69528</v>
      </c>
      <c r="I19374" s="1" t="s">
        <v>53800</v>
      </c>
      <c r="J19374" s="1" t="s">
        <v>69530</v>
      </c>
    </row>
    <row r="19375" spans="1:10" x14ac:dyDescent="0.35">
      <c r="A19375" s="1" t="s">
        <v>69526</v>
      </c>
      <c r="B19375" s="1" t="s">
        <v>53796</v>
      </c>
      <c r="C19375" s="1" t="s">
        <v>20</v>
      </c>
      <c r="D19375" s="1" t="s">
        <v>17041</v>
      </c>
      <c r="E19375" s="1" t="s">
        <v>65690</v>
      </c>
      <c r="F19375" s="1" t="s">
        <v>69531</v>
      </c>
      <c r="G19375" s="1" t="s">
        <v>69527</v>
      </c>
      <c r="H19375" s="1" t="s">
        <v>69528</v>
      </c>
      <c r="I19375" s="1" t="s">
        <v>53800</v>
      </c>
      <c r="J19375" s="1" t="s">
        <v>69532</v>
      </c>
    </row>
    <row r="19376" spans="1:10" x14ac:dyDescent="0.35">
      <c r="A19376" s="1" t="s">
        <v>69526</v>
      </c>
      <c r="B19376" s="1" t="s">
        <v>53796</v>
      </c>
      <c r="C19376" s="1" t="s">
        <v>25</v>
      </c>
      <c r="D19376" s="1" t="s">
        <v>11571</v>
      </c>
      <c r="E19376" s="1" t="s">
        <v>67016</v>
      </c>
      <c r="F19376" s="1" t="s">
        <v>60121</v>
      </c>
      <c r="G19376" s="1" t="s">
        <v>69527</v>
      </c>
      <c r="H19376" s="1" t="s">
        <v>69528</v>
      </c>
      <c r="I19376" s="1" t="s">
        <v>53800</v>
      </c>
      <c r="J19376" s="1" t="s">
        <v>69533</v>
      </c>
    </row>
    <row r="19377" spans="1:10" x14ac:dyDescent="0.35">
      <c r="A19377" s="1" t="s">
        <v>69526</v>
      </c>
      <c r="B19377" s="1" t="s">
        <v>53796</v>
      </c>
      <c r="C19377" s="1" t="s">
        <v>30</v>
      </c>
      <c r="D19377" s="1" t="s">
        <v>69534</v>
      </c>
      <c r="E19377" s="1" t="s">
        <v>53949</v>
      </c>
      <c r="F19377" s="1" t="s">
        <v>23253</v>
      </c>
      <c r="G19377" s="1" t="s">
        <v>69527</v>
      </c>
      <c r="H19377" s="1" t="s">
        <v>69528</v>
      </c>
      <c r="I19377" s="1" t="s">
        <v>53800</v>
      </c>
      <c r="J19377" s="1" t="s">
        <v>69535</v>
      </c>
    </row>
    <row r="19378" spans="1:10" x14ac:dyDescent="0.35">
      <c r="A19378" s="1" t="s">
        <v>69526</v>
      </c>
      <c r="B19378" s="1" t="s">
        <v>53796</v>
      </c>
      <c r="C19378" s="1" t="s">
        <v>35</v>
      </c>
      <c r="D19378" s="1" t="s">
        <v>69536</v>
      </c>
      <c r="E19378" s="1" t="s">
        <v>41395</v>
      </c>
      <c r="F19378" s="1" t="s">
        <v>54628</v>
      </c>
      <c r="G19378" s="1" t="s">
        <v>69527</v>
      </c>
      <c r="H19378" s="1" t="s">
        <v>69528</v>
      </c>
      <c r="I19378" s="1" t="s">
        <v>53800</v>
      </c>
      <c r="J19378" s="1" t="s">
        <v>69537</v>
      </c>
    </row>
    <row r="19379" spans="1:10" x14ac:dyDescent="0.35">
      <c r="A19379" s="1" t="s">
        <v>69526</v>
      </c>
      <c r="B19379" s="1" t="s">
        <v>53796</v>
      </c>
      <c r="C19379" s="1" t="s">
        <v>40</v>
      </c>
      <c r="D19379" s="1" t="s">
        <v>69538</v>
      </c>
      <c r="E19379" s="1" t="s">
        <v>66902</v>
      </c>
      <c r="F19379" s="1" t="s">
        <v>66399</v>
      </c>
      <c r="G19379" s="1" t="s">
        <v>69527</v>
      </c>
      <c r="H19379" s="1" t="s">
        <v>69528</v>
      </c>
      <c r="I19379" s="1" t="s">
        <v>53800</v>
      </c>
      <c r="J19379" s="1" t="s">
        <v>69539</v>
      </c>
    </row>
    <row r="19380" spans="1:10" x14ac:dyDescent="0.35">
      <c r="A19380" s="1" t="s">
        <v>69526</v>
      </c>
      <c r="B19380" s="1" t="s">
        <v>53796</v>
      </c>
      <c r="C19380" s="1" t="s">
        <v>45</v>
      </c>
      <c r="D19380" s="1" t="s">
        <v>69540</v>
      </c>
      <c r="E19380" s="1" t="s">
        <v>53825</v>
      </c>
      <c r="F19380" s="1" t="s">
        <v>61022</v>
      </c>
      <c r="G19380" s="1" t="s">
        <v>69527</v>
      </c>
      <c r="H19380" s="1" t="s">
        <v>69528</v>
      </c>
      <c r="I19380" s="1" t="s">
        <v>53800</v>
      </c>
      <c r="J19380" s="1" t="s">
        <v>69541</v>
      </c>
    </row>
    <row r="19381" spans="1:10" x14ac:dyDescent="0.35">
      <c r="A19381" s="1" t="s">
        <v>69526</v>
      </c>
      <c r="B19381" s="1" t="s">
        <v>53796</v>
      </c>
      <c r="C19381" s="1" t="s">
        <v>50</v>
      </c>
      <c r="D19381" s="1" t="s">
        <v>69542</v>
      </c>
      <c r="E19381" s="1" t="s">
        <v>54095</v>
      </c>
      <c r="F19381" s="1" t="s">
        <v>69543</v>
      </c>
      <c r="G19381" s="1" t="s">
        <v>69527</v>
      </c>
      <c r="H19381" s="1" t="s">
        <v>69528</v>
      </c>
      <c r="I19381" s="1" t="s">
        <v>53800</v>
      </c>
      <c r="J19381" s="1" t="s">
        <v>69544</v>
      </c>
    </row>
    <row r="19382" spans="1:10" x14ac:dyDescent="0.35">
      <c r="A19382" s="1" t="s">
        <v>69526</v>
      </c>
      <c r="B19382" s="1" t="s">
        <v>53796</v>
      </c>
      <c r="C19382" s="1" t="s">
        <v>55</v>
      </c>
      <c r="D19382" s="1" t="s">
        <v>69545</v>
      </c>
      <c r="E19382" s="1" t="s">
        <v>41220</v>
      </c>
      <c r="F19382" s="1" t="s">
        <v>56839</v>
      </c>
      <c r="G19382" s="1" t="s">
        <v>69527</v>
      </c>
      <c r="H19382" s="1" t="s">
        <v>69528</v>
      </c>
      <c r="I19382" s="1" t="s">
        <v>53800</v>
      </c>
      <c r="J19382" s="1" t="s">
        <v>69546</v>
      </c>
    </row>
    <row r="19383" spans="1:10" x14ac:dyDescent="0.35">
      <c r="A19383" s="1" t="s">
        <v>69526</v>
      </c>
      <c r="B19383" s="1" t="s">
        <v>53796</v>
      </c>
      <c r="C19383" s="1" t="s">
        <v>60</v>
      </c>
      <c r="D19383" s="1" t="s">
        <v>69547</v>
      </c>
      <c r="E19383" s="1" t="s">
        <v>69548</v>
      </c>
      <c r="F19383" s="1" t="s">
        <v>32920</v>
      </c>
      <c r="G19383" s="1" t="s">
        <v>69527</v>
      </c>
      <c r="H19383" s="1" t="s">
        <v>69528</v>
      </c>
      <c r="I19383" s="1" t="s">
        <v>53800</v>
      </c>
      <c r="J19383" s="1" t="s">
        <v>69549</v>
      </c>
    </row>
    <row r="19384" spans="1:10" x14ac:dyDescent="0.35">
      <c r="A19384" s="1" t="s">
        <v>69526</v>
      </c>
      <c r="B19384" s="1" t="s">
        <v>53796</v>
      </c>
      <c r="C19384" s="1" t="s">
        <v>65</v>
      </c>
      <c r="D19384" s="1" t="s">
        <v>69550</v>
      </c>
      <c r="E19384" s="1" t="s">
        <v>16094</v>
      </c>
      <c r="F19384" s="1" t="s">
        <v>59106</v>
      </c>
      <c r="G19384" s="1" t="s">
        <v>69527</v>
      </c>
      <c r="H19384" s="1" t="s">
        <v>69528</v>
      </c>
      <c r="I19384" s="1" t="s">
        <v>53800</v>
      </c>
      <c r="J19384" s="1" t="s">
        <v>69551</v>
      </c>
    </row>
    <row r="19385" spans="1:10" x14ac:dyDescent="0.35">
      <c r="A19385" s="1" t="s">
        <v>69526</v>
      </c>
      <c r="B19385" s="1" t="s">
        <v>53796</v>
      </c>
      <c r="C19385" s="1" t="s">
        <v>70</v>
      </c>
      <c r="D19385" s="1" t="s">
        <v>69552</v>
      </c>
      <c r="E19385" s="1" t="s">
        <v>69553</v>
      </c>
      <c r="F19385" s="1" t="s">
        <v>69554</v>
      </c>
      <c r="G19385" s="1" t="s">
        <v>69527</v>
      </c>
      <c r="H19385" s="1" t="s">
        <v>69528</v>
      </c>
      <c r="I19385" s="1" t="s">
        <v>53800</v>
      </c>
      <c r="J19385" s="1" t="s">
        <v>69555</v>
      </c>
    </row>
    <row r="19386" spans="1:10" x14ac:dyDescent="0.35">
      <c r="A19386" s="1" t="s">
        <v>69526</v>
      </c>
      <c r="B19386" s="1" t="s">
        <v>53796</v>
      </c>
      <c r="C19386" s="1" t="s">
        <v>75</v>
      </c>
      <c r="D19386" s="1" t="s">
        <v>69556</v>
      </c>
      <c r="E19386" s="1" t="s">
        <v>23480</v>
      </c>
      <c r="F19386" s="1" t="s">
        <v>69557</v>
      </c>
      <c r="G19386" s="1" t="s">
        <v>69527</v>
      </c>
      <c r="H19386" s="1" t="s">
        <v>69528</v>
      </c>
      <c r="I19386" s="1" t="s">
        <v>53800</v>
      </c>
      <c r="J19386" s="1" t="s">
        <v>69558</v>
      </c>
    </row>
    <row r="19387" spans="1:10" x14ac:dyDescent="0.35">
      <c r="A19387" s="1" t="s">
        <v>69526</v>
      </c>
      <c r="B19387" s="1" t="s">
        <v>53796</v>
      </c>
      <c r="C19387" s="1" t="s">
        <v>80</v>
      </c>
      <c r="D19387" s="1" t="s">
        <v>69559</v>
      </c>
      <c r="E19387" s="1" t="s">
        <v>41598</v>
      </c>
      <c r="F19387" s="1" t="s">
        <v>69560</v>
      </c>
      <c r="G19387" s="1" t="s">
        <v>69527</v>
      </c>
      <c r="H19387" s="1" t="s">
        <v>69528</v>
      </c>
      <c r="I19387" s="1" t="s">
        <v>53800</v>
      </c>
      <c r="J19387" s="1" t="s">
        <v>69561</v>
      </c>
    </row>
    <row r="19388" spans="1:10" x14ac:dyDescent="0.35">
      <c r="A19388" s="1" t="s">
        <v>69526</v>
      </c>
      <c r="B19388" s="1" t="s">
        <v>53796</v>
      </c>
      <c r="C19388" s="1" t="s">
        <v>85</v>
      </c>
      <c r="D19388" s="1" t="s">
        <v>69562</v>
      </c>
      <c r="E19388" s="1" t="s">
        <v>66812</v>
      </c>
      <c r="F19388" s="1" t="s">
        <v>31735</v>
      </c>
      <c r="G19388" s="1" t="s">
        <v>69527</v>
      </c>
      <c r="H19388" s="1" t="s">
        <v>69528</v>
      </c>
      <c r="I19388" s="1" t="s">
        <v>53800</v>
      </c>
      <c r="J19388" s="1" t="s">
        <v>69563</v>
      </c>
    </row>
    <row r="19389" spans="1:10" x14ac:dyDescent="0.35">
      <c r="A19389" s="1" t="s">
        <v>69526</v>
      </c>
      <c r="B19389" s="1" t="s">
        <v>53796</v>
      </c>
      <c r="C19389" s="1" t="s">
        <v>90</v>
      </c>
      <c r="D19389" s="1" t="s">
        <v>69564</v>
      </c>
      <c r="E19389" s="1" t="s">
        <v>32384</v>
      </c>
      <c r="F19389" s="1" t="s">
        <v>69565</v>
      </c>
      <c r="G19389" s="1" t="s">
        <v>69527</v>
      </c>
      <c r="H19389" s="1" t="s">
        <v>69528</v>
      </c>
      <c r="I19389" s="1" t="s">
        <v>53800</v>
      </c>
      <c r="J19389" s="1" t="s">
        <v>69566</v>
      </c>
    </row>
    <row r="19390" spans="1:10" x14ac:dyDescent="0.35">
      <c r="A19390" s="1" t="s">
        <v>69526</v>
      </c>
      <c r="B19390" s="1" t="s">
        <v>53796</v>
      </c>
      <c r="C19390" s="1" t="s">
        <v>95</v>
      </c>
      <c r="D19390" s="1" t="s">
        <v>69567</v>
      </c>
      <c r="E19390" s="1" t="s">
        <v>69568</v>
      </c>
      <c r="F19390" s="1" t="s">
        <v>60847</v>
      </c>
      <c r="G19390" s="1" t="s">
        <v>69527</v>
      </c>
      <c r="H19390" s="1" t="s">
        <v>69528</v>
      </c>
      <c r="I19390" s="1" t="s">
        <v>53800</v>
      </c>
      <c r="J19390" s="1" t="s">
        <v>69569</v>
      </c>
    </row>
    <row r="19391" spans="1:10" x14ac:dyDescent="0.35">
      <c r="A19391" s="1" t="s">
        <v>69526</v>
      </c>
      <c r="B19391" s="1" t="s">
        <v>53796</v>
      </c>
      <c r="C19391" s="1" t="s">
        <v>100</v>
      </c>
      <c r="D19391" s="1" t="s">
        <v>69435</v>
      </c>
      <c r="E19391" s="1" t="s">
        <v>41425</v>
      </c>
      <c r="F19391" s="1" t="s">
        <v>54223</v>
      </c>
      <c r="G19391" s="1" t="s">
        <v>69527</v>
      </c>
      <c r="H19391" s="1" t="s">
        <v>69528</v>
      </c>
      <c r="I19391" s="1" t="s">
        <v>53800</v>
      </c>
      <c r="J19391" s="1" t="s">
        <v>69570</v>
      </c>
    </row>
    <row r="19392" spans="1:10" x14ac:dyDescent="0.35">
      <c r="A19392" s="1" t="s">
        <v>69526</v>
      </c>
      <c r="B19392" s="1" t="s">
        <v>53796</v>
      </c>
      <c r="C19392" s="1" t="s">
        <v>105</v>
      </c>
      <c r="D19392" s="1" t="s">
        <v>69571</v>
      </c>
      <c r="E19392" s="1" t="s">
        <v>56246</v>
      </c>
      <c r="F19392" s="1" t="s">
        <v>68604</v>
      </c>
      <c r="G19392" s="1" t="s">
        <v>69527</v>
      </c>
      <c r="H19392" s="1" t="s">
        <v>69528</v>
      </c>
      <c r="I19392" s="1" t="s">
        <v>53800</v>
      </c>
      <c r="J19392" s="1" t="s">
        <v>69572</v>
      </c>
    </row>
    <row r="19393" spans="1:10" x14ac:dyDescent="0.35">
      <c r="A19393" s="1" t="s">
        <v>69526</v>
      </c>
      <c r="B19393" s="1" t="s">
        <v>53796</v>
      </c>
      <c r="C19393" s="1" t="s">
        <v>110</v>
      </c>
      <c r="D19393" s="1" t="s">
        <v>52388</v>
      </c>
      <c r="E19393" s="1" t="s">
        <v>59885</v>
      </c>
      <c r="F19393" s="1" t="s">
        <v>69573</v>
      </c>
      <c r="G19393" s="1" t="s">
        <v>69527</v>
      </c>
      <c r="H19393" s="1" t="s">
        <v>69528</v>
      </c>
      <c r="I19393" s="1" t="s">
        <v>53800</v>
      </c>
      <c r="J19393" s="1" t="s">
        <v>69574</v>
      </c>
    </row>
    <row r="19394" spans="1:10" x14ac:dyDescent="0.35">
      <c r="A19394" s="1" t="s">
        <v>69526</v>
      </c>
      <c r="B19394" s="1" t="s">
        <v>53796</v>
      </c>
      <c r="C19394" s="1" t="s">
        <v>115</v>
      </c>
      <c r="D19394" s="1" t="s">
        <v>69575</v>
      </c>
      <c r="E19394" s="1" t="s">
        <v>24225</v>
      </c>
      <c r="F19394" s="1" t="s">
        <v>69576</v>
      </c>
      <c r="G19394" s="1" t="s">
        <v>69527</v>
      </c>
      <c r="H19394" s="1" t="s">
        <v>69528</v>
      </c>
      <c r="I19394" s="1" t="s">
        <v>53800</v>
      </c>
      <c r="J19394" s="1" t="s">
        <v>69577</v>
      </c>
    </row>
    <row r="19395" spans="1:10" x14ac:dyDescent="0.35">
      <c r="A19395" s="1" t="s">
        <v>69526</v>
      </c>
      <c r="B19395" s="1" t="s">
        <v>53796</v>
      </c>
      <c r="C19395" s="1" t="s">
        <v>120</v>
      </c>
      <c r="D19395" s="1" t="s">
        <v>69578</v>
      </c>
      <c r="E19395" s="1" t="s">
        <v>22056</v>
      </c>
      <c r="F19395" s="1" t="s">
        <v>69579</v>
      </c>
      <c r="G19395" s="1" t="s">
        <v>69527</v>
      </c>
      <c r="H19395" s="1" t="s">
        <v>69528</v>
      </c>
      <c r="I19395" s="1" t="s">
        <v>53800</v>
      </c>
      <c r="J19395" s="1" t="s">
        <v>69580</v>
      </c>
    </row>
    <row r="19396" spans="1:10" x14ac:dyDescent="0.35">
      <c r="A19396" s="1" t="s">
        <v>69526</v>
      </c>
      <c r="B19396" s="1" t="s">
        <v>53796</v>
      </c>
      <c r="C19396" s="1" t="s">
        <v>125</v>
      </c>
      <c r="D19396" s="1" t="s">
        <v>69581</v>
      </c>
      <c r="E19396" s="1" t="s">
        <v>56956</v>
      </c>
      <c r="F19396" s="1" t="s">
        <v>69582</v>
      </c>
      <c r="G19396" s="1" t="s">
        <v>69527</v>
      </c>
      <c r="H19396" s="1" t="s">
        <v>69528</v>
      </c>
      <c r="I19396" s="1" t="s">
        <v>53800</v>
      </c>
      <c r="J19396" s="1" t="s">
        <v>69583</v>
      </c>
    </row>
    <row r="19397" spans="1:10" x14ac:dyDescent="0.35">
      <c r="A19397" s="1" t="s">
        <v>69526</v>
      </c>
      <c r="B19397" s="1" t="s">
        <v>53796</v>
      </c>
      <c r="C19397" s="1" t="s">
        <v>130</v>
      </c>
      <c r="D19397" s="1" t="s">
        <v>69584</v>
      </c>
      <c r="E19397" s="1" t="s">
        <v>24242</v>
      </c>
      <c r="F19397" s="1" t="s">
        <v>69585</v>
      </c>
      <c r="G19397" s="1" t="s">
        <v>69527</v>
      </c>
      <c r="H19397" s="1" t="s">
        <v>69528</v>
      </c>
      <c r="I19397" s="1" t="s">
        <v>53800</v>
      </c>
      <c r="J19397" s="1" t="s">
        <v>69586</v>
      </c>
    </row>
    <row r="19398" spans="1:10" x14ac:dyDescent="0.35">
      <c r="A19398" s="1" t="s">
        <v>69526</v>
      </c>
      <c r="B19398" s="1" t="s">
        <v>53796</v>
      </c>
      <c r="C19398" s="1" t="s">
        <v>135</v>
      </c>
      <c r="D19398" s="1" t="s">
        <v>69587</v>
      </c>
      <c r="E19398" s="1" t="s">
        <v>12786</v>
      </c>
      <c r="F19398" s="1" t="s">
        <v>69588</v>
      </c>
      <c r="G19398" s="1" t="s">
        <v>69527</v>
      </c>
      <c r="H19398" s="1" t="s">
        <v>69528</v>
      </c>
      <c r="I19398" s="1" t="s">
        <v>53800</v>
      </c>
      <c r="J19398" s="1" t="s">
        <v>69589</v>
      </c>
    </row>
    <row r="19399" spans="1:10" x14ac:dyDescent="0.35">
      <c r="A19399" s="1" t="s">
        <v>69526</v>
      </c>
      <c r="B19399" s="1" t="s">
        <v>53796</v>
      </c>
      <c r="C19399" s="1" t="s">
        <v>140</v>
      </c>
      <c r="D19399" s="1" t="s">
        <v>69590</v>
      </c>
      <c r="E19399" s="1" t="s">
        <v>56938</v>
      </c>
      <c r="F19399" s="1" t="s">
        <v>69232</v>
      </c>
      <c r="G19399" s="1" t="s">
        <v>69527</v>
      </c>
      <c r="H19399" s="1" t="s">
        <v>69528</v>
      </c>
      <c r="I19399" s="1" t="s">
        <v>53800</v>
      </c>
      <c r="J19399" s="1" t="s">
        <v>69591</v>
      </c>
    </row>
    <row r="19400" spans="1:10" x14ac:dyDescent="0.35">
      <c r="A19400" s="1" t="s">
        <v>69526</v>
      </c>
      <c r="B19400" s="1" t="s">
        <v>53796</v>
      </c>
      <c r="C19400" s="1" t="s">
        <v>145</v>
      </c>
      <c r="D19400" s="1" t="s">
        <v>69592</v>
      </c>
      <c r="E19400" s="1" t="s">
        <v>58768</v>
      </c>
      <c r="F19400" s="1" t="s">
        <v>69593</v>
      </c>
      <c r="G19400" s="1" t="s">
        <v>69527</v>
      </c>
      <c r="H19400" s="1" t="s">
        <v>69528</v>
      </c>
      <c r="I19400" s="1" t="s">
        <v>53800</v>
      </c>
      <c r="J19400" s="1" t="s">
        <v>69594</v>
      </c>
    </row>
    <row r="19401" spans="1:10" x14ac:dyDescent="0.35">
      <c r="A19401" s="1" t="s">
        <v>69526</v>
      </c>
      <c r="B19401" s="1" t="s">
        <v>53796</v>
      </c>
      <c r="C19401" s="1" t="s">
        <v>150</v>
      </c>
      <c r="D19401" s="1" t="s">
        <v>69595</v>
      </c>
      <c r="E19401" s="1" t="s">
        <v>62090</v>
      </c>
      <c r="F19401" s="1" t="s">
        <v>32601</v>
      </c>
      <c r="G19401" s="1" t="s">
        <v>69527</v>
      </c>
      <c r="H19401" s="1" t="s">
        <v>69528</v>
      </c>
      <c r="I19401" s="1" t="s">
        <v>53800</v>
      </c>
      <c r="J19401" s="1" t="s">
        <v>69596</v>
      </c>
    </row>
    <row r="19402" spans="1:10" x14ac:dyDescent="0.35">
      <c r="A19402" s="1" t="s">
        <v>69526</v>
      </c>
      <c r="B19402" s="1" t="s">
        <v>53796</v>
      </c>
      <c r="C19402" s="1" t="s">
        <v>155</v>
      </c>
      <c r="D19402" s="1" t="s">
        <v>69597</v>
      </c>
      <c r="E19402" s="1" t="s">
        <v>23498</v>
      </c>
      <c r="F19402" s="1" t="s">
        <v>60399</v>
      </c>
      <c r="G19402" s="1" t="s">
        <v>69527</v>
      </c>
      <c r="H19402" s="1" t="s">
        <v>69528</v>
      </c>
      <c r="I19402" s="1" t="s">
        <v>53800</v>
      </c>
      <c r="J19402" s="1" t="s">
        <v>69598</v>
      </c>
    </row>
    <row r="19403" spans="1:10" x14ac:dyDescent="0.35">
      <c r="A19403" s="1" t="s">
        <v>69526</v>
      </c>
      <c r="B19403" s="1" t="s">
        <v>53796</v>
      </c>
      <c r="C19403" s="1" t="s">
        <v>160</v>
      </c>
      <c r="D19403" s="1" t="s">
        <v>69599</v>
      </c>
      <c r="E19403" s="1" t="s">
        <v>58832</v>
      </c>
      <c r="F19403" s="1" t="s">
        <v>22350</v>
      </c>
      <c r="G19403" s="1" t="s">
        <v>69527</v>
      </c>
      <c r="H19403" s="1" t="s">
        <v>69528</v>
      </c>
      <c r="I19403" s="1" t="s">
        <v>53800</v>
      </c>
      <c r="J19403" s="1" t="s">
        <v>69600</v>
      </c>
    </row>
    <row r="19404" spans="1:10" x14ac:dyDescent="0.35">
      <c r="A19404" s="1" t="s">
        <v>69526</v>
      </c>
      <c r="B19404" s="1" t="s">
        <v>53796</v>
      </c>
      <c r="C19404" s="1" t="s">
        <v>165</v>
      </c>
      <c r="D19404" s="1" t="s">
        <v>69601</v>
      </c>
      <c r="E19404" s="1" t="s">
        <v>60671</v>
      </c>
      <c r="F19404" s="1" t="s">
        <v>69602</v>
      </c>
      <c r="G19404" s="1" t="s">
        <v>69527</v>
      </c>
      <c r="H19404" s="1" t="s">
        <v>69528</v>
      </c>
      <c r="I19404" s="1" t="s">
        <v>53800</v>
      </c>
      <c r="J19404" s="1" t="s">
        <v>69603</v>
      </c>
    </row>
    <row r="19405" spans="1:10" x14ac:dyDescent="0.35">
      <c r="A19405" s="1" t="s">
        <v>69526</v>
      </c>
      <c r="B19405" s="1" t="s">
        <v>53796</v>
      </c>
      <c r="C19405" s="1" t="s">
        <v>170</v>
      </c>
      <c r="D19405" s="1" t="s">
        <v>69604</v>
      </c>
      <c r="E19405" s="1" t="s">
        <v>59633</v>
      </c>
      <c r="F19405" s="1" t="s">
        <v>69605</v>
      </c>
      <c r="G19405" s="1" t="s">
        <v>69527</v>
      </c>
      <c r="H19405" s="1" t="s">
        <v>69528</v>
      </c>
      <c r="I19405" s="1" t="s">
        <v>53800</v>
      </c>
      <c r="J19405" s="1" t="s">
        <v>69606</v>
      </c>
    </row>
    <row r="19406" spans="1:10" x14ac:dyDescent="0.35">
      <c r="A19406" s="1" t="s">
        <v>69607</v>
      </c>
      <c r="B19406" s="1" t="s">
        <v>53796</v>
      </c>
      <c r="C19406" s="1" t="s">
        <v>8</v>
      </c>
      <c r="D19406" s="1" t="s">
        <v>69608</v>
      </c>
      <c r="E19406" s="1" t="s">
        <v>21990</v>
      </c>
      <c r="F19406" s="1" t="s">
        <v>69609</v>
      </c>
      <c r="G19406" s="1" t="s">
        <v>69610</v>
      </c>
      <c r="H19406" s="1" t="s">
        <v>69611</v>
      </c>
      <c r="I19406" s="1" t="s">
        <v>53800</v>
      </c>
      <c r="J19406" s="1" t="s">
        <v>13</v>
      </c>
    </row>
    <row r="19407" spans="1:10" x14ac:dyDescent="0.35">
      <c r="A19407" s="1" t="s">
        <v>69607</v>
      </c>
      <c r="B19407" s="1" t="s">
        <v>53796</v>
      </c>
      <c r="C19407" s="1" t="s">
        <v>15</v>
      </c>
      <c r="D19407" s="1" t="s">
        <v>69612</v>
      </c>
      <c r="E19407" s="1" t="s">
        <v>69613</v>
      </c>
      <c r="F19407" s="1" t="s">
        <v>69614</v>
      </c>
      <c r="G19407" s="1" t="s">
        <v>69610</v>
      </c>
      <c r="H19407" s="1" t="s">
        <v>69611</v>
      </c>
      <c r="I19407" s="1" t="s">
        <v>53800</v>
      </c>
      <c r="J19407" s="1" t="s">
        <v>69615</v>
      </c>
    </row>
    <row r="19408" spans="1:10" x14ac:dyDescent="0.35">
      <c r="A19408" s="1" t="s">
        <v>69607</v>
      </c>
      <c r="B19408" s="1" t="s">
        <v>53796</v>
      </c>
      <c r="C19408" s="1" t="s">
        <v>20</v>
      </c>
      <c r="D19408" s="1" t="s">
        <v>69616</v>
      </c>
      <c r="E19408" s="1" t="s">
        <v>53808</v>
      </c>
      <c r="F19408" s="1" t="s">
        <v>54687</v>
      </c>
      <c r="G19408" s="1" t="s">
        <v>69610</v>
      </c>
      <c r="H19408" s="1" t="s">
        <v>69611</v>
      </c>
      <c r="I19408" s="1" t="s">
        <v>53800</v>
      </c>
      <c r="J19408" s="1" t="s">
        <v>69617</v>
      </c>
    </row>
    <row r="19409" spans="1:10" x14ac:dyDescent="0.35">
      <c r="A19409" s="1" t="s">
        <v>69607</v>
      </c>
      <c r="B19409" s="1" t="s">
        <v>53796</v>
      </c>
      <c r="C19409" s="1" t="s">
        <v>25</v>
      </c>
      <c r="D19409" s="1" t="s">
        <v>69618</v>
      </c>
      <c r="E19409" s="1" t="s">
        <v>62864</v>
      </c>
      <c r="F19409" s="1" t="s">
        <v>64286</v>
      </c>
      <c r="G19409" s="1" t="s">
        <v>69610</v>
      </c>
      <c r="H19409" s="1" t="s">
        <v>69611</v>
      </c>
      <c r="I19409" s="1" t="s">
        <v>53800</v>
      </c>
      <c r="J19409" s="1" t="s">
        <v>69619</v>
      </c>
    </row>
    <row r="19410" spans="1:10" x14ac:dyDescent="0.35">
      <c r="A19410" s="1" t="s">
        <v>69607</v>
      </c>
      <c r="B19410" s="1" t="s">
        <v>53796</v>
      </c>
      <c r="C19410" s="1" t="s">
        <v>30</v>
      </c>
      <c r="D19410" s="1" t="s">
        <v>69620</v>
      </c>
      <c r="E19410" s="1" t="s">
        <v>31378</v>
      </c>
      <c r="F19410" s="1" t="s">
        <v>69621</v>
      </c>
      <c r="G19410" s="1" t="s">
        <v>69610</v>
      </c>
      <c r="H19410" s="1" t="s">
        <v>69611</v>
      </c>
      <c r="I19410" s="1" t="s">
        <v>53800</v>
      </c>
      <c r="J19410" s="1" t="s">
        <v>69622</v>
      </c>
    </row>
    <row r="19411" spans="1:10" x14ac:dyDescent="0.35">
      <c r="A19411" s="1" t="s">
        <v>69607</v>
      </c>
      <c r="B19411" s="1" t="s">
        <v>53796</v>
      </c>
      <c r="C19411" s="1" t="s">
        <v>35</v>
      </c>
      <c r="D19411" s="1" t="s">
        <v>69623</v>
      </c>
      <c r="E19411" s="1" t="s">
        <v>62864</v>
      </c>
      <c r="F19411" s="1" t="s">
        <v>69130</v>
      </c>
      <c r="G19411" s="1" t="s">
        <v>69610</v>
      </c>
      <c r="H19411" s="1" t="s">
        <v>69611</v>
      </c>
      <c r="I19411" s="1" t="s">
        <v>53800</v>
      </c>
      <c r="J19411" s="1" t="s">
        <v>69624</v>
      </c>
    </row>
    <row r="19412" spans="1:10" x14ac:dyDescent="0.35">
      <c r="A19412" s="1" t="s">
        <v>69607</v>
      </c>
      <c r="B19412" s="1" t="s">
        <v>53796</v>
      </c>
      <c r="C19412" s="1" t="s">
        <v>40</v>
      </c>
      <c r="D19412" s="1" t="s">
        <v>69625</v>
      </c>
      <c r="E19412" s="1" t="s">
        <v>23862</v>
      </c>
      <c r="F19412" s="1" t="s">
        <v>69626</v>
      </c>
      <c r="G19412" s="1" t="s">
        <v>69610</v>
      </c>
      <c r="H19412" s="1" t="s">
        <v>69611</v>
      </c>
      <c r="I19412" s="1" t="s">
        <v>53800</v>
      </c>
      <c r="J19412" s="1" t="s">
        <v>69627</v>
      </c>
    </row>
    <row r="19413" spans="1:10" x14ac:dyDescent="0.35">
      <c r="A19413" s="1" t="s">
        <v>69607</v>
      </c>
      <c r="B19413" s="1" t="s">
        <v>53796</v>
      </c>
      <c r="C19413" s="1" t="s">
        <v>45</v>
      </c>
      <c r="D19413" s="1" t="s">
        <v>69628</v>
      </c>
      <c r="E19413" s="1" t="s">
        <v>21757</v>
      </c>
      <c r="F19413" s="1" t="s">
        <v>69629</v>
      </c>
      <c r="G19413" s="1" t="s">
        <v>69610</v>
      </c>
      <c r="H19413" s="1" t="s">
        <v>69611</v>
      </c>
      <c r="I19413" s="1" t="s">
        <v>53800</v>
      </c>
      <c r="J19413" s="1" t="s">
        <v>69630</v>
      </c>
    </row>
    <row r="19414" spans="1:10" x14ac:dyDescent="0.35">
      <c r="A19414" s="1" t="s">
        <v>69607</v>
      </c>
      <c r="B19414" s="1" t="s">
        <v>53796</v>
      </c>
      <c r="C19414" s="1" t="s">
        <v>50</v>
      </c>
      <c r="D19414" s="1" t="s">
        <v>20688</v>
      </c>
      <c r="E19414" s="1" t="s">
        <v>41578</v>
      </c>
      <c r="F19414" s="1" t="s">
        <v>57048</v>
      </c>
      <c r="G19414" s="1" t="s">
        <v>69610</v>
      </c>
      <c r="H19414" s="1" t="s">
        <v>69611</v>
      </c>
      <c r="I19414" s="1" t="s">
        <v>53800</v>
      </c>
      <c r="J19414" s="1" t="s">
        <v>69631</v>
      </c>
    </row>
    <row r="19415" spans="1:10" x14ac:dyDescent="0.35">
      <c r="A19415" s="1" t="s">
        <v>69607</v>
      </c>
      <c r="B19415" s="1" t="s">
        <v>53796</v>
      </c>
      <c r="C19415" s="1" t="s">
        <v>55</v>
      </c>
      <c r="D19415" s="1" t="s">
        <v>69632</v>
      </c>
      <c r="E19415" s="1" t="s">
        <v>21791</v>
      </c>
      <c r="F19415" s="1" t="s">
        <v>67277</v>
      </c>
      <c r="G19415" s="1" t="s">
        <v>69610</v>
      </c>
      <c r="H19415" s="1" t="s">
        <v>69611</v>
      </c>
      <c r="I19415" s="1" t="s">
        <v>53800</v>
      </c>
      <c r="J19415" s="1" t="s">
        <v>69633</v>
      </c>
    </row>
    <row r="19416" spans="1:10" x14ac:dyDescent="0.35">
      <c r="A19416" s="1" t="s">
        <v>69607</v>
      </c>
      <c r="B19416" s="1" t="s">
        <v>53796</v>
      </c>
      <c r="C19416" s="1" t="s">
        <v>60</v>
      </c>
      <c r="D19416" s="1" t="s">
        <v>69634</v>
      </c>
      <c r="E19416" s="1" t="s">
        <v>12833</v>
      </c>
      <c r="F19416" s="1" t="s">
        <v>54721</v>
      </c>
      <c r="G19416" s="1" t="s">
        <v>69610</v>
      </c>
      <c r="H19416" s="1" t="s">
        <v>69611</v>
      </c>
      <c r="I19416" s="1" t="s">
        <v>53800</v>
      </c>
      <c r="J19416" s="1" t="s">
        <v>69635</v>
      </c>
    </row>
    <row r="19417" spans="1:10" x14ac:dyDescent="0.35">
      <c r="A19417" s="1" t="s">
        <v>69607</v>
      </c>
      <c r="B19417" s="1" t="s">
        <v>53796</v>
      </c>
      <c r="C19417" s="1" t="s">
        <v>65</v>
      </c>
      <c r="D19417" s="1" t="s">
        <v>4811</v>
      </c>
      <c r="E19417" s="1" t="s">
        <v>55916</v>
      </c>
      <c r="F19417" s="1" t="s">
        <v>69636</v>
      </c>
      <c r="G19417" s="1" t="s">
        <v>69610</v>
      </c>
      <c r="H19417" s="1" t="s">
        <v>69611</v>
      </c>
      <c r="I19417" s="1" t="s">
        <v>53800</v>
      </c>
      <c r="J19417" s="1" t="s">
        <v>69637</v>
      </c>
    </row>
    <row r="19418" spans="1:10" x14ac:dyDescent="0.35">
      <c r="A19418" s="1" t="s">
        <v>69607</v>
      </c>
      <c r="B19418" s="1" t="s">
        <v>53796</v>
      </c>
      <c r="C19418" s="1" t="s">
        <v>70</v>
      </c>
      <c r="D19418" s="1" t="s">
        <v>66204</v>
      </c>
      <c r="E19418" s="1" t="s">
        <v>54383</v>
      </c>
      <c r="F19418" s="1" t="s">
        <v>69638</v>
      </c>
      <c r="G19418" s="1" t="s">
        <v>69610</v>
      </c>
      <c r="H19418" s="1" t="s">
        <v>69611</v>
      </c>
      <c r="I19418" s="1" t="s">
        <v>53800</v>
      </c>
      <c r="J19418" s="1" t="s">
        <v>69639</v>
      </c>
    </row>
    <row r="19419" spans="1:10" x14ac:dyDescent="0.35">
      <c r="A19419" s="1" t="s">
        <v>69607</v>
      </c>
      <c r="B19419" s="1" t="s">
        <v>53796</v>
      </c>
      <c r="C19419" s="1" t="s">
        <v>75</v>
      </c>
      <c r="D19419" s="1" t="s">
        <v>69640</v>
      </c>
      <c r="E19419" s="1" t="s">
        <v>41320</v>
      </c>
      <c r="F19419" s="1" t="s">
        <v>69641</v>
      </c>
      <c r="G19419" s="1" t="s">
        <v>69610</v>
      </c>
      <c r="H19419" s="1" t="s">
        <v>69611</v>
      </c>
      <c r="I19419" s="1" t="s">
        <v>53800</v>
      </c>
      <c r="J19419" s="1" t="s">
        <v>69642</v>
      </c>
    </row>
    <row r="19420" spans="1:10" x14ac:dyDescent="0.35">
      <c r="A19420" s="1" t="s">
        <v>69607</v>
      </c>
      <c r="B19420" s="1" t="s">
        <v>53796</v>
      </c>
      <c r="C19420" s="1" t="s">
        <v>80</v>
      </c>
      <c r="D19420" s="1" t="s">
        <v>60584</v>
      </c>
      <c r="E19420" s="1" t="s">
        <v>55129</v>
      </c>
      <c r="F19420" s="1" t="s">
        <v>69643</v>
      </c>
      <c r="G19420" s="1" t="s">
        <v>69610</v>
      </c>
      <c r="H19420" s="1" t="s">
        <v>69611</v>
      </c>
      <c r="I19420" s="1" t="s">
        <v>53800</v>
      </c>
      <c r="J19420" s="1" t="s">
        <v>69644</v>
      </c>
    </row>
    <row r="19421" spans="1:10" x14ac:dyDescent="0.35">
      <c r="A19421" s="1" t="s">
        <v>69607</v>
      </c>
      <c r="B19421" s="1" t="s">
        <v>53796</v>
      </c>
      <c r="C19421" s="1" t="s">
        <v>85</v>
      </c>
      <c r="D19421" s="1" t="s">
        <v>69645</v>
      </c>
      <c r="E19421" s="1" t="s">
        <v>55035</v>
      </c>
      <c r="F19421" s="1" t="s">
        <v>56574</v>
      </c>
      <c r="G19421" s="1" t="s">
        <v>69610</v>
      </c>
      <c r="H19421" s="1" t="s">
        <v>69611</v>
      </c>
      <c r="I19421" s="1" t="s">
        <v>53800</v>
      </c>
      <c r="J19421" s="1" t="s">
        <v>69646</v>
      </c>
    </row>
    <row r="19422" spans="1:10" x14ac:dyDescent="0.35">
      <c r="A19422" s="1" t="s">
        <v>69607</v>
      </c>
      <c r="B19422" s="1" t="s">
        <v>53796</v>
      </c>
      <c r="C19422" s="1" t="s">
        <v>90</v>
      </c>
      <c r="D19422" s="1" t="s">
        <v>69647</v>
      </c>
      <c r="E19422" s="1" t="s">
        <v>58546</v>
      </c>
      <c r="F19422" s="1" t="s">
        <v>31766</v>
      </c>
      <c r="G19422" s="1" t="s">
        <v>69610</v>
      </c>
      <c r="H19422" s="1" t="s">
        <v>69611</v>
      </c>
      <c r="I19422" s="1" t="s">
        <v>53800</v>
      </c>
      <c r="J19422" s="1" t="s">
        <v>69648</v>
      </c>
    </row>
    <row r="19423" spans="1:10" x14ac:dyDescent="0.35">
      <c r="A19423" s="1" t="s">
        <v>69607</v>
      </c>
      <c r="B19423" s="1" t="s">
        <v>53796</v>
      </c>
      <c r="C19423" s="1" t="s">
        <v>95</v>
      </c>
      <c r="D19423" s="1" t="s">
        <v>67815</v>
      </c>
      <c r="E19423" s="1" t="s">
        <v>41425</v>
      </c>
      <c r="F19423" s="1" t="s">
        <v>69649</v>
      </c>
      <c r="G19423" s="1" t="s">
        <v>69610</v>
      </c>
      <c r="H19423" s="1" t="s">
        <v>69611</v>
      </c>
      <c r="I19423" s="1" t="s">
        <v>53800</v>
      </c>
      <c r="J19423" s="1" t="s">
        <v>69650</v>
      </c>
    </row>
    <row r="19424" spans="1:10" x14ac:dyDescent="0.35">
      <c r="A19424" s="1" t="s">
        <v>69607</v>
      </c>
      <c r="B19424" s="1" t="s">
        <v>53796</v>
      </c>
      <c r="C19424" s="1" t="s">
        <v>100</v>
      </c>
      <c r="D19424" s="1" t="s">
        <v>69651</v>
      </c>
      <c r="E19424" s="1" t="s">
        <v>21749</v>
      </c>
      <c r="F19424" s="1" t="s">
        <v>69652</v>
      </c>
      <c r="G19424" s="1" t="s">
        <v>69610</v>
      </c>
      <c r="H19424" s="1" t="s">
        <v>69611</v>
      </c>
      <c r="I19424" s="1" t="s">
        <v>53800</v>
      </c>
      <c r="J19424" s="1" t="s">
        <v>69653</v>
      </c>
    </row>
    <row r="19425" spans="1:10" x14ac:dyDescent="0.35">
      <c r="A19425" s="1" t="s">
        <v>69607</v>
      </c>
      <c r="B19425" s="1" t="s">
        <v>53796</v>
      </c>
      <c r="C19425" s="1" t="s">
        <v>105</v>
      </c>
      <c r="D19425" s="1" t="s">
        <v>69654</v>
      </c>
      <c r="E19425" s="1" t="s">
        <v>62816</v>
      </c>
      <c r="F19425" s="1" t="s">
        <v>64726</v>
      </c>
      <c r="G19425" s="1" t="s">
        <v>69610</v>
      </c>
      <c r="H19425" s="1" t="s">
        <v>69611</v>
      </c>
      <c r="I19425" s="1" t="s">
        <v>53800</v>
      </c>
      <c r="J19425" s="1" t="s">
        <v>69655</v>
      </c>
    </row>
    <row r="19426" spans="1:10" x14ac:dyDescent="0.35">
      <c r="A19426" s="1" t="s">
        <v>69607</v>
      </c>
      <c r="B19426" s="1" t="s">
        <v>53796</v>
      </c>
      <c r="C19426" s="1" t="s">
        <v>110</v>
      </c>
      <c r="D19426" s="1" t="s">
        <v>69656</v>
      </c>
      <c r="E19426" s="1" t="s">
        <v>41539</v>
      </c>
      <c r="F19426" s="1" t="s">
        <v>26252</v>
      </c>
      <c r="G19426" s="1" t="s">
        <v>69610</v>
      </c>
      <c r="H19426" s="1" t="s">
        <v>69611</v>
      </c>
      <c r="I19426" s="1" t="s">
        <v>53800</v>
      </c>
      <c r="J19426" s="1" t="s">
        <v>69657</v>
      </c>
    </row>
    <row r="19427" spans="1:10" x14ac:dyDescent="0.35">
      <c r="A19427" s="1" t="s">
        <v>69607</v>
      </c>
      <c r="B19427" s="1" t="s">
        <v>53796</v>
      </c>
      <c r="C19427" s="1" t="s">
        <v>115</v>
      </c>
      <c r="D19427" s="1" t="s">
        <v>69658</v>
      </c>
      <c r="E19427" s="1" t="s">
        <v>12845</v>
      </c>
      <c r="F19427" s="1" t="s">
        <v>22336</v>
      </c>
      <c r="G19427" s="1" t="s">
        <v>69610</v>
      </c>
      <c r="H19427" s="1" t="s">
        <v>69611</v>
      </c>
      <c r="I19427" s="1" t="s">
        <v>53800</v>
      </c>
      <c r="J19427" s="1" t="s">
        <v>69659</v>
      </c>
    </row>
    <row r="19428" spans="1:10" x14ac:dyDescent="0.35">
      <c r="A19428" s="1" t="s">
        <v>69607</v>
      </c>
      <c r="B19428" s="1" t="s">
        <v>53796</v>
      </c>
      <c r="C19428" s="1" t="s">
        <v>120</v>
      </c>
      <c r="D19428" s="1" t="s">
        <v>69660</v>
      </c>
      <c r="E19428" s="1" t="s">
        <v>69661</v>
      </c>
      <c r="F19428" s="1" t="s">
        <v>69662</v>
      </c>
      <c r="G19428" s="1" t="s">
        <v>69610</v>
      </c>
      <c r="H19428" s="1" t="s">
        <v>69611</v>
      </c>
      <c r="I19428" s="1" t="s">
        <v>53800</v>
      </c>
      <c r="J19428" s="1" t="s">
        <v>69663</v>
      </c>
    </row>
    <row r="19429" spans="1:10" x14ac:dyDescent="0.35">
      <c r="A19429" s="1" t="s">
        <v>69607</v>
      </c>
      <c r="B19429" s="1" t="s">
        <v>53796</v>
      </c>
      <c r="C19429" s="1" t="s">
        <v>125</v>
      </c>
      <c r="D19429" s="1" t="s">
        <v>69664</v>
      </c>
      <c r="E19429" s="1" t="s">
        <v>41327</v>
      </c>
      <c r="F19429" s="1" t="s">
        <v>69665</v>
      </c>
      <c r="G19429" s="1" t="s">
        <v>69610</v>
      </c>
      <c r="H19429" s="1" t="s">
        <v>69611</v>
      </c>
      <c r="I19429" s="1" t="s">
        <v>53800</v>
      </c>
      <c r="J19429" s="1" t="s">
        <v>69666</v>
      </c>
    </row>
    <row r="19430" spans="1:10" x14ac:dyDescent="0.35">
      <c r="A19430" s="1" t="s">
        <v>69607</v>
      </c>
      <c r="B19430" s="1" t="s">
        <v>53796</v>
      </c>
      <c r="C19430" s="1" t="s">
        <v>130</v>
      </c>
      <c r="D19430" s="1" t="s">
        <v>69667</v>
      </c>
      <c r="E19430" s="1" t="s">
        <v>12813</v>
      </c>
      <c r="F19430" s="1" t="s">
        <v>59873</v>
      </c>
      <c r="G19430" s="1" t="s">
        <v>69610</v>
      </c>
      <c r="H19430" s="1" t="s">
        <v>69611</v>
      </c>
      <c r="I19430" s="1" t="s">
        <v>53800</v>
      </c>
      <c r="J19430" s="1" t="s">
        <v>69668</v>
      </c>
    </row>
    <row r="19431" spans="1:10" x14ac:dyDescent="0.35">
      <c r="A19431" s="1" t="s">
        <v>69607</v>
      </c>
      <c r="B19431" s="1" t="s">
        <v>53796</v>
      </c>
      <c r="C19431" s="1" t="s">
        <v>135</v>
      </c>
      <c r="D19431" s="1" t="s">
        <v>22237</v>
      </c>
      <c r="E19431" s="1" t="s">
        <v>55182</v>
      </c>
      <c r="F19431" s="1" t="s">
        <v>59571</v>
      </c>
      <c r="G19431" s="1" t="s">
        <v>69610</v>
      </c>
      <c r="H19431" s="1" t="s">
        <v>69611</v>
      </c>
      <c r="I19431" s="1" t="s">
        <v>53800</v>
      </c>
      <c r="J19431" s="1" t="s">
        <v>69669</v>
      </c>
    </row>
    <row r="19432" spans="1:10" x14ac:dyDescent="0.35">
      <c r="A19432" s="1" t="s">
        <v>69607</v>
      </c>
      <c r="B19432" s="1" t="s">
        <v>53796</v>
      </c>
      <c r="C19432" s="1" t="s">
        <v>140</v>
      </c>
      <c r="D19432" s="1" t="s">
        <v>69670</v>
      </c>
      <c r="E19432" s="1" t="s">
        <v>69671</v>
      </c>
      <c r="F19432" s="1" t="s">
        <v>62617</v>
      </c>
      <c r="G19432" s="1" t="s">
        <v>69610</v>
      </c>
      <c r="H19432" s="1" t="s">
        <v>69611</v>
      </c>
      <c r="I19432" s="1" t="s">
        <v>53800</v>
      </c>
      <c r="J19432" s="1" t="s">
        <v>69672</v>
      </c>
    </row>
    <row r="19433" spans="1:10" x14ac:dyDescent="0.35">
      <c r="A19433" s="1" t="s">
        <v>69607</v>
      </c>
      <c r="B19433" s="1" t="s">
        <v>53796</v>
      </c>
      <c r="C19433" s="1" t="s">
        <v>145</v>
      </c>
      <c r="D19433" s="1" t="s">
        <v>69673</v>
      </c>
      <c r="E19433" s="1" t="s">
        <v>23160</v>
      </c>
      <c r="F19433" s="1" t="s">
        <v>69674</v>
      </c>
      <c r="G19433" s="1" t="s">
        <v>69610</v>
      </c>
      <c r="H19433" s="1" t="s">
        <v>69611</v>
      </c>
      <c r="I19433" s="1" t="s">
        <v>53800</v>
      </c>
      <c r="J19433" s="1" t="s">
        <v>69675</v>
      </c>
    </row>
    <row r="19434" spans="1:10" x14ac:dyDescent="0.35">
      <c r="A19434" s="1" t="s">
        <v>69607</v>
      </c>
      <c r="B19434" s="1" t="s">
        <v>53796</v>
      </c>
      <c r="C19434" s="1" t="s">
        <v>150</v>
      </c>
      <c r="D19434" s="1" t="s">
        <v>21963</v>
      </c>
      <c r="E19434" s="1" t="s">
        <v>15345</v>
      </c>
      <c r="F19434" s="1" t="s">
        <v>69676</v>
      </c>
      <c r="G19434" s="1" t="s">
        <v>69610</v>
      </c>
      <c r="H19434" s="1" t="s">
        <v>69611</v>
      </c>
      <c r="I19434" s="1" t="s">
        <v>53800</v>
      </c>
      <c r="J19434" s="1" t="s">
        <v>69677</v>
      </c>
    </row>
    <row r="19435" spans="1:10" x14ac:dyDescent="0.35">
      <c r="A19435" s="1" t="s">
        <v>69607</v>
      </c>
      <c r="B19435" s="1" t="s">
        <v>53796</v>
      </c>
      <c r="C19435" s="1" t="s">
        <v>155</v>
      </c>
      <c r="D19435" s="1" t="s">
        <v>69678</v>
      </c>
      <c r="E19435" s="1" t="s">
        <v>26185</v>
      </c>
      <c r="F19435" s="1" t="s">
        <v>69679</v>
      </c>
      <c r="G19435" s="1" t="s">
        <v>69610</v>
      </c>
      <c r="H19435" s="1" t="s">
        <v>69611</v>
      </c>
      <c r="I19435" s="1" t="s">
        <v>53800</v>
      </c>
      <c r="J19435" s="1" t="s">
        <v>69680</v>
      </c>
    </row>
    <row r="19436" spans="1:10" x14ac:dyDescent="0.35">
      <c r="A19436" s="1" t="s">
        <v>69607</v>
      </c>
      <c r="B19436" s="1" t="s">
        <v>53796</v>
      </c>
      <c r="C19436" s="1" t="s">
        <v>160</v>
      </c>
      <c r="D19436" s="1" t="s">
        <v>69681</v>
      </c>
      <c r="E19436" s="1" t="s">
        <v>12868</v>
      </c>
      <c r="F19436" s="1" t="s">
        <v>69682</v>
      </c>
      <c r="G19436" s="1" t="s">
        <v>69610</v>
      </c>
      <c r="H19436" s="1" t="s">
        <v>69611</v>
      </c>
      <c r="I19436" s="1" t="s">
        <v>53800</v>
      </c>
      <c r="J19436" s="1" t="s">
        <v>69683</v>
      </c>
    </row>
    <row r="19437" spans="1:10" x14ac:dyDescent="0.35">
      <c r="A19437" s="1" t="s">
        <v>69607</v>
      </c>
      <c r="B19437" s="1" t="s">
        <v>53796</v>
      </c>
      <c r="C19437" s="1" t="s">
        <v>165</v>
      </c>
      <c r="D19437" s="1" t="s">
        <v>69684</v>
      </c>
      <c r="E19437" s="1" t="s">
        <v>57245</v>
      </c>
      <c r="F19437" s="1" t="s">
        <v>56148</v>
      </c>
      <c r="G19437" s="1" t="s">
        <v>69610</v>
      </c>
      <c r="H19437" s="1" t="s">
        <v>69611</v>
      </c>
      <c r="I19437" s="1" t="s">
        <v>53800</v>
      </c>
      <c r="J19437" s="1" t="s">
        <v>69685</v>
      </c>
    </row>
    <row r="19438" spans="1:10" x14ac:dyDescent="0.35">
      <c r="A19438" s="1" t="s">
        <v>69607</v>
      </c>
      <c r="B19438" s="1" t="s">
        <v>53796</v>
      </c>
      <c r="C19438" s="1" t="s">
        <v>170</v>
      </c>
      <c r="D19438" s="1" t="s">
        <v>69686</v>
      </c>
      <c r="E19438" s="1" t="s">
        <v>24213</v>
      </c>
      <c r="F19438" s="1" t="s">
        <v>69687</v>
      </c>
      <c r="G19438" s="1" t="s">
        <v>69610</v>
      </c>
      <c r="H19438" s="1" t="s">
        <v>69611</v>
      </c>
      <c r="I19438" s="1" t="s">
        <v>53800</v>
      </c>
      <c r="J19438" s="1" t="s">
        <v>69688</v>
      </c>
    </row>
    <row r="19439" spans="1:10" x14ac:dyDescent="0.35">
      <c r="A19439" s="1" t="s">
        <v>69689</v>
      </c>
      <c r="B19439" s="1" t="s">
        <v>69690</v>
      </c>
      <c r="C19439" s="1" t="s">
        <v>8</v>
      </c>
      <c r="D19439" s="1" t="s">
        <v>69691</v>
      </c>
      <c r="E19439" s="1" t="s">
        <v>21787</v>
      </c>
      <c r="F19439" s="1" t="s">
        <v>58252</v>
      </c>
      <c r="G19439" s="1" t="s">
        <v>69692</v>
      </c>
      <c r="H19439" s="1" t="s">
        <v>69693</v>
      </c>
      <c r="I19439" s="1" t="s">
        <v>69694</v>
      </c>
      <c r="J19439" s="1" t="s">
        <v>13</v>
      </c>
    </row>
    <row r="19440" spans="1:10" x14ac:dyDescent="0.35">
      <c r="A19440" s="1" t="s">
        <v>69689</v>
      </c>
      <c r="B19440" s="1" t="s">
        <v>69690</v>
      </c>
      <c r="C19440" s="1" t="s">
        <v>15</v>
      </c>
      <c r="D19440" s="1" t="s">
        <v>69695</v>
      </c>
      <c r="E19440" s="1" t="s">
        <v>55027</v>
      </c>
      <c r="F19440" s="1" t="s">
        <v>69696</v>
      </c>
      <c r="G19440" s="1" t="s">
        <v>69692</v>
      </c>
      <c r="H19440" s="1" t="s">
        <v>69693</v>
      </c>
      <c r="I19440" s="1" t="s">
        <v>69694</v>
      </c>
      <c r="J19440" s="1" t="s">
        <v>69697</v>
      </c>
    </row>
    <row r="19441" spans="1:10" x14ac:dyDescent="0.35">
      <c r="A19441" s="1" t="s">
        <v>69689</v>
      </c>
      <c r="B19441" s="1" t="s">
        <v>69690</v>
      </c>
      <c r="C19441" s="1" t="s">
        <v>20</v>
      </c>
      <c r="D19441" s="1" t="s">
        <v>69698</v>
      </c>
      <c r="E19441" s="1" t="s">
        <v>23114</v>
      </c>
      <c r="F19441" s="1" t="s">
        <v>69699</v>
      </c>
      <c r="G19441" s="1" t="s">
        <v>69692</v>
      </c>
      <c r="H19441" s="1" t="s">
        <v>69693</v>
      </c>
      <c r="I19441" s="1" t="s">
        <v>69694</v>
      </c>
      <c r="J19441" s="1" t="s">
        <v>69700</v>
      </c>
    </row>
    <row r="19442" spans="1:10" x14ac:dyDescent="0.35">
      <c r="A19442" s="1" t="s">
        <v>69689</v>
      </c>
      <c r="B19442" s="1" t="s">
        <v>69690</v>
      </c>
      <c r="C19442" s="1" t="s">
        <v>25</v>
      </c>
      <c r="D19442" s="1" t="s">
        <v>69701</v>
      </c>
      <c r="E19442" s="1" t="s">
        <v>60959</v>
      </c>
      <c r="F19442" s="1" t="s">
        <v>69702</v>
      </c>
      <c r="G19442" s="1" t="s">
        <v>69692</v>
      </c>
      <c r="H19442" s="1" t="s">
        <v>69693</v>
      </c>
      <c r="I19442" s="1" t="s">
        <v>69694</v>
      </c>
      <c r="J19442" s="1" t="s">
        <v>69703</v>
      </c>
    </row>
    <row r="19443" spans="1:10" x14ac:dyDescent="0.35">
      <c r="A19443" s="1" t="s">
        <v>69689</v>
      </c>
      <c r="B19443" s="1" t="s">
        <v>69690</v>
      </c>
      <c r="C19443" s="1" t="s">
        <v>30</v>
      </c>
      <c r="D19443" s="1" t="s">
        <v>26830</v>
      </c>
      <c r="E19443" s="1" t="s">
        <v>23087</v>
      </c>
      <c r="F19443" s="1" t="s">
        <v>59291</v>
      </c>
      <c r="G19443" s="1" t="s">
        <v>69692</v>
      </c>
      <c r="H19443" s="1" t="s">
        <v>69693</v>
      </c>
      <c r="I19443" s="1" t="s">
        <v>69694</v>
      </c>
      <c r="J19443" s="1" t="s">
        <v>69704</v>
      </c>
    </row>
    <row r="19444" spans="1:10" x14ac:dyDescent="0.35">
      <c r="A19444" s="1" t="s">
        <v>69689</v>
      </c>
      <c r="B19444" s="1" t="s">
        <v>69690</v>
      </c>
      <c r="C19444" s="1" t="s">
        <v>35</v>
      </c>
      <c r="D19444" s="1" t="s">
        <v>69705</v>
      </c>
      <c r="E19444" s="1" t="s">
        <v>58314</v>
      </c>
      <c r="F19444" s="1" t="s">
        <v>69706</v>
      </c>
      <c r="G19444" s="1" t="s">
        <v>69692</v>
      </c>
      <c r="H19444" s="1" t="s">
        <v>69693</v>
      </c>
      <c r="I19444" s="1" t="s">
        <v>69694</v>
      </c>
      <c r="J19444" s="1" t="s">
        <v>69707</v>
      </c>
    </row>
    <row r="19445" spans="1:10" x14ac:dyDescent="0.35">
      <c r="A19445" s="1" t="s">
        <v>69689</v>
      </c>
      <c r="B19445" s="1" t="s">
        <v>69690</v>
      </c>
      <c r="C19445" s="1" t="s">
        <v>40</v>
      </c>
      <c r="D19445" s="1" t="s">
        <v>69708</v>
      </c>
      <c r="E19445" s="1" t="s">
        <v>69709</v>
      </c>
      <c r="F19445" s="1" t="s">
        <v>69710</v>
      </c>
      <c r="G19445" s="1" t="s">
        <v>69692</v>
      </c>
      <c r="H19445" s="1" t="s">
        <v>69693</v>
      </c>
      <c r="I19445" s="1" t="s">
        <v>69694</v>
      </c>
      <c r="J19445" s="1" t="s">
        <v>69711</v>
      </c>
    </row>
    <row r="19446" spans="1:10" x14ac:dyDescent="0.35">
      <c r="A19446" s="1" t="s">
        <v>69689</v>
      </c>
      <c r="B19446" s="1" t="s">
        <v>69690</v>
      </c>
      <c r="C19446" s="1" t="s">
        <v>45</v>
      </c>
      <c r="D19446" s="1" t="s">
        <v>69712</v>
      </c>
      <c r="E19446" s="1" t="s">
        <v>22998</v>
      </c>
      <c r="F19446" s="1" t="s">
        <v>69713</v>
      </c>
      <c r="G19446" s="1" t="s">
        <v>69692</v>
      </c>
      <c r="H19446" s="1" t="s">
        <v>69693</v>
      </c>
      <c r="I19446" s="1" t="s">
        <v>69694</v>
      </c>
      <c r="J19446" s="1" t="s">
        <v>69714</v>
      </c>
    </row>
    <row r="19447" spans="1:10" x14ac:dyDescent="0.35">
      <c r="A19447" s="1" t="s">
        <v>69689</v>
      </c>
      <c r="B19447" s="1" t="s">
        <v>69690</v>
      </c>
      <c r="C19447" s="1" t="s">
        <v>50</v>
      </c>
      <c r="D19447" s="1" t="s">
        <v>69715</v>
      </c>
      <c r="E19447" s="1" t="s">
        <v>69716</v>
      </c>
      <c r="F19447" s="1" t="s">
        <v>69717</v>
      </c>
      <c r="G19447" s="1" t="s">
        <v>69692</v>
      </c>
      <c r="H19447" s="1" t="s">
        <v>69693</v>
      </c>
      <c r="I19447" s="1" t="s">
        <v>69694</v>
      </c>
      <c r="J19447" s="1" t="s">
        <v>69718</v>
      </c>
    </row>
    <row r="19448" spans="1:10" x14ac:dyDescent="0.35">
      <c r="A19448" s="1" t="s">
        <v>69689</v>
      </c>
      <c r="B19448" s="1" t="s">
        <v>69690</v>
      </c>
      <c r="C19448" s="1" t="s">
        <v>55</v>
      </c>
      <c r="D19448" s="1" t="s">
        <v>69719</v>
      </c>
      <c r="E19448" s="1" t="s">
        <v>68527</v>
      </c>
      <c r="F19448" s="1" t="s">
        <v>68625</v>
      </c>
      <c r="G19448" s="1" t="s">
        <v>69692</v>
      </c>
      <c r="H19448" s="1" t="s">
        <v>69693</v>
      </c>
      <c r="I19448" s="1" t="s">
        <v>69694</v>
      </c>
      <c r="J19448" s="1" t="s">
        <v>69720</v>
      </c>
    </row>
    <row r="19449" spans="1:10" x14ac:dyDescent="0.35">
      <c r="A19449" s="1" t="s">
        <v>69689</v>
      </c>
      <c r="B19449" s="1" t="s">
        <v>69690</v>
      </c>
      <c r="C19449" s="1" t="s">
        <v>60</v>
      </c>
      <c r="D19449" s="1" t="s">
        <v>69721</v>
      </c>
      <c r="E19449" s="1" t="s">
        <v>41395</v>
      </c>
      <c r="F19449" s="1" t="s">
        <v>69722</v>
      </c>
      <c r="G19449" s="1" t="s">
        <v>69692</v>
      </c>
      <c r="H19449" s="1" t="s">
        <v>69693</v>
      </c>
      <c r="I19449" s="1" t="s">
        <v>69694</v>
      </c>
      <c r="J19449" s="1" t="s">
        <v>69723</v>
      </c>
    </row>
    <row r="19450" spans="1:10" x14ac:dyDescent="0.35">
      <c r="A19450" s="1" t="s">
        <v>69689</v>
      </c>
      <c r="B19450" s="1" t="s">
        <v>69690</v>
      </c>
      <c r="C19450" s="1" t="s">
        <v>65</v>
      </c>
      <c r="D19450" s="1" t="s">
        <v>69724</v>
      </c>
      <c r="E19450" s="1" t="s">
        <v>56644</v>
      </c>
      <c r="F19450" s="1" t="s">
        <v>56722</v>
      </c>
      <c r="G19450" s="1" t="s">
        <v>69692</v>
      </c>
      <c r="H19450" s="1" t="s">
        <v>69693</v>
      </c>
      <c r="I19450" s="1" t="s">
        <v>69694</v>
      </c>
      <c r="J19450" s="1" t="s">
        <v>69725</v>
      </c>
    </row>
    <row r="19451" spans="1:10" x14ac:dyDescent="0.35">
      <c r="A19451" s="1" t="s">
        <v>69689</v>
      </c>
      <c r="B19451" s="1" t="s">
        <v>69690</v>
      </c>
      <c r="C19451" s="1" t="s">
        <v>70</v>
      </c>
      <c r="D19451" s="1" t="s">
        <v>55903</v>
      </c>
      <c r="E19451" s="1" t="s">
        <v>21174</v>
      </c>
      <c r="F19451" s="1" t="s">
        <v>67518</v>
      </c>
      <c r="G19451" s="1" t="s">
        <v>69692</v>
      </c>
      <c r="H19451" s="1" t="s">
        <v>69693</v>
      </c>
      <c r="I19451" s="1" t="s">
        <v>69694</v>
      </c>
      <c r="J19451" s="1" t="s">
        <v>69726</v>
      </c>
    </row>
    <row r="19452" spans="1:10" x14ac:dyDescent="0.35">
      <c r="A19452" s="1" t="s">
        <v>69689</v>
      </c>
      <c r="B19452" s="1" t="s">
        <v>69690</v>
      </c>
      <c r="C19452" s="1" t="s">
        <v>75</v>
      </c>
      <c r="D19452" s="1" t="s">
        <v>69727</v>
      </c>
      <c r="E19452" s="1" t="s">
        <v>21093</v>
      </c>
      <c r="F19452" s="1" t="s">
        <v>69728</v>
      </c>
      <c r="G19452" s="1" t="s">
        <v>69692</v>
      </c>
      <c r="H19452" s="1" t="s">
        <v>69693</v>
      </c>
      <c r="I19452" s="1" t="s">
        <v>69694</v>
      </c>
      <c r="J19452" s="1" t="s">
        <v>69729</v>
      </c>
    </row>
    <row r="19453" spans="1:10" x14ac:dyDescent="0.35">
      <c r="A19453" s="1" t="s">
        <v>69689</v>
      </c>
      <c r="B19453" s="1" t="s">
        <v>69690</v>
      </c>
      <c r="C19453" s="1" t="s">
        <v>80</v>
      </c>
      <c r="D19453" s="1" t="s">
        <v>69730</v>
      </c>
      <c r="E19453" s="1" t="s">
        <v>57265</v>
      </c>
      <c r="F19453" s="1" t="s">
        <v>69731</v>
      </c>
      <c r="G19453" s="1" t="s">
        <v>69692</v>
      </c>
      <c r="H19453" s="1" t="s">
        <v>69693</v>
      </c>
      <c r="I19453" s="1" t="s">
        <v>69694</v>
      </c>
      <c r="J19453" s="1" t="s">
        <v>69732</v>
      </c>
    </row>
    <row r="19454" spans="1:10" x14ac:dyDescent="0.35">
      <c r="A19454" s="1" t="s">
        <v>69689</v>
      </c>
      <c r="B19454" s="1" t="s">
        <v>69690</v>
      </c>
      <c r="C19454" s="1" t="s">
        <v>85</v>
      </c>
      <c r="D19454" s="1" t="s">
        <v>69733</v>
      </c>
      <c r="E19454" s="1" t="s">
        <v>69734</v>
      </c>
      <c r="F19454" s="1" t="s">
        <v>69735</v>
      </c>
      <c r="G19454" s="1" t="s">
        <v>69692</v>
      </c>
      <c r="H19454" s="1" t="s">
        <v>69693</v>
      </c>
      <c r="I19454" s="1" t="s">
        <v>69694</v>
      </c>
      <c r="J19454" s="1" t="s">
        <v>69736</v>
      </c>
    </row>
    <row r="19455" spans="1:10" x14ac:dyDescent="0.35">
      <c r="A19455" s="1" t="s">
        <v>69689</v>
      </c>
      <c r="B19455" s="1" t="s">
        <v>69690</v>
      </c>
      <c r="C19455" s="1" t="s">
        <v>90</v>
      </c>
      <c r="D19455" s="1" t="s">
        <v>69737</v>
      </c>
      <c r="E19455" s="1" t="s">
        <v>41188</v>
      </c>
      <c r="F19455" s="1" t="s">
        <v>24243</v>
      </c>
      <c r="G19455" s="1" t="s">
        <v>69692</v>
      </c>
      <c r="H19455" s="1" t="s">
        <v>69693</v>
      </c>
      <c r="I19455" s="1" t="s">
        <v>69694</v>
      </c>
      <c r="J19455" s="1" t="s">
        <v>69738</v>
      </c>
    </row>
    <row r="19456" spans="1:10" x14ac:dyDescent="0.35">
      <c r="A19456" s="1" t="s">
        <v>69689</v>
      </c>
      <c r="B19456" s="1" t="s">
        <v>69690</v>
      </c>
      <c r="C19456" s="1" t="s">
        <v>95</v>
      </c>
      <c r="D19456" s="1" t="s">
        <v>69739</v>
      </c>
      <c r="E19456" s="1" t="s">
        <v>57392</v>
      </c>
      <c r="F19456" s="1" t="s">
        <v>69740</v>
      </c>
      <c r="G19456" s="1" t="s">
        <v>69692</v>
      </c>
      <c r="H19456" s="1" t="s">
        <v>69693</v>
      </c>
      <c r="I19456" s="1" t="s">
        <v>69694</v>
      </c>
      <c r="J19456" s="1" t="s">
        <v>69741</v>
      </c>
    </row>
    <row r="19457" spans="1:10" x14ac:dyDescent="0.35">
      <c r="A19457" s="1" t="s">
        <v>69689</v>
      </c>
      <c r="B19457" s="1" t="s">
        <v>69690</v>
      </c>
      <c r="C19457" s="1" t="s">
        <v>100</v>
      </c>
      <c r="D19457" s="1" t="s">
        <v>68536</v>
      </c>
      <c r="E19457" s="1" t="s">
        <v>54085</v>
      </c>
      <c r="F19457" s="1" t="s">
        <v>69742</v>
      </c>
      <c r="G19457" s="1" t="s">
        <v>69692</v>
      </c>
      <c r="H19457" s="1" t="s">
        <v>69693</v>
      </c>
      <c r="I19457" s="1" t="s">
        <v>69694</v>
      </c>
      <c r="J19457" s="1" t="s">
        <v>69743</v>
      </c>
    </row>
    <row r="19458" spans="1:10" x14ac:dyDescent="0.35">
      <c r="A19458" s="1" t="s">
        <v>69689</v>
      </c>
      <c r="B19458" s="1" t="s">
        <v>69690</v>
      </c>
      <c r="C19458" s="1" t="s">
        <v>105</v>
      </c>
      <c r="D19458" s="1" t="s">
        <v>23524</v>
      </c>
      <c r="E19458" s="1" t="s">
        <v>22954</v>
      </c>
      <c r="F19458" s="1" t="s">
        <v>69744</v>
      </c>
      <c r="G19458" s="1" t="s">
        <v>69692</v>
      </c>
      <c r="H19458" s="1" t="s">
        <v>69693</v>
      </c>
      <c r="I19458" s="1" t="s">
        <v>69694</v>
      </c>
      <c r="J19458" s="1" t="s">
        <v>69745</v>
      </c>
    </row>
    <row r="19459" spans="1:10" x14ac:dyDescent="0.35">
      <c r="A19459" s="1" t="s">
        <v>69689</v>
      </c>
      <c r="B19459" s="1" t="s">
        <v>69690</v>
      </c>
      <c r="C19459" s="1" t="s">
        <v>110</v>
      </c>
      <c r="D19459" s="1" t="s">
        <v>69746</v>
      </c>
      <c r="E19459" s="1" t="s">
        <v>69747</v>
      </c>
      <c r="F19459" s="1" t="s">
        <v>69748</v>
      </c>
      <c r="G19459" s="1" t="s">
        <v>69692</v>
      </c>
      <c r="H19459" s="1" t="s">
        <v>69693</v>
      </c>
      <c r="I19459" s="1" t="s">
        <v>69694</v>
      </c>
      <c r="J19459" s="1" t="s">
        <v>69749</v>
      </c>
    </row>
    <row r="19460" spans="1:10" x14ac:dyDescent="0.35">
      <c r="A19460" s="1" t="s">
        <v>69689</v>
      </c>
      <c r="B19460" s="1" t="s">
        <v>69690</v>
      </c>
      <c r="C19460" s="1" t="s">
        <v>115</v>
      </c>
      <c r="D19460" s="1" t="s">
        <v>63373</v>
      </c>
      <c r="E19460" s="1" t="s">
        <v>21865</v>
      </c>
      <c r="F19460" s="1" t="s">
        <v>69750</v>
      </c>
      <c r="G19460" s="1" t="s">
        <v>69692</v>
      </c>
      <c r="H19460" s="1" t="s">
        <v>69693</v>
      </c>
      <c r="I19460" s="1" t="s">
        <v>69694</v>
      </c>
      <c r="J19460" s="1" t="s">
        <v>69751</v>
      </c>
    </row>
    <row r="19461" spans="1:10" x14ac:dyDescent="0.35">
      <c r="A19461" s="1" t="s">
        <v>69689</v>
      </c>
      <c r="B19461" s="1" t="s">
        <v>69690</v>
      </c>
      <c r="C19461" s="1" t="s">
        <v>120</v>
      </c>
      <c r="D19461" s="1" t="s">
        <v>69752</v>
      </c>
      <c r="E19461" s="1" t="s">
        <v>57359</v>
      </c>
      <c r="F19461" s="1" t="s">
        <v>66599</v>
      </c>
      <c r="G19461" s="1" t="s">
        <v>69692</v>
      </c>
      <c r="H19461" s="1" t="s">
        <v>69693</v>
      </c>
      <c r="I19461" s="1" t="s">
        <v>69694</v>
      </c>
      <c r="J19461" s="1" t="s">
        <v>69753</v>
      </c>
    </row>
    <row r="19462" spans="1:10" x14ac:dyDescent="0.35">
      <c r="A19462" s="1" t="s">
        <v>69689</v>
      </c>
      <c r="B19462" s="1" t="s">
        <v>69690</v>
      </c>
      <c r="C19462" s="1" t="s">
        <v>125</v>
      </c>
      <c r="D19462" s="1" t="s">
        <v>40208</v>
      </c>
      <c r="E19462" s="1" t="s">
        <v>56606</v>
      </c>
      <c r="F19462" s="1" t="s">
        <v>67835</v>
      </c>
      <c r="G19462" s="1" t="s">
        <v>69692</v>
      </c>
      <c r="H19462" s="1" t="s">
        <v>69693</v>
      </c>
      <c r="I19462" s="1" t="s">
        <v>69694</v>
      </c>
      <c r="J19462" s="1" t="s">
        <v>69754</v>
      </c>
    </row>
    <row r="19463" spans="1:10" x14ac:dyDescent="0.35">
      <c r="A19463" s="1" t="s">
        <v>69689</v>
      </c>
      <c r="B19463" s="1" t="s">
        <v>69690</v>
      </c>
      <c r="C19463" s="1" t="s">
        <v>130</v>
      </c>
      <c r="D19463" s="1" t="s">
        <v>69755</v>
      </c>
      <c r="E19463" s="1" t="s">
        <v>12853</v>
      </c>
      <c r="F19463" s="1" t="s">
        <v>26252</v>
      </c>
      <c r="G19463" s="1" t="s">
        <v>69692</v>
      </c>
      <c r="H19463" s="1" t="s">
        <v>69693</v>
      </c>
      <c r="I19463" s="1" t="s">
        <v>69694</v>
      </c>
      <c r="J19463" s="1" t="s">
        <v>69756</v>
      </c>
    </row>
    <row r="19464" spans="1:10" x14ac:dyDescent="0.35">
      <c r="A19464" s="1" t="s">
        <v>69689</v>
      </c>
      <c r="B19464" s="1" t="s">
        <v>69690</v>
      </c>
      <c r="C19464" s="1" t="s">
        <v>135</v>
      </c>
      <c r="D19464" s="1" t="s">
        <v>69757</v>
      </c>
      <c r="E19464" s="1" t="s">
        <v>55869</v>
      </c>
      <c r="F19464" s="1" t="s">
        <v>69758</v>
      </c>
      <c r="G19464" s="1" t="s">
        <v>69692</v>
      </c>
      <c r="H19464" s="1" t="s">
        <v>69693</v>
      </c>
      <c r="I19464" s="1" t="s">
        <v>69694</v>
      </c>
      <c r="J19464" s="1" t="s">
        <v>69759</v>
      </c>
    </row>
    <row r="19465" spans="1:10" x14ac:dyDescent="0.35">
      <c r="A19465" s="1" t="s">
        <v>69689</v>
      </c>
      <c r="B19465" s="1" t="s">
        <v>69690</v>
      </c>
      <c r="C19465" s="1" t="s">
        <v>140</v>
      </c>
      <c r="D19465" s="1" t="s">
        <v>69760</v>
      </c>
      <c r="E19465" s="1" t="s">
        <v>58409</v>
      </c>
      <c r="F19465" s="1" t="s">
        <v>69761</v>
      </c>
      <c r="G19465" s="1" t="s">
        <v>69692</v>
      </c>
      <c r="H19465" s="1" t="s">
        <v>69693</v>
      </c>
      <c r="I19465" s="1" t="s">
        <v>69694</v>
      </c>
      <c r="J19465" s="1" t="s">
        <v>69762</v>
      </c>
    </row>
    <row r="19466" spans="1:10" x14ac:dyDescent="0.35">
      <c r="A19466" s="1" t="s">
        <v>69689</v>
      </c>
      <c r="B19466" s="1" t="s">
        <v>69690</v>
      </c>
      <c r="C19466" s="1" t="s">
        <v>145</v>
      </c>
      <c r="D19466" s="1" t="s">
        <v>69763</v>
      </c>
      <c r="E19466" s="1" t="s">
        <v>21952</v>
      </c>
      <c r="F19466" s="1" t="s">
        <v>69764</v>
      </c>
      <c r="G19466" s="1" t="s">
        <v>69692</v>
      </c>
      <c r="H19466" s="1" t="s">
        <v>69693</v>
      </c>
      <c r="I19466" s="1" t="s">
        <v>69694</v>
      </c>
      <c r="J19466" s="1" t="s">
        <v>69765</v>
      </c>
    </row>
    <row r="19467" spans="1:10" x14ac:dyDescent="0.35">
      <c r="A19467" s="1" t="s">
        <v>69689</v>
      </c>
      <c r="B19467" s="1" t="s">
        <v>69690</v>
      </c>
      <c r="C19467" s="1" t="s">
        <v>150</v>
      </c>
      <c r="D19467" s="1" t="s">
        <v>69766</v>
      </c>
      <c r="E19467" s="1" t="s">
        <v>55344</v>
      </c>
      <c r="F19467" s="1" t="s">
        <v>69767</v>
      </c>
      <c r="G19467" s="1" t="s">
        <v>69692</v>
      </c>
      <c r="H19467" s="1" t="s">
        <v>69693</v>
      </c>
      <c r="I19467" s="1" t="s">
        <v>69694</v>
      </c>
      <c r="J19467" s="1" t="s">
        <v>69768</v>
      </c>
    </row>
    <row r="19468" spans="1:10" x14ac:dyDescent="0.35">
      <c r="A19468" s="1" t="s">
        <v>69689</v>
      </c>
      <c r="B19468" s="1" t="s">
        <v>69690</v>
      </c>
      <c r="C19468" s="1" t="s">
        <v>155</v>
      </c>
      <c r="D19468" s="1" t="s">
        <v>69769</v>
      </c>
      <c r="E19468" s="1" t="s">
        <v>12868</v>
      </c>
      <c r="F19468" s="1" t="s">
        <v>69770</v>
      </c>
      <c r="G19468" s="1" t="s">
        <v>69692</v>
      </c>
      <c r="H19468" s="1" t="s">
        <v>69693</v>
      </c>
      <c r="I19468" s="1" t="s">
        <v>69694</v>
      </c>
      <c r="J19468" s="1" t="s">
        <v>69771</v>
      </c>
    </row>
    <row r="19469" spans="1:10" x14ac:dyDescent="0.35">
      <c r="A19469" s="1" t="s">
        <v>69689</v>
      </c>
      <c r="B19469" s="1" t="s">
        <v>69690</v>
      </c>
      <c r="C19469" s="1" t="s">
        <v>160</v>
      </c>
      <c r="D19469" s="1" t="s">
        <v>69772</v>
      </c>
      <c r="E19469" s="1" t="s">
        <v>55947</v>
      </c>
      <c r="F19469" s="1" t="s">
        <v>69773</v>
      </c>
      <c r="G19469" s="1" t="s">
        <v>69692</v>
      </c>
      <c r="H19469" s="1" t="s">
        <v>69693</v>
      </c>
      <c r="I19469" s="1" t="s">
        <v>69694</v>
      </c>
      <c r="J19469" s="1" t="s">
        <v>69774</v>
      </c>
    </row>
    <row r="19470" spans="1:10" x14ac:dyDescent="0.35">
      <c r="A19470" s="1" t="s">
        <v>69689</v>
      </c>
      <c r="B19470" s="1" t="s">
        <v>69690</v>
      </c>
      <c r="C19470" s="1" t="s">
        <v>165</v>
      </c>
      <c r="D19470" s="1" t="s">
        <v>69775</v>
      </c>
      <c r="E19470" s="1" t="s">
        <v>56651</v>
      </c>
      <c r="F19470" s="1" t="s">
        <v>69776</v>
      </c>
      <c r="G19470" s="1" t="s">
        <v>69692</v>
      </c>
      <c r="H19470" s="1" t="s">
        <v>69693</v>
      </c>
      <c r="I19470" s="1" t="s">
        <v>69694</v>
      </c>
      <c r="J19470" s="1" t="s">
        <v>69777</v>
      </c>
    </row>
    <row r="19471" spans="1:10" x14ac:dyDescent="0.35">
      <c r="A19471" s="1" t="s">
        <v>69689</v>
      </c>
      <c r="B19471" s="1" t="s">
        <v>69690</v>
      </c>
      <c r="C19471" s="1" t="s">
        <v>170</v>
      </c>
      <c r="D19471" s="1" t="s">
        <v>40690</v>
      </c>
      <c r="E19471" s="1" t="s">
        <v>58979</v>
      </c>
      <c r="F19471" s="1" t="s">
        <v>69778</v>
      </c>
      <c r="G19471" s="1" t="s">
        <v>69692</v>
      </c>
      <c r="H19471" s="1" t="s">
        <v>69693</v>
      </c>
      <c r="I19471" s="1" t="s">
        <v>69694</v>
      </c>
      <c r="J19471" s="1" t="s">
        <v>69779</v>
      </c>
    </row>
    <row r="19472" spans="1:10" x14ac:dyDescent="0.35">
      <c r="A19472" s="1" t="s">
        <v>69780</v>
      </c>
      <c r="B19472" s="1" t="s">
        <v>69690</v>
      </c>
      <c r="C19472" s="1" t="s">
        <v>8</v>
      </c>
      <c r="D19472" s="1" t="s">
        <v>68249</v>
      </c>
      <c r="E19472" s="1" t="s">
        <v>69781</v>
      </c>
      <c r="F19472" s="1" t="s">
        <v>69782</v>
      </c>
      <c r="G19472" s="1" t="s">
        <v>69783</v>
      </c>
      <c r="H19472" s="1" t="s">
        <v>69784</v>
      </c>
      <c r="I19472" s="1" t="s">
        <v>69694</v>
      </c>
      <c r="J19472" s="1" t="s">
        <v>13</v>
      </c>
    </row>
    <row r="19473" spans="1:10" x14ac:dyDescent="0.35">
      <c r="A19473" s="1" t="s">
        <v>69780</v>
      </c>
      <c r="B19473" s="1" t="s">
        <v>69690</v>
      </c>
      <c r="C19473" s="1" t="s">
        <v>15</v>
      </c>
      <c r="D19473" s="1" t="s">
        <v>69785</v>
      </c>
      <c r="E19473" s="1" t="s">
        <v>69786</v>
      </c>
      <c r="F19473" s="1" t="s">
        <v>69787</v>
      </c>
      <c r="G19473" s="1" t="s">
        <v>69783</v>
      </c>
      <c r="H19473" s="1" t="s">
        <v>69784</v>
      </c>
      <c r="I19473" s="1" t="s">
        <v>69694</v>
      </c>
      <c r="J19473" s="1" t="s">
        <v>69788</v>
      </c>
    </row>
    <row r="19474" spans="1:10" x14ac:dyDescent="0.35">
      <c r="A19474" s="1" t="s">
        <v>69780</v>
      </c>
      <c r="B19474" s="1" t="s">
        <v>69690</v>
      </c>
      <c r="C19474" s="1" t="s">
        <v>20</v>
      </c>
      <c r="D19474" s="1" t="s">
        <v>54953</v>
      </c>
      <c r="E19474" s="1" t="s">
        <v>69789</v>
      </c>
      <c r="F19474" s="1" t="s">
        <v>69790</v>
      </c>
      <c r="G19474" s="1" t="s">
        <v>69783</v>
      </c>
      <c r="H19474" s="1" t="s">
        <v>69784</v>
      </c>
      <c r="I19474" s="1" t="s">
        <v>69694</v>
      </c>
      <c r="J19474" s="1" t="s">
        <v>69791</v>
      </c>
    </row>
    <row r="19475" spans="1:10" x14ac:dyDescent="0.35">
      <c r="A19475" s="1" t="s">
        <v>69780</v>
      </c>
      <c r="B19475" s="1" t="s">
        <v>69690</v>
      </c>
      <c r="C19475" s="1" t="s">
        <v>25</v>
      </c>
      <c r="D19475" s="1" t="s">
        <v>69792</v>
      </c>
      <c r="E19475" s="1" t="s">
        <v>69793</v>
      </c>
      <c r="F19475" s="1" t="s">
        <v>69794</v>
      </c>
      <c r="G19475" s="1" t="s">
        <v>69783</v>
      </c>
      <c r="H19475" s="1" t="s">
        <v>69784</v>
      </c>
      <c r="I19475" s="1" t="s">
        <v>69694</v>
      </c>
      <c r="J19475" s="1" t="s">
        <v>69795</v>
      </c>
    </row>
    <row r="19476" spans="1:10" x14ac:dyDescent="0.35">
      <c r="A19476" s="1" t="s">
        <v>69780</v>
      </c>
      <c r="B19476" s="1" t="s">
        <v>69690</v>
      </c>
      <c r="C19476" s="1" t="s">
        <v>30</v>
      </c>
      <c r="D19476" s="1" t="s">
        <v>69796</v>
      </c>
      <c r="E19476" s="1" t="s">
        <v>69797</v>
      </c>
      <c r="F19476" s="1" t="s">
        <v>69798</v>
      </c>
      <c r="G19476" s="1" t="s">
        <v>69783</v>
      </c>
      <c r="H19476" s="1" t="s">
        <v>69784</v>
      </c>
      <c r="I19476" s="1" t="s">
        <v>69694</v>
      </c>
      <c r="J19476" s="1" t="s">
        <v>69799</v>
      </c>
    </row>
    <row r="19477" spans="1:10" x14ac:dyDescent="0.35">
      <c r="A19477" s="1" t="s">
        <v>69780</v>
      </c>
      <c r="B19477" s="1" t="s">
        <v>69690</v>
      </c>
      <c r="C19477" s="1" t="s">
        <v>35</v>
      </c>
      <c r="D19477" s="1" t="s">
        <v>69800</v>
      </c>
      <c r="E19477" s="1" t="s">
        <v>69801</v>
      </c>
      <c r="F19477" s="1" t="s">
        <v>69802</v>
      </c>
      <c r="G19477" s="1" t="s">
        <v>69783</v>
      </c>
      <c r="H19477" s="1" t="s">
        <v>69784</v>
      </c>
      <c r="I19477" s="1" t="s">
        <v>69694</v>
      </c>
      <c r="J19477" s="1" t="s">
        <v>69803</v>
      </c>
    </row>
    <row r="19478" spans="1:10" x14ac:dyDescent="0.35">
      <c r="A19478" s="1" t="s">
        <v>69780</v>
      </c>
      <c r="B19478" s="1" t="s">
        <v>69690</v>
      </c>
      <c r="C19478" s="1" t="s">
        <v>40</v>
      </c>
      <c r="D19478" s="1" t="s">
        <v>69804</v>
      </c>
      <c r="E19478" s="1" t="s">
        <v>69805</v>
      </c>
      <c r="F19478" s="1" t="s">
        <v>69806</v>
      </c>
      <c r="G19478" s="1" t="s">
        <v>69783</v>
      </c>
      <c r="H19478" s="1" t="s">
        <v>69784</v>
      </c>
      <c r="I19478" s="1" t="s">
        <v>69694</v>
      </c>
      <c r="J19478" s="1" t="s">
        <v>69807</v>
      </c>
    </row>
    <row r="19479" spans="1:10" x14ac:dyDescent="0.35">
      <c r="A19479" s="1" t="s">
        <v>69780</v>
      </c>
      <c r="B19479" s="1" t="s">
        <v>69690</v>
      </c>
      <c r="C19479" s="1" t="s">
        <v>45</v>
      </c>
      <c r="D19479" s="1" t="s">
        <v>69808</v>
      </c>
      <c r="E19479" s="1" t="s">
        <v>69809</v>
      </c>
      <c r="F19479" s="1" t="s">
        <v>69810</v>
      </c>
      <c r="G19479" s="1" t="s">
        <v>69783</v>
      </c>
      <c r="H19479" s="1" t="s">
        <v>69784</v>
      </c>
      <c r="I19479" s="1" t="s">
        <v>69694</v>
      </c>
      <c r="J19479" s="1" t="s">
        <v>69811</v>
      </c>
    </row>
    <row r="19480" spans="1:10" x14ac:dyDescent="0.35">
      <c r="A19480" s="1" t="s">
        <v>69780</v>
      </c>
      <c r="B19480" s="1" t="s">
        <v>69690</v>
      </c>
      <c r="C19480" s="1" t="s">
        <v>50</v>
      </c>
      <c r="D19480" s="1" t="s">
        <v>69812</v>
      </c>
      <c r="E19480" s="1" t="s">
        <v>69813</v>
      </c>
      <c r="F19480" s="1" t="s">
        <v>69814</v>
      </c>
      <c r="G19480" s="1" t="s">
        <v>69783</v>
      </c>
      <c r="H19480" s="1" t="s">
        <v>69784</v>
      </c>
      <c r="I19480" s="1" t="s">
        <v>69694</v>
      </c>
      <c r="J19480" s="1" t="s">
        <v>69815</v>
      </c>
    </row>
    <row r="19481" spans="1:10" x14ac:dyDescent="0.35">
      <c r="A19481" s="1" t="s">
        <v>69780</v>
      </c>
      <c r="B19481" s="1" t="s">
        <v>69690</v>
      </c>
      <c r="C19481" s="1" t="s">
        <v>55</v>
      </c>
      <c r="D19481" s="1" t="s">
        <v>69816</v>
      </c>
      <c r="E19481" s="1" t="s">
        <v>69817</v>
      </c>
      <c r="F19481" s="1" t="s">
        <v>69818</v>
      </c>
      <c r="G19481" s="1" t="s">
        <v>69783</v>
      </c>
      <c r="H19481" s="1" t="s">
        <v>69784</v>
      </c>
      <c r="I19481" s="1" t="s">
        <v>69694</v>
      </c>
      <c r="J19481" s="1" t="s">
        <v>69819</v>
      </c>
    </row>
    <row r="19482" spans="1:10" x14ac:dyDescent="0.35">
      <c r="A19482" s="1" t="s">
        <v>69780</v>
      </c>
      <c r="B19482" s="1" t="s">
        <v>69690</v>
      </c>
      <c r="C19482" s="1" t="s">
        <v>60</v>
      </c>
      <c r="D19482" s="1" t="s">
        <v>69820</v>
      </c>
      <c r="E19482" s="1" t="s">
        <v>69821</v>
      </c>
      <c r="F19482" s="1" t="s">
        <v>69822</v>
      </c>
      <c r="G19482" s="1" t="s">
        <v>69783</v>
      </c>
      <c r="H19482" s="1" t="s">
        <v>69784</v>
      </c>
      <c r="I19482" s="1" t="s">
        <v>69694</v>
      </c>
      <c r="J19482" s="1" t="s">
        <v>69823</v>
      </c>
    </row>
    <row r="19483" spans="1:10" x14ac:dyDescent="0.35">
      <c r="A19483" s="1" t="s">
        <v>69780</v>
      </c>
      <c r="B19483" s="1" t="s">
        <v>69690</v>
      </c>
      <c r="C19483" s="1" t="s">
        <v>65</v>
      </c>
      <c r="D19483" s="1" t="s">
        <v>69824</v>
      </c>
      <c r="E19483" s="1" t="s">
        <v>69825</v>
      </c>
      <c r="F19483" s="1" t="s">
        <v>69826</v>
      </c>
      <c r="G19483" s="1" t="s">
        <v>69783</v>
      </c>
      <c r="H19483" s="1" t="s">
        <v>69784</v>
      </c>
      <c r="I19483" s="1" t="s">
        <v>69694</v>
      </c>
      <c r="J19483" s="1" t="s">
        <v>69827</v>
      </c>
    </row>
    <row r="19484" spans="1:10" x14ac:dyDescent="0.35">
      <c r="A19484" s="1" t="s">
        <v>69780</v>
      </c>
      <c r="B19484" s="1" t="s">
        <v>69690</v>
      </c>
      <c r="C19484" s="1" t="s">
        <v>70</v>
      </c>
      <c r="D19484" s="1" t="s">
        <v>69828</v>
      </c>
      <c r="E19484" s="1" t="s">
        <v>69829</v>
      </c>
      <c r="F19484" s="1" t="s">
        <v>69830</v>
      </c>
      <c r="G19484" s="1" t="s">
        <v>69783</v>
      </c>
      <c r="H19484" s="1" t="s">
        <v>69784</v>
      </c>
      <c r="I19484" s="1" t="s">
        <v>69694</v>
      </c>
      <c r="J19484" s="1" t="s">
        <v>69831</v>
      </c>
    </row>
    <row r="19485" spans="1:10" x14ac:dyDescent="0.35">
      <c r="A19485" s="1" t="s">
        <v>69780</v>
      </c>
      <c r="B19485" s="1" t="s">
        <v>69690</v>
      </c>
      <c r="C19485" s="1" t="s">
        <v>75</v>
      </c>
      <c r="D19485" s="1" t="s">
        <v>69832</v>
      </c>
      <c r="E19485" s="1" t="s">
        <v>69833</v>
      </c>
      <c r="F19485" s="1" t="s">
        <v>69834</v>
      </c>
      <c r="G19485" s="1" t="s">
        <v>69783</v>
      </c>
      <c r="H19485" s="1" t="s">
        <v>69784</v>
      </c>
      <c r="I19485" s="1" t="s">
        <v>69694</v>
      </c>
      <c r="J19485" s="1" t="s">
        <v>69835</v>
      </c>
    </row>
    <row r="19486" spans="1:10" x14ac:dyDescent="0.35">
      <c r="A19486" s="1" t="s">
        <v>69780</v>
      </c>
      <c r="B19486" s="1" t="s">
        <v>69690</v>
      </c>
      <c r="C19486" s="1" t="s">
        <v>80</v>
      </c>
      <c r="D19486" s="1" t="s">
        <v>40514</v>
      </c>
      <c r="E19486" s="1" t="s">
        <v>69836</v>
      </c>
      <c r="F19486" s="1" t="s">
        <v>69837</v>
      </c>
      <c r="G19486" s="1" t="s">
        <v>69783</v>
      </c>
      <c r="H19486" s="1" t="s">
        <v>69784</v>
      </c>
      <c r="I19486" s="1" t="s">
        <v>69694</v>
      </c>
      <c r="J19486" s="1" t="s">
        <v>69838</v>
      </c>
    </row>
    <row r="19487" spans="1:10" x14ac:dyDescent="0.35">
      <c r="A19487" s="1" t="s">
        <v>69780</v>
      </c>
      <c r="B19487" s="1" t="s">
        <v>69690</v>
      </c>
      <c r="C19487" s="1" t="s">
        <v>85</v>
      </c>
      <c r="D19487" s="1" t="s">
        <v>69839</v>
      </c>
      <c r="E19487" s="1" t="s">
        <v>69840</v>
      </c>
      <c r="F19487" s="1" t="s">
        <v>69841</v>
      </c>
      <c r="G19487" s="1" t="s">
        <v>69783</v>
      </c>
      <c r="H19487" s="1" t="s">
        <v>69784</v>
      </c>
      <c r="I19487" s="1" t="s">
        <v>69694</v>
      </c>
      <c r="J19487" s="1" t="s">
        <v>69842</v>
      </c>
    </row>
    <row r="19488" spans="1:10" x14ac:dyDescent="0.35">
      <c r="A19488" s="1" t="s">
        <v>69780</v>
      </c>
      <c r="B19488" s="1" t="s">
        <v>69690</v>
      </c>
      <c r="C19488" s="1" t="s">
        <v>90</v>
      </c>
      <c r="D19488" s="1" t="s">
        <v>69843</v>
      </c>
      <c r="E19488" s="1" t="s">
        <v>69844</v>
      </c>
      <c r="F19488" s="1" t="s">
        <v>69845</v>
      </c>
      <c r="G19488" s="1" t="s">
        <v>69783</v>
      </c>
      <c r="H19488" s="1" t="s">
        <v>69784</v>
      </c>
      <c r="I19488" s="1" t="s">
        <v>69694</v>
      </c>
      <c r="J19488" s="1" t="s">
        <v>69846</v>
      </c>
    </row>
    <row r="19489" spans="1:10" x14ac:dyDescent="0.35">
      <c r="A19489" s="1" t="s">
        <v>69780</v>
      </c>
      <c r="B19489" s="1" t="s">
        <v>69690</v>
      </c>
      <c r="C19489" s="1" t="s">
        <v>95</v>
      </c>
      <c r="D19489" s="1" t="s">
        <v>69847</v>
      </c>
      <c r="E19489" s="1" t="s">
        <v>69848</v>
      </c>
      <c r="F19489" s="1" t="s">
        <v>69849</v>
      </c>
      <c r="G19489" s="1" t="s">
        <v>69783</v>
      </c>
      <c r="H19489" s="1" t="s">
        <v>69784</v>
      </c>
      <c r="I19489" s="1" t="s">
        <v>69694</v>
      </c>
      <c r="J19489" s="1" t="s">
        <v>69850</v>
      </c>
    </row>
    <row r="19490" spans="1:10" x14ac:dyDescent="0.35">
      <c r="A19490" s="1" t="s">
        <v>69780</v>
      </c>
      <c r="B19490" s="1" t="s">
        <v>69690</v>
      </c>
      <c r="C19490" s="1" t="s">
        <v>100</v>
      </c>
      <c r="D19490" s="1" t="s">
        <v>69851</v>
      </c>
      <c r="E19490" s="1" t="s">
        <v>69852</v>
      </c>
      <c r="F19490" s="1" t="s">
        <v>69853</v>
      </c>
      <c r="G19490" s="1" t="s">
        <v>69783</v>
      </c>
      <c r="H19490" s="1" t="s">
        <v>69784</v>
      </c>
      <c r="I19490" s="1" t="s">
        <v>69694</v>
      </c>
      <c r="J19490" s="1" t="s">
        <v>69854</v>
      </c>
    </row>
    <row r="19491" spans="1:10" x14ac:dyDescent="0.35">
      <c r="A19491" s="1" t="s">
        <v>69780</v>
      </c>
      <c r="B19491" s="1" t="s">
        <v>69690</v>
      </c>
      <c r="C19491" s="1" t="s">
        <v>105</v>
      </c>
      <c r="D19491" s="1" t="s">
        <v>69855</v>
      </c>
      <c r="E19491" s="1" t="s">
        <v>69856</v>
      </c>
      <c r="F19491" s="1" t="s">
        <v>69857</v>
      </c>
      <c r="G19491" s="1" t="s">
        <v>69783</v>
      </c>
      <c r="H19491" s="1" t="s">
        <v>69784</v>
      </c>
      <c r="I19491" s="1" t="s">
        <v>69694</v>
      </c>
      <c r="J19491" s="1" t="s">
        <v>69858</v>
      </c>
    </row>
    <row r="19492" spans="1:10" x14ac:dyDescent="0.35">
      <c r="A19492" s="1" t="s">
        <v>69780</v>
      </c>
      <c r="B19492" s="1" t="s">
        <v>69690</v>
      </c>
      <c r="C19492" s="1" t="s">
        <v>110</v>
      </c>
      <c r="D19492" s="1" t="s">
        <v>69859</v>
      </c>
      <c r="E19492" s="1" t="s">
        <v>69860</v>
      </c>
      <c r="F19492" s="1" t="s">
        <v>69861</v>
      </c>
      <c r="G19492" s="1" t="s">
        <v>69783</v>
      </c>
      <c r="H19492" s="1" t="s">
        <v>69784</v>
      </c>
      <c r="I19492" s="1" t="s">
        <v>69694</v>
      </c>
      <c r="J19492" s="1" t="s">
        <v>69862</v>
      </c>
    </row>
    <row r="19493" spans="1:10" x14ac:dyDescent="0.35">
      <c r="A19493" s="1" t="s">
        <v>69780</v>
      </c>
      <c r="B19493" s="1" t="s">
        <v>69690</v>
      </c>
      <c r="C19493" s="1" t="s">
        <v>115</v>
      </c>
      <c r="D19493" s="1" t="s">
        <v>40776</v>
      </c>
      <c r="E19493" s="1" t="s">
        <v>69863</v>
      </c>
      <c r="F19493" s="1" t="s">
        <v>69864</v>
      </c>
      <c r="G19493" s="1" t="s">
        <v>69783</v>
      </c>
      <c r="H19493" s="1" t="s">
        <v>69784</v>
      </c>
      <c r="I19493" s="1" t="s">
        <v>69694</v>
      </c>
      <c r="J19493" s="1" t="s">
        <v>69865</v>
      </c>
    </row>
    <row r="19494" spans="1:10" x14ac:dyDescent="0.35">
      <c r="A19494" s="1" t="s">
        <v>69780</v>
      </c>
      <c r="B19494" s="1" t="s">
        <v>69690</v>
      </c>
      <c r="C19494" s="1" t="s">
        <v>120</v>
      </c>
      <c r="D19494" s="1" t="s">
        <v>69866</v>
      </c>
      <c r="E19494" s="1" t="s">
        <v>69867</v>
      </c>
      <c r="F19494" s="1" t="s">
        <v>69868</v>
      </c>
      <c r="G19494" s="1" t="s">
        <v>69783</v>
      </c>
      <c r="H19494" s="1" t="s">
        <v>69784</v>
      </c>
      <c r="I19494" s="1" t="s">
        <v>69694</v>
      </c>
      <c r="J19494" s="1" t="s">
        <v>69869</v>
      </c>
    </row>
    <row r="19495" spans="1:10" x14ac:dyDescent="0.35">
      <c r="A19495" s="1" t="s">
        <v>69780</v>
      </c>
      <c r="B19495" s="1" t="s">
        <v>69690</v>
      </c>
      <c r="C19495" s="1" t="s">
        <v>125</v>
      </c>
      <c r="D19495" s="1" t="s">
        <v>40902</v>
      </c>
      <c r="E19495" s="1" t="s">
        <v>69870</v>
      </c>
      <c r="F19495" s="1" t="s">
        <v>69871</v>
      </c>
      <c r="G19495" s="1" t="s">
        <v>69783</v>
      </c>
      <c r="H19495" s="1" t="s">
        <v>69784</v>
      </c>
      <c r="I19495" s="1" t="s">
        <v>69694</v>
      </c>
      <c r="J19495" s="1" t="s">
        <v>69872</v>
      </c>
    </row>
    <row r="19496" spans="1:10" x14ac:dyDescent="0.35">
      <c r="A19496" s="1" t="s">
        <v>69780</v>
      </c>
      <c r="B19496" s="1" t="s">
        <v>69690</v>
      </c>
      <c r="C19496" s="1" t="s">
        <v>130</v>
      </c>
      <c r="D19496" s="1" t="s">
        <v>69873</v>
      </c>
      <c r="E19496" s="1" t="s">
        <v>69874</v>
      </c>
      <c r="F19496" s="1" t="s">
        <v>69875</v>
      </c>
      <c r="G19496" s="1" t="s">
        <v>69783</v>
      </c>
      <c r="H19496" s="1" t="s">
        <v>69784</v>
      </c>
      <c r="I19496" s="1" t="s">
        <v>69694</v>
      </c>
      <c r="J19496" s="1" t="s">
        <v>69876</v>
      </c>
    </row>
    <row r="19497" spans="1:10" x14ac:dyDescent="0.35">
      <c r="A19497" s="1" t="s">
        <v>69780</v>
      </c>
      <c r="B19497" s="1" t="s">
        <v>69690</v>
      </c>
      <c r="C19497" s="1" t="s">
        <v>135</v>
      </c>
      <c r="D19497" s="1" t="s">
        <v>69877</v>
      </c>
      <c r="E19497" s="1" t="s">
        <v>69878</v>
      </c>
      <c r="F19497" s="1" t="s">
        <v>69879</v>
      </c>
      <c r="G19497" s="1" t="s">
        <v>69783</v>
      </c>
      <c r="H19497" s="1" t="s">
        <v>69784</v>
      </c>
      <c r="I19497" s="1" t="s">
        <v>69694</v>
      </c>
      <c r="J19497" s="1" t="s">
        <v>69880</v>
      </c>
    </row>
    <row r="19498" spans="1:10" x14ac:dyDescent="0.35">
      <c r="A19498" s="1" t="s">
        <v>69780</v>
      </c>
      <c r="B19498" s="1" t="s">
        <v>69690</v>
      </c>
      <c r="C19498" s="1" t="s">
        <v>140</v>
      </c>
      <c r="D19498" s="1" t="s">
        <v>69881</v>
      </c>
      <c r="E19498" s="1" t="s">
        <v>69882</v>
      </c>
      <c r="F19498" s="1" t="s">
        <v>69883</v>
      </c>
      <c r="G19498" s="1" t="s">
        <v>69783</v>
      </c>
      <c r="H19498" s="1" t="s">
        <v>69784</v>
      </c>
      <c r="I19498" s="1" t="s">
        <v>69694</v>
      </c>
      <c r="J19498" s="1" t="s">
        <v>69884</v>
      </c>
    </row>
    <row r="19499" spans="1:10" x14ac:dyDescent="0.35">
      <c r="A19499" s="1" t="s">
        <v>69780</v>
      </c>
      <c r="B19499" s="1" t="s">
        <v>69690</v>
      </c>
      <c r="C19499" s="1" t="s">
        <v>145</v>
      </c>
      <c r="D19499" s="1" t="s">
        <v>69885</v>
      </c>
      <c r="E19499" s="1" t="s">
        <v>69886</v>
      </c>
      <c r="F19499" s="1" t="s">
        <v>69887</v>
      </c>
      <c r="G19499" s="1" t="s">
        <v>69783</v>
      </c>
      <c r="H19499" s="1" t="s">
        <v>69784</v>
      </c>
      <c r="I19499" s="1" t="s">
        <v>69694</v>
      </c>
      <c r="J19499" s="1" t="s">
        <v>69888</v>
      </c>
    </row>
    <row r="19500" spans="1:10" x14ac:dyDescent="0.35">
      <c r="A19500" s="1" t="s">
        <v>69780</v>
      </c>
      <c r="B19500" s="1" t="s">
        <v>69690</v>
      </c>
      <c r="C19500" s="1" t="s">
        <v>150</v>
      </c>
      <c r="D19500" s="1" t="s">
        <v>69889</v>
      </c>
      <c r="E19500" s="1" t="s">
        <v>69890</v>
      </c>
      <c r="F19500" s="1" t="s">
        <v>69891</v>
      </c>
      <c r="G19500" s="1" t="s">
        <v>69783</v>
      </c>
      <c r="H19500" s="1" t="s">
        <v>69784</v>
      </c>
      <c r="I19500" s="1" t="s">
        <v>69694</v>
      </c>
      <c r="J19500" s="1" t="s">
        <v>69892</v>
      </c>
    </row>
    <row r="19501" spans="1:10" x14ac:dyDescent="0.35">
      <c r="A19501" s="1" t="s">
        <v>69780</v>
      </c>
      <c r="B19501" s="1" t="s">
        <v>69690</v>
      </c>
      <c r="C19501" s="1" t="s">
        <v>155</v>
      </c>
      <c r="D19501" s="1" t="s">
        <v>63251</v>
      </c>
      <c r="E19501" s="1" t="s">
        <v>69893</v>
      </c>
      <c r="F19501" s="1" t="s">
        <v>69894</v>
      </c>
      <c r="G19501" s="1" t="s">
        <v>69783</v>
      </c>
      <c r="H19501" s="1" t="s">
        <v>69784</v>
      </c>
      <c r="I19501" s="1" t="s">
        <v>69694</v>
      </c>
      <c r="J19501" s="1" t="s">
        <v>69895</v>
      </c>
    </row>
    <row r="19502" spans="1:10" x14ac:dyDescent="0.35">
      <c r="A19502" s="1" t="s">
        <v>69780</v>
      </c>
      <c r="B19502" s="1" t="s">
        <v>69690</v>
      </c>
      <c r="C19502" s="1" t="s">
        <v>160</v>
      </c>
      <c r="D19502" s="1" t="s">
        <v>69896</v>
      </c>
      <c r="E19502" s="1" t="s">
        <v>69897</v>
      </c>
      <c r="F19502" s="1" t="s">
        <v>69898</v>
      </c>
      <c r="G19502" s="1" t="s">
        <v>69783</v>
      </c>
      <c r="H19502" s="1" t="s">
        <v>69784</v>
      </c>
      <c r="I19502" s="1" t="s">
        <v>69694</v>
      </c>
      <c r="J19502" s="1" t="s">
        <v>69899</v>
      </c>
    </row>
    <row r="19503" spans="1:10" x14ac:dyDescent="0.35">
      <c r="A19503" s="1" t="s">
        <v>69780</v>
      </c>
      <c r="B19503" s="1" t="s">
        <v>69690</v>
      </c>
      <c r="C19503" s="1" t="s">
        <v>165</v>
      </c>
      <c r="D19503" s="1" t="s">
        <v>69900</v>
      </c>
      <c r="E19503" s="1" t="s">
        <v>69901</v>
      </c>
      <c r="F19503" s="1" t="s">
        <v>69902</v>
      </c>
      <c r="G19503" s="1" t="s">
        <v>69783</v>
      </c>
      <c r="H19503" s="1" t="s">
        <v>69784</v>
      </c>
      <c r="I19503" s="1" t="s">
        <v>69694</v>
      </c>
      <c r="J19503" s="1" t="s">
        <v>69903</v>
      </c>
    </row>
    <row r="19504" spans="1:10" x14ac:dyDescent="0.35">
      <c r="A19504" s="1" t="s">
        <v>69780</v>
      </c>
      <c r="B19504" s="1" t="s">
        <v>69690</v>
      </c>
      <c r="C19504" s="1" t="s">
        <v>170</v>
      </c>
      <c r="D19504" s="1" t="s">
        <v>69904</v>
      </c>
      <c r="E19504" s="1" t="s">
        <v>69905</v>
      </c>
      <c r="F19504" s="1" t="s">
        <v>69906</v>
      </c>
      <c r="G19504" s="1" t="s">
        <v>69783</v>
      </c>
      <c r="H19504" s="1" t="s">
        <v>69784</v>
      </c>
      <c r="I19504" s="1" t="s">
        <v>69694</v>
      </c>
      <c r="J19504" s="1" t="s">
        <v>69907</v>
      </c>
    </row>
    <row r="19505" spans="1:10" x14ac:dyDescent="0.35">
      <c r="A19505" s="1" t="s">
        <v>3222</v>
      </c>
      <c r="B19505" s="1" t="s">
        <v>69690</v>
      </c>
      <c r="C19505" s="1" t="s">
        <v>8</v>
      </c>
      <c r="D19505" s="1" t="s">
        <v>69908</v>
      </c>
      <c r="E19505" s="1" t="s">
        <v>69909</v>
      </c>
      <c r="F19505" s="1" t="s">
        <v>69910</v>
      </c>
      <c r="G19505" s="1" t="s">
        <v>69911</v>
      </c>
      <c r="H19505" s="1" t="s">
        <v>69912</v>
      </c>
      <c r="I19505" s="1" t="s">
        <v>69694</v>
      </c>
      <c r="J19505" s="1" t="s">
        <v>13</v>
      </c>
    </row>
    <row r="19506" spans="1:10" x14ac:dyDescent="0.35">
      <c r="A19506" s="1" t="s">
        <v>3222</v>
      </c>
      <c r="B19506" s="1" t="s">
        <v>69690</v>
      </c>
      <c r="C19506" s="1" t="s">
        <v>15</v>
      </c>
      <c r="D19506" s="1" t="s">
        <v>62635</v>
      </c>
      <c r="E19506" s="1" t="s">
        <v>69913</v>
      </c>
      <c r="F19506" s="1" t="s">
        <v>69914</v>
      </c>
      <c r="G19506" s="1" t="s">
        <v>69911</v>
      </c>
      <c r="H19506" s="1" t="s">
        <v>69912</v>
      </c>
      <c r="I19506" s="1" t="s">
        <v>69694</v>
      </c>
      <c r="J19506" s="1" t="s">
        <v>69915</v>
      </c>
    </row>
    <row r="19507" spans="1:10" x14ac:dyDescent="0.35">
      <c r="A19507" s="1" t="s">
        <v>3222</v>
      </c>
      <c r="B19507" s="1" t="s">
        <v>69690</v>
      </c>
      <c r="C19507" s="1" t="s">
        <v>20</v>
      </c>
      <c r="D19507" s="1" t="s">
        <v>55775</v>
      </c>
      <c r="E19507" s="1" t="s">
        <v>69916</v>
      </c>
      <c r="F19507" s="1" t="s">
        <v>69917</v>
      </c>
      <c r="G19507" s="1" t="s">
        <v>69911</v>
      </c>
      <c r="H19507" s="1" t="s">
        <v>69912</v>
      </c>
      <c r="I19507" s="1" t="s">
        <v>69694</v>
      </c>
      <c r="J19507" s="1" t="s">
        <v>69918</v>
      </c>
    </row>
    <row r="19508" spans="1:10" x14ac:dyDescent="0.35">
      <c r="A19508" s="1" t="s">
        <v>3222</v>
      </c>
      <c r="B19508" s="1" t="s">
        <v>69690</v>
      </c>
      <c r="C19508" s="1" t="s">
        <v>25</v>
      </c>
      <c r="D19508" s="1" t="s">
        <v>69919</v>
      </c>
      <c r="E19508" s="1" t="s">
        <v>69920</v>
      </c>
      <c r="F19508" s="1" t="s">
        <v>69921</v>
      </c>
      <c r="G19508" s="1" t="s">
        <v>69911</v>
      </c>
      <c r="H19508" s="1" t="s">
        <v>69912</v>
      </c>
      <c r="I19508" s="1" t="s">
        <v>69694</v>
      </c>
      <c r="J19508" s="1" t="s">
        <v>69922</v>
      </c>
    </row>
    <row r="19509" spans="1:10" x14ac:dyDescent="0.35">
      <c r="A19509" s="1" t="s">
        <v>3222</v>
      </c>
      <c r="B19509" s="1" t="s">
        <v>69690</v>
      </c>
      <c r="C19509" s="1" t="s">
        <v>30</v>
      </c>
      <c r="D19509" s="1" t="s">
        <v>69923</v>
      </c>
      <c r="E19509" s="1" t="s">
        <v>69924</v>
      </c>
      <c r="F19509" s="1" t="s">
        <v>69925</v>
      </c>
      <c r="G19509" s="1" t="s">
        <v>69911</v>
      </c>
      <c r="H19509" s="1" t="s">
        <v>69912</v>
      </c>
      <c r="I19509" s="1" t="s">
        <v>69694</v>
      </c>
      <c r="J19509" s="1" t="s">
        <v>69926</v>
      </c>
    </row>
    <row r="19510" spans="1:10" x14ac:dyDescent="0.35">
      <c r="A19510" s="1" t="s">
        <v>3222</v>
      </c>
      <c r="B19510" s="1" t="s">
        <v>69690</v>
      </c>
      <c r="C19510" s="1" t="s">
        <v>35</v>
      </c>
      <c r="D19510" s="1" t="s">
        <v>69927</v>
      </c>
      <c r="E19510" s="1" t="s">
        <v>69928</v>
      </c>
      <c r="F19510" s="1" t="s">
        <v>69929</v>
      </c>
      <c r="G19510" s="1" t="s">
        <v>69911</v>
      </c>
      <c r="H19510" s="1" t="s">
        <v>69912</v>
      </c>
      <c r="I19510" s="1" t="s">
        <v>69694</v>
      </c>
      <c r="J19510" s="1" t="s">
        <v>69930</v>
      </c>
    </row>
    <row r="19511" spans="1:10" x14ac:dyDescent="0.35">
      <c r="A19511" s="1" t="s">
        <v>3222</v>
      </c>
      <c r="B19511" s="1" t="s">
        <v>69690</v>
      </c>
      <c r="C19511" s="1" t="s">
        <v>40</v>
      </c>
      <c r="D19511" s="1" t="s">
        <v>61692</v>
      </c>
      <c r="E19511" s="1" t="s">
        <v>69931</v>
      </c>
      <c r="F19511" s="1" t="s">
        <v>69932</v>
      </c>
      <c r="G19511" s="1" t="s">
        <v>69911</v>
      </c>
      <c r="H19511" s="1" t="s">
        <v>69912</v>
      </c>
      <c r="I19511" s="1" t="s">
        <v>69694</v>
      </c>
      <c r="J19511" s="1" t="s">
        <v>69933</v>
      </c>
    </row>
    <row r="19512" spans="1:10" x14ac:dyDescent="0.35">
      <c r="A19512" s="1" t="s">
        <v>3222</v>
      </c>
      <c r="B19512" s="1" t="s">
        <v>69690</v>
      </c>
      <c r="C19512" s="1" t="s">
        <v>45</v>
      </c>
      <c r="D19512" s="1" t="s">
        <v>69934</v>
      </c>
      <c r="E19512" s="1" t="s">
        <v>69935</v>
      </c>
      <c r="F19512" s="1" t="s">
        <v>69936</v>
      </c>
      <c r="G19512" s="1" t="s">
        <v>69911</v>
      </c>
      <c r="H19512" s="1" t="s">
        <v>69912</v>
      </c>
      <c r="I19512" s="1" t="s">
        <v>69694</v>
      </c>
      <c r="J19512" s="1" t="s">
        <v>69937</v>
      </c>
    </row>
    <row r="19513" spans="1:10" x14ac:dyDescent="0.35">
      <c r="A19513" s="1" t="s">
        <v>3222</v>
      </c>
      <c r="B19513" s="1" t="s">
        <v>69690</v>
      </c>
      <c r="C19513" s="1" t="s">
        <v>50</v>
      </c>
      <c r="D19513" s="1" t="s">
        <v>69938</v>
      </c>
      <c r="E19513" s="1" t="s">
        <v>69939</v>
      </c>
      <c r="F19513" s="1" t="s">
        <v>69940</v>
      </c>
      <c r="G19513" s="1" t="s">
        <v>69911</v>
      </c>
      <c r="H19513" s="1" t="s">
        <v>69912</v>
      </c>
      <c r="I19513" s="1" t="s">
        <v>69694</v>
      </c>
      <c r="J19513" s="1" t="s">
        <v>69941</v>
      </c>
    </row>
    <row r="19514" spans="1:10" x14ac:dyDescent="0.35">
      <c r="A19514" s="1" t="s">
        <v>3222</v>
      </c>
      <c r="B19514" s="1" t="s">
        <v>69690</v>
      </c>
      <c r="C19514" s="1" t="s">
        <v>55</v>
      </c>
      <c r="D19514" s="1" t="s">
        <v>69942</v>
      </c>
      <c r="E19514" s="1" t="s">
        <v>69943</v>
      </c>
      <c r="F19514" s="1" t="s">
        <v>69944</v>
      </c>
      <c r="G19514" s="1" t="s">
        <v>69911</v>
      </c>
      <c r="H19514" s="1" t="s">
        <v>69912</v>
      </c>
      <c r="I19514" s="1" t="s">
        <v>69694</v>
      </c>
      <c r="J19514" s="1" t="s">
        <v>69945</v>
      </c>
    </row>
    <row r="19515" spans="1:10" x14ac:dyDescent="0.35">
      <c r="A19515" s="1" t="s">
        <v>3222</v>
      </c>
      <c r="B19515" s="1" t="s">
        <v>69690</v>
      </c>
      <c r="C19515" s="1" t="s">
        <v>60</v>
      </c>
      <c r="D19515" s="1" t="s">
        <v>69946</v>
      </c>
      <c r="E19515" s="1" t="s">
        <v>69947</v>
      </c>
      <c r="F19515" s="1" t="s">
        <v>69948</v>
      </c>
      <c r="G19515" s="1" t="s">
        <v>69911</v>
      </c>
      <c r="H19515" s="1" t="s">
        <v>69912</v>
      </c>
      <c r="I19515" s="1" t="s">
        <v>69694</v>
      </c>
      <c r="J19515" s="1" t="s">
        <v>69949</v>
      </c>
    </row>
    <row r="19516" spans="1:10" x14ac:dyDescent="0.35">
      <c r="A19516" s="1" t="s">
        <v>3222</v>
      </c>
      <c r="B19516" s="1" t="s">
        <v>69690</v>
      </c>
      <c r="C19516" s="1" t="s">
        <v>65</v>
      </c>
      <c r="D19516" s="1" t="s">
        <v>69950</v>
      </c>
      <c r="E19516" s="1" t="s">
        <v>69951</v>
      </c>
      <c r="F19516" s="1" t="s">
        <v>69952</v>
      </c>
      <c r="G19516" s="1" t="s">
        <v>69911</v>
      </c>
      <c r="H19516" s="1" t="s">
        <v>69912</v>
      </c>
      <c r="I19516" s="1" t="s">
        <v>69694</v>
      </c>
      <c r="J19516" s="1" t="s">
        <v>69953</v>
      </c>
    </row>
    <row r="19517" spans="1:10" x14ac:dyDescent="0.35">
      <c r="A19517" s="1" t="s">
        <v>3222</v>
      </c>
      <c r="B19517" s="1" t="s">
        <v>69690</v>
      </c>
      <c r="C19517" s="1" t="s">
        <v>70</v>
      </c>
      <c r="D19517" s="1" t="s">
        <v>69954</v>
      </c>
      <c r="E19517" s="1" t="s">
        <v>69955</v>
      </c>
      <c r="F19517" s="1" t="s">
        <v>69956</v>
      </c>
      <c r="G19517" s="1" t="s">
        <v>69911</v>
      </c>
      <c r="H19517" s="1" t="s">
        <v>69912</v>
      </c>
      <c r="I19517" s="1" t="s">
        <v>69694</v>
      </c>
      <c r="J19517" s="1" t="s">
        <v>69957</v>
      </c>
    </row>
    <row r="19518" spans="1:10" x14ac:dyDescent="0.35">
      <c r="A19518" s="1" t="s">
        <v>3222</v>
      </c>
      <c r="B19518" s="1" t="s">
        <v>69690</v>
      </c>
      <c r="C19518" s="1" t="s">
        <v>75</v>
      </c>
      <c r="D19518" s="1" t="s">
        <v>8225</v>
      </c>
      <c r="E19518" s="1" t="s">
        <v>69958</v>
      </c>
      <c r="F19518" s="1" t="s">
        <v>69959</v>
      </c>
      <c r="G19518" s="1" t="s">
        <v>69911</v>
      </c>
      <c r="H19518" s="1" t="s">
        <v>69912</v>
      </c>
      <c r="I19518" s="1" t="s">
        <v>69694</v>
      </c>
      <c r="J19518" s="1" t="s">
        <v>69960</v>
      </c>
    </row>
    <row r="19519" spans="1:10" x14ac:dyDescent="0.35">
      <c r="A19519" s="1" t="s">
        <v>3222</v>
      </c>
      <c r="B19519" s="1" t="s">
        <v>69690</v>
      </c>
      <c r="C19519" s="1" t="s">
        <v>80</v>
      </c>
      <c r="D19519" s="1" t="s">
        <v>69961</v>
      </c>
      <c r="E19519" s="1" t="s">
        <v>69962</v>
      </c>
      <c r="F19519" s="1" t="s">
        <v>69963</v>
      </c>
      <c r="G19519" s="1" t="s">
        <v>69911</v>
      </c>
      <c r="H19519" s="1" t="s">
        <v>69912</v>
      </c>
      <c r="I19519" s="1" t="s">
        <v>69694</v>
      </c>
      <c r="J19519" s="1" t="s">
        <v>69964</v>
      </c>
    </row>
    <row r="19520" spans="1:10" x14ac:dyDescent="0.35">
      <c r="A19520" s="1" t="s">
        <v>3222</v>
      </c>
      <c r="B19520" s="1" t="s">
        <v>69690</v>
      </c>
      <c r="C19520" s="1" t="s">
        <v>85</v>
      </c>
      <c r="D19520" s="1" t="s">
        <v>69965</v>
      </c>
      <c r="E19520" s="1" t="s">
        <v>69966</v>
      </c>
      <c r="F19520" s="1" t="s">
        <v>69967</v>
      </c>
      <c r="G19520" s="1" t="s">
        <v>69911</v>
      </c>
      <c r="H19520" s="1" t="s">
        <v>69912</v>
      </c>
      <c r="I19520" s="1" t="s">
        <v>69694</v>
      </c>
      <c r="J19520" s="1" t="s">
        <v>69968</v>
      </c>
    </row>
    <row r="19521" spans="1:10" x14ac:dyDescent="0.35">
      <c r="A19521" s="1" t="s">
        <v>3222</v>
      </c>
      <c r="B19521" s="1" t="s">
        <v>69690</v>
      </c>
      <c r="C19521" s="1" t="s">
        <v>90</v>
      </c>
      <c r="D19521" s="1" t="s">
        <v>26538</v>
      </c>
      <c r="E19521" s="1" t="s">
        <v>69969</v>
      </c>
      <c r="F19521" s="1" t="s">
        <v>69970</v>
      </c>
      <c r="G19521" s="1" t="s">
        <v>69911</v>
      </c>
      <c r="H19521" s="1" t="s">
        <v>69912</v>
      </c>
      <c r="I19521" s="1" t="s">
        <v>69694</v>
      </c>
      <c r="J19521" s="1" t="s">
        <v>69971</v>
      </c>
    </row>
    <row r="19522" spans="1:10" x14ac:dyDescent="0.35">
      <c r="A19522" s="1" t="s">
        <v>3222</v>
      </c>
      <c r="B19522" s="1" t="s">
        <v>69690</v>
      </c>
      <c r="C19522" s="1" t="s">
        <v>95</v>
      </c>
      <c r="D19522" s="1" t="s">
        <v>69972</v>
      </c>
      <c r="E19522" s="1" t="s">
        <v>69973</v>
      </c>
      <c r="F19522" s="1" t="s">
        <v>69974</v>
      </c>
      <c r="G19522" s="1" t="s">
        <v>69911</v>
      </c>
      <c r="H19522" s="1" t="s">
        <v>69912</v>
      </c>
      <c r="I19522" s="1" t="s">
        <v>69694</v>
      </c>
      <c r="J19522" s="1" t="s">
        <v>69975</v>
      </c>
    </row>
    <row r="19523" spans="1:10" x14ac:dyDescent="0.35">
      <c r="A19523" s="1" t="s">
        <v>3222</v>
      </c>
      <c r="B19523" s="1" t="s">
        <v>69690</v>
      </c>
      <c r="C19523" s="1" t="s">
        <v>100</v>
      </c>
      <c r="D19523" s="1" t="s">
        <v>69976</v>
      </c>
      <c r="E19523" s="1" t="s">
        <v>69977</v>
      </c>
      <c r="F19523" s="1" t="s">
        <v>69978</v>
      </c>
      <c r="G19523" s="1" t="s">
        <v>69911</v>
      </c>
      <c r="H19523" s="1" t="s">
        <v>69912</v>
      </c>
      <c r="I19523" s="1" t="s">
        <v>69694</v>
      </c>
      <c r="J19523" s="1" t="s">
        <v>69979</v>
      </c>
    </row>
    <row r="19524" spans="1:10" x14ac:dyDescent="0.35">
      <c r="A19524" s="1" t="s">
        <v>3222</v>
      </c>
      <c r="B19524" s="1" t="s">
        <v>69690</v>
      </c>
      <c r="C19524" s="1" t="s">
        <v>105</v>
      </c>
      <c r="D19524" s="1" t="s">
        <v>58835</v>
      </c>
      <c r="E19524" s="1" t="s">
        <v>69980</v>
      </c>
      <c r="F19524" s="1" t="s">
        <v>69981</v>
      </c>
      <c r="G19524" s="1" t="s">
        <v>69911</v>
      </c>
      <c r="H19524" s="1" t="s">
        <v>69912</v>
      </c>
      <c r="I19524" s="1" t="s">
        <v>69694</v>
      </c>
      <c r="J19524" s="1" t="s">
        <v>69982</v>
      </c>
    </row>
    <row r="19525" spans="1:10" x14ac:dyDescent="0.35">
      <c r="A19525" s="1" t="s">
        <v>3222</v>
      </c>
      <c r="B19525" s="1" t="s">
        <v>69690</v>
      </c>
      <c r="C19525" s="1" t="s">
        <v>110</v>
      </c>
      <c r="D19525" s="1" t="s">
        <v>69983</v>
      </c>
      <c r="E19525" s="1" t="s">
        <v>69984</v>
      </c>
      <c r="F19525" s="1" t="s">
        <v>69985</v>
      </c>
      <c r="G19525" s="1" t="s">
        <v>69911</v>
      </c>
      <c r="H19525" s="1" t="s">
        <v>69912</v>
      </c>
      <c r="I19525" s="1" t="s">
        <v>69694</v>
      </c>
      <c r="J19525" s="1" t="s">
        <v>69986</v>
      </c>
    </row>
    <row r="19526" spans="1:10" x14ac:dyDescent="0.35">
      <c r="A19526" s="1" t="s">
        <v>3222</v>
      </c>
      <c r="B19526" s="1" t="s">
        <v>69690</v>
      </c>
      <c r="C19526" s="1" t="s">
        <v>115</v>
      </c>
      <c r="D19526" s="1" t="s">
        <v>69987</v>
      </c>
      <c r="E19526" s="1" t="s">
        <v>69988</v>
      </c>
      <c r="F19526" s="1" t="s">
        <v>69989</v>
      </c>
      <c r="G19526" s="1" t="s">
        <v>69911</v>
      </c>
      <c r="H19526" s="1" t="s">
        <v>69912</v>
      </c>
      <c r="I19526" s="1" t="s">
        <v>69694</v>
      </c>
      <c r="J19526" s="1" t="s">
        <v>69990</v>
      </c>
    </row>
    <row r="19527" spans="1:10" x14ac:dyDescent="0.35">
      <c r="A19527" s="1" t="s">
        <v>3222</v>
      </c>
      <c r="B19527" s="1" t="s">
        <v>69690</v>
      </c>
      <c r="C19527" s="1" t="s">
        <v>120</v>
      </c>
      <c r="D19527" s="1" t="s">
        <v>66928</v>
      </c>
      <c r="E19527" s="1" t="s">
        <v>69991</v>
      </c>
      <c r="F19527" s="1" t="s">
        <v>69992</v>
      </c>
      <c r="G19527" s="1" t="s">
        <v>69911</v>
      </c>
      <c r="H19527" s="1" t="s">
        <v>69912</v>
      </c>
      <c r="I19527" s="1" t="s">
        <v>69694</v>
      </c>
      <c r="J19527" s="1" t="s">
        <v>69993</v>
      </c>
    </row>
    <row r="19528" spans="1:10" x14ac:dyDescent="0.35">
      <c r="A19528" s="1" t="s">
        <v>3222</v>
      </c>
      <c r="B19528" s="1" t="s">
        <v>69690</v>
      </c>
      <c r="C19528" s="1" t="s">
        <v>125</v>
      </c>
      <c r="D19528" s="1" t="s">
        <v>69994</v>
      </c>
      <c r="E19528" s="1" t="s">
        <v>69995</v>
      </c>
      <c r="F19528" s="1" t="s">
        <v>69996</v>
      </c>
      <c r="G19528" s="1" t="s">
        <v>69911</v>
      </c>
      <c r="H19528" s="1" t="s">
        <v>69912</v>
      </c>
      <c r="I19528" s="1" t="s">
        <v>69694</v>
      </c>
      <c r="J19528" s="1" t="s">
        <v>69997</v>
      </c>
    </row>
    <row r="19529" spans="1:10" x14ac:dyDescent="0.35">
      <c r="A19529" s="1" t="s">
        <v>3222</v>
      </c>
      <c r="B19529" s="1" t="s">
        <v>69690</v>
      </c>
      <c r="C19529" s="1" t="s">
        <v>130</v>
      </c>
      <c r="D19529" s="1" t="s">
        <v>58345</v>
      </c>
      <c r="E19529" s="1" t="s">
        <v>69998</v>
      </c>
      <c r="F19529" s="1" t="s">
        <v>69999</v>
      </c>
      <c r="G19529" s="1" t="s">
        <v>69911</v>
      </c>
      <c r="H19529" s="1" t="s">
        <v>69912</v>
      </c>
      <c r="I19529" s="1" t="s">
        <v>69694</v>
      </c>
      <c r="J19529" s="1" t="s">
        <v>70000</v>
      </c>
    </row>
    <row r="19530" spans="1:10" x14ac:dyDescent="0.35">
      <c r="A19530" s="1" t="s">
        <v>3222</v>
      </c>
      <c r="B19530" s="1" t="s">
        <v>69690</v>
      </c>
      <c r="C19530" s="1" t="s">
        <v>135</v>
      </c>
      <c r="D19530" s="1" t="s">
        <v>70001</v>
      </c>
      <c r="E19530" s="1" t="s">
        <v>70002</v>
      </c>
      <c r="F19530" s="1" t="s">
        <v>70003</v>
      </c>
      <c r="G19530" s="1" t="s">
        <v>69911</v>
      </c>
      <c r="H19530" s="1" t="s">
        <v>69912</v>
      </c>
      <c r="I19530" s="1" t="s">
        <v>69694</v>
      </c>
      <c r="J19530" s="1" t="s">
        <v>70004</v>
      </c>
    </row>
    <row r="19531" spans="1:10" x14ac:dyDescent="0.35">
      <c r="A19531" s="1" t="s">
        <v>3222</v>
      </c>
      <c r="B19531" s="1" t="s">
        <v>69690</v>
      </c>
      <c r="C19531" s="1" t="s">
        <v>140</v>
      </c>
      <c r="D19531" s="1" t="s">
        <v>56858</v>
      </c>
      <c r="E19531" s="1" t="s">
        <v>70005</v>
      </c>
      <c r="F19531" s="1" t="s">
        <v>70006</v>
      </c>
      <c r="G19531" s="1" t="s">
        <v>69911</v>
      </c>
      <c r="H19531" s="1" t="s">
        <v>69912</v>
      </c>
      <c r="I19531" s="1" t="s">
        <v>69694</v>
      </c>
      <c r="J19531" s="1" t="s">
        <v>70007</v>
      </c>
    </row>
    <row r="19532" spans="1:10" x14ac:dyDescent="0.35">
      <c r="A19532" s="1" t="s">
        <v>3222</v>
      </c>
      <c r="B19532" s="1" t="s">
        <v>69690</v>
      </c>
      <c r="C19532" s="1" t="s">
        <v>145</v>
      </c>
      <c r="D19532" s="1" t="s">
        <v>40039</v>
      </c>
      <c r="E19532" s="1" t="s">
        <v>70008</v>
      </c>
      <c r="F19532" s="1" t="s">
        <v>70009</v>
      </c>
      <c r="G19532" s="1" t="s">
        <v>69911</v>
      </c>
      <c r="H19532" s="1" t="s">
        <v>69912</v>
      </c>
      <c r="I19532" s="1" t="s">
        <v>69694</v>
      </c>
      <c r="J19532" s="1" t="s">
        <v>70010</v>
      </c>
    </row>
    <row r="19533" spans="1:10" x14ac:dyDescent="0.35">
      <c r="A19533" s="1" t="s">
        <v>3222</v>
      </c>
      <c r="B19533" s="1" t="s">
        <v>69690</v>
      </c>
      <c r="C19533" s="1" t="s">
        <v>150</v>
      </c>
      <c r="D19533" s="1" t="s">
        <v>70011</v>
      </c>
      <c r="E19533" s="1" t="s">
        <v>70012</v>
      </c>
      <c r="F19533" s="1" t="s">
        <v>70013</v>
      </c>
      <c r="G19533" s="1" t="s">
        <v>69911</v>
      </c>
      <c r="H19533" s="1" t="s">
        <v>69912</v>
      </c>
      <c r="I19533" s="1" t="s">
        <v>69694</v>
      </c>
      <c r="J19533" s="1" t="s">
        <v>70014</v>
      </c>
    </row>
    <row r="19534" spans="1:10" x14ac:dyDescent="0.35">
      <c r="A19534" s="1" t="s">
        <v>3222</v>
      </c>
      <c r="B19534" s="1" t="s">
        <v>69690</v>
      </c>
      <c r="C19534" s="1" t="s">
        <v>155</v>
      </c>
      <c r="D19534" s="1" t="s">
        <v>62176</v>
      </c>
      <c r="E19534" s="1" t="s">
        <v>70015</v>
      </c>
      <c r="F19534" s="1" t="s">
        <v>70016</v>
      </c>
      <c r="G19534" s="1" t="s">
        <v>69911</v>
      </c>
      <c r="H19534" s="1" t="s">
        <v>69912</v>
      </c>
      <c r="I19534" s="1" t="s">
        <v>69694</v>
      </c>
      <c r="J19534" s="1" t="s">
        <v>70017</v>
      </c>
    </row>
    <row r="19535" spans="1:10" x14ac:dyDescent="0.35">
      <c r="A19535" s="1" t="s">
        <v>3222</v>
      </c>
      <c r="B19535" s="1" t="s">
        <v>69690</v>
      </c>
      <c r="C19535" s="1" t="s">
        <v>160</v>
      </c>
      <c r="D19535" s="1" t="s">
        <v>70018</v>
      </c>
      <c r="E19535" s="1" t="s">
        <v>70019</v>
      </c>
      <c r="F19535" s="1" t="s">
        <v>70020</v>
      </c>
      <c r="G19535" s="1" t="s">
        <v>69911</v>
      </c>
      <c r="H19535" s="1" t="s">
        <v>69912</v>
      </c>
      <c r="I19535" s="1" t="s">
        <v>69694</v>
      </c>
      <c r="J19535" s="1" t="s">
        <v>70021</v>
      </c>
    </row>
    <row r="19536" spans="1:10" x14ac:dyDescent="0.35">
      <c r="A19536" s="1" t="s">
        <v>3222</v>
      </c>
      <c r="B19536" s="1" t="s">
        <v>69690</v>
      </c>
      <c r="C19536" s="1" t="s">
        <v>165</v>
      </c>
      <c r="D19536" s="1" t="s">
        <v>41573</v>
      </c>
      <c r="E19536" s="1" t="s">
        <v>70022</v>
      </c>
      <c r="F19536" s="1" t="s">
        <v>70023</v>
      </c>
      <c r="G19536" s="1" t="s">
        <v>69911</v>
      </c>
      <c r="H19536" s="1" t="s">
        <v>69912</v>
      </c>
      <c r="I19536" s="1" t="s">
        <v>69694</v>
      </c>
      <c r="J19536" s="1" t="s">
        <v>70024</v>
      </c>
    </row>
    <row r="19537" spans="1:10" x14ac:dyDescent="0.35">
      <c r="A19537" s="1" t="s">
        <v>3222</v>
      </c>
      <c r="B19537" s="1" t="s">
        <v>69690</v>
      </c>
      <c r="C19537" s="1" t="s">
        <v>170</v>
      </c>
      <c r="D19537" s="1" t="s">
        <v>70025</v>
      </c>
      <c r="E19537" s="1" t="s">
        <v>70026</v>
      </c>
      <c r="F19537" s="1" t="s">
        <v>70027</v>
      </c>
      <c r="G19537" s="1" t="s">
        <v>69911</v>
      </c>
      <c r="H19537" s="1" t="s">
        <v>69912</v>
      </c>
      <c r="I19537" s="1" t="s">
        <v>69694</v>
      </c>
      <c r="J19537" s="1" t="s">
        <v>70028</v>
      </c>
    </row>
    <row r="19538" spans="1:10" x14ac:dyDescent="0.35">
      <c r="A19538" s="1" t="s">
        <v>44631</v>
      </c>
      <c r="B19538" s="1" t="s">
        <v>69690</v>
      </c>
      <c r="C19538" s="1" t="s">
        <v>8</v>
      </c>
      <c r="D19538" s="1" t="s">
        <v>61342</v>
      </c>
      <c r="E19538" s="1" t="s">
        <v>70029</v>
      </c>
      <c r="F19538" s="1" t="s">
        <v>70030</v>
      </c>
      <c r="G19538" s="1" t="s">
        <v>70031</v>
      </c>
      <c r="H19538" s="1" t="s">
        <v>70032</v>
      </c>
      <c r="I19538" s="1" t="s">
        <v>69694</v>
      </c>
      <c r="J19538" s="1" t="s">
        <v>13</v>
      </c>
    </row>
    <row r="19539" spans="1:10" x14ac:dyDescent="0.35">
      <c r="A19539" s="1" t="s">
        <v>44631</v>
      </c>
      <c r="B19539" s="1" t="s">
        <v>69690</v>
      </c>
      <c r="C19539" s="1" t="s">
        <v>15</v>
      </c>
      <c r="D19539" s="1" t="s">
        <v>70033</v>
      </c>
      <c r="E19539" s="1" t="s">
        <v>70034</v>
      </c>
      <c r="F19539" s="1" t="s">
        <v>70035</v>
      </c>
      <c r="G19539" s="1" t="s">
        <v>70031</v>
      </c>
      <c r="H19539" s="1" t="s">
        <v>70032</v>
      </c>
      <c r="I19539" s="1" t="s">
        <v>69694</v>
      </c>
      <c r="J19539" s="1" t="s">
        <v>70036</v>
      </c>
    </row>
    <row r="19540" spans="1:10" x14ac:dyDescent="0.35">
      <c r="A19540" s="1" t="s">
        <v>44631</v>
      </c>
      <c r="B19540" s="1" t="s">
        <v>69690</v>
      </c>
      <c r="C19540" s="1" t="s">
        <v>20</v>
      </c>
      <c r="D19540" s="1" t="s">
        <v>70037</v>
      </c>
      <c r="E19540" s="1" t="s">
        <v>70038</v>
      </c>
      <c r="F19540" s="1" t="s">
        <v>70039</v>
      </c>
      <c r="G19540" s="1" t="s">
        <v>70031</v>
      </c>
      <c r="H19540" s="1" t="s">
        <v>70032</v>
      </c>
      <c r="I19540" s="1" t="s">
        <v>69694</v>
      </c>
      <c r="J19540" s="1" t="s">
        <v>70040</v>
      </c>
    </row>
    <row r="19541" spans="1:10" x14ac:dyDescent="0.35">
      <c r="A19541" s="1" t="s">
        <v>44631</v>
      </c>
      <c r="B19541" s="1" t="s">
        <v>69690</v>
      </c>
      <c r="C19541" s="1" t="s">
        <v>25</v>
      </c>
      <c r="D19541" s="1" t="s">
        <v>70041</v>
      </c>
      <c r="E19541" s="1" t="s">
        <v>70042</v>
      </c>
      <c r="F19541" s="1" t="s">
        <v>70043</v>
      </c>
      <c r="G19541" s="1" t="s">
        <v>70031</v>
      </c>
      <c r="H19541" s="1" t="s">
        <v>70032</v>
      </c>
      <c r="I19541" s="1" t="s">
        <v>69694</v>
      </c>
      <c r="J19541" s="1" t="s">
        <v>70044</v>
      </c>
    </row>
    <row r="19542" spans="1:10" x14ac:dyDescent="0.35">
      <c r="A19542" s="1" t="s">
        <v>44631</v>
      </c>
      <c r="B19542" s="1" t="s">
        <v>69690</v>
      </c>
      <c r="C19542" s="1" t="s">
        <v>30</v>
      </c>
      <c r="D19542" s="1" t="s">
        <v>65684</v>
      </c>
      <c r="E19542" s="1" t="s">
        <v>70045</v>
      </c>
      <c r="F19542" s="1" t="s">
        <v>70046</v>
      </c>
      <c r="G19542" s="1" t="s">
        <v>70031</v>
      </c>
      <c r="H19542" s="1" t="s">
        <v>70032</v>
      </c>
      <c r="I19542" s="1" t="s">
        <v>69694</v>
      </c>
      <c r="J19542" s="1" t="s">
        <v>70047</v>
      </c>
    </row>
    <row r="19543" spans="1:10" x14ac:dyDescent="0.35">
      <c r="A19543" s="1" t="s">
        <v>44631</v>
      </c>
      <c r="B19543" s="1" t="s">
        <v>69690</v>
      </c>
      <c r="C19543" s="1" t="s">
        <v>35</v>
      </c>
      <c r="D19543" s="1" t="s">
        <v>70048</v>
      </c>
      <c r="E19543" s="1" t="s">
        <v>70049</v>
      </c>
      <c r="F19543" s="1" t="s">
        <v>70050</v>
      </c>
      <c r="G19543" s="1" t="s">
        <v>70031</v>
      </c>
      <c r="H19543" s="1" t="s">
        <v>70032</v>
      </c>
      <c r="I19543" s="1" t="s">
        <v>69694</v>
      </c>
      <c r="J19543" s="1" t="s">
        <v>70051</v>
      </c>
    </row>
    <row r="19544" spans="1:10" x14ac:dyDescent="0.35">
      <c r="A19544" s="1" t="s">
        <v>44631</v>
      </c>
      <c r="B19544" s="1" t="s">
        <v>69690</v>
      </c>
      <c r="C19544" s="1" t="s">
        <v>40</v>
      </c>
      <c r="D19544" s="1" t="s">
        <v>70052</v>
      </c>
      <c r="E19544" s="1" t="s">
        <v>70053</v>
      </c>
      <c r="F19544" s="1" t="s">
        <v>70054</v>
      </c>
      <c r="G19544" s="1" t="s">
        <v>70031</v>
      </c>
      <c r="H19544" s="1" t="s">
        <v>70032</v>
      </c>
      <c r="I19544" s="1" t="s">
        <v>69694</v>
      </c>
      <c r="J19544" s="1" t="s">
        <v>70055</v>
      </c>
    </row>
    <row r="19545" spans="1:10" x14ac:dyDescent="0.35">
      <c r="A19545" s="1" t="s">
        <v>44631</v>
      </c>
      <c r="B19545" s="1" t="s">
        <v>69690</v>
      </c>
      <c r="C19545" s="1" t="s">
        <v>45</v>
      </c>
      <c r="D19545" s="1" t="s">
        <v>70056</v>
      </c>
      <c r="E19545" s="1" t="s">
        <v>70057</v>
      </c>
      <c r="F19545" s="1" t="s">
        <v>70058</v>
      </c>
      <c r="G19545" s="1" t="s">
        <v>70031</v>
      </c>
      <c r="H19545" s="1" t="s">
        <v>70032</v>
      </c>
      <c r="I19545" s="1" t="s">
        <v>69694</v>
      </c>
      <c r="J19545" s="1" t="s">
        <v>70059</v>
      </c>
    </row>
    <row r="19546" spans="1:10" x14ac:dyDescent="0.35">
      <c r="A19546" s="1" t="s">
        <v>44631</v>
      </c>
      <c r="B19546" s="1" t="s">
        <v>69690</v>
      </c>
      <c r="C19546" s="1" t="s">
        <v>50</v>
      </c>
      <c r="D19546" s="1" t="s">
        <v>70060</v>
      </c>
      <c r="E19546" s="1" t="s">
        <v>70061</v>
      </c>
      <c r="F19546" s="1" t="s">
        <v>70062</v>
      </c>
      <c r="G19546" s="1" t="s">
        <v>70031</v>
      </c>
      <c r="H19546" s="1" t="s">
        <v>70032</v>
      </c>
      <c r="I19546" s="1" t="s">
        <v>69694</v>
      </c>
      <c r="J19546" s="1" t="s">
        <v>70063</v>
      </c>
    </row>
    <row r="19547" spans="1:10" x14ac:dyDescent="0.35">
      <c r="A19547" s="1" t="s">
        <v>44631</v>
      </c>
      <c r="B19547" s="1" t="s">
        <v>69690</v>
      </c>
      <c r="C19547" s="1" t="s">
        <v>55</v>
      </c>
      <c r="D19547" s="1" t="s">
        <v>70064</v>
      </c>
      <c r="E19547" s="1" t="s">
        <v>70065</v>
      </c>
      <c r="F19547" s="1" t="s">
        <v>70066</v>
      </c>
      <c r="G19547" s="1" t="s">
        <v>70031</v>
      </c>
      <c r="H19547" s="1" t="s">
        <v>70032</v>
      </c>
      <c r="I19547" s="1" t="s">
        <v>69694</v>
      </c>
      <c r="J19547" s="1" t="s">
        <v>70067</v>
      </c>
    </row>
    <row r="19548" spans="1:10" x14ac:dyDescent="0.35">
      <c r="A19548" s="1" t="s">
        <v>44631</v>
      </c>
      <c r="B19548" s="1" t="s">
        <v>69690</v>
      </c>
      <c r="C19548" s="1" t="s">
        <v>60</v>
      </c>
      <c r="D19548" s="1" t="s">
        <v>70068</v>
      </c>
      <c r="E19548" s="1" t="s">
        <v>70069</v>
      </c>
      <c r="F19548" s="1" t="s">
        <v>70070</v>
      </c>
      <c r="G19548" s="1" t="s">
        <v>70031</v>
      </c>
      <c r="H19548" s="1" t="s">
        <v>70032</v>
      </c>
      <c r="I19548" s="1" t="s">
        <v>69694</v>
      </c>
      <c r="J19548" s="1" t="s">
        <v>70071</v>
      </c>
    </row>
    <row r="19549" spans="1:10" x14ac:dyDescent="0.35">
      <c r="A19549" s="1" t="s">
        <v>44631</v>
      </c>
      <c r="B19549" s="1" t="s">
        <v>69690</v>
      </c>
      <c r="C19549" s="1" t="s">
        <v>65</v>
      </c>
      <c r="D19549" s="1" t="s">
        <v>58845</v>
      </c>
      <c r="E19549" s="1" t="s">
        <v>70072</v>
      </c>
      <c r="F19549" s="1" t="s">
        <v>70073</v>
      </c>
      <c r="G19549" s="1" t="s">
        <v>70031</v>
      </c>
      <c r="H19549" s="1" t="s">
        <v>70032</v>
      </c>
      <c r="I19549" s="1" t="s">
        <v>69694</v>
      </c>
      <c r="J19549" s="1" t="s">
        <v>70074</v>
      </c>
    </row>
    <row r="19550" spans="1:10" x14ac:dyDescent="0.35">
      <c r="A19550" s="1" t="s">
        <v>44631</v>
      </c>
      <c r="B19550" s="1" t="s">
        <v>69690</v>
      </c>
      <c r="C19550" s="1" t="s">
        <v>70</v>
      </c>
      <c r="D19550" s="1" t="s">
        <v>70075</v>
      </c>
      <c r="E19550" s="1" t="s">
        <v>70076</v>
      </c>
      <c r="F19550" s="1" t="s">
        <v>70077</v>
      </c>
      <c r="G19550" s="1" t="s">
        <v>70031</v>
      </c>
      <c r="H19550" s="1" t="s">
        <v>70032</v>
      </c>
      <c r="I19550" s="1" t="s">
        <v>69694</v>
      </c>
      <c r="J19550" s="1" t="s">
        <v>70078</v>
      </c>
    </row>
    <row r="19551" spans="1:10" x14ac:dyDescent="0.35">
      <c r="A19551" s="1" t="s">
        <v>44631</v>
      </c>
      <c r="B19551" s="1" t="s">
        <v>69690</v>
      </c>
      <c r="C19551" s="1" t="s">
        <v>75</v>
      </c>
      <c r="D19551" s="1" t="s">
        <v>70079</v>
      </c>
      <c r="E19551" s="1" t="s">
        <v>70080</v>
      </c>
      <c r="F19551" s="1" t="s">
        <v>70081</v>
      </c>
      <c r="G19551" s="1" t="s">
        <v>70031</v>
      </c>
      <c r="H19551" s="1" t="s">
        <v>70032</v>
      </c>
      <c r="I19551" s="1" t="s">
        <v>69694</v>
      </c>
      <c r="J19551" s="1" t="s">
        <v>70082</v>
      </c>
    </row>
    <row r="19552" spans="1:10" x14ac:dyDescent="0.35">
      <c r="A19552" s="1" t="s">
        <v>44631</v>
      </c>
      <c r="B19552" s="1" t="s">
        <v>69690</v>
      </c>
      <c r="C19552" s="1" t="s">
        <v>80</v>
      </c>
      <c r="D19552" s="1" t="s">
        <v>70083</v>
      </c>
      <c r="E19552" s="1" t="s">
        <v>70084</v>
      </c>
      <c r="F19552" s="1" t="s">
        <v>70085</v>
      </c>
      <c r="G19552" s="1" t="s">
        <v>70031</v>
      </c>
      <c r="H19552" s="1" t="s">
        <v>70032</v>
      </c>
      <c r="I19552" s="1" t="s">
        <v>69694</v>
      </c>
      <c r="J19552" s="1" t="s">
        <v>70086</v>
      </c>
    </row>
    <row r="19553" spans="1:10" x14ac:dyDescent="0.35">
      <c r="A19553" s="1" t="s">
        <v>44631</v>
      </c>
      <c r="B19553" s="1" t="s">
        <v>69690</v>
      </c>
      <c r="C19553" s="1" t="s">
        <v>85</v>
      </c>
      <c r="D19553" s="1" t="s">
        <v>70087</v>
      </c>
      <c r="E19553" s="1" t="s">
        <v>70088</v>
      </c>
      <c r="F19553" s="1" t="s">
        <v>70089</v>
      </c>
      <c r="G19553" s="1" t="s">
        <v>70031</v>
      </c>
      <c r="H19553" s="1" t="s">
        <v>70032</v>
      </c>
      <c r="I19553" s="1" t="s">
        <v>69694</v>
      </c>
      <c r="J19553" s="1" t="s">
        <v>70090</v>
      </c>
    </row>
    <row r="19554" spans="1:10" x14ac:dyDescent="0.35">
      <c r="A19554" s="1" t="s">
        <v>44631</v>
      </c>
      <c r="B19554" s="1" t="s">
        <v>69690</v>
      </c>
      <c r="C19554" s="1" t="s">
        <v>90</v>
      </c>
      <c r="D19554" s="1" t="s">
        <v>70091</v>
      </c>
      <c r="E19554" s="1" t="s">
        <v>70092</v>
      </c>
      <c r="F19554" s="1" t="s">
        <v>70093</v>
      </c>
      <c r="G19554" s="1" t="s">
        <v>70031</v>
      </c>
      <c r="H19554" s="1" t="s">
        <v>70032</v>
      </c>
      <c r="I19554" s="1" t="s">
        <v>69694</v>
      </c>
      <c r="J19554" s="1" t="s">
        <v>70094</v>
      </c>
    </row>
    <row r="19555" spans="1:10" x14ac:dyDescent="0.35">
      <c r="A19555" s="1" t="s">
        <v>44631</v>
      </c>
      <c r="B19555" s="1" t="s">
        <v>69690</v>
      </c>
      <c r="C19555" s="1" t="s">
        <v>95</v>
      </c>
      <c r="D19555" s="1" t="s">
        <v>70095</v>
      </c>
      <c r="E19555" s="1" t="s">
        <v>70096</v>
      </c>
      <c r="F19555" s="1" t="s">
        <v>70097</v>
      </c>
      <c r="G19555" s="1" t="s">
        <v>70031</v>
      </c>
      <c r="H19555" s="1" t="s">
        <v>70032</v>
      </c>
      <c r="I19555" s="1" t="s">
        <v>69694</v>
      </c>
      <c r="J19555" s="1" t="s">
        <v>70098</v>
      </c>
    </row>
    <row r="19556" spans="1:10" x14ac:dyDescent="0.35">
      <c r="A19556" s="1" t="s">
        <v>44631</v>
      </c>
      <c r="B19556" s="1" t="s">
        <v>69690</v>
      </c>
      <c r="C19556" s="1" t="s">
        <v>100</v>
      </c>
      <c r="D19556" s="1" t="s">
        <v>70099</v>
      </c>
      <c r="E19556" s="1" t="s">
        <v>70100</v>
      </c>
      <c r="F19556" s="1" t="s">
        <v>70101</v>
      </c>
      <c r="G19556" s="1" t="s">
        <v>70031</v>
      </c>
      <c r="H19556" s="1" t="s">
        <v>70032</v>
      </c>
      <c r="I19556" s="1" t="s">
        <v>69694</v>
      </c>
      <c r="J19556" s="1" t="s">
        <v>70102</v>
      </c>
    </row>
    <row r="19557" spans="1:10" x14ac:dyDescent="0.35">
      <c r="A19557" s="1" t="s">
        <v>44631</v>
      </c>
      <c r="B19557" s="1" t="s">
        <v>69690</v>
      </c>
      <c r="C19557" s="1" t="s">
        <v>105</v>
      </c>
      <c r="D19557" s="1" t="s">
        <v>70103</v>
      </c>
      <c r="E19557" s="1" t="s">
        <v>70104</v>
      </c>
      <c r="F19557" s="1" t="s">
        <v>70105</v>
      </c>
      <c r="G19557" s="1" t="s">
        <v>70031</v>
      </c>
      <c r="H19557" s="1" t="s">
        <v>70032</v>
      </c>
      <c r="I19557" s="1" t="s">
        <v>69694</v>
      </c>
      <c r="J19557" s="1" t="s">
        <v>70106</v>
      </c>
    </row>
    <row r="19558" spans="1:10" x14ac:dyDescent="0.35">
      <c r="A19558" s="1" t="s">
        <v>44631</v>
      </c>
      <c r="B19558" s="1" t="s">
        <v>69690</v>
      </c>
      <c r="C19558" s="1" t="s">
        <v>110</v>
      </c>
      <c r="D19558" s="1" t="s">
        <v>70107</v>
      </c>
      <c r="E19558" s="1" t="s">
        <v>70108</v>
      </c>
      <c r="F19558" s="1" t="s">
        <v>70109</v>
      </c>
      <c r="G19558" s="1" t="s">
        <v>70031</v>
      </c>
      <c r="H19558" s="1" t="s">
        <v>70032</v>
      </c>
      <c r="I19558" s="1" t="s">
        <v>69694</v>
      </c>
      <c r="J19558" s="1" t="s">
        <v>70110</v>
      </c>
    </row>
    <row r="19559" spans="1:10" x14ac:dyDescent="0.35">
      <c r="A19559" s="1" t="s">
        <v>44631</v>
      </c>
      <c r="B19559" s="1" t="s">
        <v>69690</v>
      </c>
      <c r="C19559" s="1" t="s">
        <v>115</v>
      </c>
      <c r="D19559" s="1" t="s">
        <v>70111</v>
      </c>
      <c r="E19559" s="1" t="s">
        <v>70112</v>
      </c>
      <c r="F19559" s="1" t="s">
        <v>70113</v>
      </c>
      <c r="G19559" s="1" t="s">
        <v>70031</v>
      </c>
      <c r="H19559" s="1" t="s">
        <v>70032</v>
      </c>
      <c r="I19559" s="1" t="s">
        <v>69694</v>
      </c>
      <c r="J19559" s="1" t="s">
        <v>70114</v>
      </c>
    </row>
    <row r="19560" spans="1:10" x14ac:dyDescent="0.35">
      <c r="A19560" s="1" t="s">
        <v>44631</v>
      </c>
      <c r="B19560" s="1" t="s">
        <v>69690</v>
      </c>
      <c r="C19560" s="1" t="s">
        <v>120</v>
      </c>
      <c r="D19560" s="1" t="s">
        <v>70115</v>
      </c>
      <c r="E19560" s="1" t="s">
        <v>70116</v>
      </c>
      <c r="F19560" s="1" t="s">
        <v>70117</v>
      </c>
      <c r="G19560" s="1" t="s">
        <v>70031</v>
      </c>
      <c r="H19560" s="1" t="s">
        <v>70032</v>
      </c>
      <c r="I19560" s="1" t="s">
        <v>69694</v>
      </c>
      <c r="J19560" s="1" t="s">
        <v>70118</v>
      </c>
    </row>
    <row r="19561" spans="1:10" x14ac:dyDescent="0.35">
      <c r="A19561" s="1" t="s">
        <v>44631</v>
      </c>
      <c r="B19561" s="1" t="s">
        <v>69690</v>
      </c>
      <c r="C19561" s="1" t="s">
        <v>125</v>
      </c>
      <c r="D19561" s="1" t="s">
        <v>70119</v>
      </c>
      <c r="E19561" s="1" t="s">
        <v>70120</v>
      </c>
      <c r="F19561" s="1" t="s">
        <v>70121</v>
      </c>
      <c r="G19561" s="1" t="s">
        <v>70031</v>
      </c>
      <c r="H19561" s="1" t="s">
        <v>70032</v>
      </c>
      <c r="I19561" s="1" t="s">
        <v>69694</v>
      </c>
      <c r="J19561" s="1" t="s">
        <v>70122</v>
      </c>
    </row>
    <row r="19562" spans="1:10" x14ac:dyDescent="0.35">
      <c r="A19562" s="1" t="s">
        <v>44631</v>
      </c>
      <c r="B19562" s="1" t="s">
        <v>69690</v>
      </c>
      <c r="C19562" s="1" t="s">
        <v>130</v>
      </c>
      <c r="D19562" s="1" t="s">
        <v>70123</v>
      </c>
      <c r="E19562" s="1" t="s">
        <v>70124</v>
      </c>
      <c r="F19562" s="1" t="s">
        <v>70125</v>
      </c>
      <c r="G19562" s="1" t="s">
        <v>70031</v>
      </c>
      <c r="H19562" s="1" t="s">
        <v>70032</v>
      </c>
      <c r="I19562" s="1" t="s">
        <v>69694</v>
      </c>
      <c r="J19562" s="1" t="s">
        <v>70126</v>
      </c>
    </row>
    <row r="19563" spans="1:10" x14ac:dyDescent="0.35">
      <c r="A19563" s="1" t="s">
        <v>44631</v>
      </c>
      <c r="B19563" s="1" t="s">
        <v>69690</v>
      </c>
      <c r="C19563" s="1" t="s">
        <v>135</v>
      </c>
      <c r="D19563" s="1" t="s">
        <v>12355</v>
      </c>
      <c r="E19563" s="1" t="s">
        <v>70127</v>
      </c>
      <c r="F19563" s="1" t="s">
        <v>70128</v>
      </c>
      <c r="G19563" s="1" t="s">
        <v>70031</v>
      </c>
      <c r="H19563" s="1" t="s">
        <v>70032</v>
      </c>
      <c r="I19563" s="1" t="s">
        <v>69694</v>
      </c>
      <c r="J19563" s="1" t="s">
        <v>70129</v>
      </c>
    </row>
    <row r="19564" spans="1:10" x14ac:dyDescent="0.35">
      <c r="A19564" s="1" t="s">
        <v>44631</v>
      </c>
      <c r="B19564" s="1" t="s">
        <v>69690</v>
      </c>
      <c r="C19564" s="1" t="s">
        <v>140</v>
      </c>
      <c r="D19564" s="1" t="s">
        <v>70130</v>
      </c>
      <c r="E19564" s="1" t="s">
        <v>70131</v>
      </c>
      <c r="F19564" s="1" t="s">
        <v>70132</v>
      </c>
      <c r="G19564" s="1" t="s">
        <v>70031</v>
      </c>
      <c r="H19564" s="1" t="s">
        <v>70032</v>
      </c>
      <c r="I19564" s="1" t="s">
        <v>69694</v>
      </c>
      <c r="J19564" s="1" t="s">
        <v>70133</v>
      </c>
    </row>
    <row r="19565" spans="1:10" x14ac:dyDescent="0.35">
      <c r="A19565" s="1" t="s">
        <v>44631</v>
      </c>
      <c r="B19565" s="1" t="s">
        <v>69690</v>
      </c>
      <c r="C19565" s="1" t="s">
        <v>145</v>
      </c>
      <c r="D19565" s="1" t="s">
        <v>70134</v>
      </c>
      <c r="E19565" s="1" t="s">
        <v>70135</v>
      </c>
      <c r="F19565" s="1" t="s">
        <v>70136</v>
      </c>
      <c r="G19565" s="1" t="s">
        <v>70031</v>
      </c>
      <c r="H19565" s="1" t="s">
        <v>70032</v>
      </c>
      <c r="I19565" s="1" t="s">
        <v>69694</v>
      </c>
      <c r="J19565" s="1" t="s">
        <v>70137</v>
      </c>
    </row>
    <row r="19566" spans="1:10" x14ac:dyDescent="0.35">
      <c r="A19566" s="1" t="s">
        <v>44631</v>
      </c>
      <c r="B19566" s="1" t="s">
        <v>69690</v>
      </c>
      <c r="C19566" s="1" t="s">
        <v>150</v>
      </c>
      <c r="D19566" s="1" t="s">
        <v>67126</v>
      </c>
      <c r="E19566" s="1" t="s">
        <v>70138</v>
      </c>
      <c r="F19566" s="1" t="s">
        <v>70139</v>
      </c>
      <c r="G19566" s="1" t="s">
        <v>70031</v>
      </c>
      <c r="H19566" s="1" t="s">
        <v>70032</v>
      </c>
      <c r="I19566" s="1" t="s">
        <v>69694</v>
      </c>
      <c r="J19566" s="1" t="s">
        <v>70140</v>
      </c>
    </row>
    <row r="19567" spans="1:10" x14ac:dyDescent="0.35">
      <c r="A19567" s="1" t="s">
        <v>44631</v>
      </c>
      <c r="B19567" s="1" t="s">
        <v>69690</v>
      </c>
      <c r="C19567" s="1" t="s">
        <v>155</v>
      </c>
      <c r="D19567" s="1" t="s">
        <v>70141</v>
      </c>
      <c r="E19567" s="1" t="s">
        <v>70142</v>
      </c>
      <c r="F19567" s="1" t="s">
        <v>70143</v>
      </c>
      <c r="G19567" s="1" t="s">
        <v>70031</v>
      </c>
      <c r="H19567" s="1" t="s">
        <v>70032</v>
      </c>
      <c r="I19567" s="1" t="s">
        <v>69694</v>
      </c>
      <c r="J19567" s="1" t="s">
        <v>70144</v>
      </c>
    </row>
    <row r="19568" spans="1:10" x14ac:dyDescent="0.35">
      <c r="A19568" s="1" t="s">
        <v>44631</v>
      </c>
      <c r="B19568" s="1" t="s">
        <v>69690</v>
      </c>
      <c r="C19568" s="1" t="s">
        <v>160</v>
      </c>
      <c r="D19568" s="1" t="s">
        <v>70145</v>
      </c>
      <c r="E19568" s="1" t="s">
        <v>70146</v>
      </c>
      <c r="F19568" s="1" t="s">
        <v>70147</v>
      </c>
      <c r="G19568" s="1" t="s">
        <v>70031</v>
      </c>
      <c r="H19568" s="1" t="s">
        <v>70032</v>
      </c>
      <c r="I19568" s="1" t="s">
        <v>69694</v>
      </c>
      <c r="J19568" s="1" t="s">
        <v>70148</v>
      </c>
    </row>
    <row r="19569" spans="1:10" x14ac:dyDescent="0.35">
      <c r="A19569" s="1" t="s">
        <v>44631</v>
      </c>
      <c r="B19569" s="1" t="s">
        <v>69690</v>
      </c>
      <c r="C19569" s="1" t="s">
        <v>165</v>
      </c>
      <c r="D19569" s="1" t="s">
        <v>70149</v>
      </c>
      <c r="E19569" s="1" t="s">
        <v>70150</v>
      </c>
      <c r="F19569" s="1" t="s">
        <v>70151</v>
      </c>
      <c r="G19569" s="1" t="s">
        <v>70031</v>
      </c>
      <c r="H19569" s="1" t="s">
        <v>70032</v>
      </c>
      <c r="I19569" s="1" t="s">
        <v>69694</v>
      </c>
      <c r="J19569" s="1" t="s">
        <v>70152</v>
      </c>
    </row>
    <row r="19570" spans="1:10" x14ac:dyDescent="0.35">
      <c r="A19570" s="1" t="s">
        <v>44631</v>
      </c>
      <c r="B19570" s="1" t="s">
        <v>69690</v>
      </c>
      <c r="C19570" s="1" t="s">
        <v>170</v>
      </c>
      <c r="D19570" s="1" t="s">
        <v>70153</v>
      </c>
      <c r="E19570" s="1" t="s">
        <v>70154</v>
      </c>
      <c r="F19570" s="1" t="s">
        <v>70155</v>
      </c>
      <c r="G19570" s="1" t="s">
        <v>70031</v>
      </c>
      <c r="H19570" s="1" t="s">
        <v>70032</v>
      </c>
      <c r="I19570" s="1" t="s">
        <v>69694</v>
      </c>
      <c r="J19570" s="1" t="s">
        <v>70156</v>
      </c>
    </row>
    <row r="19571" spans="1:10" x14ac:dyDescent="0.35">
      <c r="A19571" s="1" t="s">
        <v>52066</v>
      </c>
      <c r="B19571" s="1" t="s">
        <v>69690</v>
      </c>
      <c r="C19571" s="1" t="s">
        <v>8</v>
      </c>
      <c r="D19571" s="1" t="s">
        <v>70157</v>
      </c>
      <c r="E19571" s="1" t="s">
        <v>54478</v>
      </c>
      <c r="F19571" s="1" t="s">
        <v>66056</v>
      </c>
      <c r="G19571" s="1" t="s">
        <v>70158</v>
      </c>
      <c r="H19571" s="1" t="s">
        <v>70159</v>
      </c>
      <c r="I19571" s="1" t="s">
        <v>69694</v>
      </c>
      <c r="J19571" s="1" t="s">
        <v>13</v>
      </c>
    </row>
    <row r="19572" spans="1:10" x14ac:dyDescent="0.35">
      <c r="A19572" s="1" t="s">
        <v>52066</v>
      </c>
      <c r="B19572" s="1" t="s">
        <v>69690</v>
      </c>
      <c r="C19572" s="1" t="s">
        <v>15</v>
      </c>
      <c r="D19572" s="1" t="s">
        <v>23970</v>
      </c>
      <c r="E19572" s="1" t="s">
        <v>21201</v>
      </c>
      <c r="F19572" s="1" t="s">
        <v>70160</v>
      </c>
      <c r="G19572" s="1" t="s">
        <v>70158</v>
      </c>
      <c r="H19572" s="1" t="s">
        <v>70159</v>
      </c>
      <c r="I19572" s="1" t="s">
        <v>69694</v>
      </c>
      <c r="J19572" s="1" t="s">
        <v>70161</v>
      </c>
    </row>
    <row r="19573" spans="1:10" x14ac:dyDescent="0.35">
      <c r="A19573" s="1" t="s">
        <v>52066</v>
      </c>
      <c r="B19573" s="1" t="s">
        <v>69690</v>
      </c>
      <c r="C19573" s="1" t="s">
        <v>20</v>
      </c>
      <c r="D19573" s="1" t="s">
        <v>70162</v>
      </c>
      <c r="E19573" s="1" t="s">
        <v>54751</v>
      </c>
      <c r="F19573" s="1" t="s">
        <v>55951</v>
      </c>
      <c r="G19573" s="1" t="s">
        <v>70158</v>
      </c>
      <c r="H19573" s="1" t="s">
        <v>70159</v>
      </c>
      <c r="I19573" s="1" t="s">
        <v>69694</v>
      </c>
      <c r="J19573" s="1" t="s">
        <v>70163</v>
      </c>
    </row>
    <row r="19574" spans="1:10" x14ac:dyDescent="0.35">
      <c r="A19574" s="1" t="s">
        <v>52066</v>
      </c>
      <c r="B19574" s="1" t="s">
        <v>69690</v>
      </c>
      <c r="C19574" s="1" t="s">
        <v>25</v>
      </c>
      <c r="D19574" s="1" t="s">
        <v>55669</v>
      </c>
      <c r="E19574" s="1" t="s">
        <v>41327</v>
      </c>
      <c r="F19574" s="1" t="s">
        <v>70164</v>
      </c>
      <c r="G19574" s="1" t="s">
        <v>70158</v>
      </c>
      <c r="H19574" s="1" t="s">
        <v>70159</v>
      </c>
      <c r="I19574" s="1" t="s">
        <v>69694</v>
      </c>
      <c r="J19574" s="1" t="s">
        <v>70165</v>
      </c>
    </row>
    <row r="19575" spans="1:10" x14ac:dyDescent="0.35">
      <c r="A19575" s="1" t="s">
        <v>52066</v>
      </c>
      <c r="B19575" s="1" t="s">
        <v>69690</v>
      </c>
      <c r="C19575" s="1" t="s">
        <v>30</v>
      </c>
      <c r="D19575" s="1" t="s">
        <v>24380</v>
      </c>
      <c r="E19575" s="1" t="s">
        <v>24363</v>
      </c>
      <c r="F19575" s="1" t="s">
        <v>62808</v>
      </c>
      <c r="G19575" s="1" t="s">
        <v>70158</v>
      </c>
      <c r="H19575" s="1" t="s">
        <v>70159</v>
      </c>
      <c r="I19575" s="1" t="s">
        <v>69694</v>
      </c>
      <c r="J19575" s="1" t="s">
        <v>70166</v>
      </c>
    </row>
    <row r="19576" spans="1:10" x14ac:dyDescent="0.35">
      <c r="A19576" s="1" t="s">
        <v>52066</v>
      </c>
      <c r="B19576" s="1" t="s">
        <v>69690</v>
      </c>
      <c r="C19576" s="1" t="s">
        <v>35</v>
      </c>
      <c r="D19576" s="1" t="s">
        <v>40285</v>
      </c>
      <c r="E19576" s="1" t="s">
        <v>21952</v>
      </c>
      <c r="F19576" s="1" t="s">
        <v>24259</v>
      </c>
      <c r="G19576" s="1" t="s">
        <v>70158</v>
      </c>
      <c r="H19576" s="1" t="s">
        <v>70159</v>
      </c>
      <c r="I19576" s="1" t="s">
        <v>69694</v>
      </c>
      <c r="J19576" s="1" t="s">
        <v>70167</v>
      </c>
    </row>
    <row r="19577" spans="1:10" x14ac:dyDescent="0.35">
      <c r="A19577" s="1" t="s">
        <v>52066</v>
      </c>
      <c r="B19577" s="1" t="s">
        <v>69690</v>
      </c>
      <c r="C19577" s="1" t="s">
        <v>40</v>
      </c>
      <c r="D19577" s="1" t="s">
        <v>70168</v>
      </c>
      <c r="E19577" s="1" t="s">
        <v>23065</v>
      </c>
      <c r="F19577" s="1" t="s">
        <v>70169</v>
      </c>
      <c r="G19577" s="1" t="s">
        <v>70158</v>
      </c>
      <c r="H19577" s="1" t="s">
        <v>70159</v>
      </c>
      <c r="I19577" s="1" t="s">
        <v>69694</v>
      </c>
      <c r="J19577" s="1" t="s">
        <v>70170</v>
      </c>
    </row>
    <row r="19578" spans="1:10" x14ac:dyDescent="0.35">
      <c r="A19578" s="1" t="s">
        <v>52066</v>
      </c>
      <c r="B19578" s="1" t="s">
        <v>69690</v>
      </c>
      <c r="C19578" s="1" t="s">
        <v>45</v>
      </c>
      <c r="D19578" s="1" t="s">
        <v>70171</v>
      </c>
      <c r="E19578" s="1" t="s">
        <v>63427</v>
      </c>
      <c r="F19578" s="1" t="s">
        <v>53970</v>
      </c>
      <c r="G19578" s="1" t="s">
        <v>70158</v>
      </c>
      <c r="H19578" s="1" t="s">
        <v>70159</v>
      </c>
      <c r="I19578" s="1" t="s">
        <v>69694</v>
      </c>
      <c r="J19578" s="1" t="s">
        <v>70172</v>
      </c>
    </row>
    <row r="19579" spans="1:10" x14ac:dyDescent="0.35">
      <c r="A19579" s="1" t="s">
        <v>52066</v>
      </c>
      <c r="B19579" s="1" t="s">
        <v>69690</v>
      </c>
      <c r="C19579" s="1" t="s">
        <v>50</v>
      </c>
      <c r="D19579" s="1" t="s">
        <v>70173</v>
      </c>
      <c r="E19579" s="1" t="s">
        <v>41385</v>
      </c>
      <c r="F19579" s="1" t="s">
        <v>70174</v>
      </c>
      <c r="G19579" s="1" t="s">
        <v>70158</v>
      </c>
      <c r="H19579" s="1" t="s">
        <v>70159</v>
      </c>
      <c r="I19579" s="1" t="s">
        <v>69694</v>
      </c>
      <c r="J19579" s="1" t="s">
        <v>70175</v>
      </c>
    </row>
    <row r="19580" spans="1:10" x14ac:dyDescent="0.35">
      <c r="A19580" s="1" t="s">
        <v>52066</v>
      </c>
      <c r="B19580" s="1" t="s">
        <v>69690</v>
      </c>
      <c r="C19580" s="1" t="s">
        <v>55</v>
      </c>
      <c r="D19580" s="1" t="s">
        <v>70176</v>
      </c>
      <c r="E19580" s="1" t="s">
        <v>32372</v>
      </c>
      <c r="F19580" s="1" t="s">
        <v>70177</v>
      </c>
      <c r="G19580" s="1" t="s">
        <v>70158</v>
      </c>
      <c r="H19580" s="1" t="s">
        <v>70159</v>
      </c>
      <c r="I19580" s="1" t="s">
        <v>69694</v>
      </c>
      <c r="J19580" s="1" t="s">
        <v>70178</v>
      </c>
    </row>
    <row r="19581" spans="1:10" x14ac:dyDescent="0.35">
      <c r="A19581" s="1" t="s">
        <v>52066</v>
      </c>
      <c r="B19581" s="1" t="s">
        <v>69690</v>
      </c>
      <c r="C19581" s="1" t="s">
        <v>60</v>
      </c>
      <c r="D19581" s="1" t="s">
        <v>70179</v>
      </c>
      <c r="E19581" s="1" t="s">
        <v>54387</v>
      </c>
      <c r="F19581" s="1" t="s">
        <v>70180</v>
      </c>
      <c r="G19581" s="1" t="s">
        <v>70158</v>
      </c>
      <c r="H19581" s="1" t="s">
        <v>70159</v>
      </c>
      <c r="I19581" s="1" t="s">
        <v>69694</v>
      </c>
      <c r="J19581" s="1" t="s">
        <v>70181</v>
      </c>
    </row>
    <row r="19582" spans="1:10" x14ac:dyDescent="0.35">
      <c r="A19582" s="1" t="s">
        <v>52066</v>
      </c>
      <c r="B19582" s="1" t="s">
        <v>69690</v>
      </c>
      <c r="C19582" s="1" t="s">
        <v>65</v>
      </c>
      <c r="D19582" s="1" t="s">
        <v>70182</v>
      </c>
      <c r="E19582" s="1" t="s">
        <v>41305</v>
      </c>
      <c r="F19582" s="1" t="s">
        <v>70183</v>
      </c>
      <c r="G19582" s="1" t="s">
        <v>70158</v>
      </c>
      <c r="H19582" s="1" t="s">
        <v>70159</v>
      </c>
      <c r="I19582" s="1" t="s">
        <v>69694</v>
      </c>
      <c r="J19582" s="1" t="s">
        <v>70184</v>
      </c>
    </row>
    <row r="19583" spans="1:10" x14ac:dyDescent="0.35">
      <c r="A19583" s="1" t="s">
        <v>52066</v>
      </c>
      <c r="B19583" s="1" t="s">
        <v>69690</v>
      </c>
      <c r="C19583" s="1" t="s">
        <v>70</v>
      </c>
      <c r="D19583" s="1" t="s">
        <v>66424</v>
      </c>
      <c r="E19583" s="1" t="s">
        <v>40741</v>
      </c>
      <c r="F19583" s="1" t="s">
        <v>70185</v>
      </c>
      <c r="G19583" s="1" t="s">
        <v>70158</v>
      </c>
      <c r="H19583" s="1" t="s">
        <v>70159</v>
      </c>
      <c r="I19583" s="1" t="s">
        <v>69694</v>
      </c>
      <c r="J19583" s="1" t="s">
        <v>70186</v>
      </c>
    </row>
    <row r="19584" spans="1:10" x14ac:dyDescent="0.35">
      <c r="A19584" s="1" t="s">
        <v>52066</v>
      </c>
      <c r="B19584" s="1" t="s">
        <v>69690</v>
      </c>
      <c r="C19584" s="1" t="s">
        <v>75</v>
      </c>
      <c r="D19584" s="1" t="s">
        <v>70187</v>
      </c>
      <c r="E19584" s="1" t="s">
        <v>56221</v>
      </c>
      <c r="F19584" s="1" t="s">
        <v>70188</v>
      </c>
      <c r="G19584" s="1" t="s">
        <v>70158</v>
      </c>
      <c r="H19584" s="1" t="s">
        <v>70159</v>
      </c>
      <c r="I19584" s="1" t="s">
        <v>69694</v>
      </c>
      <c r="J19584" s="1" t="s">
        <v>70189</v>
      </c>
    </row>
    <row r="19585" spans="1:10" x14ac:dyDescent="0.35">
      <c r="A19585" s="1" t="s">
        <v>52066</v>
      </c>
      <c r="B19585" s="1" t="s">
        <v>69690</v>
      </c>
      <c r="C19585" s="1" t="s">
        <v>80</v>
      </c>
      <c r="D19585" s="1" t="s">
        <v>62069</v>
      </c>
      <c r="E19585" s="1" t="s">
        <v>55315</v>
      </c>
      <c r="F19585" s="1" t="s">
        <v>70190</v>
      </c>
      <c r="G19585" s="1" t="s">
        <v>70158</v>
      </c>
      <c r="H19585" s="1" t="s">
        <v>70159</v>
      </c>
      <c r="I19585" s="1" t="s">
        <v>69694</v>
      </c>
      <c r="J19585" s="1" t="s">
        <v>70191</v>
      </c>
    </row>
    <row r="19586" spans="1:10" x14ac:dyDescent="0.35">
      <c r="A19586" s="1" t="s">
        <v>52066</v>
      </c>
      <c r="B19586" s="1" t="s">
        <v>69690</v>
      </c>
      <c r="C19586" s="1" t="s">
        <v>85</v>
      </c>
      <c r="D19586" s="1" t="s">
        <v>70192</v>
      </c>
      <c r="E19586" s="1" t="s">
        <v>23206</v>
      </c>
      <c r="F19586" s="1" t="s">
        <v>70193</v>
      </c>
      <c r="G19586" s="1" t="s">
        <v>70158</v>
      </c>
      <c r="H19586" s="1" t="s">
        <v>70159</v>
      </c>
      <c r="I19586" s="1" t="s">
        <v>69694</v>
      </c>
      <c r="J19586" s="1" t="s">
        <v>70194</v>
      </c>
    </row>
    <row r="19587" spans="1:10" x14ac:dyDescent="0.35">
      <c r="A19587" s="1" t="s">
        <v>52066</v>
      </c>
      <c r="B19587" s="1" t="s">
        <v>69690</v>
      </c>
      <c r="C19587" s="1" t="s">
        <v>90</v>
      </c>
      <c r="D19587" s="1" t="s">
        <v>70195</v>
      </c>
      <c r="E19587" s="1" t="s">
        <v>58768</v>
      </c>
      <c r="F19587" s="1" t="s">
        <v>70196</v>
      </c>
      <c r="G19587" s="1" t="s">
        <v>70158</v>
      </c>
      <c r="H19587" s="1" t="s">
        <v>70159</v>
      </c>
      <c r="I19587" s="1" t="s">
        <v>69694</v>
      </c>
      <c r="J19587" s="1" t="s">
        <v>70197</v>
      </c>
    </row>
    <row r="19588" spans="1:10" x14ac:dyDescent="0.35">
      <c r="A19588" s="1" t="s">
        <v>52066</v>
      </c>
      <c r="B19588" s="1" t="s">
        <v>69690</v>
      </c>
      <c r="C19588" s="1" t="s">
        <v>95</v>
      </c>
      <c r="D19588" s="1" t="s">
        <v>70198</v>
      </c>
      <c r="E19588" s="1" t="s">
        <v>12809</v>
      </c>
      <c r="F19588" s="1" t="s">
        <v>70199</v>
      </c>
      <c r="G19588" s="1" t="s">
        <v>70158</v>
      </c>
      <c r="H19588" s="1" t="s">
        <v>70159</v>
      </c>
      <c r="I19588" s="1" t="s">
        <v>69694</v>
      </c>
      <c r="J19588" s="1" t="s">
        <v>70200</v>
      </c>
    </row>
    <row r="19589" spans="1:10" x14ac:dyDescent="0.35">
      <c r="A19589" s="1" t="s">
        <v>52066</v>
      </c>
      <c r="B19589" s="1" t="s">
        <v>69690</v>
      </c>
      <c r="C19589" s="1" t="s">
        <v>100</v>
      </c>
      <c r="D19589" s="1" t="s">
        <v>70201</v>
      </c>
      <c r="E19589" s="1" t="s">
        <v>21853</v>
      </c>
      <c r="F19589" s="1" t="s">
        <v>70202</v>
      </c>
      <c r="G19589" s="1" t="s">
        <v>70158</v>
      </c>
      <c r="H19589" s="1" t="s">
        <v>70159</v>
      </c>
      <c r="I19589" s="1" t="s">
        <v>69694</v>
      </c>
      <c r="J19589" s="1" t="s">
        <v>70203</v>
      </c>
    </row>
    <row r="19590" spans="1:10" x14ac:dyDescent="0.35">
      <c r="A19590" s="1" t="s">
        <v>52066</v>
      </c>
      <c r="B19590" s="1" t="s">
        <v>69690</v>
      </c>
      <c r="C19590" s="1" t="s">
        <v>105</v>
      </c>
      <c r="D19590" s="1" t="s">
        <v>70204</v>
      </c>
      <c r="E19590" s="1" t="s">
        <v>70205</v>
      </c>
      <c r="F19590" s="1" t="s">
        <v>70206</v>
      </c>
      <c r="G19590" s="1" t="s">
        <v>70158</v>
      </c>
      <c r="H19590" s="1" t="s">
        <v>70159</v>
      </c>
      <c r="I19590" s="1" t="s">
        <v>69694</v>
      </c>
      <c r="J19590" s="1" t="s">
        <v>70207</v>
      </c>
    </row>
    <row r="19591" spans="1:10" x14ac:dyDescent="0.35">
      <c r="A19591" s="1" t="s">
        <v>52066</v>
      </c>
      <c r="B19591" s="1" t="s">
        <v>69690</v>
      </c>
      <c r="C19591" s="1" t="s">
        <v>110</v>
      </c>
      <c r="D19591" s="1" t="s">
        <v>70208</v>
      </c>
      <c r="E19591" s="1" t="s">
        <v>55520</v>
      </c>
      <c r="F19591" s="1" t="s">
        <v>62659</v>
      </c>
      <c r="G19591" s="1" t="s">
        <v>70158</v>
      </c>
      <c r="H19591" s="1" t="s">
        <v>70159</v>
      </c>
      <c r="I19591" s="1" t="s">
        <v>69694</v>
      </c>
      <c r="J19591" s="1" t="s">
        <v>70209</v>
      </c>
    </row>
    <row r="19592" spans="1:10" x14ac:dyDescent="0.35">
      <c r="A19592" s="1" t="s">
        <v>52066</v>
      </c>
      <c r="B19592" s="1" t="s">
        <v>69690</v>
      </c>
      <c r="C19592" s="1" t="s">
        <v>115</v>
      </c>
      <c r="D19592" s="1" t="s">
        <v>70210</v>
      </c>
      <c r="E19592" s="1" t="s">
        <v>57969</v>
      </c>
      <c r="F19592" s="1" t="s">
        <v>70211</v>
      </c>
      <c r="G19592" s="1" t="s">
        <v>70158</v>
      </c>
      <c r="H19592" s="1" t="s">
        <v>70159</v>
      </c>
      <c r="I19592" s="1" t="s">
        <v>69694</v>
      </c>
      <c r="J19592" s="1" t="s">
        <v>70212</v>
      </c>
    </row>
    <row r="19593" spans="1:10" x14ac:dyDescent="0.35">
      <c r="A19593" s="1" t="s">
        <v>52066</v>
      </c>
      <c r="B19593" s="1" t="s">
        <v>69690</v>
      </c>
      <c r="C19593" s="1" t="s">
        <v>120</v>
      </c>
      <c r="D19593" s="1" t="s">
        <v>70213</v>
      </c>
      <c r="E19593" s="1" t="s">
        <v>21764</v>
      </c>
      <c r="F19593" s="1" t="s">
        <v>54191</v>
      </c>
      <c r="G19593" s="1" t="s">
        <v>70158</v>
      </c>
      <c r="H19593" s="1" t="s">
        <v>70159</v>
      </c>
      <c r="I19593" s="1" t="s">
        <v>69694</v>
      </c>
      <c r="J19593" s="1" t="s">
        <v>70214</v>
      </c>
    </row>
    <row r="19594" spans="1:10" x14ac:dyDescent="0.35">
      <c r="A19594" s="1" t="s">
        <v>52066</v>
      </c>
      <c r="B19594" s="1" t="s">
        <v>69690</v>
      </c>
      <c r="C19594" s="1" t="s">
        <v>125</v>
      </c>
      <c r="D19594" s="1" t="s">
        <v>70215</v>
      </c>
      <c r="E19594" s="1" t="s">
        <v>59505</v>
      </c>
      <c r="F19594" s="1" t="s">
        <v>70216</v>
      </c>
      <c r="G19594" s="1" t="s">
        <v>70158</v>
      </c>
      <c r="H19594" s="1" t="s">
        <v>70159</v>
      </c>
      <c r="I19594" s="1" t="s">
        <v>69694</v>
      </c>
      <c r="J19594" s="1" t="s">
        <v>70217</v>
      </c>
    </row>
    <row r="19595" spans="1:10" x14ac:dyDescent="0.35">
      <c r="A19595" s="1" t="s">
        <v>52066</v>
      </c>
      <c r="B19595" s="1" t="s">
        <v>69690</v>
      </c>
      <c r="C19595" s="1" t="s">
        <v>130</v>
      </c>
      <c r="D19595" s="1" t="s">
        <v>70218</v>
      </c>
      <c r="E19595" s="1" t="s">
        <v>55373</v>
      </c>
      <c r="F19595" s="1" t="s">
        <v>70219</v>
      </c>
      <c r="G19595" s="1" t="s">
        <v>70158</v>
      </c>
      <c r="H19595" s="1" t="s">
        <v>70159</v>
      </c>
      <c r="I19595" s="1" t="s">
        <v>69694</v>
      </c>
      <c r="J19595" s="1" t="s">
        <v>70220</v>
      </c>
    </row>
    <row r="19596" spans="1:10" x14ac:dyDescent="0.35">
      <c r="A19596" s="1" t="s">
        <v>52066</v>
      </c>
      <c r="B19596" s="1" t="s">
        <v>69690</v>
      </c>
      <c r="C19596" s="1" t="s">
        <v>135</v>
      </c>
      <c r="D19596" s="1" t="s">
        <v>67138</v>
      </c>
      <c r="E19596" s="1" t="s">
        <v>12757</v>
      </c>
      <c r="F19596" s="1" t="s">
        <v>63695</v>
      </c>
      <c r="G19596" s="1" t="s">
        <v>70158</v>
      </c>
      <c r="H19596" s="1" t="s">
        <v>70159</v>
      </c>
      <c r="I19596" s="1" t="s">
        <v>69694</v>
      </c>
      <c r="J19596" s="1" t="s">
        <v>70221</v>
      </c>
    </row>
    <row r="19597" spans="1:10" x14ac:dyDescent="0.35">
      <c r="A19597" s="1" t="s">
        <v>52066</v>
      </c>
      <c r="B19597" s="1" t="s">
        <v>69690</v>
      </c>
      <c r="C19597" s="1" t="s">
        <v>140</v>
      </c>
      <c r="D19597" s="1" t="s">
        <v>70222</v>
      </c>
      <c r="E19597" s="1" t="s">
        <v>15228</v>
      </c>
      <c r="F19597" s="1" t="s">
        <v>70223</v>
      </c>
      <c r="G19597" s="1" t="s">
        <v>70158</v>
      </c>
      <c r="H19597" s="1" t="s">
        <v>70159</v>
      </c>
      <c r="I19597" s="1" t="s">
        <v>69694</v>
      </c>
      <c r="J19597" s="1" t="s">
        <v>70224</v>
      </c>
    </row>
    <row r="19598" spans="1:10" x14ac:dyDescent="0.35">
      <c r="A19598" s="1" t="s">
        <v>52066</v>
      </c>
      <c r="B19598" s="1" t="s">
        <v>69690</v>
      </c>
      <c r="C19598" s="1" t="s">
        <v>145</v>
      </c>
      <c r="D19598" s="1" t="s">
        <v>70225</v>
      </c>
      <c r="E19598" s="1" t="s">
        <v>54677</v>
      </c>
      <c r="F19598" s="1" t="s">
        <v>70226</v>
      </c>
      <c r="G19598" s="1" t="s">
        <v>70158</v>
      </c>
      <c r="H19598" s="1" t="s">
        <v>70159</v>
      </c>
      <c r="I19598" s="1" t="s">
        <v>69694</v>
      </c>
      <c r="J19598" s="1" t="s">
        <v>70227</v>
      </c>
    </row>
    <row r="19599" spans="1:10" x14ac:dyDescent="0.35">
      <c r="A19599" s="1" t="s">
        <v>52066</v>
      </c>
      <c r="B19599" s="1" t="s">
        <v>69690</v>
      </c>
      <c r="C19599" s="1" t="s">
        <v>150</v>
      </c>
      <c r="D19599" s="1" t="s">
        <v>70228</v>
      </c>
      <c r="E19599" s="1" t="s">
        <v>23404</v>
      </c>
      <c r="F19599" s="1" t="s">
        <v>70229</v>
      </c>
      <c r="G19599" s="1" t="s">
        <v>70158</v>
      </c>
      <c r="H19599" s="1" t="s">
        <v>70159</v>
      </c>
      <c r="I19599" s="1" t="s">
        <v>69694</v>
      </c>
      <c r="J19599" s="1" t="s">
        <v>70230</v>
      </c>
    </row>
    <row r="19600" spans="1:10" x14ac:dyDescent="0.35">
      <c r="A19600" s="1" t="s">
        <v>52066</v>
      </c>
      <c r="B19600" s="1" t="s">
        <v>69690</v>
      </c>
      <c r="C19600" s="1" t="s">
        <v>155</v>
      </c>
      <c r="D19600" s="1" t="s">
        <v>41435</v>
      </c>
      <c r="E19600" s="1" t="s">
        <v>15319</v>
      </c>
      <c r="F19600" s="1" t="s">
        <v>70231</v>
      </c>
      <c r="G19600" s="1" t="s">
        <v>70158</v>
      </c>
      <c r="H19600" s="1" t="s">
        <v>70159</v>
      </c>
      <c r="I19600" s="1" t="s">
        <v>69694</v>
      </c>
      <c r="J19600" s="1" t="s">
        <v>70232</v>
      </c>
    </row>
    <row r="19601" spans="1:10" x14ac:dyDescent="0.35">
      <c r="A19601" s="1" t="s">
        <v>52066</v>
      </c>
      <c r="B19601" s="1" t="s">
        <v>69690</v>
      </c>
      <c r="C19601" s="1" t="s">
        <v>160</v>
      </c>
      <c r="D19601" s="1" t="s">
        <v>59052</v>
      </c>
      <c r="E19601" s="1" t="s">
        <v>24221</v>
      </c>
      <c r="F19601" s="1" t="s">
        <v>70233</v>
      </c>
      <c r="G19601" s="1" t="s">
        <v>70158</v>
      </c>
      <c r="H19601" s="1" t="s">
        <v>70159</v>
      </c>
      <c r="I19601" s="1" t="s">
        <v>69694</v>
      </c>
      <c r="J19601" s="1" t="s">
        <v>70234</v>
      </c>
    </row>
    <row r="19602" spans="1:10" x14ac:dyDescent="0.35">
      <c r="A19602" s="1" t="s">
        <v>52066</v>
      </c>
      <c r="B19602" s="1" t="s">
        <v>69690</v>
      </c>
      <c r="C19602" s="1" t="s">
        <v>165</v>
      </c>
      <c r="D19602" s="1" t="s">
        <v>70235</v>
      </c>
      <c r="E19602" s="1" t="s">
        <v>54747</v>
      </c>
      <c r="F19602" s="1" t="s">
        <v>70236</v>
      </c>
      <c r="G19602" s="1" t="s">
        <v>70158</v>
      </c>
      <c r="H19602" s="1" t="s">
        <v>70159</v>
      </c>
      <c r="I19602" s="1" t="s">
        <v>69694</v>
      </c>
      <c r="J19602" s="1" t="s">
        <v>70237</v>
      </c>
    </row>
    <row r="19603" spans="1:10" x14ac:dyDescent="0.35">
      <c r="A19603" s="1" t="s">
        <v>52066</v>
      </c>
      <c r="B19603" s="1" t="s">
        <v>69690</v>
      </c>
      <c r="C19603" s="1" t="s">
        <v>170</v>
      </c>
      <c r="D19603" s="1" t="s">
        <v>70238</v>
      </c>
      <c r="E19603" s="1" t="s">
        <v>24408</v>
      </c>
      <c r="F19603" s="1" t="s">
        <v>70239</v>
      </c>
      <c r="G19603" s="1" t="s">
        <v>70158</v>
      </c>
      <c r="H19603" s="1" t="s">
        <v>70159</v>
      </c>
      <c r="I19603" s="1" t="s">
        <v>69694</v>
      </c>
      <c r="J19603" s="1" t="s">
        <v>70240</v>
      </c>
    </row>
    <row r="19604" spans="1:10" x14ac:dyDescent="0.35">
      <c r="A19604" s="1" t="s">
        <v>70241</v>
      </c>
      <c r="B19604" s="1" t="s">
        <v>69690</v>
      </c>
      <c r="C19604" s="1" t="s">
        <v>8</v>
      </c>
      <c r="D19604" s="1" t="s">
        <v>70242</v>
      </c>
      <c r="E19604" s="1" t="s">
        <v>70243</v>
      </c>
      <c r="F19604" s="1" t="s">
        <v>70244</v>
      </c>
      <c r="G19604" s="1" t="s">
        <v>70245</v>
      </c>
      <c r="H19604" s="1" t="s">
        <v>70246</v>
      </c>
      <c r="I19604" s="1" t="s">
        <v>69694</v>
      </c>
      <c r="J19604" s="1" t="s">
        <v>13</v>
      </c>
    </row>
    <row r="19605" spans="1:10" x14ac:dyDescent="0.35">
      <c r="A19605" s="1" t="s">
        <v>70241</v>
      </c>
      <c r="B19605" s="1" t="s">
        <v>69690</v>
      </c>
      <c r="C19605" s="1" t="s">
        <v>15</v>
      </c>
      <c r="D19605" s="1" t="s">
        <v>70247</v>
      </c>
      <c r="E19605" s="1" t="s">
        <v>70248</v>
      </c>
      <c r="F19605" s="1" t="s">
        <v>70249</v>
      </c>
      <c r="G19605" s="1" t="s">
        <v>70245</v>
      </c>
      <c r="H19605" s="1" t="s">
        <v>70246</v>
      </c>
      <c r="I19605" s="1" t="s">
        <v>69694</v>
      </c>
      <c r="J19605" s="1" t="s">
        <v>70250</v>
      </c>
    </row>
    <row r="19606" spans="1:10" x14ac:dyDescent="0.35">
      <c r="A19606" s="1" t="s">
        <v>70241</v>
      </c>
      <c r="B19606" s="1" t="s">
        <v>69690</v>
      </c>
      <c r="C19606" s="1" t="s">
        <v>20</v>
      </c>
      <c r="D19606" s="1" t="s">
        <v>70251</v>
      </c>
      <c r="E19606" s="1" t="s">
        <v>70252</v>
      </c>
      <c r="F19606" s="1" t="s">
        <v>70253</v>
      </c>
      <c r="G19606" s="1" t="s">
        <v>70245</v>
      </c>
      <c r="H19606" s="1" t="s">
        <v>70246</v>
      </c>
      <c r="I19606" s="1" t="s">
        <v>69694</v>
      </c>
      <c r="J19606" s="1" t="s">
        <v>70254</v>
      </c>
    </row>
    <row r="19607" spans="1:10" x14ac:dyDescent="0.35">
      <c r="A19607" s="1" t="s">
        <v>70241</v>
      </c>
      <c r="B19607" s="1" t="s">
        <v>69690</v>
      </c>
      <c r="C19607" s="1" t="s">
        <v>25</v>
      </c>
      <c r="D19607" s="1" t="s">
        <v>70255</v>
      </c>
      <c r="E19607" s="1" t="s">
        <v>70256</v>
      </c>
      <c r="F19607" s="1" t="s">
        <v>70257</v>
      </c>
      <c r="G19607" s="1" t="s">
        <v>70245</v>
      </c>
      <c r="H19607" s="1" t="s">
        <v>70246</v>
      </c>
      <c r="I19607" s="1" t="s">
        <v>69694</v>
      </c>
      <c r="J19607" s="1" t="s">
        <v>70258</v>
      </c>
    </row>
    <row r="19608" spans="1:10" x14ac:dyDescent="0.35">
      <c r="A19608" s="1" t="s">
        <v>70241</v>
      </c>
      <c r="B19608" s="1" t="s">
        <v>69690</v>
      </c>
      <c r="C19608" s="1" t="s">
        <v>30</v>
      </c>
      <c r="D19608" s="1" t="s">
        <v>70259</v>
      </c>
      <c r="E19608" s="1" t="s">
        <v>70260</v>
      </c>
      <c r="F19608" s="1" t="s">
        <v>70261</v>
      </c>
      <c r="G19608" s="1" t="s">
        <v>70245</v>
      </c>
      <c r="H19608" s="1" t="s">
        <v>70246</v>
      </c>
      <c r="I19608" s="1" t="s">
        <v>69694</v>
      </c>
      <c r="J19608" s="1" t="s">
        <v>70262</v>
      </c>
    </row>
    <row r="19609" spans="1:10" x14ac:dyDescent="0.35">
      <c r="A19609" s="1" t="s">
        <v>70241</v>
      </c>
      <c r="B19609" s="1" t="s">
        <v>69690</v>
      </c>
      <c r="C19609" s="1" t="s">
        <v>35</v>
      </c>
      <c r="D19609" s="1" t="s">
        <v>70263</v>
      </c>
      <c r="E19609" s="1" t="s">
        <v>70264</v>
      </c>
      <c r="F19609" s="1" t="s">
        <v>70265</v>
      </c>
      <c r="G19609" s="1" t="s">
        <v>70245</v>
      </c>
      <c r="H19609" s="1" t="s">
        <v>70246</v>
      </c>
      <c r="I19609" s="1" t="s">
        <v>69694</v>
      </c>
      <c r="J19609" s="1" t="s">
        <v>70266</v>
      </c>
    </row>
    <row r="19610" spans="1:10" x14ac:dyDescent="0.35">
      <c r="A19610" s="1" t="s">
        <v>70241</v>
      </c>
      <c r="B19610" s="1" t="s">
        <v>69690</v>
      </c>
      <c r="C19610" s="1" t="s">
        <v>40</v>
      </c>
      <c r="D19610" s="1" t="s">
        <v>70267</v>
      </c>
      <c r="E19610" s="1" t="s">
        <v>70268</v>
      </c>
      <c r="F19610" s="1" t="s">
        <v>70269</v>
      </c>
      <c r="G19610" s="1" t="s">
        <v>70245</v>
      </c>
      <c r="H19610" s="1" t="s">
        <v>70246</v>
      </c>
      <c r="I19610" s="1" t="s">
        <v>69694</v>
      </c>
      <c r="J19610" s="1" t="s">
        <v>70270</v>
      </c>
    </row>
    <row r="19611" spans="1:10" x14ac:dyDescent="0.35">
      <c r="A19611" s="1" t="s">
        <v>70241</v>
      </c>
      <c r="B19611" s="1" t="s">
        <v>69690</v>
      </c>
      <c r="C19611" s="1" t="s">
        <v>45</v>
      </c>
      <c r="D19611" s="1" t="s">
        <v>70271</v>
      </c>
      <c r="E19611" s="1" t="s">
        <v>70272</v>
      </c>
      <c r="F19611" s="1" t="s">
        <v>70273</v>
      </c>
      <c r="G19611" s="1" t="s">
        <v>70245</v>
      </c>
      <c r="H19611" s="1" t="s">
        <v>70246</v>
      </c>
      <c r="I19611" s="1" t="s">
        <v>69694</v>
      </c>
      <c r="J19611" s="1" t="s">
        <v>70274</v>
      </c>
    </row>
    <row r="19612" spans="1:10" x14ac:dyDescent="0.35">
      <c r="A19612" s="1" t="s">
        <v>70241</v>
      </c>
      <c r="B19612" s="1" t="s">
        <v>69690</v>
      </c>
      <c r="C19612" s="1" t="s">
        <v>50</v>
      </c>
      <c r="D19612" s="1" t="s">
        <v>70275</v>
      </c>
      <c r="E19612" s="1" t="s">
        <v>70276</v>
      </c>
      <c r="F19612" s="1" t="s">
        <v>70277</v>
      </c>
      <c r="G19612" s="1" t="s">
        <v>70245</v>
      </c>
      <c r="H19612" s="1" t="s">
        <v>70246</v>
      </c>
      <c r="I19612" s="1" t="s">
        <v>69694</v>
      </c>
      <c r="J19612" s="1" t="s">
        <v>70278</v>
      </c>
    </row>
    <row r="19613" spans="1:10" x14ac:dyDescent="0.35">
      <c r="A19613" s="1" t="s">
        <v>70241</v>
      </c>
      <c r="B19613" s="1" t="s">
        <v>69690</v>
      </c>
      <c r="C19613" s="1" t="s">
        <v>55</v>
      </c>
      <c r="D19613" s="1" t="s">
        <v>70279</v>
      </c>
      <c r="E19613" s="1" t="s">
        <v>70280</v>
      </c>
      <c r="F19613" s="1" t="s">
        <v>70281</v>
      </c>
      <c r="G19613" s="1" t="s">
        <v>70245</v>
      </c>
      <c r="H19613" s="1" t="s">
        <v>70246</v>
      </c>
      <c r="I19613" s="1" t="s">
        <v>69694</v>
      </c>
      <c r="J19613" s="1" t="s">
        <v>70282</v>
      </c>
    </row>
    <row r="19614" spans="1:10" x14ac:dyDescent="0.35">
      <c r="A19614" s="1" t="s">
        <v>70241</v>
      </c>
      <c r="B19614" s="1" t="s">
        <v>69690</v>
      </c>
      <c r="C19614" s="1" t="s">
        <v>60</v>
      </c>
      <c r="D19614" s="1" t="s">
        <v>69143</v>
      </c>
      <c r="E19614" s="1" t="s">
        <v>70283</v>
      </c>
      <c r="F19614" s="1" t="s">
        <v>70284</v>
      </c>
      <c r="G19614" s="1" t="s">
        <v>70245</v>
      </c>
      <c r="H19614" s="1" t="s">
        <v>70246</v>
      </c>
      <c r="I19614" s="1" t="s">
        <v>69694</v>
      </c>
      <c r="J19614" s="1" t="s">
        <v>70285</v>
      </c>
    </row>
    <row r="19615" spans="1:10" x14ac:dyDescent="0.35">
      <c r="A19615" s="1" t="s">
        <v>70241</v>
      </c>
      <c r="B19615" s="1" t="s">
        <v>69690</v>
      </c>
      <c r="C19615" s="1" t="s">
        <v>65</v>
      </c>
      <c r="D19615" s="1" t="s">
        <v>41147</v>
      </c>
      <c r="E19615" s="1" t="s">
        <v>70286</v>
      </c>
      <c r="F19615" s="1" t="s">
        <v>70287</v>
      </c>
      <c r="G19615" s="1" t="s">
        <v>70245</v>
      </c>
      <c r="H19615" s="1" t="s">
        <v>70246</v>
      </c>
      <c r="I19615" s="1" t="s">
        <v>69694</v>
      </c>
      <c r="J19615" s="1" t="s">
        <v>70288</v>
      </c>
    </row>
    <row r="19616" spans="1:10" x14ac:dyDescent="0.35">
      <c r="A19616" s="1" t="s">
        <v>70241</v>
      </c>
      <c r="B19616" s="1" t="s">
        <v>69690</v>
      </c>
      <c r="C19616" s="1" t="s">
        <v>70</v>
      </c>
      <c r="D19616" s="1" t="s">
        <v>70289</v>
      </c>
      <c r="E19616" s="1" t="s">
        <v>70290</v>
      </c>
      <c r="F19616" s="1" t="s">
        <v>70291</v>
      </c>
      <c r="G19616" s="1" t="s">
        <v>70245</v>
      </c>
      <c r="H19616" s="1" t="s">
        <v>70246</v>
      </c>
      <c r="I19616" s="1" t="s">
        <v>69694</v>
      </c>
      <c r="J19616" s="1" t="s">
        <v>70292</v>
      </c>
    </row>
    <row r="19617" spans="1:10" x14ac:dyDescent="0.35">
      <c r="A19617" s="1" t="s">
        <v>70241</v>
      </c>
      <c r="B19617" s="1" t="s">
        <v>69690</v>
      </c>
      <c r="C19617" s="1" t="s">
        <v>75</v>
      </c>
      <c r="D19617" s="1" t="s">
        <v>70293</v>
      </c>
      <c r="E19617" s="1" t="s">
        <v>70294</v>
      </c>
      <c r="F19617" s="1" t="s">
        <v>70295</v>
      </c>
      <c r="G19617" s="1" t="s">
        <v>70245</v>
      </c>
      <c r="H19617" s="1" t="s">
        <v>70246</v>
      </c>
      <c r="I19617" s="1" t="s">
        <v>69694</v>
      </c>
      <c r="J19617" s="1" t="s">
        <v>64686</v>
      </c>
    </row>
    <row r="19618" spans="1:10" x14ac:dyDescent="0.35">
      <c r="A19618" s="1" t="s">
        <v>70241</v>
      </c>
      <c r="B19618" s="1" t="s">
        <v>69690</v>
      </c>
      <c r="C19618" s="1" t="s">
        <v>80</v>
      </c>
      <c r="D19618" s="1" t="s">
        <v>70296</v>
      </c>
      <c r="E19618" s="1" t="s">
        <v>70297</v>
      </c>
      <c r="F19618" s="1" t="s">
        <v>70298</v>
      </c>
      <c r="G19618" s="1" t="s">
        <v>70245</v>
      </c>
      <c r="H19618" s="1" t="s">
        <v>70246</v>
      </c>
      <c r="I19618" s="1" t="s">
        <v>69694</v>
      </c>
      <c r="J19618" s="1" t="s">
        <v>70299</v>
      </c>
    </row>
    <row r="19619" spans="1:10" x14ac:dyDescent="0.35">
      <c r="A19619" s="1" t="s">
        <v>70241</v>
      </c>
      <c r="B19619" s="1" t="s">
        <v>69690</v>
      </c>
      <c r="C19619" s="1" t="s">
        <v>85</v>
      </c>
      <c r="D19619" s="1" t="s">
        <v>70300</v>
      </c>
      <c r="E19619" s="1" t="s">
        <v>70301</v>
      </c>
      <c r="F19619" s="1" t="s">
        <v>70302</v>
      </c>
      <c r="G19619" s="1" t="s">
        <v>70245</v>
      </c>
      <c r="H19619" s="1" t="s">
        <v>70246</v>
      </c>
      <c r="I19619" s="1" t="s">
        <v>69694</v>
      </c>
      <c r="J19619" s="1" t="s">
        <v>70303</v>
      </c>
    </row>
    <row r="19620" spans="1:10" x14ac:dyDescent="0.35">
      <c r="A19620" s="1" t="s">
        <v>70241</v>
      </c>
      <c r="B19620" s="1" t="s">
        <v>69690</v>
      </c>
      <c r="C19620" s="1" t="s">
        <v>90</v>
      </c>
      <c r="D19620" s="1" t="s">
        <v>70304</v>
      </c>
      <c r="E19620" s="1" t="s">
        <v>70305</v>
      </c>
      <c r="F19620" s="1" t="s">
        <v>70306</v>
      </c>
      <c r="G19620" s="1" t="s">
        <v>70245</v>
      </c>
      <c r="H19620" s="1" t="s">
        <v>70246</v>
      </c>
      <c r="I19620" s="1" t="s">
        <v>69694</v>
      </c>
      <c r="J19620" s="1" t="s">
        <v>70307</v>
      </c>
    </row>
    <row r="19621" spans="1:10" x14ac:dyDescent="0.35">
      <c r="A19621" s="1" t="s">
        <v>70241</v>
      </c>
      <c r="B19621" s="1" t="s">
        <v>69690</v>
      </c>
      <c r="C19621" s="1" t="s">
        <v>95</v>
      </c>
      <c r="D19621" s="1" t="s">
        <v>70308</v>
      </c>
      <c r="E19621" s="1" t="s">
        <v>70309</v>
      </c>
      <c r="F19621" s="1" t="s">
        <v>70310</v>
      </c>
      <c r="G19621" s="1" t="s">
        <v>70245</v>
      </c>
      <c r="H19621" s="1" t="s">
        <v>70246</v>
      </c>
      <c r="I19621" s="1" t="s">
        <v>69694</v>
      </c>
      <c r="J19621" s="1" t="s">
        <v>70311</v>
      </c>
    </row>
    <row r="19622" spans="1:10" x14ac:dyDescent="0.35">
      <c r="A19622" s="1" t="s">
        <v>70241</v>
      </c>
      <c r="B19622" s="1" t="s">
        <v>69690</v>
      </c>
      <c r="C19622" s="1" t="s">
        <v>100</v>
      </c>
      <c r="D19622" s="1" t="s">
        <v>70312</v>
      </c>
      <c r="E19622" s="1" t="s">
        <v>70313</v>
      </c>
      <c r="F19622" s="1" t="s">
        <v>70314</v>
      </c>
      <c r="G19622" s="1" t="s">
        <v>70245</v>
      </c>
      <c r="H19622" s="1" t="s">
        <v>70246</v>
      </c>
      <c r="I19622" s="1" t="s">
        <v>69694</v>
      </c>
      <c r="J19622" s="1" t="s">
        <v>70315</v>
      </c>
    </row>
    <row r="19623" spans="1:10" x14ac:dyDescent="0.35">
      <c r="A19623" s="1" t="s">
        <v>70241</v>
      </c>
      <c r="B19623" s="1" t="s">
        <v>69690</v>
      </c>
      <c r="C19623" s="1" t="s">
        <v>105</v>
      </c>
      <c r="D19623" s="1" t="s">
        <v>70316</v>
      </c>
      <c r="E19623" s="1" t="s">
        <v>70317</v>
      </c>
      <c r="F19623" s="1" t="s">
        <v>70318</v>
      </c>
      <c r="G19623" s="1" t="s">
        <v>70245</v>
      </c>
      <c r="H19623" s="1" t="s">
        <v>70246</v>
      </c>
      <c r="I19623" s="1" t="s">
        <v>69694</v>
      </c>
      <c r="J19623" s="1" t="s">
        <v>70319</v>
      </c>
    </row>
    <row r="19624" spans="1:10" x14ac:dyDescent="0.35">
      <c r="A19624" s="1" t="s">
        <v>70241</v>
      </c>
      <c r="B19624" s="1" t="s">
        <v>69690</v>
      </c>
      <c r="C19624" s="1" t="s">
        <v>110</v>
      </c>
      <c r="D19624" s="1" t="s">
        <v>70320</v>
      </c>
      <c r="E19624" s="1" t="s">
        <v>70321</v>
      </c>
      <c r="F19624" s="1" t="s">
        <v>70322</v>
      </c>
      <c r="G19624" s="1" t="s">
        <v>70245</v>
      </c>
      <c r="H19624" s="1" t="s">
        <v>70246</v>
      </c>
      <c r="I19624" s="1" t="s">
        <v>69694</v>
      </c>
      <c r="J19624" s="1" t="s">
        <v>70323</v>
      </c>
    </row>
    <row r="19625" spans="1:10" x14ac:dyDescent="0.35">
      <c r="A19625" s="1" t="s">
        <v>70241</v>
      </c>
      <c r="B19625" s="1" t="s">
        <v>69690</v>
      </c>
      <c r="C19625" s="1" t="s">
        <v>115</v>
      </c>
      <c r="D19625" s="1" t="s">
        <v>70324</v>
      </c>
      <c r="E19625" s="1" t="s">
        <v>70325</v>
      </c>
      <c r="F19625" s="1" t="s">
        <v>70326</v>
      </c>
      <c r="G19625" s="1" t="s">
        <v>70245</v>
      </c>
      <c r="H19625" s="1" t="s">
        <v>70246</v>
      </c>
      <c r="I19625" s="1" t="s">
        <v>69694</v>
      </c>
      <c r="J19625" s="1" t="s">
        <v>70327</v>
      </c>
    </row>
    <row r="19626" spans="1:10" x14ac:dyDescent="0.35">
      <c r="A19626" s="1" t="s">
        <v>70241</v>
      </c>
      <c r="B19626" s="1" t="s">
        <v>69690</v>
      </c>
      <c r="C19626" s="1" t="s">
        <v>120</v>
      </c>
      <c r="D19626" s="1" t="s">
        <v>70328</v>
      </c>
      <c r="E19626" s="1" t="s">
        <v>70329</v>
      </c>
      <c r="F19626" s="1" t="s">
        <v>70330</v>
      </c>
      <c r="G19626" s="1" t="s">
        <v>70245</v>
      </c>
      <c r="H19626" s="1" t="s">
        <v>70246</v>
      </c>
      <c r="I19626" s="1" t="s">
        <v>69694</v>
      </c>
      <c r="J19626" s="1" t="s">
        <v>70331</v>
      </c>
    </row>
    <row r="19627" spans="1:10" x14ac:dyDescent="0.35">
      <c r="A19627" s="1" t="s">
        <v>70241</v>
      </c>
      <c r="B19627" s="1" t="s">
        <v>69690</v>
      </c>
      <c r="C19627" s="1" t="s">
        <v>125</v>
      </c>
      <c r="D19627" s="1" t="s">
        <v>70332</v>
      </c>
      <c r="E19627" s="1" t="s">
        <v>70333</v>
      </c>
      <c r="F19627" s="1" t="s">
        <v>70334</v>
      </c>
      <c r="G19627" s="1" t="s">
        <v>70245</v>
      </c>
      <c r="H19627" s="1" t="s">
        <v>70246</v>
      </c>
      <c r="I19627" s="1" t="s">
        <v>69694</v>
      </c>
      <c r="J19627" s="1" t="s">
        <v>70335</v>
      </c>
    </row>
    <row r="19628" spans="1:10" x14ac:dyDescent="0.35">
      <c r="A19628" s="1" t="s">
        <v>70241</v>
      </c>
      <c r="B19628" s="1" t="s">
        <v>69690</v>
      </c>
      <c r="C19628" s="1" t="s">
        <v>130</v>
      </c>
      <c r="D19628" s="1" t="s">
        <v>19963</v>
      </c>
      <c r="E19628" s="1" t="s">
        <v>70336</v>
      </c>
      <c r="F19628" s="1" t="s">
        <v>70337</v>
      </c>
      <c r="G19628" s="1" t="s">
        <v>70245</v>
      </c>
      <c r="H19628" s="1" t="s">
        <v>70246</v>
      </c>
      <c r="I19628" s="1" t="s">
        <v>69694</v>
      </c>
      <c r="J19628" s="1" t="s">
        <v>70338</v>
      </c>
    </row>
    <row r="19629" spans="1:10" x14ac:dyDescent="0.35">
      <c r="A19629" s="1" t="s">
        <v>70241</v>
      </c>
      <c r="B19629" s="1" t="s">
        <v>69690</v>
      </c>
      <c r="C19629" s="1" t="s">
        <v>135</v>
      </c>
      <c r="D19629" s="1" t="s">
        <v>70339</v>
      </c>
      <c r="E19629" s="1" t="s">
        <v>70340</v>
      </c>
      <c r="F19629" s="1" t="s">
        <v>70341</v>
      </c>
      <c r="G19629" s="1" t="s">
        <v>70245</v>
      </c>
      <c r="H19629" s="1" t="s">
        <v>70246</v>
      </c>
      <c r="I19629" s="1" t="s">
        <v>69694</v>
      </c>
      <c r="J19629" s="1" t="s">
        <v>70342</v>
      </c>
    </row>
    <row r="19630" spans="1:10" x14ac:dyDescent="0.35">
      <c r="A19630" s="1" t="s">
        <v>70241</v>
      </c>
      <c r="B19630" s="1" t="s">
        <v>69690</v>
      </c>
      <c r="C19630" s="1" t="s">
        <v>140</v>
      </c>
      <c r="D19630" s="1" t="s">
        <v>70343</v>
      </c>
      <c r="E19630" s="1" t="s">
        <v>70344</v>
      </c>
      <c r="F19630" s="1" t="s">
        <v>70345</v>
      </c>
      <c r="G19630" s="1" t="s">
        <v>70245</v>
      </c>
      <c r="H19630" s="1" t="s">
        <v>70246</v>
      </c>
      <c r="I19630" s="1" t="s">
        <v>69694</v>
      </c>
      <c r="J19630" s="1" t="s">
        <v>70346</v>
      </c>
    </row>
    <row r="19631" spans="1:10" x14ac:dyDescent="0.35">
      <c r="A19631" s="1" t="s">
        <v>70241</v>
      </c>
      <c r="B19631" s="1" t="s">
        <v>69690</v>
      </c>
      <c r="C19631" s="1" t="s">
        <v>145</v>
      </c>
      <c r="D19631" s="1" t="s">
        <v>70347</v>
      </c>
      <c r="E19631" s="1" t="s">
        <v>70348</v>
      </c>
      <c r="F19631" s="1" t="s">
        <v>70349</v>
      </c>
      <c r="G19631" s="1" t="s">
        <v>70245</v>
      </c>
      <c r="H19631" s="1" t="s">
        <v>70246</v>
      </c>
      <c r="I19631" s="1" t="s">
        <v>69694</v>
      </c>
      <c r="J19631" s="1" t="s">
        <v>70350</v>
      </c>
    </row>
    <row r="19632" spans="1:10" x14ac:dyDescent="0.35">
      <c r="A19632" s="1" t="s">
        <v>70241</v>
      </c>
      <c r="B19632" s="1" t="s">
        <v>69690</v>
      </c>
      <c r="C19632" s="1" t="s">
        <v>150</v>
      </c>
      <c r="D19632" s="1" t="s">
        <v>70351</v>
      </c>
      <c r="E19632" s="1" t="s">
        <v>70352</v>
      </c>
      <c r="F19632" s="1" t="s">
        <v>70353</v>
      </c>
      <c r="G19632" s="1" t="s">
        <v>70245</v>
      </c>
      <c r="H19632" s="1" t="s">
        <v>70246</v>
      </c>
      <c r="I19632" s="1" t="s">
        <v>69694</v>
      </c>
      <c r="J19632" s="1" t="s">
        <v>70354</v>
      </c>
    </row>
    <row r="19633" spans="1:10" x14ac:dyDescent="0.35">
      <c r="A19633" s="1" t="s">
        <v>70241</v>
      </c>
      <c r="B19633" s="1" t="s">
        <v>69690</v>
      </c>
      <c r="C19633" s="1" t="s">
        <v>155</v>
      </c>
      <c r="D19633" s="1" t="s">
        <v>70355</v>
      </c>
      <c r="E19633" s="1" t="s">
        <v>70356</v>
      </c>
      <c r="F19633" s="1" t="s">
        <v>70357</v>
      </c>
      <c r="G19633" s="1" t="s">
        <v>70245</v>
      </c>
      <c r="H19633" s="1" t="s">
        <v>70246</v>
      </c>
      <c r="I19633" s="1" t="s">
        <v>69694</v>
      </c>
      <c r="J19633" s="1" t="s">
        <v>70358</v>
      </c>
    </row>
    <row r="19634" spans="1:10" x14ac:dyDescent="0.35">
      <c r="A19634" s="1" t="s">
        <v>70241</v>
      </c>
      <c r="B19634" s="1" t="s">
        <v>69690</v>
      </c>
      <c r="C19634" s="1" t="s">
        <v>160</v>
      </c>
      <c r="D19634" s="1" t="s">
        <v>70359</v>
      </c>
      <c r="E19634" s="1" t="s">
        <v>70360</v>
      </c>
      <c r="F19634" s="1" t="s">
        <v>70361</v>
      </c>
      <c r="G19634" s="1" t="s">
        <v>70245</v>
      </c>
      <c r="H19634" s="1" t="s">
        <v>70246</v>
      </c>
      <c r="I19634" s="1" t="s">
        <v>69694</v>
      </c>
      <c r="J19634" s="1" t="s">
        <v>70362</v>
      </c>
    </row>
    <row r="19635" spans="1:10" x14ac:dyDescent="0.35">
      <c r="A19635" s="1" t="s">
        <v>70241</v>
      </c>
      <c r="B19635" s="1" t="s">
        <v>69690</v>
      </c>
      <c r="C19635" s="1" t="s">
        <v>165</v>
      </c>
      <c r="D19635" s="1" t="s">
        <v>70363</v>
      </c>
      <c r="E19635" s="1" t="s">
        <v>70364</v>
      </c>
      <c r="F19635" s="1" t="s">
        <v>70365</v>
      </c>
      <c r="G19635" s="1" t="s">
        <v>70245</v>
      </c>
      <c r="H19635" s="1" t="s">
        <v>70246</v>
      </c>
      <c r="I19635" s="1" t="s">
        <v>69694</v>
      </c>
      <c r="J19635" s="1" t="s">
        <v>70366</v>
      </c>
    </row>
    <row r="19636" spans="1:10" x14ac:dyDescent="0.35">
      <c r="A19636" s="1" t="s">
        <v>70241</v>
      </c>
      <c r="B19636" s="1" t="s">
        <v>69690</v>
      </c>
      <c r="C19636" s="1" t="s">
        <v>170</v>
      </c>
      <c r="D19636" s="1" t="s">
        <v>70367</v>
      </c>
      <c r="E19636" s="1" t="s">
        <v>70368</v>
      </c>
      <c r="F19636" s="1" t="s">
        <v>70369</v>
      </c>
      <c r="G19636" s="1" t="s">
        <v>70245</v>
      </c>
      <c r="H19636" s="1" t="s">
        <v>70246</v>
      </c>
      <c r="I19636" s="1" t="s">
        <v>69694</v>
      </c>
      <c r="J19636" s="1" t="s">
        <v>70370</v>
      </c>
    </row>
    <row r="19637" spans="1:10" x14ac:dyDescent="0.35">
      <c r="A19637" s="1" t="s">
        <v>70371</v>
      </c>
      <c r="B19637" s="1" t="s">
        <v>69690</v>
      </c>
      <c r="C19637" s="1" t="s">
        <v>8</v>
      </c>
      <c r="D19637" s="1" t="s">
        <v>70372</v>
      </c>
      <c r="E19637" s="1" t="s">
        <v>70373</v>
      </c>
      <c r="F19637" s="1" t="s">
        <v>70374</v>
      </c>
      <c r="G19637" s="1" t="s">
        <v>70375</v>
      </c>
      <c r="H19637" s="1" t="s">
        <v>70376</v>
      </c>
      <c r="I19637" s="1" t="s">
        <v>69694</v>
      </c>
      <c r="J19637" s="1" t="s">
        <v>13</v>
      </c>
    </row>
    <row r="19638" spans="1:10" x14ac:dyDescent="0.35">
      <c r="A19638" s="1" t="s">
        <v>70371</v>
      </c>
      <c r="B19638" s="1" t="s">
        <v>69690</v>
      </c>
      <c r="C19638" s="1" t="s">
        <v>15</v>
      </c>
      <c r="D19638" s="1" t="s">
        <v>70377</v>
      </c>
      <c r="E19638" s="1" t="s">
        <v>70378</v>
      </c>
      <c r="F19638" s="1" t="s">
        <v>70379</v>
      </c>
      <c r="G19638" s="1" t="s">
        <v>70375</v>
      </c>
      <c r="H19638" s="1" t="s">
        <v>70376</v>
      </c>
      <c r="I19638" s="1" t="s">
        <v>69694</v>
      </c>
      <c r="J19638" s="1" t="s">
        <v>70380</v>
      </c>
    </row>
    <row r="19639" spans="1:10" x14ac:dyDescent="0.35">
      <c r="A19639" s="1" t="s">
        <v>70371</v>
      </c>
      <c r="B19639" s="1" t="s">
        <v>69690</v>
      </c>
      <c r="C19639" s="1" t="s">
        <v>20</v>
      </c>
      <c r="D19639" s="1" t="s">
        <v>70381</v>
      </c>
      <c r="E19639" s="1" t="s">
        <v>70382</v>
      </c>
      <c r="F19639" s="1" t="s">
        <v>70383</v>
      </c>
      <c r="G19639" s="1" t="s">
        <v>70375</v>
      </c>
      <c r="H19639" s="1" t="s">
        <v>70376</v>
      </c>
      <c r="I19639" s="1" t="s">
        <v>69694</v>
      </c>
      <c r="J19639" s="1" t="s">
        <v>70384</v>
      </c>
    </row>
    <row r="19640" spans="1:10" x14ac:dyDescent="0.35">
      <c r="A19640" s="1" t="s">
        <v>70371</v>
      </c>
      <c r="B19640" s="1" t="s">
        <v>69690</v>
      </c>
      <c r="C19640" s="1" t="s">
        <v>25</v>
      </c>
      <c r="D19640" s="1" t="s">
        <v>70385</v>
      </c>
      <c r="E19640" s="1" t="s">
        <v>70386</v>
      </c>
      <c r="F19640" s="1" t="s">
        <v>70387</v>
      </c>
      <c r="G19640" s="1" t="s">
        <v>70375</v>
      </c>
      <c r="H19640" s="1" t="s">
        <v>70376</v>
      </c>
      <c r="I19640" s="1" t="s">
        <v>69694</v>
      </c>
      <c r="J19640" s="1" t="s">
        <v>70388</v>
      </c>
    </row>
    <row r="19641" spans="1:10" x14ac:dyDescent="0.35">
      <c r="A19641" s="1" t="s">
        <v>70371</v>
      </c>
      <c r="B19641" s="1" t="s">
        <v>69690</v>
      </c>
      <c r="C19641" s="1" t="s">
        <v>30</v>
      </c>
      <c r="D19641" s="1" t="s">
        <v>70389</v>
      </c>
      <c r="E19641" s="1" t="s">
        <v>70390</v>
      </c>
      <c r="F19641" s="1" t="s">
        <v>70391</v>
      </c>
      <c r="G19641" s="1" t="s">
        <v>70375</v>
      </c>
      <c r="H19641" s="1" t="s">
        <v>70376</v>
      </c>
      <c r="I19641" s="1" t="s">
        <v>69694</v>
      </c>
      <c r="J19641" s="1" t="s">
        <v>70392</v>
      </c>
    </row>
    <row r="19642" spans="1:10" x14ac:dyDescent="0.35">
      <c r="A19642" s="1" t="s">
        <v>70371</v>
      </c>
      <c r="B19642" s="1" t="s">
        <v>69690</v>
      </c>
      <c r="C19642" s="1" t="s">
        <v>35</v>
      </c>
      <c r="D19642" s="1" t="s">
        <v>70393</v>
      </c>
      <c r="E19642" s="1" t="s">
        <v>70394</v>
      </c>
      <c r="F19642" s="1" t="s">
        <v>70395</v>
      </c>
      <c r="G19642" s="1" t="s">
        <v>70375</v>
      </c>
      <c r="H19642" s="1" t="s">
        <v>70376</v>
      </c>
      <c r="I19642" s="1" t="s">
        <v>69694</v>
      </c>
      <c r="J19642" s="1" t="s">
        <v>70396</v>
      </c>
    </row>
    <row r="19643" spans="1:10" x14ac:dyDescent="0.35">
      <c r="A19643" s="1" t="s">
        <v>70371</v>
      </c>
      <c r="B19643" s="1" t="s">
        <v>69690</v>
      </c>
      <c r="C19643" s="1" t="s">
        <v>40</v>
      </c>
      <c r="D19643" s="1" t="s">
        <v>70397</v>
      </c>
      <c r="E19643" s="1" t="s">
        <v>70398</v>
      </c>
      <c r="F19643" s="1" t="s">
        <v>70399</v>
      </c>
      <c r="G19643" s="1" t="s">
        <v>70375</v>
      </c>
      <c r="H19643" s="1" t="s">
        <v>70376</v>
      </c>
      <c r="I19643" s="1" t="s">
        <v>69694</v>
      </c>
      <c r="J19643" s="1" t="s">
        <v>70400</v>
      </c>
    </row>
    <row r="19644" spans="1:10" x14ac:dyDescent="0.35">
      <c r="A19644" s="1" t="s">
        <v>70371</v>
      </c>
      <c r="B19644" s="1" t="s">
        <v>69690</v>
      </c>
      <c r="C19644" s="1" t="s">
        <v>45</v>
      </c>
      <c r="D19644" s="1" t="s">
        <v>70401</v>
      </c>
      <c r="E19644" s="1" t="s">
        <v>70402</v>
      </c>
      <c r="F19644" s="1" t="s">
        <v>70403</v>
      </c>
      <c r="G19644" s="1" t="s">
        <v>70375</v>
      </c>
      <c r="H19644" s="1" t="s">
        <v>70376</v>
      </c>
      <c r="I19644" s="1" t="s">
        <v>69694</v>
      </c>
      <c r="J19644" s="1" t="s">
        <v>70404</v>
      </c>
    </row>
    <row r="19645" spans="1:10" x14ac:dyDescent="0.35">
      <c r="A19645" s="1" t="s">
        <v>70371</v>
      </c>
      <c r="B19645" s="1" t="s">
        <v>69690</v>
      </c>
      <c r="C19645" s="1" t="s">
        <v>50</v>
      </c>
      <c r="D19645" s="1" t="s">
        <v>70405</v>
      </c>
      <c r="E19645" s="1" t="s">
        <v>70406</v>
      </c>
      <c r="F19645" s="1" t="s">
        <v>70407</v>
      </c>
      <c r="G19645" s="1" t="s">
        <v>70375</v>
      </c>
      <c r="H19645" s="1" t="s">
        <v>70376</v>
      </c>
      <c r="I19645" s="1" t="s">
        <v>69694</v>
      </c>
      <c r="J19645" s="1" t="s">
        <v>70408</v>
      </c>
    </row>
    <row r="19646" spans="1:10" x14ac:dyDescent="0.35">
      <c r="A19646" s="1" t="s">
        <v>70371</v>
      </c>
      <c r="B19646" s="1" t="s">
        <v>69690</v>
      </c>
      <c r="C19646" s="1" t="s">
        <v>55</v>
      </c>
      <c r="D19646" s="1" t="s">
        <v>70409</v>
      </c>
      <c r="E19646" s="1" t="s">
        <v>70410</v>
      </c>
      <c r="F19646" s="1" t="s">
        <v>70411</v>
      </c>
      <c r="G19646" s="1" t="s">
        <v>70375</v>
      </c>
      <c r="H19646" s="1" t="s">
        <v>70376</v>
      </c>
      <c r="I19646" s="1" t="s">
        <v>69694</v>
      </c>
      <c r="J19646" s="1" t="s">
        <v>70412</v>
      </c>
    </row>
    <row r="19647" spans="1:10" x14ac:dyDescent="0.35">
      <c r="A19647" s="1" t="s">
        <v>70371</v>
      </c>
      <c r="B19647" s="1" t="s">
        <v>69690</v>
      </c>
      <c r="C19647" s="1" t="s">
        <v>60</v>
      </c>
      <c r="D19647" s="1" t="s">
        <v>70413</v>
      </c>
      <c r="E19647" s="1" t="s">
        <v>70414</v>
      </c>
      <c r="F19647" s="1" t="s">
        <v>70415</v>
      </c>
      <c r="G19647" s="1" t="s">
        <v>70375</v>
      </c>
      <c r="H19647" s="1" t="s">
        <v>70376</v>
      </c>
      <c r="I19647" s="1" t="s">
        <v>69694</v>
      </c>
      <c r="J19647" s="1" t="s">
        <v>70416</v>
      </c>
    </row>
    <row r="19648" spans="1:10" x14ac:dyDescent="0.35">
      <c r="A19648" s="1" t="s">
        <v>70371</v>
      </c>
      <c r="B19648" s="1" t="s">
        <v>69690</v>
      </c>
      <c r="C19648" s="1" t="s">
        <v>65</v>
      </c>
      <c r="D19648" s="1" t="s">
        <v>70417</v>
      </c>
      <c r="E19648" s="1" t="s">
        <v>70418</v>
      </c>
      <c r="F19648" s="1" t="s">
        <v>70419</v>
      </c>
      <c r="G19648" s="1" t="s">
        <v>70375</v>
      </c>
      <c r="H19648" s="1" t="s">
        <v>70376</v>
      </c>
      <c r="I19648" s="1" t="s">
        <v>69694</v>
      </c>
      <c r="J19648" s="1" t="s">
        <v>70420</v>
      </c>
    </row>
    <row r="19649" spans="1:10" x14ac:dyDescent="0.35">
      <c r="A19649" s="1" t="s">
        <v>70371</v>
      </c>
      <c r="B19649" s="1" t="s">
        <v>69690</v>
      </c>
      <c r="C19649" s="1" t="s">
        <v>70</v>
      </c>
      <c r="D19649" s="1" t="s">
        <v>70421</v>
      </c>
      <c r="E19649" s="1" t="s">
        <v>70422</v>
      </c>
      <c r="F19649" s="1" t="s">
        <v>70423</v>
      </c>
      <c r="G19649" s="1" t="s">
        <v>70375</v>
      </c>
      <c r="H19649" s="1" t="s">
        <v>70376</v>
      </c>
      <c r="I19649" s="1" t="s">
        <v>69694</v>
      </c>
      <c r="J19649" s="1" t="s">
        <v>70424</v>
      </c>
    </row>
    <row r="19650" spans="1:10" x14ac:dyDescent="0.35">
      <c r="A19650" s="1" t="s">
        <v>70371</v>
      </c>
      <c r="B19650" s="1" t="s">
        <v>69690</v>
      </c>
      <c r="C19650" s="1" t="s">
        <v>75</v>
      </c>
      <c r="D19650" s="1" t="s">
        <v>70425</v>
      </c>
      <c r="E19650" s="1" t="s">
        <v>70426</v>
      </c>
      <c r="F19650" s="1" t="s">
        <v>70427</v>
      </c>
      <c r="G19650" s="1" t="s">
        <v>70375</v>
      </c>
      <c r="H19650" s="1" t="s">
        <v>70376</v>
      </c>
      <c r="I19650" s="1" t="s">
        <v>69694</v>
      </c>
      <c r="J19650" s="1" t="s">
        <v>70428</v>
      </c>
    </row>
    <row r="19651" spans="1:10" x14ac:dyDescent="0.35">
      <c r="A19651" s="1" t="s">
        <v>70371</v>
      </c>
      <c r="B19651" s="1" t="s">
        <v>69690</v>
      </c>
      <c r="C19651" s="1" t="s">
        <v>80</v>
      </c>
      <c r="D19651" s="1" t="s">
        <v>70429</v>
      </c>
      <c r="E19651" s="1" t="s">
        <v>70430</v>
      </c>
      <c r="F19651" s="1" t="s">
        <v>70431</v>
      </c>
      <c r="G19651" s="1" t="s">
        <v>70375</v>
      </c>
      <c r="H19651" s="1" t="s">
        <v>70376</v>
      </c>
      <c r="I19651" s="1" t="s">
        <v>69694</v>
      </c>
      <c r="J19651" s="1" t="s">
        <v>70432</v>
      </c>
    </row>
    <row r="19652" spans="1:10" x14ac:dyDescent="0.35">
      <c r="A19652" s="1" t="s">
        <v>70371</v>
      </c>
      <c r="B19652" s="1" t="s">
        <v>69690</v>
      </c>
      <c r="C19652" s="1" t="s">
        <v>85</v>
      </c>
      <c r="D19652" s="1" t="s">
        <v>70433</v>
      </c>
      <c r="E19652" s="1" t="s">
        <v>70434</v>
      </c>
      <c r="F19652" s="1" t="s">
        <v>70435</v>
      </c>
      <c r="G19652" s="1" t="s">
        <v>70375</v>
      </c>
      <c r="H19652" s="1" t="s">
        <v>70376</v>
      </c>
      <c r="I19652" s="1" t="s">
        <v>69694</v>
      </c>
      <c r="J19652" s="1" t="s">
        <v>70436</v>
      </c>
    </row>
    <row r="19653" spans="1:10" x14ac:dyDescent="0.35">
      <c r="A19653" s="1" t="s">
        <v>70371</v>
      </c>
      <c r="B19653" s="1" t="s">
        <v>69690</v>
      </c>
      <c r="C19653" s="1" t="s">
        <v>90</v>
      </c>
      <c r="D19653" s="1" t="s">
        <v>70437</v>
      </c>
      <c r="E19653" s="1" t="s">
        <v>70438</v>
      </c>
      <c r="F19653" s="1" t="s">
        <v>70439</v>
      </c>
      <c r="G19653" s="1" t="s">
        <v>70375</v>
      </c>
      <c r="H19653" s="1" t="s">
        <v>70376</v>
      </c>
      <c r="I19653" s="1" t="s">
        <v>69694</v>
      </c>
      <c r="J19653" s="1" t="s">
        <v>70440</v>
      </c>
    </row>
    <row r="19654" spans="1:10" x14ac:dyDescent="0.35">
      <c r="A19654" s="1" t="s">
        <v>70371</v>
      </c>
      <c r="B19654" s="1" t="s">
        <v>69690</v>
      </c>
      <c r="C19654" s="1" t="s">
        <v>95</v>
      </c>
      <c r="D19654" s="1" t="s">
        <v>70441</v>
      </c>
      <c r="E19654" s="1" t="s">
        <v>70442</v>
      </c>
      <c r="F19654" s="1" t="s">
        <v>70443</v>
      </c>
      <c r="G19654" s="1" t="s">
        <v>70375</v>
      </c>
      <c r="H19654" s="1" t="s">
        <v>70376</v>
      </c>
      <c r="I19654" s="1" t="s">
        <v>69694</v>
      </c>
      <c r="J19654" s="1" t="s">
        <v>70444</v>
      </c>
    </row>
    <row r="19655" spans="1:10" x14ac:dyDescent="0.35">
      <c r="A19655" s="1" t="s">
        <v>70371</v>
      </c>
      <c r="B19655" s="1" t="s">
        <v>69690</v>
      </c>
      <c r="C19655" s="1" t="s">
        <v>100</v>
      </c>
      <c r="D19655" s="1" t="s">
        <v>70445</v>
      </c>
      <c r="E19655" s="1" t="s">
        <v>70446</v>
      </c>
      <c r="F19655" s="1" t="s">
        <v>70447</v>
      </c>
      <c r="G19655" s="1" t="s">
        <v>70375</v>
      </c>
      <c r="H19655" s="1" t="s">
        <v>70376</v>
      </c>
      <c r="I19655" s="1" t="s">
        <v>69694</v>
      </c>
      <c r="J19655" s="1" t="s">
        <v>70448</v>
      </c>
    </row>
    <row r="19656" spans="1:10" x14ac:dyDescent="0.35">
      <c r="A19656" s="1" t="s">
        <v>70371</v>
      </c>
      <c r="B19656" s="1" t="s">
        <v>69690</v>
      </c>
      <c r="C19656" s="1" t="s">
        <v>105</v>
      </c>
      <c r="D19656" s="1" t="s">
        <v>41090</v>
      </c>
      <c r="E19656" s="1" t="s">
        <v>70449</v>
      </c>
      <c r="F19656" s="1" t="s">
        <v>70450</v>
      </c>
      <c r="G19656" s="1" t="s">
        <v>70375</v>
      </c>
      <c r="H19656" s="1" t="s">
        <v>70376</v>
      </c>
      <c r="I19656" s="1" t="s">
        <v>69694</v>
      </c>
      <c r="J19656" s="1" t="s">
        <v>70451</v>
      </c>
    </row>
    <row r="19657" spans="1:10" x14ac:dyDescent="0.35">
      <c r="A19657" s="1" t="s">
        <v>70371</v>
      </c>
      <c r="B19657" s="1" t="s">
        <v>69690</v>
      </c>
      <c r="C19657" s="1" t="s">
        <v>110</v>
      </c>
      <c r="D19657" s="1" t="s">
        <v>70452</v>
      </c>
      <c r="E19657" s="1" t="s">
        <v>70453</v>
      </c>
      <c r="F19657" s="1" t="s">
        <v>70454</v>
      </c>
      <c r="G19657" s="1" t="s">
        <v>70375</v>
      </c>
      <c r="H19657" s="1" t="s">
        <v>70376</v>
      </c>
      <c r="I19657" s="1" t="s">
        <v>69694</v>
      </c>
      <c r="J19657" s="1" t="s">
        <v>70455</v>
      </c>
    </row>
    <row r="19658" spans="1:10" x14ac:dyDescent="0.35">
      <c r="A19658" s="1" t="s">
        <v>70371</v>
      </c>
      <c r="B19658" s="1" t="s">
        <v>69690</v>
      </c>
      <c r="C19658" s="1" t="s">
        <v>115</v>
      </c>
      <c r="D19658" s="1" t="s">
        <v>70456</v>
      </c>
      <c r="E19658" s="1" t="s">
        <v>70457</v>
      </c>
      <c r="F19658" s="1" t="s">
        <v>70458</v>
      </c>
      <c r="G19658" s="1" t="s">
        <v>70375</v>
      </c>
      <c r="H19658" s="1" t="s">
        <v>70376</v>
      </c>
      <c r="I19658" s="1" t="s">
        <v>69694</v>
      </c>
      <c r="J19658" s="1" t="s">
        <v>70459</v>
      </c>
    </row>
    <row r="19659" spans="1:10" x14ac:dyDescent="0.35">
      <c r="A19659" s="1" t="s">
        <v>70371</v>
      </c>
      <c r="B19659" s="1" t="s">
        <v>69690</v>
      </c>
      <c r="C19659" s="1" t="s">
        <v>120</v>
      </c>
      <c r="D19659" s="1" t="s">
        <v>70460</v>
      </c>
      <c r="E19659" s="1" t="s">
        <v>70461</v>
      </c>
      <c r="F19659" s="1" t="s">
        <v>70462</v>
      </c>
      <c r="G19659" s="1" t="s">
        <v>70375</v>
      </c>
      <c r="H19659" s="1" t="s">
        <v>70376</v>
      </c>
      <c r="I19659" s="1" t="s">
        <v>69694</v>
      </c>
      <c r="J19659" s="1" t="s">
        <v>70463</v>
      </c>
    </row>
    <row r="19660" spans="1:10" x14ac:dyDescent="0.35">
      <c r="A19660" s="1" t="s">
        <v>70371</v>
      </c>
      <c r="B19660" s="1" t="s">
        <v>69690</v>
      </c>
      <c r="C19660" s="1" t="s">
        <v>125</v>
      </c>
      <c r="D19660" s="1" t="s">
        <v>70464</v>
      </c>
      <c r="E19660" s="1" t="s">
        <v>70465</v>
      </c>
      <c r="F19660" s="1" t="s">
        <v>70466</v>
      </c>
      <c r="G19660" s="1" t="s">
        <v>70375</v>
      </c>
      <c r="H19660" s="1" t="s">
        <v>70376</v>
      </c>
      <c r="I19660" s="1" t="s">
        <v>69694</v>
      </c>
      <c r="J19660" s="1" t="s">
        <v>70467</v>
      </c>
    </row>
    <row r="19661" spans="1:10" x14ac:dyDescent="0.35">
      <c r="A19661" s="1" t="s">
        <v>70371</v>
      </c>
      <c r="B19661" s="1" t="s">
        <v>69690</v>
      </c>
      <c r="C19661" s="1" t="s">
        <v>130</v>
      </c>
      <c r="D19661" s="1" t="s">
        <v>70468</v>
      </c>
      <c r="E19661" s="1" t="s">
        <v>70469</v>
      </c>
      <c r="F19661" s="1" t="s">
        <v>70470</v>
      </c>
      <c r="G19661" s="1" t="s">
        <v>70375</v>
      </c>
      <c r="H19661" s="1" t="s">
        <v>70376</v>
      </c>
      <c r="I19661" s="1" t="s">
        <v>69694</v>
      </c>
      <c r="J19661" s="1" t="s">
        <v>70471</v>
      </c>
    </row>
    <row r="19662" spans="1:10" x14ac:dyDescent="0.35">
      <c r="A19662" s="1" t="s">
        <v>70371</v>
      </c>
      <c r="B19662" s="1" t="s">
        <v>69690</v>
      </c>
      <c r="C19662" s="1" t="s">
        <v>135</v>
      </c>
      <c r="D19662" s="1" t="s">
        <v>70472</v>
      </c>
      <c r="E19662" s="1" t="s">
        <v>70473</v>
      </c>
      <c r="F19662" s="1" t="s">
        <v>70474</v>
      </c>
      <c r="G19662" s="1" t="s">
        <v>70375</v>
      </c>
      <c r="H19662" s="1" t="s">
        <v>70376</v>
      </c>
      <c r="I19662" s="1" t="s">
        <v>69694</v>
      </c>
      <c r="J19662" s="1" t="s">
        <v>70475</v>
      </c>
    </row>
    <row r="19663" spans="1:10" x14ac:dyDescent="0.35">
      <c r="A19663" s="1" t="s">
        <v>70371</v>
      </c>
      <c r="B19663" s="1" t="s">
        <v>69690</v>
      </c>
      <c r="C19663" s="1" t="s">
        <v>140</v>
      </c>
      <c r="D19663" s="1" t="s">
        <v>70476</v>
      </c>
      <c r="E19663" s="1" t="s">
        <v>70477</v>
      </c>
      <c r="F19663" s="1" t="s">
        <v>70478</v>
      </c>
      <c r="G19663" s="1" t="s">
        <v>70375</v>
      </c>
      <c r="H19663" s="1" t="s">
        <v>70376</v>
      </c>
      <c r="I19663" s="1" t="s">
        <v>69694</v>
      </c>
      <c r="J19663" s="1" t="s">
        <v>70479</v>
      </c>
    </row>
    <row r="19664" spans="1:10" x14ac:dyDescent="0.35">
      <c r="A19664" s="1" t="s">
        <v>70371</v>
      </c>
      <c r="B19664" s="1" t="s">
        <v>69690</v>
      </c>
      <c r="C19664" s="1" t="s">
        <v>145</v>
      </c>
      <c r="D19664" s="1" t="s">
        <v>70480</v>
      </c>
      <c r="E19664" s="1" t="s">
        <v>70481</v>
      </c>
      <c r="F19664" s="1" t="s">
        <v>70482</v>
      </c>
      <c r="G19664" s="1" t="s">
        <v>70375</v>
      </c>
      <c r="H19664" s="1" t="s">
        <v>70376</v>
      </c>
      <c r="I19664" s="1" t="s">
        <v>69694</v>
      </c>
      <c r="J19664" s="1" t="s">
        <v>70483</v>
      </c>
    </row>
    <row r="19665" spans="1:10" x14ac:dyDescent="0.35">
      <c r="A19665" s="1" t="s">
        <v>70371</v>
      </c>
      <c r="B19665" s="1" t="s">
        <v>69690</v>
      </c>
      <c r="C19665" s="1" t="s">
        <v>150</v>
      </c>
      <c r="D19665" s="1" t="s">
        <v>70484</v>
      </c>
      <c r="E19665" s="1" t="s">
        <v>70485</v>
      </c>
      <c r="F19665" s="1" t="s">
        <v>70486</v>
      </c>
      <c r="G19665" s="1" t="s">
        <v>70375</v>
      </c>
      <c r="H19665" s="1" t="s">
        <v>70376</v>
      </c>
      <c r="I19665" s="1" t="s">
        <v>69694</v>
      </c>
      <c r="J19665" s="1" t="s">
        <v>70487</v>
      </c>
    </row>
    <row r="19666" spans="1:10" x14ac:dyDescent="0.35">
      <c r="A19666" s="1" t="s">
        <v>70371</v>
      </c>
      <c r="B19666" s="1" t="s">
        <v>69690</v>
      </c>
      <c r="C19666" s="1" t="s">
        <v>155</v>
      </c>
      <c r="D19666" s="1" t="s">
        <v>70488</v>
      </c>
      <c r="E19666" s="1" t="s">
        <v>70489</v>
      </c>
      <c r="F19666" s="1" t="s">
        <v>70490</v>
      </c>
      <c r="G19666" s="1" t="s">
        <v>70375</v>
      </c>
      <c r="H19666" s="1" t="s">
        <v>70376</v>
      </c>
      <c r="I19666" s="1" t="s">
        <v>69694</v>
      </c>
      <c r="J19666" s="1" t="s">
        <v>70491</v>
      </c>
    </row>
    <row r="19667" spans="1:10" x14ac:dyDescent="0.35">
      <c r="A19667" s="1" t="s">
        <v>70371</v>
      </c>
      <c r="B19667" s="1" t="s">
        <v>69690</v>
      </c>
      <c r="C19667" s="1" t="s">
        <v>160</v>
      </c>
      <c r="D19667" s="1" t="s">
        <v>70492</v>
      </c>
      <c r="E19667" s="1" t="s">
        <v>70493</v>
      </c>
      <c r="F19667" s="1" t="s">
        <v>70494</v>
      </c>
      <c r="G19667" s="1" t="s">
        <v>70375</v>
      </c>
      <c r="H19667" s="1" t="s">
        <v>70376</v>
      </c>
      <c r="I19667" s="1" t="s">
        <v>69694</v>
      </c>
      <c r="J19667" s="1" t="s">
        <v>70495</v>
      </c>
    </row>
    <row r="19668" spans="1:10" x14ac:dyDescent="0.35">
      <c r="A19668" s="1" t="s">
        <v>70371</v>
      </c>
      <c r="B19668" s="1" t="s">
        <v>69690</v>
      </c>
      <c r="C19668" s="1" t="s">
        <v>165</v>
      </c>
      <c r="D19668" s="1" t="s">
        <v>70496</v>
      </c>
      <c r="E19668" s="1" t="s">
        <v>70497</v>
      </c>
      <c r="F19668" s="1" t="s">
        <v>70498</v>
      </c>
      <c r="G19668" s="1" t="s">
        <v>70375</v>
      </c>
      <c r="H19668" s="1" t="s">
        <v>70376</v>
      </c>
      <c r="I19668" s="1" t="s">
        <v>69694</v>
      </c>
      <c r="J19668" s="1" t="s">
        <v>70499</v>
      </c>
    </row>
    <row r="19669" spans="1:10" x14ac:dyDescent="0.35">
      <c r="A19669" s="1" t="s">
        <v>70371</v>
      </c>
      <c r="B19669" s="1" t="s">
        <v>69690</v>
      </c>
      <c r="C19669" s="1" t="s">
        <v>170</v>
      </c>
      <c r="D19669" s="1" t="s">
        <v>70500</v>
      </c>
      <c r="E19669" s="1" t="s">
        <v>70501</v>
      </c>
      <c r="F19669" s="1" t="s">
        <v>70502</v>
      </c>
      <c r="G19669" s="1" t="s">
        <v>70375</v>
      </c>
      <c r="H19669" s="1" t="s">
        <v>70376</v>
      </c>
      <c r="I19669" s="1" t="s">
        <v>69694</v>
      </c>
      <c r="J19669" s="1" t="s">
        <v>70503</v>
      </c>
    </row>
    <row r="19670" spans="1:10" x14ac:dyDescent="0.35">
      <c r="A19670" s="1" t="s">
        <v>70504</v>
      </c>
      <c r="B19670" s="1" t="s">
        <v>69690</v>
      </c>
      <c r="C19670" s="1" t="s">
        <v>8</v>
      </c>
      <c r="D19670" s="1" t="s">
        <v>61713</v>
      </c>
      <c r="E19670" s="1" t="s">
        <v>70505</v>
      </c>
      <c r="F19670" s="1" t="s">
        <v>70506</v>
      </c>
      <c r="G19670" s="1" t="s">
        <v>70507</v>
      </c>
      <c r="H19670" s="1" t="s">
        <v>70508</v>
      </c>
      <c r="I19670" s="1" t="s">
        <v>69694</v>
      </c>
      <c r="J19670" s="1" t="s">
        <v>13</v>
      </c>
    </row>
    <row r="19671" spans="1:10" x14ac:dyDescent="0.35">
      <c r="A19671" s="1" t="s">
        <v>70504</v>
      </c>
      <c r="B19671" s="1" t="s">
        <v>69690</v>
      </c>
      <c r="C19671" s="1" t="s">
        <v>15</v>
      </c>
      <c r="D19671" s="1" t="s">
        <v>70509</v>
      </c>
      <c r="E19671" s="1" t="s">
        <v>70510</v>
      </c>
      <c r="F19671" s="1" t="s">
        <v>70511</v>
      </c>
      <c r="G19671" s="1" t="s">
        <v>70507</v>
      </c>
      <c r="H19671" s="1" t="s">
        <v>70508</v>
      </c>
      <c r="I19671" s="1" t="s">
        <v>69694</v>
      </c>
      <c r="J19671" s="1" t="s">
        <v>70512</v>
      </c>
    </row>
    <row r="19672" spans="1:10" x14ac:dyDescent="0.35">
      <c r="A19672" s="1" t="s">
        <v>70504</v>
      </c>
      <c r="B19672" s="1" t="s">
        <v>69690</v>
      </c>
      <c r="C19672" s="1" t="s">
        <v>20</v>
      </c>
      <c r="D19672" s="1" t="s">
        <v>70513</v>
      </c>
      <c r="E19672" s="1" t="s">
        <v>70514</v>
      </c>
      <c r="F19672" s="1" t="s">
        <v>70515</v>
      </c>
      <c r="G19672" s="1" t="s">
        <v>70507</v>
      </c>
      <c r="H19672" s="1" t="s">
        <v>70508</v>
      </c>
      <c r="I19672" s="1" t="s">
        <v>69694</v>
      </c>
      <c r="J19672" s="1" t="s">
        <v>70516</v>
      </c>
    </row>
    <row r="19673" spans="1:10" x14ac:dyDescent="0.35">
      <c r="A19673" s="1" t="s">
        <v>70504</v>
      </c>
      <c r="B19673" s="1" t="s">
        <v>69690</v>
      </c>
      <c r="C19673" s="1" t="s">
        <v>25</v>
      </c>
      <c r="D19673" s="1" t="s">
        <v>58579</v>
      </c>
      <c r="E19673" s="1" t="s">
        <v>70517</v>
      </c>
      <c r="F19673" s="1" t="s">
        <v>70518</v>
      </c>
      <c r="G19673" s="1" t="s">
        <v>70507</v>
      </c>
      <c r="H19673" s="1" t="s">
        <v>70508</v>
      </c>
      <c r="I19673" s="1" t="s">
        <v>69694</v>
      </c>
      <c r="J19673" s="1" t="s">
        <v>70519</v>
      </c>
    </row>
    <row r="19674" spans="1:10" x14ac:dyDescent="0.35">
      <c r="A19674" s="1" t="s">
        <v>70504</v>
      </c>
      <c r="B19674" s="1" t="s">
        <v>69690</v>
      </c>
      <c r="C19674" s="1" t="s">
        <v>30</v>
      </c>
      <c r="D19674" s="1" t="s">
        <v>70520</v>
      </c>
      <c r="E19674" s="1" t="s">
        <v>70521</v>
      </c>
      <c r="F19674" s="1" t="s">
        <v>70522</v>
      </c>
      <c r="G19674" s="1" t="s">
        <v>70507</v>
      </c>
      <c r="H19674" s="1" t="s">
        <v>70508</v>
      </c>
      <c r="I19674" s="1" t="s">
        <v>69694</v>
      </c>
      <c r="J19674" s="1" t="s">
        <v>70523</v>
      </c>
    </row>
    <row r="19675" spans="1:10" x14ac:dyDescent="0.35">
      <c r="A19675" s="1" t="s">
        <v>70504</v>
      </c>
      <c r="B19675" s="1" t="s">
        <v>69690</v>
      </c>
      <c r="C19675" s="1" t="s">
        <v>35</v>
      </c>
      <c r="D19675" s="1" t="s">
        <v>70524</v>
      </c>
      <c r="E19675" s="1" t="s">
        <v>70525</v>
      </c>
      <c r="F19675" s="1" t="s">
        <v>70526</v>
      </c>
      <c r="G19675" s="1" t="s">
        <v>70507</v>
      </c>
      <c r="H19675" s="1" t="s">
        <v>70508</v>
      </c>
      <c r="I19675" s="1" t="s">
        <v>69694</v>
      </c>
      <c r="J19675" s="1" t="s">
        <v>70527</v>
      </c>
    </row>
    <row r="19676" spans="1:10" x14ac:dyDescent="0.35">
      <c r="A19676" s="1" t="s">
        <v>70504</v>
      </c>
      <c r="B19676" s="1" t="s">
        <v>69690</v>
      </c>
      <c r="C19676" s="1" t="s">
        <v>40</v>
      </c>
      <c r="D19676" s="1" t="s">
        <v>26736</v>
      </c>
      <c r="E19676" s="1" t="s">
        <v>70528</v>
      </c>
      <c r="F19676" s="1" t="s">
        <v>70529</v>
      </c>
      <c r="G19676" s="1" t="s">
        <v>70507</v>
      </c>
      <c r="H19676" s="1" t="s">
        <v>70508</v>
      </c>
      <c r="I19676" s="1" t="s">
        <v>69694</v>
      </c>
      <c r="J19676" s="1" t="s">
        <v>70530</v>
      </c>
    </row>
    <row r="19677" spans="1:10" x14ac:dyDescent="0.35">
      <c r="A19677" s="1" t="s">
        <v>70504</v>
      </c>
      <c r="B19677" s="1" t="s">
        <v>69690</v>
      </c>
      <c r="C19677" s="1" t="s">
        <v>45</v>
      </c>
      <c r="D19677" s="1" t="s">
        <v>54653</v>
      </c>
      <c r="E19677" s="1" t="s">
        <v>70531</v>
      </c>
      <c r="F19677" s="1" t="s">
        <v>70532</v>
      </c>
      <c r="G19677" s="1" t="s">
        <v>70507</v>
      </c>
      <c r="H19677" s="1" t="s">
        <v>70508</v>
      </c>
      <c r="I19677" s="1" t="s">
        <v>69694</v>
      </c>
      <c r="J19677" s="1" t="s">
        <v>70533</v>
      </c>
    </row>
    <row r="19678" spans="1:10" x14ac:dyDescent="0.35">
      <c r="A19678" s="1" t="s">
        <v>70504</v>
      </c>
      <c r="B19678" s="1" t="s">
        <v>69690</v>
      </c>
      <c r="C19678" s="1" t="s">
        <v>50</v>
      </c>
      <c r="D19678" s="1" t="s">
        <v>70534</v>
      </c>
      <c r="E19678" s="1" t="s">
        <v>70535</v>
      </c>
      <c r="F19678" s="1" t="s">
        <v>70536</v>
      </c>
      <c r="G19678" s="1" t="s">
        <v>70507</v>
      </c>
      <c r="H19678" s="1" t="s">
        <v>70508</v>
      </c>
      <c r="I19678" s="1" t="s">
        <v>69694</v>
      </c>
      <c r="J19678" s="1" t="s">
        <v>70537</v>
      </c>
    </row>
    <row r="19679" spans="1:10" x14ac:dyDescent="0.35">
      <c r="A19679" s="1" t="s">
        <v>70504</v>
      </c>
      <c r="B19679" s="1" t="s">
        <v>69690</v>
      </c>
      <c r="C19679" s="1" t="s">
        <v>55</v>
      </c>
      <c r="D19679" s="1" t="s">
        <v>70538</v>
      </c>
      <c r="E19679" s="1" t="s">
        <v>70539</v>
      </c>
      <c r="F19679" s="1" t="s">
        <v>70540</v>
      </c>
      <c r="G19679" s="1" t="s">
        <v>70507</v>
      </c>
      <c r="H19679" s="1" t="s">
        <v>70508</v>
      </c>
      <c r="I19679" s="1" t="s">
        <v>69694</v>
      </c>
      <c r="J19679" s="1" t="s">
        <v>70541</v>
      </c>
    </row>
    <row r="19680" spans="1:10" x14ac:dyDescent="0.35">
      <c r="A19680" s="1" t="s">
        <v>70504</v>
      </c>
      <c r="B19680" s="1" t="s">
        <v>69690</v>
      </c>
      <c r="C19680" s="1" t="s">
        <v>60</v>
      </c>
      <c r="D19680" s="1" t="s">
        <v>70542</v>
      </c>
      <c r="E19680" s="1" t="s">
        <v>70543</v>
      </c>
      <c r="F19680" s="1" t="s">
        <v>70544</v>
      </c>
      <c r="G19680" s="1" t="s">
        <v>70507</v>
      </c>
      <c r="H19680" s="1" t="s">
        <v>70508</v>
      </c>
      <c r="I19680" s="1" t="s">
        <v>69694</v>
      </c>
      <c r="J19680" s="1" t="s">
        <v>70545</v>
      </c>
    </row>
    <row r="19681" spans="1:10" x14ac:dyDescent="0.35">
      <c r="A19681" s="1" t="s">
        <v>70504</v>
      </c>
      <c r="B19681" s="1" t="s">
        <v>69690</v>
      </c>
      <c r="C19681" s="1" t="s">
        <v>65</v>
      </c>
      <c r="D19681" s="1" t="s">
        <v>70546</v>
      </c>
      <c r="E19681" s="1" t="s">
        <v>70547</v>
      </c>
      <c r="F19681" s="1" t="s">
        <v>70548</v>
      </c>
      <c r="G19681" s="1" t="s">
        <v>70507</v>
      </c>
      <c r="H19681" s="1" t="s">
        <v>70508</v>
      </c>
      <c r="I19681" s="1" t="s">
        <v>69694</v>
      </c>
      <c r="J19681" s="1" t="s">
        <v>70549</v>
      </c>
    </row>
    <row r="19682" spans="1:10" x14ac:dyDescent="0.35">
      <c r="A19682" s="1" t="s">
        <v>70504</v>
      </c>
      <c r="B19682" s="1" t="s">
        <v>69690</v>
      </c>
      <c r="C19682" s="1" t="s">
        <v>70</v>
      </c>
      <c r="D19682" s="1" t="s">
        <v>70550</v>
      </c>
      <c r="E19682" s="1" t="s">
        <v>70551</v>
      </c>
      <c r="F19682" s="1" t="s">
        <v>70552</v>
      </c>
      <c r="G19682" s="1" t="s">
        <v>70507</v>
      </c>
      <c r="H19682" s="1" t="s">
        <v>70508</v>
      </c>
      <c r="I19682" s="1" t="s">
        <v>69694</v>
      </c>
      <c r="J19682" s="1" t="s">
        <v>70553</v>
      </c>
    </row>
    <row r="19683" spans="1:10" x14ac:dyDescent="0.35">
      <c r="A19683" s="1" t="s">
        <v>70504</v>
      </c>
      <c r="B19683" s="1" t="s">
        <v>69690</v>
      </c>
      <c r="C19683" s="1" t="s">
        <v>75</v>
      </c>
      <c r="D19683" s="1" t="s">
        <v>70554</v>
      </c>
      <c r="E19683" s="1" t="s">
        <v>70555</v>
      </c>
      <c r="F19683" s="1" t="s">
        <v>70556</v>
      </c>
      <c r="G19683" s="1" t="s">
        <v>70507</v>
      </c>
      <c r="H19683" s="1" t="s">
        <v>70508</v>
      </c>
      <c r="I19683" s="1" t="s">
        <v>69694</v>
      </c>
      <c r="J19683" s="1" t="s">
        <v>70557</v>
      </c>
    </row>
    <row r="19684" spans="1:10" x14ac:dyDescent="0.35">
      <c r="A19684" s="1" t="s">
        <v>70504</v>
      </c>
      <c r="B19684" s="1" t="s">
        <v>69690</v>
      </c>
      <c r="C19684" s="1" t="s">
        <v>80</v>
      </c>
      <c r="D19684" s="1" t="s">
        <v>69752</v>
      </c>
      <c r="E19684" s="1" t="s">
        <v>70558</v>
      </c>
      <c r="F19684" s="1" t="s">
        <v>70559</v>
      </c>
      <c r="G19684" s="1" t="s">
        <v>70507</v>
      </c>
      <c r="H19684" s="1" t="s">
        <v>70508</v>
      </c>
      <c r="I19684" s="1" t="s">
        <v>69694</v>
      </c>
      <c r="J19684" s="1" t="s">
        <v>70560</v>
      </c>
    </row>
    <row r="19685" spans="1:10" x14ac:dyDescent="0.35">
      <c r="A19685" s="1" t="s">
        <v>70504</v>
      </c>
      <c r="B19685" s="1" t="s">
        <v>69690</v>
      </c>
      <c r="C19685" s="1" t="s">
        <v>85</v>
      </c>
      <c r="D19685" s="1" t="s">
        <v>70561</v>
      </c>
      <c r="E19685" s="1" t="s">
        <v>70562</v>
      </c>
      <c r="F19685" s="1" t="s">
        <v>70563</v>
      </c>
      <c r="G19685" s="1" t="s">
        <v>70507</v>
      </c>
      <c r="H19685" s="1" t="s">
        <v>70508</v>
      </c>
      <c r="I19685" s="1" t="s">
        <v>69694</v>
      </c>
      <c r="J19685" s="1" t="s">
        <v>70564</v>
      </c>
    </row>
    <row r="19686" spans="1:10" x14ac:dyDescent="0.35">
      <c r="A19686" s="1" t="s">
        <v>70504</v>
      </c>
      <c r="B19686" s="1" t="s">
        <v>69690</v>
      </c>
      <c r="C19686" s="1" t="s">
        <v>90</v>
      </c>
      <c r="D19686" s="1" t="s">
        <v>70565</v>
      </c>
      <c r="E19686" s="1" t="s">
        <v>70566</v>
      </c>
      <c r="F19686" s="1" t="s">
        <v>70567</v>
      </c>
      <c r="G19686" s="1" t="s">
        <v>70507</v>
      </c>
      <c r="H19686" s="1" t="s">
        <v>70508</v>
      </c>
      <c r="I19686" s="1" t="s">
        <v>69694</v>
      </c>
      <c r="J19686" s="1" t="s">
        <v>70568</v>
      </c>
    </row>
    <row r="19687" spans="1:10" x14ac:dyDescent="0.35">
      <c r="A19687" s="1" t="s">
        <v>70504</v>
      </c>
      <c r="B19687" s="1" t="s">
        <v>69690</v>
      </c>
      <c r="C19687" s="1" t="s">
        <v>95</v>
      </c>
      <c r="D19687" s="1" t="s">
        <v>70569</v>
      </c>
      <c r="E19687" s="1" t="s">
        <v>70570</v>
      </c>
      <c r="F19687" s="1" t="s">
        <v>70571</v>
      </c>
      <c r="G19687" s="1" t="s">
        <v>70507</v>
      </c>
      <c r="H19687" s="1" t="s">
        <v>70508</v>
      </c>
      <c r="I19687" s="1" t="s">
        <v>69694</v>
      </c>
      <c r="J19687" s="1" t="s">
        <v>70572</v>
      </c>
    </row>
    <row r="19688" spans="1:10" x14ac:dyDescent="0.35">
      <c r="A19688" s="1" t="s">
        <v>70504</v>
      </c>
      <c r="B19688" s="1" t="s">
        <v>69690</v>
      </c>
      <c r="C19688" s="1" t="s">
        <v>100</v>
      </c>
      <c r="D19688" s="1" t="s">
        <v>61768</v>
      </c>
      <c r="E19688" s="1" t="s">
        <v>70573</v>
      </c>
      <c r="F19688" s="1" t="s">
        <v>70574</v>
      </c>
      <c r="G19688" s="1" t="s">
        <v>70507</v>
      </c>
      <c r="H19688" s="1" t="s">
        <v>70508</v>
      </c>
      <c r="I19688" s="1" t="s">
        <v>69694</v>
      </c>
      <c r="J19688" s="1" t="s">
        <v>70575</v>
      </c>
    </row>
    <row r="19689" spans="1:10" x14ac:dyDescent="0.35">
      <c r="A19689" s="1" t="s">
        <v>70504</v>
      </c>
      <c r="B19689" s="1" t="s">
        <v>69690</v>
      </c>
      <c r="C19689" s="1" t="s">
        <v>105</v>
      </c>
      <c r="D19689" s="1" t="s">
        <v>70576</v>
      </c>
      <c r="E19689" s="1" t="s">
        <v>70577</v>
      </c>
      <c r="F19689" s="1" t="s">
        <v>70578</v>
      </c>
      <c r="G19689" s="1" t="s">
        <v>70507</v>
      </c>
      <c r="H19689" s="1" t="s">
        <v>70508</v>
      </c>
      <c r="I19689" s="1" t="s">
        <v>69694</v>
      </c>
      <c r="J19689" s="1" t="s">
        <v>70579</v>
      </c>
    </row>
    <row r="19690" spans="1:10" x14ac:dyDescent="0.35">
      <c r="A19690" s="1" t="s">
        <v>70504</v>
      </c>
      <c r="B19690" s="1" t="s">
        <v>69690</v>
      </c>
      <c r="C19690" s="1" t="s">
        <v>110</v>
      </c>
      <c r="D19690" s="1" t="s">
        <v>7456</v>
      </c>
      <c r="E19690" s="1" t="s">
        <v>70580</v>
      </c>
      <c r="F19690" s="1" t="s">
        <v>70581</v>
      </c>
      <c r="G19690" s="1" t="s">
        <v>70507</v>
      </c>
      <c r="H19690" s="1" t="s">
        <v>70508</v>
      </c>
      <c r="I19690" s="1" t="s">
        <v>69694</v>
      </c>
      <c r="J19690" s="1" t="s">
        <v>70582</v>
      </c>
    </row>
    <row r="19691" spans="1:10" x14ac:dyDescent="0.35">
      <c r="A19691" s="1" t="s">
        <v>70504</v>
      </c>
      <c r="B19691" s="1" t="s">
        <v>69690</v>
      </c>
      <c r="C19691" s="1" t="s">
        <v>115</v>
      </c>
      <c r="D19691" s="1" t="s">
        <v>70583</v>
      </c>
      <c r="E19691" s="1" t="s">
        <v>70584</v>
      </c>
      <c r="F19691" s="1" t="s">
        <v>70585</v>
      </c>
      <c r="G19691" s="1" t="s">
        <v>70507</v>
      </c>
      <c r="H19691" s="1" t="s">
        <v>70508</v>
      </c>
      <c r="I19691" s="1" t="s">
        <v>69694</v>
      </c>
      <c r="J19691" s="1" t="s">
        <v>70586</v>
      </c>
    </row>
    <row r="19692" spans="1:10" x14ac:dyDescent="0.35">
      <c r="A19692" s="1" t="s">
        <v>70504</v>
      </c>
      <c r="B19692" s="1" t="s">
        <v>69690</v>
      </c>
      <c r="C19692" s="1" t="s">
        <v>120</v>
      </c>
      <c r="D19692" s="1" t="s">
        <v>70587</v>
      </c>
      <c r="E19692" s="1" t="s">
        <v>70588</v>
      </c>
      <c r="F19692" s="1" t="s">
        <v>70589</v>
      </c>
      <c r="G19692" s="1" t="s">
        <v>70507</v>
      </c>
      <c r="H19692" s="1" t="s">
        <v>70508</v>
      </c>
      <c r="I19692" s="1" t="s">
        <v>69694</v>
      </c>
      <c r="J19692" s="1" t="s">
        <v>70590</v>
      </c>
    </row>
    <row r="19693" spans="1:10" x14ac:dyDescent="0.35">
      <c r="A19693" s="1" t="s">
        <v>70504</v>
      </c>
      <c r="B19693" s="1" t="s">
        <v>69690</v>
      </c>
      <c r="C19693" s="1" t="s">
        <v>125</v>
      </c>
      <c r="D19693" s="1" t="s">
        <v>61152</v>
      </c>
      <c r="E19693" s="1" t="s">
        <v>70591</v>
      </c>
      <c r="F19693" s="1" t="s">
        <v>70592</v>
      </c>
      <c r="G19693" s="1" t="s">
        <v>70507</v>
      </c>
      <c r="H19693" s="1" t="s">
        <v>70508</v>
      </c>
      <c r="I19693" s="1" t="s">
        <v>69694</v>
      </c>
      <c r="J19693" s="1" t="s">
        <v>70593</v>
      </c>
    </row>
    <row r="19694" spans="1:10" x14ac:dyDescent="0.35">
      <c r="A19694" s="1" t="s">
        <v>70504</v>
      </c>
      <c r="B19694" s="1" t="s">
        <v>69690</v>
      </c>
      <c r="C19694" s="1" t="s">
        <v>130</v>
      </c>
      <c r="D19694" s="1" t="s">
        <v>23974</v>
      </c>
      <c r="E19694" s="1" t="s">
        <v>70594</v>
      </c>
      <c r="F19694" s="1" t="s">
        <v>70595</v>
      </c>
      <c r="G19694" s="1" t="s">
        <v>70507</v>
      </c>
      <c r="H19694" s="1" t="s">
        <v>70508</v>
      </c>
      <c r="I19694" s="1" t="s">
        <v>69694</v>
      </c>
      <c r="J19694" s="1" t="s">
        <v>70596</v>
      </c>
    </row>
    <row r="19695" spans="1:10" x14ac:dyDescent="0.35">
      <c r="A19695" s="1" t="s">
        <v>70504</v>
      </c>
      <c r="B19695" s="1" t="s">
        <v>69690</v>
      </c>
      <c r="C19695" s="1" t="s">
        <v>135</v>
      </c>
      <c r="D19695" s="1" t="s">
        <v>70597</v>
      </c>
      <c r="E19695" s="1" t="s">
        <v>70598</v>
      </c>
      <c r="F19695" s="1" t="s">
        <v>70599</v>
      </c>
      <c r="G19695" s="1" t="s">
        <v>70507</v>
      </c>
      <c r="H19695" s="1" t="s">
        <v>70508</v>
      </c>
      <c r="I19695" s="1" t="s">
        <v>69694</v>
      </c>
      <c r="J19695" s="1" t="s">
        <v>70600</v>
      </c>
    </row>
    <row r="19696" spans="1:10" x14ac:dyDescent="0.35">
      <c r="A19696" s="1" t="s">
        <v>70504</v>
      </c>
      <c r="B19696" s="1" t="s">
        <v>69690</v>
      </c>
      <c r="C19696" s="1" t="s">
        <v>140</v>
      </c>
      <c r="D19696" s="1" t="s">
        <v>70601</v>
      </c>
      <c r="E19696" s="1" t="s">
        <v>70602</v>
      </c>
      <c r="F19696" s="1" t="s">
        <v>70603</v>
      </c>
      <c r="G19696" s="1" t="s">
        <v>70507</v>
      </c>
      <c r="H19696" s="1" t="s">
        <v>70508</v>
      </c>
      <c r="I19696" s="1" t="s">
        <v>69694</v>
      </c>
      <c r="J19696" s="1" t="s">
        <v>70604</v>
      </c>
    </row>
    <row r="19697" spans="1:10" x14ac:dyDescent="0.35">
      <c r="A19697" s="1" t="s">
        <v>70504</v>
      </c>
      <c r="B19697" s="1" t="s">
        <v>69690</v>
      </c>
      <c r="C19697" s="1" t="s">
        <v>145</v>
      </c>
      <c r="D19697" s="1" t="s">
        <v>70605</v>
      </c>
      <c r="E19697" s="1" t="s">
        <v>70606</v>
      </c>
      <c r="F19697" s="1" t="s">
        <v>70607</v>
      </c>
      <c r="G19697" s="1" t="s">
        <v>70507</v>
      </c>
      <c r="H19697" s="1" t="s">
        <v>70508</v>
      </c>
      <c r="I19697" s="1" t="s">
        <v>69694</v>
      </c>
      <c r="J19697" s="1" t="s">
        <v>70608</v>
      </c>
    </row>
    <row r="19698" spans="1:10" x14ac:dyDescent="0.35">
      <c r="A19698" s="1" t="s">
        <v>70504</v>
      </c>
      <c r="B19698" s="1" t="s">
        <v>69690</v>
      </c>
      <c r="C19698" s="1" t="s">
        <v>150</v>
      </c>
      <c r="D19698" s="1" t="s">
        <v>70609</v>
      </c>
      <c r="E19698" s="1" t="s">
        <v>70610</v>
      </c>
      <c r="F19698" s="1" t="s">
        <v>70611</v>
      </c>
      <c r="G19698" s="1" t="s">
        <v>70507</v>
      </c>
      <c r="H19698" s="1" t="s">
        <v>70508</v>
      </c>
      <c r="I19698" s="1" t="s">
        <v>69694</v>
      </c>
      <c r="J19698" s="1" t="s">
        <v>70612</v>
      </c>
    </row>
    <row r="19699" spans="1:10" x14ac:dyDescent="0.35">
      <c r="A19699" s="1" t="s">
        <v>70504</v>
      </c>
      <c r="B19699" s="1" t="s">
        <v>69690</v>
      </c>
      <c r="C19699" s="1" t="s">
        <v>155</v>
      </c>
      <c r="D19699" s="1" t="s">
        <v>70613</v>
      </c>
      <c r="E19699" s="1" t="s">
        <v>70614</v>
      </c>
      <c r="F19699" s="1" t="s">
        <v>70615</v>
      </c>
      <c r="G19699" s="1" t="s">
        <v>70507</v>
      </c>
      <c r="H19699" s="1" t="s">
        <v>70508</v>
      </c>
      <c r="I19699" s="1" t="s">
        <v>69694</v>
      </c>
      <c r="J19699" s="1" t="s">
        <v>70616</v>
      </c>
    </row>
    <row r="19700" spans="1:10" x14ac:dyDescent="0.35">
      <c r="A19700" s="1" t="s">
        <v>70504</v>
      </c>
      <c r="B19700" s="1" t="s">
        <v>69690</v>
      </c>
      <c r="C19700" s="1" t="s">
        <v>160</v>
      </c>
      <c r="D19700" s="1" t="s">
        <v>64794</v>
      </c>
      <c r="E19700" s="1" t="s">
        <v>70617</v>
      </c>
      <c r="F19700" s="1" t="s">
        <v>70618</v>
      </c>
      <c r="G19700" s="1" t="s">
        <v>70507</v>
      </c>
      <c r="H19700" s="1" t="s">
        <v>70508</v>
      </c>
      <c r="I19700" s="1" t="s">
        <v>69694</v>
      </c>
      <c r="J19700" s="1" t="s">
        <v>70619</v>
      </c>
    </row>
    <row r="19701" spans="1:10" x14ac:dyDescent="0.35">
      <c r="A19701" s="1" t="s">
        <v>70504</v>
      </c>
      <c r="B19701" s="1" t="s">
        <v>69690</v>
      </c>
      <c r="C19701" s="1" t="s">
        <v>165</v>
      </c>
      <c r="D19701" s="1" t="s">
        <v>70620</v>
      </c>
      <c r="E19701" s="1" t="s">
        <v>70621</v>
      </c>
      <c r="F19701" s="1" t="s">
        <v>70622</v>
      </c>
      <c r="G19701" s="1" t="s">
        <v>70507</v>
      </c>
      <c r="H19701" s="1" t="s">
        <v>70508</v>
      </c>
      <c r="I19701" s="1" t="s">
        <v>69694</v>
      </c>
      <c r="J19701" s="1" t="s">
        <v>70623</v>
      </c>
    </row>
    <row r="19702" spans="1:10" x14ac:dyDescent="0.35">
      <c r="A19702" s="1" t="s">
        <v>70504</v>
      </c>
      <c r="B19702" s="1" t="s">
        <v>69690</v>
      </c>
      <c r="C19702" s="1" t="s">
        <v>170</v>
      </c>
      <c r="D19702" s="1" t="s">
        <v>70624</v>
      </c>
      <c r="E19702" s="1" t="s">
        <v>70625</v>
      </c>
      <c r="F19702" s="1" t="s">
        <v>70626</v>
      </c>
      <c r="G19702" s="1" t="s">
        <v>70507</v>
      </c>
      <c r="H19702" s="1" t="s">
        <v>70508</v>
      </c>
      <c r="I19702" s="1" t="s">
        <v>69694</v>
      </c>
      <c r="J19702" s="1" t="s">
        <v>70627</v>
      </c>
    </row>
    <row r="19703" spans="1:10" x14ac:dyDescent="0.35">
      <c r="A19703" s="1" t="s">
        <v>70628</v>
      </c>
      <c r="B19703" s="1" t="s">
        <v>70629</v>
      </c>
      <c r="C19703" s="1" t="s">
        <v>8</v>
      </c>
      <c r="D19703" s="1" t="s">
        <v>640</v>
      </c>
      <c r="E19703" s="1" t="s">
        <v>70630</v>
      </c>
      <c r="F19703" s="1" t="s">
        <v>70631</v>
      </c>
      <c r="G19703" s="1" t="s">
        <v>70632</v>
      </c>
      <c r="H19703" s="1" t="s">
        <v>70633</v>
      </c>
      <c r="I19703" s="1" t="s">
        <v>70634</v>
      </c>
      <c r="J19703" s="1" t="s">
        <v>13</v>
      </c>
    </row>
    <row r="19704" spans="1:10" x14ac:dyDescent="0.35">
      <c r="A19704" s="1" t="s">
        <v>70628</v>
      </c>
      <c r="B19704" s="1" t="s">
        <v>70629</v>
      </c>
      <c r="C19704" s="1" t="s">
        <v>15</v>
      </c>
      <c r="D19704" s="1" t="s">
        <v>70635</v>
      </c>
      <c r="E19704" s="1" t="s">
        <v>70636</v>
      </c>
      <c r="F19704" s="1" t="s">
        <v>70637</v>
      </c>
      <c r="G19704" s="1" t="s">
        <v>70632</v>
      </c>
      <c r="H19704" s="1" t="s">
        <v>70633</v>
      </c>
      <c r="I19704" s="1" t="s">
        <v>70634</v>
      </c>
      <c r="J19704" s="1" t="s">
        <v>70638</v>
      </c>
    </row>
    <row r="19705" spans="1:10" x14ac:dyDescent="0.35">
      <c r="A19705" s="1" t="s">
        <v>70628</v>
      </c>
      <c r="B19705" s="1" t="s">
        <v>70629</v>
      </c>
      <c r="C19705" s="1" t="s">
        <v>20</v>
      </c>
      <c r="D19705" s="1" t="s">
        <v>11827</v>
      </c>
      <c r="E19705" s="1" t="s">
        <v>70639</v>
      </c>
      <c r="F19705" s="1" t="s">
        <v>70640</v>
      </c>
      <c r="G19705" s="1" t="s">
        <v>70632</v>
      </c>
      <c r="H19705" s="1" t="s">
        <v>70633</v>
      </c>
      <c r="I19705" s="1" t="s">
        <v>70634</v>
      </c>
      <c r="J19705" s="1" t="s">
        <v>70641</v>
      </c>
    </row>
    <row r="19706" spans="1:10" x14ac:dyDescent="0.35">
      <c r="A19706" s="1" t="s">
        <v>70628</v>
      </c>
      <c r="B19706" s="1" t="s">
        <v>70629</v>
      </c>
      <c r="C19706" s="1" t="s">
        <v>25</v>
      </c>
      <c r="D19706" s="1" t="s">
        <v>35930</v>
      </c>
      <c r="E19706" s="1" t="s">
        <v>70642</v>
      </c>
      <c r="F19706" s="1" t="s">
        <v>70643</v>
      </c>
      <c r="G19706" s="1" t="s">
        <v>70632</v>
      </c>
      <c r="H19706" s="1" t="s">
        <v>70633</v>
      </c>
      <c r="I19706" s="1" t="s">
        <v>70634</v>
      </c>
      <c r="J19706" s="1" t="s">
        <v>70644</v>
      </c>
    </row>
    <row r="19707" spans="1:10" x14ac:dyDescent="0.35">
      <c r="A19707" s="1" t="s">
        <v>70628</v>
      </c>
      <c r="B19707" s="1" t="s">
        <v>70629</v>
      </c>
      <c r="C19707" s="1" t="s">
        <v>30</v>
      </c>
      <c r="D19707" s="1" t="s">
        <v>70645</v>
      </c>
      <c r="E19707" s="1" t="s">
        <v>70646</v>
      </c>
      <c r="F19707" s="1" t="s">
        <v>70647</v>
      </c>
      <c r="G19707" s="1" t="s">
        <v>70632</v>
      </c>
      <c r="H19707" s="1" t="s">
        <v>70633</v>
      </c>
      <c r="I19707" s="1" t="s">
        <v>70634</v>
      </c>
      <c r="J19707" s="1" t="s">
        <v>70648</v>
      </c>
    </row>
    <row r="19708" spans="1:10" x14ac:dyDescent="0.35">
      <c r="A19708" s="1" t="s">
        <v>70628</v>
      </c>
      <c r="B19708" s="1" t="s">
        <v>70629</v>
      </c>
      <c r="C19708" s="1" t="s">
        <v>35</v>
      </c>
      <c r="D19708" s="1" t="s">
        <v>12397</v>
      </c>
      <c r="E19708" s="1" t="s">
        <v>70649</v>
      </c>
      <c r="F19708" s="1" t="s">
        <v>70650</v>
      </c>
      <c r="G19708" s="1" t="s">
        <v>70632</v>
      </c>
      <c r="H19708" s="1" t="s">
        <v>70633</v>
      </c>
      <c r="I19708" s="1" t="s">
        <v>70634</v>
      </c>
      <c r="J19708" s="1" t="s">
        <v>70651</v>
      </c>
    </row>
    <row r="19709" spans="1:10" x14ac:dyDescent="0.35">
      <c r="A19709" s="1" t="s">
        <v>70628</v>
      </c>
      <c r="B19709" s="1" t="s">
        <v>70629</v>
      </c>
      <c r="C19709" s="1" t="s">
        <v>40</v>
      </c>
      <c r="D19709" s="1" t="s">
        <v>70652</v>
      </c>
      <c r="E19709" s="1" t="s">
        <v>70653</v>
      </c>
      <c r="F19709" s="1" t="s">
        <v>70654</v>
      </c>
      <c r="G19709" s="1" t="s">
        <v>70632</v>
      </c>
      <c r="H19709" s="1" t="s">
        <v>70633</v>
      </c>
      <c r="I19709" s="1" t="s">
        <v>70634</v>
      </c>
      <c r="J19709" s="1" t="s">
        <v>70655</v>
      </c>
    </row>
    <row r="19710" spans="1:10" x14ac:dyDescent="0.35">
      <c r="A19710" s="1" t="s">
        <v>70628</v>
      </c>
      <c r="B19710" s="1" t="s">
        <v>70629</v>
      </c>
      <c r="C19710" s="1" t="s">
        <v>45</v>
      </c>
      <c r="D19710" s="1" t="s">
        <v>70656</v>
      </c>
      <c r="E19710" s="1" t="s">
        <v>70657</v>
      </c>
      <c r="F19710" s="1" t="s">
        <v>70658</v>
      </c>
      <c r="G19710" s="1" t="s">
        <v>70632</v>
      </c>
      <c r="H19710" s="1" t="s">
        <v>70633</v>
      </c>
      <c r="I19710" s="1" t="s">
        <v>70634</v>
      </c>
      <c r="J19710" s="1" t="s">
        <v>70659</v>
      </c>
    </row>
    <row r="19711" spans="1:10" x14ac:dyDescent="0.35">
      <c r="A19711" s="1" t="s">
        <v>70628</v>
      </c>
      <c r="B19711" s="1" t="s">
        <v>70629</v>
      </c>
      <c r="C19711" s="1" t="s">
        <v>50</v>
      </c>
      <c r="D19711" s="1" t="s">
        <v>18883</v>
      </c>
      <c r="E19711" s="1" t="s">
        <v>70660</v>
      </c>
      <c r="F19711" s="1" t="s">
        <v>70661</v>
      </c>
      <c r="G19711" s="1" t="s">
        <v>70632</v>
      </c>
      <c r="H19711" s="1" t="s">
        <v>70633</v>
      </c>
      <c r="I19711" s="1" t="s">
        <v>70634</v>
      </c>
      <c r="J19711" s="1" t="s">
        <v>70662</v>
      </c>
    </row>
    <row r="19712" spans="1:10" x14ac:dyDescent="0.35">
      <c r="A19712" s="1" t="s">
        <v>70628</v>
      </c>
      <c r="B19712" s="1" t="s">
        <v>70629</v>
      </c>
      <c r="C19712" s="1" t="s">
        <v>55</v>
      </c>
      <c r="D19712" s="1" t="s">
        <v>36938</v>
      </c>
      <c r="E19712" s="1" t="s">
        <v>70663</v>
      </c>
      <c r="F19712" s="1" t="s">
        <v>70664</v>
      </c>
      <c r="G19712" s="1" t="s">
        <v>70632</v>
      </c>
      <c r="H19712" s="1" t="s">
        <v>70633</v>
      </c>
      <c r="I19712" s="1" t="s">
        <v>70634</v>
      </c>
      <c r="J19712" s="1" t="s">
        <v>70665</v>
      </c>
    </row>
    <row r="19713" spans="1:10" x14ac:dyDescent="0.35">
      <c r="A19713" s="1" t="s">
        <v>70628</v>
      </c>
      <c r="B19713" s="1" t="s">
        <v>70629</v>
      </c>
      <c r="C19713" s="1" t="s">
        <v>60</v>
      </c>
      <c r="D19713" s="1" t="s">
        <v>10393</v>
      </c>
      <c r="E19713" s="1" t="s">
        <v>70666</v>
      </c>
      <c r="F19713" s="1" t="s">
        <v>70667</v>
      </c>
      <c r="G19713" s="1" t="s">
        <v>70632</v>
      </c>
      <c r="H19713" s="1" t="s">
        <v>70633</v>
      </c>
      <c r="I19713" s="1" t="s">
        <v>70634</v>
      </c>
      <c r="J19713" s="1" t="s">
        <v>70668</v>
      </c>
    </row>
    <row r="19714" spans="1:10" x14ac:dyDescent="0.35">
      <c r="A19714" s="1" t="s">
        <v>70628</v>
      </c>
      <c r="B19714" s="1" t="s">
        <v>70629</v>
      </c>
      <c r="C19714" s="1" t="s">
        <v>65</v>
      </c>
      <c r="D19714" s="1" t="s">
        <v>50362</v>
      </c>
      <c r="E19714" s="1" t="s">
        <v>70669</v>
      </c>
      <c r="F19714" s="1" t="s">
        <v>70670</v>
      </c>
      <c r="G19714" s="1" t="s">
        <v>70632</v>
      </c>
      <c r="H19714" s="1" t="s">
        <v>70633</v>
      </c>
      <c r="I19714" s="1" t="s">
        <v>70634</v>
      </c>
      <c r="J19714" s="1" t="s">
        <v>70671</v>
      </c>
    </row>
    <row r="19715" spans="1:10" x14ac:dyDescent="0.35">
      <c r="A19715" s="1" t="s">
        <v>70628</v>
      </c>
      <c r="B19715" s="1" t="s">
        <v>70629</v>
      </c>
      <c r="C19715" s="1" t="s">
        <v>70</v>
      </c>
      <c r="D19715" s="1" t="s">
        <v>49997</v>
      </c>
      <c r="E19715" s="1" t="s">
        <v>70672</v>
      </c>
      <c r="F19715" s="1" t="s">
        <v>70673</v>
      </c>
      <c r="G19715" s="1" t="s">
        <v>70632</v>
      </c>
      <c r="H19715" s="1" t="s">
        <v>70633</v>
      </c>
      <c r="I19715" s="1" t="s">
        <v>70634</v>
      </c>
      <c r="J19715" s="1" t="s">
        <v>70674</v>
      </c>
    </row>
    <row r="19716" spans="1:10" x14ac:dyDescent="0.35">
      <c r="A19716" s="1" t="s">
        <v>70628</v>
      </c>
      <c r="B19716" s="1" t="s">
        <v>70629</v>
      </c>
      <c r="C19716" s="1" t="s">
        <v>75</v>
      </c>
      <c r="D19716" s="1" t="s">
        <v>70675</v>
      </c>
      <c r="E19716" s="1" t="s">
        <v>70676</v>
      </c>
      <c r="F19716" s="1" t="s">
        <v>70677</v>
      </c>
      <c r="G19716" s="1" t="s">
        <v>70632</v>
      </c>
      <c r="H19716" s="1" t="s">
        <v>70633</v>
      </c>
      <c r="I19716" s="1" t="s">
        <v>70634</v>
      </c>
      <c r="J19716" s="1" t="s">
        <v>70678</v>
      </c>
    </row>
    <row r="19717" spans="1:10" x14ac:dyDescent="0.35">
      <c r="A19717" s="1" t="s">
        <v>70628</v>
      </c>
      <c r="B19717" s="1" t="s">
        <v>70629</v>
      </c>
      <c r="C19717" s="1" t="s">
        <v>80</v>
      </c>
      <c r="D19717" s="1" t="s">
        <v>70679</v>
      </c>
      <c r="E19717" s="1" t="s">
        <v>70680</v>
      </c>
      <c r="F19717" s="1" t="s">
        <v>70681</v>
      </c>
      <c r="G19717" s="1" t="s">
        <v>70632</v>
      </c>
      <c r="H19717" s="1" t="s">
        <v>70633</v>
      </c>
      <c r="I19717" s="1" t="s">
        <v>70634</v>
      </c>
      <c r="J19717" s="1" t="s">
        <v>70682</v>
      </c>
    </row>
    <row r="19718" spans="1:10" x14ac:dyDescent="0.35">
      <c r="A19718" s="1" t="s">
        <v>70628</v>
      </c>
      <c r="B19718" s="1" t="s">
        <v>70629</v>
      </c>
      <c r="C19718" s="1" t="s">
        <v>85</v>
      </c>
      <c r="D19718" s="1" t="s">
        <v>70683</v>
      </c>
      <c r="E19718" s="1" t="s">
        <v>70684</v>
      </c>
      <c r="F19718" s="1" t="s">
        <v>70685</v>
      </c>
      <c r="G19718" s="1" t="s">
        <v>70632</v>
      </c>
      <c r="H19718" s="1" t="s">
        <v>70633</v>
      </c>
      <c r="I19718" s="1" t="s">
        <v>70634</v>
      </c>
      <c r="J19718" s="1" t="s">
        <v>70686</v>
      </c>
    </row>
    <row r="19719" spans="1:10" x14ac:dyDescent="0.35">
      <c r="A19719" s="1" t="s">
        <v>70628</v>
      </c>
      <c r="B19719" s="1" t="s">
        <v>70629</v>
      </c>
      <c r="C19719" s="1" t="s">
        <v>90</v>
      </c>
      <c r="D19719" s="1" t="s">
        <v>19833</v>
      </c>
      <c r="E19719" s="1" t="s">
        <v>70687</v>
      </c>
      <c r="F19719" s="1" t="s">
        <v>70688</v>
      </c>
      <c r="G19719" s="1" t="s">
        <v>70632</v>
      </c>
      <c r="H19719" s="1" t="s">
        <v>70633</v>
      </c>
      <c r="I19719" s="1" t="s">
        <v>70634</v>
      </c>
      <c r="J19719" s="1" t="s">
        <v>70689</v>
      </c>
    </row>
    <row r="19720" spans="1:10" x14ac:dyDescent="0.35">
      <c r="A19720" s="1" t="s">
        <v>70628</v>
      </c>
      <c r="B19720" s="1" t="s">
        <v>70629</v>
      </c>
      <c r="C19720" s="1" t="s">
        <v>95</v>
      </c>
      <c r="D19720" s="1" t="s">
        <v>70690</v>
      </c>
      <c r="E19720" s="1" t="s">
        <v>70691</v>
      </c>
      <c r="F19720" s="1" t="s">
        <v>70692</v>
      </c>
      <c r="G19720" s="1" t="s">
        <v>70632</v>
      </c>
      <c r="H19720" s="1" t="s">
        <v>70633</v>
      </c>
      <c r="I19720" s="1" t="s">
        <v>70634</v>
      </c>
      <c r="J19720" s="1" t="s">
        <v>70693</v>
      </c>
    </row>
    <row r="19721" spans="1:10" x14ac:dyDescent="0.35">
      <c r="A19721" s="1" t="s">
        <v>70628</v>
      </c>
      <c r="B19721" s="1" t="s">
        <v>70629</v>
      </c>
      <c r="C19721" s="1" t="s">
        <v>100</v>
      </c>
      <c r="D19721" s="1" t="s">
        <v>70694</v>
      </c>
      <c r="E19721" s="1" t="s">
        <v>70695</v>
      </c>
      <c r="F19721" s="1" t="s">
        <v>70696</v>
      </c>
      <c r="G19721" s="1" t="s">
        <v>70632</v>
      </c>
      <c r="H19721" s="1" t="s">
        <v>70633</v>
      </c>
      <c r="I19721" s="1" t="s">
        <v>70634</v>
      </c>
      <c r="J19721" s="1" t="s">
        <v>70697</v>
      </c>
    </row>
    <row r="19722" spans="1:10" x14ac:dyDescent="0.35">
      <c r="A19722" s="1" t="s">
        <v>70628</v>
      </c>
      <c r="B19722" s="1" t="s">
        <v>70629</v>
      </c>
      <c r="C19722" s="1" t="s">
        <v>105</v>
      </c>
      <c r="D19722" s="1" t="s">
        <v>70698</v>
      </c>
      <c r="E19722" s="1" t="s">
        <v>70699</v>
      </c>
      <c r="F19722" s="1" t="s">
        <v>70700</v>
      </c>
      <c r="G19722" s="1" t="s">
        <v>70632</v>
      </c>
      <c r="H19722" s="1" t="s">
        <v>70633</v>
      </c>
      <c r="I19722" s="1" t="s">
        <v>70634</v>
      </c>
      <c r="J19722" s="1" t="s">
        <v>70701</v>
      </c>
    </row>
    <row r="19723" spans="1:10" x14ac:dyDescent="0.35">
      <c r="A19723" s="1" t="s">
        <v>70628</v>
      </c>
      <c r="B19723" s="1" t="s">
        <v>70629</v>
      </c>
      <c r="C19723" s="1" t="s">
        <v>110</v>
      </c>
      <c r="D19723" s="1" t="s">
        <v>13109</v>
      </c>
      <c r="E19723" s="1" t="s">
        <v>70702</v>
      </c>
      <c r="F19723" s="1" t="s">
        <v>70703</v>
      </c>
      <c r="G19723" s="1" t="s">
        <v>70632</v>
      </c>
      <c r="H19723" s="1" t="s">
        <v>70633</v>
      </c>
      <c r="I19723" s="1" t="s">
        <v>70634</v>
      </c>
      <c r="J19723" s="1" t="s">
        <v>70704</v>
      </c>
    </row>
    <row r="19724" spans="1:10" x14ac:dyDescent="0.35">
      <c r="A19724" s="1" t="s">
        <v>70628</v>
      </c>
      <c r="B19724" s="1" t="s">
        <v>70629</v>
      </c>
      <c r="C19724" s="1" t="s">
        <v>115</v>
      </c>
      <c r="D19724" s="1" t="s">
        <v>70705</v>
      </c>
      <c r="E19724" s="1" t="s">
        <v>70706</v>
      </c>
      <c r="F19724" s="1" t="s">
        <v>70707</v>
      </c>
      <c r="G19724" s="1" t="s">
        <v>70632</v>
      </c>
      <c r="H19724" s="1" t="s">
        <v>70633</v>
      </c>
      <c r="I19724" s="1" t="s">
        <v>70634</v>
      </c>
      <c r="J19724" s="1" t="s">
        <v>70708</v>
      </c>
    </row>
    <row r="19725" spans="1:10" x14ac:dyDescent="0.35">
      <c r="A19725" s="1" t="s">
        <v>70628</v>
      </c>
      <c r="B19725" s="1" t="s">
        <v>70629</v>
      </c>
      <c r="C19725" s="1" t="s">
        <v>120</v>
      </c>
      <c r="D19725" s="1" t="s">
        <v>32430</v>
      </c>
      <c r="E19725" s="1" t="s">
        <v>70709</v>
      </c>
      <c r="F19725" s="1" t="s">
        <v>70710</v>
      </c>
      <c r="G19725" s="1" t="s">
        <v>70632</v>
      </c>
      <c r="H19725" s="1" t="s">
        <v>70633</v>
      </c>
      <c r="I19725" s="1" t="s">
        <v>70634</v>
      </c>
      <c r="J19725" s="1" t="s">
        <v>70711</v>
      </c>
    </row>
    <row r="19726" spans="1:10" x14ac:dyDescent="0.35">
      <c r="A19726" s="1" t="s">
        <v>70628</v>
      </c>
      <c r="B19726" s="1" t="s">
        <v>70629</v>
      </c>
      <c r="C19726" s="1" t="s">
        <v>125</v>
      </c>
      <c r="D19726" s="1" t="s">
        <v>70712</v>
      </c>
      <c r="E19726" s="1" t="s">
        <v>70713</v>
      </c>
      <c r="F19726" s="1" t="s">
        <v>70714</v>
      </c>
      <c r="G19726" s="1" t="s">
        <v>70632</v>
      </c>
      <c r="H19726" s="1" t="s">
        <v>70633</v>
      </c>
      <c r="I19726" s="1" t="s">
        <v>70634</v>
      </c>
      <c r="J19726" s="1" t="s">
        <v>70715</v>
      </c>
    </row>
    <row r="19727" spans="1:10" x14ac:dyDescent="0.35">
      <c r="A19727" s="1" t="s">
        <v>70628</v>
      </c>
      <c r="B19727" s="1" t="s">
        <v>70629</v>
      </c>
      <c r="C19727" s="1" t="s">
        <v>130</v>
      </c>
      <c r="D19727" s="1" t="s">
        <v>70716</v>
      </c>
      <c r="E19727" s="1" t="s">
        <v>70717</v>
      </c>
      <c r="F19727" s="1" t="s">
        <v>70718</v>
      </c>
      <c r="G19727" s="1" t="s">
        <v>70632</v>
      </c>
      <c r="H19727" s="1" t="s">
        <v>70633</v>
      </c>
      <c r="I19727" s="1" t="s">
        <v>70634</v>
      </c>
      <c r="J19727" s="1" t="s">
        <v>70719</v>
      </c>
    </row>
    <row r="19728" spans="1:10" x14ac:dyDescent="0.35">
      <c r="A19728" s="1" t="s">
        <v>70628</v>
      </c>
      <c r="B19728" s="1" t="s">
        <v>70629</v>
      </c>
      <c r="C19728" s="1" t="s">
        <v>135</v>
      </c>
      <c r="D19728" s="1" t="s">
        <v>70720</v>
      </c>
      <c r="E19728" s="1" t="s">
        <v>70721</v>
      </c>
      <c r="F19728" s="1" t="s">
        <v>70722</v>
      </c>
      <c r="G19728" s="1" t="s">
        <v>70632</v>
      </c>
      <c r="H19728" s="1" t="s">
        <v>70633</v>
      </c>
      <c r="I19728" s="1" t="s">
        <v>70634</v>
      </c>
      <c r="J19728" s="1" t="s">
        <v>70723</v>
      </c>
    </row>
    <row r="19729" spans="1:10" x14ac:dyDescent="0.35">
      <c r="A19729" s="1" t="s">
        <v>70628</v>
      </c>
      <c r="B19729" s="1" t="s">
        <v>70629</v>
      </c>
      <c r="C19729" s="1" t="s">
        <v>140</v>
      </c>
      <c r="D19729" s="1" t="s">
        <v>70724</v>
      </c>
      <c r="E19729" s="1" t="s">
        <v>70725</v>
      </c>
      <c r="F19729" s="1" t="s">
        <v>70726</v>
      </c>
      <c r="G19729" s="1" t="s">
        <v>70632</v>
      </c>
      <c r="H19729" s="1" t="s">
        <v>70633</v>
      </c>
      <c r="I19729" s="1" t="s">
        <v>70634</v>
      </c>
      <c r="J19729" s="1" t="s">
        <v>70727</v>
      </c>
    </row>
    <row r="19730" spans="1:10" x14ac:dyDescent="0.35">
      <c r="A19730" s="1" t="s">
        <v>70628</v>
      </c>
      <c r="B19730" s="1" t="s">
        <v>70629</v>
      </c>
      <c r="C19730" s="1" t="s">
        <v>145</v>
      </c>
      <c r="D19730" s="1" t="s">
        <v>70728</v>
      </c>
      <c r="E19730" s="1" t="s">
        <v>70729</v>
      </c>
      <c r="F19730" s="1" t="s">
        <v>70730</v>
      </c>
      <c r="G19730" s="1" t="s">
        <v>70632</v>
      </c>
      <c r="H19730" s="1" t="s">
        <v>70633</v>
      </c>
      <c r="I19730" s="1" t="s">
        <v>70634</v>
      </c>
      <c r="J19730" s="1" t="s">
        <v>70731</v>
      </c>
    </row>
    <row r="19731" spans="1:10" x14ac:dyDescent="0.35">
      <c r="A19731" s="1" t="s">
        <v>70628</v>
      </c>
      <c r="B19731" s="1" t="s">
        <v>70629</v>
      </c>
      <c r="C19731" s="1" t="s">
        <v>150</v>
      </c>
      <c r="D19731" s="1" t="s">
        <v>70732</v>
      </c>
      <c r="E19731" s="1" t="s">
        <v>70733</v>
      </c>
      <c r="F19731" s="1" t="s">
        <v>70734</v>
      </c>
      <c r="G19731" s="1" t="s">
        <v>70632</v>
      </c>
      <c r="H19731" s="1" t="s">
        <v>70633</v>
      </c>
      <c r="I19731" s="1" t="s">
        <v>70634</v>
      </c>
      <c r="J19731" s="1" t="s">
        <v>70735</v>
      </c>
    </row>
    <row r="19732" spans="1:10" x14ac:dyDescent="0.35">
      <c r="A19732" s="1" t="s">
        <v>70628</v>
      </c>
      <c r="B19732" s="1" t="s">
        <v>70629</v>
      </c>
      <c r="C19732" s="1" t="s">
        <v>155</v>
      </c>
      <c r="D19732" s="1" t="s">
        <v>18018</v>
      </c>
      <c r="E19732" s="1" t="s">
        <v>70736</v>
      </c>
      <c r="F19732" s="1" t="s">
        <v>70737</v>
      </c>
      <c r="G19732" s="1" t="s">
        <v>70632</v>
      </c>
      <c r="H19732" s="1" t="s">
        <v>70633</v>
      </c>
      <c r="I19732" s="1" t="s">
        <v>70634</v>
      </c>
      <c r="J19732" s="1" t="s">
        <v>70738</v>
      </c>
    </row>
    <row r="19733" spans="1:10" x14ac:dyDescent="0.35">
      <c r="A19733" s="1" t="s">
        <v>70628</v>
      </c>
      <c r="B19733" s="1" t="s">
        <v>70629</v>
      </c>
      <c r="C19733" s="1" t="s">
        <v>160</v>
      </c>
      <c r="D19733" s="1" t="s">
        <v>42945</v>
      </c>
      <c r="E19733" s="1" t="s">
        <v>70739</v>
      </c>
      <c r="F19733" s="1" t="s">
        <v>70740</v>
      </c>
      <c r="G19733" s="1" t="s">
        <v>70632</v>
      </c>
      <c r="H19733" s="1" t="s">
        <v>70633</v>
      </c>
      <c r="I19733" s="1" t="s">
        <v>70634</v>
      </c>
      <c r="J19733" s="1" t="s">
        <v>70741</v>
      </c>
    </row>
    <row r="19734" spans="1:10" x14ac:dyDescent="0.35">
      <c r="A19734" s="1" t="s">
        <v>70628</v>
      </c>
      <c r="B19734" s="1" t="s">
        <v>70629</v>
      </c>
      <c r="C19734" s="1" t="s">
        <v>165</v>
      </c>
      <c r="D19734" s="1" t="s">
        <v>50406</v>
      </c>
      <c r="E19734" s="1" t="s">
        <v>70742</v>
      </c>
      <c r="F19734" s="1" t="s">
        <v>70743</v>
      </c>
      <c r="G19734" s="1" t="s">
        <v>70632</v>
      </c>
      <c r="H19734" s="1" t="s">
        <v>70633</v>
      </c>
      <c r="I19734" s="1" t="s">
        <v>70634</v>
      </c>
      <c r="J19734" s="1" t="s">
        <v>70744</v>
      </c>
    </row>
    <row r="19735" spans="1:10" x14ac:dyDescent="0.35">
      <c r="A19735" s="1" t="s">
        <v>70628</v>
      </c>
      <c r="B19735" s="1" t="s">
        <v>70629</v>
      </c>
      <c r="C19735" s="1" t="s">
        <v>170</v>
      </c>
      <c r="D19735" s="1" t="s">
        <v>2453</v>
      </c>
      <c r="E19735" s="1" t="s">
        <v>70745</v>
      </c>
      <c r="F19735" s="1" t="s">
        <v>70746</v>
      </c>
      <c r="G19735" s="1" t="s">
        <v>70632</v>
      </c>
      <c r="H19735" s="1" t="s">
        <v>70633</v>
      </c>
      <c r="I19735" s="1" t="s">
        <v>70634</v>
      </c>
      <c r="J19735" s="1" t="s">
        <v>70747</v>
      </c>
    </row>
    <row r="19736" spans="1:10" x14ac:dyDescent="0.35">
      <c r="A19736" s="1" t="s">
        <v>70748</v>
      </c>
      <c r="B19736" s="1" t="s">
        <v>70629</v>
      </c>
      <c r="C19736" s="1" t="s">
        <v>8</v>
      </c>
      <c r="D19736" s="1" t="s">
        <v>70749</v>
      </c>
      <c r="E19736" s="1" t="s">
        <v>70750</v>
      </c>
      <c r="F19736" s="1" t="s">
        <v>70751</v>
      </c>
      <c r="G19736" s="1" t="s">
        <v>70752</v>
      </c>
      <c r="H19736" s="1" t="s">
        <v>47781</v>
      </c>
      <c r="I19736" s="1" t="s">
        <v>70634</v>
      </c>
      <c r="J19736" s="1" t="s">
        <v>13</v>
      </c>
    </row>
    <row r="19737" spans="1:10" x14ac:dyDescent="0.35">
      <c r="A19737" s="1" t="s">
        <v>70748</v>
      </c>
      <c r="B19737" s="1" t="s">
        <v>70629</v>
      </c>
      <c r="C19737" s="1" t="s">
        <v>15</v>
      </c>
      <c r="D19737" s="1" t="s">
        <v>6571</v>
      </c>
      <c r="E19737" s="1" t="s">
        <v>70753</v>
      </c>
      <c r="F19737" s="1" t="s">
        <v>70754</v>
      </c>
      <c r="G19737" s="1" t="s">
        <v>70752</v>
      </c>
      <c r="H19737" s="1" t="s">
        <v>47781</v>
      </c>
      <c r="I19737" s="1" t="s">
        <v>70634</v>
      </c>
      <c r="J19737" s="1" t="s">
        <v>70755</v>
      </c>
    </row>
    <row r="19738" spans="1:10" x14ac:dyDescent="0.35">
      <c r="A19738" s="1" t="s">
        <v>70748</v>
      </c>
      <c r="B19738" s="1" t="s">
        <v>70629</v>
      </c>
      <c r="C19738" s="1" t="s">
        <v>20</v>
      </c>
      <c r="D19738" s="1" t="s">
        <v>29124</v>
      </c>
      <c r="E19738" s="1" t="s">
        <v>70756</v>
      </c>
      <c r="F19738" s="1" t="s">
        <v>70757</v>
      </c>
      <c r="G19738" s="1" t="s">
        <v>70752</v>
      </c>
      <c r="H19738" s="1" t="s">
        <v>47781</v>
      </c>
      <c r="I19738" s="1" t="s">
        <v>70634</v>
      </c>
      <c r="J19738" s="1" t="s">
        <v>70758</v>
      </c>
    </row>
    <row r="19739" spans="1:10" x14ac:dyDescent="0.35">
      <c r="A19739" s="1" t="s">
        <v>70748</v>
      </c>
      <c r="B19739" s="1" t="s">
        <v>70629</v>
      </c>
      <c r="C19739" s="1" t="s">
        <v>25</v>
      </c>
      <c r="D19739" s="1" t="s">
        <v>14236</v>
      </c>
      <c r="E19739" s="1" t="s">
        <v>70759</v>
      </c>
      <c r="F19739" s="1" t="s">
        <v>70760</v>
      </c>
      <c r="G19739" s="1" t="s">
        <v>70752</v>
      </c>
      <c r="H19739" s="1" t="s">
        <v>47781</v>
      </c>
      <c r="I19739" s="1" t="s">
        <v>70634</v>
      </c>
      <c r="J19739" s="1" t="s">
        <v>70761</v>
      </c>
    </row>
    <row r="19740" spans="1:10" x14ac:dyDescent="0.35">
      <c r="A19740" s="1" t="s">
        <v>70748</v>
      </c>
      <c r="B19740" s="1" t="s">
        <v>70629</v>
      </c>
      <c r="C19740" s="1" t="s">
        <v>30</v>
      </c>
      <c r="D19740" s="1" t="s">
        <v>34477</v>
      </c>
      <c r="E19740" s="1" t="s">
        <v>70762</v>
      </c>
      <c r="F19740" s="1" t="s">
        <v>70763</v>
      </c>
      <c r="G19740" s="1" t="s">
        <v>70752</v>
      </c>
      <c r="H19740" s="1" t="s">
        <v>47781</v>
      </c>
      <c r="I19740" s="1" t="s">
        <v>70634</v>
      </c>
      <c r="J19740" s="1" t="s">
        <v>70764</v>
      </c>
    </row>
    <row r="19741" spans="1:10" x14ac:dyDescent="0.35">
      <c r="A19741" s="1" t="s">
        <v>70748</v>
      </c>
      <c r="B19741" s="1" t="s">
        <v>70629</v>
      </c>
      <c r="C19741" s="1" t="s">
        <v>35</v>
      </c>
      <c r="D19741" s="1" t="s">
        <v>70765</v>
      </c>
      <c r="E19741" s="1" t="s">
        <v>70766</v>
      </c>
      <c r="F19741" s="1" t="s">
        <v>70767</v>
      </c>
      <c r="G19741" s="1" t="s">
        <v>70752</v>
      </c>
      <c r="H19741" s="1" t="s">
        <v>47781</v>
      </c>
      <c r="I19741" s="1" t="s">
        <v>70634</v>
      </c>
      <c r="J19741" s="1" t="s">
        <v>70768</v>
      </c>
    </row>
    <row r="19742" spans="1:10" x14ac:dyDescent="0.35">
      <c r="A19742" s="1" t="s">
        <v>70748</v>
      </c>
      <c r="B19742" s="1" t="s">
        <v>70629</v>
      </c>
      <c r="C19742" s="1" t="s">
        <v>40</v>
      </c>
      <c r="D19742" s="1" t="s">
        <v>70769</v>
      </c>
      <c r="E19742" s="1" t="s">
        <v>70770</v>
      </c>
      <c r="F19742" s="1" t="s">
        <v>70771</v>
      </c>
      <c r="G19742" s="1" t="s">
        <v>70752</v>
      </c>
      <c r="H19742" s="1" t="s">
        <v>47781</v>
      </c>
      <c r="I19742" s="1" t="s">
        <v>70634</v>
      </c>
      <c r="J19742" s="1" t="s">
        <v>70772</v>
      </c>
    </row>
    <row r="19743" spans="1:10" x14ac:dyDescent="0.35">
      <c r="A19743" s="1" t="s">
        <v>70748</v>
      </c>
      <c r="B19743" s="1" t="s">
        <v>70629</v>
      </c>
      <c r="C19743" s="1" t="s">
        <v>45</v>
      </c>
      <c r="D19743" s="1" t="s">
        <v>70773</v>
      </c>
      <c r="E19743" s="1" t="s">
        <v>70774</v>
      </c>
      <c r="F19743" s="1" t="s">
        <v>70775</v>
      </c>
      <c r="G19743" s="1" t="s">
        <v>70752</v>
      </c>
      <c r="H19743" s="1" t="s">
        <v>47781</v>
      </c>
      <c r="I19743" s="1" t="s">
        <v>70634</v>
      </c>
      <c r="J19743" s="1" t="s">
        <v>70776</v>
      </c>
    </row>
    <row r="19744" spans="1:10" x14ac:dyDescent="0.35">
      <c r="A19744" s="1" t="s">
        <v>70748</v>
      </c>
      <c r="B19744" s="1" t="s">
        <v>70629</v>
      </c>
      <c r="C19744" s="1" t="s">
        <v>50</v>
      </c>
      <c r="D19744" s="1" t="s">
        <v>70777</v>
      </c>
      <c r="E19744" s="1" t="s">
        <v>70778</v>
      </c>
      <c r="F19744" s="1" t="s">
        <v>70779</v>
      </c>
      <c r="G19744" s="1" t="s">
        <v>70752</v>
      </c>
      <c r="H19744" s="1" t="s">
        <v>47781</v>
      </c>
      <c r="I19744" s="1" t="s">
        <v>70634</v>
      </c>
      <c r="J19744" s="1" t="s">
        <v>70780</v>
      </c>
    </row>
    <row r="19745" spans="1:10" x14ac:dyDescent="0.35">
      <c r="A19745" s="1" t="s">
        <v>70748</v>
      </c>
      <c r="B19745" s="1" t="s">
        <v>70629</v>
      </c>
      <c r="C19745" s="1" t="s">
        <v>55</v>
      </c>
      <c r="D19745" s="1" t="s">
        <v>37747</v>
      </c>
      <c r="E19745" s="1" t="s">
        <v>70781</v>
      </c>
      <c r="F19745" s="1" t="s">
        <v>70782</v>
      </c>
      <c r="G19745" s="1" t="s">
        <v>70752</v>
      </c>
      <c r="H19745" s="1" t="s">
        <v>47781</v>
      </c>
      <c r="I19745" s="1" t="s">
        <v>70634</v>
      </c>
      <c r="J19745" s="1" t="s">
        <v>70783</v>
      </c>
    </row>
    <row r="19746" spans="1:10" x14ac:dyDescent="0.35">
      <c r="A19746" s="1" t="s">
        <v>70748</v>
      </c>
      <c r="B19746" s="1" t="s">
        <v>70629</v>
      </c>
      <c r="C19746" s="1" t="s">
        <v>60</v>
      </c>
      <c r="D19746" s="1" t="s">
        <v>70784</v>
      </c>
      <c r="E19746" s="1" t="s">
        <v>70785</v>
      </c>
      <c r="F19746" s="1" t="s">
        <v>70786</v>
      </c>
      <c r="G19746" s="1" t="s">
        <v>70752</v>
      </c>
      <c r="H19746" s="1" t="s">
        <v>47781</v>
      </c>
      <c r="I19746" s="1" t="s">
        <v>70634</v>
      </c>
      <c r="J19746" s="1" t="s">
        <v>70787</v>
      </c>
    </row>
    <row r="19747" spans="1:10" x14ac:dyDescent="0.35">
      <c r="A19747" s="1" t="s">
        <v>70748</v>
      </c>
      <c r="B19747" s="1" t="s">
        <v>70629</v>
      </c>
      <c r="C19747" s="1" t="s">
        <v>65</v>
      </c>
      <c r="D19747" s="1" t="s">
        <v>15360</v>
      </c>
      <c r="E19747" s="1" t="s">
        <v>70788</v>
      </c>
      <c r="F19747" s="1" t="s">
        <v>70789</v>
      </c>
      <c r="G19747" s="1" t="s">
        <v>70752</v>
      </c>
      <c r="H19747" s="1" t="s">
        <v>47781</v>
      </c>
      <c r="I19747" s="1" t="s">
        <v>70634</v>
      </c>
      <c r="J19747" s="1" t="s">
        <v>70790</v>
      </c>
    </row>
    <row r="19748" spans="1:10" x14ac:dyDescent="0.35">
      <c r="A19748" s="1" t="s">
        <v>70748</v>
      </c>
      <c r="B19748" s="1" t="s">
        <v>70629</v>
      </c>
      <c r="C19748" s="1" t="s">
        <v>70</v>
      </c>
      <c r="D19748" s="1" t="s">
        <v>47229</v>
      </c>
      <c r="E19748" s="1" t="s">
        <v>70791</v>
      </c>
      <c r="F19748" s="1" t="s">
        <v>70792</v>
      </c>
      <c r="G19748" s="1" t="s">
        <v>70752</v>
      </c>
      <c r="H19748" s="1" t="s">
        <v>47781</v>
      </c>
      <c r="I19748" s="1" t="s">
        <v>70634</v>
      </c>
      <c r="J19748" s="1" t="s">
        <v>70793</v>
      </c>
    </row>
    <row r="19749" spans="1:10" x14ac:dyDescent="0.35">
      <c r="A19749" s="1" t="s">
        <v>70748</v>
      </c>
      <c r="B19749" s="1" t="s">
        <v>70629</v>
      </c>
      <c r="C19749" s="1" t="s">
        <v>75</v>
      </c>
      <c r="D19749" s="1" t="s">
        <v>49135</v>
      </c>
      <c r="E19749" s="1" t="s">
        <v>70794</v>
      </c>
      <c r="F19749" s="1" t="s">
        <v>70795</v>
      </c>
      <c r="G19749" s="1" t="s">
        <v>70752</v>
      </c>
      <c r="H19749" s="1" t="s">
        <v>47781</v>
      </c>
      <c r="I19749" s="1" t="s">
        <v>70634</v>
      </c>
      <c r="J19749" s="1" t="s">
        <v>70796</v>
      </c>
    </row>
    <row r="19750" spans="1:10" x14ac:dyDescent="0.35">
      <c r="A19750" s="1" t="s">
        <v>70748</v>
      </c>
      <c r="B19750" s="1" t="s">
        <v>70629</v>
      </c>
      <c r="C19750" s="1" t="s">
        <v>80</v>
      </c>
      <c r="D19750" s="1" t="s">
        <v>70797</v>
      </c>
      <c r="E19750" s="1" t="s">
        <v>70798</v>
      </c>
      <c r="F19750" s="1" t="s">
        <v>70799</v>
      </c>
      <c r="G19750" s="1" t="s">
        <v>70752</v>
      </c>
      <c r="H19750" s="1" t="s">
        <v>47781</v>
      </c>
      <c r="I19750" s="1" t="s">
        <v>70634</v>
      </c>
      <c r="J19750" s="1" t="s">
        <v>70800</v>
      </c>
    </row>
    <row r="19751" spans="1:10" x14ac:dyDescent="0.35">
      <c r="A19751" s="1" t="s">
        <v>70748</v>
      </c>
      <c r="B19751" s="1" t="s">
        <v>70629</v>
      </c>
      <c r="C19751" s="1" t="s">
        <v>85</v>
      </c>
      <c r="D19751" s="1" t="s">
        <v>45876</v>
      </c>
      <c r="E19751" s="1" t="s">
        <v>70801</v>
      </c>
      <c r="F19751" s="1" t="s">
        <v>70802</v>
      </c>
      <c r="G19751" s="1" t="s">
        <v>70752</v>
      </c>
      <c r="H19751" s="1" t="s">
        <v>47781</v>
      </c>
      <c r="I19751" s="1" t="s">
        <v>70634</v>
      </c>
      <c r="J19751" s="1" t="s">
        <v>70803</v>
      </c>
    </row>
    <row r="19752" spans="1:10" x14ac:dyDescent="0.35">
      <c r="A19752" s="1" t="s">
        <v>70748</v>
      </c>
      <c r="B19752" s="1" t="s">
        <v>70629</v>
      </c>
      <c r="C19752" s="1" t="s">
        <v>90</v>
      </c>
      <c r="D19752" s="1" t="s">
        <v>36750</v>
      </c>
      <c r="E19752" s="1" t="s">
        <v>70804</v>
      </c>
      <c r="F19752" s="1" t="s">
        <v>70805</v>
      </c>
      <c r="G19752" s="1" t="s">
        <v>70752</v>
      </c>
      <c r="H19752" s="1" t="s">
        <v>47781</v>
      </c>
      <c r="I19752" s="1" t="s">
        <v>70634</v>
      </c>
      <c r="J19752" s="1" t="s">
        <v>70806</v>
      </c>
    </row>
    <row r="19753" spans="1:10" x14ac:dyDescent="0.35">
      <c r="A19753" s="1" t="s">
        <v>70748</v>
      </c>
      <c r="B19753" s="1" t="s">
        <v>70629</v>
      </c>
      <c r="C19753" s="1" t="s">
        <v>95</v>
      </c>
      <c r="D19753" s="1" t="s">
        <v>25754</v>
      </c>
      <c r="E19753" s="1" t="s">
        <v>70807</v>
      </c>
      <c r="F19753" s="1" t="s">
        <v>70808</v>
      </c>
      <c r="G19753" s="1" t="s">
        <v>70752</v>
      </c>
      <c r="H19753" s="1" t="s">
        <v>47781</v>
      </c>
      <c r="I19753" s="1" t="s">
        <v>70634</v>
      </c>
      <c r="J19753" s="1" t="s">
        <v>70809</v>
      </c>
    </row>
    <row r="19754" spans="1:10" x14ac:dyDescent="0.35">
      <c r="A19754" s="1" t="s">
        <v>70748</v>
      </c>
      <c r="B19754" s="1" t="s">
        <v>70629</v>
      </c>
      <c r="C19754" s="1" t="s">
        <v>100</v>
      </c>
      <c r="D19754" s="1" t="s">
        <v>70810</v>
      </c>
      <c r="E19754" s="1" t="s">
        <v>70811</v>
      </c>
      <c r="F19754" s="1" t="s">
        <v>70812</v>
      </c>
      <c r="G19754" s="1" t="s">
        <v>70752</v>
      </c>
      <c r="H19754" s="1" t="s">
        <v>47781</v>
      </c>
      <c r="I19754" s="1" t="s">
        <v>70634</v>
      </c>
      <c r="J19754" s="1" t="s">
        <v>70813</v>
      </c>
    </row>
    <row r="19755" spans="1:10" x14ac:dyDescent="0.35">
      <c r="A19755" s="1" t="s">
        <v>70748</v>
      </c>
      <c r="B19755" s="1" t="s">
        <v>70629</v>
      </c>
      <c r="C19755" s="1" t="s">
        <v>105</v>
      </c>
      <c r="D19755" s="1" t="s">
        <v>70814</v>
      </c>
      <c r="E19755" s="1" t="s">
        <v>70815</v>
      </c>
      <c r="F19755" s="1" t="s">
        <v>70816</v>
      </c>
      <c r="G19755" s="1" t="s">
        <v>70752</v>
      </c>
      <c r="H19755" s="1" t="s">
        <v>47781</v>
      </c>
      <c r="I19755" s="1" t="s">
        <v>70634</v>
      </c>
      <c r="J19755" s="1" t="s">
        <v>70817</v>
      </c>
    </row>
    <row r="19756" spans="1:10" x14ac:dyDescent="0.35">
      <c r="A19756" s="1" t="s">
        <v>70748</v>
      </c>
      <c r="B19756" s="1" t="s">
        <v>70629</v>
      </c>
      <c r="C19756" s="1" t="s">
        <v>110</v>
      </c>
      <c r="D19756" s="1" t="s">
        <v>70818</v>
      </c>
      <c r="E19756" s="1" t="s">
        <v>70819</v>
      </c>
      <c r="F19756" s="1" t="s">
        <v>70820</v>
      </c>
      <c r="G19756" s="1" t="s">
        <v>70752</v>
      </c>
      <c r="H19756" s="1" t="s">
        <v>47781</v>
      </c>
      <c r="I19756" s="1" t="s">
        <v>70634</v>
      </c>
      <c r="J19756" s="1" t="s">
        <v>70821</v>
      </c>
    </row>
    <row r="19757" spans="1:10" x14ac:dyDescent="0.35">
      <c r="A19757" s="1" t="s">
        <v>70748</v>
      </c>
      <c r="B19757" s="1" t="s">
        <v>70629</v>
      </c>
      <c r="C19757" s="1" t="s">
        <v>115</v>
      </c>
      <c r="D19757" s="1" t="s">
        <v>36031</v>
      </c>
      <c r="E19757" s="1" t="s">
        <v>70822</v>
      </c>
      <c r="F19757" s="1" t="s">
        <v>70823</v>
      </c>
      <c r="G19757" s="1" t="s">
        <v>70752</v>
      </c>
      <c r="H19757" s="1" t="s">
        <v>47781</v>
      </c>
      <c r="I19757" s="1" t="s">
        <v>70634</v>
      </c>
      <c r="J19757" s="1" t="s">
        <v>70824</v>
      </c>
    </row>
    <row r="19758" spans="1:10" x14ac:dyDescent="0.35">
      <c r="A19758" s="1" t="s">
        <v>70748</v>
      </c>
      <c r="B19758" s="1" t="s">
        <v>70629</v>
      </c>
      <c r="C19758" s="1" t="s">
        <v>120</v>
      </c>
      <c r="D19758" s="1" t="s">
        <v>70825</v>
      </c>
      <c r="E19758" s="1" t="s">
        <v>70826</v>
      </c>
      <c r="F19758" s="1" t="s">
        <v>11626</v>
      </c>
      <c r="G19758" s="1" t="s">
        <v>70752</v>
      </c>
      <c r="H19758" s="1" t="s">
        <v>47781</v>
      </c>
      <c r="I19758" s="1" t="s">
        <v>70634</v>
      </c>
      <c r="J19758" s="1" t="s">
        <v>70827</v>
      </c>
    </row>
    <row r="19759" spans="1:10" x14ac:dyDescent="0.35">
      <c r="A19759" s="1" t="s">
        <v>70748</v>
      </c>
      <c r="B19759" s="1" t="s">
        <v>70629</v>
      </c>
      <c r="C19759" s="1" t="s">
        <v>125</v>
      </c>
      <c r="D19759" s="1" t="s">
        <v>15360</v>
      </c>
      <c r="E19759" s="1" t="s">
        <v>70801</v>
      </c>
      <c r="F19759" s="1" t="s">
        <v>70828</v>
      </c>
      <c r="G19759" s="1" t="s">
        <v>70752</v>
      </c>
      <c r="H19759" s="1" t="s">
        <v>47781</v>
      </c>
      <c r="I19759" s="1" t="s">
        <v>70634</v>
      </c>
      <c r="J19759" s="1" t="s">
        <v>70829</v>
      </c>
    </row>
    <row r="19760" spans="1:10" x14ac:dyDescent="0.35">
      <c r="A19760" s="1" t="s">
        <v>70748</v>
      </c>
      <c r="B19760" s="1" t="s">
        <v>70629</v>
      </c>
      <c r="C19760" s="1" t="s">
        <v>130</v>
      </c>
      <c r="D19760" s="1" t="s">
        <v>70830</v>
      </c>
      <c r="E19760" s="1" t="s">
        <v>70831</v>
      </c>
      <c r="F19760" s="1" t="s">
        <v>70832</v>
      </c>
      <c r="G19760" s="1" t="s">
        <v>70752</v>
      </c>
      <c r="H19760" s="1" t="s">
        <v>47781</v>
      </c>
      <c r="I19760" s="1" t="s">
        <v>70634</v>
      </c>
      <c r="J19760" s="1" t="s">
        <v>70833</v>
      </c>
    </row>
    <row r="19761" spans="1:10" x14ac:dyDescent="0.35">
      <c r="A19761" s="1" t="s">
        <v>70748</v>
      </c>
      <c r="B19761" s="1" t="s">
        <v>70629</v>
      </c>
      <c r="C19761" s="1" t="s">
        <v>135</v>
      </c>
      <c r="D19761" s="1" t="s">
        <v>14263</v>
      </c>
      <c r="E19761" s="1" t="s">
        <v>70834</v>
      </c>
      <c r="F19761" s="1" t="s">
        <v>70835</v>
      </c>
      <c r="G19761" s="1" t="s">
        <v>70752</v>
      </c>
      <c r="H19761" s="1" t="s">
        <v>47781</v>
      </c>
      <c r="I19761" s="1" t="s">
        <v>70634</v>
      </c>
      <c r="J19761" s="1" t="s">
        <v>70836</v>
      </c>
    </row>
    <row r="19762" spans="1:10" x14ac:dyDescent="0.35">
      <c r="A19762" s="1" t="s">
        <v>70748</v>
      </c>
      <c r="B19762" s="1" t="s">
        <v>70629</v>
      </c>
      <c r="C19762" s="1" t="s">
        <v>140</v>
      </c>
      <c r="D19762" s="1" t="s">
        <v>70837</v>
      </c>
      <c r="E19762" s="1" t="s">
        <v>70838</v>
      </c>
      <c r="F19762" s="1" t="s">
        <v>70839</v>
      </c>
      <c r="G19762" s="1" t="s">
        <v>70752</v>
      </c>
      <c r="H19762" s="1" t="s">
        <v>47781</v>
      </c>
      <c r="I19762" s="1" t="s">
        <v>70634</v>
      </c>
      <c r="J19762" s="1" t="s">
        <v>70840</v>
      </c>
    </row>
    <row r="19763" spans="1:10" x14ac:dyDescent="0.35">
      <c r="A19763" s="1" t="s">
        <v>70748</v>
      </c>
      <c r="B19763" s="1" t="s">
        <v>70629</v>
      </c>
      <c r="C19763" s="1" t="s">
        <v>145</v>
      </c>
      <c r="D19763" s="1" t="s">
        <v>70841</v>
      </c>
      <c r="E19763" s="1" t="s">
        <v>70842</v>
      </c>
      <c r="F19763" s="1" t="s">
        <v>70843</v>
      </c>
      <c r="G19763" s="1" t="s">
        <v>70752</v>
      </c>
      <c r="H19763" s="1" t="s">
        <v>47781</v>
      </c>
      <c r="I19763" s="1" t="s">
        <v>70634</v>
      </c>
      <c r="J19763" s="1" t="s">
        <v>70844</v>
      </c>
    </row>
    <row r="19764" spans="1:10" x14ac:dyDescent="0.35">
      <c r="A19764" s="1" t="s">
        <v>70748</v>
      </c>
      <c r="B19764" s="1" t="s">
        <v>70629</v>
      </c>
      <c r="C19764" s="1" t="s">
        <v>150</v>
      </c>
      <c r="D19764" s="1" t="s">
        <v>36771</v>
      </c>
      <c r="E19764" s="1" t="s">
        <v>70845</v>
      </c>
      <c r="F19764" s="1" t="s">
        <v>70846</v>
      </c>
      <c r="G19764" s="1" t="s">
        <v>70752</v>
      </c>
      <c r="H19764" s="1" t="s">
        <v>47781</v>
      </c>
      <c r="I19764" s="1" t="s">
        <v>70634</v>
      </c>
      <c r="J19764" s="1" t="s">
        <v>70847</v>
      </c>
    </row>
    <row r="19765" spans="1:10" x14ac:dyDescent="0.35">
      <c r="A19765" s="1" t="s">
        <v>70748</v>
      </c>
      <c r="B19765" s="1" t="s">
        <v>70629</v>
      </c>
      <c r="C19765" s="1" t="s">
        <v>155</v>
      </c>
      <c r="D19765" s="1" t="s">
        <v>70848</v>
      </c>
      <c r="E19765" s="1" t="s">
        <v>70849</v>
      </c>
      <c r="F19765" s="1" t="s">
        <v>70850</v>
      </c>
      <c r="G19765" s="1" t="s">
        <v>70752</v>
      </c>
      <c r="H19765" s="1" t="s">
        <v>47781</v>
      </c>
      <c r="I19765" s="1" t="s">
        <v>70634</v>
      </c>
      <c r="J19765" s="1" t="s">
        <v>70851</v>
      </c>
    </row>
    <row r="19766" spans="1:10" x14ac:dyDescent="0.35">
      <c r="A19766" s="1" t="s">
        <v>70748</v>
      </c>
      <c r="B19766" s="1" t="s">
        <v>70629</v>
      </c>
      <c r="C19766" s="1" t="s">
        <v>160</v>
      </c>
      <c r="D19766" s="1" t="s">
        <v>35221</v>
      </c>
      <c r="E19766" s="1" t="s">
        <v>70852</v>
      </c>
      <c r="F19766" s="1" t="s">
        <v>70853</v>
      </c>
      <c r="G19766" s="1" t="s">
        <v>70752</v>
      </c>
      <c r="H19766" s="1" t="s">
        <v>47781</v>
      </c>
      <c r="I19766" s="1" t="s">
        <v>70634</v>
      </c>
      <c r="J19766" s="1" t="s">
        <v>70854</v>
      </c>
    </row>
    <row r="19767" spans="1:10" x14ac:dyDescent="0.35">
      <c r="A19767" s="1" t="s">
        <v>70748</v>
      </c>
      <c r="B19767" s="1" t="s">
        <v>70629</v>
      </c>
      <c r="C19767" s="1" t="s">
        <v>165</v>
      </c>
      <c r="D19767" s="1" t="s">
        <v>34500</v>
      </c>
      <c r="E19767" s="1" t="s">
        <v>70855</v>
      </c>
      <c r="F19767" s="1" t="s">
        <v>70856</v>
      </c>
      <c r="G19767" s="1" t="s">
        <v>70752</v>
      </c>
      <c r="H19767" s="1" t="s">
        <v>47781</v>
      </c>
      <c r="I19767" s="1" t="s">
        <v>70634</v>
      </c>
      <c r="J19767" s="1" t="s">
        <v>70857</v>
      </c>
    </row>
    <row r="19768" spans="1:10" x14ac:dyDescent="0.35">
      <c r="A19768" s="1" t="s">
        <v>70748</v>
      </c>
      <c r="B19768" s="1" t="s">
        <v>70629</v>
      </c>
      <c r="C19768" s="1" t="s">
        <v>170</v>
      </c>
      <c r="D19768" s="1" t="s">
        <v>70858</v>
      </c>
      <c r="E19768" s="1" t="s">
        <v>70859</v>
      </c>
      <c r="F19768" s="1" t="s">
        <v>70860</v>
      </c>
      <c r="G19768" s="1" t="s">
        <v>70752</v>
      </c>
      <c r="H19768" s="1" t="s">
        <v>47781</v>
      </c>
      <c r="I19768" s="1" t="s">
        <v>70634</v>
      </c>
      <c r="J19768" s="1" t="s">
        <v>70861</v>
      </c>
    </row>
    <row r="19769" spans="1:10" x14ac:dyDescent="0.35">
      <c r="A19769" s="1" t="s">
        <v>2183</v>
      </c>
      <c r="B19769" s="1" t="s">
        <v>70629</v>
      </c>
      <c r="C19769" s="1" t="s">
        <v>8</v>
      </c>
      <c r="D19769" s="1" t="s">
        <v>70862</v>
      </c>
      <c r="E19769" s="1" t="s">
        <v>16006</v>
      </c>
      <c r="F19769" s="1" t="s">
        <v>66205</v>
      </c>
      <c r="G19769" s="1" t="s">
        <v>70863</v>
      </c>
      <c r="H19769" s="1" t="s">
        <v>70864</v>
      </c>
      <c r="I19769" s="1" t="s">
        <v>70634</v>
      </c>
      <c r="J19769" s="1" t="s">
        <v>13</v>
      </c>
    </row>
    <row r="19770" spans="1:10" x14ac:dyDescent="0.35">
      <c r="A19770" s="1" t="s">
        <v>2183</v>
      </c>
      <c r="B19770" s="1" t="s">
        <v>70629</v>
      </c>
      <c r="C19770" s="1" t="s">
        <v>15</v>
      </c>
      <c r="D19770" s="1" t="s">
        <v>2358</v>
      </c>
      <c r="E19770" s="1" t="s">
        <v>15973</v>
      </c>
      <c r="F19770" s="1" t="s">
        <v>70865</v>
      </c>
      <c r="G19770" s="1" t="s">
        <v>70863</v>
      </c>
      <c r="H19770" s="1" t="s">
        <v>70864</v>
      </c>
      <c r="I19770" s="1" t="s">
        <v>70634</v>
      </c>
      <c r="J19770" s="1" t="s">
        <v>70866</v>
      </c>
    </row>
    <row r="19771" spans="1:10" x14ac:dyDescent="0.35">
      <c r="A19771" s="1" t="s">
        <v>2183</v>
      </c>
      <c r="B19771" s="1" t="s">
        <v>70629</v>
      </c>
      <c r="C19771" s="1" t="s">
        <v>20</v>
      </c>
      <c r="D19771" s="1" t="s">
        <v>70867</v>
      </c>
      <c r="E19771" s="1" t="s">
        <v>70868</v>
      </c>
      <c r="F19771" s="1" t="s">
        <v>12802</v>
      </c>
      <c r="G19771" s="1" t="s">
        <v>70863</v>
      </c>
      <c r="H19771" s="1" t="s">
        <v>70864</v>
      </c>
      <c r="I19771" s="1" t="s">
        <v>70634</v>
      </c>
      <c r="J19771" s="1" t="s">
        <v>70869</v>
      </c>
    </row>
    <row r="19772" spans="1:10" x14ac:dyDescent="0.35">
      <c r="A19772" s="1" t="s">
        <v>2183</v>
      </c>
      <c r="B19772" s="1" t="s">
        <v>70629</v>
      </c>
      <c r="C19772" s="1" t="s">
        <v>25</v>
      </c>
      <c r="D19772" s="1" t="s">
        <v>70870</v>
      </c>
      <c r="E19772" s="1" t="s">
        <v>15695</v>
      </c>
      <c r="F19772" s="1" t="s">
        <v>56836</v>
      </c>
      <c r="G19772" s="1" t="s">
        <v>70863</v>
      </c>
      <c r="H19772" s="1" t="s">
        <v>70864</v>
      </c>
      <c r="I19772" s="1" t="s">
        <v>70634</v>
      </c>
      <c r="J19772" s="1" t="s">
        <v>70871</v>
      </c>
    </row>
    <row r="19773" spans="1:10" x14ac:dyDescent="0.35">
      <c r="A19773" s="1" t="s">
        <v>2183</v>
      </c>
      <c r="B19773" s="1" t="s">
        <v>70629</v>
      </c>
      <c r="C19773" s="1" t="s">
        <v>30</v>
      </c>
      <c r="D19773" s="1" t="s">
        <v>49411</v>
      </c>
      <c r="E19773" s="1" t="s">
        <v>70872</v>
      </c>
      <c r="F19773" s="1" t="s">
        <v>54672</v>
      </c>
      <c r="G19773" s="1" t="s">
        <v>70863</v>
      </c>
      <c r="H19773" s="1" t="s">
        <v>70864</v>
      </c>
      <c r="I19773" s="1" t="s">
        <v>70634</v>
      </c>
      <c r="J19773" s="1" t="s">
        <v>70873</v>
      </c>
    </row>
    <row r="19774" spans="1:10" x14ac:dyDescent="0.35">
      <c r="A19774" s="1" t="s">
        <v>2183</v>
      </c>
      <c r="B19774" s="1" t="s">
        <v>70629</v>
      </c>
      <c r="C19774" s="1" t="s">
        <v>35</v>
      </c>
      <c r="D19774" s="1" t="s">
        <v>70874</v>
      </c>
      <c r="E19774" s="1" t="s">
        <v>70875</v>
      </c>
      <c r="F19774" s="1" t="s">
        <v>60761</v>
      </c>
      <c r="G19774" s="1" t="s">
        <v>70863</v>
      </c>
      <c r="H19774" s="1" t="s">
        <v>70864</v>
      </c>
      <c r="I19774" s="1" t="s">
        <v>70634</v>
      </c>
      <c r="J19774" s="1" t="s">
        <v>70876</v>
      </c>
    </row>
    <row r="19775" spans="1:10" x14ac:dyDescent="0.35">
      <c r="A19775" s="1" t="s">
        <v>2183</v>
      </c>
      <c r="B19775" s="1" t="s">
        <v>70629</v>
      </c>
      <c r="C19775" s="1" t="s">
        <v>40</v>
      </c>
      <c r="D19775" s="1" t="s">
        <v>50166</v>
      </c>
      <c r="E19775" s="1" t="s">
        <v>15955</v>
      </c>
      <c r="F19775" s="1" t="s">
        <v>66538</v>
      </c>
      <c r="G19775" s="1" t="s">
        <v>70863</v>
      </c>
      <c r="H19775" s="1" t="s">
        <v>70864</v>
      </c>
      <c r="I19775" s="1" t="s">
        <v>70634</v>
      </c>
      <c r="J19775" s="1" t="s">
        <v>70877</v>
      </c>
    </row>
    <row r="19776" spans="1:10" x14ac:dyDescent="0.35">
      <c r="A19776" s="1" t="s">
        <v>2183</v>
      </c>
      <c r="B19776" s="1" t="s">
        <v>70629</v>
      </c>
      <c r="C19776" s="1" t="s">
        <v>45</v>
      </c>
      <c r="D19776" s="1" t="s">
        <v>4130</v>
      </c>
      <c r="E19776" s="1" t="s">
        <v>70878</v>
      </c>
      <c r="F19776" s="1" t="s">
        <v>70879</v>
      </c>
      <c r="G19776" s="1" t="s">
        <v>70863</v>
      </c>
      <c r="H19776" s="1" t="s">
        <v>70864</v>
      </c>
      <c r="I19776" s="1" t="s">
        <v>70634</v>
      </c>
      <c r="J19776" s="1" t="s">
        <v>70880</v>
      </c>
    </row>
    <row r="19777" spans="1:10" x14ac:dyDescent="0.35">
      <c r="A19777" s="1" t="s">
        <v>2183</v>
      </c>
      <c r="B19777" s="1" t="s">
        <v>70629</v>
      </c>
      <c r="C19777" s="1" t="s">
        <v>50</v>
      </c>
      <c r="D19777" s="1" t="s">
        <v>15883</v>
      </c>
      <c r="E19777" s="1" t="s">
        <v>70881</v>
      </c>
      <c r="F19777" s="1" t="s">
        <v>70882</v>
      </c>
      <c r="G19777" s="1" t="s">
        <v>70863</v>
      </c>
      <c r="H19777" s="1" t="s">
        <v>70864</v>
      </c>
      <c r="I19777" s="1" t="s">
        <v>70634</v>
      </c>
      <c r="J19777" s="1" t="s">
        <v>70883</v>
      </c>
    </row>
    <row r="19778" spans="1:10" x14ac:dyDescent="0.35">
      <c r="A19778" s="1" t="s">
        <v>2183</v>
      </c>
      <c r="B19778" s="1" t="s">
        <v>70629</v>
      </c>
      <c r="C19778" s="1" t="s">
        <v>55</v>
      </c>
      <c r="D19778" s="1" t="s">
        <v>34919</v>
      </c>
      <c r="E19778" s="1" t="s">
        <v>70884</v>
      </c>
      <c r="F19778" s="1" t="s">
        <v>70885</v>
      </c>
      <c r="G19778" s="1" t="s">
        <v>70863</v>
      </c>
      <c r="H19778" s="1" t="s">
        <v>70864</v>
      </c>
      <c r="I19778" s="1" t="s">
        <v>70634</v>
      </c>
      <c r="J19778" s="1" t="s">
        <v>70886</v>
      </c>
    </row>
    <row r="19779" spans="1:10" x14ac:dyDescent="0.35">
      <c r="A19779" s="1" t="s">
        <v>2183</v>
      </c>
      <c r="B19779" s="1" t="s">
        <v>70629</v>
      </c>
      <c r="C19779" s="1" t="s">
        <v>60</v>
      </c>
      <c r="D19779" s="1" t="s">
        <v>49208</v>
      </c>
      <c r="E19779" s="1" t="s">
        <v>70887</v>
      </c>
      <c r="F19779" s="1" t="s">
        <v>70888</v>
      </c>
      <c r="G19779" s="1" t="s">
        <v>70863</v>
      </c>
      <c r="H19779" s="1" t="s">
        <v>70864</v>
      </c>
      <c r="I19779" s="1" t="s">
        <v>70634</v>
      </c>
      <c r="J19779" s="1" t="s">
        <v>70889</v>
      </c>
    </row>
    <row r="19780" spans="1:10" x14ac:dyDescent="0.35">
      <c r="A19780" s="1" t="s">
        <v>2183</v>
      </c>
      <c r="B19780" s="1" t="s">
        <v>70629</v>
      </c>
      <c r="C19780" s="1" t="s">
        <v>65</v>
      </c>
      <c r="D19780" s="1" t="s">
        <v>70890</v>
      </c>
      <c r="E19780" s="1" t="s">
        <v>31542</v>
      </c>
      <c r="F19780" s="1" t="s">
        <v>70891</v>
      </c>
      <c r="G19780" s="1" t="s">
        <v>70863</v>
      </c>
      <c r="H19780" s="1" t="s">
        <v>70864</v>
      </c>
      <c r="I19780" s="1" t="s">
        <v>70634</v>
      </c>
      <c r="J19780" s="1" t="s">
        <v>70892</v>
      </c>
    </row>
    <row r="19781" spans="1:10" x14ac:dyDescent="0.35">
      <c r="A19781" s="1" t="s">
        <v>2183</v>
      </c>
      <c r="B19781" s="1" t="s">
        <v>70629</v>
      </c>
      <c r="C19781" s="1" t="s">
        <v>70</v>
      </c>
      <c r="D19781" s="1" t="s">
        <v>31960</v>
      </c>
      <c r="E19781" s="1" t="s">
        <v>70893</v>
      </c>
      <c r="F19781" s="1" t="s">
        <v>70894</v>
      </c>
      <c r="G19781" s="1" t="s">
        <v>70863</v>
      </c>
      <c r="H19781" s="1" t="s">
        <v>70864</v>
      </c>
      <c r="I19781" s="1" t="s">
        <v>70634</v>
      </c>
      <c r="J19781" s="1" t="s">
        <v>70895</v>
      </c>
    </row>
    <row r="19782" spans="1:10" x14ac:dyDescent="0.35">
      <c r="A19782" s="1" t="s">
        <v>2183</v>
      </c>
      <c r="B19782" s="1" t="s">
        <v>70629</v>
      </c>
      <c r="C19782" s="1" t="s">
        <v>75</v>
      </c>
      <c r="D19782" s="1" t="s">
        <v>70896</v>
      </c>
      <c r="E19782" s="1" t="s">
        <v>70897</v>
      </c>
      <c r="F19782" s="1" t="s">
        <v>70898</v>
      </c>
      <c r="G19782" s="1" t="s">
        <v>70863</v>
      </c>
      <c r="H19782" s="1" t="s">
        <v>70864</v>
      </c>
      <c r="I19782" s="1" t="s">
        <v>70634</v>
      </c>
      <c r="J19782" s="1" t="s">
        <v>70899</v>
      </c>
    </row>
    <row r="19783" spans="1:10" x14ac:dyDescent="0.35">
      <c r="A19783" s="1" t="s">
        <v>2183</v>
      </c>
      <c r="B19783" s="1" t="s">
        <v>70629</v>
      </c>
      <c r="C19783" s="1" t="s">
        <v>80</v>
      </c>
      <c r="D19783" s="1" t="s">
        <v>49981</v>
      </c>
      <c r="E19783" s="1" t="s">
        <v>70900</v>
      </c>
      <c r="F19783" s="1" t="s">
        <v>70901</v>
      </c>
      <c r="G19783" s="1" t="s">
        <v>70863</v>
      </c>
      <c r="H19783" s="1" t="s">
        <v>70864</v>
      </c>
      <c r="I19783" s="1" t="s">
        <v>70634</v>
      </c>
      <c r="J19783" s="1" t="s">
        <v>70902</v>
      </c>
    </row>
    <row r="19784" spans="1:10" x14ac:dyDescent="0.35">
      <c r="A19784" s="1" t="s">
        <v>2183</v>
      </c>
      <c r="B19784" s="1" t="s">
        <v>70629</v>
      </c>
      <c r="C19784" s="1" t="s">
        <v>85</v>
      </c>
      <c r="D19784" s="1" t="s">
        <v>70903</v>
      </c>
      <c r="E19784" s="1" t="s">
        <v>70904</v>
      </c>
      <c r="F19784" s="1" t="s">
        <v>70905</v>
      </c>
      <c r="G19784" s="1" t="s">
        <v>70863</v>
      </c>
      <c r="H19784" s="1" t="s">
        <v>70864</v>
      </c>
      <c r="I19784" s="1" t="s">
        <v>70634</v>
      </c>
      <c r="J19784" s="1" t="s">
        <v>70906</v>
      </c>
    </row>
    <row r="19785" spans="1:10" x14ac:dyDescent="0.35">
      <c r="A19785" s="1" t="s">
        <v>2183</v>
      </c>
      <c r="B19785" s="1" t="s">
        <v>70629</v>
      </c>
      <c r="C19785" s="1" t="s">
        <v>90</v>
      </c>
      <c r="D19785" s="1" t="s">
        <v>5377</v>
      </c>
      <c r="E19785" s="1" t="s">
        <v>70907</v>
      </c>
      <c r="F19785" s="1" t="s">
        <v>70908</v>
      </c>
      <c r="G19785" s="1" t="s">
        <v>70863</v>
      </c>
      <c r="H19785" s="1" t="s">
        <v>70864</v>
      </c>
      <c r="I19785" s="1" t="s">
        <v>70634</v>
      </c>
      <c r="J19785" s="1" t="s">
        <v>70909</v>
      </c>
    </row>
    <row r="19786" spans="1:10" x14ac:dyDescent="0.35">
      <c r="A19786" s="1" t="s">
        <v>2183</v>
      </c>
      <c r="B19786" s="1" t="s">
        <v>70629</v>
      </c>
      <c r="C19786" s="1" t="s">
        <v>95</v>
      </c>
      <c r="D19786" s="1" t="s">
        <v>32213</v>
      </c>
      <c r="E19786" s="1" t="s">
        <v>70910</v>
      </c>
      <c r="F19786" s="1" t="s">
        <v>31946</v>
      </c>
      <c r="G19786" s="1" t="s">
        <v>70863</v>
      </c>
      <c r="H19786" s="1" t="s">
        <v>70864</v>
      </c>
      <c r="I19786" s="1" t="s">
        <v>70634</v>
      </c>
      <c r="J19786" s="1" t="s">
        <v>70911</v>
      </c>
    </row>
    <row r="19787" spans="1:10" x14ac:dyDescent="0.35">
      <c r="A19787" s="1" t="s">
        <v>2183</v>
      </c>
      <c r="B19787" s="1" t="s">
        <v>70629</v>
      </c>
      <c r="C19787" s="1" t="s">
        <v>100</v>
      </c>
      <c r="D19787" s="1" t="s">
        <v>9673</v>
      </c>
      <c r="E19787" s="1" t="s">
        <v>70912</v>
      </c>
      <c r="F19787" s="1" t="s">
        <v>70913</v>
      </c>
      <c r="G19787" s="1" t="s">
        <v>70863</v>
      </c>
      <c r="H19787" s="1" t="s">
        <v>70864</v>
      </c>
      <c r="I19787" s="1" t="s">
        <v>70634</v>
      </c>
      <c r="J19787" s="1" t="s">
        <v>70914</v>
      </c>
    </row>
    <row r="19788" spans="1:10" x14ac:dyDescent="0.35">
      <c r="A19788" s="1" t="s">
        <v>2183</v>
      </c>
      <c r="B19788" s="1" t="s">
        <v>70629</v>
      </c>
      <c r="C19788" s="1" t="s">
        <v>105</v>
      </c>
      <c r="D19788" s="1" t="s">
        <v>50212</v>
      </c>
      <c r="E19788" s="1" t="s">
        <v>70915</v>
      </c>
      <c r="F19788" s="1" t="s">
        <v>70916</v>
      </c>
      <c r="G19788" s="1" t="s">
        <v>70863</v>
      </c>
      <c r="H19788" s="1" t="s">
        <v>70864</v>
      </c>
      <c r="I19788" s="1" t="s">
        <v>70634</v>
      </c>
      <c r="J19788" s="1" t="s">
        <v>70917</v>
      </c>
    </row>
    <row r="19789" spans="1:10" x14ac:dyDescent="0.35">
      <c r="A19789" s="1" t="s">
        <v>2183</v>
      </c>
      <c r="B19789" s="1" t="s">
        <v>70629</v>
      </c>
      <c r="C19789" s="1" t="s">
        <v>110</v>
      </c>
      <c r="D19789" s="1" t="s">
        <v>70918</v>
      </c>
      <c r="E19789" s="1" t="s">
        <v>15973</v>
      </c>
      <c r="F19789" s="1" t="s">
        <v>70919</v>
      </c>
      <c r="G19789" s="1" t="s">
        <v>70863</v>
      </c>
      <c r="H19789" s="1" t="s">
        <v>70864</v>
      </c>
      <c r="I19789" s="1" t="s">
        <v>70634</v>
      </c>
      <c r="J19789" s="1" t="s">
        <v>70920</v>
      </c>
    </row>
    <row r="19790" spans="1:10" x14ac:dyDescent="0.35">
      <c r="A19790" s="1" t="s">
        <v>2183</v>
      </c>
      <c r="B19790" s="1" t="s">
        <v>70629</v>
      </c>
      <c r="C19790" s="1" t="s">
        <v>115</v>
      </c>
      <c r="D19790" s="1" t="s">
        <v>70921</v>
      </c>
      <c r="E19790" s="1" t="s">
        <v>31571</v>
      </c>
      <c r="F19790" s="1" t="s">
        <v>21110</v>
      </c>
      <c r="G19790" s="1" t="s">
        <v>70863</v>
      </c>
      <c r="H19790" s="1" t="s">
        <v>70864</v>
      </c>
      <c r="I19790" s="1" t="s">
        <v>70634</v>
      </c>
      <c r="J19790" s="1" t="s">
        <v>70922</v>
      </c>
    </row>
    <row r="19791" spans="1:10" x14ac:dyDescent="0.35">
      <c r="A19791" s="1" t="s">
        <v>2183</v>
      </c>
      <c r="B19791" s="1" t="s">
        <v>70629</v>
      </c>
      <c r="C19791" s="1" t="s">
        <v>120</v>
      </c>
      <c r="D19791" s="1" t="s">
        <v>70923</v>
      </c>
      <c r="E19791" s="1" t="s">
        <v>70924</v>
      </c>
      <c r="F19791" s="1" t="s">
        <v>63079</v>
      </c>
      <c r="G19791" s="1" t="s">
        <v>70863</v>
      </c>
      <c r="H19791" s="1" t="s">
        <v>70864</v>
      </c>
      <c r="I19791" s="1" t="s">
        <v>70634</v>
      </c>
      <c r="J19791" s="1" t="s">
        <v>70925</v>
      </c>
    </row>
    <row r="19792" spans="1:10" x14ac:dyDescent="0.35">
      <c r="A19792" s="1" t="s">
        <v>2183</v>
      </c>
      <c r="B19792" s="1" t="s">
        <v>70629</v>
      </c>
      <c r="C19792" s="1" t="s">
        <v>125</v>
      </c>
      <c r="D19792" s="1" t="s">
        <v>47949</v>
      </c>
      <c r="E19792" s="1" t="s">
        <v>15955</v>
      </c>
      <c r="F19792" s="1" t="s">
        <v>70926</v>
      </c>
      <c r="G19792" s="1" t="s">
        <v>70863</v>
      </c>
      <c r="H19792" s="1" t="s">
        <v>70864</v>
      </c>
      <c r="I19792" s="1" t="s">
        <v>70634</v>
      </c>
      <c r="J19792" s="1" t="s">
        <v>70927</v>
      </c>
    </row>
    <row r="19793" spans="1:10" x14ac:dyDescent="0.35">
      <c r="A19793" s="1" t="s">
        <v>2183</v>
      </c>
      <c r="B19793" s="1" t="s">
        <v>70629</v>
      </c>
      <c r="C19793" s="1" t="s">
        <v>130</v>
      </c>
      <c r="D19793" s="1" t="s">
        <v>32064</v>
      </c>
      <c r="E19793" s="1" t="s">
        <v>70928</v>
      </c>
      <c r="F19793" s="1" t="s">
        <v>70929</v>
      </c>
      <c r="G19793" s="1" t="s">
        <v>70863</v>
      </c>
      <c r="H19793" s="1" t="s">
        <v>70864</v>
      </c>
      <c r="I19793" s="1" t="s">
        <v>70634</v>
      </c>
      <c r="J19793" s="1" t="s">
        <v>70930</v>
      </c>
    </row>
    <row r="19794" spans="1:10" x14ac:dyDescent="0.35">
      <c r="A19794" s="1" t="s">
        <v>2183</v>
      </c>
      <c r="B19794" s="1" t="s">
        <v>70629</v>
      </c>
      <c r="C19794" s="1" t="s">
        <v>135</v>
      </c>
      <c r="D19794" s="1" t="s">
        <v>70931</v>
      </c>
      <c r="E19794" s="1" t="s">
        <v>16028</v>
      </c>
      <c r="F19794" s="1" t="s">
        <v>70932</v>
      </c>
      <c r="G19794" s="1" t="s">
        <v>70863</v>
      </c>
      <c r="H19794" s="1" t="s">
        <v>70864</v>
      </c>
      <c r="I19794" s="1" t="s">
        <v>70634</v>
      </c>
      <c r="J19794" s="1" t="s">
        <v>70933</v>
      </c>
    </row>
    <row r="19795" spans="1:10" x14ac:dyDescent="0.35">
      <c r="A19795" s="1" t="s">
        <v>2183</v>
      </c>
      <c r="B19795" s="1" t="s">
        <v>70629</v>
      </c>
      <c r="C19795" s="1" t="s">
        <v>140</v>
      </c>
      <c r="D19795" s="1" t="s">
        <v>70934</v>
      </c>
      <c r="E19795" s="1" t="s">
        <v>70935</v>
      </c>
      <c r="F19795" s="1" t="s">
        <v>70936</v>
      </c>
      <c r="G19795" s="1" t="s">
        <v>70863</v>
      </c>
      <c r="H19795" s="1" t="s">
        <v>70864</v>
      </c>
      <c r="I19795" s="1" t="s">
        <v>70634</v>
      </c>
      <c r="J19795" s="1" t="s">
        <v>70937</v>
      </c>
    </row>
    <row r="19796" spans="1:10" x14ac:dyDescent="0.35">
      <c r="A19796" s="1" t="s">
        <v>2183</v>
      </c>
      <c r="B19796" s="1" t="s">
        <v>70629</v>
      </c>
      <c r="C19796" s="1" t="s">
        <v>145</v>
      </c>
      <c r="D19796" s="1" t="s">
        <v>19544</v>
      </c>
      <c r="E19796" s="1" t="s">
        <v>15959</v>
      </c>
      <c r="F19796" s="1" t="s">
        <v>70938</v>
      </c>
      <c r="G19796" s="1" t="s">
        <v>70863</v>
      </c>
      <c r="H19796" s="1" t="s">
        <v>70864</v>
      </c>
      <c r="I19796" s="1" t="s">
        <v>70634</v>
      </c>
      <c r="J19796" s="1" t="s">
        <v>70939</v>
      </c>
    </row>
    <row r="19797" spans="1:10" x14ac:dyDescent="0.35">
      <c r="A19797" s="1" t="s">
        <v>2183</v>
      </c>
      <c r="B19797" s="1" t="s">
        <v>70629</v>
      </c>
      <c r="C19797" s="1" t="s">
        <v>150</v>
      </c>
      <c r="D19797" s="1" t="s">
        <v>70923</v>
      </c>
      <c r="E19797" s="1" t="s">
        <v>16006</v>
      </c>
      <c r="F19797" s="1" t="s">
        <v>70940</v>
      </c>
      <c r="G19797" s="1" t="s">
        <v>70863</v>
      </c>
      <c r="H19797" s="1" t="s">
        <v>70864</v>
      </c>
      <c r="I19797" s="1" t="s">
        <v>70634</v>
      </c>
      <c r="J19797" s="1" t="s">
        <v>70941</v>
      </c>
    </row>
    <row r="19798" spans="1:10" x14ac:dyDescent="0.35">
      <c r="A19798" s="1" t="s">
        <v>2183</v>
      </c>
      <c r="B19798" s="1" t="s">
        <v>70629</v>
      </c>
      <c r="C19798" s="1" t="s">
        <v>155</v>
      </c>
      <c r="D19798" s="1" t="s">
        <v>70942</v>
      </c>
      <c r="E19798" s="1" t="s">
        <v>70943</v>
      </c>
      <c r="F19798" s="1" t="s">
        <v>70944</v>
      </c>
      <c r="G19798" s="1" t="s">
        <v>70863</v>
      </c>
      <c r="H19798" s="1" t="s">
        <v>70864</v>
      </c>
      <c r="I19798" s="1" t="s">
        <v>70634</v>
      </c>
      <c r="J19798" s="1" t="s">
        <v>70945</v>
      </c>
    </row>
    <row r="19799" spans="1:10" x14ac:dyDescent="0.35">
      <c r="A19799" s="1" t="s">
        <v>2183</v>
      </c>
      <c r="B19799" s="1" t="s">
        <v>70629</v>
      </c>
      <c r="C19799" s="1" t="s">
        <v>160</v>
      </c>
      <c r="D19799" s="1" t="s">
        <v>70946</v>
      </c>
      <c r="E19799" s="1" t="s">
        <v>70915</v>
      </c>
      <c r="F19799" s="1" t="s">
        <v>58451</v>
      </c>
      <c r="G19799" s="1" t="s">
        <v>70863</v>
      </c>
      <c r="H19799" s="1" t="s">
        <v>70864</v>
      </c>
      <c r="I19799" s="1" t="s">
        <v>70634</v>
      </c>
      <c r="J19799" s="1" t="s">
        <v>70947</v>
      </c>
    </row>
    <row r="19800" spans="1:10" x14ac:dyDescent="0.35">
      <c r="A19800" s="1" t="s">
        <v>2183</v>
      </c>
      <c r="B19800" s="1" t="s">
        <v>70629</v>
      </c>
      <c r="C19800" s="1" t="s">
        <v>165</v>
      </c>
      <c r="D19800" s="1" t="s">
        <v>34891</v>
      </c>
      <c r="E19800" s="1" t="s">
        <v>19974</v>
      </c>
      <c r="F19800" s="1" t="s">
        <v>70948</v>
      </c>
      <c r="G19800" s="1" t="s">
        <v>70863</v>
      </c>
      <c r="H19800" s="1" t="s">
        <v>70864</v>
      </c>
      <c r="I19800" s="1" t="s">
        <v>70634</v>
      </c>
      <c r="J19800" s="1" t="s">
        <v>70949</v>
      </c>
    </row>
    <row r="19801" spans="1:10" x14ac:dyDescent="0.35">
      <c r="A19801" s="1" t="s">
        <v>2183</v>
      </c>
      <c r="B19801" s="1" t="s">
        <v>70629</v>
      </c>
      <c r="C19801" s="1" t="s">
        <v>170</v>
      </c>
      <c r="D19801" s="1" t="s">
        <v>37384</v>
      </c>
      <c r="E19801" s="1" t="s">
        <v>70950</v>
      </c>
      <c r="F19801" s="1" t="s">
        <v>70951</v>
      </c>
      <c r="G19801" s="1" t="s">
        <v>70863</v>
      </c>
      <c r="H19801" s="1" t="s">
        <v>70864</v>
      </c>
      <c r="I19801" s="1" t="s">
        <v>70634</v>
      </c>
      <c r="J19801" s="1" t="s">
        <v>70952</v>
      </c>
    </row>
    <row r="19802" spans="1:10" x14ac:dyDescent="0.35">
      <c r="A19802" s="1" t="s">
        <v>9808</v>
      </c>
      <c r="B19802" s="1" t="s">
        <v>70629</v>
      </c>
      <c r="C19802" s="1" t="s">
        <v>8</v>
      </c>
      <c r="D19802" s="1" t="s">
        <v>35790</v>
      </c>
      <c r="E19802" s="1" t="s">
        <v>26592</v>
      </c>
      <c r="F19802" s="1" t="s">
        <v>70953</v>
      </c>
      <c r="G19802" s="1" t="s">
        <v>70954</v>
      </c>
      <c r="H19802" s="1" t="s">
        <v>70955</v>
      </c>
      <c r="I19802" s="1" t="s">
        <v>70634</v>
      </c>
      <c r="J19802" s="1" t="s">
        <v>13</v>
      </c>
    </row>
    <row r="19803" spans="1:10" x14ac:dyDescent="0.35">
      <c r="A19803" s="1" t="s">
        <v>9808</v>
      </c>
      <c r="B19803" s="1" t="s">
        <v>70629</v>
      </c>
      <c r="C19803" s="1" t="s">
        <v>15</v>
      </c>
      <c r="D19803" s="1" t="s">
        <v>70956</v>
      </c>
      <c r="E19803" s="1" t="s">
        <v>15235</v>
      </c>
      <c r="F19803" s="1" t="s">
        <v>70957</v>
      </c>
      <c r="G19803" s="1" t="s">
        <v>70954</v>
      </c>
      <c r="H19803" s="1" t="s">
        <v>70955</v>
      </c>
      <c r="I19803" s="1" t="s">
        <v>70634</v>
      </c>
      <c r="J19803" s="1" t="s">
        <v>70958</v>
      </c>
    </row>
    <row r="19804" spans="1:10" x14ac:dyDescent="0.35">
      <c r="A19804" s="1" t="s">
        <v>9808</v>
      </c>
      <c r="B19804" s="1" t="s">
        <v>70629</v>
      </c>
      <c r="C19804" s="1" t="s">
        <v>20</v>
      </c>
      <c r="D19804" s="1" t="s">
        <v>70959</v>
      </c>
      <c r="E19804" s="1" t="s">
        <v>22247</v>
      </c>
      <c r="F19804" s="1" t="s">
        <v>70960</v>
      </c>
      <c r="G19804" s="1" t="s">
        <v>70954</v>
      </c>
      <c r="H19804" s="1" t="s">
        <v>70955</v>
      </c>
      <c r="I19804" s="1" t="s">
        <v>70634</v>
      </c>
      <c r="J19804" s="1" t="s">
        <v>70961</v>
      </c>
    </row>
    <row r="19805" spans="1:10" x14ac:dyDescent="0.35">
      <c r="A19805" s="1" t="s">
        <v>9808</v>
      </c>
      <c r="B19805" s="1" t="s">
        <v>70629</v>
      </c>
      <c r="C19805" s="1" t="s">
        <v>25</v>
      </c>
      <c r="D19805" s="1" t="s">
        <v>31364</v>
      </c>
      <c r="E19805" s="1" t="s">
        <v>22282</v>
      </c>
      <c r="F19805" s="1" t="s">
        <v>70962</v>
      </c>
      <c r="G19805" s="1" t="s">
        <v>70954</v>
      </c>
      <c r="H19805" s="1" t="s">
        <v>70955</v>
      </c>
      <c r="I19805" s="1" t="s">
        <v>70634</v>
      </c>
      <c r="J19805" s="1" t="s">
        <v>70963</v>
      </c>
    </row>
    <row r="19806" spans="1:10" x14ac:dyDescent="0.35">
      <c r="A19806" s="1" t="s">
        <v>9808</v>
      </c>
      <c r="B19806" s="1" t="s">
        <v>70629</v>
      </c>
      <c r="C19806" s="1" t="s">
        <v>30</v>
      </c>
      <c r="D19806" s="1" t="s">
        <v>51</v>
      </c>
      <c r="E19806" s="1" t="s">
        <v>26556</v>
      </c>
      <c r="F19806" s="1" t="s">
        <v>70964</v>
      </c>
      <c r="G19806" s="1" t="s">
        <v>70954</v>
      </c>
      <c r="H19806" s="1" t="s">
        <v>70955</v>
      </c>
      <c r="I19806" s="1" t="s">
        <v>70634</v>
      </c>
      <c r="J19806" s="1" t="s">
        <v>70965</v>
      </c>
    </row>
    <row r="19807" spans="1:10" x14ac:dyDescent="0.35">
      <c r="A19807" s="1" t="s">
        <v>9808</v>
      </c>
      <c r="B19807" s="1" t="s">
        <v>70629</v>
      </c>
      <c r="C19807" s="1" t="s">
        <v>35</v>
      </c>
      <c r="D19807" s="1" t="s">
        <v>15787</v>
      </c>
      <c r="E19807" s="1" t="s">
        <v>21860</v>
      </c>
      <c r="F19807" s="1" t="s">
        <v>70966</v>
      </c>
      <c r="G19807" s="1" t="s">
        <v>70954</v>
      </c>
      <c r="H19807" s="1" t="s">
        <v>70955</v>
      </c>
      <c r="I19807" s="1" t="s">
        <v>70634</v>
      </c>
      <c r="J19807" s="1" t="s">
        <v>70967</v>
      </c>
    </row>
    <row r="19808" spans="1:10" x14ac:dyDescent="0.35">
      <c r="A19808" s="1" t="s">
        <v>9808</v>
      </c>
      <c r="B19808" s="1" t="s">
        <v>70629</v>
      </c>
      <c r="C19808" s="1" t="s">
        <v>40</v>
      </c>
      <c r="D19808" s="1" t="s">
        <v>3116</v>
      </c>
      <c r="E19808" s="1" t="s">
        <v>15345</v>
      </c>
      <c r="F19808" s="1" t="s">
        <v>64216</v>
      </c>
      <c r="G19808" s="1" t="s">
        <v>70954</v>
      </c>
      <c r="H19808" s="1" t="s">
        <v>70955</v>
      </c>
      <c r="I19808" s="1" t="s">
        <v>70634</v>
      </c>
      <c r="J19808" s="1" t="s">
        <v>70968</v>
      </c>
    </row>
    <row r="19809" spans="1:10" x14ac:dyDescent="0.35">
      <c r="A19809" s="1" t="s">
        <v>9808</v>
      </c>
      <c r="B19809" s="1" t="s">
        <v>70629</v>
      </c>
      <c r="C19809" s="1" t="s">
        <v>45</v>
      </c>
      <c r="D19809" s="1" t="s">
        <v>70969</v>
      </c>
      <c r="E19809" s="1" t="s">
        <v>22345</v>
      </c>
      <c r="F19809" s="1" t="s">
        <v>70970</v>
      </c>
      <c r="G19809" s="1" t="s">
        <v>70954</v>
      </c>
      <c r="H19809" s="1" t="s">
        <v>70955</v>
      </c>
      <c r="I19809" s="1" t="s">
        <v>70634</v>
      </c>
      <c r="J19809" s="1" t="s">
        <v>70971</v>
      </c>
    </row>
    <row r="19810" spans="1:10" x14ac:dyDescent="0.35">
      <c r="A19810" s="1" t="s">
        <v>9808</v>
      </c>
      <c r="B19810" s="1" t="s">
        <v>70629</v>
      </c>
      <c r="C19810" s="1" t="s">
        <v>50</v>
      </c>
      <c r="D19810" s="1" t="s">
        <v>70972</v>
      </c>
      <c r="E19810" s="1" t="s">
        <v>22298</v>
      </c>
      <c r="F19810" s="1" t="s">
        <v>70973</v>
      </c>
      <c r="G19810" s="1" t="s">
        <v>70954</v>
      </c>
      <c r="H19810" s="1" t="s">
        <v>70955</v>
      </c>
      <c r="I19810" s="1" t="s">
        <v>70634</v>
      </c>
      <c r="J19810" s="1" t="s">
        <v>70974</v>
      </c>
    </row>
    <row r="19811" spans="1:10" x14ac:dyDescent="0.35">
      <c r="A19811" s="1" t="s">
        <v>9808</v>
      </c>
      <c r="B19811" s="1" t="s">
        <v>70629</v>
      </c>
      <c r="C19811" s="1" t="s">
        <v>55</v>
      </c>
      <c r="D19811" s="1" t="s">
        <v>70975</v>
      </c>
      <c r="E19811" s="1" t="s">
        <v>15340</v>
      </c>
      <c r="F19811" s="1" t="s">
        <v>23613</v>
      </c>
      <c r="G19811" s="1" t="s">
        <v>70954</v>
      </c>
      <c r="H19811" s="1" t="s">
        <v>70955</v>
      </c>
      <c r="I19811" s="1" t="s">
        <v>70634</v>
      </c>
      <c r="J19811" s="1" t="s">
        <v>70976</v>
      </c>
    </row>
    <row r="19812" spans="1:10" x14ac:dyDescent="0.35">
      <c r="A19812" s="1" t="s">
        <v>9808</v>
      </c>
      <c r="B19812" s="1" t="s">
        <v>70629</v>
      </c>
      <c r="C19812" s="1" t="s">
        <v>60</v>
      </c>
      <c r="D19812" s="1" t="s">
        <v>17171</v>
      </c>
      <c r="E19812" s="1" t="s">
        <v>57082</v>
      </c>
      <c r="F19812" s="1" t="s">
        <v>70977</v>
      </c>
      <c r="G19812" s="1" t="s">
        <v>70954</v>
      </c>
      <c r="H19812" s="1" t="s">
        <v>70955</v>
      </c>
      <c r="I19812" s="1" t="s">
        <v>70634</v>
      </c>
      <c r="J19812" s="1" t="s">
        <v>70978</v>
      </c>
    </row>
    <row r="19813" spans="1:10" x14ac:dyDescent="0.35">
      <c r="A19813" s="1" t="s">
        <v>9808</v>
      </c>
      <c r="B19813" s="1" t="s">
        <v>70629</v>
      </c>
      <c r="C19813" s="1" t="s">
        <v>65</v>
      </c>
      <c r="D19813" s="1" t="s">
        <v>70979</v>
      </c>
      <c r="E19813" s="1" t="s">
        <v>32368</v>
      </c>
      <c r="F19813" s="1" t="s">
        <v>69421</v>
      </c>
      <c r="G19813" s="1" t="s">
        <v>70954</v>
      </c>
      <c r="H19813" s="1" t="s">
        <v>70955</v>
      </c>
      <c r="I19813" s="1" t="s">
        <v>70634</v>
      </c>
      <c r="J19813" s="1" t="s">
        <v>70980</v>
      </c>
    </row>
    <row r="19814" spans="1:10" x14ac:dyDescent="0.35">
      <c r="A19814" s="1" t="s">
        <v>9808</v>
      </c>
      <c r="B19814" s="1" t="s">
        <v>70629</v>
      </c>
      <c r="C19814" s="1" t="s">
        <v>70</v>
      </c>
      <c r="D19814" s="1" t="s">
        <v>70981</v>
      </c>
      <c r="E19814" s="1" t="s">
        <v>31459</v>
      </c>
      <c r="F19814" s="1" t="s">
        <v>70982</v>
      </c>
      <c r="G19814" s="1" t="s">
        <v>70954</v>
      </c>
      <c r="H19814" s="1" t="s">
        <v>70955</v>
      </c>
      <c r="I19814" s="1" t="s">
        <v>70634</v>
      </c>
      <c r="J19814" s="1" t="s">
        <v>70983</v>
      </c>
    </row>
    <row r="19815" spans="1:10" x14ac:dyDescent="0.35">
      <c r="A19815" s="1" t="s">
        <v>9808</v>
      </c>
      <c r="B19815" s="1" t="s">
        <v>70629</v>
      </c>
      <c r="C19815" s="1" t="s">
        <v>75</v>
      </c>
      <c r="D19815" s="1" t="s">
        <v>44195</v>
      </c>
      <c r="E19815" s="1" t="s">
        <v>27137</v>
      </c>
      <c r="F19815" s="1" t="s">
        <v>70984</v>
      </c>
      <c r="G19815" s="1" t="s">
        <v>70954</v>
      </c>
      <c r="H19815" s="1" t="s">
        <v>70955</v>
      </c>
      <c r="I19815" s="1" t="s">
        <v>70634</v>
      </c>
      <c r="J19815" s="1" t="s">
        <v>70985</v>
      </c>
    </row>
    <row r="19816" spans="1:10" x14ac:dyDescent="0.35">
      <c r="A19816" s="1" t="s">
        <v>9808</v>
      </c>
      <c r="B19816" s="1" t="s">
        <v>70629</v>
      </c>
      <c r="C19816" s="1" t="s">
        <v>80</v>
      </c>
      <c r="D19816" s="1" t="s">
        <v>35009</v>
      </c>
      <c r="E19816" s="1" t="s">
        <v>55452</v>
      </c>
      <c r="F19816" s="1" t="s">
        <v>57166</v>
      </c>
      <c r="G19816" s="1" t="s">
        <v>70954</v>
      </c>
      <c r="H19816" s="1" t="s">
        <v>70955</v>
      </c>
      <c r="I19816" s="1" t="s">
        <v>70634</v>
      </c>
      <c r="J19816" s="1" t="s">
        <v>70986</v>
      </c>
    </row>
    <row r="19817" spans="1:10" x14ac:dyDescent="0.35">
      <c r="A19817" s="1" t="s">
        <v>9808</v>
      </c>
      <c r="B19817" s="1" t="s">
        <v>70629</v>
      </c>
      <c r="C19817" s="1" t="s">
        <v>85</v>
      </c>
      <c r="D19817" s="1" t="s">
        <v>70987</v>
      </c>
      <c r="E19817" s="1" t="s">
        <v>69522</v>
      </c>
      <c r="F19817" s="1" t="s">
        <v>70988</v>
      </c>
      <c r="G19817" s="1" t="s">
        <v>70954</v>
      </c>
      <c r="H19817" s="1" t="s">
        <v>70955</v>
      </c>
      <c r="I19817" s="1" t="s">
        <v>70634</v>
      </c>
      <c r="J19817" s="1" t="s">
        <v>70989</v>
      </c>
    </row>
    <row r="19818" spans="1:10" x14ac:dyDescent="0.35">
      <c r="A19818" s="1" t="s">
        <v>9808</v>
      </c>
      <c r="B19818" s="1" t="s">
        <v>70629</v>
      </c>
      <c r="C19818" s="1" t="s">
        <v>90</v>
      </c>
      <c r="D19818" s="1" t="s">
        <v>70990</v>
      </c>
      <c r="E19818" s="1" t="s">
        <v>54168</v>
      </c>
      <c r="F19818" s="1" t="s">
        <v>70991</v>
      </c>
      <c r="G19818" s="1" t="s">
        <v>70954</v>
      </c>
      <c r="H19818" s="1" t="s">
        <v>70955</v>
      </c>
      <c r="I19818" s="1" t="s">
        <v>70634</v>
      </c>
      <c r="J19818" s="1" t="s">
        <v>70992</v>
      </c>
    </row>
    <row r="19819" spans="1:10" x14ac:dyDescent="0.35">
      <c r="A19819" s="1" t="s">
        <v>9808</v>
      </c>
      <c r="B19819" s="1" t="s">
        <v>70629</v>
      </c>
      <c r="C19819" s="1" t="s">
        <v>95</v>
      </c>
      <c r="D19819" s="1" t="s">
        <v>35486</v>
      </c>
      <c r="E19819" s="1" t="s">
        <v>53965</v>
      </c>
      <c r="F19819" s="1" t="s">
        <v>70993</v>
      </c>
      <c r="G19819" s="1" t="s">
        <v>70954</v>
      </c>
      <c r="H19819" s="1" t="s">
        <v>70955</v>
      </c>
      <c r="I19819" s="1" t="s">
        <v>70634</v>
      </c>
      <c r="J19819" s="1" t="s">
        <v>70994</v>
      </c>
    </row>
    <row r="19820" spans="1:10" x14ac:dyDescent="0.35">
      <c r="A19820" s="1" t="s">
        <v>9808</v>
      </c>
      <c r="B19820" s="1" t="s">
        <v>70629</v>
      </c>
      <c r="C19820" s="1" t="s">
        <v>100</v>
      </c>
      <c r="D19820" s="1" t="s">
        <v>70995</v>
      </c>
      <c r="E19820" s="1" t="s">
        <v>41148</v>
      </c>
      <c r="F19820" s="1" t="s">
        <v>70996</v>
      </c>
      <c r="G19820" s="1" t="s">
        <v>70954</v>
      </c>
      <c r="H19820" s="1" t="s">
        <v>70955</v>
      </c>
      <c r="I19820" s="1" t="s">
        <v>70634</v>
      </c>
      <c r="J19820" s="1" t="s">
        <v>70997</v>
      </c>
    </row>
    <row r="19821" spans="1:10" x14ac:dyDescent="0.35">
      <c r="A19821" s="1" t="s">
        <v>9808</v>
      </c>
      <c r="B19821" s="1" t="s">
        <v>70629</v>
      </c>
      <c r="C19821" s="1" t="s">
        <v>105</v>
      </c>
      <c r="D19821" s="1" t="s">
        <v>70998</v>
      </c>
      <c r="E19821" s="1" t="s">
        <v>22274</v>
      </c>
      <c r="F19821" s="1" t="s">
        <v>70999</v>
      </c>
      <c r="G19821" s="1" t="s">
        <v>70954</v>
      </c>
      <c r="H19821" s="1" t="s">
        <v>70955</v>
      </c>
      <c r="I19821" s="1" t="s">
        <v>70634</v>
      </c>
      <c r="J19821" s="1" t="s">
        <v>71000</v>
      </c>
    </row>
    <row r="19822" spans="1:10" x14ac:dyDescent="0.35">
      <c r="A19822" s="1" t="s">
        <v>9808</v>
      </c>
      <c r="B19822" s="1" t="s">
        <v>70629</v>
      </c>
      <c r="C19822" s="1" t="s">
        <v>110</v>
      </c>
      <c r="D19822" s="1" t="s">
        <v>7135</v>
      </c>
      <c r="E19822" s="1" t="s">
        <v>12883</v>
      </c>
      <c r="F19822" s="1" t="s">
        <v>71001</v>
      </c>
      <c r="G19822" s="1" t="s">
        <v>70954</v>
      </c>
      <c r="H19822" s="1" t="s">
        <v>70955</v>
      </c>
      <c r="I19822" s="1" t="s">
        <v>70634</v>
      </c>
      <c r="J19822" s="1" t="s">
        <v>71002</v>
      </c>
    </row>
    <row r="19823" spans="1:10" x14ac:dyDescent="0.35">
      <c r="A19823" s="1" t="s">
        <v>9808</v>
      </c>
      <c r="B19823" s="1" t="s">
        <v>70629</v>
      </c>
      <c r="C19823" s="1" t="s">
        <v>115</v>
      </c>
      <c r="D19823" s="1" t="s">
        <v>36077</v>
      </c>
      <c r="E19823" s="1" t="s">
        <v>26239</v>
      </c>
      <c r="F19823" s="1" t="s">
        <v>71003</v>
      </c>
      <c r="G19823" s="1" t="s">
        <v>70954</v>
      </c>
      <c r="H19823" s="1" t="s">
        <v>70955</v>
      </c>
      <c r="I19823" s="1" t="s">
        <v>70634</v>
      </c>
      <c r="J19823" s="1" t="s">
        <v>71004</v>
      </c>
    </row>
    <row r="19824" spans="1:10" x14ac:dyDescent="0.35">
      <c r="A19824" s="1" t="s">
        <v>9808</v>
      </c>
      <c r="B19824" s="1" t="s">
        <v>70629</v>
      </c>
      <c r="C19824" s="1" t="s">
        <v>120</v>
      </c>
      <c r="D19824" s="1" t="s">
        <v>71005</v>
      </c>
      <c r="E19824" s="1" t="s">
        <v>31449</v>
      </c>
      <c r="F19824" s="1" t="s">
        <v>71006</v>
      </c>
      <c r="G19824" s="1" t="s">
        <v>70954</v>
      </c>
      <c r="H19824" s="1" t="s">
        <v>70955</v>
      </c>
      <c r="I19824" s="1" t="s">
        <v>70634</v>
      </c>
      <c r="J19824" s="1" t="s">
        <v>71007</v>
      </c>
    </row>
    <row r="19825" spans="1:10" x14ac:dyDescent="0.35">
      <c r="A19825" s="1" t="s">
        <v>9808</v>
      </c>
      <c r="B19825" s="1" t="s">
        <v>70629</v>
      </c>
      <c r="C19825" s="1" t="s">
        <v>125</v>
      </c>
      <c r="D19825" s="1" t="s">
        <v>38171</v>
      </c>
      <c r="E19825" s="1" t="s">
        <v>15841</v>
      </c>
      <c r="F19825" s="1" t="s">
        <v>27426</v>
      </c>
      <c r="G19825" s="1" t="s">
        <v>70954</v>
      </c>
      <c r="H19825" s="1" t="s">
        <v>70955</v>
      </c>
      <c r="I19825" s="1" t="s">
        <v>70634</v>
      </c>
      <c r="J19825" s="1" t="s">
        <v>71008</v>
      </c>
    </row>
    <row r="19826" spans="1:10" x14ac:dyDescent="0.35">
      <c r="A19826" s="1" t="s">
        <v>9808</v>
      </c>
      <c r="B19826" s="1" t="s">
        <v>70629</v>
      </c>
      <c r="C19826" s="1" t="s">
        <v>130</v>
      </c>
      <c r="D19826" s="1" t="s">
        <v>32930</v>
      </c>
      <c r="E19826" s="1" t="s">
        <v>15388</v>
      </c>
      <c r="F19826" s="1" t="s">
        <v>71009</v>
      </c>
      <c r="G19826" s="1" t="s">
        <v>70954</v>
      </c>
      <c r="H19826" s="1" t="s">
        <v>70955</v>
      </c>
      <c r="I19826" s="1" t="s">
        <v>70634</v>
      </c>
      <c r="J19826" s="1" t="s">
        <v>71010</v>
      </c>
    </row>
    <row r="19827" spans="1:10" x14ac:dyDescent="0.35">
      <c r="A19827" s="1" t="s">
        <v>9808</v>
      </c>
      <c r="B19827" s="1" t="s">
        <v>70629</v>
      </c>
      <c r="C19827" s="1" t="s">
        <v>135</v>
      </c>
      <c r="D19827" s="1" t="s">
        <v>31124</v>
      </c>
      <c r="E19827" s="1" t="s">
        <v>69006</v>
      </c>
      <c r="F19827" s="1" t="s">
        <v>71011</v>
      </c>
      <c r="G19827" s="1" t="s">
        <v>70954</v>
      </c>
      <c r="H19827" s="1" t="s">
        <v>70955</v>
      </c>
      <c r="I19827" s="1" t="s">
        <v>70634</v>
      </c>
      <c r="J19827" s="1" t="s">
        <v>71012</v>
      </c>
    </row>
    <row r="19828" spans="1:10" x14ac:dyDescent="0.35">
      <c r="A19828" s="1" t="s">
        <v>9808</v>
      </c>
      <c r="B19828" s="1" t="s">
        <v>70629</v>
      </c>
      <c r="C19828" s="1" t="s">
        <v>140</v>
      </c>
      <c r="D19828" s="1" t="s">
        <v>71013</v>
      </c>
      <c r="E19828" s="1" t="s">
        <v>32919</v>
      </c>
      <c r="F19828" s="1" t="s">
        <v>71014</v>
      </c>
      <c r="G19828" s="1" t="s">
        <v>70954</v>
      </c>
      <c r="H19828" s="1" t="s">
        <v>70955</v>
      </c>
      <c r="I19828" s="1" t="s">
        <v>70634</v>
      </c>
      <c r="J19828" s="1" t="s">
        <v>71015</v>
      </c>
    </row>
    <row r="19829" spans="1:10" x14ac:dyDescent="0.35">
      <c r="A19829" s="1" t="s">
        <v>9808</v>
      </c>
      <c r="B19829" s="1" t="s">
        <v>70629</v>
      </c>
      <c r="C19829" s="1" t="s">
        <v>145</v>
      </c>
      <c r="D19829" s="1" t="s">
        <v>71016</v>
      </c>
      <c r="E19829" s="1" t="s">
        <v>59636</v>
      </c>
      <c r="F19829" s="1" t="s">
        <v>71017</v>
      </c>
      <c r="G19829" s="1" t="s">
        <v>70954</v>
      </c>
      <c r="H19829" s="1" t="s">
        <v>70955</v>
      </c>
      <c r="I19829" s="1" t="s">
        <v>70634</v>
      </c>
      <c r="J19829" s="1" t="s">
        <v>71018</v>
      </c>
    </row>
    <row r="19830" spans="1:10" x14ac:dyDescent="0.35">
      <c r="A19830" s="1" t="s">
        <v>9808</v>
      </c>
      <c r="B19830" s="1" t="s">
        <v>70629</v>
      </c>
      <c r="C19830" s="1" t="s">
        <v>150</v>
      </c>
      <c r="D19830" s="1" t="s">
        <v>71019</v>
      </c>
      <c r="E19830" s="1" t="s">
        <v>15595</v>
      </c>
      <c r="F19830" s="1" t="s">
        <v>71020</v>
      </c>
      <c r="G19830" s="1" t="s">
        <v>70954</v>
      </c>
      <c r="H19830" s="1" t="s">
        <v>70955</v>
      </c>
      <c r="I19830" s="1" t="s">
        <v>70634</v>
      </c>
      <c r="J19830" s="1" t="s">
        <v>71021</v>
      </c>
    </row>
    <row r="19831" spans="1:10" x14ac:dyDescent="0.35">
      <c r="A19831" s="1" t="s">
        <v>9808</v>
      </c>
      <c r="B19831" s="1" t="s">
        <v>70629</v>
      </c>
      <c r="C19831" s="1" t="s">
        <v>155</v>
      </c>
      <c r="D19831" s="1" t="s">
        <v>33787</v>
      </c>
      <c r="E19831" s="1" t="s">
        <v>57128</v>
      </c>
      <c r="F19831" s="1" t="s">
        <v>71022</v>
      </c>
      <c r="G19831" s="1" t="s">
        <v>70954</v>
      </c>
      <c r="H19831" s="1" t="s">
        <v>70955</v>
      </c>
      <c r="I19831" s="1" t="s">
        <v>70634</v>
      </c>
      <c r="J19831" s="1" t="s">
        <v>71023</v>
      </c>
    </row>
    <row r="19832" spans="1:10" x14ac:dyDescent="0.35">
      <c r="A19832" s="1" t="s">
        <v>9808</v>
      </c>
      <c r="B19832" s="1" t="s">
        <v>70629</v>
      </c>
      <c r="C19832" s="1" t="s">
        <v>160</v>
      </c>
      <c r="D19832" s="1" t="s">
        <v>71024</v>
      </c>
      <c r="E19832" s="1" t="s">
        <v>23240</v>
      </c>
      <c r="F19832" s="1" t="s">
        <v>71025</v>
      </c>
      <c r="G19832" s="1" t="s">
        <v>70954</v>
      </c>
      <c r="H19832" s="1" t="s">
        <v>70955</v>
      </c>
      <c r="I19832" s="1" t="s">
        <v>70634</v>
      </c>
      <c r="J19832" s="1" t="s">
        <v>71026</v>
      </c>
    </row>
    <row r="19833" spans="1:10" x14ac:dyDescent="0.35">
      <c r="A19833" s="1" t="s">
        <v>9808</v>
      </c>
      <c r="B19833" s="1" t="s">
        <v>70629</v>
      </c>
      <c r="C19833" s="1" t="s">
        <v>165</v>
      </c>
      <c r="D19833" s="1" t="s">
        <v>46368</v>
      </c>
      <c r="E19833" s="1" t="s">
        <v>57609</v>
      </c>
      <c r="F19833" s="1" t="s">
        <v>71027</v>
      </c>
      <c r="G19833" s="1" t="s">
        <v>70954</v>
      </c>
      <c r="H19833" s="1" t="s">
        <v>70955</v>
      </c>
      <c r="I19833" s="1" t="s">
        <v>70634</v>
      </c>
      <c r="J19833" s="1" t="s">
        <v>71028</v>
      </c>
    </row>
    <row r="19834" spans="1:10" x14ac:dyDescent="0.35">
      <c r="A19834" s="1" t="s">
        <v>9808</v>
      </c>
      <c r="B19834" s="1" t="s">
        <v>70629</v>
      </c>
      <c r="C19834" s="1" t="s">
        <v>170</v>
      </c>
      <c r="D19834" s="1" t="s">
        <v>34923</v>
      </c>
      <c r="E19834" s="1" t="s">
        <v>12786</v>
      </c>
      <c r="F19834" s="1" t="s">
        <v>71029</v>
      </c>
      <c r="G19834" s="1" t="s">
        <v>70954</v>
      </c>
      <c r="H19834" s="1" t="s">
        <v>70955</v>
      </c>
      <c r="I19834" s="1" t="s">
        <v>70634</v>
      </c>
      <c r="J19834" s="1" t="s">
        <v>71030</v>
      </c>
    </row>
    <row r="19835" spans="1:10" x14ac:dyDescent="0.35">
      <c r="A19835" s="1" t="s">
        <v>71031</v>
      </c>
      <c r="B19835" s="1" t="s">
        <v>70629</v>
      </c>
      <c r="C19835" s="1" t="s">
        <v>8</v>
      </c>
      <c r="D19835" s="1" t="s">
        <v>71032</v>
      </c>
      <c r="E19835" s="1" t="s">
        <v>71033</v>
      </c>
      <c r="F19835" s="1" t="s">
        <v>71034</v>
      </c>
      <c r="G19835" s="1" t="s">
        <v>71035</v>
      </c>
      <c r="H19835" s="1" t="s">
        <v>71036</v>
      </c>
      <c r="I19835" s="1" t="s">
        <v>70634</v>
      </c>
      <c r="J19835" s="1" t="s">
        <v>13</v>
      </c>
    </row>
    <row r="19836" spans="1:10" x14ac:dyDescent="0.35">
      <c r="A19836" s="1" t="s">
        <v>71031</v>
      </c>
      <c r="B19836" s="1" t="s">
        <v>70629</v>
      </c>
      <c r="C19836" s="1" t="s">
        <v>15</v>
      </c>
      <c r="D19836" s="1" t="s">
        <v>71037</v>
      </c>
      <c r="E19836" s="1" t="s">
        <v>71038</v>
      </c>
      <c r="F19836" s="1" t="s">
        <v>71039</v>
      </c>
      <c r="G19836" s="1" t="s">
        <v>71035</v>
      </c>
      <c r="H19836" s="1" t="s">
        <v>71036</v>
      </c>
      <c r="I19836" s="1" t="s">
        <v>70634</v>
      </c>
      <c r="J19836" s="1" t="s">
        <v>71040</v>
      </c>
    </row>
    <row r="19837" spans="1:10" x14ac:dyDescent="0.35">
      <c r="A19837" s="1" t="s">
        <v>71031</v>
      </c>
      <c r="B19837" s="1" t="s">
        <v>70629</v>
      </c>
      <c r="C19837" s="1" t="s">
        <v>20</v>
      </c>
      <c r="D19837" s="1" t="s">
        <v>71041</v>
      </c>
      <c r="E19837" s="1" t="s">
        <v>71042</v>
      </c>
      <c r="F19837" s="1" t="s">
        <v>71043</v>
      </c>
      <c r="G19837" s="1" t="s">
        <v>71035</v>
      </c>
      <c r="H19837" s="1" t="s">
        <v>71036</v>
      </c>
      <c r="I19837" s="1" t="s">
        <v>70634</v>
      </c>
      <c r="J19837" s="1" t="s">
        <v>71044</v>
      </c>
    </row>
    <row r="19838" spans="1:10" x14ac:dyDescent="0.35">
      <c r="A19838" s="1" t="s">
        <v>71031</v>
      </c>
      <c r="B19838" s="1" t="s">
        <v>70629</v>
      </c>
      <c r="C19838" s="1" t="s">
        <v>25</v>
      </c>
      <c r="D19838" s="1" t="s">
        <v>45650</v>
      </c>
      <c r="E19838" s="1" t="s">
        <v>71045</v>
      </c>
      <c r="F19838" s="1" t="s">
        <v>71046</v>
      </c>
      <c r="G19838" s="1" t="s">
        <v>71035</v>
      </c>
      <c r="H19838" s="1" t="s">
        <v>71036</v>
      </c>
      <c r="I19838" s="1" t="s">
        <v>70634</v>
      </c>
      <c r="J19838" s="1" t="s">
        <v>71047</v>
      </c>
    </row>
    <row r="19839" spans="1:10" x14ac:dyDescent="0.35">
      <c r="A19839" s="1" t="s">
        <v>71031</v>
      </c>
      <c r="B19839" s="1" t="s">
        <v>70629</v>
      </c>
      <c r="C19839" s="1" t="s">
        <v>30</v>
      </c>
      <c r="D19839" s="1" t="s">
        <v>71048</v>
      </c>
      <c r="E19839" s="1" t="s">
        <v>71049</v>
      </c>
      <c r="F19839" s="1" t="s">
        <v>71050</v>
      </c>
      <c r="G19839" s="1" t="s">
        <v>71035</v>
      </c>
      <c r="H19839" s="1" t="s">
        <v>71036</v>
      </c>
      <c r="I19839" s="1" t="s">
        <v>70634</v>
      </c>
      <c r="J19839" s="1" t="s">
        <v>71051</v>
      </c>
    </row>
    <row r="19840" spans="1:10" x14ac:dyDescent="0.35">
      <c r="A19840" s="1" t="s">
        <v>71031</v>
      </c>
      <c r="B19840" s="1" t="s">
        <v>70629</v>
      </c>
      <c r="C19840" s="1" t="s">
        <v>35</v>
      </c>
      <c r="D19840" s="1" t="s">
        <v>50974</v>
      </c>
      <c r="E19840" s="1" t="s">
        <v>71052</v>
      </c>
      <c r="F19840" s="1" t="s">
        <v>71053</v>
      </c>
      <c r="G19840" s="1" t="s">
        <v>71035</v>
      </c>
      <c r="H19840" s="1" t="s">
        <v>71036</v>
      </c>
      <c r="I19840" s="1" t="s">
        <v>70634</v>
      </c>
      <c r="J19840" s="1" t="s">
        <v>71054</v>
      </c>
    </row>
    <row r="19841" spans="1:10" x14ac:dyDescent="0.35">
      <c r="A19841" s="1" t="s">
        <v>71031</v>
      </c>
      <c r="B19841" s="1" t="s">
        <v>70629</v>
      </c>
      <c r="C19841" s="1" t="s">
        <v>40</v>
      </c>
      <c r="D19841" s="1" t="s">
        <v>2647</v>
      </c>
      <c r="E19841" s="1" t="s">
        <v>71055</v>
      </c>
      <c r="F19841" s="1" t="s">
        <v>71056</v>
      </c>
      <c r="G19841" s="1" t="s">
        <v>71035</v>
      </c>
      <c r="H19841" s="1" t="s">
        <v>71036</v>
      </c>
      <c r="I19841" s="1" t="s">
        <v>70634</v>
      </c>
      <c r="J19841" s="1" t="s">
        <v>71057</v>
      </c>
    </row>
    <row r="19842" spans="1:10" x14ac:dyDescent="0.35">
      <c r="A19842" s="1" t="s">
        <v>71031</v>
      </c>
      <c r="B19842" s="1" t="s">
        <v>70629</v>
      </c>
      <c r="C19842" s="1" t="s">
        <v>45</v>
      </c>
      <c r="D19842" s="1" t="s">
        <v>51111</v>
      </c>
      <c r="E19842" s="1" t="s">
        <v>71058</v>
      </c>
      <c r="F19842" s="1" t="s">
        <v>71059</v>
      </c>
      <c r="G19842" s="1" t="s">
        <v>71035</v>
      </c>
      <c r="H19842" s="1" t="s">
        <v>71036</v>
      </c>
      <c r="I19842" s="1" t="s">
        <v>70634</v>
      </c>
      <c r="J19842" s="1" t="s">
        <v>71060</v>
      </c>
    </row>
    <row r="19843" spans="1:10" x14ac:dyDescent="0.35">
      <c r="A19843" s="1" t="s">
        <v>71031</v>
      </c>
      <c r="B19843" s="1" t="s">
        <v>70629</v>
      </c>
      <c r="C19843" s="1" t="s">
        <v>50</v>
      </c>
      <c r="D19843" s="1" t="s">
        <v>71061</v>
      </c>
      <c r="E19843" s="1" t="s">
        <v>71062</v>
      </c>
      <c r="F19843" s="1" t="s">
        <v>71063</v>
      </c>
      <c r="G19843" s="1" t="s">
        <v>71035</v>
      </c>
      <c r="H19843" s="1" t="s">
        <v>71036</v>
      </c>
      <c r="I19843" s="1" t="s">
        <v>70634</v>
      </c>
      <c r="J19843" s="1" t="s">
        <v>71064</v>
      </c>
    </row>
    <row r="19844" spans="1:10" x14ac:dyDescent="0.35">
      <c r="A19844" s="1" t="s">
        <v>71031</v>
      </c>
      <c r="B19844" s="1" t="s">
        <v>70629</v>
      </c>
      <c r="C19844" s="1" t="s">
        <v>55</v>
      </c>
      <c r="D19844" s="1" t="s">
        <v>71065</v>
      </c>
      <c r="E19844" s="1" t="s">
        <v>71066</v>
      </c>
      <c r="F19844" s="1" t="s">
        <v>71067</v>
      </c>
      <c r="G19844" s="1" t="s">
        <v>71035</v>
      </c>
      <c r="H19844" s="1" t="s">
        <v>71036</v>
      </c>
      <c r="I19844" s="1" t="s">
        <v>70634</v>
      </c>
      <c r="J19844" s="1" t="s">
        <v>71068</v>
      </c>
    </row>
    <row r="19845" spans="1:10" x14ac:dyDescent="0.35">
      <c r="A19845" s="1" t="s">
        <v>71031</v>
      </c>
      <c r="B19845" s="1" t="s">
        <v>70629</v>
      </c>
      <c r="C19845" s="1" t="s">
        <v>60</v>
      </c>
      <c r="D19845" s="1" t="s">
        <v>12988</v>
      </c>
      <c r="E19845" s="1" t="s">
        <v>71069</v>
      </c>
      <c r="F19845" s="1" t="s">
        <v>71070</v>
      </c>
      <c r="G19845" s="1" t="s">
        <v>71035</v>
      </c>
      <c r="H19845" s="1" t="s">
        <v>71036</v>
      </c>
      <c r="I19845" s="1" t="s">
        <v>70634</v>
      </c>
      <c r="J19845" s="1" t="s">
        <v>71071</v>
      </c>
    </row>
    <row r="19846" spans="1:10" x14ac:dyDescent="0.35">
      <c r="A19846" s="1" t="s">
        <v>71031</v>
      </c>
      <c r="B19846" s="1" t="s">
        <v>70629</v>
      </c>
      <c r="C19846" s="1" t="s">
        <v>65</v>
      </c>
      <c r="D19846" s="1" t="s">
        <v>10709</v>
      </c>
      <c r="E19846" s="1" t="s">
        <v>71072</v>
      </c>
      <c r="F19846" s="1" t="s">
        <v>71073</v>
      </c>
      <c r="G19846" s="1" t="s">
        <v>71035</v>
      </c>
      <c r="H19846" s="1" t="s">
        <v>71036</v>
      </c>
      <c r="I19846" s="1" t="s">
        <v>70634</v>
      </c>
      <c r="J19846" s="1" t="s">
        <v>71074</v>
      </c>
    </row>
    <row r="19847" spans="1:10" x14ac:dyDescent="0.35">
      <c r="A19847" s="1" t="s">
        <v>71031</v>
      </c>
      <c r="B19847" s="1" t="s">
        <v>70629</v>
      </c>
      <c r="C19847" s="1" t="s">
        <v>70</v>
      </c>
      <c r="D19847" s="1" t="s">
        <v>14232</v>
      </c>
      <c r="E19847" s="1" t="s">
        <v>71075</v>
      </c>
      <c r="F19847" s="1" t="s">
        <v>71076</v>
      </c>
      <c r="G19847" s="1" t="s">
        <v>71035</v>
      </c>
      <c r="H19847" s="1" t="s">
        <v>71036</v>
      </c>
      <c r="I19847" s="1" t="s">
        <v>70634</v>
      </c>
      <c r="J19847" s="1" t="s">
        <v>71077</v>
      </c>
    </row>
    <row r="19848" spans="1:10" x14ac:dyDescent="0.35">
      <c r="A19848" s="1" t="s">
        <v>71031</v>
      </c>
      <c r="B19848" s="1" t="s">
        <v>70629</v>
      </c>
      <c r="C19848" s="1" t="s">
        <v>75</v>
      </c>
      <c r="D19848" s="1" t="s">
        <v>71078</v>
      </c>
      <c r="E19848" s="1" t="s">
        <v>71079</v>
      </c>
      <c r="F19848" s="1" t="s">
        <v>71080</v>
      </c>
      <c r="G19848" s="1" t="s">
        <v>71035</v>
      </c>
      <c r="H19848" s="1" t="s">
        <v>71036</v>
      </c>
      <c r="I19848" s="1" t="s">
        <v>70634</v>
      </c>
      <c r="J19848" s="1" t="s">
        <v>71081</v>
      </c>
    </row>
    <row r="19849" spans="1:10" x14ac:dyDescent="0.35">
      <c r="A19849" s="1" t="s">
        <v>71031</v>
      </c>
      <c r="B19849" s="1" t="s">
        <v>70629</v>
      </c>
      <c r="C19849" s="1" t="s">
        <v>80</v>
      </c>
      <c r="D19849" s="1" t="s">
        <v>35519</v>
      </c>
      <c r="E19849" s="1" t="s">
        <v>71082</v>
      </c>
      <c r="F19849" s="1" t="s">
        <v>71083</v>
      </c>
      <c r="G19849" s="1" t="s">
        <v>71035</v>
      </c>
      <c r="H19849" s="1" t="s">
        <v>71036</v>
      </c>
      <c r="I19849" s="1" t="s">
        <v>70634</v>
      </c>
      <c r="J19849" s="1" t="s">
        <v>71084</v>
      </c>
    </row>
    <row r="19850" spans="1:10" x14ac:dyDescent="0.35">
      <c r="A19850" s="1" t="s">
        <v>71031</v>
      </c>
      <c r="B19850" s="1" t="s">
        <v>70629</v>
      </c>
      <c r="C19850" s="1" t="s">
        <v>85</v>
      </c>
      <c r="D19850" s="1" t="s">
        <v>71085</v>
      </c>
      <c r="E19850" s="1" t="s">
        <v>71086</v>
      </c>
      <c r="F19850" s="1" t="s">
        <v>71087</v>
      </c>
      <c r="G19850" s="1" t="s">
        <v>71035</v>
      </c>
      <c r="H19850" s="1" t="s">
        <v>71036</v>
      </c>
      <c r="I19850" s="1" t="s">
        <v>70634</v>
      </c>
      <c r="J19850" s="1" t="s">
        <v>71088</v>
      </c>
    </row>
    <row r="19851" spans="1:10" x14ac:dyDescent="0.35">
      <c r="A19851" s="1" t="s">
        <v>71031</v>
      </c>
      <c r="B19851" s="1" t="s">
        <v>70629</v>
      </c>
      <c r="C19851" s="1" t="s">
        <v>90</v>
      </c>
      <c r="D19851" s="1" t="s">
        <v>34957</v>
      </c>
      <c r="E19851" s="1" t="s">
        <v>71089</v>
      </c>
      <c r="F19851" s="1" t="s">
        <v>71090</v>
      </c>
      <c r="G19851" s="1" t="s">
        <v>71035</v>
      </c>
      <c r="H19851" s="1" t="s">
        <v>71036</v>
      </c>
      <c r="I19851" s="1" t="s">
        <v>70634</v>
      </c>
      <c r="J19851" s="1" t="s">
        <v>71091</v>
      </c>
    </row>
    <row r="19852" spans="1:10" x14ac:dyDescent="0.35">
      <c r="A19852" s="1" t="s">
        <v>71031</v>
      </c>
      <c r="B19852" s="1" t="s">
        <v>70629</v>
      </c>
      <c r="C19852" s="1" t="s">
        <v>95</v>
      </c>
      <c r="D19852" s="1" t="s">
        <v>71092</v>
      </c>
      <c r="E19852" s="1" t="s">
        <v>71093</v>
      </c>
      <c r="F19852" s="1" t="s">
        <v>71094</v>
      </c>
      <c r="G19852" s="1" t="s">
        <v>71035</v>
      </c>
      <c r="H19852" s="1" t="s">
        <v>71036</v>
      </c>
      <c r="I19852" s="1" t="s">
        <v>70634</v>
      </c>
      <c r="J19852" s="1" t="s">
        <v>71095</v>
      </c>
    </row>
    <row r="19853" spans="1:10" x14ac:dyDescent="0.35">
      <c r="A19853" s="1" t="s">
        <v>71031</v>
      </c>
      <c r="B19853" s="1" t="s">
        <v>70629</v>
      </c>
      <c r="C19853" s="1" t="s">
        <v>100</v>
      </c>
      <c r="D19853" s="1" t="s">
        <v>71096</v>
      </c>
      <c r="E19853" s="1" t="s">
        <v>71097</v>
      </c>
      <c r="F19853" s="1" t="s">
        <v>71098</v>
      </c>
      <c r="G19853" s="1" t="s">
        <v>71035</v>
      </c>
      <c r="H19853" s="1" t="s">
        <v>71036</v>
      </c>
      <c r="I19853" s="1" t="s">
        <v>70634</v>
      </c>
      <c r="J19853" s="1" t="s">
        <v>71099</v>
      </c>
    </row>
    <row r="19854" spans="1:10" x14ac:dyDescent="0.35">
      <c r="A19854" s="1" t="s">
        <v>71031</v>
      </c>
      <c r="B19854" s="1" t="s">
        <v>70629</v>
      </c>
      <c r="C19854" s="1" t="s">
        <v>105</v>
      </c>
      <c r="D19854" s="1" t="s">
        <v>36761</v>
      </c>
      <c r="E19854" s="1" t="s">
        <v>71100</v>
      </c>
      <c r="F19854" s="1" t="s">
        <v>71101</v>
      </c>
      <c r="G19854" s="1" t="s">
        <v>71035</v>
      </c>
      <c r="H19854" s="1" t="s">
        <v>71036</v>
      </c>
      <c r="I19854" s="1" t="s">
        <v>70634</v>
      </c>
      <c r="J19854" s="1" t="s">
        <v>71102</v>
      </c>
    </row>
    <row r="19855" spans="1:10" x14ac:dyDescent="0.35">
      <c r="A19855" s="1" t="s">
        <v>71031</v>
      </c>
      <c r="B19855" s="1" t="s">
        <v>70629</v>
      </c>
      <c r="C19855" s="1" t="s">
        <v>110</v>
      </c>
      <c r="D19855" s="1" t="s">
        <v>71103</v>
      </c>
      <c r="E19855" s="1" t="s">
        <v>71104</v>
      </c>
      <c r="F19855" s="1" t="s">
        <v>71105</v>
      </c>
      <c r="G19855" s="1" t="s">
        <v>71035</v>
      </c>
      <c r="H19855" s="1" t="s">
        <v>71036</v>
      </c>
      <c r="I19855" s="1" t="s">
        <v>70634</v>
      </c>
      <c r="J19855" s="1" t="s">
        <v>71106</v>
      </c>
    </row>
    <row r="19856" spans="1:10" x14ac:dyDescent="0.35">
      <c r="A19856" s="1" t="s">
        <v>71031</v>
      </c>
      <c r="B19856" s="1" t="s">
        <v>70629</v>
      </c>
      <c r="C19856" s="1" t="s">
        <v>115</v>
      </c>
      <c r="D19856" s="1" t="s">
        <v>71107</v>
      </c>
      <c r="E19856" s="1" t="s">
        <v>71108</v>
      </c>
      <c r="F19856" s="1" t="s">
        <v>71109</v>
      </c>
      <c r="G19856" s="1" t="s">
        <v>71035</v>
      </c>
      <c r="H19856" s="1" t="s">
        <v>71036</v>
      </c>
      <c r="I19856" s="1" t="s">
        <v>70634</v>
      </c>
      <c r="J19856" s="1" t="s">
        <v>71110</v>
      </c>
    </row>
    <row r="19857" spans="1:10" x14ac:dyDescent="0.35">
      <c r="A19857" s="1" t="s">
        <v>71031</v>
      </c>
      <c r="B19857" s="1" t="s">
        <v>70629</v>
      </c>
      <c r="C19857" s="1" t="s">
        <v>120</v>
      </c>
      <c r="D19857" s="1" t="s">
        <v>71111</v>
      </c>
      <c r="E19857" s="1" t="s">
        <v>71112</v>
      </c>
      <c r="F19857" s="1" t="s">
        <v>71113</v>
      </c>
      <c r="G19857" s="1" t="s">
        <v>71035</v>
      </c>
      <c r="H19857" s="1" t="s">
        <v>71036</v>
      </c>
      <c r="I19857" s="1" t="s">
        <v>70634</v>
      </c>
      <c r="J19857" s="1" t="s">
        <v>71114</v>
      </c>
    </row>
    <row r="19858" spans="1:10" x14ac:dyDescent="0.35">
      <c r="A19858" s="1" t="s">
        <v>71031</v>
      </c>
      <c r="B19858" s="1" t="s">
        <v>70629</v>
      </c>
      <c r="C19858" s="1" t="s">
        <v>125</v>
      </c>
      <c r="D19858" s="1" t="s">
        <v>71115</v>
      </c>
      <c r="E19858" s="1" t="s">
        <v>71116</v>
      </c>
      <c r="F19858" s="1" t="s">
        <v>71117</v>
      </c>
      <c r="G19858" s="1" t="s">
        <v>71035</v>
      </c>
      <c r="H19858" s="1" t="s">
        <v>71036</v>
      </c>
      <c r="I19858" s="1" t="s">
        <v>70634</v>
      </c>
      <c r="J19858" s="1" t="s">
        <v>71118</v>
      </c>
    </row>
    <row r="19859" spans="1:10" x14ac:dyDescent="0.35">
      <c r="A19859" s="1" t="s">
        <v>71031</v>
      </c>
      <c r="B19859" s="1" t="s">
        <v>70629</v>
      </c>
      <c r="C19859" s="1" t="s">
        <v>130</v>
      </c>
      <c r="D19859" s="1" t="s">
        <v>71119</v>
      </c>
      <c r="E19859" s="1" t="s">
        <v>71120</v>
      </c>
      <c r="F19859" s="1" t="s">
        <v>71121</v>
      </c>
      <c r="G19859" s="1" t="s">
        <v>71035</v>
      </c>
      <c r="H19859" s="1" t="s">
        <v>71036</v>
      </c>
      <c r="I19859" s="1" t="s">
        <v>70634</v>
      </c>
      <c r="J19859" s="1" t="s">
        <v>71122</v>
      </c>
    </row>
    <row r="19860" spans="1:10" x14ac:dyDescent="0.35">
      <c r="A19860" s="1" t="s">
        <v>71031</v>
      </c>
      <c r="B19860" s="1" t="s">
        <v>70629</v>
      </c>
      <c r="C19860" s="1" t="s">
        <v>135</v>
      </c>
      <c r="D19860" s="1" t="s">
        <v>71123</v>
      </c>
      <c r="E19860" s="1" t="s">
        <v>71124</v>
      </c>
      <c r="F19860" s="1" t="s">
        <v>71125</v>
      </c>
      <c r="G19860" s="1" t="s">
        <v>71035</v>
      </c>
      <c r="H19860" s="1" t="s">
        <v>71036</v>
      </c>
      <c r="I19860" s="1" t="s">
        <v>70634</v>
      </c>
      <c r="J19860" s="1" t="s">
        <v>71126</v>
      </c>
    </row>
    <row r="19861" spans="1:10" x14ac:dyDescent="0.35">
      <c r="A19861" s="1" t="s">
        <v>71031</v>
      </c>
      <c r="B19861" s="1" t="s">
        <v>70629</v>
      </c>
      <c r="C19861" s="1" t="s">
        <v>140</v>
      </c>
      <c r="D19861" s="1" t="s">
        <v>35821</v>
      </c>
      <c r="E19861" s="1" t="s">
        <v>71127</v>
      </c>
      <c r="F19861" s="1" t="s">
        <v>71128</v>
      </c>
      <c r="G19861" s="1" t="s">
        <v>71035</v>
      </c>
      <c r="H19861" s="1" t="s">
        <v>71036</v>
      </c>
      <c r="I19861" s="1" t="s">
        <v>70634</v>
      </c>
      <c r="J19861" s="1" t="s">
        <v>71129</v>
      </c>
    </row>
    <row r="19862" spans="1:10" x14ac:dyDescent="0.35">
      <c r="A19862" s="1" t="s">
        <v>71031</v>
      </c>
      <c r="B19862" s="1" t="s">
        <v>70629</v>
      </c>
      <c r="C19862" s="1" t="s">
        <v>145</v>
      </c>
      <c r="D19862" s="1" t="s">
        <v>46749</v>
      </c>
      <c r="E19862" s="1" t="s">
        <v>71130</v>
      </c>
      <c r="F19862" s="1" t="s">
        <v>71131</v>
      </c>
      <c r="G19862" s="1" t="s">
        <v>71035</v>
      </c>
      <c r="H19862" s="1" t="s">
        <v>71036</v>
      </c>
      <c r="I19862" s="1" t="s">
        <v>70634</v>
      </c>
      <c r="J19862" s="1" t="s">
        <v>71132</v>
      </c>
    </row>
    <row r="19863" spans="1:10" x14ac:dyDescent="0.35">
      <c r="A19863" s="1" t="s">
        <v>71031</v>
      </c>
      <c r="B19863" s="1" t="s">
        <v>70629</v>
      </c>
      <c r="C19863" s="1" t="s">
        <v>150</v>
      </c>
      <c r="D19863" s="1" t="s">
        <v>46871</v>
      </c>
      <c r="E19863" s="1" t="s">
        <v>71133</v>
      </c>
      <c r="F19863" s="1" t="s">
        <v>71134</v>
      </c>
      <c r="G19863" s="1" t="s">
        <v>71035</v>
      </c>
      <c r="H19863" s="1" t="s">
        <v>71036</v>
      </c>
      <c r="I19863" s="1" t="s">
        <v>70634</v>
      </c>
      <c r="J19863" s="1" t="s">
        <v>71135</v>
      </c>
    </row>
    <row r="19864" spans="1:10" x14ac:dyDescent="0.35">
      <c r="A19864" s="1" t="s">
        <v>71031</v>
      </c>
      <c r="B19864" s="1" t="s">
        <v>70629</v>
      </c>
      <c r="C19864" s="1" t="s">
        <v>155</v>
      </c>
      <c r="D19864" s="1" t="s">
        <v>35738</v>
      </c>
      <c r="E19864" s="1" t="s">
        <v>71136</v>
      </c>
      <c r="F19864" s="1" t="s">
        <v>71137</v>
      </c>
      <c r="G19864" s="1" t="s">
        <v>71035</v>
      </c>
      <c r="H19864" s="1" t="s">
        <v>71036</v>
      </c>
      <c r="I19864" s="1" t="s">
        <v>70634</v>
      </c>
      <c r="J19864" s="1" t="s">
        <v>71138</v>
      </c>
    </row>
    <row r="19865" spans="1:10" x14ac:dyDescent="0.35">
      <c r="A19865" s="1" t="s">
        <v>71031</v>
      </c>
      <c r="B19865" s="1" t="s">
        <v>70629</v>
      </c>
      <c r="C19865" s="1" t="s">
        <v>160</v>
      </c>
      <c r="D19865" s="1" t="s">
        <v>25297</v>
      </c>
      <c r="E19865" s="1" t="s">
        <v>71139</v>
      </c>
      <c r="F19865" s="1" t="s">
        <v>71140</v>
      </c>
      <c r="G19865" s="1" t="s">
        <v>71035</v>
      </c>
      <c r="H19865" s="1" t="s">
        <v>71036</v>
      </c>
      <c r="I19865" s="1" t="s">
        <v>70634</v>
      </c>
      <c r="J19865" s="1" t="s">
        <v>71141</v>
      </c>
    </row>
    <row r="19866" spans="1:10" x14ac:dyDescent="0.35">
      <c r="A19866" s="1" t="s">
        <v>71031</v>
      </c>
      <c r="B19866" s="1" t="s">
        <v>70629</v>
      </c>
      <c r="C19866" s="1" t="s">
        <v>165</v>
      </c>
      <c r="D19866" s="1" t="s">
        <v>71142</v>
      </c>
      <c r="E19866" s="1" t="s">
        <v>71143</v>
      </c>
      <c r="F19866" s="1" t="s">
        <v>71144</v>
      </c>
      <c r="G19866" s="1" t="s">
        <v>71035</v>
      </c>
      <c r="H19866" s="1" t="s">
        <v>71036</v>
      </c>
      <c r="I19866" s="1" t="s">
        <v>70634</v>
      </c>
      <c r="J19866" s="1" t="s">
        <v>71145</v>
      </c>
    </row>
    <row r="19867" spans="1:10" x14ac:dyDescent="0.35">
      <c r="A19867" s="1" t="s">
        <v>71031</v>
      </c>
      <c r="B19867" s="1" t="s">
        <v>70629</v>
      </c>
      <c r="C19867" s="1" t="s">
        <v>170</v>
      </c>
      <c r="D19867" s="1" t="s">
        <v>71146</v>
      </c>
      <c r="E19867" s="1" t="s">
        <v>71147</v>
      </c>
      <c r="F19867" s="1" t="s">
        <v>71148</v>
      </c>
      <c r="G19867" s="1" t="s">
        <v>71035</v>
      </c>
      <c r="H19867" s="1" t="s">
        <v>71036</v>
      </c>
      <c r="I19867" s="1" t="s">
        <v>70634</v>
      </c>
      <c r="J19867" s="1" t="s">
        <v>71149</v>
      </c>
    </row>
    <row r="19868" spans="1:10" x14ac:dyDescent="0.35">
      <c r="A19868" s="1" t="s">
        <v>71150</v>
      </c>
      <c r="B19868" s="1" t="s">
        <v>70629</v>
      </c>
      <c r="C19868" s="1" t="s">
        <v>8</v>
      </c>
      <c r="D19868" s="1" t="s">
        <v>48294</v>
      </c>
      <c r="E19868" s="1" t="s">
        <v>30597</v>
      </c>
      <c r="F19868" s="1" t="s">
        <v>21957</v>
      </c>
      <c r="G19868" s="1" t="s">
        <v>71151</v>
      </c>
      <c r="H19868" s="1" t="s">
        <v>71152</v>
      </c>
      <c r="I19868" s="1" t="s">
        <v>70634</v>
      </c>
      <c r="J19868" s="1" t="s">
        <v>13</v>
      </c>
    </row>
    <row r="19869" spans="1:10" x14ac:dyDescent="0.35">
      <c r="A19869" s="1" t="s">
        <v>71150</v>
      </c>
      <c r="B19869" s="1" t="s">
        <v>70629</v>
      </c>
      <c r="C19869" s="1" t="s">
        <v>15</v>
      </c>
      <c r="D19869" s="1" t="s">
        <v>51119</v>
      </c>
      <c r="E19869" s="1" t="s">
        <v>26660</v>
      </c>
      <c r="F19869" s="1" t="s">
        <v>71153</v>
      </c>
      <c r="G19869" s="1" t="s">
        <v>71151</v>
      </c>
      <c r="H19869" s="1" t="s">
        <v>71152</v>
      </c>
      <c r="I19869" s="1" t="s">
        <v>70634</v>
      </c>
      <c r="J19869" s="1" t="s">
        <v>71154</v>
      </c>
    </row>
    <row r="19870" spans="1:10" x14ac:dyDescent="0.35">
      <c r="A19870" s="1" t="s">
        <v>71150</v>
      </c>
      <c r="B19870" s="1" t="s">
        <v>70629</v>
      </c>
      <c r="C19870" s="1" t="s">
        <v>20</v>
      </c>
      <c r="D19870" s="1" t="s">
        <v>71155</v>
      </c>
      <c r="E19870" s="1" t="s">
        <v>71156</v>
      </c>
      <c r="F19870" s="1" t="s">
        <v>71157</v>
      </c>
      <c r="G19870" s="1" t="s">
        <v>71151</v>
      </c>
      <c r="H19870" s="1" t="s">
        <v>71152</v>
      </c>
      <c r="I19870" s="1" t="s">
        <v>70634</v>
      </c>
      <c r="J19870" s="1" t="s">
        <v>71158</v>
      </c>
    </row>
    <row r="19871" spans="1:10" x14ac:dyDescent="0.35">
      <c r="A19871" s="1" t="s">
        <v>71150</v>
      </c>
      <c r="B19871" s="1" t="s">
        <v>70629</v>
      </c>
      <c r="C19871" s="1" t="s">
        <v>25</v>
      </c>
      <c r="D19871" s="1" t="s">
        <v>71159</v>
      </c>
      <c r="E19871" s="1" t="s">
        <v>71160</v>
      </c>
      <c r="F19871" s="1" t="s">
        <v>71161</v>
      </c>
      <c r="G19871" s="1" t="s">
        <v>71151</v>
      </c>
      <c r="H19871" s="1" t="s">
        <v>71152</v>
      </c>
      <c r="I19871" s="1" t="s">
        <v>70634</v>
      </c>
      <c r="J19871" s="1" t="s">
        <v>71162</v>
      </c>
    </row>
    <row r="19872" spans="1:10" x14ac:dyDescent="0.35">
      <c r="A19872" s="1" t="s">
        <v>71150</v>
      </c>
      <c r="B19872" s="1" t="s">
        <v>70629</v>
      </c>
      <c r="C19872" s="1" t="s">
        <v>30</v>
      </c>
      <c r="D19872" s="1" t="s">
        <v>4122</v>
      </c>
      <c r="E19872" s="1" t="s">
        <v>31976</v>
      </c>
      <c r="F19872" s="1" t="s">
        <v>71163</v>
      </c>
      <c r="G19872" s="1" t="s">
        <v>71151</v>
      </c>
      <c r="H19872" s="1" t="s">
        <v>71152</v>
      </c>
      <c r="I19872" s="1" t="s">
        <v>70634</v>
      </c>
      <c r="J19872" s="1" t="s">
        <v>71164</v>
      </c>
    </row>
    <row r="19873" spans="1:10" x14ac:dyDescent="0.35">
      <c r="A19873" s="1" t="s">
        <v>71150</v>
      </c>
      <c r="B19873" s="1" t="s">
        <v>70629</v>
      </c>
      <c r="C19873" s="1" t="s">
        <v>35</v>
      </c>
      <c r="D19873" s="1" t="s">
        <v>34470</v>
      </c>
      <c r="E19873" s="1" t="s">
        <v>26535</v>
      </c>
      <c r="F19873" s="1" t="s">
        <v>59054</v>
      </c>
      <c r="G19873" s="1" t="s">
        <v>71151</v>
      </c>
      <c r="H19873" s="1" t="s">
        <v>71152</v>
      </c>
      <c r="I19873" s="1" t="s">
        <v>70634</v>
      </c>
      <c r="J19873" s="1" t="s">
        <v>71165</v>
      </c>
    </row>
    <row r="19874" spans="1:10" x14ac:dyDescent="0.35">
      <c r="A19874" s="1" t="s">
        <v>71150</v>
      </c>
      <c r="B19874" s="1" t="s">
        <v>70629</v>
      </c>
      <c r="C19874" s="1" t="s">
        <v>40</v>
      </c>
      <c r="D19874" s="1" t="s">
        <v>71166</v>
      </c>
      <c r="E19874" s="1" t="s">
        <v>15403</v>
      </c>
      <c r="F19874" s="1" t="s">
        <v>71167</v>
      </c>
      <c r="G19874" s="1" t="s">
        <v>71151</v>
      </c>
      <c r="H19874" s="1" t="s">
        <v>71152</v>
      </c>
      <c r="I19874" s="1" t="s">
        <v>70634</v>
      </c>
      <c r="J19874" s="1" t="s">
        <v>71168</v>
      </c>
    </row>
    <row r="19875" spans="1:10" x14ac:dyDescent="0.35">
      <c r="A19875" s="1" t="s">
        <v>71150</v>
      </c>
      <c r="B19875" s="1" t="s">
        <v>70629</v>
      </c>
      <c r="C19875" s="1" t="s">
        <v>45</v>
      </c>
      <c r="D19875" s="1" t="s">
        <v>71169</v>
      </c>
      <c r="E19875" s="1" t="s">
        <v>31556</v>
      </c>
      <c r="F19875" s="1" t="s">
        <v>71170</v>
      </c>
      <c r="G19875" s="1" t="s">
        <v>71151</v>
      </c>
      <c r="H19875" s="1" t="s">
        <v>71152</v>
      </c>
      <c r="I19875" s="1" t="s">
        <v>70634</v>
      </c>
      <c r="J19875" s="1" t="s">
        <v>71171</v>
      </c>
    </row>
    <row r="19876" spans="1:10" x14ac:dyDescent="0.35">
      <c r="A19876" s="1" t="s">
        <v>71150</v>
      </c>
      <c r="B19876" s="1" t="s">
        <v>70629</v>
      </c>
      <c r="C19876" s="1" t="s">
        <v>50</v>
      </c>
      <c r="D19876" s="1" t="s">
        <v>48168</v>
      </c>
      <c r="E19876" s="1" t="s">
        <v>71172</v>
      </c>
      <c r="F19876" s="1" t="s">
        <v>71173</v>
      </c>
      <c r="G19876" s="1" t="s">
        <v>71151</v>
      </c>
      <c r="H19876" s="1" t="s">
        <v>71152</v>
      </c>
      <c r="I19876" s="1" t="s">
        <v>70634</v>
      </c>
      <c r="J19876" s="1" t="s">
        <v>71174</v>
      </c>
    </row>
    <row r="19877" spans="1:10" x14ac:dyDescent="0.35">
      <c r="A19877" s="1" t="s">
        <v>71150</v>
      </c>
      <c r="B19877" s="1" t="s">
        <v>70629</v>
      </c>
      <c r="C19877" s="1" t="s">
        <v>55</v>
      </c>
      <c r="D19877" s="1" t="s">
        <v>1456</v>
      </c>
      <c r="E19877" s="1" t="s">
        <v>65430</v>
      </c>
      <c r="F19877" s="1" t="s">
        <v>71175</v>
      </c>
      <c r="G19877" s="1" t="s">
        <v>71151</v>
      </c>
      <c r="H19877" s="1" t="s">
        <v>71152</v>
      </c>
      <c r="I19877" s="1" t="s">
        <v>70634</v>
      </c>
      <c r="J19877" s="1" t="s">
        <v>71176</v>
      </c>
    </row>
    <row r="19878" spans="1:10" x14ac:dyDescent="0.35">
      <c r="A19878" s="1" t="s">
        <v>71150</v>
      </c>
      <c r="B19878" s="1" t="s">
        <v>70629</v>
      </c>
      <c r="C19878" s="1" t="s">
        <v>60</v>
      </c>
      <c r="D19878" s="1" t="s">
        <v>71177</v>
      </c>
      <c r="E19878" s="1" t="s">
        <v>31761</v>
      </c>
      <c r="F19878" s="1" t="s">
        <v>71178</v>
      </c>
      <c r="G19878" s="1" t="s">
        <v>71151</v>
      </c>
      <c r="H19878" s="1" t="s">
        <v>71152</v>
      </c>
      <c r="I19878" s="1" t="s">
        <v>70634</v>
      </c>
      <c r="J19878" s="1" t="s">
        <v>71179</v>
      </c>
    </row>
    <row r="19879" spans="1:10" x14ac:dyDescent="0.35">
      <c r="A19879" s="1" t="s">
        <v>71150</v>
      </c>
      <c r="B19879" s="1" t="s">
        <v>70629</v>
      </c>
      <c r="C19879" s="1" t="s">
        <v>65</v>
      </c>
      <c r="D19879" s="1" t="s">
        <v>15617</v>
      </c>
      <c r="E19879" s="1" t="s">
        <v>67157</v>
      </c>
      <c r="F19879" s="1" t="s">
        <v>19953</v>
      </c>
      <c r="G19879" s="1" t="s">
        <v>71151</v>
      </c>
      <c r="H19879" s="1" t="s">
        <v>71152</v>
      </c>
      <c r="I19879" s="1" t="s">
        <v>70634</v>
      </c>
      <c r="J19879" s="1" t="s">
        <v>71180</v>
      </c>
    </row>
    <row r="19880" spans="1:10" x14ac:dyDescent="0.35">
      <c r="A19880" s="1" t="s">
        <v>71150</v>
      </c>
      <c r="B19880" s="1" t="s">
        <v>70629</v>
      </c>
      <c r="C19880" s="1" t="s">
        <v>70</v>
      </c>
      <c r="D19880" s="1" t="s">
        <v>71181</v>
      </c>
      <c r="E19880" s="1" t="s">
        <v>71182</v>
      </c>
      <c r="F19880" s="1" t="s">
        <v>71183</v>
      </c>
      <c r="G19880" s="1" t="s">
        <v>71151</v>
      </c>
      <c r="H19880" s="1" t="s">
        <v>71152</v>
      </c>
      <c r="I19880" s="1" t="s">
        <v>70634</v>
      </c>
      <c r="J19880" s="1" t="s">
        <v>71184</v>
      </c>
    </row>
    <row r="19881" spans="1:10" x14ac:dyDescent="0.35">
      <c r="A19881" s="1" t="s">
        <v>71150</v>
      </c>
      <c r="B19881" s="1" t="s">
        <v>70629</v>
      </c>
      <c r="C19881" s="1" t="s">
        <v>75</v>
      </c>
      <c r="D19881" s="1" t="s">
        <v>71185</v>
      </c>
      <c r="E19881" s="1" t="s">
        <v>31721</v>
      </c>
      <c r="F19881" s="1" t="s">
        <v>71186</v>
      </c>
      <c r="G19881" s="1" t="s">
        <v>71151</v>
      </c>
      <c r="H19881" s="1" t="s">
        <v>71152</v>
      </c>
      <c r="I19881" s="1" t="s">
        <v>70634</v>
      </c>
      <c r="J19881" s="1" t="s">
        <v>71187</v>
      </c>
    </row>
    <row r="19882" spans="1:10" x14ac:dyDescent="0.35">
      <c r="A19882" s="1" t="s">
        <v>71150</v>
      </c>
      <c r="B19882" s="1" t="s">
        <v>70629</v>
      </c>
      <c r="C19882" s="1" t="s">
        <v>80</v>
      </c>
      <c r="D19882" s="1" t="s">
        <v>50849</v>
      </c>
      <c r="E19882" s="1" t="s">
        <v>71188</v>
      </c>
      <c r="F19882" s="1" t="s">
        <v>71189</v>
      </c>
      <c r="G19882" s="1" t="s">
        <v>71151</v>
      </c>
      <c r="H19882" s="1" t="s">
        <v>71152</v>
      </c>
      <c r="I19882" s="1" t="s">
        <v>70634</v>
      </c>
      <c r="J19882" s="1" t="s">
        <v>71190</v>
      </c>
    </row>
    <row r="19883" spans="1:10" x14ac:dyDescent="0.35">
      <c r="A19883" s="1" t="s">
        <v>71150</v>
      </c>
      <c r="B19883" s="1" t="s">
        <v>70629</v>
      </c>
      <c r="C19883" s="1" t="s">
        <v>85</v>
      </c>
      <c r="D19883" s="1" t="s">
        <v>71191</v>
      </c>
      <c r="E19883" s="1" t="s">
        <v>57149</v>
      </c>
      <c r="F19883" s="1" t="s">
        <v>71192</v>
      </c>
      <c r="G19883" s="1" t="s">
        <v>71151</v>
      </c>
      <c r="H19883" s="1" t="s">
        <v>71152</v>
      </c>
      <c r="I19883" s="1" t="s">
        <v>70634</v>
      </c>
      <c r="J19883" s="1" t="s">
        <v>71193</v>
      </c>
    </row>
    <row r="19884" spans="1:10" x14ac:dyDescent="0.35">
      <c r="A19884" s="1" t="s">
        <v>71150</v>
      </c>
      <c r="B19884" s="1" t="s">
        <v>70629</v>
      </c>
      <c r="C19884" s="1" t="s">
        <v>90</v>
      </c>
      <c r="D19884" s="1" t="s">
        <v>71194</v>
      </c>
      <c r="E19884" s="1" t="s">
        <v>16178</v>
      </c>
      <c r="F19884" s="1" t="s">
        <v>71195</v>
      </c>
      <c r="G19884" s="1" t="s">
        <v>71151</v>
      </c>
      <c r="H19884" s="1" t="s">
        <v>71152</v>
      </c>
      <c r="I19884" s="1" t="s">
        <v>70634</v>
      </c>
      <c r="J19884" s="1" t="s">
        <v>71196</v>
      </c>
    </row>
    <row r="19885" spans="1:10" x14ac:dyDescent="0.35">
      <c r="A19885" s="1" t="s">
        <v>71150</v>
      </c>
      <c r="B19885" s="1" t="s">
        <v>70629</v>
      </c>
      <c r="C19885" s="1" t="s">
        <v>95</v>
      </c>
      <c r="D19885" s="1" t="s">
        <v>2421</v>
      </c>
      <c r="E19885" s="1" t="s">
        <v>15303</v>
      </c>
      <c r="F19885" s="1" t="s">
        <v>71197</v>
      </c>
      <c r="G19885" s="1" t="s">
        <v>71151</v>
      </c>
      <c r="H19885" s="1" t="s">
        <v>71152</v>
      </c>
      <c r="I19885" s="1" t="s">
        <v>70634</v>
      </c>
      <c r="J19885" s="1" t="s">
        <v>71198</v>
      </c>
    </row>
    <row r="19886" spans="1:10" x14ac:dyDescent="0.35">
      <c r="A19886" s="1" t="s">
        <v>71150</v>
      </c>
      <c r="B19886" s="1" t="s">
        <v>70629</v>
      </c>
      <c r="C19886" s="1" t="s">
        <v>100</v>
      </c>
      <c r="D19886" s="1" t="s">
        <v>71199</v>
      </c>
      <c r="E19886" s="1" t="s">
        <v>16171</v>
      </c>
      <c r="F19886" s="1" t="s">
        <v>71200</v>
      </c>
      <c r="G19886" s="1" t="s">
        <v>71151</v>
      </c>
      <c r="H19886" s="1" t="s">
        <v>71152</v>
      </c>
      <c r="I19886" s="1" t="s">
        <v>70634</v>
      </c>
      <c r="J19886" s="1" t="s">
        <v>71201</v>
      </c>
    </row>
    <row r="19887" spans="1:10" x14ac:dyDescent="0.35">
      <c r="A19887" s="1" t="s">
        <v>71150</v>
      </c>
      <c r="B19887" s="1" t="s">
        <v>70629</v>
      </c>
      <c r="C19887" s="1" t="s">
        <v>105</v>
      </c>
      <c r="D19887" s="1" t="s">
        <v>71202</v>
      </c>
      <c r="E19887" s="1" t="s">
        <v>71156</v>
      </c>
      <c r="F19887" s="1" t="s">
        <v>32952</v>
      </c>
      <c r="G19887" s="1" t="s">
        <v>71151</v>
      </c>
      <c r="H19887" s="1" t="s">
        <v>71152</v>
      </c>
      <c r="I19887" s="1" t="s">
        <v>70634</v>
      </c>
      <c r="J19887" s="1" t="s">
        <v>71203</v>
      </c>
    </row>
    <row r="19888" spans="1:10" x14ac:dyDescent="0.35">
      <c r="A19888" s="1" t="s">
        <v>71150</v>
      </c>
      <c r="B19888" s="1" t="s">
        <v>70629</v>
      </c>
      <c r="C19888" s="1" t="s">
        <v>110</v>
      </c>
      <c r="D19888" s="1" t="s">
        <v>17817</v>
      </c>
      <c r="E19888" s="1" t="s">
        <v>60831</v>
      </c>
      <c r="F19888" s="1" t="s">
        <v>71204</v>
      </c>
      <c r="G19888" s="1" t="s">
        <v>71151</v>
      </c>
      <c r="H19888" s="1" t="s">
        <v>71152</v>
      </c>
      <c r="I19888" s="1" t="s">
        <v>70634</v>
      </c>
      <c r="J19888" s="1" t="s">
        <v>71205</v>
      </c>
    </row>
    <row r="19889" spans="1:10" x14ac:dyDescent="0.35">
      <c r="A19889" s="1" t="s">
        <v>71150</v>
      </c>
      <c r="B19889" s="1" t="s">
        <v>70629</v>
      </c>
      <c r="C19889" s="1" t="s">
        <v>115</v>
      </c>
      <c r="D19889" s="1" t="s">
        <v>71206</v>
      </c>
      <c r="E19889" s="1" t="s">
        <v>32618</v>
      </c>
      <c r="F19889" s="1" t="s">
        <v>71207</v>
      </c>
      <c r="G19889" s="1" t="s">
        <v>71151</v>
      </c>
      <c r="H19889" s="1" t="s">
        <v>71152</v>
      </c>
      <c r="I19889" s="1" t="s">
        <v>70634</v>
      </c>
      <c r="J19889" s="1" t="s">
        <v>71208</v>
      </c>
    </row>
    <row r="19890" spans="1:10" x14ac:dyDescent="0.35">
      <c r="A19890" s="1" t="s">
        <v>71150</v>
      </c>
      <c r="B19890" s="1" t="s">
        <v>70629</v>
      </c>
      <c r="C19890" s="1" t="s">
        <v>120</v>
      </c>
      <c r="D19890" s="1" t="s">
        <v>71209</v>
      </c>
      <c r="E19890" s="1" t="s">
        <v>71210</v>
      </c>
      <c r="F19890" s="1" t="s">
        <v>71211</v>
      </c>
      <c r="G19890" s="1" t="s">
        <v>71151</v>
      </c>
      <c r="H19890" s="1" t="s">
        <v>71152</v>
      </c>
      <c r="I19890" s="1" t="s">
        <v>70634</v>
      </c>
      <c r="J19890" s="1" t="s">
        <v>71212</v>
      </c>
    </row>
    <row r="19891" spans="1:10" x14ac:dyDescent="0.35">
      <c r="A19891" s="1" t="s">
        <v>71150</v>
      </c>
      <c r="B19891" s="1" t="s">
        <v>70629</v>
      </c>
      <c r="C19891" s="1" t="s">
        <v>125</v>
      </c>
      <c r="D19891" s="1" t="s">
        <v>34768</v>
      </c>
      <c r="E19891" s="1" t="s">
        <v>71213</v>
      </c>
      <c r="F19891" s="1" t="s">
        <v>71214</v>
      </c>
      <c r="G19891" s="1" t="s">
        <v>71151</v>
      </c>
      <c r="H19891" s="1" t="s">
        <v>71152</v>
      </c>
      <c r="I19891" s="1" t="s">
        <v>70634</v>
      </c>
      <c r="J19891" s="1" t="s">
        <v>71215</v>
      </c>
    </row>
    <row r="19892" spans="1:10" x14ac:dyDescent="0.35">
      <c r="A19892" s="1" t="s">
        <v>71150</v>
      </c>
      <c r="B19892" s="1" t="s">
        <v>70629</v>
      </c>
      <c r="C19892" s="1" t="s">
        <v>130</v>
      </c>
      <c r="D19892" s="1" t="s">
        <v>32551</v>
      </c>
      <c r="E19892" s="1" t="s">
        <v>31524</v>
      </c>
      <c r="F19892" s="1" t="s">
        <v>71216</v>
      </c>
      <c r="G19892" s="1" t="s">
        <v>71151</v>
      </c>
      <c r="H19892" s="1" t="s">
        <v>71152</v>
      </c>
      <c r="I19892" s="1" t="s">
        <v>70634</v>
      </c>
      <c r="J19892" s="1" t="s">
        <v>71217</v>
      </c>
    </row>
    <row r="19893" spans="1:10" x14ac:dyDescent="0.35">
      <c r="A19893" s="1" t="s">
        <v>71150</v>
      </c>
      <c r="B19893" s="1" t="s">
        <v>70629</v>
      </c>
      <c r="C19893" s="1" t="s">
        <v>135</v>
      </c>
      <c r="D19893" s="1" t="s">
        <v>269</v>
      </c>
      <c r="E19893" s="1" t="s">
        <v>71218</v>
      </c>
      <c r="F19893" s="1" t="s">
        <v>71219</v>
      </c>
      <c r="G19893" s="1" t="s">
        <v>71151</v>
      </c>
      <c r="H19893" s="1" t="s">
        <v>71152</v>
      </c>
      <c r="I19893" s="1" t="s">
        <v>70634</v>
      </c>
      <c r="J19893" s="1" t="s">
        <v>71220</v>
      </c>
    </row>
    <row r="19894" spans="1:10" x14ac:dyDescent="0.35">
      <c r="A19894" s="1" t="s">
        <v>71150</v>
      </c>
      <c r="B19894" s="1" t="s">
        <v>70629</v>
      </c>
      <c r="C19894" s="1" t="s">
        <v>140</v>
      </c>
      <c r="D19894" s="1" t="s">
        <v>48073</v>
      </c>
      <c r="E19894" s="1" t="s">
        <v>71221</v>
      </c>
      <c r="F19894" s="1" t="s">
        <v>71222</v>
      </c>
      <c r="G19894" s="1" t="s">
        <v>71151</v>
      </c>
      <c r="H19894" s="1" t="s">
        <v>71152</v>
      </c>
      <c r="I19894" s="1" t="s">
        <v>70634</v>
      </c>
      <c r="J19894" s="1" t="s">
        <v>71223</v>
      </c>
    </row>
    <row r="19895" spans="1:10" x14ac:dyDescent="0.35">
      <c r="A19895" s="1" t="s">
        <v>71150</v>
      </c>
      <c r="B19895" s="1" t="s">
        <v>70629</v>
      </c>
      <c r="C19895" s="1" t="s">
        <v>145</v>
      </c>
      <c r="D19895" s="1" t="s">
        <v>71224</v>
      </c>
      <c r="E19895" s="1" t="s">
        <v>58648</v>
      </c>
      <c r="F19895" s="1" t="s">
        <v>71225</v>
      </c>
      <c r="G19895" s="1" t="s">
        <v>71151</v>
      </c>
      <c r="H19895" s="1" t="s">
        <v>71152</v>
      </c>
      <c r="I19895" s="1" t="s">
        <v>70634</v>
      </c>
      <c r="J19895" s="1" t="s">
        <v>71226</v>
      </c>
    </row>
    <row r="19896" spans="1:10" x14ac:dyDescent="0.35">
      <c r="A19896" s="1" t="s">
        <v>71150</v>
      </c>
      <c r="B19896" s="1" t="s">
        <v>70629</v>
      </c>
      <c r="C19896" s="1" t="s">
        <v>150</v>
      </c>
      <c r="D19896" s="1" t="s">
        <v>31728</v>
      </c>
      <c r="E19896" s="1" t="s">
        <v>30608</v>
      </c>
      <c r="F19896" s="1" t="s">
        <v>63007</v>
      </c>
      <c r="G19896" s="1" t="s">
        <v>71151</v>
      </c>
      <c r="H19896" s="1" t="s">
        <v>71152</v>
      </c>
      <c r="I19896" s="1" t="s">
        <v>70634</v>
      </c>
      <c r="J19896" s="1" t="s">
        <v>71227</v>
      </c>
    </row>
    <row r="19897" spans="1:10" x14ac:dyDescent="0.35">
      <c r="A19897" s="1" t="s">
        <v>71150</v>
      </c>
      <c r="B19897" s="1" t="s">
        <v>70629</v>
      </c>
      <c r="C19897" s="1" t="s">
        <v>155</v>
      </c>
      <c r="D19897" s="1" t="s">
        <v>34185</v>
      </c>
      <c r="E19897" s="1" t="s">
        <v>71228</v>
      </c>
      <c r="F19897" s="1" t="s">
        <v>71229</v>
      </c>
      <c r="G19897" s="1" t="s">
        <v>71151</v>
      </c>
      <c r="H19897" s="1" t="s">
        <v>71152</v>
      </c>
      <c r="I19897" s="1" t="s">
        <v>70634</v>
      </c>
      <c r="J19897" s="1" t="s">
        <v>71230</v>
      </c>
    </row>
    <row r="19898" spans="1:10" x14ac:dyDescent="0.35">
      <c r="A19898" s="1" t="s">
        <v>71150</v>
      </c>
      <c r="B19898" s="1" t="s">
        <v>70629</v>
      </c>
      <c r="C19898" s="1" t="s">
        <v>160</v>
      </c>
      <c r="D19898" s="1" t="s">
        <v>50647</v>
      </c>
      <c r="E19898" s="1" t="s">
        <v>26543</v>
      </c>
      <c r="F19898" s="1" t="s">
        <v>71231</v>
      </c>
      <c r="G19898" s="1" t="s">
        <v>71151</v>
      </c>
      <c r="H19898" s="1" t="s">
        <v>71152</v>
      </c>
      <c r="I19898" s="1" t="s">
        <v>70634</v>
      </c>
      <c r="J19898" s="1" t="s">
        <v>71232</v>
      </c>
    </row>
    <row r="19899" spans="1:10" x14ac:dyDescent="0.35">
      <c r="A19899" s="1" t="s">
        <v>71150</v>
      </c>
      <c r="B19899" s="1" t="s">
        <v>70629</v>
      </c>
      <c r="C19899" s="1" t="s">
        <v>165</v>
      </c>
      <c r="D19899" s="1" t="s">
        <v>71233</v>
      </c>
      <c r="E19899" s="1" t="s">
        <v>32903</v>
      </c>
      <c r="F19899" s="1" t="s">
        <v>71234</v>
      </c>
      <c r="G19899" s="1" t="s">
        <v>71151</v>
      </c>
      <c r="H19899" s="1" t="s">
        <v>71152</v>
      </c>
      <c r="I19899" s="1" t="s">
        <v>70634</v>
      </c>
      <c r="J19899" s="1" t="s">
        <v>71235</v>
      </c>
    </row>
    <row r="19900" spans="1:10" x14ac:dyDescent="0.35">
      <c r="A19900" s="1" t="s">
        <v>71150</v>
      </c>
      <c r="B19900" s="1" t="s">
        <v>70629</v>
      </c>
      <c r="C19900" s="1" t="s">
        <v>170</v>
      </c>
      <c r="D19900" s="1" t="s">
        <v>71236</v>
      </c>
      <c r="E19900" s="1" t="s">
        <v>15357</v>
      </c>
      <c r="F19900" s="1" t="s">
        <v>71237</v>
      </c>
      <c r="G19900" s="1" t="s">
        <v>71151</v>
      </c>
      <c r="H19900" s="1" t="s">
        <v>71152</v>
      </c>
      <c r="I19900" s="1" t="s">
        <v>70634</v>
      </c>
      <c r="J19900" s="1" t="s">
        <v>71238</v>
      </c>
    </row>
    <row r="19901" spans="1:10" x14ac:dyDescent="0.35">
      <c r="A19901" s="1" t="s">
        <v>71239</v>
      </c>
      <c r="B19901" s="1" t="s">
        <v>70629</v>
      </c>
      <c r="C19901" s="1" t="s">
        <v>8</v>
      </c>
      <c r="D19901" s="1" t="s">
        <v>71240</v>
      </c>
      <c r="E19901" s="1" t="s">
        <v>71241</v>
      </c>
      <c r="F19901" s="1" t="s">
        <v>71242</v>
      </c>
      <c r="G19901" s="1" t="s">
        <v>71243</v>
      </c>
      <c r="H19901" s="1" t="s">
        <v>71244</v>
      </c>
      <c r="I19901" s="1" t="s">
        <v>70634</v>
      </c>
      <c r="J19901" s="1" t="s">
        <v>13</v>
      </c>
    </row>
    <row r="19902" spans="1:10" x14ac:dyDescent="0.35">
      <c r="A19902" s="1" t="s">
        <v>71239</v>
      </c>
      <c r="B19902" s="1" t="s">
        <v>70629</v>
      </c>
      <c r="C19902" s="1" t="s">
        <v>15</v>
      </c>
      <c r="D19902" s="1" t="s">
        <v>15807</v>
      </c>
      <c r="E19902" s="1" t="s">
        <v>71245</v>
      </c>
      <c r="F19902" s="1" t="s">
        <v>71246</v>
      </c>
      <c r="G19902" s="1" t="s">
        <v>71243</v>
      </c>
      <c r="H19902" s="1" t="s">
        <v>71244</v>
      </c>
      <c r="I19902" s="1" t="s">
        <v>70634</v>
      </c>
      <c r="J19902" s="1" t="s">
        <v>71247</v>
      </c>
    </row>
    <row r="19903" spans="1:10" x14ac:dyDescent="0.35">
      <c r="A19903" s="1" t="s">
        <v>71239</v>
      </c>
      <c r="B19903" s="1" t="s">
        <v>70629</v>
      </c>
      <c r="C19903" s="1" t="s">
        <v>20</v>
      </c>
      <c r="D19903" s="1" t="s">
        <v>71248</v>
      </c>
      <c r="E19903" s="1" t="s">
        <v>71249</v>
      </c>
      <c r="F19903" s="1" t="s">
        <v>71250</v>
      </c>
      <c r="G19903" s="1" t="s">
        <v>71243</v>
      </c>
      <c r="H19903" s="1" t="s">
        <v>71244</v>
      </c>
      <c r="I19903" s="1" t="s">
        <v>70634</v>
      </c>
      <c r="J19903" s="1" t="s">
        <v>71251</v>
      </c>
    </row>
    <row r="19904" spans="1:10" x14ac:dyDescent="0.35">
      <c r="A19904" s="1" t="s">
        <v>71239</v>
      </c>
      <c r="B19904" s="1" t="s">
        <v>70629</v>
      </c>
      <c r="C19904" s="1" t="s">
        <v>25</v>
      </c>
      <c r="D19904" s="1" t="s">
        <v>30487</v>
      </c>
      <c r="E19904" s="1" t="s">
        <v>71252</v>
      </c>
      <c r="F19904" s="1" t="s">
        <v>71253</v>
      </c>
      <c r="G19904" s="1" t="s">
        <v>71243</v>
      </c>
      <c r="H19904" s="1" t="s">
        <v>71244</v>
      </c>
      <c r="I19904" s="1" t="s">
        <v>70634</v>
      </c>
      <c r="J19904" s="1" t="s">
        <v>71254</v>
      </c>
    </row>
    <row r="19905" spans="1:10" x14ac:dyDescent="0.35">
      <c r="A19905" s="1" t="s">
        <v>71239</v>
      </c>
      <c r="B19905" s="1" t="s">
        <v>70629</v>
      </c>
      <c r="C19905" s="1" t="s">
        <v>30</v>
      </c>
      <c r="D19905" s="1" t="s">
        <v>841</v>
      </c>
      <c r="E19905" s="1" t="s">
        <v>71255</v>
      </c>
      <c r="F19905" s="1" t="s">
        <v>71256</v>
      </c>
      <c r="G19905" s="1" t="s">
        <v>71243</v>
      </c>
      <c r="H19905" s="1" t="s">
        <v>71244</v>
      </c>
      <c r="I19905" s="1" t="s">
        <v>70634</v>
      </c>
      <c r="J19905" s="1" t="s">
        <v>71257</v>
      </c>
    </row>
    <row r="19906" spans="1:10" x14ac:dyDescent="0.35">
      <c r="A19906" s="1" t="s">
        <v>71239</v>
      </c>
      <c r="B19906" s="1" t="s">
        <v>70629</v>
      </c>
      <c r="C19906" s="1" t="s">
        <v>35</v>
      </c>
      <c r="D19906" s="1" t="s">
        <v>16046</v>
      </c>
      <c r="E19906" s="1" t="s">
        <v>71258</v>
      </c>
      <c r="F19906" s="1" t="s">
        <v>71259</v>
      </c>
      <c r="G19906" s="1" t="s">
        <v>71243</v>
      </c>
      <c r="H19906" s="1" t="s">
        <v>71244</v>
      </c>
      <c r="I19906" s="1" t="s">
        <v>70634</v>
      </c>
      <c r="J19906" s="1" t="s">
        <v>71260</v>
      </c>
    </row>
    <row r="19907" spans="1:10" x14ac:dyDescent="0.35">
      <c r="A19907" s="1" t="s">
        <v>71239</v>
      </c>
      <c r="B19907" s="1" t="s">
        <v>70629</v>
      </c>
      <c r="C19907" s="1" t="s">
        <v>40</v>
      </c>
      <c r="D19907" s="1" t="s">
        <v>24820</v>
      </c>
      <c r="E19907" s="1" t="s">
        <v>71261</v>
      </c>
      <c r="F19907" s="1" t="s">
        <v>71262</v>
      </c>
      <c r="G19907" s="1" t="s">
        <v>71243</v>
      </c>
      <c r="H19907" s="1" t="s">
        <v>71244</v>
      </c>
      <c r="I19907" s="1" t="s">
        <v>70634</v>
      </c>
      <c r="J19907" s="1" t="s">
        <v>71263</v>
      </c>
    </row>
    <row r="19908" spans="1:10" x14ac:dyDescent="0.35">
      <c r="A19908" s="1" t="s">
        <v>71239</v>
      </c>
      <c r="B19908" s="1" t="s">
        <v>70629</v>
      </c>
      <c r="C19908" s="1" t="s">
        <v>45</v>
      </c>
      <c r="D19908" s="1" t="s">
        <v>71264</v>
      </c>
      <c r="E19908" s="1" t="s">
        <v>71265</v>
      </c>
      <c r="F19908" s="1" t="s">
        <v>71266</v>
      </c>
      <c r="G19908" s="1" t="s">
        <v>71243</v>
      </c>
      <c r="H19908" s="1" t="s">
        <v>71244</v>
      </c>
      <c r="I19908" s="1" t="s">
        <v>70634</v>
      </c>
      <c r="J19908" s="1" t="s">
        <v>71267</v>
      </c>
    </row>
    <row r="19909" spans="1:10" x14ac:dyDescent="0.35">
      <c r="A19909" s="1" t="s">
        <v>71239</v>
      </c>
      <c r="B19909" s="1" t="s">
        <v>70629</v>
      </c>
      <c r="C19909" s="1" t="s">
        <v>50</v>
      </c>
      <c r="D19909" s="1" t="s">
        <v>71268</v>
      </c>
      <c r="E19909" s="1" t="s">
        <v>71269</v>
      </c>
      <c r="F19909" s="1" t="s">
        <v>71270</v>
      </c>
      <c r="G19909" s="1" t="s">
        <v>71243</v>
      </c>
      <c r="H19909" s="1" t="s">
        <v>71244</v>
      </c>
      <c r="I19909" s="1" t="s">
        <v>70634</v>
      </c>
      <c r="J19909" s="1" t="s">
        <v>71271</v>
      </c>
    </row>
    <row r="19910" spans="1:10" x14ac:dyDescent="0.35">
      <c r="A19910" s="1" t="s">
        <v>71239</v>
      </c>
      <c r="B19910" s="1" t="s">
        <v>70629</v>
      </c>
      <c r="C19910" s="1" t="s">
        <v>55</v>
      </c>
      <c r="D19910" s="1" t="s">
        <v>71272</v>
      </c>
      <c r="E19910" s="1" t="s">
        <v>71273</v>
      </c>
      <c r="F19910" s="1" t="s">
        <v>71274</v>
      </c>
      <c r="G19910" s="1" t="s">
        <v>71243</v>
      </c>
      <c r="H19910" s="1" t="s">
        <v>71244</v>
      </c>
      <c r="I19910" s="1" t="s">
        <v>70634</v>
      </c>
      <c r="J19910" s="1" t="s">
        <v>71275</v>
      </c>
    </row>
    <row r="19911" spans="1:10" x14ac:dyDescent="0.35">
      <c r="A19911" s="1" t="s">
        <v>71239</v>
      </c>
      <c r="B19911" s="1" t="s">
        <v>70629</v>
      </c>
      <c r="C19911" s="1" t="s">
        <v>60</v>
      </c>
      <c r="D19911" s="1" t="s">
        <v>71276</v>
      </c>
      <c r="E19911" s="1" t="s">
        <v>71277</v>
      </c>
      <c r="F19911" s="1" t="s">
        <v>71278</v>
      </c>
      <c r="G19911" s="1" t="s">
        <v>71243</v>
      </c>
      <c r="H19911" s="1" t="s">
        <v>71244</v>
      </c>
      <c r="I19911" s="1" t="s">
        <v>70634</v>
      </c>
      <c r="J19911" s="1" t="s">
        <v>71279</v>
      </c>
    </row>
    <row r="19912" spans="1:10" x14ac:dyDescent="0.35">
      <c r="A19912" s="1" t="s">
        <v>71239</v>
      </c>
      <c r="B19912" s="1" t="s">
        <v>70629</v>
      </c>
      <c r="C19912" s="1" t="s">
        <v>65</v>
      </c>
      <c r="D19912" s="1" t="s">
        <v>15613</v>
      </c>
      <c r="E19912" s="1" t="s">
        <v>71280</v>
      </c>
      <c r="F19912" s="1" t="s">
        <v>71281</v>
      </c>
      <c r="G19912" s="1" t="s">
        <v>71243</v>
      </c>
      <c r="H19912" s="1" t="s">
        <v>71244</v>
      </c>
      <c r="I19912" s="1" t="s">
        <v>70634</v>
      </c>
      <c r="J19912" s="1" t="s">
        <v>71282</v>
      </c>
    </row>
    <row r="19913" spans="1:10" x14ac:dyDescent="0.35">
      <c r="A19913" s="1" t="s">
        <v>71239</v>
      </c>
      <c r="B19913" s="1" t="s">
        <v>70629</v>
      </c>
      <c r="C19913" s="1" t="s">
        <v>70</v>
      </c>
      <c r="D19913" s="1" t="s">
        <v>11799</v>
      </c>
      <c r="E19913" s="1" t="s">
        <v>71283</v>
      </c>
      <c r="F19913" s="1" t="s">
        <v>71284</v>
      </c>
      <c r="G19913" s="1" t="s">
        <v>71243</v>
      </c>
      <c r="H19913" s="1" t="s">
        <v>71244</v>
      </c>
      <c r="I19913" s="1" t="s">
        <v>70634</v>
      </c>
      <c r="J19913" s="1" t="s">
        <v>71285</v>
      </c>
    </row>
    <row r="19914" spans="1:10" x14ac:dyDescent="0.35">
      <c r="A19914" s="1" t="s">
        <v>71239</v>
      </c>
      <c r="B19914" s="1" t="s">
        <v>70629</v>
      </c>
      <c r="C19914" s="1" t="s">
        <v>75</v>
      </c>
      <c r="D19914" s="1" t="s">
        <v>71286</v>
      </c>
      <c r="E19914" s="1" t="s">
        <v>71287</v>
      </c>
      <c r="F19914" s="1" t="s">
        <v>71288</v>
      </c>
      <c r="G19914" s="1" t="s">
        <v>71243</v>
      </c>
      <c r="H19914" s="1" t="s">
        <v>71244</v>
      </c>
      <c r="I19914" s="1" t="s">
        <v>70634</v>
      </c>
      <c r="J19914" s="1" t="s">
        <v>71289</v>
      </c>
    </row>
    <row r="19915" spans="1:10" x14ac:dyDescent="0.35">
      <c r="A19915" s="1" t="s">
        <v>71239</v>
      </c>
      <c r="B19915" s="1" t="s">
        <v>70629</v>
      </c>
      <c r="C19915" s="1" t="s">
        <v>80</v>
      </c>
      <c r="D19915" s="1" t="s">
        <v>71290</v>
      </c>
      <c r="E19915" s="1" t="s">
        <v>71291</v>
      </c>
      <c r="F19915" s="1" t="s">
        <v>71292</v>
      </c>
      <c r="G19915" s="1" t="s">
        <v>71243</v>
      </c>
      <c r="H19915" s="1" t="s">
        <v>71244</v>
      </c>
      <c r="I19915" s="1" t="s">
        <v>70634</v>
      </c>
      <c r="J19915" s="1" t="s">
        <v>71293</v>
      </c>
    </row>
    <row r="19916" spans="1:10" x14ac:dyDescent="0.35">
      <c r="A19916" s="1" t="s">
        <v>71239</v>
      </c>
      <c r="B19916" s="1" t="s">
        <v>70629</v>
      </c>
      <c r="C19916" s="1" t="s">
        <v>85</v>
      </c>
      <c r="D19916" s="1" t="s">
        <v>16177</v>
      </c>
      <c r="E19916" s="1" t="s">
        <v>71294</v>
      </c>
      <c r="F19916" s="1" t="s">
        <v>71295</v>
      </c>
      <c r="G19916" s="1" t="s">
        <v>71243</v>
      </c>
      <c r="H19916" s="1" t="s">
        <v>71244</v>
      </c>
      <c r="I19916" s="1" t="s">
        <v>70634</v>
      </c>
      <c r="J19916" s="1" t="s">
        <v>71296</v>
      </c>
    </row>
    <row r="19917" spans="1:10" x14ac:dyDescent="0.35">
      <c r="A19917" s="1" t="s">
        <v>71239</v>
      </c>
      <c r="B19917" s="1" t="s">
        <v>70629</v>
      </c>
      <c r="C19917" s="1" t="s">
        <v>90</v>
      </c>
      <c r="D19917" s="1" t="s">
        <v>7215</v>
      </c>
      <c r="E19917" s="1" t="s">
        <v>71297</v>
      </c>
      <c r="F19917" s="1" t="s">
        <v>71298</v>
      </c>
      <c r="G19917" s="1" t="s">
        <v>71243</v>
      </c>
      <c r="H19917" s="1" t="s">
        <v>71244</v>
      </c>
      <c r="I19917" s="1" t="s">
        <v>70634</v>
      </c>
      <c r="J19917" s="1" t="s">
        <v>71299</v>
      </c>
    </row>
    <row r="19918" spans="1:10" x14ac:dyDescent="0.35">
      <c r="A19918" s="1" t="s">
        <v>71239</v>
      </c>
      <c r="B19918" s="1" t="s">
        <v>70629</v>
      </c>
      <c r="C19918" s="1" t="s">
        <v>95</v>
      </c>
      <c r="D19918" s="1" t="s">
        <v>71300</v>
      </c>
      <c r="E19918" s="1" t="s">
        <v>71301</v>
      </c>
      <c r="F19918" s="1" t="s">
        <v>71302</v>
      </c>
      <c r="G19918" s="1" t="s">
        <v>71243</v>
      </c>
      <c r="H19918" s="1" t="s">
        <v>71244</v>
      </c>
      <c r="I19918" s="1" t="s">
        <v>70634</v>
      </c>
      <c r="J19918" s="1" t="s">
        <v>71303</v>
      </c>
    </row>
    <row r="19919" spans="1:10" x14ac:dyDescent="0.35">
      <c r="A19919" s="1" t="s">
        <v>71239</v>
      </c>
      <c r="B19919" s="1" t="s">
        <v>70629</v>
      </c>
      <c r="C19919" s="1" t="s">
        <v>100</v>
      </c>
      <c r="D19919" s="1" t="s">
        <v>71304</v>
      </c>
      <c r="E19919" s="1" t="s">
        <v>71305</v>
      </c>
      <c r="F19919" s="1" t="s">
        <v>71306</v>
      </c>
      <c r="G19919" s="1" t="s">
        <v>71243</v>
      </c>
      <c r="H19919" s="1" t="s">
        <v>71244</v>
      </c>
      <c r="I19919" s="1" t="s">
        <v>70634</v>
      </c>
      <c r="J19919" s="1" t="s">
        <v>71307</v>
      </c>
    </row>
    <row r="19920" spans="1:10" x14ac:dyDescent="0.35">
      <c r="A19920" s="1" t="s">
        <v>71239</v>
      </c>
      <c r="B19920" s="1" t="s">
        <v>70629</v>
      </c>
      <c r="C19920" s="1" t="s">
        <v>105</v>
      </c>
      <c r="D19920" s="1" t="s">
        <v>71308</v>
      </c>
      <c r="E19920" s="1" t="s">
        <v>71309</v>
      </c>
      <c r="F19920" s="1" t="s">
        <v>71310</v>
      </c>
      <c r="G19920" s="1" t="s">
        <v>71243</v>
      </c>
      <c r="H19920" s="1" t="s">
        <v>71244</v>
      </c>
      <c r="I19920" s="1" t="s">
        <v>70634</v>
      </c>
      <c r="J19920" s="1" t="s">
        <v>71311</v>
      </c>
    </row>
    <row r="19921" spans="1:10" x14ac:dyDescent="0.35">
      <c r="A19921" s="1" t="s">
        <v>71239</v>
      </c>
      <c r="B19921" s="1" t="s">
        <v>70629</v>
      </c>
      <c r="C19921" s="1" t="s">
        <v>110</v>
      </c>
      <c r="D19921" s="1" t="s">
        <v>47842</v>
      </c>
      <c r="E19921" s="1" t="s">
        <v>71312</v>
      </c>
      <c r="F19921" s="1" t="s">
        <v>71313</v>
      </c>
      <c r="G19921" s="1" t="s">
        <v>71243</v>
      </c>
      <c r="H19921" s="1" t="s">
        <v>71244</v>
      </c>
      <c r="I19921" s="1" t="s">
        <v>70634</v>
      </c>
      <c r="J19921" s="1" t="s">
        <v>71314</v>
      </c>
    </row>
    <row r="19922" spans="1:10" x14ac:dyDescent="0.35">
      <c r="A19922" s="1" t="s">
        <v>71239</v>
      </c>
      <c r="B19922" s="1" t="s">
        <v>70629</v>
      </c>
      <c r="C19922" s="1" t="s">
        <v>115</v>
      </c>
      <c r="D19922" s="1" t="s">
        <v>71315</v>
      </c>
      <c r="E19922" s="1" t="s">
        <v>71316</v>
      </c>
      <c r="F19922" s="1" t="s">
        <v>71317</v>
      </c>
      <c r="G19922" s="1" t="s">
        <v>71243</v>
      </c>
      <c r="H19922" s="1" t="s">
        <v>71244</v>
      </c>
      <c r="I19922" s="1" t="s">
        <v>70634</v>
      </c>
      <c r="J19922" s="1" t="s">
        <v>71318</v>
      </c>
    </row>
    <row r="19923" spans="1:10" x14ac:dyDescent="0.35">
      <c r="A19923" s="1" t="s">
        <v>71239</v>
      </c>
      <c r="B19923" s="1" t="s">
        <v>70629</v>
      </c>
      <c r="C19923" s="1" t="s">
        <v>120</v>
      </c>
      <c r="D19923" s="1" t="s">
        <v>71319</v>
      </c>
      <c r="E19923" s="1" t="s">
        <v>71320</v>
      </c>
      <c r="F19923" s="1" t="s">
        <v>71321</v>
      </c>
      <c r="G19923" s="1" t="s">
        <v>71243</v>
      </c>
      <c r="H19923" s="1" t="s">
        <v>71244</v>
      </c>
      <c r="I19923" s="1" t="s">
        <v>70634</v>
      </c>
      <c r="J19923" s="1" t="s">
        <v>71322</v>
      </c>
    </row>
    <row r="19924" spans="1:10" x14ac:dyDescent="0.35">
      <c r="A19924" s="1" t="s">
        <v>71239</v>
      </c>
      <c r="B19924" s="1" t="s">
        <v>70629</v>
      </c>
      <c r="C19924" s="1" t="s">
        <v>125</v>
      </c>
      <c r="D19924" s="1" t="s">
        <v>71323</v>
      </c>
      <c r="E19924" s="1" t="s">
        <v>71324</v>
      </c>
      <c r="F19924" s="1" t="s">
        <v>71325</v>
      </c>
      <c r="G19924" s="1" t="s">
        <v>71243</v>
      </c>
      <c r="H19924" s="1" t="s">
        <v>71244</v>
      </c>
      <c r="I19924" s="1" t="s">
        <v>70634</v>
      </c>
      <c r="J19924" s="1" t="s">
        <v>71326</v>
      </c>
    </row>
    <row r="19925" spans="1:10" x14ac:dyDescent="0.35">
      <c r="A19925" s="1" t="s">
        <v>71239</v>
      </c>
      <c r="B19925" s="1" t="s">
        <v>70629</v>
      </c>
      <c r="C19925" s="1" t="s">
        <v>130</v>
      </c>
      <c r="D19925" s="1" t="s">
        <v>17975</v>
      </c>
      <c r="E19925" s="1" t="s">
        <v>71327</v>
      </c>
      <c r="F19925" s="1" t="s">
        <v>71328</v>
      </c>
      <c r="G19925" s="1" t="s">
        <v>71243</v>
      </c>
      <c r="H19925" s="1" t="s">
        <v>71244</v>
      </c>
      <c r="I19925" s="1" t="s">
        <v>70634</v>
      </c>
      <c r="J19925" s="1" t="s">
        <v>71329</v>
      </c>
    </row>
    <row r="19926" spans="1:10" x14ac:dyDescent="0.35">
      <c r="A19926" s="1" t="s">
        <v>71239</v>
      </c>
      <c r="B19926" s="1" t="s">
        <v>70629</v>
      </c>
      <c r="C19926" s="1" t="s">
        <v>135</v>
      </c>
      <c r="D19926" s="1" t="s">
        <v>71330</v>
      </c>
      <c r="E19926" s="1" t="s">
        <v>71331</v>
      </c>
      <c r="F19926" s="1" t="s">
        <v>71332</v>
      </c>
      <c r="G19926" s="1" t="s">
        <v>71243</v>
      </c>
      <c r="H19926" s="1" t="s">
        <v>71244</v>
      </c>
      <c r="I19926" s="1" t="s">
        <v>70634</v>
      </c>
      <c r="J19926" s="1" t="s">
        <v>71333</v>
      </c>
    </row>
    <row r="19927" spans="1:10" x14ac:dyDescent="0.35">
      <c r="A19927" s="1" t="s">
        <v>71239</v>
      </c>
      <c r="B19927" s="1" t="s">
        <v>70629</v>
      </c>
      <c r="C19927" s="1" t="s">
        <v>140</v>
      </c>
      <c r="D19927" s="1" t="s">
        <v>71334</v>
      </c>
      <c r="E19927" s="1" t="s">
        <v>71335</v>
      </c>
      <c r="F19927" s="1" t="s">
        <v>71336</v>
      </c>
      <c r="G19927" s="1" t="s">
        <v>71243</v>
      </c>
      <c r="H19927" s="1" t="s">
        <v>71244</v>
      </c>
      <c r="I19927" s="1" t="s">
        <v>70634</v>
      </c>
      <c r="J19927" s="1" t="s">
        <v>71337</v>
      </c>
    </row>
    <row r="19928" spans="1:10" x14ac:dyDescent="0.35">
      <c r="A19928" s="1" t="s">
        <v>71239</v>
      </c>
      <c r="B19928" s="1" t="s">
        <v>70629</v>
      </c>
      <c r="C19928" s="1" t="s">
        <v>145</v>
      </c>
      <c r="D19928" s="1" t="s">
        <v>3739</v>
      </c>
      <c r="E19928" s="1" t="s">
        <v>71338</v>
      </c>
      <c r="F19928" s="1" t="s">
        <v>71339</v>
      </c>
      <c r="G19928" s="1" t="s">
        <v>71243</v>
      </c>
      <c r="H19928" s="1" t="s">
        <v>71244</v>
      </c>
      <c r="I19928" s="1" t="s">
        <v>70634</v>
      </c>
      <c r="J19928" s="1" t="s">
        <v>71340</v>
      </c>
    </row>
    <row r="19929" spans="1:10" x14ac:dyDescent="0.35">
      <c r="A19929" s="1" t="s">
        <v>71239</v>
      </c>
      <c r="B19929" s="1" t="s">
        <v>70629</v>
      </c>
      <c r="C19929" s="1" t="s">
        <v>150</v>
      </c>
      <c r="D19929" s="1" t="s">
        <v>17690</v>
      </c>
      <c r="E19929" s="1" t="s">
        <v>71341</v>
      </c>
      <c r="F19929" s="1" t="s">
        <v>71342</v>
      </c>
      <c r="G19929" s="1" t="s">
        <v>71243</v>
      </c>
      <c r="H19929" s="1" t="s">
        <v>71244</v>
      </c>
      <c r="I19929" s="1" t="s">
        <v>70634</v>
      </c>
      <c r="J19929" s="1" t="s">
        <v>71343</v>
      </c>
    </row>
    <row r="19930" spans="1:10" x14ac:dyDescent="0.35">
      <c r="A19930" s="1" t="s">
        <v>71239</v>
      </c>
      <c r="B19930" s="1" t="s">
        <v>70629</v>
      </c>
      <c r="C19930" s="1" t="s">
        <v>155</v>
      </c>
      <c r="D19930" s="1" t="s">
        <v>71344</v>
      </c>
      <c r="E19930" s="1" t="s">
        <v>71345</v>
      </c>
      <c r="F19930" s="1" t="s">
        <v>71346</v>
      </c>
      <c r="G19930" s="1" t="s">
        <v>71243</v>
      </c>
      <c r="H19930" s="1" t="s">
        <v>71244</v>
      </c>
      <c r="I19930" s="1" t="s">
        <v>70634</v>
      </c>
      <c r="J19930" s="1" t="s">
        <v>71347</v>
      </c>
    </row>
    <row r="19931" spans="1:10" x14ac:dyDescent="0.35">
      <c r="A19931" s="1" t="s">
        <v>71239</v>
      </c>
      <c r="B19931" s="1" t="s">
        <v>70629</v>
      </c>
      <c r="C19931" s="1" t="s">
        <v>160</v>
      </c>
      <c r="D19931" s="1" t="s">
        <v>19008</v>
      </c>
      <c r="E19931" s="1" t="s">
        <v>71348</v>
      </c>
      <c r="F19931" s="1" t="s">
        <v>71349</v>
      </c>
      <c r="G19931" s="1" t="s">
        <v>71243</v>
      </c>
      <c r="H19931" s="1" t="s">
        <v>71244</v>
      </c>
      <c r="I19931" s="1" t="s">
        <v>70634</v>
      </c>
      <c r="J19931" s="1" t="s">
        <v>71350</v>
      </c>
    </row>
    <row r="19932" spans="1:10" x14ac:dyDescent="0.35">
      <c r="A19932" s="1" t="s">
        <v>71239</v>
      </c>
      <c r="B19932" s="1" t="s">
        <v>70629</v>
      </c>
      <c r="C19932" s="1" t="s">
        <v>165</v>
      </c>
      <c r="D19932" s="1" t="s">
        <v>71191</v>
      </c>
      <c r="E19932" s="1" t="s">
        <v>71351</v>
      </c>
      <c r="F19932" s="1" t="s">
        <v>71352</v>
      </c>
      <c r="G19932" s="1" t="s">
        <v>71243</v>
      </c>
      <c r="H19932" s="1" t="s">
        <v>71244</v>
      </c>
      <c r="I19932" s="1" t="s">
        <v>70634</v>
      </c>
      <c r="J19932" s="1" t="s">
        <v>71353</v>
      </c>
    </row>
    <row r="19933" spans="1:10" x14ac:dyDescent="0.35">
      <c r="A19933" s="1" t="s">
        <v>71239</v>
      </c>
      <c r="B19933" s="1" t="s">
        <v>70629</v>
      </c>
      <c r="C19933" s="1" t="s">
        <v>170</v>
      </c>
      <c r="D19933" s="1" t="s">
        <v>7227</v>
      </c>
      <c r="E19933" s="1" t="s">
        <v>71354</v>
      </c>
      <c r="F19933" s="1" t="s">
        <v>71355</v>
      </c>
      <c r="G19933" s="1" t="s">
        <v>71243</v>
      </c>
      <c r="H19933" s="1" t="s">
        <v>71244</v>
      </c>
      <c r="I19933" s="1" t="s">
        <v>70634</v>
      </c>
      <c r="J19933" s="1" t="s">
        <v>71356</v>
      </c>
    </row>
    <row r="19934" spans="1:10" x14ac:dyDescent="0.35">
      <c r="A19934" s="1" t="s">
        <v>71357</v>
      </c>
      <c r="B19934" s="1" t="s">
        <v>70629</v>
      </c>
      <c r="C19934" s="1" t="s">
        <v>8</v>
      </c>
      <c r="D19934" s="1" t="s">
        <v>372</v>
      </c>
      <c r="E19934" s="1" t="s">
        <v>71358</v>
      </c>
      <c r="F19934" s="1" t="s">
        <v>71359</v>
      </c>
      <c r="G19934" s="1" t="s">
        <v>71360</v>
      </c>
      <c r="H19934" s="1" t="s">
        <v>71361</v>
      </c>
      <c r="I19934" s="1" t="s">
        <v>70634</v>
      </c>
      <c r="J19934" s="1" t="s">
        <v>13</v>
      </c>
    </row>
    <row r="19935" spans="1:10" x14ac:dyDescent="0.35">
      <c r="A19935" s="1" t="s">
        <v>71357</v>
      </c>
      <c r="B19935" s="1" t="s">
        <v>70629</v>
      </c>
      <c r="C19935" s="1" t="s">
        <v>15</v>
      </c>
      <c r="D19935" s="1" t="s">
        <v>71362</v>
      </c>
      <c r="E19935" s="1" t="s">
        <v>71363</v>
      </c>
      <c r="F19935" s="1" t="s">
        <v>71364</v>
      </c>
      <c r="G19935" s="1" t="s">
        <v>71360</v>
      </c>
      <c r="H19935" s="1" t="s">
        <v>71361</v>
      </c>
      <c r="I19935" s="1" t="s">
        <v>70634</v>
      </c>
      <c r="J19935" s="1" t="s">
        <v>71365</v>
      </c>
    </row>
    <row r="19936" spans="1:10" x14ac:dyDescent="0.35">
      <c r="A19936" s="1" t="s">
        <v>71357</v>
      </c>
      <c r="B19936" s="1" t="s">
        <v>70629</v>
      </c>
      <c r="C19936" s="1" t="s">
        <v>20</v>
      </c>
      <c r="D19936" s="1" t="s">
        <v>71366</v>
      </c>
      <c r="E19936" s="1" t="s">
        <v>71367</v>
      </c>
      <c r="F19936" s="1" t="s">
        <v>71368</v>
      </c>
      <c r="G19936" s="1" t="s">
        <v>71360</v>
      </c>
      <c r="H19936" s="1" t="s">
        <v>71361</v>
      </c>
      <c r="I19936" s="1" t="s">
        <v>70634</v>
      </c>
      <c r="J19936" s="1" t="s">
        <v>71369</v>
      </c>
    </row>
    <row r="19937" spans="1:10" x14ac:dyDescent="0.35">
      <c r="A19937" s="1" t="s">
        <v>71357</v>
      </c>
      <c r="B19937" s="1" t="s">
        <v>70629</v>
      </c>
      <c r="C19937" s="1" t="s">
        <v>25</v>
      </c>
      <c r="D19937" s="1" t="s">
        <v>36228</v>
      </c>
      <c r="E19937" s="1" t="s">
        <v>71370</v>
      </c>
      <c r="F19937" s="1" t="s">
        <v>71371</v>
      </c>
      <c r="G19937" s="1" t="s">
        <v>71360</v>
      </c>
      <c r="H19937" s="1" t="s">
        <v>71361</v>
      </c>
      <c r="I19937" s="1" t="s">
        <v>70634</v>
      </c>
      <c r="J19937" s="1" t="s">
        <v>71372</v>
      </c>
    </row>
    <row r="19938" spans="1:10" x14ac:dyDescent="0.35">
      <c r="A19938" s="1" t="s">
        <v>71357</v>
      </c>
      <c r="B19938" s="1" t="s">
        <v>70629</v>
      </c>
      <c r="C19938" s="1" t="s">
        <v>30</v>
      </c>
      <c r="D19938" s="1" t="s">
        <v>71373</v>
      </c>
      <c r="E19938" s="1" t="s">
        <v>71374</v>
      </c>
      <c r="F19938" s="1" t="s">
        <v>71375</v>
      </c>
      <c r="G19938" s="1" t="s">
        <v>71360</v>
      </c>
      <c r="H19938" s="1" t="s">
        <v>71361</v>
      </c>
      <c r="I19938" s="1" t="s">
        <v>70634</v>
      </c>
      <c r="J19938" s="1" t="s">
        <v>71376</v>
      </c>
    </row>
    <row r="19939" spans="1:10" x14ac:dyDescent="0.35">
      <c r="A19939" s="1" t="s">
        <v>71357</v>
      </c>
      <c r="B19939" s="1" t="s">
        <v>70629</v>
      </c>
      <c r="C19939" s="1" t="s">
        <v>35</v>
      </c>
      <c r="D19939" s="1" t="s">
        <v>16364</v>
      </c>
      <c r="E19939" s="1" t="s">
        <v>71377</v>
      </c>
      <c r="F19939" s="1" t="s">
        <v>71378</v>
      </c>
      <c r="G19939" s="1" t="s">
        <v>71360</v>
      </c>
      <c r="H19939" s="1" t="s">
        <v>71361</v>
      </c>
      <c r="I19939" s="1" t="s">
        <v>70634</v>
      </c>
      <c r="J19939" s="1" t="s">
        <v>71379</v>
      </c>
    </row>
    <row r="19940" spans="1:10" x14ac:dyDescent="0.35">
      <c r="A19940" s="1" t="s">
        <v>71357</v>
      </c>
      <c r="B19940" s="1" t="s">
        <v>70629</v>
      </c>
      <c r="C19940" s="1" t="s">
        <v>40</v>
      </c>
      <c r="D19940" s="1" t="s">
        <v>71380</v>
      </c>
      <c r="E19940" s="1" t="s">
        <v>71381</v>
      </c>
      <c r="F19940" s="1" t="s">
        <v>71382</v>
      </c>
      <c r="G19940" s="1" t="s">
        <v>71360</v>
      </c>
      <c r="H19940" s="1" t="s">
        <v>71361</v>
      </c>
      <c r="I19940" s="1" t="s">
        <v>70634</v>
      </c>
      <c r="J19940" s="1" t="s">
        <v>71383</v>
      </c>
    </row>
    <row r="19941" spans="1:10" x14ac:dyDescent="0.35">
      <c r="A19941" s="1" t="s">
        <v>71357</v>
      </c>
      <c r="B19941" s="1" t="s">
        <v>70629</v>
      </c>
      <c r="C19941" s="1" t="s">
        <v>45</v>
      </c>
      <c r="D19941" s="1" t="s">
        <v>71384</v>
      </c>
      <c r="E19941" s="1" t="s">
        <v>71385</v>
      </c>
      <c r="F19941" s="1" t="s">
        <v>71386</v>
      </c>
      <c r="G19941" s="1" t="s">
        <v>71360</v>
      </c>
      <c r="H19941" s="1" t="s">
        <v>71361</v>
      </c>
      <c r="I19941" s="1" t="s">
        <v>70634</v>
      </c>
      <c r="J19941" s="1" t="s">
        <v>71387</v>
      </c>
    </row>
    <row r="19942" spans="1:10" x14ac:dyDescent="0.35">
      <c r="A19942" s="1" t="s">
        <v>71357</v>
      </c>
      <c r="B19942" s="1" t="s">
        <v>70629</v>
      </c>
      <c r="C19942" s="1" t="s">
        <v>50</v>
      </c>
      <c r="D19942" s="1" t="s">
        <v>71388</v>
      </c>
      <c r="E19942" s="1" t="s">
        <v>71389</v>
      </c>
      <c r="F19942" s="1" t="s">
        <v>71390</v>
      </c>
      <c r="G19942" s="1" t="s">
        <v>71360</v>
      </c>
      <c r="H19942" s="1" t="s">
        <v>71361</v>
      </c>
      <c r="I19942" s="1" t="s">
        <v>70634</v>
      </c>
      <c r="J19942" s="1" t="s">
        <v>71391</v>
      </c>
    </row>
    <row r="19943" spans="1:10" x14ac:dyDescent="0.35">
      <c r="A19943" s="1" t="s">
        <v>71357</v>
      </c>
      <c r="B19943" s="1" t="s">
        <v>70629</v>
      </c>
      <c r="C19943" s="1" t="s">
        <v>55</v>
      </c>
      <c r="D19943" s="1" t="s">
        <v>35095</v>
      </c>
      <c r="E19943" s="1" t="s">
        <v>71392</v>
      </c>
      <c r="F19943" s="1" t="s">
        <v>71393</v>
      </c>
      <c r="G19943" s="1" t="s">
        <v>71360</v>
      </c>
      <c r="H19943" s="1" t="s">
        <v>71361</v>
      </c>
      <c r="I19943" s="1" t="s">
        <v>70634</v>
      </c>
      <c r="J19943" s="1" t="s">
        <v>71394</v>
      </c>
    </row>
    <row r="19944" spans="1:10" x14ac:dyDescent="0.35">
      <c r="A19944" s="1" t="s">
        <v>71357</v>
      </c>
      <c r="B19944" s="1" t="s">
        <v>70629</v>
      </c>
      <c r="C19944" s="1" t="s">
        <v>60</v>
      </c>
      <c r="D19944" s="1" t="s">
        <v>71395</v>
      </c>
      <c r="E19944" s="1" t="s">
        <v>71396</v>
      </c>
      <c r="F19944" s="1" t="s">
        <v>71397</v>
      </c>
      <c r="G19944" s="1" t="s">
        <v>71360</v>
      </c>
      <c r="H19944" s="1" t="s">
        <v>71361</v>
      </c>
      <c r="I19944" s="1" t="s">
        <v>70634</v>
      </c>
      <c r="J19944" s="1" t="s">
        <v>71398</v>
      </c>
    </row>
    <row r="19945" spans="1:10" x14ac:dyDescent="0.35">
      <c r="A19945" s="1" t="s">
        <v>71357</v>
      </c>
      <c r="B19945" s="1" t="s">
        <v>70629</v>
      </c>
      <c r="C19945" s="1" t="s">
        <v>65</v>
      </c>
      <c r="D19945" s="1" t="s">
        <v>35438</v>
      </c>
      <c r="E19945" s="1" t="s">
        <v>71399</v>
      </c>
      <c r="F19945" s="1" t="s">
        <v>71400</v>
      </c>
      <c r="G19945" s="1" t="s">
        <v>71360</v>
      </c>
      <c r="H19945" s="1" t="s">
        <v>71361</v>
      </c>
      <c r="I19945" s="1" t="s">
        <v>70634</v>
      </c>
      <c r="J19945" s="1" t="s">
        <v>71401</v>
      </c>
    </row>
    <row r="19946" spans="1:10" x14ac:dyDescent="0.35">
      <c r="A19946" s="1" t="s">
        <v>71357</v>
      </c>
      <c r="B19946" s="1" t="s">
        <v>70629</v>
      </c>
      <c r="C19946" s="1" t="s">
        <v>70</v>
      </c>
      <c r="D19946" s="1" t="s">
        <v>8777</v>
      </c>
      <c r="E19946" s="1" t="s">
        <v>71402</v>
      </c>
      <c r="F19946" s="1" t="s">
        <v>71403</v>
      </c>
      <c r="G19946" s="1" t="s">
        <v>71360</v>
      </c>
      <c r="H19946" s="1" t="s">
        <v>71361</v>
      </c>
      <c r="I19946" s="1" t="s">
        <v>70634</v>
      </c>
      <c r="J19946" s="1" t="s">
        <v>71404</v>
      </c>
    </row>
    <row r="19947" spans="1:10" x14ac:dyDescent="0.35">
      <c r="A19947" s="1" t="s">
        <v>71357</v>
      </c>
      <c r="B19947" s="1" t="s">
        <v>70629</v>
      </c>
      <c r="C19947" s="1" t="s">
        <v>75</v>
      </c>
      <c r="D19947" s="1" t="s">
        <v>71405</v>
      </c>
      <c r="E19947" s="1" t="s">
        <v>71406</v>
      </c>
      <c r="F19947" s="1" t="s">
        <v>71407</v>
      </c>
      <c r="G19947" s="1" t="s">
        <v>71360</v>
      </c>
      <c r="H19947" s="1" t="s">
        <v>71361</v>
      </c>
      <c r="I19947" s="1" t="s">
        <v>70634</v>
      </c>
      <c r="J19947" s="1" t="s">
        <v>71408</v>
      </c>
    </row>
    <row r="19948" spans="1:10" x14ac:dyDescent="0.35">
      <c r="A19948" s="1" t="s">
        <v>71357</v>
      </c>
      <c r="B19948" s="1" t="s">
        <v>70629</v>
      </c>
      <c r="C19948" s="1" t="s">
        <v>80</v>
      </c>
      <c r="D19948" s="1" t="s">
        <v>71409</v>
      </c>
      <c r="E19948" s="1" t="s">
        <v>71410</v>
      </c>
      <c r="F19948" s="1" t="s">
        <v>71411</v>
      </c>
      <c r="G19948" s="1" t="s">
        <v>71360</v>
      </c>
      <c r="H19948" s="1" t="s">
        <v>71361</v>
      </c>
      <c r="I19948" s="1" t="s">
        <v>70634</v>
      </c>
      <c r="J19948" s="1" t="s">
        <v>71412</v>
      </c>
    </row>
    <row r="19949" spans="1:10" x14ac:dyDescent="0.35">
      <c r="A19949" s="1" t="s">
        <v>71357</v>
      </c>
      <c r="B19949" s="1" t="s">
        <v>70629</v>
      </c>
      <c r="C19949" s="1" t="s">
        <v>85</v>
      </c>
      <c r="D19949" s="1" t="s">
        <v>71413</v>
      </c>
      <c r="E19949" s="1" t="s">
        <v>71414</v>
      </c>
      <c r="F19949" s="1" t="s">
        <v>71415</v>
      </c>
      <c r="G19949" s="1" t="s">
        <v>71360</v>
      </c>
      <c r="H19949" s="1" t="s">
        <v>71361</v>
      </c>
      <c r="I19949" s="1" t="s">
        <v>70634</v>
      </c>
      <c r="J19949" s="1" t="s">
        <v>71416</v>
      </c>
    </row>
    <row r="19950" spans="1:10" x14ac:dyDescent="0.35">
      <c r="A19950" s="1" t="s">
        <v>71357</v>
      </c>
      <c r="B19950" s="1" t="s">
        <v>70629</v>
      </c>
      <c r="C19950" s="1" t="s">
        <v>90</v>
      </c>
      <c r="D19950" s="1" t="s">
        <v>28335</v>
      </c>
      <c r="E19950" s="1" t="s">
        <v>71417</v>
      </c>
      <c r="F19950" s="1" t="s">
        <v>71418</v>
      </c>
      <c r="G19950" s="1" t="s">
        <v>71360</v>
      </c>
      <c r="H19950" s="1" t="s">
        <v>71361</v>
      </c>
      <c r="I19950" s="1" t="s">
        <v>70634</v>
      </c>
      <c r="J19950" s="1" t="s">
        <v>71419</v>
      </c>
    </row>
    <row r="19951" spans="1:10" x14ac:dyDescent="0.35">
      <c r="A19951" s="1" t="s">
        <v>71357</v>
      </c>
      <c r="B19951" s="1" t="s">
        <v>70629</v>
      </c>
      <c r="C19951" s="1" t="s">
        <v>95</v>
      </c>
      <c r="D19951" s="1" t="s">
        <v>16019</v>
      </c>
      <c r="E19951" s="1" t="s">
        <v>71420</v>
      </c>
      <c r="F19951" s="1" t="s">
        <v>71421</v>
      </c>
      <c r="G19951" s="1" t="s">
        <v>71360</v>
      </c>
      <c r="H19951" s="1" t="s">
        <v>71361</v>
      </c>
      <c r="I19951" s="1" t="s">
        <v>70634</v>
      </c>
      <c r="J19951" s="1" t="s">
        <v>71422</v>
      </c>
    </row>
    <row r="19952" spans="1:10" x14ac:dyDescent="0.35">
      <c r="A19952" s="1" t="s">
        <v>71357</v>
      </c>
      <c r="B19952" s="1" t="s">
        <v>70629</v>
      </c>
      <c r="C19952" s="1" t="s">
        <v>100</v>
      </c>
      <c r="D19952" s="1" t="s">
        <v>33065</v>
      </c>
      <c r="E19952" s="1" t="s">
        <v>71423</v>
      </c>
      <c r="F19952" s="1" t="s">
        <v>71424</v>
      </c>
      <c r="G19952" s="1" t="s">
        <v>71360</v>
      </c>
      <c r="H19952" s="1" t="s">
        <v>71361</v>
      </c>
      <c r="I19952" s="1" t="s">
        <v>70634</v>
      </c>
      <c r="J19952" s="1" t="s">
        <v>71425</v>
      </c>
    </row>
    <row r="19953" spans="1:10" x14ac:dyDescent="0.35">
      <c r="A19953" s="1" t="s">
        <v>71357</v>
      </c>
      <c r="B19953" s="1" t="s">
        <v>70629</v>
      </c>
      <c r="C19953" s="1" t="s">
        <v>105</v>
      </c>
      <c r="D19953" s="1" t="s">
        <v>9778</v>
      </c>
      <c r="E19953" s="1" t="s">
        <v>71426</v>
      </c>
      <c r="F19953" s="1" t="s">
        <v>71427</v>
      </c>
      <c r="G19953" s="1" t="s">
        <v>71360</v>
      </c>
      <c r="H19953" s="1" t="s">
        <v>71361</v>
      </c>
      <c r="I19953" s="1" t="s">
        <v>70634</v>
      </c>
      <c r="J19953" s="1" t="s">
        <v>71428</v>
      </c>
    </row>
    <row r="19954" spans="1:10" x14ac:dyDescent="0.35">
      <c r="A19954" s="1" t="s">
        <v>71357</v>
      </c>
      <c r="B19954" s="1" t="s">
        <v>70629</v>
      </c>
      <c r="C19954" s="1" t="s">
        <v>110</v>
      </c>
      <c r="D19954" s="1" t="s">
        <v>37134</v>
      </c>
      <c r="E19954" s="1" t="s">
        <v>71429</v>
      </c>
      <c r="F19954" s="1" t="s">
        <v>71430</v>
      </c>
      <c r="G19954" s="1" t="s">
        <v>71360</v>
      </c>
      <c r="H19954" s="1" t="s">
        <v>71361</v>
      </c>
      <c r="I19954" s="1" t="s">
        <v>70634</v>
      </c>
      <c r="J19954" s="1" t="s">
        <v>71431</v>
      </c>
    </row>
    <row r="19955" spans="1:10" x14ac:dyDescent="0.35">
      <c r="A19955" s="1" t="s">
        <v>71357</v>
      </c>
      <c r="B19955" s="1" t="s">
        <v>70629</v>
      </c>
      <c r="C19955" s="1" t="s">
        <v>115</v>
      </c>
      <c r="D19955" s="1" t="s">
        <v>71432</v>
      </c>
      <c r="E19955" s="1" t="s">
        <v>71433</v>
      </c>
      <c r="F19955" s="1" t="s">
        <v>71434</v>
      </c>
      <c r="G19955" s="1" t="s">
        <v>71360</v>
      </c>
      <c r="H19955" s="1" t="s">
        <v>71361</v>
      </c>
      <c r="I19955" s="1" t="s">
        <v>70634</v>
      </c>
      <c r="J19955" s="1" t="s">
        <v>71435</v>
      </c>
    </row>
    <row r="19956" spans="1:10" x14ac:dyDescent="0.35">
      <c r="A19956" s="1" t="s">
        <v>71357</v>
      </c>
      <c r="B19956" s="1" t="s">
        <v>70629</v>
      </c>
      <c r="C19956" s="1" t="s">
        <v>120</v>
      </c>
      <c r="D19956" s="1" t="s">
        <v>71436</v>
      </c>
      <c r="E19956" s="1" t="s">
        <v>71437</v>
      </c>
      <c r="F19956" s="1" t="s">
        <v>71438</v>
      </c>
      <c r="G19956" s="1" t="s">
        <v>71360</v>
      </c>
      <c r="H19956" s="1" t="s">
        <v>71361</v>
      </c>
      <c r="I19956" s="1" t="s">
        <v>70634</v>
      </c>
      <c r="J19956" s="1" t="s">
        <v>71439</v>
      </c>
    </row>
    <row r="19957" spans="1:10" x14ac:dyDescent="0.35">
      <c r="A19957" s="1" t="s">
        <v>71357</v>
      </c>
      <c r="B19957" s="1" t="s">
        <v>70629</v>
      </c>
      <c r="C19957" s="1" t="s">
        <v>125</v>
      </c>
      <c r="D19957" s="1" t="s">
        <v>71440</v>
      </c>
      <c r="E19957" s="1" t="s">
        <v>71441</v>
      </c>
      <c r="F19957" s="1" t="s">
        <v>71442</v>
      </c>
      <c r="G19957" s="1" t="s">
        <v>71360</v>
      </c>
      <c r="H19957" s="1" t="s">
        <v>71361</v>
      </c>
      <c r="I19957" s="1" t="s">
        <v>70634</v>
      </c>
      <c r="J19957" s="1" t="s">
        <v>71443</v>
      </c>
    </row>
    <row r="19958" spans="1:10" x14ac:dyDescent="0.35">
      <c r="A19958" s="1" t="s">
        <v>71357</v>
      </c>
      <c r="B19958" s="1" t="s">
        <v>70629</v>
      </c>
      <c r="C19958" s="1" t="s">
        <v>130</v>
      </c>
      <c r="D19958" s="1" t="s">
        <v>71444</v>
      </c>
      <c r="E19958" s="1" t="s">
        <v>71445</v>
      </c>
      <c r="F19958" s="1" t="s">
        <v>71446</v>
      </c>
      <c r="G19958" s="1" t="s">
        <v>71360</v>
      </c>
      <c r="H19958" s="1" t="s">
        <v>71361</v>
      </c>
      <c r="I19958" s="1" t="s">
        <v>70634</v>
      </c>
      <c r="J19958" s="1" t="s">
        <v>71447</v>
      </c>
    </row>
    <row r="19959" spans="1:10" x14ac:dyDescent="0.35">
      <c r="A19959" s="1" t="s">
        <v>71357</v>
      </c>
      <c r="B19959" s="1" t="s">
        <v>70629</v>
      </c>
      <c r="C19959" s="1" t="s">
        <v>135</v>
      </c>
      <c r="D19959" s="1" t="s">
        <v>71448</v>
      </c>
      <c r="E19959" s="1" t="s">
        <v>71449</v>
      </c>
      <c r="F19959" s="1" t="s">
        <v>71450</v>
      </c>
      <c r="G19959" s="1" t="s">
        <v>71360</v>
      </c>
      <c r="H19959" s="1" t="s">
        <v>71361</v>
      </c>
      <c r="I19959" s="1" t="s">
        <v>70634</v>
      </c>
      <c r="J19959" s="1" t="s">
        <v>71451</v>
      </c>
    </row>
    <row r="19960" spans="1:10" x14ac:dyDescent="0.35">
      <c r="A19960" s="1" t="s">
        <v>71357</v>
      </c>
      <c r="B19960" s="1" t="s">
        <v>70629</v>
      </c>
      <c r="C19960" s="1" t="s">
        <v>140</v>
      </c>
      <c r="D19960" s="1" t="s">
        <v>71452</v>
      </c>
      <c r="E19960" s="1" t="s">
        <v>71453</v>
      </c>
      <c r="F19960" s="1" t="s">
        <v>71454</v>
      </c>
      <c r="G19960" s="1" t="s">
        <v>71360</v>
      </c>
      <c r="H19960" s="1" t="s">
        <v>71361</v>
      </c>
      <c r="I19960" s="1" t="s">
        <v>70634</v>
      </c>
      <c r="J19960" s="1" t="s">
        <v>71455</v>
      </c>
    </row>
    <row r="19961" spans="1:10" x14ac:dyDescent="0.35">
      <c r="A19961" s="1" t="s">
        <v>71357</v>
      </c>
      <c r="B19961" s="1" t="s">
        <v>70629</v>
      </c>
      <c r="C19961" s="1" t="s">
        <v>145</v>
      </c>
      <c r="D19961" s="1" t="s">
        <v>71456</v>
      </c>
      <c r="E19961" s="1" t="s">
        <v>71457</v>
      </c>
      <c r="F19961" s="1" t="s">
        <v>71458</v>
      </c>
      <c r="G19961" s="1" t="s">
        <v>71360</v>
      </c>
      <c r="H19961" s="1" t="s">
        <v>71361</v>
      </c>
      <c r="I19961" s="1" t="s">
        <v>70634</v>
      </c>
      <c r="J19961" s="1" t="s">
        <v>71459</v>
      </c>
    </row>
    <row r="19962" spans="1:10" x14ac:dyDescent="0.35">
      <c r="A19962" s="1" t="s">
        <v>71357</v>
      </c>
      <c r="B19962" s="1" t="s">
        <v>70629</v>
      </c>
      <c r="C19962" s="1" t="s">
        <v>150</v>
      </c>
      <c r="D19962" s="1" t="s">
        <v>71460</v>
      </c>
      <c r="E19962" s="1" t="s">
        <v>71461</v>
      </c>
      <c r="F19962" s="1" t="s">
        <v>71462</v>
      </c>
      <c r="G19962" s="1" t="s">
        <v>71360</v>
      </c>
      <c r="H19962" s="1" t="s">
        <v>71361</v>
      </c>
      <c r="I19962" s="1" t="s">
        <v>70634</v>
      </c>
      <c r="J19962" s="1" t="s">
        <v>71463</v>
      </c>
    </row>
    <row r="19963" spans="1:10" x14ac:dyDescent="0.35">
      <c r="A19963" s="1" t="s">
        <v>71357</v>
      </c>
      <c r="B19963" s="1" t="s">
        <v>70629</v>
      </c>
      <c r="C19963" s="1" t="s">
        <v>155</v>
      </c>
      <c r="D19963" s="1" t="s">
        <v>71464</v>
      </c>
      <c r="E19963" s="1" t="s">
        <v>71465</v>
      </c>
      <c r="F19963" s="1" t="s">
        <v>71466</v>
      </c>
      <c r="G19963" s="1" t="s">
        <v>71360</v>
      </c>
      <c r="H19963" s="1" t="s">
        <v>71361</v>
      </c>
      <c r="I19963" s="1" t="s">
        <v>70634</v>
      </c>
      <c r="J19963" s="1" t="s">
        <v>71467</v>
      </c>
    </row>
    <row r="19964" spans="1:10" x14ac:dyDescent="0.35">
      <c r="A19964" s="1" t="s">
        <v>71357</v>
      </c>
      <c r="B19964" s="1" t="s">
        <v>70629</v>
      </c>
      <c r="C19964" s="1" t="s">
        <v>160</v>
      </c>
      <c r="D19964" s="1" t="s">
        <v>71468</v>
      </c>
      <c r="E19964" s="1" t="s">
        <v>71469</v>
      </c>
      <c r="F19964" s="1" t="s">
        <v>71470</v>
      </c>
      <c r="G19964" s="1" t="s">
        <v>71360</v>
      </c>
      <c r="H19964" s="1" t="s">
        <v>71361</v>
      </c>
      <c r="I19964" s="1" t="s">
        <v>70634</v>
      </c>
      <c r="J19964" s="1" t="s">
        <v>71471</v>
      </c>
    </row>
    <row r="19965" spans="1:10" x14ac:dyDescent="0.35">
      <c r="A19965" s="1" t="s">
        <v>71357</v>
      </c>
      <c r="B19965" s="1" t="s">
        <v>70629</v>
      </c>
      <c r="C19965" s="1" t="s">
        <v>165</v>
      </c>
      <c r="D19965" s="1" t="s">
        <v>71472</v>
      </c>
      <c r="E19965" s="1" t="s">
        <v>71473</v>
      </c>
      <c r="F19965" s="1" t="s">
        <v>71474</v>
      </c>
      <c r="G19965" s="1" t="s">
        <v>71360</v>
      </c>
      <c r="H19965" s="1" t="s">
        <v>71361</v>
      </c>
      <c r="I19965" s="1" t="s">
        <v>70634</v>
      </c>
      <c r="J19965" s="1" t="s">
        <v>71475</v>
      </c>
    </row>
    <row r="19966" spans="1:10" x14ac:dyDescent="0.35">
      <c r="A19966" s="1" t="s">
        <v>71357</v>
      </c>
      <c r="B19966" s="1" t="s">
        <v>70629</v>
      </c>
      <c r="C19966" s="1" t="s">
        <v>170</v>
      </c>
      <c r="D19966" s="1" t="s">
        <v>71476</v>
      </c>
      <c r="E19966" s="1" t="s">
        <v>71477</v>
      </c>
      <c r="F19966" s="1" t="s">
        <v>71478</v>
      </c>
      <c r="G19966" s="1" t="s">
        <v>71360</v>
      </c>
      <c r="H19966" s="1" t="s">
        <v>71361</v>
      </c>
      <c r="I19966" s="1" t="s">
        <v>70634</v>
      </c>
      <c r="J19966" s="1" t="s">
        <v>71479</v>
      </c>
    </row>
    <row r="19967" spans="1:10" x14ac:dyDescent="0.35">
      <c r="A19967" s="1" t="s">
        <v>25458</v>
      </c>
      <c r="B19967" s="1" t="s">
        <v>70629</v>
      </c>
      <c r="C19967" s="1" t="s">
        <v>8</v>
      </c>
      <c r="D19967" s="1" t="s">
        <v>71480</v>
      </c>
      <c r="E19967" s="1" t="s">
        <v>71481</v>
      </c>
      <c r="F19967" s="1" t="s">
        <v>71482</v>
      </c>
      <c r="G19967" s="1" t="s">
        <v>71483</v>
      </c>
      <c r="H19967" s="1" t="s">
        <v>71484</v>
      </c>
      <c r="I19967" s="1" t="s">
        <v>70634</v>
      </c>
      <c r="J19967" s="1" t="s">
        <v>13</v>
      </c>
    </row>
    <row r="19968" spans="1:10" x14ac:dyDescent="0.35">
      <c r="A19968" s="1" t="s">
        <v>25458</v>
      </c>
      <c r="B19968" s="1" t="s">
        <v>70629</v>
      </c>
      <c r="C19968" s="1" t="s">
        <v>15</v>
      </c>
      <c r="D19968" s="1" t="s">
        <v>71485</v>
      </c>
      <c r="E19968" s="1" t="s">
        <v>71486</v>
      </c>
      <c r="F19968" s="1" t="s">
        <v>71487</v>
      </c>
      <c r="G19968" s="1" t="s">
        <v>71483</v>
      </c>
      <c r="H19968" s="1" t="s">
        <v>71484</v>
      </c>
      <c r="I19968" s="1" t="s">
        <v>70634</v>
      </c>
      <c r="J19968" s="1" t="s">
        <v>71488</v>
      </c>
    </row>
    <row r="19969" spans="1:10" x14ac:dyDescent="0.35">
      <c r="A19969" s="1" t="s">
        <v>25458</v>
      </c>
      <c r="B19969" s="1" t="s">
        <v>70629</v>
      </c>
      <c r="C19969" s="1" t="s">
        <v>20</v>
      </c>
      <c r="D19969" s="1" t="s">
        <v>71489</v>
      </c>
      <c r="E19969" s="1" t="s">
        <v>71490</v>
      </c>
      <c r="F19969" s="1" t="s">
        <v>71491</v>
      </c>
      <c r="G19969" s="1" t="s">
        <v>71483</v>
      </c>
      <c r="H19969" s="1" t="s">
        <v>71484</v>
      </c>
      <c r="I19969" s="1" t="s">
        <v>70634</v>
      </c>
      <c r="J19969" s="1" t="s">
        <v>71492</v>
      </c>
    </row>
    <row r="19970" spans="1:10" x14ac:dyDescent="0.35">
      <c r="A19970" s="1" t="s">
        <v>25458</v>
      </c>
      <c r="B19970" s="1" t="s">
        <v>70629</v>
      </c>
      <c r="C19970" s="1" t="s">
        <v>25</v>
      </c>
      <c r="D19970" s="1" t="s">
        <v>71493</v>
      </c>
      <c r="E19970" s="1" t="s">
        <v>71494</v>
      </c>
      <c r="F19970" s="1" t="s">
        <v>71495</v>
      </c>
      <c r="G19970" s="1" t="s">
        <v>71483</v>
      </c>
      <c r="H19970" s="1" t="s">
        <v>71484</v>
      </c>
      <c r="I19970" s="1" t="s">
        <v>70634</v>
      </c>
      <c r="J19970" s="1" t="s">
        <v>71496</v>
      </c>
    </row>
    <row r="19971" spans="1:10" x14ac:dyDescent="0.35">
      <c r="A19971" s="1" t="s">
        <v>25458</v>
      </c>
      <c r="B19971" s="1" t="s">
        <v>70629</v>
      </c>
      <c r="C19971" s="1" t="s">
        <v>30</v>
      </c>
      <c r="D19971" s="1" t="s">
        <v>71497</v>
      </c>
      <c r="E19971" s="1" t="s">
        <v>71498</v>
      </c>
      <c r="F19971" s="1" t="s">
        <v>71499</v>
      </c>
      <c r="G19971" s="1" t="s">
        <v>71483</v>
      </c>
      <c r="H19971" s="1" t="s">
        <v>71484</v>
      </c>
      <c r="I19971" s="1" t="s">
        <v>70634</v>
      </c>
      <c r="J19971" s="1" t="s">
        <v>71500</v>
      </c>
    </row>
    <row r="19972" spans="1:10" x14ac:dyDescent="0.35">
      <c r="A19972" s="1" t="s">
        <v>25458</v>
      </c>
      <c r="B19972" s="1" t="s">
        <v>70629</v>
      </c>
      <c r="C19972" s="1" t="s">
        <v>35</v>
      </c>
      <c r="D19972" s="1" t="s">
        <v>71501</v>
      </c>
      <c r="E19972" s="1" t="s">
        <v>71502</v>
      </c>
      <c r="F19972" s="1" t="s">
        <v>71503</v>
      </c>
      <c r="G19972" s="1" t="s">
        <v>71483</v>
      </c>
      <c r="H19972" s="1" t="s">
        <v>71484</v>
      </c>
      <c r="I19972" s="1" t="s">
        <v>70634</v>
      </c>
      <c r="J19972" s="1" t="s">
        <v>71504</v>
      </c>
    </row>
    <row r="19973" spans="1:10" x14ac:dyDescent="0.35">
      <c r="A19973" s="1" t="s">
        <v>25458</v>
      </c>
      <c r="B19973" s="1" t="s">
        <v>70629</v>
      </c>
      <c r="C19973" s="1" t="s">
        <v>40</v>
      </c>
      <c r="D19973" s="1" t="s">
        <v>71505</v>
      </c>
      <c r="E19973" s="1" t="s">
        <v>71506</v>
      </c>
      <c r="F19973" s="1" t="s">
        <v>71507</v>
      </c>
      <c r="G19973" s="1" t="s">
        <v>71483</v>
      </c>
      <c r="H19973" s="1" t="s">
        <v>71484</v>
      </c>
      <c r="I19973" s="1" t="s">
        <v>70634</v>
      </c>
      <c r="J19973" s="1" t="s">
        <v>71508</v>
      </c>
    </row>
    <row r="19974" spans="1:10" x14ac:dyDescent="0.35">
      <c r="A19974" s="1" t="s">
        <v>25458</v>
      </c>
      <c r="B19974" s="1" t="s">
        <v>70629</v>
      </c>
      <c r="C19974" s="1" t="s">
        <v>45</v>
      </c>
      <c r="D19974" s="1" t="s">
        <v>71509</v>
      </c>
      <c r="E19974" s="1" t="s">
        <v>71510</v>
      </c>
      <c r="F19974" s="1" t="s">
        <v>71511</v>
      </c>
      <c r="G19974" s="1" t="s">
        <v>71483</v>
      </c>
      <c r="H19974" s="1" t="s">
        <v>71484</v>
      </c>
      <c r="I19974" s="1" t="s">
        <v>70634</v>
      </c>
      <c r="J19974" s="1" t="s">
        <v>71512</v>
      </c>
    </row>
    <row r="19975" spans="1:10" x14ac:dyDescent="0.35">
      <c r="A19975" s="1" t="s">
        <v>25458</v>
      </c>
      <c r="B19975" s="1" t="s">
        <v>70629</v>
      </c>
      <c r="C19975" s="1" t="s">
        <v>50</v>
      </c>
      <c r="D19975" s="1" t="s">
        <v>71513</v>
      </c>
      <c r="E19975" s="1" t="s">
        <v>71514</v>
      </c>
      <c r="F19975" s="1" t="s">
        <v>71515</v>
      </c>
      <c r="G19975" s="1" t="s">
        <v>71483</v>
      </c>
      <c r="H19975" s="1" t="s">
        <v>71484</v>
      </c>
      <c r="I19975" s="1" t="s">
        <v>70634</v>
      </c>
      <c r="J19975" s="1" t="s">
        <v>71516</v>
      </c>
    </row>
    <row r="19976" spans="1:10" x14ac:dyDescent="0.35">
      <c r="A19976" s="1" t="s">
        <v>25458</v>
      </c>
      <c r="B19976" s="1" t="s">
        <v>70629</v>
      </c>
      <c r="C19976" s="1" t="s">
        <v>55</v>
      </c>
      <c r="D19976" s="1" t="s">
        <v>71517</v>
      </c>
      <c r="E19976" s="1" t="s">
        <v>71518</v>
      </c>
      <c r="F19976" s="1" t="s">
        <v>71519</v>
      </c>
      <c r="G19976" s="1" t="s">
        <v>71483</v>
      </c>
      <c r="H19976" s="1" t="s">
        <v>71484</v>
      </c>
      <c r="I19976" s="1" t="s">
        <v>70634</v>
      </c>
      <c r="J19976" s="1" t="s">
        <v>71520</v>
      </c>
    </row>
    <row r="19977" spans="1:10" x14ac:dyDescent="0.35">
      <c r="A19977" s="1" t="s">
        <v>25458</v>
      </c>
      <c r="B19977" s="1" t="s">
        <v>70629</v>
      </c>
      <c r="C19977" s="1" t="s">
        <v>60</v>
      </c>
      <c r="D19977" s="1" t="s">
        <v>71521</v>
      </c>
      <c r="E19977" s="1" t="s">
        <v>71522</v>
      </c>
      <c r="F19977" s="1" t="s">
        <v>71523</v>
      </c>
      <c r="G19977" s="1" t="s">
        <v>71483</v>
      </c>
      <c r="H19977" s="1" t="s">
        <v>71484</v>
      </c>
      <c r="I19977" s="1" t="s">
        <v>70634</v>
      </c>
      <c r="J19977" s="1" t="s">
        <v>71524</v>
      </c>
    </row>
    <row r="19978" spans="1:10" x14ac:dyDescent="0.35">
      <c r="A19978" s="1" t="s">
        <v>25458</v>
      </c>
      <c r="B19978" s="1" t="s">
        <v>70629</v>
      </c>
      <c r="C19978" s="1" t="s">
        <v>65</v>
      </c>
      <c r="D19978" s="1" t="s">
        <v>71525</v>
      </c>
      <c r="E19978" s="1" t="s">
        <v>71526</v>
      </c>
      <c r="F19978" s="1" t="s">
        <v>71527</v>
      </c>
      <c r="G19978" s="1" t="s">
        <v>71483</v>
      </c>
      <c r="H19978" s="1" t="s">
        <v>71484</v>
      </c>
      <c r="I19978" s="1" t="s">
        <v>70634</v>
      </c>
      <c r="J19978" s="1" t="s">
        <v>71528</v>
      </c>
    </row>
    <row r="19979" spans="1:10" x14ac:dyDescent="0.35">
      <c r="A19979" s="1" t="s">
        <v>25458</v>
      </c>
      <c r="B19979" s="1" t="s">
        <v>70629</v>
      </c>
      <c r="C19979" s="1" t="s">
        <v>70</v>
      </c>
      <c r="D19979" s="1" t="s">
        <v>71529</v>
      </c>
      <c r="E19979" s="1" t="s">
        <v>71530</v>
      </c>
      <c r="F19979" s="1" t="s">
        <v>71531</v>
      </c>
      <c r="G19979" s="1" t="s">
        <v>71483</v>
      </c>
      <c r="H19979" s="1" t="s">
        <v>71484</v>
      </c>
      <c r="I19979" s="1" t="s">
        <v>70634</v>
      </c>
      <c r="J19979" s="1" t="s">
        <v>71532</v>
      </c>
    </row>
    <row r="19980" spans="1:10" x14ac:dyDescent="0.35">
      <c r="A19980" s="1" t="s">
        <v>25458</v>
      </c>
      <c r="B19980" s="1" t="s">
        <v>70629</v>
      </c>
      <c r="C19980" s="1" t="s">
        <v>75</v>
      </c>
      <c r="D19980" s="1" t="s">
        <v>71533</v>
      </c>
      <c r="E19980" s="1" t="s">
        <v>71530</v>
      </c>
      <c r="F19980" s="1" t="s">
        <v>71534</v>
      </c>
      <c r="G19980" s="1" t="s">
        <v>71483</v>
      </c>
      <c r="H19980" s="1" t="s">
        <v>71484</v>
      </c>
      <c r="I19980" s="1" t="s">
        <v>70634</v>
      </c>
      <c r="J19980" s="1" t="s">
        <v>71535</v>
      </c>
    </row>
    <row r="19981" spans="1:10" x14ac:dyDescent="0.35">
      <c r="A19981" s="1" t="s">
        <v>25458</v>
      </c>
      <c r="B19981" s="1" t="s">
        <v>70629</v>
      </c>
      <c r="C19981" s="1" t="s">
        <v>80</v>
      </c>
      <c r="D19981" s="1" t="s">
        <v>71536</v>
      </c>
      <c r="E19981" s="1" t="s">
        <v>71530</v>
      </c>
      <c r="F19981" s="1" t="s">
        <v>71537</v>
      </c>
      <c r="G19981" s="1" t="s">
        <v>71483</v>
      </c>
      <c r="H19981" s="1" t="s">
        <v>71484</v>
      </c>
      <c r="I19981" s="1" t="s">
        <v>70634</v>
      </c>
      <c r="J19981" s="1" t="s">
        <v>71538</v>
      </c>
    </row>
    <row r="19982" spans="1:10" x14ac:dyDescent="0.35">
      <c r="A19982" s="1" t="s">
        <v>25458</v>
      </c>
      <c r="B19982" s="1" t="s">
        <v>70629</v>
      </c>
      <c r="C19982" s="1" t="s">
        <v>85</v>
      </c>
      <c r="D19982" s="1" t="s">
        <v>58533</v>
      </c>
      <c r="E19982" s="1" t="s">
        <v>71530</v>
      </c>
      <c r="F19982" s="1" t="s">
        <v>71539</v>
      </c>
      <c r="G19982" s="1" t="s">
        <v>71483</v>
      </c>
      <c r="H19982" s="1" t="s">
        <v>71484</v>
      </c>
      <c r="I19982" s="1" t="s">
        <v>70634</v>
      </c>
      <c r="J19982" s="1" t="s">
        <v>71540</v>
      </c>
    </row>
    <row r="19983" spans="1:10" x14ac:dyDescent="0.35">
      <c r="A19983" s="1" t="s">
        <v>25458</v>
      </c>
      <c r="B19983" s="1" t="s">
        <v>70629</v>
      </c>
      <c r="C19983" s="1" t="s">
        <v>90</v>
      </c>
      <c r="D19983" s="1" t="s">
        <v>71541</v>
      </c>
      <c r="E19983" s="1" t="s">
        <v>71530</v>
      </c>
      <c r="F19983" s="1" t="s">
        <v>71542</v>
      </c>
      <c r="G19983" s="1" t="s">
        <v>71483</v>
      </c>
      <c r="H19983" s="1" t="s">
        <v>71484</v>
      </c>
      <c r="I19983" s="1" t="s">
        <v>70634</v>
      </c>
      <c r="J19983" s="1" t="s">
        <v>71543</v>
      </c>
    </row>
    <row r="19984" spans="1:10" x14ac:dyDescent="0.35">
      <c r="A19984" s="1" t="s">
        <v>25458</v>
      </c>
      <c r="B19984" s="1" t="s">
        <v>70629</v>
      </c>
      <c r="C19984" s="1" t="s">
        <v>95</v>
      </c>
      <c r="D19984" s="1" t="s">
        <v>71544</v>
      </c>
      <c r="E19984" s="1" t="s">
        <v>71530</v>
      </c>
      <c r="F19984" s="1" t="s">
        <v>71545</v>
      </c>
      <c r="G19984" s="1" t="s">
        <v>71483</v>
      </c>
      <c r="H19984" s="1" t="s">
        <v>71484</v>
      </c>
      <c r="I19984" s="1" t="s">
        <v>70634</v>
      </c>
      <c r="J19984" s="1" t="s">
        <v>71546</v>
      </c>
    </row>
    <row r="19985" spans="1:10" x14ac:dyDescent="0.35">
      <c r="A19985" s="1" t="s">
        <v>25458</v>
      </c>
      <c r="B19985" s="1" t="s">
        <v>70629</v>
      </c>
      <c r="C19985" s="1" t="s">
        <v>100</v>
      </c>
      <c r="D19985" s="1" t="s">
        <v>71547</v>
      </c>
      <c r="E19985" s="1" t="s">
        <v>71548</v>
      </c>
      <c r="F19985" s="1" t="s">
        <v>71549</v>
      </c>
      <c r="G19985" s="1" t="s">
        <v>71483</v>
      </c>
      <c r="H19985" s="1" t="s">
        <v>71484</v>
      </c>
      <c r="I19985" s="1" t="s">
        <v>70634</v>
      </c>
      <c r="J19985" s="1" t="s">
        <v>71550</v>
      </c>
    </row>
    <row r="19986" spans="1:10" x14ac:dyDescent="0.35">
      <c r="A19986" s="1" t="s">
        <v>25458</v>
      </c>
      <c r="B19986" s="1" t="s">
        <v>70629</v>
      </c>
      <c r="C19986" s="1" t="s">
        <v>105</v>
      </c>
      <c r="D19986" s="1" t="s">
        <v>53248</v>
      </c>
      <c r="E19986" s="1" t="s">
        <v>71551</v>
      </c>
      <c r="F19986" s="1" t="s">
        <v>71552</v>
      </c>
      <c r="G19986" s="1" t="s">
        <v>71483</v>
      </c>
      <c r="H19986" s="1" t="s">
        <v>71484</v>
      </c>
      <c r="I19986" s="1" t="s">
        <v>70634</v>
      </c>
      <c r="J19986" s="1" t="s">
        <v>71553</v>
      </c>
    </row>
    <row r="19987" spans="1:10" x14ac:dyDescent="0.35">
      <c r="A19987" s="1" t="s">
        <v>25458</v>
      </c>
      <c r="B19987" s="1" t="s">
        <v>70629</v>
      </c>
      <c r="C19987" s="1" t="s">
        <v>110</v>
      </c>
      <c r="D19987" s="1" t="s">
        <v>71554</v>
      </c>
      <c r="E19987" s="1" t="s">
        <v>71555</v>
      </c>
      <c r="F19987" s="1" t="s">
        <v>71556</v>
      </c>
      <c r="G19987" s="1" t="s">
        <v>71483</v>
      </c>
      <c r="H19987" s="1" t="s">
        <v>71484</v>
      </c>
      <c r="I19987" s="1" t="s">
        <v>70634</v>
      </c>
      <c r="J19987" s="1" t="s">
        <v>71557</v>
      </c>
    </row>
    <row r="19988" spans="1:10" x14ac:dyDescent="0.35">
      <c r="A19988" s="1" t="s">
        <v>25458</v>
      </c>
      <c r="B19988" s="1" t="s">
        <v>70629</v>
      </c>
      <c r="C19988" s="1" t="s">
        <v>115</v>
      </c>
      <c r="D19988" s="1" t="s">
        <v>71558</v>
      </c>
      <c r="E19988" s="1" t="s">
        <v>71559</v>
      </c>
      <c r="F19988" s="1" t="s">
        <v>71560</v>
      </c>
      <c r="G19988" s="1" t="s">
        <v>71483</v>
      </c>
      <c r="H19988" s="1" t="s">
        <v>71484</v>
      </c>
      <c r="I19988" s="1" t="s">
        <v>70634</v>
      </c>
      <c r="J19988" s="1" t="s">
        <v>71561</v>
      </c>
    </row>
    <row r="19989" spans="1:10" x14ac:dyDescent="0.35">
      <c r="A19989" s="1" t="s">
        <v>25458</v>
      </c>
      <c r="B19989" s="1" t="s">
        <v>70629</v>
      </c>
      <c r="C19989" s="1" t="s">
        <v>120</v>
      </c>
      <c r="D19989" s="1" t="s">
        <v>71562</v>
      </c>
      <c r="E19989" s="1" t="s">
        <v>71563</v>
      </c>
      <c r="F19989" s="1" t="s">
        <v>71564</v>
      </c>
      <c r="G19989" s="1" t="s">
        <v>71483</v>
      </c>
      <c r="H19989" s="1" t="s">
        <v>71484</v>
      </c>
      <c r="I19989" s="1" t="s">
        <v>70634</v>
      </c>
      <c r="J19989" s="1" t="s">
        <v>71565</v>
      </c>
    </row>
    <row r="19990" spans="1:10" x14ac:dyDescent="0.35">
      <c r="A19990" s="1" t="s">
        <v>25458</v>
      </c>
      <c r="B19990" s="1" t="s">
        <v>70629</v>
      </c>
      <c r="C19990" s="1" t="s">
        <v>125</v>
      </c>
      <c r="D19990" s="1" t="s">
        <v>71566</v>
      </c>
      <c r="E19990" s="1" t="s">
        <v>71567</v>
      </c>
      <c r="F19990" s="1" t="s">
        <v>71568</v>
      </c>
      <c r="G19990" s="1" t="s">
        <v>71483</v>
      </c>
      <c r="H19990" s="1" t="s">
        <v>71484</v>
      </c>
      <c r="I19990" s="1" t="s">
        <v>70634</v>
      </c>
      <c r="J19990" s="1" t="s">
        <v>71569</v>
      </c>
    </row>
    <row r="19991" spans="1:10" x14ac:dyDescent="0.35">
      <c r="A19991" s="1" t="s">
        <v>25458</v>
      </c>
      <c r="B19991" s="1" t="s">
        <v>70629</v>
      </c>
      <c r="C19991" s="1" t="s">
        <v>130</v>
      </c>
      <c r="D19991" s="1" t="s">
        <v>71570</v>
      </c>
      <c r="E19991" s="1" t="s">
        <v>71571</v>
      </c>
      <c r="F19991" s="1" t="s">
        <v>71572</v>
      </c>
      <c r="G19991" s="1" t="s">
        <v>71483</v>
      </c>
      <c r="H19991" s="1" t="s">
        <v>71484</v>
      </c>
      <c r="I19991" s="1" t="s">
        <v>70634</v>
      </c>
      <c r="J19991" s="1" t="s">
        <v>71573</v>
      </c>
    </row>
    <row r="19992" spans="1:10" x14ac:dyDescent="0.35">
      <c r="A19992" s="1" t="s">
        <v>25458</v>
      </c>
      <c r="B19992" s="1" t="s">
        <v>70629</v>
      </c>
      <c r="C19992" s="1" t="s">
        <v>135</v>
      </c>
      <c r="D19992" s="1" t="s">
        <v>67759</v>
      </c>
      <c r="E19992" s="1" t="s">
        <v>71574</v>
      </c>
      <c r="F19992" s="1" t="s">
        <v>71575</v>
      </c>
      <c r="G19992" s="1" t="s">
        <v>71483</v>
      </c>
      <c r="H19992" s="1" t="s">
        <v>71484</v>
      </c>
      <c r="I19992" s="1" t="s">
        <v>70634</v>
      </c>
      <c r="J19992" s="1" t="s">
        <v>71576</v>
      </c>
    </row>
    <row r="19993" spans="1:10" x14ac:dyDescent="0.35">
      <c r="A19993" s="1" t="s">
        <v>25458</v>
      </c>
      <c r="B19993" s="1" t="s">
        <v>70629</v>
      </c>
      <c r="C19993" s="1" t="s">
        <v>140</v>
      </c>
      <c r="D19993" s="1" t="s">
        <v>71577</v>
      </c>
      <c r="E19993" s="1" t="s">
        <v>71578</v>
      </c>
      <c r="F19993" s="1" t="s">
        <v>71579</v>
      </c>
      <c r="G19993" s="1" t="s">
        <v>71483</v>
      </c>
      <c r="H19993" s="1" t="s">
        <v>71484</v>
      </c>
      <c r="I19993" s="1" t="s">
        <v>70634</v>
      </c>
      <c r="J19993" s="1" t="s">
        <v>71580</v>
      </c>
    </row>
    <row r="19994" spans="1:10" x14ac:dyDescent="0.35">
      <c r="A19994" s="1" t="s">
        <v>25458</v>
      </c>
      <c r="B19994" s="1" t="s">
        <v>70629</v>
      </c>
      <c r="C19994" s="1" t="s">
        <v>145</v>
      </c>
      <c r="D19994" s="1" t="s">
        <v>42290</v>
      </c>
      <c r="E19994" s="1" t="s">
        <v>71581</v>
      </c>
      <c r="F19994" s="1" t="s">
        <v>71582</v>
      </c>
      <c r="G19994" s="1" t="s">
        <v>71483</v>
      </c>
      <c r="H19994" s="1" t="s">
        <v>71484</v>
      </c>
      <c r="I19994" s="1" t="s">
        <v>70634</v>
      </c>
      <c r="J19994" s="1" t="s">
        <v>71583</v>
      </c>
    </row>
    <row r="19995" spans="1:10" x14ac:dyDescent="0.35">
      <c r="A19995" s="1" t="s">
        <v>25458</v>
      </c>
      <c r="B19995" s="1" t="s">
        <v>70629</v>
      </c>
      <c r="C19995" s="1" t="s">
        <v>150</v>
      </c>
      <c r="D19995" s="1" t="s">
        <v>71584</v>
      </c>
      <c r="E19995" s="1" t="s">
        <v>71585</v>
      </c>
      <c r="F19995" s="1" t="s">
        <v>71586</v>
      </c>
      <c r="G19995" s="1" t="s">
        <v>71483</v>
      </c>
      <c r="H19995" s="1" t="s">
        <v>71484</v>
      </c>
      <c r="I19995" s="1" t="s">
        <v>70634</v>
      </c>
      <c r="J19995" s="1" t="s">
        <v>71587</v>
      </c>
    </row>
    <row r="19996" spans="1:10" x14ac:dyDescent="0.35">
      <c r="A19996" s="1" t="s">
        <v>25458</v>
      </c>
      <c r="B19996" s="1" t="s">
        <v>70629</v>
      </c>
      <c r="C19996" s="1" t="s">
        <v>155</v>
      </c>
      <c r="D19996" s="1" t="s">
        <v>71588</v>
      </c>
      <c r="E19996" s="1" t="s">
        <v>71589</v>
      </c>
      <c r="F19996" s="1" t="s">
        <v>71590</v>
      </c>
      <c r="G19996" s="1" t="s">
        <v>71483</v>
      </c>
      <c r="H19996" s="1" t="s">
        <v>71484</v>
      </c>
      <c r="I19996" s="1" t="s">
        <v>70634</v>
      </c>
      <c r="J19996" s="1" t="s">
        <v>71591</v>
      </c>
    </row>
    <row r="19997" spans="1:10" x14ac:dyDescent="0.35">
      <c r="A19997" s="1" t="s">
        <v>25458</v>
      </c>
      <c r="B19997" s="1" t="s">
        <v>70629</v>
      </c>
      <c r="C19997" s="1" t="s">
        <v>160</v>
      </c>
      <c r="D19997" s="1" t="s">
        <v>71592</v>
      </c>
      <c r="E19997" s="1" t="s">
        <v>71593</v>
      </c>
      <c r="F19997" s="1" t="s">
        <v>71594</v>
      </c>
      <c r="G19997" s="1" t="s">
        <v>71483</v>
      </c>
      <c r="H19997" s="1" t="s">
        <v>71484</v>
      </c>
      <c r="I19997" s="1" t="s">
        <v>70634</v>
      </c>
      <c r="J19997" s="1" t="s">
        <v>71595</v>
      </c>
    </row>
    <row r="19998" spans="1:10" x14ac:dyDescent="0.35">
      <c r="A19998" s="1" t="s">
        <v>25458</v>
      </c>
      <c r="B19998" s="1" t="s">
        <v>70629</v>
      </c>
      <c r="C19998" s="1" t="s">
        <v>165</v>
      </c>
      <c r="D19998" s="1" t="s">
        <v>71596</v>
      </c>
      <c r="E19998" s="1" t="s">
        <v>71597</v>
      </c>
      <c r="F19998" s="1" t="s">
        <v>71598</v>
      </c>
      <c r="G19998" s="1" t="s">
        <v>71483</v>
      </c>
      <c r="H19998" s="1" t="s">
        <v>71484</v>
      </c>
      <c r="I19998" s="1" t="s">
        <v>70634</v>
      </c>
      <c r="J19998" s="1" t="s">
        <v>71599</v>
      </c>
    </row>
    <row r="19999" spans="1:10" x14ac:dyDescent="0.35">
      <c r="A19999" s="1" t="s">
        <v>25458</v>
      </c>
      <c r="B19999" s="1" t="s">
        <v>70629</v>
      </c>
      <c r="C19999" s="1" t="s">
        <v>170</v>
      </c>
      <c r="D19999" s="1" t="s">
        <v>71600</v>
      </c>
      <c r="E19999" s="1" t="s">
        <v>71601</v>
      </c>
      <c r="F19999" s="1" t="s">
        <v>71602</v>
      </c>
      <c r="G19999" s="1" t="s">
        <v>71483</v>
      </c>
      <c r="H19999" s="1" t="s">
        <v>71484</v>
      </c>
      <c r="I19999" s="1" t="s">
        <v>70634</v>
      </c>
      <c r="J19999" s="1" t="s">
        <v>71603</v>
      </c>
    </row>
    <row r="20000" spans="1:10" x14ac:dyDescent="0.35">
      <c r="A20000" s="1" t="s">
        <v>1930</v>
      </c>
      <c r="B20000" s="1" t="s">
        <v>70629</v>
      </c>
      <c r="C20000" s="1" t="s">
        <v>8</v>
      </c>
      <c r="D20000" s="1" t="s">
        <v>32139</v>
      </c>
      <c r="E20000" s="1" t="s">
        <v>71604</v>
      </c>
      <c r="F20000" s="1" t="s">
        <v>71605</v>
      </c>
      <c r="G20000" s="1" t="s">
        <v>71606</v>
      </c>
      <c r="H20000" s="1" t="s">
        <v>71607</v>
      </c>
      <c r="I20000" s="1" t="s">
        <v>70634</v>
      </c>
      <c r="J20000" s="1" t="s">
        <v>13</v>
      </c>
    </row>
    <row r="20001" spans="1:10" x14ac:dyDescent="0.35">
      <c r="A20001" s="1" t="s">
        <v>1930</v>
      </c>
      <c r="B20001" s="1" t="s">
        <v>70629</v>
      </c>
      <c r="C20001" s="1" t="s">
        <v>15</v>
      </c>
      <c r="D20001" s="1" t="s">
        <v>71608</v>
      </c>
      <c r="E20001" s="1" t="s">
        <v>71609</v>
      </c>
      <c r="F20001" s="1" t="s">
        <v>71610</v>
      </c>
      <c r="G20001" s="1" t="s">
        <v>71606</v>
      </c>
      <c r="H20001" s="1" t="s">
        <v>71607</v>
      </c>
      <c r="I20001" s="1" t="s">
        <v>70634</v>
      </c>
      <c r="J20001" s="1" t="s">
        <v>71611</v>
      </c>
    </row>
    <row r="20002" spans="1:10" x14ac:dyDescent="0.35">
      <c r="A20002" s="1" t="s">
        <v>1930</v>
      </c>
      <c r="B20002" s="1" t="s">
        <v>70629</v>
      </c>
      <c r="C20002" s="1" t="s">
        <v>20</v>
      </c>
      <c r="D20002" s="1" t="s">
        <v>19770</v>
      </c>
      <c r="E20002" s="1" t="s">
        <v>71612</v>
      </c>
      <c r="F20002" s="1" t="s">
        <v>71613</v>
      </c>
      <c r="G20002" s="1" t="s">
        <v>71606</v>
      </c>
      <c r="H20002" s="1" t="s">
        <v>71607</v>
      </c>
      <c r="I20002" s="1" t="s">
        <v>70634</v>
      </c>
      <c r="J20002" s="1" t="s">
        <v>71614</v>
      </c>
    </row>
    <row r="20003" spans="1:10" x14ac:dyDescent="0.35">
      <c r="A20003" s="1" t="s">
        <v>1930</v>
      </c>
      <c r="B20003" s="1" t="s">
        <v>70629</v>
      </c>
      <c r="C20003" s="1" t="s">
        <v>25</v>
      </c>
      <c r="D20003" s="1" t="s">
        <v>71615</v>
      </c>
      <c r="E20003" s="1" t="s">
        <v>71616</v>
      </c>
      <c r="F20003" s="1" t="s">
        <v>71617</v>
      </c>
      <c r="G20003" s="1" t="s">
        <v>71606</v>
      </c>
      <c r="H20003" s="1" t="s">
        <v>71607</v>
      </c>
      <c r="I20003" s="1" t="s">
        <v>70634</v>
      </c>
      <c r="J20003" s="1" t="s">
        <v>71618</v>
      </c>
    </row>
    <row r="20004" spans="1:10" x14ac:dyDescent="0.35">
      <c r="A20004" s="1" t="s">
        <v>1930</v>
      </c>
      <c r="B20004" s="1" t="s">
        <v>70629</v>
      </c>
      <c r="C20004" s="1" t="s">
        <v>30</v>
      </c>
      <c r="D20004" s="1" t="s">
        <v>71619</v>
      </c>
      <c r="E20004" s="1" t="s">
        <v>71620</v>
      </c>
      <c r="F20004" s="1" t="s">
        <v>71621</v>
      </c>
      <c r="G20004" s="1" t="s">
        <v>71606</v>
      </c>
      <c r="H20004" s="1" t="s">
        <v>71607</v>
      </c>
      <c r="I20004" s="1" t="s">
        <v>70634</v>
      </c>
      <c r="J20004" s="1" t="s">
        <v>71622</v>
      </c>
    </row>
    <row r="20005" spans="1:10" x14ac:dyDescent="0.35">
      <c r="A20005" s="1" t="s">
        <v>1930</v>
      </c>
      <c r="B20005" s="1" t="s">
        <v>70629</v>
      </c>
      <c r="C20005" s="1" t="s">
        <v>35</v>
      </c>
      <c r="D20005" s="1" t="s">
        <v>71623</v>
      </c>
      <c r="E20005" s="1" t="s">
        <v>71624</v>
      </c>
      <c r="F20005" s="1" t="s">
        <v>71625</v>
      </c>
      <c r="G20005" s="1" t="s">
        <v>71606</v>
      </c>
      <c r="H20005" s="1" t="s">
        <v>71607</v>
      </c>
      <c r="I20005" s="1" t="s">
        <v>70634</v>
      </c>
      <c r="J20005" s="1" t="s">
        <v>71626</v>
      </c>
    </row>
    <row r="20006" spans="1:10" x14ac:dyDescent="0.35">
      <c r="A20006" s="1" t="s">
        <v>1930</v>
      </c>
      <c r="B20006" s="1" t="s">
        <v>70629</v>
      </c>
      <c r="C20006" s="1" t="s">
        <v>40</v>
      </c>
      <c r="D20006" s="1" t="s">
        <v>71627</v>
      </c>
      <c r="E20006" s="1" t="s">
        <v>71628</v>
      </c>
      <c r="F20006" s="1" t="s">
        <v>71629</v>
      </c>
      <c r="G20006" s="1" t="s">
        <v>71606</v>
      </c>
      <c r="H20006" s="1" t="s">
        <v>71607</v>
      </c>
      <c r="I20006" s="1" t="s">
        <v>70634</v>
      </c>
      <c r="J20006" s="1" t="s">
        <v>71630</v>
      </c>
    </row>
    <row r="20007" spans="1:10" x14ac:dyDescent="0.35">
      <c r="A20007" s="1" t="s">
        <v>1930</v>
      </c>
      <c r="B20007" s="1" t="s">
        <v>70629</v>
      </c>
      <c r="C20007" s="1" t="s">
        <v>45</v>
      </c>
      <c r="D20007" s="1" t="s">
        <v>71631</v>
      </c>
      <c r="E20007" s="1" t="s">
        <v>71632</v>
      </c>
      <c r="F20007" s="1" t="s">
        <v>71633</v>
      </c>
      <c r="G20007" s="1" t="s">
        <v>71606</v>
      </c>
      <c r="H20007" s="1" t="s">
        <v>71607</v>
      </c>
      <c r="I20007" s="1" t="s">
        <v>70634</v>
      </c>
      <c r="J20007" s="1" t="s">
        <v>71634</v>
      </c>
    </row>
    <row r="20008" spans="1:10" x14ac:dyDescent="0.35">
      <c r="A20008" s="1" t="s">
        <v>1930</v>
      </c>
      <c r="B20008" s="1" t="s">
        <v>70629</v>
      </c>
      <c r="C20008" s="1" t="s">
        <v>50</v>
      </c>
      <c r="D20008" s="1" t="s">
        <v>17633</v>
      </c>
      <c r="E20008" s="1" t="s">
        <v>71635</v>
      </c>
      <c r="F20008" s="1" t="s">
        <v>71636</v>
      </c>
      <c r="G20008" s="1" t="s">
        <v>71606</v>
      </c>
      <c r="H20008" s="1" t="s">
        <v>71607</v>
      </c>
      <c r="I20008" s="1" t="s">
        <v>70634</v>
      </c>
      <c r="J20008" s="1" t="s">
        <v>71637</v>
      </c>
    </row>
    <row r="20009" spans="1:10" x14ac:dyDescent="0.35">
      <c r="A20009" s="1" t="s">
        <v>1930</v>
      </c>
      <c r="B20009" s="1" t="s">
        <v>70629</v>
      </c>
      <c r="C20009" s="1" t="s">
        <v>55</v>
      </c>
      <c r="D20009" s="1" t="s">
        <v>71638</v>
      </c>
      <c r="E20009" s="1" t="s">
        <v>71639</v>
      </c>
      <c r="F20009" s="1" t="s">
        <v>71640</v>
      </c>
      <c r="G20009" s="1" t="s">
        <v>71606</v>
      </c>
      <c r="H20009" s="1" t="s">
        <v>71607</v>
      </c>
      <c r="I20009" s="1" t="s">
        <v>70634</v>
      </c>
      <c r="J20009" s="1" t="s">
        <v>71641</v>
      </c>
    </row>
    <row r="20010" spans="1:10" x14ac:dyDescent="0.35">
      <c r="A20010" s="1" t="s">
        <v>1930</v>
      </c>
      <c r="B20010" s="1" t="s">
        <v>70629</v>
      </c>
      <c r="C20010" s="1" t="s">
        <v>60</v>
      </c>
      <c r="D20010" s="1" t="s">
        <v>71642</v>
      </c>
      <c r="E20010" s="1" t="s">
        <v>71643</v>
      </c>
      <c r="F20010" s="1" t="s">
        <v>71644</v>
      </c>
      <c r="G20010" s="1" t="s">
        <v>71606</v>
      </c>
      <c r="H20010" s="1" t="s">
        <v>71607</v>
      </c>
      <c r="I20010" s="1" t="s">
        <v>70634</v>
      </c>
      <c r="J20010" s="1" t="s">
        <v>71645</v>
      </c>
    </row>
    <row r="20011" spans="1:10" x14ac:dyDescent="0.35">
      <c r="A20011" s="1" t="s">
        <v>1930</v>
      </c>
      <c r="B20011" s="1" t="s">
        <v>70629</v>
      </c>
      <c r="C20011" s="1" t="s">
        <v>65</v>
      </c>
      <c r="D20011" s="1" t="s">
        <v>2981</v>
      </c>
      <c r="E20011" s="1" t="s">
        <v>71646</v>
      </c>
      <c r="F20011" s="1" t="s">
        <v>71647</v>
      </c>
      <c r="G20011" s="1" t="s">
        <v>71606</v>
      </c>
      <c r="H20011" s="1" t="s">
        <v>71607</v>
      </c>
      <c r="I20011" s="1" t="s">
        <v>70634</v>
      </c>
      <c r="J20011" s="1" t="s">
        <v>71648</v>
      </c>
    </row>
    <row r="20012" spans="1:10" x14ac:dyDescent="0.35">
      <c r="A20012" s="1" t="s">
        <v>1930</v>
      </c>
      <c r="B20012" s="1" t="s">
        <v>70629</v>
      </c>
      <c r="C20012" s="1" t="s">
        <v>70</v>
      </c>
      <c r="D20012" s="1" t="s">
        <v>71649</v>
      </c>
      <c r="E20012" s="1" t="s">
        <v>71650</v>
      </c>
      <c r="F20012" s="1" t="s">
        <v>71651</v>
      </c>
      <c r="G20012" s="1" t="s">
        <v>71606</v>
      </c>
      <c r="H20012" s="1" t="s">
        <v>71607</v>
      </c>
      <c r="I20012" s="1" t="s">
        <v>70634</v>
      </c>
      <c r="J20012" s="1" t="s">
        <v>71652</v>
      </c>
    </row>
    <row r="20013" spans="1:10" x14ac:dyDescent="0.35">
      <c r="A20013" s="1" t="s">
        <v>1930</v>
      </c>
      <c r="B20013" s="1" t="s">
        <v>70629</v>
      </c>
      <c r="C20013" s="1" t="s">
        <v>75</v>
      </c>
      <c r="D20013" s="1" t="s">
        <v>45793</v>
      </c>
      <c r="E20013" s="1" t="s">
        <v>71653</v>
      </c>
      <c r="F20013" s="1" t="s">
        <v>71654</v>
      </c>
      <c r="G20013" s="1" t="s">
        <v>71606</v>
      </c>
      <c r="H20013" s="1" t="s">
        <v>71607</v>
      </c>
      <c r="I20013" s="1" t="s">
        <v>70634</v>
      </c>
      <c r="J20013" s="1" t="s">
        <v>71655</v>
      </c>
    </row>
    <row r="20014" spans="1:10" x14ac:dyDescent="0.35">
      <c r="A20014" s="1" t="s">
        <v>1930</v>
      </c>
      <c r="B20014" s="1" t="s">
        <v>70629</v>
      </c>
      <c r="C20014" s="1" t="s">
        <v>80</v>
      </c>
      <c r="D20014" s="1" t="s">
        <v>30472</v>
      </c>
      <c r="E20014" s="1" t="s">
        <v>71656</v>
      </c>
      <c r="F20014" s="1" t="s">
        <v>71657</v>
      </c>
      <c r="G20014" s="1" t="s">
        <v>71606</v>
      </c>
      <c r="H20014" s="1" t="s">
        <v>71607</v>
      </c>
      <c r="I20014" s="1" t="s">
        <v>70634</v>
      </c>
      <c r="J20014" s="1" t="s">
        <v>71658</v>
      </c>
    </row>
    <row r="20015" spans="1:10" x14ac:dyDescent="0.35">
      <c r="A20015" s="1" t="s">
        <v>1930</v>
      </c>
      <c r="B20015" s="1" t="s">
        <v>70629</v>
      </c>
      <c r="C20015" s="1" t="s">
        <v>85</v>
      </c>
      <c r="D20015" s="1" t="s">
        <v>71659</v>
      </c>
      <c r="E20015" s="1" t="s">
        <v>71660</v>
      </c>
      <c r="F20015" s="1" t="s">
        <v>71661</v>
      </c>
      <c r="G20015" s="1" t="s">
        <v>71606</v>
      </c>
      <c r="H20015" s="1" t="s">
        <v>71607</v>
      </c>
      <c r="I20015" s="1" t="s">
        <v>70634</v>
      </c>
      <c r="J20015" s="1" t="s">
        <v>71662</v>
      </c>
    </row>
    <row r="20016" spans="1:10" x14ac:dyDescent="0.35">
      <c r="A20016" s="1" t="s">
        <v>1930</v>
      </c>
      <c r="B20016" s="1" t="s">
        <v>70629</v>
      </c>
      <c r="C20016" s="1" t="s">
        <v>90</v>
      </c>
      <c r="D20016" s="1" t="s">
        <v>31530</v>
      </c>
      <c r="E20016" s="1" t="s">
        <v>71663</v>
      </c>
      <c r="F20016" s="1" t="s">
        <v>71664</v>
      </c>
      <c r="G20016" s="1" t="s">
        <v>71606</v>
      </c>
      <c r="H20016" s="1" t="s">
        <v>71607</v>
      </c>
      <c r="I20016" s="1" t="s">
        <v>70634</v>
      </c>
      <c r="J20016" s="1" t="s">
        <v>71665</v>
      </c>
    </row>
    <row r="20017" spans="1:10" x14ac:dyDescent="0.35">
      <c r="A20017" s="1" t="s">
        <v>1930</v>
      </c>
      <c r="B20017" s="1" t="s">
        <v>70629</v>
      </c>
      <c r="C20017" s="1" t="s">
        <v>95</v>
      </c>
      <c r="D20017" s="1" t="s">
        <v>71666</v>
      </c>
      <c r="E20017" s="1" t="s">
        <v>71667</v>
      </c>
      <c r="F20017" s="1" t="s">
        <v>71668</v>
      </c>
      <c r="G20017" s="1" t="s">
        <v>71606</v>
      </c>
      <c r="H20017" s="1" t="s">
        <v>71607</v>
      </c>
      <c r="I20017" s="1" t="s">
        <v>70634</v>
      </c>
      <c r="J20017" s="1" t="s">
        <v>71669</v>
      </c>
    </row>
    <row r="20018" spans="1:10" x14ac:dyDescent="0.35">
      <c r="A20018" s="1" t="s">
        <v>1930</v>
      </c>
      <c r="B20018" s="1" t="s">
        <v>70629</v>
      </c>
      <c r="C20018" s="1" t="s">
        <v>100</v>
      </c>
      <c r="D20018" s="1" t="s">
        <v>71670</v>
      </c>
      <c r="E20018" s="1" t="s">
        <v>71671</v>
      </c>
      <c r="F20018" s="1" t="s">
        <v>71672</v>
      </c>
      <c r="G20018" s="1" t="s">
        <v>71606</v>
      </c>
      <c r="H20018" s="1" t="s">
        <v>71607</v>
      </c>
      <c r="I20018" s="1" t="s">
        <v>70634</v>
      </c>
      <c r="J20018" s="1" t="s">
        <v>71673</v>
      </c>
    </row>
    <row r="20019" spans="1:10" x14ac:dyDescent="0.35">
      <c r="A20019" s="1" t="s">
        <v>1930</v>
      </c>
      <c r="B20019" s="1" t="s">
        <v>70629</v>
      </c>
      <c r="C20019" s="1" t="s">
        <v>105</v>
      </c>
      <c r="D20019" s="1" t="s">
        <v>71674</v>
      </c>
      <c r="E20019" s="1" t="s">
        <v>71675</v>
      </c>
      <c r="F20019" s="1" t="s">
        <v>71676</v>
      </c>
      <c r="G20019" s="1" t="s">
        <v>71606</v>
      </c>
      <c r="H20019" s="1" t="s">
        <v>71607</v>
      </c>
      <c r="I20019" s="1" t="s">
        <v>70634</v>
      </c>
      <c r="J20019" s="1" t="s">
        <v>71677</v>
      </c>
    </row>
    <row r="20020" spans="1:10" x14ac:dyDescent="0.35">
      <c r="A20020" s="1" t="s">
        <v>1930</v>
      </c>
      <c r="B20020" s="1" t="s">
        <v>70629</v>
      </c>
      <c r="C20020" s="1" t="s">
        <v>110</v>
      </c>
      <c r="D20020" s="1" t="s">
        <v>31549</v>
      </c>
      <c r="E20020" s="1" t="s">
        <v>71678</v>
      </c>
      <c r="F20020" s="1" t="s">
        <v>71679</v>
      </c>
      <c r="G20020" s="1" t="s">
        <v>71606</v>
      </c>
      <c r="H20020" s="1" t="s">
        <v>71607</v>
      </c>
      <c r="I20020" s="1" t="s">
        <v>70634</v>
      </c>
      <c r="J20020" s="1" t="s">
        <v>71680</v>
      </c>
    </row>
    <row r="20021" spans="1:10" x14ac:dyDescent="0.35">
      <c r="A20021" s="1" t="s">
        <v>1930</v>
      </c>
      <c r="B20021" s="1" t="s">
        <v>70629</v>
      </c>
      <c r="C20021" s="1" t="s">
        <v>115</v>
      </c>
      <c r="D20021" s="1" t="s">
        <v>17222</v>
      </c>
      <c r="E20021" s="1" t="s">
        <v>71681</v>
      </c>
      <c r="F20021" s="1" t="s">
        <v>71682</v>
      </c>
      <c r="G20021" s="1" t="s">
        <v>71606</v>
      </c>
      <c r="H20021" s="1" t="s">
        <v>71607</v>
      </c>
      <c r="I20021" s="1" t="s">
        <v>70634</v>
      </c>
      <c r="J20021" s="1" t="s">
        <v>71683</v>
      </c>
    </row>
    <row r="20022" spans="1:10" x14ac:dyDescent="0.35">
      <c r="A20022" s="1" t="s">
        <v>1930</v>
      </c>
      <c r="B20022" s="1" t="s">
        <v>70629</v>
      </c>
      <c r="C20022" s="1" t="s">
        <v>120</v>
      </c>
      <c r="D20022" s="1" t="s">
        <v>37134</v>
      </c>
      <c r="E20022" s="1" t="s">
        <v>71684</v>
      </c>
      <c r="F20022" s="1" t="s">
        <v>71685</v>
      </c>
      <c r="G20022" s="1" t="s">
        <v>71606</v>
      </c>
      <c r="H20022" s="1" t="s">
        <v>71607</v>
      </c>
      <c r="I20022" s="1" t="s">
        <v>70634</v>
      </c>
      <c r="J20022" s="1" t="s">
        <v>71686</v>
      </c>
    </row>
    <row r="20023" spans="1:10" x14ac:dyDescent="0.35">
      <c r="A20023" s="1" t="s">
        <v>1930</v>
      </c>
      <c r="B20023" s="1" t="s">
        <v>70629</v>
      </c>
      <c r="C20023" s="1" t="s">
        <v>125</v>
      </c>
      <c r="D20023" s="1" t="s">
        <v>71687</v>
      </c>
      <c r="E20023" s="1" t="s">
        <v>71688</v>
      </c>
      <c r="F20023" s="1" t="s">
        <v>71689</v>
      </c>
      <c r="G20023" s="1" t="s">
        <v>71606</v>
      </c>
      <c r="H20023" s="1" t="s">
        <v>71607</v>
      </c>
      <c r="I20023" s="1" t="s">
        <v>70634</v>
      </c>
      <c r="J20023" s="1" t="s">
        <v>71690</v>
      </c>
    </row>
    <row r="20024" spans="1:10" x14ac:dyDescent="0.35">
      <c r="A20024" s="1" t="s">
        <v>1930</v>
      </c>
      <c r="B20024" s="1" t="s">
        <v>70629</v>
      </c>
      <c r="C20024" s="1" t="s">
        <v>130</v>
      </c>
      <c r="D20024" s="1" t="s">
        <v>71691</v>
      </c>
      <c r="E20024" s="1" t="s">
        <v>71692</v>
      </c>
      <c r="F20024" s="1" t="s">
        <v>71693</v>
      </c>
      <c r="G20024" s="1" t="s">
        <v>71606</v>
      </c>
      <c r="H20024" s="1" t="s">
        <v>71607</v>
      </c>
      <c r="I20024" s="1" t="s">
        <v>70634</v>
      </c>
      <c r="J20024" s="1" t="s">
        <v>71694</v>
      </c>
    </row>
    <row r="20025" spans="1:10" x14ac:dyDescent="0.35">
      <c r="A20025" s="1" t="s">
        <v>1930</v>
      </c>
      <c r="B20025" s="1" t="s">
        <v>70629</v>
      </c>
      <c r="C20025" s="1" t="s">
        <v>135</v>
      </c>
      <c r="D20025" s="1" t="s">
        <v>71695</v>
      </c>
      <c r="E20025" s="1" t="s">
        <v>71696</v>
      </c>
      <c r="F20025" s="1" t="s">
        <v>71697</v>
      </c>
      <c r="G20025" s="1" t="s">
        <v>71606</v>
      </c>
      <c r="H20025" s="1" t="s">
        <v>71607</v>
      </c>
      <c r="I20025" s="1" t="s">
        <v>70634</v>
      </c>
      <c r="J20025" s="1" t="s">
        <v>71698</v>
      </c>
    </row>
    <row r="20026" spans="1:10" x14ac:dyDescent="0.35">
      <c r="A20026" s="1" t="s">
        <v>1930</v>
      </c>
      <c r="B20026" s="1" t="s">
        <v>70629</v>
      </c>
      <c r="C20026" s="1" t="s">
        <v>140</v>
      </c>
      <c r="D20026" s="1" t="s">
        <v>71699</v>
      </c>
      <c r="E20026" s="1" t="s">
        <v>71700</v>
      </c>
      <c r="F20026" s="1" t="s">
        <v>71701</v>
      </c>
      <c r="G20026" s="1" t="s">
        <v>71606</v>
      </c>
      <c r="H20026" s="1" t="s">
        <v>71607</v>
      </c>
      <c r="I20026" s="1" t="s">
        <v>70634</v>
      </c>
      <c r="J20026" s="1" t="s">
        <v>71702</v>
      </c>
    </row>
    <row r="20027" spans="1:10" x14ac:dyDescent="0.35">
      <c r="A20027" s="1" t="s">
        <v>1930</v>
      </c>
      <c r="B20027" s="1" t="s">
        <v>70629</v>
      </c>
      <c r="C20027" s="1" t="s">
        <v>145</v>
      </c>
      <c r="D20027" s="1" t="s">
        <v>71703</v>
      </c>
      <c r="E20027" s="1" t="s">
        <v>71704</v>
      </c>
      <c r="F20027" s="1" t="s">
        <v>71705</v>
      </c>
      <c r="G20027" s="1" t="s">
        <v>71606</v>
      </c>
      <c r="H20027" s="1" t="s">
        <v>71607</v>
      </c>
      <c r="I20027" s="1" t="s">
        <v>70634</v>
      </c>
      <c r="J20027" s="1" t="s">
        <v>71706</v>
      </c>
    </row>
    <row r="20028" spans="1:10" x14ac:dyDescent="0.35">
      <c r="A20028" s="1" t="s">
        <v>1930</v>
      </c>
      <c r="B20028" s="1" t="s">
        <v>70629</v>
      </c>
      <c r="C20028" s="1" t="s">
        <v>150</v>
      </c>
      <c r="D20028" s="1" t="s">
        <v>13291</v>
      </c>
      <c r="E20028" s="1" t="s">
        <v>71707</v>
      </c>
      <c r="F20028" s="1" t="s">
        <v>71708</v>
      </c>
      <c r="G20028" s="1" t="s">
        <v>71606</v>
      </c>
      <c r="H20028" s="1" t="s">
        <v>71607</v>
      </c>
      <c r="I20028" s="1" t="s">
        <v>70634</v>
      </c>
      <c r="J20028" s="1" t="s">
        <v>71709</v>
      </c>
    </row>
    <row r="20029" spans="1:10" x14ac:dyDescent="0.35">
      <c r="A20029" s="1" t="s">
        <v>1930</v>
      </c>
      <c r="B20029" s="1" t="s">
        <v>70629</v>
      </c>
      <c r="C20029" s="1" t="s">
        <v>155</v>
      </c>
      <c r="D20029" s="1" t="s">
        <v>45204</v>
      </c>
      <c r="E20029" s="1" t="s">
        <v>71710</v>
      </c>
      <c r="F20029" s="1" t="s">
        <v>71711</v>
      </c>
      <c r="G20029" s="1" t="s">
        <v>71606</v>
      </c>
      <c r="H20029" s="1" t="s">
        <v>71607</v>
      </c>
      <c r="I20029" s="1" t="s">
        <v>70634</v>
      </c>
      <c r="J20029" s="1" t="s">
        <v>71712</v>
      </c>
    </row>
    <row r="20030" spans="1:10" x14ac:dyDescent="0.35">
      <c r="A20030" s="1" t="s">
        <v>1930</v>
      </c>
      <c r="B20030" s="1" t="s">
        <v>70629</v>
      </c>
      <c r="C20030" s="1" t="s">
        <v>160</v>
      </c>
      <c r="D20030" s="1" t="s">
        <v>71713</v>
      </c>
      <c r="E20030" s="1" t="s">
        <v>71714</v>
      </c>
      <c r="F20030" s="1" t="s">
        <v>71715</v>
      </c>
      <c r="G20030" s="1" t="s">
        <v>71606</v>
      </c>
      <c r="H20030" s="1" t="s">
        <v>71607</v>
      </c>
      <c r="I20030" s="1" t="s">
        <v>70634</v>
      </c>
      <c r="J20030" s="1" t="s">
        <v>71716</v>
      </c>
    </row>
    <row r="20031" spans="1:10" x14ac:dyDescent="0.35">
      <c r="A20031" s="1" t="s">
        <v>1930</v>
      </c>
      <c r="B20031" s="1" t="s">
        <v>70629</v>
      </c>
      <c r="C20031" s="1" t="s">
        <v>165</v>
      </c>
      <c r="D20031" s="1" t="s">
        <v>71717</v>
      </c>
      <c r="E20031" s="1" t="s">
        <v>71718</v>
      </c>
      <c r="F20031" s="1" t="s">
        <v>71719</v>
      </c>
      <c r="G20031" s="1" t="s">
        <v>71606</v>
      </c>
      <c r="H20031" s="1" t="s">
        <v>71607</v>
      </c>
      <c r="I20031" s="1" t="s">
        <v>70634</v>
      </c>
      <c r="J20031" s="1" t="s">
        <v>71720</v>
      </c>
    </row>
    <row r="20032" spans="1:10" x14ac:dyDescent="0.35">
      <c r="A20032" s="1" t="s">
        <v>1930</v>
      </c>
      <c r="B20032" s="1" t="s">
        <v>70629</v>
      </c>
      <c r="C20032" s="1" t="s">
        <v>170</v>
      </c>
      <c r="D20032" s="1" t="s">
        <v>71721</v>
      </c>
      <c r="E20032" s="1" t="s">
        <v>71722</v>
      </c>
      <c r="F20032" s="1" t="s">
        <v>71723</v>
      </c>
      <c r="G20032" s="1" t="s">
        <v>71606</v>
      </c>
      <c r="H20032" s="1" t="s">
        <v>71607</v>
      </c>
      <c r="I20032" s="1" t="s">
        <v>70634</v>
      </c>
      <c r="J20032" s="1" t="s">
        <v>71724</v>
      </c>
    </row>
    <row r="20033" spans="1:10" x14ac:dyDescent="0.35">
      <c r="A20033" s="1" t="s">
        <v>7271</v>
      </c>
      <c r="B20033" s="1" t="s">
        <v>70629</v>
      </c>
      <c r="C20033" s="1" t="s">
        <v>8</v>
      </c>
      <c r="D20033" s="1" t="s">
        <v>42763</v>
      </c>
      <c r="E20033" s="1" t="s">
        <v>71725</v>
      </c>
      <c r="F20033" s="1" t="s">
        <v>71726</v>
      </c>
      <c r="G20033" s="1" t="s">
        <v>71727</v>
      </c>
      <c r="H20033" s="1" t="s">
        <v>71728</v>
      </c>
      <c r="I20033" s="1" t="s">
        <v>70634</v>
      </c>
      <c r="J20033" s="1" t="s">
        <v>13</v>
      </c>
    </row>
    <row r="20034" spans="1:10" x14ac:dyDescent="0.35">
      <c r="A20034" s="1" t="s">
        <v>7271</v>
      </c>
      <c r="B20034" s="1" t="s">
        <v>70629</v>
      </c>
      <c r="C20034" s="1" t="s">
        <v>15</v>
      </c>
      <c r="D20034" s="1" t="s">
        <v>71729</v>
      </c>
      <c r="E20034" s="1" t="s">
        <v>71730</v>
      </c>
      <c r="F20034" s="1" t="s">
        <v>71731</v>
      </c>
      <c r="G20034" s="1" t="s">
        <v>71727</v>
      </c>
      <c r="H20034" s="1" t="s">
        <v>71728</v>
      </c>
      <c r="I20034" s="1" t="s">
        <v>70634</v>
      </c>
      <c r="J20034" s="1" t="s">
        <v>71732</v>
      </c>
    </row>
    <row r="20035" spans="1:10" x14ac:dyDescent="0.35">
      <c r="A20035" s="1" t="s">
        <v>7271</v>
      </c>
      <c r="B20035" s="1" t="s">
        <v>70629</v>
      </c>
      <c r="C20035" s="1" t="s">
        <v>20</v>
      </c>
      <c r="D20035" s="1" t="s">
        <v>71733</v>
      </c>
      <c r="E20035" s="1" t="s">
        <v>71734</v>
      </c>
      <c r="F20035" s="1" t="s">
        <v>71735</v>
      </c>
      <c r="G20035" s="1" t="s">
        <v>71727</v>
      </c>
      <c r="H20035" s="1" t="s">
        <v>71728</v>
      </c>
      <c r="I20035" s="1" t="s">
        <v>70634</v>
      </c>
      <c r="J20035" s="1" t="s">
        <v>71736</v>
      </c>
    </row>
    <row r="20036" spans="1:10" x14ac:dyDescent="0.35">
      <c r="A20036" s="1" t="s">
        <v>7271</v>
      </c>
      <c r="B20036" s="1" t="s">
        <v>70629</v>
      </c>
      <c r="C20036" s="1" t="s">
        <v>25</v>
      </c>
      <c r="D20036" s="1" t="s">
        <v>71737</v>
      </c>
      <c r="E20036" s="1" t="s">
        <v>71738</v>
      </c>
      <c r="F20036" s="1" t="s">
        <v>71739</v>
      </c>
      <c r="G20036" s="1" t="s">
        <v>71727</v>
      </c>
      <c r="H20036" s="1" t="s">
        <v>71728</v>
      </c>
      <c r="I20036" s="1" t="s">
        <v>70634</v>
      </c>
      <c r="J20036" s="1" t="s">
        <v>71740</v>
      </c>
    </row>
    <row r="20037" spans="1:10" x14ac:dyDescent="0.35">
      <c r="A20037" s="1" t="s">
        <v>7271</v>
      </c>
      <c r="B20037" s="1" t="s">
        <v>70629</v>
      </c>
      <c r="C20037" s="1" t="s">
        <v>30</v>
      </c>
      <c r="D20037" s="1" t="s">
        <v>71741</v>
      </c>
      <c r="E20037" s="1" t="s">
        <v>71742</v>
      </c>
      <c r="F20037" s="1" t="s">
        <v>71743</v>
      </c>
      <c r="G20037" s="1" t="s">
        <v>71727</v>
      </c>
      <c r="H20037" s="1" t="s">
        <v>71728</v>
      </c>
      <c r="I20037" s="1" t="s">
        <v>70634</v>
      </c>
      <c r="J20037" s="1" t="s">
        <v>71744</v>
      </c>
    </row>
    <row r="20038" spans="1:10" x14ac:dyDescent="0.35">
      <c r="A20038" s="1" t="s">
        <v>7271</v>
      </c>
      <c r="B20038" s="1" t="s">
        <v>70629</v>
      </c>
      <c r="C20038" s="1" t="s">
        <v>35</v>
      </c>
      <c r="D20038" s="1" t="s">
        <v>34181</v>
      </c>
      <c r="E20038" s="1" t="s">
        <v>71745</v>
      </c>
      <c r="F20038" s="1" t="s">
        <v>71746</v>
      </c>
      <c r="G20038" s="1" t="s">
        <v>71727</v>
      </c>
      <c r="H20038" s="1" t="s">
        <v>71728</v>
      </c>
      <c r="I20038" s="1" t="s">
        <v>70634</v>
      </c>
      <c r="J20038" s="1" t="s">
        <v>71747</v>
      </c>
    </row>
    <row r="20039" spans="1:10" x14ac:dyDescent="0.35">
      <c r="A20039" s="1" t="s">
        <v>7271</v>
      </c>
      <c r="B20039" s="1" t="s">
        <v>70629</v>
      </c>
      <c r="C20039" s="1" t="s">
        <v>40</v>
      </c>
      <c r="D20039" s="1" t="s">
        <v>71748</v>
      </c>
      <c r="E20039" s="1" t="s">
        <v>71749</v>
      </c>
      <c r="F20039" s="1" t="s">
        <v>71750</v>
      </c>
      <c r="G20039" s="1" t="s">
        <v>71727</v>
      </c>
      <c r="H20039" s="1" t="s">
        <v>71728</v>
      </c>
      <c r="I20039" s="1" t="s">
        <v>70634</v>
      </c>
      <c r="J20039" s="1" t="s">
        <v>71751</v>
      </c>
    </row>
    <row r="20040" spans="1:10" x14ac:dyDescent="0.35">
      <c r="A20040" s="1" t="s">
        <v>7271</v>
      </c>
      <c r="B20040" s="1" t="s">
        <v>70629</v>
      </c>
      <c r="C20040" s="1" t="s">
        <v>45</v>
      </c>
      <c r="D20040" s="1" t="s">
        <v>71752</v>
      </c>
      <c r="E20040" s="1" t="s">
        <v>71753</v>
      </c>
      <c r="F20040" s="1" t="s">
        <v>71754</v>
      </c>
      <c r="G20040" s="1" t="s">
        <v>71727</v>
      </c>
      <c r="H20040" s="1" t="s">
        <v>71728</v>
      </c>
      <c r="I20040" s="1" t="s">
        <v>70634</v>
      </c>
      <c r="J20040" s="1" t="s">
        <v>71755</v>
      </c>
    </row>
    <row r="20041" spans="1:10" x14ac:dyDescent="0.35">
      <c r="A20041" s="1" t="s">
        <v>7271</v>
      </c>
      <c r="B20041" s="1" t="s">
        <v>70629</v>
      </c>
      <c r="C20041" s="1" t="s">
        <v>50</v>
      </c>
      <c r="D20041" s="1" t="s">
        <v>47361</v>
      </c>
      <c r="E20041" s="1" t="s">
        <v>71756</v>
      </c>
      <c r="F20041" s="1" t="s">
        <v>71757</v>
      </c>
      <c r="G20041" s="1" t="s">
        <v>71727</v>
      </c>
      <c r="H20041" s="1" t="s">
        <v>71728</v>
      </c>
      <c r="I20041" s="1" t="s">
        <v>70634</v>
      </c>
      <c r="J20041" s="1" t="s">
        <v>71758</v>
      </c>
    </row>
    <row r="20042" spans="1:10" x14ac:dyDescent="0.35">
      <c r="A20042" s="1" t="s">
        <v>7271</v>
      </c>
      <c r="B20042" s="1" t="s">
        <v>70629</v>
      </c>
      <c r="C20042" s="1" t="s">
        <v>55</v>
      </c>
      <c r="D20042" s="1" t="s">
        <v>71759</v>
      </c>
      <c r="E20042" s="1" t="s">
        <v>71760</v>
      </c>
      <c r="F20042" s="1" t="s">
        <v>71761</v>
      </c>
      <c r="G20042" s="1" t="s">
        <v>71727</v>
      </c>
      <c r="H20042" s="1" t="s">
        <v>71728</v>
      </c>
      <c r="I20042" s="1" t="s">
        <v>70634</v>
      </c>
      <c r="J20042" s="1" t="s">
        <v>71762</v>
      </c>
    </row>
    <row r="20043" spans="1:10" x14ac:dyDescent="0.35">
      <c r="A20043" s="1" t="s">
        <v>7271</v>
      </c>
      <c r="B20043" s="1" t="s">
        <v>70629</v>
      </c>
      <c r="C20043" s="1" t="s">
        <v>60</v>
      </c>
      <c r="D20043" s="1" t="s">
        <v>71763</v>
      </c>
      <c r="E20043" s="1" t="s">
        <v>71764</v>
      </c>
      <c r="F20043" s="1" t="s">
        <v>71765</v>
      </c>
      <c r="G20043" s="1" t="s">
        <v>71727</v>
      </c>
      <c r="H20043" s="1" t="s">
        <v>71728</v>
      </c>
      <c r="I20043" s="1" t="s">
        <v>70634</v>
      </c>
      <c r="J20043" s="1" t="s">
        <v>71766</v>
      </c>
    </row>
    <row r="20044" spans="1:10" x14ac:dyDescent="0.35">
      <c r="A20044" s="1" t="s">
        <v>7271</v>
      </c>
      <c r="B20044" s="1" t="s">
        <v>70629</v>
      </c>
      <c r="C20044" s="1" t="s">
        <v>65</v>
      </c>
      <c r="D20044" s="1" t="s">
        <v>32089</v>
      </c>
      <c r="E20044" s="1" t="s">
        <v>71767</v>
      </c>
      <c r="F20044" s="1" t="s">
        <v>71768</v>
      </c>
      <c r="G20044" s="1" t="s">
        <v>71727</v>
      </c>
      <c r="H20044" s="1" t="s">
        <v>71728</v>
      </c>
      <c r="I20044" s="1" t="s">
        <v>70634</v>
      </c>
      <c r="J20044" s="1" t="s">
        <v>71769</v>
      </c>
    </row>
    <row r="20045" spans="1:10" x14ac:dyDescent="0.35">
      <c r="A20045" s="1" t="s">
        <v>7271</v>
      </c>
      <c r="B20045" s="1" t="s">
        <v>70629</v>
      </c>
      <c r="C20045" s="1" t="s">
        <v>70</v>
      </c>
      <c r="D20045" s="1" t="s">
        <v>36224</v>
      </c>
      <c r="E20045" s="1" t="s">
        <v>71770</v>
      </c>
      <c r="F20045" s="1" t="s">
        <v>71771</v>
      </c>
      <c r="G20045" s="1" t="s">
        <v>71727</v>
      </c>
      <c r="H20045" s="1" t="s">
        <v>71728</v>
      </c>
      <c r="I20045" s="1" t="s">
        <v>70634</v>
      </c>
      <c r="J20045" s="1" t="s">
        <v>71772</v>
      </c>
    </row>
    <row r="20046" spans="1:10" x14ac:dyDescent="0.35">
      <c r="A20046" s="1" t="s">
        <v>7271</v>
      </c>
      <c r="B20046" s="1" t="s">
        <v>70629</v>
      </c>
      <c r="C20046" s="1" t="s">
        <v>75</v>
      </c>
      <c r="D20046" s="1" t="s">
        <v>45172</v>
      </c>
      <c r="E20046" s="1" t="s">
        <v>71773</v>
      </c>
      <c r="F20046" s="1" t="s">
        <v>71774</v>
      </c>
      <c r="G20046" s="1" t="s">
        <v>71727</v>
      </c>
      <c r="H20046" s="1" t="s">
        <v>71728</v>
      </c>
      <c r="I20046" s="1" t="s">
        <v>70634</v>
      </c>
      <c r="J20046" s="1" t="s">
        <v>71775</v>
      </c>
    </row>
    <row r="20047" spans="1:10" x14ac:dyDescent="0.35">
      <c r="A20047" s="1" t="s">
        <v>7271</v>
      </c>
      <c r="B20047" s="1" t="s">
        <v>70629</v>
      </c>
      <c r="C20047" s="1" t="s">
        <v>80</v>
      </c>
      <c r="D20047" s="1" t="s">
        <v>71776</v>
      </c>
      <c r="E20047" s="1" t="s">
        <v>71777</v>
      </c>
      <c r="F20047" s="1" t="s">
        <v>71778</v>
      </c>
      <c r="G20047" s="1" t="s">
        <v>71727</v>
      </c>
      <c r="H20047" s="1" t="s">
        <v>71728</v>
      </c>
      <c r="I20047" s="1" t="s">
        <v>70634</v>
      </c>
      <c r="J20047" s="1" t="s">
        <v>71779</v>
      </c>
    </row>
    <row r="20048" spans="1:10" x14ac:dyDescent="0.35">
      <c r="A20048" s="1" t="s">
        <v>7271</v>
      </c>
      <c r="B20048" s="1" t="s">
        <v>70629</v>
      </c>
      <c r="C20048" s="1" t="s">
        <v>85</v>
      </c>
      <c r="D20048" s="1" t="s">
        <v>71780</v>
      </c>
      <c r="E20048" s="1" t="s">
        <v>71781</v>
      </c>
      <c r="F20048" s="1" t="s">
        <v>71782</v>
      </c>
      <c r="G20048" s="1" t="s">
        <v>71727</v>
      </c>
      <c r="H20048" s="1" t="s">
        <v>71728</v>
      </c>
      <c r="I20048" s="1" t="s">
        <v>70634</v>
      </c>
      <c r="J20048" s="1" t="s">
        <v>71783</v>
      </c>
    </row>
    <row r="20049" spans="1:10" x14ac:dyDescent="0.35">
      <c r="A20049" s="1" t="s">
        <v>7271</v>
      </c>
      <c r="B20049" s="1" t="s">
        <v>70629</v>
      </c>
      <c r="C20049" s="1" t="s">
        <v>90</v>
      </c>
      <c r="D20049" s="1" t="s">
        <v>16141</v>
      </c>
      <c r="E20049" s="1" t="s">
        <v>71784</v>
      </c>
      <c r="F20049" s="1" t="s">
        <v>71785</v>
      </c>
      <c r="G20049" s="1" t="s">
        <v>71727</v>
      </c>
      <c r="H20049" s="1" t="s">
        <v>71728</v>
      </c>
      <c r="I20049" s="1" t="s">
        <v>70634</v>
      </c>
      <c r="J20049" s="1" t="s">
        <v>71786</v>
      </c>
    </row>
    <row r="20050" spans="1:10" x14ac:dyDescent="0.35">
      <c r="A20050" s="1" t="s">
        <v>7271</v>
      </c>
      <c r="B20050" s="1" t="s">
        <v>70629</v>
      </c>
      <c r="C20050" s="1" t="s">
        <v>95</v>
      </c>
      <c r="D20050" s="1" t="s">
        <v>48077</v>
      </c>
      <c r="E20050" s="1" t="s">
        <v>71787</v>
      </c>
      <c r="F20050" s="1" t="s">
        <v>71788</v>
      </c>
      <c r="G20050" s="1" t="s">
        <v>71727</v>
      </c>
      <c r="H20050" s="1" t="s">
        <v>71728</v>
      </c>
      <c r="I20050" s="1" t="s">
        <v>70634</v>
      </c>
      <c r="J20050" s="1" t="s">
        <v>71789</v>
      </c>
    </row>
    <row r="20051" spans="1:10" x14ac:dyDescent="0.35">
      <c r="A20051" s="1" t="s">
        <v>7271</v>
      </c>
      <c r="B20051" s="1" t="s">
        <v>70629</v>
      </c>
      <c r="C20051" s="1" t="s">
        <v>100</v>
      </c>
      <c r="D20051" s="1" t="s">
        <v>71790</v>
      </c>
      <c r="E20051" s="1" t="s">
        <v>71791</v>
      </c>
      <c r="F20051" s="1" t="s">
        <v>71792</v>
      </c>
      <c r="G20051" s="1" t="s">
        <v>71727</v>
      </c>
      <c r="H20051" s="1" t="s">
        <v>71728</v>
      </c>
      <c r="I20051" s="1" t="s">
        <v>70634</v>
      </c>
      <c r="J20051" s="1" t="s">
        <v>71793</v>
      </c>
    </row>
    <row r="20052" spans="1:10" x14ac:dyDescent="0.35">
      <c r="A20052" s="1" t="s">
        <v>7271</v>
      </c>
      <c r="B20052" s="1" t="s">
        <v>70629</v>
      </c>
      <c r="C20052" s="1" t="s">
        <v>105</v>
      </c>
      <c r="D20052" s="1" t="s">
        <v>71794</v>
      </c>
      <c r="E20052" s="1" t="s">
        <v>71795</v>
      </c>
      <c r="F20052" s="1" t="s">
        <v>71796</v>
      </c>
      <c r="G20052" s="1" t="s">
        <v>71727</v>
      </c>
      <c r="H20052" s="1" t="s">
        <v>71728</v>
      </c>
      <c r="I20052" s="1" t="s">
        <v>70634</v>
      </c>
      <c r="J20052" s="1" t="s">
        <v>71797</v>
      </c>
    </row>
    <row r="20053" spans="1:10" x14ac:dyDescent="0.35">
      <c r="A20053" s="1" t="s">
        <v>7271</v>
      </c>
      <c r="B20053" s="1" t="s">
        <v>70629</v>
      </c>
      <c r="C20053" s="1" t="s">
        <v>110</v>
      </c>
      <c r="D20053" s="1" t="s">
        <v>71798</v>
      </c>
      <c r="E20053" s="1" t="s">
        <v>71799</v>
      </c>
      <c r="F20053" s="1" t="s">
        <v>71800</v>
      </c>
      <c r="G20053" s="1" t="s">
        <v>71727</v>
      </c>
      <c r="H20053" s="1" t="s">
        <v>71728</v>
      </c>
      <c r="I20053" s="1" t="s">
        <v>70634</v>
      </c>
      <c r="J20053" s="1" t="s">
        <v>71801</v>
      </c>
    </row>
    <row r="20054" spans="1:10" x14ac:dyDescent="0.35">
      <c r="A20054" s="1" t="s">
        <v>7271</v>
      </c>
      <c r="B20054" s="1" t="s">
        <v>70629</v>
      </c>
      <c r="C20054" s="1" t="s">
        <v>115</v>
      </c>
      <c r="D20054" s="1" t="s">
        <v>71802</v>
      </c>
      <c r="E20054" s="1" t="s">
        <v>71803</v>
      </c>
      <c r="F20054" s="1" t="s">
        <v>71804</v>
      </c>
      <c r="G20054" s="1" t="s">
        <v>71727</v>
      </c>
      <c r="H20054" s="1" t="s">
        <v>71728</v>
      </c>
      <c r="I20054" s="1" t="s">
        <v>70634</v>
      </c>
      <c r="J20054" s="1" t="s">
        <v>71805</v>
      </c>
    </row>
    <row r="20055" spans="1:10" x14ac:dyDescent="0.35">
      <c r="A20055" s="1" t="s">
        <v>7271</v>
      </c>
      <c r="B20055" s="1" t="s">
        <v>70629</v>
      </c>
      <c r="C20055" s="1" t="s">
        <v>120</v>
      </c>
      <c r="D20055" s="1" t="s">
        <v>71806</v>
      </c>
      <c r="E20055" s="1" t="s">
        <v>71807</v>
      </c>
      <c r="F20055" s="1" t="s">
        <v>71808</v>
      </c>
      <c r="G20055" s="1" t="s">
        <v>71727</v>
      </c>
      <c r="H20055" s="1" t="s">
        <v>71728</v>
      </c>
      <c r="I20055" s="1" t="s">
        <v>70634</v>
      </c>
      <c r="J20055" s="1" t="s">
        <v>71809</v>
      </c>
    </row>
    <row r="20056" spans="1:10" x14ac:dyDescent="0.35">
      <c r="A20056" s="1" t="s">
        <v>7271</v>
      </c>
      <c r="B20056" s="1" t="s">
        <v>70629</v>
      </c>
      <c r="C20056" s="1" t="s">
        <v>125</v>
      </c>
      <c r="D20056" s="1" t="s">
        <v>31496</v>
      </c>
      <c r="E20056" s="1" t="s">
        <v>71810</v>
      </c>
      <c r="F20056" s="1" t="s">
        <v>71811</v>
      </c>
      <c r="G20056" s="1" t="s">
        <v>71727</v>
      </c>
      <c r="H20056" s="1" t="s">
        <v>71728</v>
      </c>
      <c r="I20056" s="1" t="s">
        <v>70634</v>
      </c>
      <c r="J20056" s="1" t="s">
        <v>71812</v>
      </c>
    </row>
    <row r="20057" spans="1:10" x14ac:dyDescent="0.35">
      <c r="A20057" s="1" t="s">
        <v>7271</v>
      </c>
      <c r="B20057" s="1" t="s">
        <v>70629</v>
      </c>
      <c r="C20057" s="1" t="s">
        <v>130</v>
      </c>
      <c r="D20057" s="1" t="s">
        <v>71813</v>
      </c>
      <c r="E20057" s="1" t="s">
        <v>71814</v>
      </c>
      <c r="F20057" s="1" t="s">
        <v>71815</v>
      </c>
      <c r="G20057" s="1" t="s">
        <v>71727</v>
      </c>
      <c r="H20057" s="1" t="s">
        <v>71728</v>
      </c>
      <c r="I20057" s="1" t="s">
        <v>70634</v>
      </c>
      <c r="J20057" s="1" t="s">
        <v>71816</v>
      </c>
    </row>
    <row r="20058" spans="1:10" x14ac:dyDescent="0.35">
      <c r="A20058" s="1" t="s">
        <v>7271</v>
      </c>
      <c r="B20058" s="1" t="s">
        <v>70629</v>
      </c>
      <c r="C20058" s="1" t="s">
        <v>135</v>
      </c>
      <c r="D20058" s="1" t="s">
        <v>15803</v>
      </c>
      <c r="E20058" s="1" t="s">
        <v>71817</v>
      </c>
      <c r="F20058" s="1" t="s">
        <v>71818</v>
      </c>
      <c r="G20058" s="1" t="s">
        <v>71727</v>
      </c>
      <c r="H20058" s="1" t="s">
        <v>71728</v>
      </c>
      <c r="I20058" s="1" t="s">
        <v>70634</v>
      </c>
      <c r="J20058" s="1" t="s">
        <v>71819</v>
      </c>
    </row>
    <row r="20059" spans="1:10" x14ac:dyDescent="0.35">
      <c r="A20059" s="1" t="s">
        <v>7271</v>
      </c>
      <c r="B20059" s="1" t="s">
        <v>70629</v>
      </c>
      <c r="C20059" s="1" t="s">
        <v>140</v>
      </c>
      <c r="D20059" s="1" t="s">
        <v>71820</v>
      </c>
      <c r="E20059" s="1" t="s">
        <v>71821</v>
      </c>
      <c r="F20059" s="1" t="s">
        <v>71822</v>
      </c>
      <c r="G20059" s="1" t="s">
        <v>71727</v>
      </c>
      <c r="H20059" s="1" t="s">
        <v>71728</v>
      </c>
      <c r="I20059" s="1" t="s">
        <v>70634</v>
      </c>
      <c r="J20059" s="1" t="s">
        <v>71823</v>
      </c>
    </row>
    <row r="20060" spans="1:10" x14ac:dyDescent="0.35">
      <c r="A20060" s="1" t="s">
        <v>7271</v>
      </c>
      <c r="B20060" s="1" t="s">
        <v>70629</v>
      </c>
      <c r="C20060" s="1" t="s">
        <v>145</v>
      </c>
      <c r="D20060" s="1" t="s">
        <v>17840</v>
      </c>
      <c r="E20060" s="1" t="s">
        <v>71824</v>
      </c>
      <c r="F20060" s="1" t="s">
        <v>71825</v>
      </c>
      <c r="G20060" s="1" t="s">
        <v>71727</v>
      </c>
      <c r="H20060" s="1" t="s">
        <v>71728</v>
      </c>
      <c r="I20060" s="1" t="s">
        <v>70634</v>
      </c>
      <c r="J20060" s="1" t="s">
        <v>71826</v>
      </c>
    </row>
    <row r="20061" spans="1:10" x14ac:dyDescent="0.35">
      <c r="A20061" s="1" t="s">
        <v>7271</v>
      </c>
      <c r="B20061" s="1" t="s">
        <v>70629</v>
      </c>
      <c r="C20061" s="1" t="s">
        <v>150</v>
      </c>
      <c r="D20061" s="1" t="s">
        <v>71827</v>
      </c>
      <c r="E20061" s="1" t="s">
        <v>71828</v>
      </c>
      <c r="F20061" s="1" t="s">
        <v>71829</v>
      </c>
      <c r="G20061" s="1" t="s">
        <v>71727</v>
      </c>
      <c r="H20061" s="1" t="s">
        <v>71728</v>
      </c>
      <c r="I20061" s="1" t="s">
        <v>70634</v>
      </c>
      <c r="J20061" s="1" t="s">
        <v>71830</v>
      </c>
    </row>
    <row r="20062" spans="1:10" x14ac:dyDescent="0.35">
      <c r="A20062" s="1" t="s">
        <v>7271</v>
      </c>
      <c r="B20062" s="1" t="s">
        <v>70629</v>
      </c>
      <c r="C20062" s="1" t="s">
        <v>155</v>
      </c>
      <c r="D20062" s="1" t="s">
        <v>50551</v>
      </c>
      <c r="E20062" s="1" t="s">
        <v>71831</v>
      </c>
      <c r="F20062" s="1" t="s">
        <v>71832</v>
      </c>
      <c r="G20062" s="1" t="s">
        <v>71727</v>
      </c>
      <c r="H20062" s="1" t="s">
        <v>71728</v>
      </c>
      <c r="I20062" s="1" t="s">
        <v>70634</v>
      </c>
      <c r="J20062" s="1" t="s">
        <v>71833</v>
      </c>
    </row>
    <row r="20063" spans="1:10" x14ac:dyDescent="0.35">
      <c r="A20063" s="1" t="s">
        <v>7271</v>
      </c>
      <c r="B20063" s="1" t="s">
        <v>70629</v>
      </c>
      <c r="C20063" s="1" t="s">
        <v>160</v>
      </c>
      <c r="D20063" s="1" t="s">
        <v>31096</v>
      </c>
      <c r="E20063" s="1" t="s">
        <v>71834</v>
      </c>
      <c r="F20063" s="1" t="s">
        <v>71835</v>
      </c>
      <c r="G20063" s="1" t="s">
        <v>71727</v>
      </c>
      <c r="H20063" s="1" t="s">
        <v>71728</v>
      </c>
      <c r="I20063" s="1" t="s">
        <v>70634</v>
      </c>
      <c r="J20063" s="1" t="s">
        <v>71836</v>
      </c>
    </row>
    <row r="20064" spans="1:10" x14ac:dyDescent="0.35">
      <c r="A20064" s="1" t="s">
        <v>7271</v>
      </c>
      <c r="B20064" s="1" t="s">
        <v>70629</v>
      </c>
      <c r="C20064" s="1" t="s">
        <v>165</v>
      </c>
      <c r="D20064" s="1" t="s">
        <v>71837</v>
      </c>
      <c r="E20064" s="1" t="s">
        <v>71838</v>
      </c>
      <c r="F20064" s="1" t="s">
        <v>71839</v>
      </c>
      <c r="G20064" s="1" t="s">
        <v>71727</v>
      </c>
      <c r="H20064" s="1" t="s">
        <v>71728</v>
      </c>
      <c r="I20064" s="1" t="s">
        <v>70634</v>
      </c>
      <c r="J20064" s="1" t="s">
        <v>71840</v>
      </c>
    </row>
    <row r="20065" spans="1:10" x14ac:dyDescent="0.35">
      <c r="A20065" s="1" t="s">
        <v>7271</v>
      </c>
      <c r="B20065" s="1" t="s">
        <v>70629</v>
      </c>
      <c r="C20065" s="1" t="s">
        <v>170</v>
      </c>
      <c r="D20065" s="1" t="s">
        <v>17951</v>
      </c>
      <c r="E20065" s="1" t="s">
        <v>71841</v>
      </c>
      <c r="F20065" s="1" t="s">
        <v>71842</v>
      </c>
      <c r="G20065" s="1" t="s">
        <v>71727</v>
      </c>
      <c r="H20065" s="1" t="s">
        <v>71728</v>
      </c>
      <c r="I20065" s="1" t="s">
        <v>70634</v>
      </c>
      <c r="J20065" s="1" t="s">
        <v>71843</v>
      </c>
    </row>
    <row r="20066" spans="1:10" x14ac:dyDescent="0.35">
      <c r="A20066" s="1" t="s">
        <v>50597</v>
      </c>
      <c r="B20066" s="1" t="s">
        <v>70629</v>
      </c>
      <c r="C20066" s="1" t="s">
        <v>8</v>
      </c>
      <c r="D20066" s="1" t="s">
        <v>71844</v>
      </c>
      <c r="E20066" s="1" t="s">
        <v>71845</v>
      </c>
      <c r="F20066" s="1" t="s">
        <v>71846</v>
      </c>
      <c r="G20066" s="1" t="s">
        <v>71847</v>
      </c>
      <c r="H20066" s="1" t="s">
        <v>71848</v>
      </c>
      <c r="I20066" s="1" t="s">
        <v>70634</v>
      </c>
      <c r="J20066" s="1" t="s">
        <v>13</v>
      </c>
    </row>
    <row r="20067" spans="1:10" x14ac:dyDescent="0.35">
      <c r="A20067" s="1" t="s">
        <v>50597</v>
      </c>
      <c r="B20067" s="1" t="s">
        <v>70629</v>
      </c>
      <c r="C20067" s="1" t="s">
        <v>15</v>
      </c>
      <c r="D20067" s="1" t="s">
        <v>71849</v>
      </c>
      <c r="E20067" s="1" t="s">
        <v>71850</v>
      </c>
      <c r="F20067" s="1" t="s">
        <v>71851</v>
      </c>
      <c r="G20067" s="1" t="s">
        <v>71847</v>
      </c>
      <c r="H20067" s="1" t="s">
        <v>71848</v>
      </c>
      <c r="I20067" s="1" t="s">
        <v>70634</v>
      </c>
      <c r="J20067" s="1" t="s">
        <v>71852</v>
      </c>
    </row>
    <row r="20068" spans="1:10" x14ac:dyDescent="0.35">
      <c r="A20068" s="1" t="s">
        <v>50597</v>
      </c>
      <c r="B20068" s="1" t="s">
        <v>70629</v>
      </c>
      <c r="C20068" s="1" t="s">
        <v>20</v>
      </c>
      <c r="D20068" s="1" t="s">
        <v>7063</v>
      </c>
      <c r="E20068" s="1" t="s">
        <v>71853</v>
      </c>
      <c r="F20068" s="1" t="s">
        <v>71854</v>
      </c>
      <c r="G20068" s="1" t="s">
        <v>71847</v>
      </c>
      <c r="H20068" s="1" t="s">
        <v>71848</v>
      </c>
      <c r="I20068" s="1" t="s">
        <v>70634</v>
      </c>
      <c r="J20068" s="1" t="s">
        <v>71855</v>
      </c>
    </row>
    <row r="20069" spans="1:10" x14ac:dyDescent="0.35">
      <c r="A20069" s="1" t="s">
        <v>50597</v>
      </c>
      <c r="B20069" s="1" t="s">
        <v>70629</v>
      </c>
      <c r="C20069" s="1" t="s">
        <v>25</v>
      </c>
      <c r="D20069" s="1" t="s">
        <v>7924</v>
      </c>
      <c r="E20069" s="1" t="s">
        <v>71856</v>
      </c>
      <c r="F20069" s="1" t="s">
        <v>71857</v>
      </c>
      <c r="G20069" s="1" t="s">
        <v>71847</v>
      </c>
      <c r="H20069" s="1" t="s">
        <v>71848</v>
      </c>
      <c r="I20069" s="1" t="s">
        <v>70634</v>
      </c>
      <c r="J20069" s="1" t="s">
        <v>71858</v>
      </c>
    </row>
    <row r="20070" spans="1:10" x14ac:dyDescent="0.35">
      <c r="A20070" s="1" t="s">
        <v>50597</v>
      </c>
      <c r="B20070" s="1" t="s">
        <v>70629</v>
      </c>
      <c r="C20070" s="1" t="s">
        <v>30</v>
      </c>
      <c r="D20070" s="1" t="s">
        <v>71859</v>
      </c>
      <c r="E20070" s="1" t="s">
        <v>71860</v>
      </c>
      <c r="F20070" s="1" t="s">
        <v>71861</v>
      </c>
      <c r="G20070" s="1" t="s">
        <v>71847</v>
      </c>
      <c r="H20070" s="1" t="s">
        <v>71848</v>
      </c>
      <c r="I20070" s="1" t="s">
        <v>70634</v>
      </c>
      <c r="J20070" s="1" t="s">
        <v>71862</v>
      </c>
    </row>
    <row r="20071" spans="1:10" x14ac:dyDescent="0.35">
      <c r="A20071" s="1" t="s">
        <v>50597</v>
      </c>
      <c r="B20071" s="1" t="s">
        <v>70629</v>
      </c>
      <c r="C20071" s="1" t="s">
        <v>35</v>
      </c>
      <c r="D20071" s="1" t="s">
        <v>71863</v>
      </c>
      <c r="E20071" s="1" t="s">
        <v>71864</v>
      </c>
      <c r="F20071" s="1" t="s">
        <v>71865</v>
      </c>
      <c r="G20071" s="1" t="s">
        <v>71847</v>
      </c>
      <c r="H20071" s="1" t="s">
        <v>71848</v>
      </c>
      <c r="I20071" s="1" t="s">
        <v>70634</v>
      </c>
      <c r="J20071" s="1" t="s">
        <v>71866</v>
      </c>
    </row>
    <row r="20072" spans="1:10" x14ac:dyDescent="0.35">
      <c r="A20072" s="1" t="s">
        <v>50597</v>
      </c>
      <c r="B20072" s="1" t="s">
        <v>70629</v>
      </c>
      <c r="C20072" s="1" t="s">
        <v>40</v>
      </c>
      <c r="D20072" s="1" t="s">
        <v>71867</v>
      </c>
      <c r="E20072" s="1" t="s">
        <v>71868</v>
      </c>
      <c r="F20072" s="1" t="s">
        <v>71869</v>
      </c>
      <c r="G20072" s="1" t="s">
        <v>71847</v>
      </c>
      <c r="H20072" s="1" t="s">
        <v>71848</v>
      </c>
      <c r="I20072" s="1" t="s">
        <v>70634</v>
      </c>
      <c r="J20072" s="1" t="s">
        <v>71870</v>
      </c>
    </row>
    <row r="20073" spans="1:10" x14ac:dyDescent="0.35">
      <c r="A20073" s="1" t="s">
        <v>50597</v>
      </c>
      <c r="B20073" s="1" t="s">
        <v>70629</v>
      </c>
      <c r="C20073" s="1" t="s">
        <v>45</v>
      </c>
      <c r="D20073" s="1" t="s">
        <v>28298</v>
      </c>
      <c r="E20073" s="1" t="s">
        <v>71871</v>
      </c>
      <c r="F20073" s="1" t="s">
        <v>71872</v>
      </c>
      <c r="G20073" s="1" t="s">
        <v>71847</v>
      </c>
      <c r="H20073" s="1" t="s">
        <v>71848</v>
      </c>
      <c r="I20073" s="1" t="s">
        <v>70634</v>
      </c>
      <c r="J20073" s="1" t="s">
        <v>71873</v>
      </c>
    </row>
    <row r="20074" spans="1:10" x14ac:dyDescent="0.35">
      <c r="A20074" s="1" t="s">
        <v>50597</v>
      </c>
      <c r="B20074" s="1" t="s">
        <v>70629</v>
      </c>
      <c r="C20074" s="1" t="s">
        <v>50</v>
      </c>
      <c r="D20074" s="1" t="s">
        <v>71874</v>
      </c>
      <c r="E20074" s="1" t="s">
        <v>71875</v>
      </c>
      <c r="F20074" s="1" t="s">
        <v>71876</v>
      </c>
      <c r="G20074" s="1" t="s">
        <v>71847</v>
      </c>
      <c r="H20074" s="1" t="s">
        <v>71848</v>
      </c>
      <c r="I20074" s="1" t="s">
        <v>70634</v>
      </c>
      <c r="J20074" s="1" t="s">
        <v>71877</v>
      </c>
    </row>
    <row r="20075" spans="1:10" x14ac:dyDescent="0.35">
      <c r="A20075" s="1" t="s">
        <v>50597</v>
      </c>
      <c r="B20075" s="1" t="s">
        <v>70629</v>
      </c>
      <c r="C20075" s="1" t="s">
        <v>55</v>
      </c>
      <c r="D20075" s="1" t="s">
        <v>71878</v>
      </c>
      <c r="E20075" s="1" t="s">
        <v>71879</v>
      </c>
      <c r="F20075" s="1" t="s">
        <v>71880</v>
      </c>
      <c r="G20075" s="1" t="s">
        <v>71847</v>
      </c>
      <c r="H20075" s="1" t="s">
        <v>71848</v>
      </c>
      <c r="I20075" s="1" t="s">
        <v>70634</v>
      </c>
      <c r="J20075" s="1" t="s">
        <v>71881</v>
      </c>
    </row>
    <row r="20076" spans="1:10" x14ac:dyDescent="0.35">
      <c r="A20076" s="1" t="s">
        <v>50597</v>
      </c>
      <c r="B20076" s="1" t="s">
        <v>70629</v>
      </c>
      <c r="C20076" s="1" t="s">
        <v>60</v>
      </c>
      <c r="D20076" s="1" t="s">
        <v>35686</v>
      </c>
      <c r="E20076" s="1" t="s">
        <v>71882</v>
      </c>
      <c r="F20076" s="1" t="s">
        <v>71883</v>
      </c>
      <c r="G20076" s="1" t="s">
        <v>71847</v>
      </c>
      <c r="H20076" s="1" t="s">
        <v>71848</v>
      </c>
      <c r="I20076" s="1" t="s">
        <v>70634</v>
      </c>
      <c r="J20076" s="1" t="s">
        <v>71884</v>
      </c>
    </row>
    <row r="20077" spans="1:10" x14ac:dyDescent="0.35">
      <c r="A20077" s="1" t="s">
        <v>50597</v>
      </c>
      <c r="B20077" s="1" t="s">
        <v>70629</v>
      </c>
      <c r="C20077" s="1" t="s">
        <v>65</v>
      </c>
      <c r="D20077" s="1" t="s">
        <v>71885</v>
      </c>
      <c r="E20077" s="1" t="s">
        <v>71886</v>
      </c>
      <c r="F20077" s="1" t="s">
        <v>71887</v>
      </c>
      <c r="G20077" s="1" t="s">
        <v>71847</v>
      </c>
      <c r="H20077" s="1" t="s">
        <v>71848</v>
      </c>
      <c r="I20077" s="1" t="s">
        <v>70634</v>
      </c>
      <c r="J20077" s="1" t="s">
        <v>71888</v>
      </c>
    </row>
    <row r="20078" spans="1:10" x14ac:dyDescent="0.35">
      <c r="A20078" s="1" t="s">
        <v>50597</v>
      </c>
      <c r="B20078" s="1" t="s">
        <v>70629</v>
      </c>
      <c r="C20078" s="1" t="s">
        <v>70</v>
      </c>
      <c r="D20078" s="1" t="s">
        <v>33659</v>
      </c>
      <c r="E20078" s="1" t="s">
        <v>71889</v>
      </c>
      <c r="F20078" s="1" t="s">
        <v>71890</v>
      </c>
      <c r="G20078" s="1" t="s">
        <v>71847</v>
      </c>
      <c r="H20078" s="1" t="s">
        <v>71848</v>
      </c>
      <c r="I20078" s="1" t="s">
        <v>70634</v>
      </c>
      <c r="J20078" s="1" t="s">
        <v>71891</v>
      </c>
    </row>
    <row r="20079" spans="1:10" x14ac:dyDescent="0.35">
      <c r="A20079" s="1" t="s">
        <v>50597</v>
      </c>
      <c r="B20079" s="1" t="s">
        <v>70629</v>
      </c>
      <c r="C20079" s="1" t="s">
        <v>75</v>
      </c>
      <c r="D20079" s="1" t="s">
        <v>71892</v>
      </c>
      <c r="E20079" s="1" t="s">
        <v>71893</v>
      </c>
      <c r="F20079" s="1" t="s">
        <v>71894</v>
      </c>
      <c r="G20079" s="1" t="s">
        <v>71847</v>
      </c>
      <c r="H20079" s="1" t="s">
        <v>71848</v>
      </c>
      <c r="I20079" s="1" t="s">
        <v>70634</v>
      </c>
      <c r="J20079" s="1" t="s">
        <v>71895</v>
      </c>
    </row>
    <row r="20080" spans="1:10" x14ac:dyDescent="0.35">
      <c r="A20080" s="1" t="s">
        <v>50597</v>
      </c>
      <c r="B20080" s="1" t="s">
        <v>70629</v>
      </c>
      <c r="C20080" s="1" t="s">
        <v>80</v>
      </c>
      <c r="D20080" s="1" t="s">
        <v>42005</v>
      </c>
      <c r="E20080" s="1" t="s">
        <v>71896</v>
      </c>
      <c r="F20080" s="1" t="s">
        <v>71897</v>
      </c>
      <c r="G20080" s="1" t="s">
        <v>71847</v>
      </c>
      <c r="H20080" s="1" t="s">
        <v>71848</v>
      </c>
      <c r="I20080" s="1" t="s">
        <v>70634</v>
      </c>
      <c r="J20080" s="1" t="s">
        <v>71898</v>
      </c>
    </row>
    <row r="20081" spans="1:10" x14ac:dyDescent="0.35">
      <c r="A20081" s="1" t="s">
        <v>50597</v>
      </c>
      <c r="B20081" s="1" t="s">
        <v>70629</v>
      </c>
      <c r="C20081" s="1" t="s">
        <v>85</v>
      </c>
      <c r="D20081" s="1" t="s">
        <v>71899</v>
      </c>
      <c r="E20081" s="1" t="s">
        <v>71900</v>
      </c>
      <c r="F20081" s="1" t="s">
        <v>71901</v>
      </c>
      <c r="G20081" s="1" t="s">
        <v>71847</v>
      </c>
      <c r="H20081" s="1" t="s">
        <v>71848</v>
      </c>
      <c r="I20081" s="1" t="s">
        <v>70634</v>
      </c>
      <c r="J20081" s="1" t="s">
        <v>71902</v>
      </c>
    </row>
    <row r="20082" spans="1:10" x14ac:dyDescent="0.35">
      <c r="A20082" s="1" t="s">
        <v>50597</v>
      </c>
      <c r="B20082" s="1" t="s">
        <v>70629</v>
      </c>
      <c r="C20082" s="1" t="s">
        <v>90</v>
      </c>
      <c r="D20082" s="1" t="s">
        <v>48862</v>
      </c>
      <c r="E20082" s="1" t="s">
        <v>71903</v>
      </c>
      <c r="F20082" s="1" t="s">
        <v>71904</v>
      </c>
      <c r="G20082" s="1" t="s">
        <v>71847</v>
      </c>
      <c r="H20082" s="1" t="s">
        <v>71848</v>
      </c>
      <c r="I20082" s="1" t="s">
        <v>70634</v>
      </c>
      <c r="J20082" s="1" t="s">
        <v>71905</v>
      </c>
    </row>
    <row r="20083" spans="1:10" x14ac:dyDescent="0.35">
      <c r="A20083" s="1" t="s">
        <v>50597</v>
      </c>
      <c r="B20083" s="1" t="s">
        <v>70629</v>
      </c>
      <c r="C20083" s="1" t="s">
        <v>95</v>
      </c>
      <c r="D20083" s="1" t="s">
        <v>49572</v>
      </c>
      <c r="E20083" s="1" t="s">
        <v>71906</v>
      </c>
      <c r="F20083" s="1" t="s">
        <v>71907</v>
      </c>
      <c r="G20083" s="1" t="s">
        <v>71847</v>
      </c>
      <c r="H20083" s="1" t="s">
        <v>71848</v>
      </c>
      <c r="I20083" s="1" t="s">
        <v>70634</v>
      </c>
      <c r="J20083" s="1" t="s">
        <v>71908</v>
      </c>
    </row>
    <row r="20084" spans="1:10" x14ac:dyDescent="0.35">
      <c r="A20084" s="1" t="s">
        <v>50597</v>
      </c>
      <c r="B20084" s="1" t="s">
        <v>70629</v>
      </c>
      <c r="C20084" s="1" t="s">
        <v>100</v>
      </c>
      <c r="D20084" s="1" t="s">
        <v>71395</v>
      </c>
      <c r="E20084" s="1" t="s">
        <v>71909</v>
      </c>
      <c r="F20084" s="1" t="s">
        <v>71910</v>
      </c>
      <c r="G20084" s="1" t="s">
        <v>71847</v>
      </c>
      <c r="H20084" s="1" t="s">
        <v>71848</v>
      </c>
      <c r="I20084" s="1" t="s">
        <v>70634</v>
      </c>
      <c r="J20084" s="1" t="s">
        <v>71911</v>
      </c>
    </row>
    <row r="20085" spans="1:10" x14ac:dyDescent="0.35">
      <c r="A20085" s="1" t="s">
        <v>50597</v>
      </c>
      <c r="B20085" s="1" t="s">
        <v>70629</v>
      </c>
      <c r="C20085" s="1" t="s">
        <v>105</v>
      </c>
      <c r="D20085" s="1" t="s">
        <v>71912</v>
      </c>
      <c r="E20085" s="1" t="s">
        <v>71913</v>
      </c>
      <c r="F20085" s="1" t="s">
        <v>71914</v>
      </c>
      <c r="G20085" s="1" t="s">
        <v>71847</v>
      </c>
      <c r="H20085" s="1" t="s">
        <v>71848</v>
      </c>
      <c r="I20085" s="1" t="s">
        <v>70634</v>
      </c>
      <c r="J20085" s="1" t="s">
        <v>71915</v>
      </c>
    </row>
    <row r="20086" spans="1:10" x14ac:dyDescent="0.35">
      <c r="A20086" s="1" t="s">
        <v>50597</v>
      </c>
      <c r="B20086" s="1" t="s">
        <v>70629</v>
      </c>
      <c r="C20086" s="1" t="s">
        <v>110</v>
      </c>
      <c r="D20086" s="1" t="s">
        <v>48405</v>
      </c>
      <c r="E20086" s="1" t="s">
        <v>71916</v>
      </c>
      <c r="F20086" s="1" t="s">
        <v>71917</v>
      </c>
      <c r="G20086" s="1" t="s">
        <v>71847</v>
      </c>
      <c r="H20086" s="1" t="s">
        <v>71848</v>
      </c>
      <c r="I20086" s="1" t="s">
        <v>70634</v>
      </c>
      <c r="J20086" s="1" t="s">
        <v>71918</v>
      </c>
    </row>
    <row r="20087" spans="1:10" x14ac:dyDescent="0.35">
      <c r="A20087" s="1" t="s">
        <v>50597</v>
      </c>
      <c r="B20087" s="1" t="s">
        <v>70629</v>
      </c>
      <c r="C20087" s="1" t="s">
        <v>115</v>
      </c>
      <c r="D20087" s="1" t="s">
        <v>32572</v>
      </c>
      <c r="E20087" s="1" t="s">
        <v>71919</v>
      </c>
      <c r="F20087" s="1" t="s">
        <v>71920</v>
      </c>
      <c r="G20087" s="1" t="s">
        <v>71847</v>
      </c>
      <c r="H20087" s="1" t="s">
        <v>71848</v>
      </c>
      <c r="I20087" s="1" t="s">
        <v>70634</v>
      </c>
      <c r="J20087" s="1" t="s">
        <v>71921</v>
      </c>
    </row>
    <row r="20088" spans="1:10" x14ac:dyDescent="0.35">
      <c r="A20088" s="1" t="s">
        <v>50597</v>
      </c>
      <c r="B20088" s="1" t="s">
        <v>70629</v>
      </c>
      <c r="C20088" s="1" t="s">
        <v>120</v>
      </c>
      <c r="D20088" s="1" t="s">
        <v>71922</v>
      </c>
      <c r="E20088" s="1" t="s">
        <v>71923</v>
      </c>
      <c r="F20088" s="1" t="s">
        <v>71924</v>
      </c>
      <c r="G20088" s="1" t="s">
        <v>71847</v>
      </c>
      <c r="H20088" s="1" t="s">
        <v>71848</v>
      </c>
      <c r="I20088" s="1" t="s">
        <v>70634</v>
      </c>
      <c r="J20088" s="1" t="s">
        <v>71925</v>
      </c>
    </row>
    <row r="20089" spans="1:10" x14ac:dyDescent="0.35">
      <c r="A20089" s="1" t="s">
        <v>50597</v>
      </c>
      <c r="B20089" s="1" t="s">
        <v>70629</v>
      </c>
      <c r="C20089" s="1" t="s">
        <v>125</v>
      </c>
      <c r="D20089" s="1" t="s">
        <v>31383</v>
      </c>
      <c r="E20089" s="1" t="s">
        <v>71926</v>
      </c>
      <c r="F20089" s="1" t="s">
        <v>71927</v>
      </c>
      <c r="G20089" s="1" t="s">
        <v>71847</v>
      </c>
      <c r="H20089" s="1" t="s">
        <v>71848</v>
      </c>
      <c r="I20089" s="1" t="s">
        <v>70634</v>
      </c>
      <c r="J20089" s="1" t="s">
        <v>71928</v>
      </c>
    </row>
    <row r="20090" spans="1:10" x14ac:dyDescent="0.35">
      <c r="A20090" s="1" t="s">
        <v>50597</v>
      </c>
      <c r="B20090" s="1" t="s">
        <v>70629</v>
      </c>
      <c r="C20090" s="1" t="s">
        <v>130</v>
      </c>
      <c r="D20090" s="1" t="s">
        <v>71929</v>
      </c>
      <c r="E20090" s="1" t="s">
        <v>71930</v>
      </c>
      <c r="F20090" s="1" t="s">
        <v>71931</v>
      </c>
      <c r="G20090" s="1" t="s">
        <v>71847</v>
      </c>
      <c r="H20090" s="1" t="s">
        <v>71848</v>
      </c>
      <c r="I20090" s="1" t="s">
        <v>70634</v>
      </c>
      <c r="J20090" s="1" t="s">
        <v>71932</v>
      </c>
    </row>
    <row r="20091" spans="1:10" x14ac:dyDescent="0.35">
      <c r="A20091" s="1" t="s">
        <v>50597</v>
      </c>
      <c r="B20091" s="1" t="s">
        <v>70629</v>
      </c>
      <c r="C20091" s="1" t="s">
        <v>135</v>
      </c>
      <c r="D20091" s="1" t="s">
        <v>281</v>
      </c>
      <c r="E20091" s="1" t="s">
        <v>71933</v>
      </c>
      <c r="F20091" s="1" t="s">
        <v>71934</v>
      </c>
      <c r="G20091" s="1" t="s">
        <v>71847</v>
      </c>
      <c r="H20091" s="1" t="s">
        <v>71848</v>
      </c>
      <c r="I20091" s="1" t="s">
        <v>70634</v>
      </c>
      <c r="J20091" s="1" t="s">
        <v>71935</v>
      </c>
    </row>
    <row r="20092" spans="1:10" x14ac:dyDescent="0.35">
      <c r="A20092" s="1" t="s">
        <v>50597</v>
      </c>
      <c r="B20092" s="1" t="s">
        <v>70629</v>
      </c>
      <c r="C20092" s="1" t="s">
        <v>140</v>
      </c>
      <c r="D20092" s="1" t="s">
        <v>71936</v>
      </c>
      <c r="E20092" s="1" t="s">
        <v>71937</v>
      </c>
      <c r="F20092" s="1" t="s">
        <v>71938</v>
      </c>
      <c r="G20092" s="1" t="s">
        <v>71847</v>
      </c>
      <c r="H20092" s="1" t="s">
        <v>71848</v>
      </c>
      <c r="I20092" s="1" t="s">
        <v>70634</v>
      </c>
      <c r="J20092" s="1" t="s">
        <v>71939</v>
      </c>
    </row>
    <row r="20093" spans="1:10" x14ac:dyDescent="0.35">
      <c r="A20093" s="1" t="s">
        <v>50597</v>
      </c>
      <c r="B20093" s="1" t="s">
        <v>70629</v>
      </c>
      <c r="C20093" s="1" t="s">
        <v>145</v>
      </c>
      <c r="D20093" s="1" t="s">
        <v>35322</v>
      </c>
      <c r="E20093" s="1" t="s">
        <v>71940</v>
      </c>
      <c r="F20093" s="1" t="s">
        <v>71941</v>
      </c>
      <c r="G20093" s="1" t="s">
        <v>71847</v>
      </c>
      <c r="H20093" s="1" t="s">
        <v>71848</v>
      </c>
      <c r="I20093" s="1" t="s">
        <v>70634</v>
      </c>
      <c r="J20093" s="1" t="s">
        <v>71942</v>
      </c>
    </row>
    <row r="20094" spans="1:10" x14ac:dyDescent="0.35">
      <c r="A20094" s="1" t="s">
        <v>50597</v>
      </c>
      <c r="B20094" s="1" t="s">
        <v>70629</v>
      </c>
      <c r="C20094" s="1" t="s">
        <v>150</v>
      </c>
      <c r="D20094" s="1" t="s">
        <v>9742</v>
      </c>
      <c r="E20094" s="1" t="s">
        <v>71943</v>
      </c>
      <c r="F20094" s="1" t="s">
        <v>71944</v>
      </c>
      <c r="G20094" s="1" t="s">
        <v>71847</v>
      </c>
      <c r="H20094" s="1" t="s">
        <v>71848</v>
      </c>
      <c r="I20094" s="1" t="s">
        <v>70634</v>
      </c>
      <c r="J20094" s="1" t="s">
        <v>71945</v>
      </c>
    </row>
    <row r="20095" spans="1:10" x14ac:dyDescent="0.35">
      <c r="A20095" s="1" t="s">
        <v>50597</v>
      </c>
      <c r="B20095" s="1" t="s">
        <v>70629</v>
      </c>
      <c r="C20095" s="1" t="s">
        <v>155</v>
      </c>
      <c r="D20095" s="1" t="s">
        <v>71946</v>
      </c>
      <c r="E20095" s="1" t="s">
        <v>71947</v>
      </c>
      <c r="F20095" s="1" t="s">
        <v>71948</v>
      </c>
      <c r="G20095" s="1" t="s">
        <v>71847</v>
      </c>
      <c r="H20095" s="1" t="s">
        <v>71848</v>
      </c>
      <c r="I20095" s="1" t="s">
        <v>70634</v>
      </c>
      <c r="J20095" s="1" t="s">
        <v>71949</v>
      </c>
    </row>
    <row r="20096" spans="1:10" x14ac:dyDescent="0.35">
      <c r="A20096" s="1" t="s">
        <v>50597</v>
      </c>
      <c r="B20096" s="1" t="s">
        <v>70629</v>
      </c>
      <c r="C20096" s="1" t="s">
        <v>160</v>
      </c>
      <c r="D20096" s="1" t="s">
        <v>38816</v>
      </c>
      <c r="E20096" s="1" t="s">
        <v>71950</v>
      </c>
      <c r="F20096" s="1" t="s">
        <v>71951</v>
      </c>
      <c r="G20096" s="1" t="s">
        <v>71847</v>
      </c>
      <c r="H20096" s="1" t="s">
        <v>71848</v>
      </c>
      <c r="I20096" s="1" t="s">
        <v>70634</v>
      </c>
      <c r="J20096" s="1" t="s">
        <v>71952</v>
      </c>
    </row>
    <row r="20097" spans="1:10" x14ac:dyDescent="0.35">
      <c r="A20097" s="1" t="s">
        <v>50597</v>
      </c>
      <c r="B20097" s="1" t="s">
        <v>70629</v>
      </c>
      <c r="C20097" s="1" t="s">
        <v>165</v>
      </c>
      <c r="D20097" s="1" t="s">
        <v>49519</v>
      </c>
      <c r="E20097" s="1" t="s">
        <v>71953</v>
      </c>
      <c r="F20097" s="1" t="s">
        <v>71954</v>
      </c>
      <c r="G20097" s="1" t="s">
        <v>71847</v>
      </c>
      <c r="H20097" s="1" t="s">
        <v>71848</v>
      </c>
      <c r="I20097" s="1" t="s">
        <v>70634</v>
      </c>
      <c r="J20097" s="1" t="s">
        <v>71955</v>
      </c>
    </row>
    <row r="20098" spans="1:10" x14ac:dyDescent="0.35">
      <c r="A20098" s="1" t="s">
        <v>50597</v>
      </c>
      <c r="B20098" s="1" t="s">
        <v>70629</v>
      </c>
      <c r="C20098" s="1" t="s">
        <v>170</v>
      </c>
      <c r="D20098" s="1" t="s">
        <v>48339</v>
      </c>
      <c r="E20098" s="1" t="s">
        <v>71956</v>
      </c>
      <c r="F20098" s="1" t="s">
        <v>71957</v>
      </c>
      <c r="G20098" s="1" t="s">
        <v>71847</v>
      </c>
      <c r="H20098" s="1" t="s">
        <v>71848</v>
      </c>
      <c r="I20098" s="1" t="s">
        <v>70634</v>
      </c>
      <c r="J20098" s="1" t="s">
        <v>71958</v>
      </c>
    </row>
    <row r="20099" spans="1:10" x14ac:dyDescent="0.35">
      <c r="A20099" s="1" t="s">
        <v>71959</v>
      </c>
      <c r="B20099" s="1" t="s">
        <v>70629</v>
      </c>
      <c r="C20099" s="1" t="s">
        <v>8</v>
      </c>
      <c r="D20099" s="1" t="s">
        <v>177</v>
      </c>
      <c r="E20099" s="1" t="s">
        <v>71960</v>
      </c>
      <c r="F20099" s="1" t="s">
        <v>71961</v>
      </c>
      <c r="G20099" s="1" t="s">
        <v>71962</v>
      </c>
      <c r="H20099" s="1" t="s">
        <v>71963</v>
      </c>
      <c r="I20099" s="1" t="s">
        <v>70634</v>
      </c>
      <c r="J20099" s="1" t="s">
        <v>13</v>
      </c>
    </row>
    <row r="20100" spans="1:10" x14ac:dyDescent="0.35">
      <c r="A20100" s="1" t="s">
        <v>71959</v>
      </c>
      <c r="B20100" s="1" t="s">
        <v>70629</v>
      </c>
      <c r="C20100" s="1" t="s">
        <v>15</v>
      </c>
      <c r="D20100" s="1" t="s">
        <v>71964</v>
      </c>
      <c r="E20100" s="1" t="s">
        <v>71965</v>
      </c>
      <c r="F20100" s="1" t="s">
        <v>71966</v>
      </c>
      <c r="G20100" s="1" t="s">
        <v>71962</v>
      </c>
      <c r="H20100" s="1" t="s">
        <v>71963</v>
      </c>
      <c r="I20100" s="1" t="s">
        <v>70634</v>
      </c>
      <c r="J20100" s="1" t="s">
        <v>71967</v>
      </c>
    </row>
    <row r="20101" spans="1:10" x14ac:dyDescent="0.35">
      <c r="A20101" s="1" t="s">
        <v>71959</v>
      </c>
      <c r="B20101" s="1" t="s">
        <v>70629</v>
      </c>
      <c r="C20101" s="1" t="s">
        <v>20</v>
      </c>
      <c r="D20101" s="1" t="s">
        <v>71968</v>
      </c>
      <c r="E20101" s="1" t="s">
        <v>71969</v>
      </c>
      <c r="F20101" s="1" t="s">
        <v>71970</v>
      </c>
      <c r="G20101" s="1" t="s">
        <v>71962</v>
      </c>
      <c r="H20101" s="1" t="s">
        <v>71963</v>
      </c>
      <c r="I20101" s="1" t="s">
        <v>70634</v>
      </c>
      <c r="J20101" s="1" t="s">
        <v>71971</v>
      </c>
    </row>
    <row r="20102" spans="1:10" x14ac:dyDescent="0.35">
      <c r="A20102" s="1" t="s">
        <v>71959</v>
      </c>
      <c r="B20102" s="1" t="s">
        <v>70629</v>
      </c>
      <c r="C20102" s="1" t="s">
        <v>25</v>
      </c>
      <c r="D20102" s="1" t="s">
        <v>71972</v>
      </c>
      <c r="E20102" s="1" t="s">
        <v>71973</v>
      </c>
      <c r="F20102" s="1" t="s">
        <v>71974</v>
      </c>
      <c r="G20102" s="1" t="s">
        <v>71962</v>
      </c>
      <c r="H20102" s="1" t="s">
        <v>71963</v>
      </c>
      <c r="I20102" s="1" t="s">
        <v>70634</v>
      </c>
      <c r="J20102" s="1" t="s">
        <v>71975</v>
      </c>
    </row>
    <row r="20103" spans="1:10" x14ac:dyDescent="0.35">
      <c r="A20103" s="1" t="s">
        <v>71959</v>
      </c>
      <c r="B20103" s="1" t="s">
        <v>70629</v>
      </c>
      <c r="C20103" s="1" t="s">
        <v>30</v>
      </c>
      <c r="D20103" s="1" t="s">
        <v>71976</v>
      </c>
      <c r="E20103" s="1" t="s">
        <v>71977</v>
      </c>
      <c r="F20103" s="1" t="s">
        <v>71978</v>
      </c>
      <c r="G20103" s="1" t="s">
        <v>71962</v>
      </c>
      <c r="H20103" s="1" t="s">
        <v>71963</v>
      </c>
      <c r="I20103" s="1" t="s">
        <v>70634</v>
      </c>
      <c r="J20103" s="1" t="s">
        <v>71979</v>
      </c>
    </row>
    <row r="20104" spans="1:10" x14ac:dyDescent="0.35">
      <c r="A20104" s="1" t="s">
        <v>71959</v>
      </c>
      <c r="B20104" s="1" t="s">
        <v>70629</v>
      </c>
      <c r="C20104" s="1" t="s">
        <v>35</v>
      </c>
      <c r="D20104" s="1" t="s">
        <v>9566</v>
      </c>
      <c r="E20104" s="1" t="s">
        <v>71980</v>
      </c>
      <c r="F20104" s="1" t="s">
        <v>71981</v>
      </c>
      <c r="G20104" s="1" t="s">
        <v>71962</v>
      </c>
      <c r="H20104" s="1" t="s">
        <v>71963</v>
      </c>
      <c r="I20104" s="1" t="s">
        <v>70634</v>
      </c>
      <c r="J20104" s="1" t="s">
        <v>71982</v>
      </c>
    </row>
    <row r="20105" spans="1:10" x14ac:dyDescent="0.35">
      <c r="A20105" s="1" t="s">
        <v>71959</v>
      </c>
      <c r="B20105" s="1" t="s">
        <v>70629</v>
      </c>
      <c r="C20105" s="1" t="s">
        <v>40</v>
      </c>
      <c r="D20105" s="1" t="s">
        <v>48231</v>
      </c>
      <c r="E20105" s="1" t="s">
        <v>71983</v>
      </c>
      <c r="F20105" s="1" t="s">
        <v>71984</v>
      </c>
      <c r="G20105" s="1" t="s">
        <v>71962</v>
      </c>
      <c r="H20105" s="1" t="s">
        <v>71963</v>
      </c>
      <c r="I20105" s="1" t="s">
        <v>70634</v>
      </c>
      <c r="J20105" s="1" t="s">
        <v>71985</v>
      </c>
    </row>
    <row r="20106" spans="1:10" x14ac:dyDescent="0.35">
      <c r="A20106" s="1" t="s">
        <v>71959</v>
      </c>
      <c r="B20106" s="1" t="s">
        <v>70629</v>
      </c>
      <c r="C20106" s="1" t="s">
        <v>45</v>
      </c>
      <c r="D20106" s="1" t="s">
        <v>38196</v>
      </c>
      <c r="E20106" s="1" t="s">
        <v>71986</v>
      </c>
      <c r="F20106" s="1" t="s">
        <v>71987</v>
      </c>
      <c r="G20106" s="1" t="s">
        <v>71962</v>
      </c>
      <c r="H20106" s="1" t="s">
        <v>71963</v>
      </c>
      <c r="I20106" s="1" t="s">
        <v>70634</v>
      </c>
      <c r="J20106" s="1" t="s">
        <v>71988</v>
      </c>
    </row>
    <row r="20107" spans="1:10" x14ac:dyDescent="0.35">
      <c r="A20107" s="1" t="s">
        <v>71959</v>
      </c>
      <c r="B20107" s="1" t="s">
        <v>70629</v>
      </c>
      <c r="C20107" s="1" t="s">
        <v>50</v>
      </c>
      <c r="D20107" s="1" t="s">
        <v>34286</v>
      </c>
      <c r="E20107" s="1" t="s">
        <v>71989</v>
      </c>
      <c r="F20107" s="1" t="s">
        <v>71990</v>
      </c>
      <c r="G20107" s="1" t="s">
        <v>71962</v>
      </c>
      <c r="H20107" s="1" t="s">
        <v>71963</v>
      </c>
      <c r="I20107" s="1" t="s">
        <v>70634</v>
      </c>
      <c r="J20107" s="1" t="s">
        <v>71991</v>
      </c>
    </row>
    <row r="20108" spans="1:10" x14ac:dyDescent="0.35">
      <c r="A20108" s="1" t="s">
        <v>71959</v>
      </c>
      <c r="B20108" s="1" t="s">
        <v>70629</v>
      </c>
      <c r="C20108" s="1" t="s">
        <v>55</v>
      </c>
      <c r="D20108" s="1" t="s">
        <v>48405</v>
      </c>
      <c r="E20108" s="1" t="s">
        <v>71992</v>
      </c>
      <c r="F20108" s="1" t="s">
        <v>71993</v>
      </c>
      <c r="G20108" s="1" t="s">
        <v>71962</v>
      </c>
      <c r="H20108" s="1" t="s">
        <v>71963</v>
      </c>
      <c r="I20108" s="1" t="s">
        <v>70634</v>
      </c>
      <c r="J20108" s="1" t="s">
        <v>71994</v>
      </c>
    </row>
    <row r="20109" spans="1:10" x14ac:dyDescent="0.35">
      <c r="A20109" s="1" t="s">
        <v>71959</v>
      </c>
      <c r="B20109" s="1" t="s">
        <v>70629</v>
      </c>
      <c r="C20109" s="1" t="s">
        <v>60</v>
      </c>
      <c r="D20109" s="1" t="s">
        <v>13031</v>
      </c>
      <c r="E20109" s="1" t="s">
        <v>71995</v>
      </c>
      <c r="F20109" s="1" t="s">
        <v>71996</v>
      </c>
      <c r="G20109" s="1" t="s">
        <v>71962</v>
      </c>
      <c r="H20109" s="1" t="s">
        <v>71963</v>
      </c>
      <c r="I20109" s="1" t="s">
        <v>70634</v>
      </c>
      <c r="J20109" s="1" t="s">
        <v>71997</v>
      </c>
    </row>
    <row r="20110" spans="1:10" x14ac:dyDescent="0.35">
      <c r="A20110" s="1" t="s">
        <v>71959</v>
      </c>
      <c r="B20110" s="1" t="s">
        <v>70629</v>
      </c>
      <c r="C20110" s="1" t="s">
        <v>65</v>
      </c>
      <c r="D20110" s="1" t="s">
        <v>32930</v>
      </c>
      <c r="E20110" s="1" t="s">
        <v>71998</v>
      </c>
      <c r="F20110" s="1" t="s">
        <v>71999</v>
      </c>
      <c r="G20110" s="1" t="s">
        <v>71962</v>
      </c>
      <c r="H20110" s="1" t="s">
        <v>71963</v>
      </c>
      <c r="I20110" s="1" t="s">
        <v>70634</v>
      </c>
      <c r="J20110" s="1" t="s">
        <v>72000</v>
      </c>
    </row>
    <row r="20111" spans="1:10" x14ac:dyDescent="0.35">
      <c r="A20111" s="1" t="s">
        <v>71959</v>
      </c>
      <c r="B20111" s="1" t="s">
        <v>70629</v>
      </c>
      <c r="C20111" s="1" t="s">
        <v>70</v>
      </c>
      <c r="D20111" s="1" t="s">
        <v>72001</v>
      </c>
      <c r="E20111" s="1" t="s">
        <v>72002</v>
      </c>
      <c r="F20111" s="1" t="s">
        <v>72003</v>
      </c>
      <c r="G20111" s="1" t="s">
        <v>71962</v>
      </c>
      <c r="H20111" s="1" t="s">
        <v>71963</v>
      </c>
      <c r="I20111" s="1" t="s">
        <v>70634</v>
      </c>
      <c r="J20111" s="1" t="s">
        <v>72004</v>
      </c>
    </row>
    <row r="20112" spans="1:10" x14ac:dyDescent="0.35">
      <c r="A20112" s="1" t="s">
        <v>71959</v>
      </c>
      <c r="B20112" s="1" t="s">
        <v>70629</v>
      </c>
      <c r="C20112" s="1" t="s">
        <v>75</v>
      </c>
      <c r="D20112" s="1" t="s">
        <v>31261</v>
      </c>
      <c r="E20112" s="1" t="s">
        <v>72005</v>
      </c>
      <c r="F20112" s="1" t="s">
        <v>72006</v>
      </c>
      <c r="G20112" s="1" t="s">
        <v>71962</v>
      </c>
      <c r="H20112" s="1" t="s">
        <v>71963</v>
      </c>
      <c r="I20112" s="1" t="s">
        <v>70634</v>
      </c>
      <c r="J20112" s="1" t="s">
        <v>72007</v>
      </c>
    </row>
    <row r="20113" spans="1:10" x14ac:dyDescent="0.35">
      <c r="A20113" s="1" t="s">
        <v>71959</v>
      </c>
      <c r="B20113" s="1" t="s">
        <v>70629</v>
      </c>
      <c r="C20113" s="1" t="s">
        <v>80</v>
      </c>
      <c r="D20113" s="1" t="s">
        <v>48915</v>
      </c>
      <c r="E20113" s="1" t="s">
        <v>72008</v>
      </c>
      <c r="F20113" s="1" t="s">
        <v>72009</v>
      </c>
      <c r="G20113" s="1" t="s">
        <v>71962</v>
      </c>
      <c r="H20113" s="1" t="s">
        <v>71963</v>
      </c>
      <c r="I20113" s="1" t="s">
        <v>70634</v>
      </c>
      <c r="J20113" s="1" t="s">
        <v>72010</v>
      </c>
    </row>
    <row r="20114" spans="1:10" x14ac:dyDescent="0.35">
      <c r="A20114" s="1" t="s">
        <v>71959</v>
      </c>
      <c r="B20114" s="1" t="s">
        <v>70629</v>
      </c>
      <c r="C20114" s="1" t="s">
        <v>85</v>
      </c>
      <c r="D20114" s="1" t="s">
        <v>49867</v>
      </c>
      <c r="E20114" s="1" t="s">
        <v>72011</v>
      </c>
      <c r="F20114" s="1" t="s">
        <v>72012</v>
      </c>
      <c r="G20114" s="1" t="s">
        <v>71962</v>
      </c>
      <c r="H20114" s="1" t="s">
        <v>71963</v>
      </c>
      <c r="I20114" s="1" t="s">
        <v>70634</v>
      </c>
      <c r="J20114" s="1" t="s">
        <v>72013</v>
      </c>
    </row>
    <row r="20115" spans="1:10" x14ac:dyDescent="0.35">
      <c r="A20115" s="1" t="s">
        <v>71959</v>
      </c>
      <c r="B20115" s="1" t="s">
        <v>70629</v>
      </c>
      <c r="C20115" s="1" t="s">
        <v>90</v>
      </c>
      <c r="D20115" s="1" t="s">
        <v>32907</v>
      </c>
      <c r="E20115" s="1" t="s">
        <v>72014</v>
      </c>
      <c r="F20115" s="1" t="s">
        <v>72015</v>
      </c>
      <c r="G20115" s="1" t="s">
        <v>71962</v>
      </c>
      <c r="H20115" s="1" t="s">
        <v>71963</v>
      </c>
      <c r="I20115" s="1" t="s">
        <v>70634</v>
      </c>
      <c r="J20115" s="1" t="s">
        <v>72016</v>
      </c>
    </row>
    <row r="20116" spans="1:10" x14ac:dyDescent="0.35">
      <c r="A20116" s="1" t="s">
        <v>71959</v>
      </c>
      <c r="B20116" s="1" t="s">
        <v>70629</v>
      </c>
      <c r="C20116" s="1" t="s">
        <v>95</v>
      </c>
      <c r="D20116" s="1" t="s">
        <v>32937</v>
      </c>
      <c r="E20116" s="1" t="s">
        <v>72017</v>
      </c>
      <c r="F20116" s="1" t="s">
        <v>72018</v>
      </c>
      <c r="G20116" s="1" t="s">
        <v>71962</v>
      </c>
      <c r="H20116" s="1" t="s">
        <v>71963</v>
      </c>
      <c r="I20116" s="1" t="s">
        <v>70634</v>
      </c>
      <c r="J20116" s="1" t="s">
        <v>72019</v>
      </c>
    </row>
    <row r="20117" spans="1:10" x14ac:dyDescent="0.35">
      <c r="A20117" s="1" t="s">
        <v>71959</v>
      </c>
      <c r="B20117" s="1" t="s">
        <v>70629</v>
      </c>
      <c r="C20117" s="1" t="s">
        <v>100</v>
      </c>
      <c r="D20117" s="1" t="s">
        <v>72020</v>
      </c>
      <c r="E20117" s="1" t="s">
        <v>72021</v>
      </c>
      <c r="F20117" s="1" t="s">
        <v>72022</v>
      </c>
      <c r="G20117" s="1" t="s">
        <v>71962</v>
      </c>
      <c r="H20117" s="1" t="s">
        <v>71963</v>
      </c>
      <c r="I20117" s="1" t="s">
        <v>70634</v>
      </c>
      <c r="J20117" s="1" t="s">
        <v>72023</v>
      </c>
    </row>
    <row r="20118" spans="1:10" x14ac:dyDescent="0.35">
      <c r="A20118" s="1" t="s">
        <v>71959</v>
      </c>
      <c r="B20118" s="1" t="s">
        <v>70629</v>
      </c>
      <c r="C20118" s="1" t="s">
        <v>105</v>
      </c>
      <c r="D20118" s="1" t="s">
        <v>48256</v>
      </c>
      <c r="E20118" s="1" t="s">
        <v>72024</v>
      </c>
      <c r="F20118" s="1" t="s">
        <v>72025</v>
      </c>
      <c r="G20118" s="1" t="s">
        <v>71962</v>
      </c>
      <c r="H20118" s="1" t="s">
        <v>71963</v>
      </c>
      <c r="I20118" s="1" t="s">
        <v>70634</v>
      </c>
      <c r="J20118" s="1" t="s">
        <v>72026</v>
      </c>
    </row>
    <row r="20119" spans="1:10" x14ac:dyDescent="0.35">
      <c r="A20119" s="1" t="s">
        <v>71959</v>
      </c>
      <c r="B20119" s="1" t="s">
        <v>70629</v>
      </c>
      <c r="C20119" s="1" t="s">
        <v>110</v>
      </c>
      <c r="D20119" s="1" t="s">
        <v>72027</v>
      </c>
      <c r="E20119" s="1" t="s">
        <v>72028</v>
      </c>
      <c r="F20119" s="1" t="s">
        <v>72029</v>
      </c>
      <c r="G20119" s="1" t="s">
        <v>71962</v>
      </c>
      <c r="H20119" s="1" t="s">
        <v>71963</v>
      </c>
      <c r="I20119" s="1" t="s">
        <v>70634</v>
      </c>
      <c r="J20119" s="1" t="s">
        <v>72030</v>
      </c>
    </row>
    <row r="20120" spans="1:10" x14ac:dyDescent="0.35">
      <c r="A20120" s="1" t="s">
        <v>71959</v>
      </c>
      <c r="B20120" s="1" t="s">
        <v>70629</v>
      </c>
      <c r="C20120" s="1" t="s">
        <v>115</v>
      </c>
      <c r="D20120" s="1" t="s">
        <v>35486</v>
      </c>
      <c r="E20120" s="1" t="s">
        <v>72031</v>
      </c>
      <c r="F20120" s="1" t="s">
        <v>72032</v>
      </c>
      <c r="G20120" s="1" t="s">
        <v>71962</v>
      </c>
      <c r="H20120" s="1" t="s">
        <v>71963</v>
      </c>
      <c r="I20120" s="1" t="s">
        <v>70634</v>
      </c>
      <c r="J20120" s="1" t="s">
        <v>72033</v>
      </c>
    </row>
    <row r="20121" spans="1:10" x14ac:dyDescent="0.35">
      <c r="A20121" s="1" t="s">
        <v>71959</v>
      </c>
      <c r="B20121" s="1" t="s">
        <v>70629</v>
      </c>
      <c r="C20121" s="1" t="s">
        <v>120</v>
      </c>
      <c r="D20121" s="1" t="s">
        <v>72034</v>
      </c>
      <c r="E20121" s="1" t="s">
        <v>72035</v>
      </c>
      <c r="F20121" s="1" t="s">
        <v>72036</v>
      </c>
      <c r="G20121" s="1" t="s">
        <v>71962</v>
      </c>
      <c r="H20121" s="1" t="s">
        <v>71963</v>
      </c>
      <c r="I20121" s="1" t="s">
        <v>70634</v>
      </c>
      <c r="J20121" s="1" t="s">
        <v>72037</v>
      </c>
    </row>
    <row r="20122" spans="1:10" x14ac:dyDescent="0.35">
      <c r="A20122" s="1" t="s">
        <v>71959</v>
      </c>
      <c r="B20122" s="1" t="s">
        <v>70629</v>
      </c>
      <c r="C20122" s="1" t="s">
        <v>125</v>
      </c>
      <c r="D20122" s="1" t="s">
        <v>72038</v>
      </c>
      <c r="E20122" s="1" t="s">
        <v>72039</v>
      </c>
      <c r="F20122" s="1" t="s">
        <v>72040</v>
      </c>
      <c r="G20122" s="1" t="s">
        <v>71962</v>
      </c>
      <c r="H20122" s="1" t="s">
        <v>71963</v>
      </c>
      <c r="I20122" s="1" t="s">
        <v>70634</v>
      </c>
      <c r="J20122" s="1" t="s">
        <v>72041</v>
      </c>
    </row>
    <row r="20123" spans="1:10" x14ac:dyDescent="0.35">
      <c r="A20123" s="1" t="s">
        <v>71959</v>
      </c>
      <c r="B20123" s="1" t="s">
        <v>70629</v>
      </c>
      <c r="C20123" s="1" t="s">
        <v>130</v>
      </c>
      <c r="D20123" s="1" t="s">
        <v>72042</v>
      </c>
      <c r="E20123" s="1" t="s">
        <v>72043</v>
      </c>
      <c r="F20123" s="1" t="s">
        <v>72044</v>
      </c>
      <c r="G20123" s="1" t="s">
        <v>71962</v>
      </c>
      <c r="H20123" s="1" t="s">
        <v>71963</v>
      </c>
      <c r="I20123" s="1" t="s">
        <v>70634</v>
      </c>
      <c r="J20123" s="1" t="s">
        <v>72045</v>
      </c>
    </row>
    <row r="20124" spans="1:10" x14ac:dyDescent="0.35">
      <c r="A20124" s="1" t="s">
        <v>71959</v>
      </c>
      <c r="B20124" s="1" t="s">
        <v>70629</v>
      </c>
      <c r="C20124" s="1" t="s">
        <v>135</v>
      </c>
      <c r="D20124" s="1" t="s">
        <v>72046</v>
      </c>
      <c r="E20124" s="1" t="s">
        <v>72047</v>
      </c>
      <c r="F20124" s="1" t="s">
        <v>72048</v>
      </c>
      <c r="G20124" s="1" t="s">
        <v>71962</v>
      </c>
      <c r="H20124" s="1" t="s">
        <v>71963</v>
      </c>
      <c r="I20124" s="1" t="s">
        <v>70634</v>
      </c>
      <c r="J20124" s="1" t="s">
        <v>72049</v>
      </c>
    </row>
    <row r="20125" spans="1:10" x14ac:dyDescent="0.35">
      <c r="A20125" s="1" t="s">
        <v>71959</v>
      </c>
      <c r="B20125" s="1" t="s">
        <v>70629</v>
      </c>
      <c r="C20125" s="1" t="s">
        <v>140</v>
      </c>
      <c r="D20125" s="1" t="s">
        <v>72050</v>
      </c>
      <c r="E20125" s="1" t="s">
        <v>72051</v>
      </c>
      <c r="F20125" s="1" t="s">
        <v>72052</v>
      </c>
      <c r="G20125" s="1" t="s">
        <v>71962</v>
      </c>
      <c r="H20125" s="1" t="s">
        <v>71963</v>
      </c>
      <c r="I20125" s="1" t="s">
        <v>70634</v>
      </c>
      <c r="J20125" s="1" t="s">
        <v>72053</v>
      </c>
    </row>
    <row r="20126" spans="1:10" x14ac:dyDescent="0.35">
      <c r="A20126" s="1" t="s">
        <v>71959</v>
      </c>
      <c r="B20126" s="1" t="s">
        <v>70629</v>
      </c>
      <c r="C20126" s="1" t="s">
        <v>145</v>
      </c>
      <c r="D20126" s="1" t="s">
        <v>72054</v>
      </c>
      <c r="E20126" s="1" t="s">
        <v>72055</v>
      </c>
      <c r="F20126" s="1" t="s">
        <v>72056</v>
      </c>
      <c r="G20126" s="1" t="s">
        <v>71962</v>
      </c>
      <c r="H20126" s="1" t="s">
        <v>71963</v>
      </c>
      <c r="I20126" s="1" t="s">
        <v>70634</v>
      </c>
      <c r="J20126" s="1" t="s">
        <v>72057</v>
      </c>
    </row>
    <row r="20127" spans="1:10" x14ac:dyDescent="0.35">
      <c r="A20127" s="1" t="s">
        <v>71959</v>
      </c>
      <c r="B20127" s="1" t="s">
        <v>70629</v>
      </c>
      <c r="C20127" s="1" t="s">
        <v>150</v>
      </c>
      <c r="D20127" s="1" t="s">
        <v>30999</v>
      </c>
      <c r="E20127" s="1" t="s">
        <v>72058</v>
      </c>
      <c r="F20127" s="1" t="s">
        <v>72059</v>
      </c>
      <c r="G20127" s="1" t="s">
        <v>71962</v>
      </c>
      <c r="H20127" s="1" t="s">
        <v>71963</v>
      </c>
      <c r="I20127" s="1" t="s">
        <v>70634</v>
      </c>
      <c r="J20127" s="1" t="s">
        <v>72060</v>
      </c>
    </row>
    <row r="20128" spans="1:10" x14ac:dyDescent="0.35">
      <c r="A20128" s="1" t="s">
        <v>71959</v>
      </c>
      <c r="B20128" s="1" t="s">
        <v>70629</v>
      </c>
      <c r="C20128" s="1" t="s">
        <v>155</v>
      </c>
      <c r="D20128" s="1" t="s">
        <v>72061</v>
      </c>
      <c r="E20128" s="1" t="s">
        <v>72062</v>
      </c>
      <c r="F20128" s="1" t="s">
        <v>72063</v>
      </c>
      <c r="G20128" s="1" t="s">
        <v>71962</v>
      </c>
      <c r="H20128" s="1" t="s">
        <v>71963</v>
      </c>
      <c r="I20128" s="1" t="s">
        <v>70634</v>
      </c>
      <c r="J20128" s="1" t="s">
        <v>72064</v>
      </c>
    </row>
    <row r="20129" spans="1:10" x14ac:dyDescent="0.35">
      <c r="A20129" s="1" t="s">
        <v>71959</v>
      </c>
      <c r="B20129" s="1" t="s">
        <v>70629</v>
      </c>
      <c r="C20129" s="1" t="s">
        <v>160</v>
      </c>
      <c r="D20129" s="1" t="s">
        <v>49018</v>
      </c>
      <c r="E20129" s="1" t="s">
        <v>72065</v>
      </c>
      <c r="F20129" s="1" t="s">
        <v>72066</v>
      </c>
      <c r="G20129" s="1" t="s">
        <v>71962</v>
      </c>
      <c r="H20129" s="1" t="s">
        <v>71963</v>
      </c>
      <c r="I20129" s="1" t="s">
        <v>70634</v>
      </c>
      <c r="J20129" s="1" t="s">
        <v>72067</v>
      </c>
    </row>
    <row r="20130" spans="1:10" x14ac:dyDescent="0.35">
      <c r="A20130" s="1" t="s">
        <v>71959</v>
      </c>
      <c r="B20130" s="1" t="s">
        <v>70629</v>
      </c>
      <c r="C20130" s="1" t="s">
        <v>165</v>
      </c>
      <c r="D20130" s="1" t="s">
        <v>48043</v>
      </c>
      <c r="E20130" s="1" t="s">
        <v>72068</v>
      </c>
      <c r="F20130" s="1" t="s">
        <v>72069</v>
      </c>
      <c r="G20130" s="1" t="s">
        <v>71962</v>
      </c>
      <c r="H20130" s="1" t="s">
        <v>71963</v>
      </c>
      <c r="I20130" s="1" t="s">
        <v>70634</v>
      </c>
      <c r="J20130" s="1" t="s">
        <v>72070</v>
      </c>
    </row>
    <row r="20131" spans="1:10" x14ac:dyDescent="0.35">
      <c r="A20131" s="1" t="s">
        <v>71959</v>
      </c>
      <c r="B20131" s="1" t="s">
        <v>70629</v>
      </c>
      <c r="C20131" s="1" t="s">
        <v>170</v>
      </c>
      <c r="D20131" s="1" t="s">
        <v>33159</v>
      </c>
      <c r="E20131" s="1" t="s">
        <v>72071</v>
      </c>
      <c r="F20131" s="1" t="s">
        <v>72072</v>
      </c>
      <c r="G20131" s="1" t="s">
        <v>71962</v>
      </c>
      <c r="H20131" s="1" t="s">
        <v>71963</v>
      </c>
      <c r="I20131" s="1" t="s">
        <v>70634</v>
      </c>
      <c r="J20131" s="1" t="s">
        <v>72073</v>
      </c>
    </row>
    <row r="20132" spans="1:10" x14ac:dyDescent="0.35">
      <c r="A20132" s="1" t="s">
        <v>7286</v>
      </c>
      <c r="B20132" s="1" t="s">
        <v>70629</v>
      </c>
      <c r="C20132" s="1" t="s">
        <v>8</v>
      </c>
      <c r="D20132" s="1" t="s">
        <v>72074</v>
      </c>
      <c r="E20132" s="1" t="s">
        <v>72075</v>
      </c>
      <c r="F20132" s="1" t="s">
        <v>72076</v>
      </c>
      <c r="G20132" s="1" t="s">
        <v>72077</v>
      </c>
      <c r="H20132" s="1" t="s">
        <v>72078</v>
      </c>
      <c r="I20132" s="1" t="s">
        <v>70634</v>
      </c>
      <c r="J20132" s="1" t="s">
        <v>13</v>
      </c>
    </row>
    <row r="20133" spans="1:10" x14ac:dyDescent="0.35">
      <c r="A20133" s="1" t="s">
        <v>7286</v>
      </c>
      <c r="B20133" s="1" t="s">
        <v>70629</v>
      </c>
      <c r="C20133" s="1" t="s">
        <v>15</v>
      </c>
      <c r="D20133" s="1" t="s">
        <v>72079</v>
      </c>
      <c r="E20133" s="1" t="s">
        <v>72080</v>
      </c>
      <c r="F20133" s="1" t="s">
        <v>72081</v>
      </c>
      <c r="G20133" s="1" t="s">
        <v>72077</v>
      </c>
      <c r="H20133" s="1" t="s">
        <v>72078</v>
      </c>
      <c r="I20133" s="1" t="s">
        <v>70634</v>
      </c>
      <c r="J20133" s="1" t="s">
        <v>72082</v>
      </c>
    </row>
    <row r="20134" spans="1:10" x14ac:dyDescent="0.35">
      <c r="A20134" s="1" t="s">
        <v>7286</v>
      </c>
      <c r="B20134" s="1" t="s">
        <v>70629</v>
      </c>
      <c r="C20134" s="1" t="s">
        <v>20</v>
      </c>
      <c r="D20134" s="1" t="s">
        <v>72083</v>
      </c>
      <c r="E20134" s="1" t="s">
        <v>72084</v>
      </c>
      <c r="F20134" s="1" t="s">
        <v>72085</v>
      </c>
      <c r="G20134" s="1" t="s">
        <v>72077</v>
      </c>
      <c r="H20134" s="1" t="s">
        <v>72078</v>
      </c>
      <c r="I20134" s="1" t="s">
        <v>70634</v>
      </c>
      <c r="J20134" s="1" t="s">
        <v>72086</v>
      </c>
    </row>
    <row r="20135" spans="1:10" x14ac:dyDescent="0.35">
      <c r="A20135" s="1" t="s">
        <v>7286</v>
      </c>
      <c r="B20135" s="1" t="s">
        <v>70629</v>
      </c>
      <c r="C20135" s="1" t="s">
        <v>25</v>
      </c>
      <c r="D20135" s="1" t="s">
        <v>15997</v>
      </c>
      <c r="E20135" s="1" t="s">
        <v>72087</v>
      </c>
      <c r="F20135" s="1" t="s">
        <v>72088</v>
      </c>
      <c r="G20135" s="1" t="s">
        <v>72077</v>
      </c>
      <c r="H20135" s="1" t="s">
        <v>72078</v>
      </c>
      <c r="I20135" s="1" t="s">
        <v>70634</v>
      </c>
      <c r="J20135" s="1" t="s">
        <v>72089</v>
      </c>
    </row>
    <row r="20136" spans="1:10" x14ac:dyDescent="0.35">
      <c r="A20136" s="1" t="s">
        <v>7286</v>
      </c>
      <c r="B20136" s="1" t="s">
        <v>70629</v>
      </c>
      <c r="C20136" s="1" t="s">
        <v>30</v>
      </c>
      <c r="D20136" s="1" t="s">
        <v>9570</v>
      </c>
      <c r="E20136" s="1" t="s">
        <v>72090</v>
      </c>
      <c r="F20136" s="1" t="s">
        <v>72091</v>
      </c>
      <c r="G20136" s="1" t="s">
        <v>72077</v>
      </c>
      <c r="H20136" s="1" t="s">
        <v>72078</v>
      </c>
      <c r="I20136" s="1" t="s">
        <v>70634</v>
      </c>
      <c r="J20136" s="1" t="s">
        <v>72092</v>
      </c>
    </row>
    <row r="20137" spans="1:10" x14ac:dyDescent="0.35">
      <c r="A20137" s="1" t="s">
        <v>7286</v>
      </c>
      <c r="B20137" s="1" t="s">
        <v>70629</v>
      </c>
      <c r="C20137" s="1" t="s">
        <v>35</v>
      </c>
      <c r="D20137" s="1" t="s">
        <v>45168</v>
      </c>
      <c r="E20137" s="1" t="s">
        <v>72093</v>
      </c>
      <c r="F20137" s="1" t="s">
        <v>72094</v>
      </c>
      <c r="G20137" s="1" t="s">
        <v>72077</v>
      </c>
      <c r="H20137" s="1" t="s">
        <v>72078</v>
      </c>
      <c r="I20137" s="1" t="s">
        <v>70634</v>
      </c>
      <c r="J20137" s="1" t="s">
        <v>72095</v>
      </c>
    </row>
    <row r="20138" spans="1:10" x14ac:dyDescent="0.35">
      <c r="A20138" s="1" t="s">
        <v>7286</v>
      </c>
      <c r="B20138" s="1" t="s">
        <v>70629</v>
      </c>
      <c r="C20138" s="1" t="s">
        <v>40</v>
      </c>
      <c r="D20138" s="1" t="s">
        <v>72096</v>
      </c>
      <c r="E20138" s="1" t="s">
        <v>72097</v>
      </c>
      <c r="F20138" s="1" t="s">
        <v>72098</v>
      </c>
      <c r="G20138" s="1" t="s">
        <v>72077</v>
      </c>
      <c r="H20138" s="1" t="s">
        <v>72078</v>
      </c>
      <c r="I20138" s="1" t="s">
        <v>70634</v>
      </c>
      <c r="J20138" s="1" t="s">
        <v>72099</v>
      </c>
    </row>
    <row r="20139" spans="1:10" x14ac:dyDescent="0.35">
      <c r="A20139" s="1" t="s">
        <v>7286</v>
      </c>
      <c r="B20139" s="1" t="s">
        <v>70629</v>
      </c>
      <c r="C20139" s="1" t="s">
        <v>45</v>
      </c>
      <c r="D20139" s="1" t="s">
        <v>15763</v>
      </c>
      <c r="E20139" s="1" t="s">
        <v>72100</v>
      </c>
      <c r="F20139" s="1" t="s">
        <v>72101</v>
      </c>
      <c r="G20139" s="1" t="s">
        <v>72077</v>
      </c>
      <c r="H20139" s="1" t="s">
        <v>72078</v>
      </c>
      <c r="I20139" s="1" t="s">
        <v>70634</v>
      </c>
      <c r="J20139" s="1" t="s">
        <v>72102</v>
      </c>
    </row>
    <row r="20140" spans="1:10" x14ac:dyDescent="0.35">
      <c r="A20140" s="1" t="s">
        <v>7286</v>
      </c>
      <c r="B20140" s="1" t="s">
        <v>70629</v>
      </c>
      <c r="C20140" s="1" t="s">
        <v>50</v>
      </c>
      <c r="D20140" s="1" t="s">
        <v>38557</v>
      </c>
      <c r="E20140" s="1" t="s">
        <v>72103</v>
      </c>
      <c r="F20140" s="1" t="s">
        <v>72104</v>
      </c>
      <c r="G20140" s="1" t="s">
        <v>72077</v>
      </c>
      <c r="H20140" s="1" t="s">
        <v>72078</v>
      </c>
      <c r="I20140" s="1" t="s">
        <v>70634</v>
      </c>
      <c r="J20140" s="1" t="s">
        <v>72105</v>
      </c>
    </row>
    <row r="20141" spans="1:10" x14ac:dyDescent="0.35">
      <c r="A20141" s="1" t="s">
        <v>7286</v>
      </c>
      <c r="B20141" s="1" t="s">
        <v>70629</v>
      </c>
      <c r="C20141" s="1" t="s">
        <v>55</v>
      </c>
      <c r="D20141" s="1" t="s">
        <v>47811</v>
      </c>
      <c r="E20141" s="1" t="s">
        <v>72106</v>
      </c>
      <c r="F20141" s="1" t="s">
        <v>72107</v>
      </c>
      <c r="G20141" s="1" t="s">
        <v>72077</v>
      </c>
      <c r="H20141" s="1" t="s">
        <v>72078</v>
      </c>
      <c r="I20141" s="1" t="s">
        <v>70634</v>
      </c>
      <c r="J20141" s="1" t="s">
        <v>72108</v>
      </c>
    </row>
    <row r="20142" spans="1:10" x14ac:dyDescent="0.35">
      <c r="A20142" s="1" t="s">
        <v>7286</v>
      </c>
      <c r="B20142" s="1" t="s">
        <v>70629</v>
      </c>
      <c r="C20142" s="1" t="s">
        <v>60</v>
      </c>
      <c r="D20142" s="1" t="s">
        <v>50203</v>
      </c>
      <c r="E20142" s="1" t="s">
        <v>72109</v>
      </c>
      <c r="F20142" s="1" t="s">
        <v>72110</v>
      </c>
      <c r="G20142" s="1" t="s">
        <v>72077</v>
      </c>
      <c r="H20142" s="1" t="s">
        <v>72078</v>
      </c>
      <c r="I20142" s="1" t="s">
        <v>70634</v>
      </c>
      <c r="J20142" s="1" t="s">
        <v>72111</v>
      </c>
    </row>
    <row r="20143" spans="1:10" x14ac:dyDescent="0.35">
      <c r="A20143" s="1" t="s">
        <v>7286</v>
      </c>
      <c r="B20143" s="1" t="s">
        <v>70629</v>
      </c>
      <c r="C20143" s="1" t="s">
        <v>65</v>
      </c>
      <c r="D20143" s="1" t="s">
        <v>72112</v>
      </c>
      <c r="E20143" s="1" t="s">
        <v>72113</v>
      </c>
      <c r="F20143" s="1" t="s">
        <v>72114</v>
      </c>
      <c r="G20143" s="1" t="s">
        <v>72077</v>
      </c>
      <c r="H20143" s="1" t="s">
        <v>72078</v>
      </c>
      <c r="I20143" s="1" t="s">
        <v>70634</v>
      </c>
      <c r="J20143" s="1" t="s">
        <v>72115</v>
      </c>
    </row>
    <row r="20144" spans="1:10" x14ac:dyDescent="0.35">
      <c r="A20144" s="1" t="s">
        <v>7286</v>
      </c>
      <c r="B20144" s="1" t="s">
        <v>70629</v>
      </c>
      <c r="C20144" s="1" t="s">
        <v>70</v>
      </c>
      <c r="D20144" s="1" t="s">
        <v>13019</v>
      </c>
      <c r="E20144" s="1" t="s">
        <v>72116</v>
      </c>
      <c r="F20144" s="1" t="s">
        <v>72117</v>
      </c>
      <c r="G20144" s="1" t="s">
        <v>72077</v>
      </c>
      <c r="H20144" s="1" t="s">
        <v>72078</v>
      </c>
      <c r="I20144" s="1" t="s">
        <v>70634</v>
      </c>
      <c r="J20144" s="1" t="s">
        <v>72118</v>
      </c>
    </row>
    <row r="20145" spans="1:10" x14ac:dyDescent="0.35">
      <c r="A20145" s="1" t="s">
        <v>7286</v>
      </c>
      <c r="B20145" s="1" t="s">
        <v>70629</v>
      </c>
      <c r="C20145" s="1" t="s">
        <v>75</v>
      </c>
      <c r="D20145" s="1" t="s">
        <v>72119</v>
      </c>
      <c r="E20145" s="1" t="s">
        <v>72120</v>
      </c>
      <c r="F20145" s="1" t="s">
        <v>72121</v>
      </c>
      <c r="G20145" s="1" t="s">
        <v>72077</v>
      </c>
      <c r="H20145" s="1" t="s">
        <v>72078</v>
      </c>
      <c r="I20145" s="1" t="s">
        <v>70634</v>
      </c>
      <c r="J20145" s="1" t="s">
        <v>72122</v>
      </c>
    </row>
    <row r="20146" spans="1:10" x14ac:dyDescent="0.35">
      <c r="A20146" s="1" t="s">
        <v>7286</v>
      </c>
      <c r="B20146" s="1" t="s">
        <v>70629</v>
      </c>
      <c r="C20146" s="1" t="s">
        <v>80</v>
      </c>
      <c r="D20146" s="1" t="s">
        <v>72123</v>
      </c>
      <c r="E20146" s="1" t="s">
        <v>72124</v>
      </c>
      <c r="F20146" s="1" t="s">
        <v>72125</v>
      </c>
      <c r="G20146" s="1" t="s">
        <v>72077</v>
      </c>
      <c r="H20146" s="1" t="s">
        <v>72078</v>
      </c>
      <c r="I20146" s="1" t="s">
        <v>70634</v>
      </c>
      <c r="J20146" s="1" t="s">
        <v>72126</v>
      </c>
    </row>
    <row r="20147" spans="1:10" x14ac:dyDescent="0.35">
      <c r="A20147" s="1" t="s">
        <v>7286</v>
      </c>
      <c r="B20147" s="1" t="s">
        <v>70629</v>
      </c>
      <c r="C20147" s="1" t="s">
        <v>85</v>
      </c>
      <c r="D20147" s="1" t="s">
        <v>72127</v>
      </c>
      <c r="E20147" s="1" t="s">
        <v>72128</v>
      </c>
      <c r="F20147" s="1" t="s">
        <v>72129</v>
      </c>
      <c r="G20147" s="1" t="s">
        <v>72077</v>
      </c>
      <c r="H20147" s="1" t="s">
        <v>72078</v>
      </c>
      <c r="I20147" s="1" t="s">
        <v>70634</v>
      </c>
      <c r="J20147" s="1" t="s">
        <v>72130</v>
      </c>
    </row>
    <row r="20148" spans="1:10" x14ac:dyDescent="0.35">
      <c r="A20148" s="1" t="s">
        <v>7286</v>
      </c>
      <c r="B20148" s="1" t="s">
        <v>70629</v>
      </c>
      <c r="C20148" s="1" t="s">
        <v>90</v>
      </c>
      <c r="D20148" s="1" t="s">
        <v>35099</v>
      </c>
      <c r="E20148" s="1" t="s">
        <v>72131</v>
      </c>
      <c r="F20148" s="1" t="s">
        <v>72132</v>
      </c>
      <c r="G20148" s="1" t="s">
        <v>72077</v>
      </c>
      <c r="H20148" s="1" t="s">
        <v>72078</v>
      </c>
      <c r="I20148" s="1" t="s">
        <v>70634</v>
      </c>
      <c r="J20148" s="1" t="s">
        <v>72133</v>
      </c>
    </row>
    <row r="20149" spans="1:10" x14ac:dyDescent="0.35">
      <c r="A20149" s="1" t="s">
        <v>7286</v>
      </c>
      <c r="B20149" s="1" t="s">
        <v>70629</v>
      </c>
      <c r="C20149" s="1" t="s">
        <v>95</v>
      </c>
      <c r="D20149" s="1" t="s">
        <v>38589</v>
      </c>
      <c r="E20149" s="1" t="s">
        <v>72134</v>
      </c>
      <c r="F20149" s="1" t="s">
        <v>72135</v>
      </c>
      <c r="G20149" s="1" t="s">
        <v>72077</v>
      </c>
      <c r="H20149" s="1" t="s">
        <v>72078</v>
      </c>
      <c r="I20149" s="1" t="s">
        <v>70634</v>
      </c>
      <c r="J20149" s="1" t="s">
        <v>72136</v>
      </c>
    </row>
    <row r="20150" spans="1:10" x14ac:dyDescent="0.35">
      <c r="A20150" s="1" t="s">
        <v>7286</v>
      </c>
      <c r="B20150" s="1" t="s">
        <v>70629</v>
      </c>
      <c r="C20150" s="1" t="s">
        <v>100</v>
      </c>
      <c r="D20150" s="1" t="s">
        <v>72137</v>
      </c>
      <c r="E20150" s="1" t="s">
        <v>72138</v>
      </c>
      <c r="F20150" s="1" t="s">
        <v>72139</v>
      </c>
      <c r="G20150" s="1" t="s">
        <v>72077</v>
      </c>
      <c r="H20150" s="1" t="s">
        <v>72078</v>
      </c>
      <c r="I20150" s="1" t="s">
        <v>70634</v>
      </c>
      <c r="J20150" s="1" t="s">
        <v>72140</v>
      </c>
    </row>
    <row r="20151" spans="1:10" x14ac:dyDescent="0.35">
      <c r="A20151" s="1" t="s">
        <v>7286</v>
      </c>
      <c r="B20151" s="1" t="s">
        <v>70629</v>
      </c>
      <c r="C20151" s="1" t="s">
        <v>105</v>
      </c>
      <c r="D20151" s="1" t="s">
        <v>72141</v>
      </c>
      <c r="E20151" s="1" t="s">
        <v>72142</v>
      </c>
      <c r="F20151" s="1" t="s">
        <v>72143</v>
      </c>
      <c r="G20151" s="1" t="s">
        <v>72077</v>
      </c>
      <c r="H20151" s="1" t="s">
        <v>72078</v>
      </c>
      <c r="I20151" s="1" t="s">
        <v>70634</v>
      </c>
      <c r="J20151" s="1" t="s">
        <v>72144</v>
      </c>
    </row>
    <row r="20152" spans="1:10" x14ac:dyDescent="0.35">
      <c r="A20152" s="1" t="s">
        <v>7286</v>
      </c>
      <c r="B20152" s="1" t="s">
        <v>70629</v>
      </c>
      <c r="C20152" s="1" t="s">
        <v>110</v>
      </c>
      <c r="D20152" s="1" t="s">
        <v>72145</v>
      </c>
      <c r="E20152" s="1" t="s">
        <v>72146</v>
      </c>
      <c r="F20152" s="1" t="s">
        <v>72147</v>
      </c>
      <c r="G20152" s="1" t="s">
        <v>72077</v>
      </c>
      <c r="H20152" s="1" t="s">
        <v>72078</v>
      </c>
      <c r="I20152" s="1" t="s">
        <v>70634</v>
      </c>
      <c r="J20152" s="1" t="s">
        <v>72148</v>
      </c>
    </row>
    <row r="20153" spans="1:10" x14ac:dyDescent="0.35">
      <c r="A20153" s="1" t="s">
        <v>7286</v>
      </c>
      <c r="B20153" s="1" t="s">
        <v>70629</v>
      </c>
      <c r="C20153" s="1" t="s">
        <v>115</v>
      </c>
      <c r="D20153" s="1" t="s">
        <v>31948</v>
      </c>
      <c r="E20153" s="1" t="s">
        <v>72149</v>
      </c>
      <c r="F20153" s="1" t="s">
        <v>72150</v>
      </c>
      <c r="G20153" s="1" t="s">
        <v>72077</v>
      </c>
      <c r="H20153" s="1" t="s">
        <v>72078</v>
      </c>
      <c r="I20153" s="1" t="s">
        <v>70634</v>
      </c>
      <c r="J20153" s="1" t="s">
        <v>72151</v>
      </c>
    </row>
    <row r="20154" spans="1:10" x14ac:dyDescent="0.35">
      <c r="A20154" s="1" t="s">
        <v>7286</v>
      </c>
      <c r="B20154" s="1" t="s">
        <v>70629</v>
      </c>
      <c r="C20154" s="1" t="s">
        <v>120</v>
      </c>
      <c r="D20154" s="1" t="s">
        <v>47945</v>
      </c>
      <c r="E20154" s="1" t="s">
        <v>72152</v>
      </c>
      <c r="F20154" s="1" t="s">
        <v>72153</v>
      </c>
      <c r="G20154" s="1" t="s">
        <v>72077</v>
      </c>
      <c r="H20154" s="1" t="s">
        <v>72078</v>
      </c>
      <c r="I20154" s="1" t="s">
        <v>70634</v>
      </c>
      <c r="J20154" s="1" t="s">
        <v>72154</v>
      </c>
    </row>
    <row r="20155" spans="1:10" x14ac:dyDescent="0.35">
      <c r="A20155" s="1" t="s">
        <v>7286</v>
      </c>
      <c r="B20155" s="1" t="s">
        <v>70629</v>
      </c>
      <c r="C20155" s="1" t="s">
        <v>125</v>
      </c>
      <c r="D20155" s="1" t="s">
        <v>15639</v>
      </c>
      <c r="E20155" s="1" t="s">
        <v>72155</v>
      </c>
      <c r="F20155" s="1" t="s">
        <v>72156</v>
      </c>
      <c r="G20155" s="1" t="s">
        <v>72077</v>
      </c>
      <c r="H20155" s="1" t="s">
        <v>72078</v>
      </c>
      <c r="I20155" s="1" t="s">
        <v>70634</v>
      </c>
      <c r="J20155" s="1" t="s">
        <v>72157</v>
      </c>
    </row>
    <row r="20156" spans="1:10" x14ac:dyDescent="0.35">
      <c r="A20156" s="1" t="s">
        <v>7286</v>
      </c>
      <c r="B20156" s="1" t="s">
        <v>70629</v>
      </c>
      <c r="C20156" s="1" t="s">
        <v>130</v>
      </c>
      <c r="D20156" s="1" t="s">
        <v>32907</v>
      </c>
      <c r="E20156" s="1" t="s">
        <v>72158</v>
      </c>
      <c r="F20156" s="1" t="s">
        <v>72159</v>
      </c>
      <c r="G20156" s="1" t="s">
        <v>72077</v>
      </c>
      <c r="H20156" s="1" t="s">
        <v>72078</v>
      </c>
      <c r="I20156" s="1" t="s">
        <v>70634</v>
      </c>
      <c r="J20156" s="1" t="s">
        <v>72160</v>
      </c>
    </row>
    <row r="20157" spans="1:10" x14ac:dyDescent="0.35">
      <c r="A20157" s="1" t="s">
        <v>7286</v>
      </c>
      <c r="B20157" s="1" t="s">
        <v>70629</v>
      </c>
      <c r="C20157" s="1" t="s">
        <v>135</v>
      </c>
      <c r="D20157" s="1" t="s">
        <v>17813</v>
      </c>
      <c r="E20157" s="1" t="s">
        <v>72161</v>
      </c>
      <c r="F20157" s="1" t="s">
        <v>72162</v>
      </c>
      <c r="G20157" s="1" t="s">
        <v>72077</v>
      </c>
      <c r="H20157" s="1" t="s">
        <v>72078</v>
      </c>
      <c r="I20157" s="1" t="s">
        <v>70634</v>
      </c>
      <c r="J20157" s="1" t="s">
        <v>72163</v>
      </c>
    </row>
    <row r="20158" spans="1:10" x14ac:dyDescent="0.35">
      <c r="A20158" s="1" t="s">
        <v>7286</v>
      </c>
      <c r="B20158" s="1" t="s">
        <v>70629</v>
      </c>
      <c r="C20158" s="1" t="s">
        <v>140</v>
      </c>
      <c r="D20158" s="1" t="s">
        <v>38589</v>
      </c>
      <c r="E20158" s="1" t="s">
        <v>72164</v>
      </c>
      <c r="F20158" s="1" t="s">
        <v>72165</v>
      </c>
      <c r="G20158" s="1" t="s">
        <v>72077</v>
      </c>
      <c r="H20158" s="1" t="s">
        <v>72078</v>
      </c>
      <c r="I20158" s="1" t="s">
        <v>70634</v>
      </c>
      <c r="J20158" s="1" t="s">
        <v>72166</v>
      </c>
    </row>
    <row r="20159" spans="1:10" x14ac:dyDescent="0.35">
      <c r="A20159" s="1" t="s">
        <v>7286</v>
      </c>
      <c r="B20159" s="1" t="s">
        <v>70629</v>
      </c>
      <c r="C20159" s="1" t="s">
        <v>145</v>
      </c>
      <c r="D20159" s="1" t="s">
        <v>45067</v>
      </c>
      <c r="E20159" s="1" t="s">
        <v>72167</v>
      </c>
      <c r="F20159" s="1" t="s">
        <v>72168</v>
      </c>
      <c r="G20159" s="1" t="s">
        <v>72077</v>
      </c>
      <c r="H20159" s="1" t="s">
        <v>72078</v>
      </c>
      <c r="I20159" s="1" t="s">
        <v>70634</v>
      </c>
      <c r="J20159" s="1" t="s">
        <v>72169</v>
      </c>
    </row>
    <row r="20160" spans="1:10" x14ac:dyDescent="0.35">
      <c r="A20160" s="1" t="s">
        <v>7286</v>
      </c>
      <c r="B20160" s="1" t="s">
        <v>70629</v>
      </c>
      <c r="C20160" s="1" t="s">
        <v>150</v>
      </c>
      <c r="D20160" s="1" t="s">
        <v>31226</v>
      </c>
      <c r="E20160" s="1" t="s">
        <v>72170</v>
      </c>
      <c r="F20160" s="1" t="s">
        <v>72171</v>
      </c>
      <c r="G20160" s="1" t="s">
        <v>72077</v>
      </c>
      <c r="H20160" s="1" t="s">
        <v>72078</v>
      </c>
      <c r="I20160" s="1" t="s">
        <v>70634</v>
      </c>
      <c r="J20160" s="1" t="s">
        <v>72172</v>
      </c>
    </row>
    <row r="20161" spans="1:10" x14ac:dyDescent="0.35">
      <c r="A20161" s="1" t="s">
        <v>7286</v>
      </c>
      <c r="B20161" s="1" t="s">
        <v>70629</v>
      </c>
      <c r="C20161" s="1" t="s">
        <v>155</v>
      </c>
      <c r="D20161" s="1" t="s">
        <v>48915</v>
      </c>
      <c r="E20161" s="1" t="s">
        <v>72173</v>
      </c>
      <c r="F20161" s="1" t="s">
        <v>72174</v>
      </c>
      <c r="G20161" s="1" t="s">
        <v>72077</v>
      </c>
      <c r="H20161" s="1" t="s">
        <v>72078</v>
      </c>
      <c r="I20161" s="1" t="s">
        <v>70634</v>
      </c>
      <c r="J20161" s="1" t="s">
        <v>72175</v>
      </c>
    </row>
    <row r="20162" spans="1:10" x14ac:dyDescent="0.35">
      <c r="A20162" s="1" t="s">
        <v>7286</v>
      </c>
      <c r="B20162" s="1" t="s">
        <v>70629</v>
      </c>
      <c r="C20162" s="1" t="s">
        <v>160</v>
      </c>
      <c r="D20162" s="1" t="s">
        <v>72176</v>
      </c>
      <c r="E20162" s="1" t="s">
        <v>72177</v>
      </c>
      <c r="F20162" s="1" t="s">
        <v>72178</v>
      </c>
      <c r="G20162" s="1" t="s">
        <v>72077</v>
      </c>
      <c r="H20162" s="1" t="s">
        <v>72078</v>
      </c>
      <c r="I20162" s="1" t="s">
        <v>70634</v>
      </c>
      <c r="J20162" s="1" t="s">
        <v>72179</v>
      </c>
    </row>
    <row r="20163" spans="1:10" x14ac:dyDescent="0.35">
      <c r="A20163" s="1" t="s">
        <v>7286</v>
      </c>
      <c r="B20163" s="1" t="s">
        <v>70629</v>
      </c>
      <c r="C20163" s="1" t="s">
        <v>165</v>
      </c>
      <c r="D20163" s="1" t="s">
        <v>33440</v>
      </c>
      <c r="E20163" s="1" t="s">
        <v>72180</v>
      </c>
      <c r="F20163" s="1" t="s">
        <v>72181</v>
      </c>
      <c r="G20163" s="1" t="s">
        <v>72077</v>
      </c>
      <c r="H20163" s="1" t="s">
        <v>72078</v>
      </c>
      <c r="I20163" s="1" t="s">
        <v>70634</v>
      </c>
      <c r="J20163" s="1" t="s">
        <v>72182</v>
      </c>
    </row>
    <row r="20164" spans="1:10" x14ac:dyDescent="0.35">
      <c r="A20164" s="1" t="s">
        <v>7286</v>
      </c>
      <c r="B20164" s="1" t="s">
        <v>70629</v>
      </c>
      <c r="C20164" s="1" t="s">
        <v>170</v>
      </c>
      <c r="D20164" s="1" t="s">
        <v>15383</v>
      </c>
      <c r="E20164" s="1" t="s">
        <v>72183</v>
      </c>
      <c r="F20164" s="1" t="s">
        <v>72184</v>
      </c>
      <c r="G20164" s="1" t="s">
        <v>72077</v>
      </c>
      <c r="H20164" s="1" t="s">
        <v>72078</v>
      </c>
      <c r="I20164" s="1" t="s">
        <v>70634</v>
      </c>
      <c r="J20164" s="1" t="s">
        <v>72185</v>
      </c>
    </row>
    <row r="20165" spans="1:10" x14ac:dyDescent="0.35">
      <c r="A20165" s="1" t="s">
        <v>72186</v>
      </c>
      <c r="B20165" s="1" t="s">
        <v>70629</v>
      </c>
      <c r="C20165" s="1" t="s">
        <v>8</v>
      </c>
      <c r="D20165" s="1" t="s">
        <v>72187</v>
      </c>
      <c r="E20165" s="1" t="s">
        <v>72188</v>
      </c>
      <c r="F20165" s="1" t="s">
        <v>72189</v>
      </c>
      <c r="G20165" s="1" t="s">
        <v>72190</v>
      </c>
      <c r="H20165" s="1" t="s">
        <v>72191</v>
      </c>
      <c r="I20165" s="1" t="s">
        <v>70634</v>
      </c>
      <c r="J20165" s="1" t="s">
        <v>13</v>
      </c>
    </row>
    <row r="20166" spans="1:10" x14ac:dyDescent="0.35">
      <c r="A20166" s="1" t="s">
        <v>72186</v>
      </c>
      <c r="B20166" s="1" t="s">
        <v>70629</v>
      </c>
      <c r="C20166" s="1" t="s">
        <v>15</v>
      </c>
      <c r="D20166" s="1" t="s">
        <v>38167</v>
      </c>
      <c r="E20166" s="1" t="s">
        <v>72192</v>
      </c>
      <c r="F20166" s="1" t="s">
        <v>72193</v>
      </c>
      <c r="G20166" s="1" t="s">
        <v>72190</v>
      </c>
      <c r="H20166" s="1" t="s">
        <v>72191</v>
      </c>
      <c r="I20166" s="1" t="s">
        <v>70634</v>
      </c>
      <c r="J20166" s="1" t="s">
        <v>72194</v>
      </c>
    </row>
    <row r="20167" spans="1:10" x14ac:dyDescent="0.35">
      <c r="A20167" s="1" t="s">
        <v>72186</v>
      </c>
      <c r="B20167" s="1" t="s">
        <v>70629</v>
      </c>
      <c r="C20167" s="1" t="s">
        <v>20</v>
      </c>
      <c r="D20167" s="1" t="s">
        <v>72195</v>
      </c>
      <c r="E20167" s="1" t="s">
        <v>72196</v>
      </c>
      <c r="F20167" s="1" t="s">
        <v>72197</v>
      </c>
      <c r="G20167" s="1" t="s">
        <v>72190</v>
      </c>
      <c r="H20167" s="1" t="s">
        <v>72191</v>
      </c>
      <c r="I20167" s="1" t="s">
        <v>70634</v>
      </c>
      <c r="J20167" s="1" t="s">
        <v>72198</v>
      </c>
    </row>
    <row r="20168" spans="1:10" x14ac:dyDescent="0.35">
      <c r="A20168" s="1" t="s">
        <v>72186</v>
      </c>
      <c r="B20168" s="1" t="s">
        <v>70629</v>
      </c>
      <c r="C20168" s="1" t="s">
        <v>25</v>
      </c>
      <c r="D20168" s="1" t="s">
        <v>38155</v>
      </c>
      <c r="E20168" s="1" t="s">
        <v>72199</v>
      </c>
      <c r="F20168" s="1" t="s">
        <v>72200</v>
      </c>
      <c r="G20168" s="1" t="s">
        <v>72190</v>
      </c>
      <c r="H20168" s="1" t="s">
        <v>72191</v>
      </c>
      <c r="I20168" s="1" t="s">
        <v>70634</v>
      </c>
      <c r="J20168" s="1" t="s">
        <v>72201</v>
      </c>
    </row>
    <row r="20169" spans="1:10" x14ac:dyDescent="0.35">
      <c r="A20169" s="1" t="s">
        <v>72186</v>
      </c>
      <c r="B20169" s="1" t="s">
        <v>70629</v>
      </c>
      <c r="C20169" s="1" t="s">
        <v>30</v>
      </c>
      <c r="D20169" s="1" t="s">
        <v>33749</v>
      </c>
      <c r="E20169" s="1" t="s">
        <v>72202</v>
      </c>
      <c r="F20169" s="1" t="s">
        <v>72203</v>
      </c>
      <c r="G20169" s="1" t="s">
        <v>72190</v>
      </c>
      <c r="H20169" s="1" t="s">
        <v>72191</v>
      </c>
      <c r="I20169" s="1" t="s">
        <v>70634</v>
      </c>
      <c r="J20169" s="1" t="s">
        <v>72204</v>
      </c>
    </row>
    <row r="20170" spans="1:10" x14ac:dyDescent="0.35">
      <c r="A20170" s="1" t="s">
        <v>72186</v>
      </c>
      <c r="B20170" s="1" t="s">
        <v>70629</v>
      </c>
      <c r="C20170" s="1" t="s">
        <v>35</v>
      </c>
      <c r="D20170" s="1" t="s">
        <v>37466</v>
      </c>
      <c r="E20170" s="1" t="s">
        <v>72205</v>
      </c>
      <c r="F20170" s="1" t="s">
        <v>72206</v>
      </c>
      <c r="G20170" s="1" t="s">
        <v>72190</v>
      </c>
      <c r="H20170" s="1" t="s">
        <v>72191</v>
      </c>
      <c r="I20170" s="1" t="s">
        <v>70634</v>
      </c>
      <c r="J20170" s="1" t="s">
        <v>72207</v>
      </c>
    </row>
    <row r="20171" spans="1:10" x14ac:dyDescent="0.35">
      <c r="A20171" s="1" t="s">
        <v>72186</v>
      </c>
      <c r="B20171" s="1" t="s">
        <v>70629</v>
      </c>
      <c r="C20171" s="1" t="s">
        <v>40</v>
      </c>
      <c r="D20171" s="1" t="s">
        <v>34135</v>
      </c>
      <c r="E20171" s="1" t="s">
        <v>72208</v>
      </c>
      <c r="F20171" s="1" t="s">
        <v>72209</v>
      </c>
      <c r="G20171" s="1" t="s">
        <v>72190</v>
      </c>
      <c r="H20171" s="1" t="s">
        <v>72191</v>
      </c>
      <c r="I20171" s="1" t="s">
        <v>70634</v>
      </c>
      <c r="J20171" s="1" t="s">
        <v>72210</v>
      </c>
    </row>
    <row r="20172" spans="1:10" x14ac:dyDescent="0.35">
      <c r="A20172" s="1" t="s">
        <v>72186</v>
      </c>
      <c r="B20172" s="1" t="s">
        <v>70629</v>
      </c>
      <c r="C20172" s="1" t="s">
        <v>45</v>
      </c>
      <c r="D20172" s="1" t="s">
        <v>71146</v>
      </c>
      <c r="E20172" s="1" t="s">
        <v>72211</v>
      </c>
      <c r="F20172" s="1" t="s">
        <v>72212</v>
      </c>
      <c r="G20172" s="1" t="s">
        <v>72190</v>
      </c>
      <c r="H20172" s="1" t="s">
        <v>72191</v>
      </c>
      <c r="I20172" s="1" t="s">
        <v>70634</v>
      </c>
      <c r="J20172" s="1" t="s">
        <v>72213</v>
      </c>
    </row>
    <row r="20173" spans="1:10" x14ac:dyDescent="0.35">
      <c r="A20173" s="1" t="s">
        <v>72186</v>
      </c>
      <c r="B20173" s="1" t="s">
        <v>70629</v>
      </c>
      <c r="C20173" s="1" t="s">
        <v>50</v>
      </c>
      <c r="D20173" s="1" t="s">
        <v>72214</v>
      </c>
      <c r="E20173" s="1" t="s">
        <v>72215</v>
      </c>
      <c r="F20173" s="1" t="s">
        <v>72216</v>
      </c>
      <c r="G20173" s="1" t="s">
        <v>72190</v>
      </c>
      <c r="H20173" s="1" t="s">
        <v>72191</v>
      </c>
      <c r="I20173" s="1" t="s">
        <v>70634</v>
      </c>
      <c r="J20173" s="1" t="s">
        <v>72217</v>
      </c>
    </row>
    <row r="20174" spans="1:10" x14ac:dyDescent="0.35">
      <c r="A20174" s="1" t="s">
        <v>72186</v>
      </c>
      <c r="B20174" s="1" t="s">
        <v>70629</v>
      </c>
      <c r="C20174" s="1" t="s">
        <v>55</v>
      </c>
      <c r="D20174" s="1" t="s">
        <v>72218</v>
      </c>
      <c r="E20174" s="1" t="s">
        <v>72219</v>
      </c>
      <c r="F20174" s="1" t="s">
        <v>72220</v>
      </c>
      <c r="G20174" s="1" t="s">
        <v>72190</v>
      </c>
      <c r="H20174" s="1" t="s">
        <v>72191</v>
      </c>
      <c r="I20174" s="1" t="s">
        <v>70634</v>
      </c>
      <c r="J20174" s="1" t="s">
        <v>72221</v>
      </c>
    </row>
    <row r="20175" spans="1:10" x14ac:dyDescent="0.35">
      <c r="A20175" s="1" t="s">
        <v>72186</v>
      </c>
      <c r="B20175" s="1" t="s">
        <v>70629</v>
      </c>
      <c r="C20175" s="1" t="s">
        <v>60</v>
      </c>
      <c r="D20175" s="1" t="s">
        <v>72222</v>
      </c>
      <c r="E20175" s="1" t="s">
        <v>72223</v>
      </c>
      <c r="F20175" s="1" t="s">
        <v>72224</v>
      </c>
      <c r="G20175" s="1" t="s">
        <v>72190</v>
      </c>
      <c r="H20175" s="1" t="s">
        <v>72191</v>
      </c>
      <c r="I20175" s="1" t="s">
        <v>70634</v>
      </c>
      <c r="J20175" s="1" t="s">
        <v>72225</v>
      </c>
    </row>
    <row r="20176" spans="1:10" x14ac:dyDescent="0.35">
      <c r="A20176" s="1" t="s">
        <v>72186</v>
      </c>
      <c r="B20176" s="1" t="s">
        <v>70629</v>
      </c>
      <c r="C20176" s="1" t="s">
        <v>65</v>
      </c>
      <c r="D20176" s="1" t="s">
        <v>72226</v>
      </c>
      <c r="E20176" s="1" t="s">
        <v>72227</v>
      </c>
      <c r="F20176" s="1" t="s">
        <v>72228</v>
      </c>
      <c r="G20176" s="1" t="s">
        <v>72190</v>
      </c>
      <c r="H20176" s="1" t="s">
        <v>72191</v>
      </c>
      <c r="I20176" s="1" t="s">
        <v>70634</v>
      </c>
      <c r="J20176" s="1" t="s">
        <v>72229</v>
      </c>
    </row>
    <row r="20177" spans="1:10" x14ac:dyDescent="0.35">
      <c r="A20177" s="1" t="s">
        <v>72186</v>
      </c>
      <c r="B20177" s="1" t="s">
        <v>70629</v>
      </c>
      <c r="C20177" s="1" t="s">
        <v>70</v>
      </c>
      <c r="D20177" s="1" t="s">
        <v>72230</v>
      </c>
      <c r="E20177" s="1" t="s">
        <v>72231</v>
      </c>
      <c r="F20177" s="1" t="s">
        <v>72232</v>
      </c>
      <c r="G20177" s="1" t="s">
        <v>72190</v>
      </c>
      <c r="H20177" s="1" t="s">
        <v>72191</v>
      </c>
      <c r="I20177" s="1" t="s">
        <v>70634</v>
      </c>
      <c r="J20177" s="1" t="s">
        <v>72233</v>
      </c>
    </row>
    <row r="20178" spans="1:10" x14ac:dyDescent="0.35">
      <c r="A20178" s="1" t="s">
        <v>72186</v>
      </c>
      <c r="B20178" s="1" t="s">
        <v>70629</v>
      </c>
      <c r="C20178" s="1" t="s">
        <v>75</v>
      </c>
      <c r="D20178" s="1" t="s">
        <v>48145</v>
      </c>
      <c r="E20178" s="1" t="s">
        <v>72234</v>
      </c>
      <c r="F20178" s="1" t="s">
        <v>72235</v>
      </c>
      <c r="G20178" s="1" t="s">
        <v>72190</v>
      </c>
      <c r="H20178" s="1" t="s">
        <v>72191</v>
      </c>
      <c r="I20178" s="1" t="s">
        <v>70634</v>
      </c>
      <c r="J20178" s="1" t="s">
        <v>72236</v>
      </c>
    </row>
    <row r="20179" spans="1:10" x14ac:dyDescent="0.35">
      <c r="A20179" s="1" t="s">
        <v>72186</v>
      </c>
      <c r="B20179" s="1" t="s">
        <v>70629</v>
      </c>
      <c r="C20179" s="1" t="s">
        <v>80</v>
      </c>
      <c r="D20179" s="1" t="s">
        <v>72237</v>
      </c>
      <c r="E20179" s="1" t="s">
        <v>72238</v>
      </c>
      <c r="F20179" s="1" t="s">
        <v>72239</v>
      </c>
      <c r="G20179" s="1" t="s">
        <v>72190</v>
      </c>
      <c r="H20179" s="1" t="s">
        <v>72191</v>
      </c>
      <c r="I20179" s="1" t="s">
        <v>70634</v>
      </c>
      <c r="J20179" s="1" t="s">
        <v>72240</v>
      </c>
    </row>
    <row r="20180" spans="1:10" x14ac:dyDescent="0.35">
      <c r="A20180" s="1" t="s">
        <v>72186</v>
      </c>
      <c r="B20180" s="1" t="s">
        <v>70629</v>
      </c>
      <c r="C20180" s="1" t="s">
        <v>85</v>
      </c>
      <c r="D20180" s="1" t="s">
        <v>72241</v>
      </c>
      <c r="E20180" s="1" t="s">
        <v>72242</v>
      </c>
      <c r="F20180" s="1" t="s">
        <v>72243</v>
      </c>
      <c r="G20180" s="1" t="s">
        <v>72190</v>
      </c>
      <c r="H20180" s="1" t="s">
        <v>72191</v>
      </c>
      <c r="I20180" s="1" t="s">
        <v>70634</v>
      </c>
      <c r="J20180" s="1" t="s">
        <v>72244</v>
      </c>
    </row>
    <row r="20181" spans="1:10" x14ac:dyDescent="0.35">
      <c r="A20181" s="1" t="s">
        <v>72186</v>
      </c>
      <c r="B20181" s="1" t="s">
        <v>70629</v>
      </c>
      <c r="C20181" s="1" t="s">
        <v>90</v>
      </c>
      <c r="D20181" s="1" t="s">
        <v>72245</v>
      </c>
      <c r="E20181" s="1" t="s">
        <v>72246</v>
      </c>
      <c r="F20181" s="1" t="s">
        <v>72247</v>
      </c>
      <c r="G20181" s="1" t="s">
        <v>72190</v>
      </c>
      <c r="H20181" s="1" t="s">
        <v>72191</v>
      </c>
      <c r="I20181" s="1" t="s">
        <v>70634</v>
      </c>
      <c r="J20181" s="1" t="s">
        <v>72248</v>
      </c>
    </row>
    <row r="20182" spans="1:10" x14ac:dyDescent="0.35">
      <c r="A20182" s="1" t="s">
        <v>72186</v>
      </c>
      <c r="B20182" s="1" t="s">
        <v>70629</v>
      </c>
      <c r="C20182" s="1" t="s">
        <v>95</v>
      </c>
      <c r="D20182" s="1" t="s">
        <v>72249</v>
      </c>
      <c r="E20182" s="1" t="s">
        <v>72250</v>
      </c>
      <c r="F20182" s="1" t="s">
        <v>72251</v>
      </c>
      <c r="G20182" s="1" t="s">
        <v>72190</v>
      </c>
      <c r="H20182" s="1" t="s">
        <v>72191</v>
      </c>
      <c r="I20182" s="1" t="s">
        <v>70634</v>
      </c>
      <c r="J20182" s="1" t="s">
        <v>72252</v>
      </c>
    </row>
    <row r="20183" spans="1:10" x14ac:dyDescent="0.35">
      <c r="A20183" s="1" t="s">
        <v>72186</v>
      </c>
      <c r="B20183" s="1" t="s">
        <v>70629</v>
      </c>
      <c r="C20183" s="1" t="s">
        <v>100</v>
      </c>
      <c r="D20183" s="1" t="s">
        <v>44180</v>
      </c>
      <c r="E20183" s="1" t="s">
        <v>72253</v>
      </c>
      <c r="F20183" s="1" t="s">
        <v>72254</v>
      </c>
      <c r="G20183" s="1" t="s">
        <v>72190</v>
      </c>
      <c r="H20183" s="1" t="s">
        <v>72191</v>
      </c>
      <c r="I20183" s="1" t="s">
        <v>70634</v>
      </c>
      <c r="J20183" s="1" t="s">
        <v>72255</v>
      </c>
    </row>
    <row r="20184" spans="1:10" x14ac:dyDescent="0.35">
      <c r="A20184" s="1" t="s">
        <v>72186</v>
      </c>
      <c r="B20184" s="1" t="s">
        <v>70629</v>
      </c>
      <c r="C20184" s="1" t="s">
        <v>105</v>
      </c>
      <c r="D20184" s="1" t="s">
        <v>46479</v>
      </c>
      <c r="E20184" s="1" t="s">
        <v>72256</v>
      </c>
      <c r="F20184" s="1" t="s">
        <v>72257</v>
      </c>
      <c r="G20184" s="1" t="s">
        <v>72190</v>
      </c>
      <c r="H20184" s="1" t="s">
        <v>72191</v>
      </c>
      <c r="I20184" s="1" t="s">
        <v>70634</v>
      </c>
      <c r="J20184" s="1" t="s">
        <v>72258</v>
      </c>
    </row>
    <row r="20185" spans="1:10" x14ac:dyDescent="0.35">
      <c r="A20185" s="1" t="s">
        <v>72186</v>
      </c>
      <c r="B20185" s="1" t="s">
        <v>70629</v>
      </c>
      <c r="C20185" s="1" t="s">
        <v>110</v>
      </c>
      <c r="D20185" s="1" t="s">
        <v>72259</v>
      </c>
      <c r="E20185" s="1" t="s">
        <v>72260</v>
      </c>
      <c r="F20185" s="1" t="s">
        <v>72261</v>
      </c>
      <c r="G20185" s="1" t="s">
        <v>72190</v>
      </c>
      <c r="H20185" s="1" t="s">
        <v>72191</v>
      </c>
      <c r="I20185" s="1" t="s">
        <v>70634</v>
      </c>
      <c r="J20185" s="1" t="s">
        <v>72262</v>
      </c>
    </row>
    <row r="20186" spans="1:10" x14ac:dyDescent="0.35">
      <c r="A20186" s="1" t="s">
        <v>72186</v>
      </c>
      <c r="B20186" s="1" t="s">
        <v>70629</v>
      </c>
      <c r="C20186" s="1" t="s">
        <v>115</v>
      </c>
      <c r="D20186" s="1" t="s">
        <v>37815</v>
      </c>
      <c r="E20186" s="1" t="s">
        <v>72263</v>
      </c>
      <c r="F20186" s="1" t="s">
        <v>72264</v>
      </c>
      <c r="G20186" s="1" t="s">
        <v>72190</v>
      </c>
      <c r="H20186" s="1" t="s">
        <v>72191</v>
      </c>
      <c r="I20186" s="1" t="s">
        <v>70634</v>
      </c>
      <c r="J20186" s="1" t="s">
        <v>72265</v>
      </c>
    </row>
    <row r="20187" spans="1:10" x14ac:dyDescent="0.35">
      <c r="A20187" s="1" t="s">
        <v>72186</v>
      </c>
      <c r="B20187" s="1" t="s">
        <v>70629</v>
      </c>
      <c r="C20187" s="1" t="s">
        <v>120</v>
      </c>
      <c r="D20187" s="1" t="s">
        <v>72266</v>
      </c>
      <c r="E20187" s="1" t="s">
        <v>72267</v>
      </c>
      <c r="F20187" s="1" t="s">
        <v>72268</v>
      </c>
      <c r="G20187" s="1" t="s">
        <v>72190</v>
      </c>
      <c r="H20187" s="1" t="s">
        <v>72191</v>
      </c>
      <c r="I20187" s="1" t="s">
        <v>70634</v>
      </c>
      <c r="J20187" s="1" t="s">
        <v>72269</v>
      </c>
    </row>
    <row r="20188" spans="1:10" x14ac:dyDescent="0.35">
      <c r="A20188" s="1" t="s">
        <v>72186</v>
      </c>
      <c r="B20188" s="1" t="s">
        <v>70629</v>
      </c>
      <c r="C20188" s="1" t="s">
        <v>125</v>
      </c>
      <c r="D20188" s="1" t="s">
        <v>72270</v>
      </c>
      <c r="E20188" s="1" t="s">
        <v>72271</v>
      </c>
      <c r="F20188" s="1" t="s">
        <v>72272</v>
      </c>
      <c r="G20188" s="1" t="s">
        <v>72190</v>
      </c>
      <c r="H20188" s="1" t="s">
        <v>72191</v>
      </c>
      <c r="I20188" s="1" t="s">
        <v>70634</v>
      </c>
      <c r="J20188" s="1" t="s">
        <v>72273</v>
      </c>
    </row>
    <row r="20189" spans="1:10" x14ac:dyDescent="0.35">
      <c r="A20189" s="1" t="s">
        <v>72186</v>
      </c>
      <c r="B20189" s="1" t="s">
        <v>70629</v>
      </c>
      <c r="C20189" s="1" t="s">
        <v>130</v>
      </c>
      <c r="D20189" s="1" t="s">
        <v>25036</v>
      </c>
      <c r="E20189" s="1" t="s">
        <v>72274</v>
      </c>
      <c r="F20189" s="1" t="s">
        <v>72275</v>
      </c>
      <c r="G20189" s="1" t="s">
        <v>72190</v>
      </c>
      <c r="H20189" s="1" t="s">
        <v>72191</v>
      </c>
      <c r="I20189" s="1" t="s">
        <v>70634</v>
      </c>
      <c r="J20189" s="1" t="s">
        <v>72276</v>
      </c>
    </row>
    <row r="20190" spans="1:10" x14ac:dyDescent="0.35">
      <c r="A20190" s="1" t="s">
        <v>72186</v>
      </c>
      <c r="B20190" s="1" t="s">
        <v>70629</v>
      </c>
      <c r="C20190" s="1" t="s">
        <v>135</v>
      </c>
      <c r="D20190" s="1" t="s">
        <v>37359</v>
      </c>
      <c r="E20190" s="1" t="s">
        <v>72277</v>
      </c>
      <c r="F20190" s="1" t="s">
        <v>72278</v>
      </c>
      <c r="G20190" s="1" t="s">
        <v>72190</v>
      </c>
      <c r="H20190" s="1" t="s">
        <v>72191</v>
      </c>
      <c r="I20190" s="1" t="s">
        <v>70634</v>
      </c>
      <c r="J20190" s="1" t="s">
        <v>72279</v>
      </c>
    </row>
    <row r="20191" spans="1:10" x14ac:dyDescent="0.35">
      <c r="A20191" s="1" t="s">
        <v>72186</v>
      </c>
      <c r="B20191" s="1" t="s">
        <v>70629</v>
      </c>
      <c r="C20191" s="1" t="s">
        <v>140</v>
      </c>
      <c r="D20191" s="1" t="s">
        <v>72280</v>
      </c>
      <c r="E20191" s="1" t="s">
        <v>72281</v>
      </c>
      <c r="F20191" s="1" t="s">
        <v>72282</v>
      </c>
      <c r="G20191" s="1" t="s">
        <v>72190</v>
      </c>
      <c r="H20191" s="1" t="s">
        <v>72191</v>
      </c>
      <c r="I20191" s="1" t="s">
        <v>70634</v>
      </c>
      <c r="J20191" s="1" t="s">
        <v>72283</v>
      </c>
    </row>
    <row r="20192" spans="1:10" x14ac:dyDescent="0.35">
      <c r="A20192" s="1" t="s">
        <v>72186</v>
      </c>
      <c r="B20192" s="1" t="s">
        <v>70629</v>
      </c>
      <c r="C20192" s="1" t="s">
        <v>145</v>
      </c>
      <c r="D20192" s="1" t="s">
        <v>30740</v>
      </c>
      <c r="E20192" s="1" t="s">
        <v>72284</v>
      </c>
      <c r="F20192" s="1" t="s">
        <v>72285</v>
      </c>
      <c r="G20192" s="1" t="s">
        <v>72190</v>
      </c>
      <c r="H20192" s="1" t="s">
        <v>72191</v>
      </c>
      <c r="I20192" s="1" t="s">
        <v>70634</v>
      </c>
      <c r="J20192" s="1" t="s">
        <v>72286</v>
      </c>
    </row>
    <row r="20193" spans="1:10" x14ac:dyDescent="0.35">
      <c r="A20193" s="1" t="s">
        <v>72186</v>
      </c>
      <c r="B20193" s="1" t="s">
        <v>70629</v>
      </c>
      <c r="C20193" s="1" t="s">
        <v>150</v>
      </c>
      <c r="D20193" s="1" t="s">
        <v>13035</v>
      </c>
      <c r="E20193" s="1" t="s">
        <v>72287</v>
      </c>
      <c r="F20193" s="1" t="s">
        <v>72288</v>
      </c>
      <c r="G20193" s="1" t="s">
        <v>72190</v>
      </c>
      <c r="H20193" s="1" t="s">
        <v>72191</v>
      </c>
      <c r="I20193" s="1" t="s">
        <v>70634</v>
      </c>
      <c r="J20193" s="1" t="s">
        <v>72289</v>
      </c>
    </row>
    <row r="20194" spans="1:10" x14ac:dyDescent="0.35">
      <c r="A20194" s="1" t="s">
        <v>72186</v>
      </c>
      <c r="B20194" s="1" t="s">
        <v>70629</v>
      </c>
      <c r="C20194" s="1" t="s">
        <v>155</v>
      </c>
      <c r="D20194" s="1" t="s">
        <v>15273</v>
      </c>
      <c r="E20194" s="1" t="s">
        <v>72290</v>
      </c>
      <c r="F20194" s="1" t="s">
        <v>72291</v>
      </c>
      <c r="G20194" s="1" t="s">
        <v>72190</v>
      </c>
      <c r="H20194" s="1" t="s">
        <v>72191</v>
      </c>
      <c r="I20194" s="1" t="s">
        <v>70634</v>
      </c>
      <c r="J20194" s="1" t="s">
        <v>72292</v>
      </c>
    </row>
    <row r="20195" spans="1:10" x14ac:dyDescent="0.35">
      <c r="A20195" s="1" t="s">
        <v>72186</v>
      </c>
      <c r="B20195" s="1" t="s">
        <v>70629</v>
      </c>
      <c r="C20195" s="1" t="s">
        <v>160</v>
      </c>
      <c r="D20195" s="1" t="s">
        <v>34068</v>
      </c>
      <c r="E20195" s="1" t="s">
        <v>72293</v>
      </c>
      <c r="F20195" s="1" t="s">
        <v>72294</v>
      </c>
      <c r="G20195" s="1" t="s">
        <v>72190</v>
      </c>
      <c r="H20195" s="1" t="s">
        <v>72191</v>
      </c>
      <c r="I20195" s="1" t="s">
        <v>70634</v>
      </c>
      <c r="J20195" s="1" t="s">
        <v>72295</v>
      </c>
    </row>
    <row r="20196" spans="1:10" x14ac:dyDescent="0.35">
      <c r="A20196" s="1" t="s">
        <v>72186</v>
      </c>
      <c r="B20196" s="1" t="s">
        <v>70629</v>
      </c>
      <c r="C20196" s="1" t="s">
        <v>165</v>
      </c>
      <c r="D20196" s="1" t="s">
        <v>70848</v>
      </c>
      <c r="E20196" s="1" t="s">
        <v>72296</v>
      </c>
      <c r="F20196" s="1" t="s">
        <v>72297</v>
      </c>
      <c r="G20196" s="1" t="s">
        <v>72190</v>
      </c>
      <c r="H20196" s="1" t="s">
        <v>72191</v>
      </c>
      <c r="I20196" s="1" t="s">
        <v>70634</v>
      </c>
      <c r="J20196" s="1" t="s">
        <v>72298</v>
      </c>
    </row>
    <row r="20197" spans="1:10" x14ac:dyDescent="0.35">
      <c r="A20197" s="1" t="s">
        <v>72186</v>
      </c>
      <c r="B20197" s="1" t="s">
        <v>70629</v>
      </c>
      <c r="C20197" s="1" t="s">
        <v>170</v>
      </c>
      <c r="D20197" s="1" t="s">
        <v>72299</v>
      </c>
      <c r="E20197" s="1" t="s">
        <v>72300</v>
      </c>
      <c r="F20197" s="1" t="s">
        <v>72301</v>
      </c>
      <c r="G20197" s="1" t="s">
        <v>72190</v>
      </c>
      <c r="H20197" s="1" t="s">
        <v>72191</v>
      </c>
      <c r="I20197" s="1" t="s">
        <v>70634</v>
      </c>
      <c r="J20197" s="1" t="s">
        <v>72302</v>
      </c>
    </row>
    <row r="20198" spans="1:10" x14ac:dyDescent="0.35">
      <c r="A20198" s="1" t="s">
        <v>72303</v>
      </c>
      <c r="B20198" s="1" t="s">
        <v>70629</v>
      </c>
      <c r="C20198" s="1" t="s">
        <v>8</v>
      </c>
      <c r="D20198" s="1" t="s">
        <v>6727</v>
      </c>
      <c r="E20198" s="1" t="s">
        <v>72304</v>
      </c>
      <c r="F20198" s="1" t="s">
        <v>72305</v>
      </c>
      <c r="G20198" s="1" t="s">
        <v>72306</v>
      </c>
      <c r="H20198" s="1" t="s">
        <v>72307</v>
      </c>
      <c r="I20198" s="1" t="s">
        <v>70634</v>
      </c>
      <c r="J20198" s="1" t="s">
        <v>13</v>
      </c>
    </row>
    <row r="20199" spans="1:10" x14ac:dyDescent="0.35">
      <c r="A20199" s="1" t="s">
        <v>72303</v>
      </c>
      <c r="B20199" s="1" t="s">
        <v>70629</v>
      </c>
      <c r="C20199" s="1" t="s">
        <v>15</v>
      </c>
      <c r="D20199" s="1" t="s">
        <v>35880</v>
      </c>
      <c r="E20199" s="1" t="s">
        <v>72308</v>
      </c>
      <c r="F20199" s="1" t="s">
        <v>72309</v>
      </c>
      <c r="G20199" s="1" t="s">
        <v>72306</v>
      </c>
      <c r="H20199" s="1" t="s">
        <v>72307</v>
      </c>
      <c r="I20199" s="1" t="s">
        <v>70634</v>
      </c>
      <c r="J20199" s="1" t="s">
        <v>72310</v>
      </c>
    </row>
    <row r="20200" spans="1:10" x14ac:dyDescent="0.35">
      <c r="A20200" s="1" t="s">
        <v>72303</v>
      </c>
      <c r="B20200" s="1" t="s">
        <v>70629</v>
      </c>
      <c r="C20200" s="1" t="s">
        <v>20</v>
      </c>
      <c r="D20200" s="1" t="s">
        <v>72311</v>
      </c>
      <c r="E20200" s="1" t="s">
        <v>72312</v>
      </c>
      <c r="F20200" s="1" t="s">
        <v>72313</v>
      </c>
      <c r="G20200" s="1" t="s">
        <v>72306</v>
      </c>
      <c r="H20200" s="1" t="s">
        <v>72307</v>
      </c>
      <c r="I20200" s="1" t="s">
        <v>70634</v>
      </c>
      <c r="J20200" s="1" t="s">
        <v>72314</v>
      </c>
    </row>
    <row r="20201" spans="1:10" x14ac:dyDescent="0.35">
      <c r="A20201" s="1" t="s">
        <v>72303</v>
      </c>
      <c r="B20201" s="1" t="s">
        <v>70629</v>
      </c>
      <c r="C20201" s="1" t="s">
        <v>25</v>
      </c>
      <c r="D20201" s="1" t="s">
        <v>72315</v>
      </c>
      <c r="E20201" s="1" t="s">
        <v>72316</v>
      </c>
      <c r="F20201" s="1" t="s">
        <v>72317</v>
      </c>
      <c r="G20201" s="1" t="s">
        <v>72306</v>
      </c>
      <c r="H20201" s="1" t="s">
        <v>72307</v>
      </c>
      <c r="I20201" s="1" t="s">
        <v>70634</v>
      </c>
      <c r="J20201" s="1" t="s">
        <v>72318</v>
      </c>
    </row>
    <row r="20202" spans="1:10" x14ac:dyDescent="0.35">
      <c r="A20202" s="1" t="s">
        <v>72303</v>
      </c>
      <c r="B20202" s="1" t="s">
        <v>70629</v>
      </c>
      <c r="C20202" s="1" t="s">
        <v>30</v>
      </c>
      <c r="D20202" s="1" t="s">
        <v>35486</v>
      </c>
      <c r="E20202" s="1" t="s">
        <v>72319</v>
      </c>
      <c r="F20202" s="1" t="s">
        <v>72320</v>
      </c>
      <c r="G20202" s="1" t="s">
        <v>72306</v>
      </c>
      <c r="H20202" s="1" t="s">
        <v>72307</v>
      </c>
      <c r="I20202" s="1" t="s">
        <v>70634</v>
      </c>
      <c r="J20202" s="1" t="s">
        <v>72321</v>
      </c>
    </row>
    <row r="20203" spans="1:10" x14ac:dyDescent="0.35">
      <c r="A20203" s="1" t="s">
        <v>72303</v>
      </c>
      <c r="B20203" s="1" t="s">
        <v>70629</v>
      </c>
      <c r="C20203" s="1" t="s">
        <v>35</v>
      </c>
      <c r="D20203" s="1" t="s">
        <v>72322</v>
      </c>
      <c r="E20203" s="1" t="s">
        <v>72323</v>
      </c>
      <c r="F20203" s="1" t="s">
        <v>72324</v>
      </c>
      <c r="G20203" s="1" t="s">
        <v>72306</v>
      </c>
      <c r="H20203" s="1" t="s">
        <v>72307</v>
      </c>
      <c r="I20203" s="1" t="s">
        <v>70634</v>
      </c>
      <c r="J20203" s="1" t="s">
        <v>72325</v>
      </c>
    </row>
    <row r="20204" spans="1:10" x14ac:dyDescent="0.35">
      <c r="A20204" s="1" t="s">
        <v>72303</v>
      </c>
      <c r="B20204" s="1" t="s">
        <v>70629</v>
      </c>
      <c r="C20204" s="1" t="s">
        <v>40</v>
      </c>
      <c r="D20204" s="1" t="s">
        <v>72326</v>
      </c>
      <c r="E20204" s="1" t="s">
        <v>72327</v>
      </c>
      <c r="F20204" s="1" t="s">
        <v>72328</v>
      </c>
      <c r="G20204" s="1" t="s">
        <v>72306</v>
      </c>
      <c r="H20204" s="1" t="s">
        <v>72307</v>
      </c>
      <c r="I20204" s="1" t="s">
        <v>70634</v>
      </c>
      <c r="J20204" s="1" t="s">
        <v>72329</v>
      </c>
    </row>
    <row r="20205" spans="1:10" x14ac:dyDescent="0.35">
      <c r="A20205" s="1" t="s">
        <v>72303</v>
      </c>
      <c r="B20205" s="1" t="s">
        <v>70629</v>
      </c>
      <c r="C20205" s="1" t="s">
        <v>45</v>
      </c>
      <c r="D20205" s="1" t="s">
        <v>30201</v>
      </c>
      <c r="E20205" s="1" t="s">
        <v>72330</v>
      </c>
      <c r="F20205" s="1" t="s">
        <v>72331</v>
      </c>
      <c r="G20205" s="1" t="s">
        <v>72306</v>
      </c>
      <c r="H20205" s="1" t="s">
        <v>72307</v>
      </c>
      <c r="I20205" s="1" t="s">
        <v>70634</v>
      </c>
      <c r="J20205" s="1" t="s">
        <v>72332</v>
      </c>
    </row>
    <row r="20206" spans="1:10" x14ac:dyDescent="0.35">
      <c r="A20206" s="1" t="s">
        <v>72303</v>
      </c>
      <c r="B20206" s="1" t="s">
        <v>70629</v>
      </c>
      <c r="C20206" s="1" t="s">
        <v>50</v>
      </c>
      <c r="D20206" s="1" t="s">
        <v>72333</v>
      </c>
      <c r="E20206" s="1" t="s">
        <v>72334</v>
      </c>
      <c r="F20206" s="1" t="s">
        <v>72335</v>
      </c>
      <c r="G20206" s="1" t="s">
        <v>72306</v>
      </c>
      <c r="H20206" s="1" t="s">
        <v>72307</v>
      </c>
      <c r="I20206" s="1" t="s">
        <v>70634</v>
      </c>
      <c r="J20206" s="1" t="s">
        <v>72336</v>
      </c>
    </row>
    <row r="20207" spans="1:10" x14ac:dyDescent="0.35">
      <c r="A20207" s="1" t="s">
        <v>72303</v>
      </c>
      <c r="B20207" s="1" t="s">
        <v>70629</v>
      </c>
      <c r="C20207" s="1" t="s">
        <v>55</v>
      </c>
      <c r="D20207" s="1" t="s">
        <v>33458</v>
      </c>
      <c r="E20207" s="1" t="s">
        <v>72337</v>
      </c>
      <c r="F20207" s="1" t="s">
        <v>72338</v>
      </c>
      <c r="G20207" s="1" t="s">
        <v>72306</v>
      </c>
      <c r="H20207" s="1" t="s">
        <v>72307</v>
      </c>
      <c r="I20207" s="1" t="s">
        <v>70634</v>
      </c>
      <c r="J20207" s="1" t="s">
        <v>72339</v>
      </c>
    </row>
    <row r="20208" spans="1:10" x14ac:dyDescent="0.35">
      <c r="A20208" s="1" t="s">
        <v>72303</v>
      </c>
      <c r="B20208" s="1" t="s">
        <v>70629</v>
      </c>
      <c r="C20208" s="1" t="s">
        <v>60</v>
      </c>
      <c r="D20208" s="1" t="s">
        <v>72340</v>
      </c>
      <c r="E20208" s="1" t="s">
        <v>72341</v>
      </c>
      <c r="F20208" s="1" t="s">
        <v>72342</v>
      </c>
      <c r="G20208" s="1" t="s">
        <v>72306</v>
      </c>
      <c r="H20208" s="1" t="s">
        <v>72307</v>
      </c>
      <c r="I20208" s="1" t="s">
        <v>70634</v>
      </c>
      <c r="J20208" s="1" t="s">
        <v>72343</v>
      </c>
    </row>
    <row r="20209" spans="1:10" x14ac:dyDescent="0.35">
      <c r="A20209" s="1" t="s">
        <v>72303</v>
      </c>
      <c r="B20209" s="1" t="s">
        <v>70629</v>
      </c>
      <c r="C20209" s="1" t="s">
        <v>65</v>
      </c>
      <c r="D20209" s="1" t="s">
        <v>72344</v>
      </c>
      <c r="E20209" s="1" t="s">
        <v>72345</v>
      </c>
      <c r="F20209" s="1" t="s">
        <v>72346</v>
      </c>
      <c r="G20209" s="1" t="s">
        <v>72306</v>
      </c>
      <c r="H20209" s="1" t="s">
        <v>72307</v>
      </c>
      <c r="I20209" s="1" t="s">
        <v>70634</v>
      </c>
      <c r="J20209" s="1" t="s">
        <v>72347</v>
      </c>
    </row>
    <row r="20210" spans="1:10" x14ac:dyDescent="0.35">
      <c r="A20210" s="1" t="s">
        <v>72303</v>
      </c>
      <c r="B20210" s="1" t="s">
        <v>70629</v>
      </c>
      <c r="C20210" s="1" t="s">
        <v>70</v>
      </c>
      <c r="D20210" s="1" t="s">
        <v>72348</v>
      </c>
      <c r="E20210" s="1" t="s">
        <v>72349</v>
      </c>
      <c r="F20210" s="1" t="s">
        <v>72350</v>
      </c>
      <c r="G20210" s="1" t="s">
        <v>72306</v>
      </c>
      <c r="H20210" s="1" t="s">
        <v>72307</v>
      </c>
      <c r="I20210" s="1" t="s">
        <v>70634</v>
      </c>
      <c r="J20210" s="1" t="s">
        <v>72351</v>
      </c>
    </row>
    <row r="20211" spans="1:10" x14ac:dyDescent="0.35">
      <c r="A20211" s="1" t="s">
        <v>72303</v>
      </c>
      <c r="B20211" s="1" t="s">
        <v>70629</v>
      </c>
      <c r="C20211" s="1" t="s">
        <v>75</v>
      </c>
      <c r="D20211" s="1" t="s">
        <v>30716</v>
      </c>
      <c r="E20211" s="1" t="s">
        <v>72352</v>
      </c>
      <c r="F20211" s="1" t="s">
        <v>72353</v>
      </c>
      <c r="G20211" s="1" t="s">
        <v>72306</v>
      </c>
      <c r="H20211" s="1" t="s">
        <v>72307</v>
      </c>
      <c r="I20211" s="1" t="s">
        <v>70634</v>
      </c>
      <c r="J20211" s="1" t="s">
        <v>72354</v>
      </c>
    </row>
    <row r="20212" spans="1:10" x14ac:dyDescent="0.35">
      <c r="A20212" s="1" t="s">
        <v>72303</v>
      </c>
      <c r="B20212" s="1" t="s">
        <v>70629</v>
      </c>
      <c r="C20212" s="1" t="s">
        <v>80</v>
      </c>
      <c r="D20212" s="1" t="s">
        <v>13393</v>
      </c>
      <c r="E20212" s="1" t="s">
        <v>72355</v>
      </c>
      <c r="F20212" s="1" t="s">
        <v>72356</v>
      </c>
      <c r="G20212" s="1" t="s">
        <v>72306</v>
      </c>
      <c r="H20212" s="1" t="s">
        <v>72307</v>
      </c>
      <c r="I20212" s="1" t="s">
        <v>70634</v>
      </c>
      <c r="J20212" s="1" t="s">
        <v>72357</v>
      </c>
    </row>
    <row r="20213" spans="1:10" x14ac:dyDescent="0.35">
      <c r="A20213" s="1" t="s">
        <v>72303</v>
      </c>
      <c r="B20213" s="1" t="s">
        <v>70629</v>
      </c>
      <c r="C20213" s="1" t="s">
        <v>85</v>
      </c>
      <c r="D20213" s="1" t="s">
        <v>72358</v>
      </c>
      <c r="E20213" s="1" t="s">
        <v>72359</v>
      </c>
      <c r="F20213" s="1" t="s">
        <v>72360</v>
      </c>
      <c r="G20213" s="1" t="s">
        <v>72306</v>
      </c>
      <c r="H20213" s="1" t="s">
        <v>72307</v>
      </c>
      <c r="I20213" s="1" t="s">
        <v>70634</v>
      </c>
      <c r="J20213" s="1" t="s">
        <v>72361</v>
      </c>
    </row>
    <row r="20214" spans="1:10" x14ac:dyDescent="0.35">
      <c r="A20214" s="1" t="s">
        <v>72303</v>
      </c>
      <c r="B20214" s="1" t="s">
        <v>70629</v>
      </c>
      <c r="C20214" s="1" t="s">
        <v>90</v>
      </c>
      <c r="D20214" s="1" t="s">
        <v>72362</v>
      </c>
      <c r="E20214" s="1" t="s">
        <v>72363</v>
      </c>
      <c r="F20214" s="1" t="s">
        <v>72364</v>
      </c>
      <c r="G20214" s="1" t="s">
        <v>72306</v>
      </c>
      <c r="H20214" s="1" t="s">
        <v>72307</v>
      </c>
      <c r="I20214" s="1" t="s">
        <v>70634</v>
      </c>
      <c r="J20214" s="1" t="s">
        <v>72365</v>
      </c>
    </row>
    <row r="20215" spans="1:10" x14ac:dyDescent="0.35">
      <c r="A20215" s="1" t="s">
        <v>72303</v>
      </c>
      <c r="B20215" s="1" t="s">
        <v>70629</v>
      </c>
      <c r="C20215" s="1" t="s">
        <v>95</v>
      </c>
      <c r="D20215" s="1" t="s">
        <v>72079</v>
      </c>
      <c r="E20215" s="1" t="s">
        <v>72366</v>
      </c>
      <c r="F20215" s="1" t="s">
        <v>72367</v>
      </c>
      <c r="G20215" s="1" t="s">
        <v>72306</v>
      </c>
      <c r="H20215" s="1" t="s">
        <v>72307</v>
      </c>
      <c r="I20215" s="1" t="s">
        <v>70634</v>
      </c>
      <c r="J20215" s="1" t="s">
        <v>72368</v>
      </c>
    </row>
    <row r="20216" spans="1:10" x14ac:dyDescent="0.35">
      <c r="A20216" s="1" t="s">
        <v>72303</v>
      </c>
      <c r="B20216" s="1" t="s">
        <v>70629</v>
      </c>
      <c r="C20216" s="1" t="s">
        <v>100</v>
      </c>
      <c r="D20216" s="1" t="s">
        <v>72369</v>
      </c>
      <c r="E20216" s="1" t="s">
        <v>72370</v>
      </c>
      <c r="F20216" s="1" t="s">
        <v>72371</v>
      </c>
      <c r="G20216" s="1" t="s">
        <v>72306</v>
      </c>
      <c r="H20216" s="1" t="s">
        <v>72307</v>
      </c>
      <c r="I20216" s="1" t="s">
        <v>70634</v>
      </c>
      <c r="J20216" s="1" t="s">
        <v>72372</v>
      </c>
    </row>
    <row r="20217" spans="1:10" x14ac:dyDescent="0.35">
      <c r="A20217" s="1" t="s">
        <v>72303</v>
      </c>
      <c r="B20217" s="1" t="s">
        <v>70629</v>
      </c>
      <c r="C20217" s="1" t="s">
        <v>105</v>
      </c>
      <c r="D20217" s="1" t="s">
        <v>72214</v>
      </c>
      <c r="E20217" s="1" t="s">
        <v>72373</v>
      </c>
      <c r="F20217" s="1" t="s">
        <v>72374</v>
      </c>
      <c r="G20217" s="1" t="s">
        <v>72306</v>
      </c>
      <c r="H20217" s="1" t="s">
        <v>72307</v>
      </c>
      <c r="I20217" s="1" t="s">
        <v>70634</v>
      </c>
      <c r="J20217" s="1" t="s">
        <v>72375</v>
      </c>
    </row>
    <row r="20218" spans="1:10" x14ac:dyDescent="0.35">
      <c r="A20218" s="1" t="s">
        <v>72303</v>
      </c>
      <c r="B20218" s="1" t="s">
        <v>70629</v>
      </c>
      <c r="C20218" s="1" t="s">
        <v>110</v>
      </c>
      <c r="D20218" s="1" t="s">
        <v>47811</v>
      </c>
      <c r="E20218" s="1" t="s">
        <v>72376</v>
      </c>
      <c r="F20218" s="1" t="s">
        <v>72377</v>
      </c>
      <c r="G20218" s="1" t="s">
        <v>72306</v>
      </c>
      <c r="H20218" s="1" t="s">
        <v>72307</v>
      </c>
      <c r="I20218" s="1" t="s">
        <v>70634</v>
      </c>
      <c r="J20218" s="1" t="s">
        <v>72378</v>
      </c>
    </row>
    <row r="20219" spans="1:10" x14ac:dyDescent="0.35">
      <c r="A20219" s="1" t="s">
        <v>72303</v>
      </c>
      <c r="B20219" s="1" t="s">
        <v>70629</v>
      </c>
      <c r="C20219" s="1" t="s">
        <v>115</v>
      </c>
      <c r="D20219" s="1" t="s">
        <v>72379</v>
      </c>
      <c r="E20219" s="1" t="s">
        <v>72380</v>
      </c>
      <c r="F20219" s="1" t="s">
        <v>72381</v>
      </c>
      <c r="G20219" s="1" t="s">
        <v>72306</v>
      </c>
      <c r="H20219" s="1" t="s">
        <v>72307</v>
      </c>
      <c r="I20219" s="1" t="s">
        <v>70634</v>
      </c>
      <c r="J20219" s="1" t="s">
        <v>72382</v>
      </c>
    </row>
    <row r="20220" spans="1:10" x14ac:dyDescent="0.35">
      <c r="A20220" s="1" t="s">
        <v>72303</v>
      </c>
      <c r="B20220" s="1" t="s">
        <v>70629</v>
      </c>
      <c r="C20220" s="1" t="s">
        <v>120</v>
      </c>
      <c r="D20220" s="1" t="s">
        <v>30237</v>
      </c>
      <c r="E20220" s="1" t="s">
        <v>72383</v>
      </c>
      <c r="F20220" s="1" t="s">
        <v>72384</v>
      </c>
      <c r="G20220" s="1" t="s">
        <v>72306</v>
      </c>
      <c r="H20220" s="1" t="s">
        <v>72307</v>
      </c>
      <c r="I20220" s="1" t="s">
        <v>70634</v>
      </c>
      <c r="J20220" s="1" t="s">
        <v>72385</v>
      </c>
    </row>
    <row r="20221" spans="1:10" x14ac:dyDescent="0.35">
      <c r="A20221" s="1" t="s">
        <v>72303</v>
      </c>
      <c r="B20221" s="1" t="s">
        <v>70629</v>
      </c>
      <c r="C20221" s="1" t="s">
        <v>125</v>
      </c>
      <c r="D20221" s="1" t="s">
        <v>17779</v>
      </c>
      <c r="E20221" s="1" t="s">
        <v>72386</v>
      </c>
      <c r="F20221" s="1" t="s">
        <v>72387</v>
      </c>
      <c r="G20221" s="1" t="s">
        <v>72306</v>
      </c>
      <c r="H20221" s="1" t="s">
        <v>72307</v>
      </c>
      <c r="I20221" s="1" t="s">
        <v>70634</v>
      </c>
      <c r="J20221" s="1" t="s">
        <v>72388</v>
      </c>
    </row>
    <row r="20222" spans="1:10" x14ac:dyDescent="0.35">
      <c r="A20222" s="1" t="s">
        <v>72303</v>
      </c>
      <c r="B20222" s="1" t="s">
        <v>70629</v>
      </c>
      <c r="C20222" s="1" t="s">
        <v>130</v>
      </c>
      <c r="D20222" s="1" t="s">
        <v>5790</v>
      </c>
      <c r="E20222" s="1" t="s">
        <v>72389</v>
      </c>
      <c r="F20222" s="1" t="s">
        <v>72390</v>
      </c>
      <c r="G20222" s="1" t="s">
        <v>72306</v>
      </c>
      <c r="H20222" s="1" t="s">
        <v>72307</v>
      </c>
      <c r="I20222" s="1" t="s">
        <v>70634</v>
      </c>
      <c r="J20222" s="1" t="s">
        <v>72391</v>
      </c>
    </row>
    <row r="20223" spans="1:10" x14ac:dyDescent="0.35">
      <c r="A20223" s="1" t="s">
        <v>72303</v>
      </c>
      <c r="B20223" s="1" t="s">
        <v>70629</v>
      </c>
      <c r="C20223" s="1" t="s">
        <v>135</v>
      </c>
      <c r="D20223" s="1" t="s">
        <v>72392</v>
      </c>
      <c r="E20223" s="1" t="s">
        <v>72393</v>
      </c>
      <c r="F20223" s="1" t="s">
        <v>72394</v>
      </c>
      <c r="G20223" s="1" t="s">
        <v>72306</v>
      </c>
      <c r="H20223" s="1" t="s">
        <v>72307</v>
      </c>
      <c r="I20223" s="1" t="s">
        <v>70634</v>
      </c>
      <c r="J20223" s="1" t="s">
        <v>72395</v>
      </c>
    </row>
    <row r="20224" spans="1:10" x14ac:dyDescent="0.35">
      <c r="A20224" s="1" t="s">
        <v>72303</v>
      </c>
      <c r="B20224" s="1" t="s">
        <v>70629</v>
      </c>
      <c r="C20224" s="1" t="s">
        <v>140</v>
      </c>
      <c r="D20224" s="1" t="s">
        <v>72396</v>
      </c>
      <c r="E20224" s="1" t="s">
        <v>72397</v>
      </c>
      <c r="F20224" s="1" t="s">
        <v>72398</v>
      </c>
      <c r="G20224" s="1" t="s">
        <v>72306</v>
      </c>
      <c r="H20224" s="1" t="s">
        <v>72307</v>
      </c>
      <c r="I20224" s="1" t="s">
        <v>70634</v>
      </c>
      <c r="J20224" s="1" t="s">
        <v>72399</v>
      </c>
    </row>
    <row r="20225" spans="1:10" x14ac:dyDescent="0.35">
      <c r="A20225" s="1" t="s">
        <v>72303</v>
      </c>
      <c r="B20225" s="1" t="s">
        <v>70629</v>
      </c>
      <c r="C20225" s="1" t="s">
        <v>145</v>
      </c>
      <c r="D20225" s="1" t="s">
        <v>72400</v>
      </c>
      <c r="E20225" s="1" t="s">
        <v>72401</v>
      </c>
      <c r="F20225" s="1" t="s">
        <v>72402</v>
      </c>
      <c r="G20225" s="1" t="s">
        <v>72306</v>
      </c>
      <c r="H20225" s="1" t="s">
        <v>72307</v>
      </c>
      <c r="I20225" s="1" t="s">
        <v>70634</v>
      </c>
      <c r="J20225" s="1" t="s">
        <v>72403</v>
      </c>
    </row>
    <row r="20226" spans="1:10" x14ac:dyDescent="0.35">
      <c r="A20226" s="1" t="s">
        <v>72303</v>
      </c>
      <c r="B20226" s="1" t="s">
        <v>70629</v>
      </c>
      <c r="C20226" s="1" t="s">
        <v>150</v>
      </c>
      <c r="D20226" s="1" t="s">
        <v>72404</v>
      </c>
      <c r="E20226" s="1" t="s">
        <v>72405</v>
      </c>
      <c r="F20226" s="1" t="s">
        <v>72406</v>
      </c>
      <c r="G20226" s="1" t="s">
        <v>72306</v>
      </c>
      <c r="H20226" s="1" t="s">
        <v>72307</v>
      </c>
      <c r="I20226" s="1" t="s">
        <v>70634</v>
      </c>
      <c r="J20226" s="1" t="s">
        <v>72407</v>
      </c>
    </row>
    <row r="20227" spans="1:10" x14ac:dyDescent="0.35">
      <c r="A20227" s="1" t="s">
        <v>72303</v>
      </c>
      <c r="B20227" s="1" t="s">
        <v>70629</v>
      </c>
      <c r="C20227" s="1" t="s">
        <v>155</v>
      </c>
      <c r="D20227" s="1" t="s">
        <v>16376</v>
      </c>
      <c r="E20227" s="1" t="s">
        <v>72408</v>
      </c>
      <c r="F20227" s="1" t="s">
        <v>72409</v>
      </c>
      <c r="G20227" s="1" t="s">
        <v>72306</v>
      </c>
      <c r="H20227" s="1" t="s">
        <v>72307</v>
      </c>
      <c r="I20227" s="1" t="s">
        <v>70634</v>
      </c>
      <c r="J20227" s="1" t="s">
        <v>72410</v>
      </c>
    </row>
    <row r="20228" spans="1:10" x14ac:dyDescent="0.35">
      <c r="A20228" s="1" t="s">
        <v>72303</v>
      </c>
      <c r="B20228" s="1" t="s">
        <v>70629</v>
      </c>
      <c r="C20228" s="1" t="s">
        <v>160</v>
      </c>
      <c r="D20228" s="1" t="s">
        <v>33945</v>
      </c>
      <c r="E20228" s="1" t="s">
        <v>72411</v>
      </c>
      <c r="F20228" s="1" t="s">
        <v>72412</v>
      </c>
      <c r="G20228" s="1" t="s">
        <v>72306</v>
      </c>
      <c r="H20228" s="1" t="s">
        <v>72307</v>
      </c>
      <c r="I20228" s="1" t="s">
        <v>70634</v>
      </c>
      <c r="J20228" s="1" t="s">
        <v>72413</v>
      </c>
    </row>
    <row r="20229" spans="1:10" x14ac:dyDescent="0.35">
      <c r="A20229" s="1" t="s">
        <v>72303</v>
      </c>
      <c r="B20229" s="1" t="s">
        <v>70629</v>
      </c>
      <c r="C20229" s="1" t="s">
        <v>165</v>
      </c>
      <c r="D20229" s="1" t="s">
        <v>51296</v>
      </c>
      <c r="E20229" s="1" t="s">
        <v>72414</v>
      </c>
      <c r="F20229" s="1" t="s">
        <v>72415</v>
      </c>
      <c r="G20229" s="1" t="s">
        <v>72306</v>
      </c>
      <c r="H20229" s="1" t="s">
        <v>72307</v>
      </c>
      <c r="I20229" s="1" t="s">
        <v>70634</v>
      </c>
      <c r="J20229" s="1" t="s">
        <v>72416</v>
      </c>
    </row>
    <row r="20230" spans="1:10" x14ac:dyDescent="0.35">
      <c r="A20230" s="1" t="s">
        <v>72303</v>
      </c>
      <c r="B20230" s="1" t="s">
        <v>70629</v>
      </c>
      <c r="C20230" s="1" t="s">
        <v>170</v>
      </c>
      <c r="D20230" s="1" t="s">
        <v>17122</v>
      </c>
      <c r="E20230" s="1" t="s">
        <v>72417</v>
      </c>
      <c r="F20230" s="1" t="s">
        <v>72418</v>
      </c>
      <c r="G20230" s="1" t="s">
        <v>72306</v>
      </c>
      <c r="H20230" s="1" t="s">
        <v>72307</v>
      </c>
      <c r="I20230" s="1" t="s">
        <v>70634</v>
      </c>
      <c r="J20230" s="1" t="s">
        <v>72419</v>
      </c>
    </row>
    <row r="20231" spans="1:10" x14ac:dyDescent="0.35">
      <c r="A20231" s="1" t="s">
        <v>72420</v>
      </c>
      <c r="B20231" s="1" t="s">
        <v>70629</v>
      </c>
      <c r="C20231" s="1" t="s">
        <v>8</v>
      </c>
      <c r="D20231" s="1" t="s">
        <v>72421</v>
      </c>
      <c r="E20231" s="1" t="s">
        <v>72422</v>
      </c>
      <c r="F20231" s="1" t="s">
        <v>72423</v>
      </c>
      <c r="G20231" s="1" t="s">
        <v>72424</v>
      </c>
      <c r="H20231" s="1" t="s">
        <v>72425</v>
      </c>
      <c r="I20231" s="1" t="s">
        <v>70634</v>
      </c>
      <c r="J20231" s="1" t="s">
        <v>13</v>
      </c>
    </row>
    <row r="20232" spans="1:10" x14ac:dyDescent="0.35">
      <c r="A20232" s="1" t="s">
        <v>72420</v>
      </c>
      <c r="B20232" s="1" t="s">
        <v>70629</v>
      </c>
      <c r="C20232" s="1" t="s">
        <v>15</v>
      </c>
      <c r="D20232" s="1" t="s">
        <v>49736</v>
      </c>
      <c r="E20232" s="1" t="s">
        <v>72426</v>
      </c>
      <c r="F20232" s="1" t="s">
        <v>72427</v>
      </c>
      <c r="G20232" s="1" t="s">
        <v>72424</v>
      </c>
      <c r="H20232" s="1" t="s">
        <v>72425</v>
      </c>
      <c r="I20232" s="1" t="s">
        <v>70634</v>
      </c>
      <c r="J20232" s="1" t="s">
        <v>72428</v>
      </c>
    </row>
    <row r="20233" spans="1:10" x14ac:dyDescent="0.35">
      <c r="A20233" s="1" t="s">
        <v>72420</v>
      </c>
      <c r="B20233" s="1" t="s">
        <v>70629</v>
      </c>
      <c r="C20233" s="1" t="s">
        <v>20</v>
      </c>
      <c r="D20233" s="1" t="s">
        <v>72429</v>
      </c>
      <c r="E20233" s="1" t="s">
        <v>72430</v>
      </c>
      <c r="F20233" s="1" t="s">
        <v>72431</v>
      </c>
      <c r="G20233" s="1" t="s">
        <v>72424</v>
      </c>
      <c r="H20233" s="1" t="s">
        <v>72425</v>
      </c>
      <c r="I20233" s="1" t="s">
        <v>70634</v>
      </c>
      <c r="J20233" s="1" t="s">
        <v>72432</v>
      </c>
    </row>
    <row r="20234" spans="1:10" x14ac:dyDescent="0.35">
      <c r="A20234" s="1" t="s">
        <v>72420</v>
      </c>
      <c r="B20234" s="1" t="s">
        <v>70629</v>
      </c>
      <c r="C20234" s="1" t="s">
        <v>25</v>
      </c>
      <c r="D20234" s="1" t="s">
        <v>17963</v>
      </c>
      <c r="E20234" s="1" t="s">
        <v>72433</v>
      </c>
      <c r="F20234" s="1" t="s">
        <v>72434</v>
      </c>
      <c r="G20234" s="1" t="s">
        <v>72424</v>
      </c>
      <c r="H20234" s="1" t="s">
        <v>72425</v>
      </c>
      <c r="I20234" s="1" t="s">
        <v>70634</v>
      </c>
      <c r="J20234" s="1" t="s">
        <v>72435</v>
      </c>
    </row>
    <row r="20235" spans="1:10" x14ac:dyDescent="0.35">
      <c r="A20235" s="1" t="s">
        <v>72420</v>
      </c>
      <c r="B20235" s="1" t="s">
        <v>70629</v>
      </c>
      <c r="C20235" s="1" t="s">
        <v>30</v>
      </c>
      <c r="D20235" s="1" t="s">
        <v>636</v>
      </c>
      <c r="E20235" s="1" t="s">
        <v>72436</v>
      </c>
      <c r="F20235" s="1" t="s">
        <v>72437</v>
      </c>
      <c r="G20235" s="1" t="s">
        <v>72424</v>
      </c>
      <c r="H20235" s="1" t="s">
        <v>72425</v>
      </c>
      <c r="I20235" s="1" t="s">
        <v>70634</v>
      </c>
      <c r="J20235" s="1" t="s">
        <v>72438</v>
      </c>
    </row>
    <row r="20236" spans="1:10" x14ac:dyDescent="0.35">
      <c r="A20236" s="1" t="s">
        <v>72420</v>
      </c>
      <c r="B20236" s="1" t="s">
        <v>70629</v>
      </c>
      <c r="C20236" s="1" t="s">
        <v>35</v>
      </c>
      <c r="D20236" s="1" t="s">
        <v>49236</v>
      </c>
      <c r="E20236" s="1" t="s">
        <v>72439</v>
      </c>
      <c r="F20236" s="1" t="s">
        <v>72440</v>
      </c>
      <c r="G20236" s="1" t="s">
        <v>72424</v>
      </c>
      <c r="H20236" s="1" t="s">
        <v>72425</v>
      </c>
      <c r="I20236" s="1" t="s">
        <v>70634</v>
      </c>
      <c r="J20236" s="1" t="s">
        <v>72441</v>
      </c>
    </row>
    <row r="20237" spans="1:10" x14ac:dyDescent="0.35">
      <c r="A20237" s="1" t="s">
        <v>72420</v>
      </c>
      <c r="B20237" s="1" t="s">
        <v>70629</v>
      </c>
      <c r="C20237" s="1" t="s">
        <v>40</v>
      </c>
      <c r="D20237" s="1" t="s">
        <v>72442</v>
      </c>
      <c r="E20237" s="1" t="s">
        <v>72443</v>
      </c>
      <c r="F20237" s="1" t="s">
        <v>72444</v>
      </c>
      <c r="G20237" s="1" t="s">
        <v>72424</v>
      </c>
      <c r="H20237" s="1" t="s">
        <v>72425</v>
      </c>
      <c r="I20237" s="1" t="s">
        <v>70634</v>
      </c>
      <c r="J20237" s="1" t="s">
        <v>72445</v>
      </c>
    </row>
    <row r="20238" spans="1:10" x14ac:dyDescent="0.35">
      <c r="A20238" s="1" t="s">
        <v>72420</v>
      </c>
      <c r="B20238" s="1" t="s">
        <v>70629</v>
      </c>
      <c r="C20238" s="1" t="s">
        <v>45</v>
      </c>
      <c r="D20238" s="1" t="s">
        <v>72446</v>
      </c>
      <c r="E20238" s="1" t="s">
        <v>72447</v>
      </c>
      <c r="F20238" s="1" t="s">
        <v>72448</v>
      </c>
      <c r="G20238" s="1" t="s">
        <v>72424</v>
      </c>
      <c r="H20238" s="1" t="s">
        <v>72425</v>
      </c>
      <c r="I20238" s="1" t="s">
        <v>70634</v>
      </c>
      <c r="J20238" s="1" t="s">
        <v>72449</v>
      </c>
    </row>
    <row r="20239" spans="1:10" x14ac:dyDescent="0.35">
      <c r="A20239" s="1" t="s">
        <v>72420</v>
      </c>
      <c r="B20239" s="1" t="s">
        <v>70629</v>
      </c>
      <c r="C20239" s="1" t="s">
        <v>50</v>
      </c>
      <c r="D20239" s="1" t="s">
        <v>72450</v>
      </c>
      <c r="E20239" s="1" t="s">
        <v>72451</v>
      </c>
      <c r="F20239" s="1" t="s">
        <v>72452</v>
      </c>
      <c r="G20239" s="1" t="s">
        <v>72424</v>
      </c>
      <c r="H20239" s="1" t="s">
        <v>72425</v>
      </c>
      <c r="I20239" s="1" t="s">
        <v>70634</v>
      </c>
      <c r="J20239" s="1" t="s">
        <v>72453</v>
      </c>
    </row>
    <row r="20240" spans="1:10" x14ac:dyDescent="0.35">
      <c r="A20240" s="1" t="s">
        <v>72420</v>
      </c>
      <c r="B20240" s="1" t="s">
        <v>70629</v>
      </c>
      <c r="C20240" s="1" t="s">
        <v>55</v>
      </c>
      <c r="D20240" s="1" t="s">
        <v>72454</v>
      </c>
      <c r="E20240" s="1" t="s">
        <v>72455</v>
      </c>
      <c r="F20240" s="1" t="s">
        <v>72456</v>
      </c>
      <c r="G20240" s="1" t="s">
        <v>72424</v>
      </c>
      <c r="H20240" s="1" t="s">
        <v>72425</v>
      </c>
      <c r="I20240" s="1" t="s">
        <v>70634</v>
      </c>
      <c r="J20240" s="1" t="s">
        <v>72457</v>
      </c>
    </row>
    <row r="20241" spans="1:10" x14ac:dyDescent="0.35">
      <c r="A20241" s="1" t="s">
        <v>72420</v>
      </c>
      <c r="B20241" s="1" t="s">
        <v>70629</v>
      </c>
      <c r="C20241" s="1" t="s">
        <v>60</v>
      </c>
      <c r="D20241" s="1" t="s">
        <v>38630</v>
      </c>
      <c r="E20241" s="1" t="s">
        <v>72458</v>
      </c>
      <c r="F20241" s="1" t="s">
        <v>72459</v>
      </c>
      <c r="G20241" s="1" t="s">
        <v>72424</v>
      </c>
      <c r="H20241" s="1" t="s">
        <v>72425</v>
      </c>
      <c r="I20241" s="1" t="s">
        <v>70634</v>
      </c>
      <c r="J20241" s="1" t="s">
        <v>72460</v>
      </c>
    </row>
    <row r="20242" spans="1:10" x14ac:dyDescent="0.35">
      <c r="A20242" s="1" t="s">
        <v>72420</v>
      </c>
      <c r="B20242" s="1" t="s">
        <v>70629</v>
      </c>
      <c r="C20242" s="1" t="s">
        <v>65</v>
      </c>
      <c r="D20242" s="1" t="s">
        <v>31128</v>
      </c>
      <c r="E20242" s="1" t="s">
        <v>72461</v>
      </c>
      <c r="F20242" s="1" t="s">
        <v>72462</v>
      </c>
      <c r="G20242" s="1" t="s">
        <v>72424</v>
      </c>
      <c r="H20242" s="1" t="s">
        <v>72425</v>
      </c>
      <c r="I20242" s="1" t="s">
        <v>70634</v>
      </c>
      <c r="J20242" s="1" t="s">
        <v>72463</v>
      </c>
    </row>
    <row r="20243" spans="1:10" x14ac:dyDescent="0.35">
      <c r="A20243" s="1" t="s">
        <v>72420</v>
      </c>
      <c r="B20243" s="1" t="s">
        <v>70629</v>
      </c>
      <c r="C20243" s="1" t="s">
        <v>70</v>
      </c>
      <c r="D20243" s="1" t="s">
        <v>46261</v>
      </c>
      <c r="E20243" s="1" t="s">
        <v>72464</v>
      </c>
      <c r="F20243" s="1" t="s">
        <v>72465</v>
      </c>
      <c r="G20243" s="1" t="s">
        <v>72424</v>
      </c>
      <c r="H20243" s="1" t="s">
        <v>72425</v>
      </c>
      <c r="I20243" s="1" t="s">
        <v>70634</v>
      </c>
      <c r="J20243" s="1" t="s">
        <v>72466</v>
      </c>
    </row>
    <row r="20244" spans="1:10" x14ac:dyDescent="0.35">
      <c r="A20244" s="1" t="s">
        <v>72420</v>
      </c>
      <c r="B20244" s="1" t="s">
        <v>70629</v>
      </c>
      <c r="C20244" s="1" t="s">
        <v>75</v>
      </c>
      <c r="D20244" s="1" t="s">
        <v>71946</v>
      </c>
      <c r="E20244" s="1" t="s">
        <v>72467</v>
      </c>
      <c r="F20244" s="1" t="s">
        <v>72468</v>
      </c>
      <c r="G20244" s="1" t="s">
        <v>72424</v>
      </c>
      <c r="H20244" s="1" t="s">
        <v>72425</v>
      </c>
      <c r="I20244" s="1" t="s">
        <v>70634</v>
      </c>
      <c r="J20244" s="1" t="s">
        <v>72469</v>
      </c>
    </row>
    <row r="20245" spans="1:10" x14ac:dyDescent="0.35">
      <c r="A20245" s="1" t="s">
        <v>72420</v>
      </c>
      <c r="B20245" s="1" t="s">
        <v>70629</v>
      </c>
      <c r="C20245" s="1" t="s">
        <v>80</v>
      </c>
      <c r="D20245" s="1" t="s">
        <v>72348</v>
      </c>
      <c r="E20245" s="1" t="s">
        <v>72470</v>
      </c>
      <c r="F20245" s="1" t="s">
        <v>72471</v>
      </c>
      <c r="G20245" s="1" t="s">
        <v>72424</v>
      </c>
      <c r="H20245" s="1" t="s">
        <v>72425</v>
      </c>
      <c r="I20245" s="1" t="s">
        <v>70634</v>
      </c>
      <c r="J20245" s="1" t="s">
        <v>1331</v>
      </c>
    </row>
    <row r="20246" spans="1:10" x14ac:dyDescent="0.35">
      <c r="A20246" s="1" t="s">
        <v>72420</v>
      </c>
      <c r="B20246" s="1" t="s">
        <v>70629</v>
      </c>
      <c r="C20246" s="1" t="s">
        <v>85</v>
      </c>
      <c r="D20246" s="1" t="s">
        <v>72472</v>
      </c>
      <c r="E20246" s="1" t="s">
        <v>72473</v>
      </c>
      <c r="F20246" s="1" t="s">
        <v>72474</v>
      </c>
      <c r="G20246" s="1" t="s">
        <v>72424</v>
      </c>
      <c r="H20246" s="1" t="s">
        <v>72425</v>
      </c>
      <c r="I20246" s="1" t="s">
        <v>70634</v>
      </c>
      <c r="J20246" s="1" t="s">
        <v>72475</v>
      </c>
    </row>
    <row r="20247" spans="1:10" x14ac:dyDescent="0.35">
      <c r="A20247" s="1" t="s">
        <v>72420</v>
      </c>
      <c r="B20247" s="1" t="s">
        <v>70629</v>
      </c>
      <c r="C20247" s="1" t="s">
        <v>90</v>
      </c>
      <c r="D20247" s="1" t="s">
        <v>33937</v>
      </c>
      <c r="E20247" s="1" t="s">
        <v>72476</v>
      </c>
      <c r="F20247" s="1" t="s">
        <v>72477</v>
      </c>
      <c r="G20247" s="1" t="s">
        <v>72424</v>
      </c>
      <c r="H20247" s="1" t="s">
        <v>72425</v>
      </c>
      <c r="I20247" s="1" t="s">
        <v>70634</v>
      </c>
      <c r="J20247" s="1" t="s">
        <v>72478</v>
      </c>
    </row>
    <row r="20248" spans="1:10" x14ac:dyDescent="0.35">
      <c r="A20248" s="1" t="s">
        <v>72420</v>
      </c>
      <c r="B20248" s="1" t="s">
        <v>70629</v>
      </c>
      <c r="C20248" s="1" t="s">
        <v>95</v>
      </c>
      <c r="D20248" s="1" t="s">
        <v>72479</v>
      </c>
      <c r="E20248" s="1" t="s">
        <v>72480</v>
      </c>
      <c r="F20248" s="1" t="s">
        <v>72481</v>
      </c>
      <c r="G20248" s="1" t="s">
        <v>72424</v>
      </c>
      <c r="H20248" s="1" t="s">
        <v>72425</v>
      </c>
      <c r="I20248" s="1" t="s">
        <v>70634</v>
      </c>
      <c r="J20248" s="1" t="s">
        <v>72482</v>
      </c>
    </row>
    <row r="20249" spans="1:10" x14ac:dyDescent="0.35">
      <c r="A20249" s="1" t="s">
        <v>72420</v>
      </c>
      <c r="B20249" s="1" t="s">
        <v>70629</v>
      </c>
      <c r="C20249" s="1" t="s">
        <v>100</v>
      </c>
      <c r="D20249" s="1" t="s">
        <v>72483</v>
      </c>
      <c r="E20249" s="1" t="s">
        <v>72484</v>
      </c>
      <c r="F20249" s="1" t="s">
        <v>72485</v>
      </c>
      <c r="G20249" s="1" t="s">
        <v>72424</v>
      </c>
      <c r="H20249" s="1" t="s">
        <v>72425</v>
      </c>
      <c r="I20249" s="1" t="s">
        <v>70634</v>
      </c>
      <c r="J20249" s="1" t="s">
        <v>72486</v>
      </c>
    </row>
    <row r="20250" spans="1:10" x14ac:dyDescent="0.35">
      <c r="A20250" s="1" t="s">
        <v>72420</v>
      </c>
      <c r="B20250" s="1" t="s">
        <v>70629</v>
      </c>
      <c r="C20250" s="1" t="s">
        <v>105</v>
      </c>
      <c r="D20250" s="1" t="s">
        <v>72487</v>
      </c>
      <c r="E20250" s="1" t="s">
        <v>72488</v>
      </c>
      <c r="F20250" s="1" t="s">
        <v>72489</v>
      </c>
      <c r="G20250" s="1" t="s">
        <v>72424</v>
      </c>
      <c r="H20250" s="1" t="s">
        <v>72425</v>
      </c>
      <c r="I20250" s="1" t="s">
        <v>70634</v>
      </c>
      <c r="J20250" s="1" t="s">
        <v>72490</v>
      </c>
    </row>
    <row r="20251" spans="1:10" x14ac:dyDescent="0.35">
      <c r="A20251" s="1" t="s">
        <v>72420</v>
      </c>
      <c r="B20251" s="1" t="s">
        <v>70629</v>
      </c>
      <c r="C20251" s="1" t="s">
        <v>110</v>
      </c>
      <c r="D20251" s="1" t="s">
        <v>72491</v>
      </c>
      <c r="E20251" s="1" t="s">
        <v>72492</v>
      </c>
      <c r="F20251" s="1" t="s">
        <v>72493</v>
      </c>
      <c r="G20251" s="1" t="s">
        <v>72424</v>
      </c>
      <c r="H20251" s="1" t="s">
        <v>72425</v>
      </c>
      <c r="I20251" s="1" t="s">
        <v>70634</v>
      </c>
      <c r="J20251" s="1" t="s">
        <v>72494</v>
      </c>
    </row>
    <row r="20252" spans="1:10" x14ac:dyDescent="0.35">
      <c r="A20252" s="1" t="s">
        <v>72420</v>
      </c>
      <c r="B20252" s="1" t="s">
        <v>70629</v>
      </c>
      <c r="C20252" s="1" t="s">
        <v>115</v>
      </c>
      <c r="D20252" s="1" t="s">
        <v>72495</v>
      </c>
      <c r="E20252" s="1" t="s">
        <v>72496</v>
      </c>
      <c r="F20252" s="1" t="s">
        <v>72497</v>
      </c>
      <c r="G20252" s="1" t="s">
        <v>72424</v>
      </c>
      <c r="H20252" s="1" t="s">
        <v>72425</v>
      </c>
      <c r="I20252" s="1" t="s">
        <v>70634</v>
      </c>
      <c r="J20252" s="1" t="s">
        <v>72498</v>
      </c>
    </row>
    <row r="20253" spans="1:10" x14ac:dyDescent="0.35">
      <c r="A20253" s="1" t="s">
        <v>72420</v>
      </c>
      <c r="B20253" s="1" t="s">
        <v>70629</v>
      </c>
      <c r="C20253" s="1" t="s">
        <v>120</v>
      </c>
      <c r="D20253" s="1" t="s">
        <v>8777</v>
      </c>
      <c r="E20253" s="1" t="s">
        <v>72499</v>
      </c>
      <c r="F20253" s="1" t="s">
        <v>72500</v>
      </c>
      <c r="G20253" s="1" t="s">
        <v>72424</v>
      </c>
      <c r="H20253" s="1" t="s">
        <v>72425</v>
      </c>
      <c r="I20253" s="1" t="s">
        <v>70634</v>
      </c>
      <c r="J20253" s="1" t="s">
        <v>72501</v>
      </c>
    </row>
    <row r="20254" spans="1:10" x14ac:dyDescent="0.35">
      <c r="A20254" s="1" t="s">
        <v>72420</v>
      </c>
      <c r="B20254" s="1" t="s">
        <v>70629</v>
      </c>
      <c r="C20254" s="1" t="s">
        <v>125</v>
      </c>
      <c r="D20254" s="1" t="s">
        <v>38541</v>
      </c>
      <c r="E20254" s="1" t="s">
        <v>72502</v>
      </c>
      <c r="F20254" s="1" t="s">
        <v>72503</v>
      </c>
      <c r="G20254" s="1" t="s">
        <v>72424</v>
      </c>
      <c r="H20254" s="1" t="s">
        <v>72425</v>
      </c>
      <c r="I20254" s="1" t="s">
        <v>70634</v>
      </c>
      <c r="J20254" s="1" t="s">
        <v>72504</v>
      </c>
    </row>
    <row r="20255" spans="1:10" x14ac:dyDescent="0.35">
      <c r="A20255" s="1" t="s">
        <v>72420</v>
      </c>
      <c r="B20255" s="1" t="s">
        <v>70629</v>
      </c>
      <c r="C20255" s="1" t="s">
        <v>130</v>
      </c>
      <c r="D20255" s="1" t="s">
        <v>72505</v>
      </c>
      <c r="E20255" s="1" t="s">
        <v>72506</v>
      </c>
      <c r="F20255" s="1" t="s">
        <v>72507</v>
      </c>
      <c r="G20255" s="1" t="s">
        <v>72424</v>
      </c>
      <c r="H20255" s="1" t="s">
        <v>72425</v>
      </c>
      <c r="I20255" s="1" t="s">
        <v>70634</v>
      </c>
      <c r="J20255" s="1" t="s">
        <v>72508</v>
      </c>
    </row>
    <row r="20256" spans="1:10" x14ac:dyDescent="0.35">
      <c r="A20256" s="1" t="s">
        <v>72420</v>
      </c>
      <c r="B20256" s="1" t="s">
        <v>70629</v>
      </c>
      <c r="C20256" s="1" t="s">
        <v>135</v>
      </c>
      <c r="D20256" s="1" t="s">
        <v>72509</v>
      </c>
      <c r="E20256" s="1" t="s">
        <v>72510</v>
      </c>
      <c r="F20256" s="1" t="s">
        <v>72511</v>
      </c>
      <c r="G20256" s="1" t="s">
        <v>72424</v>
      </c>
      <c r="H20256" s="1" t="s">
        <v>72425</v>
      </c>
      <c r="I20256" s="1" t="s">
        <v>70634</v>
      </c>
      <c r="J20256" s="1" t="s">
        <v>72512</v>
      </c>
    </row>
    <row r="20257" spans="1:10" x14ac:dyDescent="0.35">
      <c r="A20257" s="1" t="s">
        <v>72420</v>
      </c>
      <c r="B20257" s="1" t="s">
        <v>70629</v>
      </c>
      <c r="C20257" s="1" t="s">
        <v>140</v>
      </c>
      <c r="D20257" s="1" t="s">
        <v>48720</v>
      </c>
      <c r="E20257" s="1" t="s">
        <v>72513</v>
      </c>
      <c r="F20257" s="1" t="s">
        <v>72514</v>
      </c>
      <c r="G20257" s="1" t="s">
        <v>72424</v>
      </c>
      <c r="H20257" s="1" t="s">
        <v>72425</v>
      </c>
      <c r="I20257" s="1" t="s">
        <v>70634</v>
      </c>
      <c r="J20257" s="1" t="s">
        <v>72515</v>
      </c>
    </row>
    <row r="20258" spans="1:10" x14ac:dyDescent="0.35">
      <c r="A20258" s="1" t="s">
        <v>72420</v>
      </c>
      <c r="B20258" s="1" t="s">
        <v>70629</v>
      </c>
      <c r="C20258" s="1" t="s">
        <v>145</v>
      </c>
      <c r="D20258" s="1" t="s">
        <v>72516</v>
      </c>
      <c r="E20258" s="1" t="s">
        <v>72517</v>
      </c>
      <c r="F20258" s="1" t="s">
        <v>72518</v>
      </c>
      <c r="G20258" s="1" t="s">
        <v>72424</v>
      </c>
      <c r="H20258" s="1" t="s">
        <v>72425</v>
      </c>
      <c r="I20258" s="1" t="s">
        <v>70634</v>
      </c>
      <c r="J20258" s="1" t="s">
        <v>72519</v>
      </c>
    </row>
    <row r="20259" spans="1:10" x14ac:dyDescent="0.35">
      <c r="A20259" s="1" t="s">
        <v>72420</v>
      </c>
      <c r="B20259" s="1" t="s">
        <v>70629</v>
      </c>
      <c r="C20259" s="1" t="s">
        <v>150</v>
      </c>
      <c r="D20259" s="1" t="s">
        <v>71092</v>
      </c>
      <c r="E20259" s="1" t="s">
        <v>72520</v>
      </c>
      <c r="F20259" s="1" t="s">
        <v>72521</v>
      </c>
      <c r="G20259" s="1" t="s">
        <v>72424</v>
      </c>
      <c r="H20259" s="1" t="s">
        <v>72425</v>
      </c>
      <c r="I20259" s="1" t="s">
        <v>70634</v>
      </c>
      <c r="J20259" s="1" t="s">
        <v>72522</v>
      </c>
    </row>
    <row r="20260" spans="1:10" x14ac:dyDescent="0.35">
      <c r="A20260" s="1" t="s">
        <v>72420</v>
      </c>
      <c r="B20260" s="1" t="s">
        <v>70629</v>
      </c>
      <c r="C20260" s="1" t="s">
        <v>155</v>
      </c>
      <c r="D20260" s="1" t="s">
        <v>72523</v>
      </c>
      <c r="E20260" s="1" t="s">
        <v>72524</v>
      </c>
      <c r="F20260" s="1" t="s">
        <v>72525</v>
      </c>
      <c r="G20260" s="1" t="s">
        <v>72424</v>
      </c>
      <c r="H20260" s="1" t="s">
        <v>72425</v>
      </c>
      <c r="I20260" s="1" t="s">
        <v>70634</v>
      </c>
      <c r="J20260" s="1" t="s">
        <v>72526</v>
      </c>
    </row>
    <row r="20261" spans="1:10" x14ac:dyDescent="0.35">
      <c r="A20261" s="1" t="s">
        <v>72420</v>
      </c>
      <c r="B20261" s="1" t="s">
        <v>70629</v>
      </c>
      <c r="C20261" s="1" t="s">
        <v>160</v>
      </c>
      <c r="D20261" s="1" t="s">
        <v>72527</v>
      </c>
      <c r="E20261" s="1" t="s">
        <v>72528</v>
      </c>
      <c r="F20261" s="1" t="s">
        <v>72529</v>
      </c>
      <c r="G20261" s="1" t="s">
        <v>72424</v>
      </c>
      <c r="H20261" s="1" t="s">
        <v>72425</v>
      </c>
      <c r="I20261" s="1" t="s">
        <v>70634</v>
      </c>
      <c r="J20261" s="1" t="s">
        <v>72530</v>
      </c>
    </row>
    <row r="20262" spans="1:10" x14ac:dyDescent="0.35">
      <c r="A20262" s="1" t="s">
        <v>72420</v>
      </c>
      <c r="B20262" s="1" t="s">
        <v>70629</v>
      </c>
      <c r="C20262" s="1" t="s">
        <v>165</v>
      </c>
      <c r="D20262" s="1" t="s">
        <v>72531</v>
      </c>
      <c r="E20262" s="1" t="s">
        <v>72532</v>
      </c>
      <c r="F20262" s="1" t="s">
        <v>72533</v>
      </c>
      <c r="G20262" s="1" t="s">
        <v>72424</v>
      </c>
      <c r="H20262" s="1" t="s">
        <v>72425</v>
      </c>
      <c r="I20262" s="1" t="s">
        <v>70634</v>
      </c>
      <c r="J20262" s="1" t="s">
        <v>72534</v>
      </c>
    </row>
    <row r="20263" spans="1:10" x14ac:dyDescent="0.35">
      <c r="A20263" s="1" t="s">
        <v>72420</v>
      </c>
      <c r="B20263" s="1" t="s">
        <v>70629</v>
      </c>
      <c r="C20263" s="1" t="s">
        <v>170</v>
      </c>
      <c r="D20263" s="1" t="s">
        <v>47435</v>
      </c>
      <c r="E20263" s="1" t="s">
        <v>72535</v>
      </c>
      <c r="F20263" s="1" t="s">
        <v>72536</v>
      </c>
      <c r="G20263" s="1" t="s">
        <v>72424</v>
      </c>
      <c r="H20263" s="1" t="s">
        <v>72425</v>
      </c>
      <c r="I20263" s="1" t="s">
        <v>70634</v>
      </c>
      <c r="J20263" s="1" t="s">
        <v>72537</v>
      </c>
    </row>
    <row r="20264" spans="1:10" x14ac:dyDescent="0.35">
      <c r="A20264" s="1" t="s">
        <v>3545</v>
      </c>
      <c r="B20264" s="1" t="s">
        <v>70629</v>
      </c>
      <c r="C20264" s="1" t="s">
        <v>8</v>
      </c>
      <c r="D20264" s="1" t="s">
        <v>72538</v>
      </c>
      <c r="E20264" s="1" t="s">
        <v>72539</v>
      </c>
      <c r="F20264" s="1" t="s">
        <v>72540</v>
      </c>
      <c r="G20264" s="1" t="s">
        <v>72541</v>
      </c>
      <c r="H20264" s="1" t="s">
        <v>72542</v>
      </c>
      <c r="I20264" s="1" t="s">
        <v>70634</v>
      </c>
      <c r="J20264" s="1" t="s">
        <v>13</v>
      </c>
    </row>
    <row r="20265" spans="1:10" x14ac:dyDescent="0.35">
      <c r="A20265" s="1" t="s">
        <v>3545</v>
      </c>
      <c r="B20265" s="1" t="s">
        <v>70629</v>
      </c>
      <c r="C20265" s="1" t="s">
        <v>15</v>
      </c>
      <c r="D20265" s="1" t="s">
        <v>72543</v>
      </c>
      <c r="E20265" s="1" t="s">
        <v>72544</v>
      </c>
      <c r="F20265" s="1" t="s">
        <v>72545</v>
      </c>
      <c r="G20265" s="1" t="s">
        <v>72541</v>
      </c>
      <c r="H20265" s="1" t="s">
        <v>72542</v>
      </c>
      <c r="I20265" s="1" t="s">
        <v>70634</v>
      </c>
      <c r="J20265" s="1" t="s">
        <v>72546</v>
      </c>
    </row>
    <row r="20266" spans="1:10" x14ac:dyDescent="0.35">
      <c r="A20266" s="1" t="s">
        <v>3545</v>
      </c>
      <c r="B20266" s="1" t="s">
        <v>70629</v>
      </c>
      <c r="C20266" s="1" t="s">
        <v>20</v>
      </c>
      <c r="D20266" s="1" t="s">
        <v>72547</v>
      </c>
      <c r="E20266" s="1" t="s">
        <v>72548</v>
      </c>
      <c r="F20266" s="1" t="s">
        <v>72549</v>
      </c>
      <c r="G20266" s="1" t="s">
        <v>72541</v>
      </c>
      <c r="H20266" s="1" t="s">
        <v>72542</v>
      </c>
      <c r="I20266" s="1" t="s">
        <v>70634</v>
      </c>
      <c r="J20266" s="1" t="s">
        <v>72550</v>
      </c>
    </row>
    <row r="20267" spans="1:10" x14ac:dyDescent="0.35">
      <c r="A20267" s="1" t="s">
        <v>3545</v>
      </c>
      <c r="B20267" s="1" t="s">
        <v>70629</v>
      </c>
      <c r="C20267" s="1" t="s">
        <v>25</v>
      </c>
      <c r="D20267" s="1" t="s">
        <v>71323</v>
      </c>
      <c r="E20267" s="1" t="s">
        <v>72551</v>
      </c>
      <c r="F20267" s="1" t="s">
        <v>72552</v>
      </c>
      <c r="G20267" s="1" t="s">
        <v>72541</v>
      </c>
      <c r="H20267" s="1" t="s">
        <v>72542</v>
      </c>
      <c r="I20267" s="1" t="s">
        <v>70634</v>
      </c>
      <c r="J20267" s="1" t="s">
        <v>72553</v>
      </c>
    </row>
    <row r="20268" spans="1:10" x14ac:dyDescent="0.35">
      <c r="A20268" s="1" t="s">
        <v>3545</v>
      </c>
      <c r="B20268" s="1" t="s">
        <v>70629</v>
      </c>
      <c r="C20268" s="1" t="s">
        <v>30</v>
      </c>
      <c r="D20268" s="1" t="s">
        <v>72554</v>
      </c>
      <c r="E20268" s="1" t="s">
        <v>72555</v>
      </c>
      <c r="F20268" s="1" t="s">
        <v>72556</v>
      </c>
      <c r="G20268" s="1" t="s">
        <v>72541</v>
      </c>
      <c r="H20268" s="1" t="s">
        <v>72542</v>
      </c>
      <c r="I20268" s="1" t="s">
        <v>70634</v>
      </c>
      <c r="J20268" s="1" t="s">
        <v>72557</v>
      </c>
    </row>
    <row r="20269" spans="1:10" x14ac:dyDescent="0.35">
      <c r="A20269" s="1" t="s">
        <v>3545</v>
      </c>
      <c r="B20269" s="1" t="s">
        <v>70629</v>
      </c>
      <c r="C20269" s="1" t="s">
        <v>35</v>
      </c>
      <c r="D20269" s="1" t="s">
        <v>10788</v>
      </c>
      <c r="E20269" s="1" t="s">
        <v>72558</v>
      </c>
      <c r="F20269" s="1" t="s">
        <v>72559</v>
      </c>
      <c r="G20269" s="1" t="s">
        <v>72541</v>
      </c>
      <c r="H20269" s="1" t="s">
        <v>72542</v>
      </c>
      <c r="I20269" s="1" t="s">
        <v>70634</v>
      </c>
      <c r="J20269" s="1" t="s">
        <v>72560</v>
      </c>
    </row>
    <row r="20270" spans="1:10" x14ac:dyDescent="0.35">
      <c r="A20270" s="1" t="s">
        <v>3545</v>
      </c>
      <c r="B20270" s="1" t="s">
        <v>70629</v>
      </c>
      <c r="C20270" s="1" t="s">
        <v>40</v>
      </c>
      <c r="D20270" s="1" t="s">
        <v>72561</v>
      </c>
      <c r="E20270" s="1" t="s">
        <v>72562</v>
      </c>
      <c r="F20270" s="1" t="s">
        <v>72563</v>
      </c>
      <c r="G20270" s="1" t="s">
        <v>72541</v>
      </c>
      <c r="H20270" s="1" t="s">
        <v>72542</v>
      </c>
      <c r="I20270" s="1" t="s">
        <v>70634</v>
      </c>
      <c r="J20270" s="1" t="s">
        <v>72564</v>
      </c>
    </row>
    <row r="20271" spans="1:10" x14ac:dyDescent="0.35">
      <c r="A20271" s="1" t="s">
        <v>3545</v>
      </c>
      <c r="B20271" s="1" t="s">
        <v>70629</v>
      </c>
      <c r="C20271" s="1" t="s">
        <v>45</v>
      </c>
      <c r="D20271" s="1" t="s">
        <v>72565</v>
      </c>
      <c r="E20271" s="1" t="s">
        <v>72566</v>
      </c>
      <c r="F20271" s="1" t="s">
        <v>72567</v>
      </c>
      <c r="G20271" s="1" t="s">
        <v>72541</v>
      </c>
      <c r="H20271" s="1" t="s">
        <v>72542</v>
      </c>
      <c r="I20271" s="1" t="s">
        <v>70634</v>
      </c>
      <c r="J20271" s="1" t="s">
        <v>72568</v>
      </c>
    </row>
    <row r="20272" spans="1:10" x14ac:dyDescent="0.35">
      <c r="A20272" s="1" t="s">
        <v>3545</v>
      </c>
      <c r="B20272" s="1" t="s">
        <v>70629</v>
      </c>
      <c r="C20272" s="1" t="s">
        <v>50</v>
      </c>
      <c r="D20272" s="1" t="s">
        <v>37084</v>
      </c>
      <c r="E20272" s="1" t="s">
        <v>72569</v>
      </c>
      <c r="F20272" s="1" t="s">
        <v>72570</v>
      </c>
      <c r="G20272" s="1" t="s">
        <v>72541</v>
      </c>
      <c r="H20272" s="1" t="s">
        <v>72542</v>
      </c>
      <c r="I20272" s="1" t="s">
        <v>70634</v>
      </c>
      <c r="J20272" s="1" t="s">
        <v>72571</v>
      </c>
    </row>
    <row r="20273" spans="1:10" x14ac:dyDescent="0.35">
      <c r="A20273" s="1" t="s">
        <v>3545</v>
      </c>
      <c r="B20273" s="1" t="s">
        <v>70629</v>
      </c>
      <c r="C20273" s="1" t="s">
        <v>55</v>
      </c>
      <c r="D20273" s="1" t="s">
        <v>72572</v>
      </c>
      <c r="E20273" s="1" t="s">
        <v>72573</v>
      </c>
      <c r="F20273" s="1" t="s">
        <v>72574</v>
      </c>
      <c r="G20273" s="1" t="s">
        <v>72541</v>
      </c>
      <c r="H20273" s="1" t="s">
        <v>72542</v>
      </c>
      <c r="I20273" s="1" t="s">
        <v>70634</v>
      </c>
      <c r="J20273" s="1" t="s">
        <v>72575</v>
      </c>
    </row>
    <row r="20274" spans="1:10" x14ac:dyDescent="0.35">
      <c r="A20274" s="1" t="s">
        <v>3545</v>
      </c>
      <c r="B20274" s="1" t="s">
        <v>70629</v>
      </c>
      <c r="C20274" s="1" t="s">
        <v>60</v>
      </c>
      <c r="D20274" s="1" t="s">
        <v>15435</v>
      </c>
      <c r="E20274" s="1" t="s">
        <v>72576</v>
      </c>
      <c r="F20274" s="1" t="s">
        <v>72577</v>
      </c>
      <c r="G20274" s="1" t="s">
        <v>72541</v>
      </c>
      <c r="H20274" s="1" t="s">
        <v>72542</v>
      </c>
      <c r="I20274" s="1" t="s">
        <v>70634</v>
      </c>
      <c r="J20274" s="1" t="s">
        <v>72578</v>
      </c>
    </row>
    <row r="20275" spans="1:10" x14ac:dyDescent="0.35">
      <c r="A20275" s="1" t="s">
        <v>3545</v>
      </c>
      <c r="B20275" s="1" t="s">
        <v>70629</v>
      </c>
      <c r="C20275" s="1" t="s">
        <v>65</v>
      </c>
      <c r="D20275" s="1" t="s">
        <v>72579</v>
      </c>
      <c r="E20275" s="1" t="s">
        <v>72580</v>
      </c>
      <c r="F20275" s="1" t="s">
        <v>72581</v>
      </c>
      <c r="G20275" s="1" t="s">
        <v>72541</v>
      </c>
      <c r="H20275" s="1" t="s">
        <v>72542</v>
      </c>
      <c r="I20275" s="1" t="s">
        <v>70634</v>
      </c>
      <c r="J20275" s="1" t="s">
        <v>72582</v>
      </c>
    </row>
    <row r="20276" spans="1:10" x14ac:dyDescent="0.35">
      <c r="A20276" s="1" t="s">
        <v>3545</v>
      </c>
      <c r="B20276" s="1" t="s">
        <v>70629</v>
      </c>
      <c r="C20276" s="1" t="s">
        <v>70</v>
      </c>
      <c r="D20276" s="1" t="s">
        <v>72583</v>
      </c>
      <c r="E20276" s="1" t="s">
        <v>72584</v>
      </c>
      <c r="F20276" s="1" t="s">
        <v>72585</v>
      </c>
      <c r="G20276" s="1" t="s">
        <v>72541</v>
      </c>
      <c r="H20276" s="1" t="s">
        <v>72542</v>
      </c>
      <c r="I20276" s="1" t="s">
        <v>70634</v>
      </c>
      <c r="J20276" s="1" t="s">
        <v>72586</v>
      </c>
    </row>
    <row r="20277" spans="1:10" x14ac:dyDescent="0.35">
      <c r="A20277" s="1" t="s">
        <v>3545</v>
      </c>
      <c r="B20277" s="1" t="s">
        <v>70629</v>
      </c>
      <c r="C20277" s="1" t="s">
        <v>75</v>
      </c>
      <c r="D20277" s="1" t="s">
        <v>72587</v>
      </c>
      <c r="E20277" s="1" t="s">
        <v>72588</v>
      </c>
      <c r="F20277" s="1" t="s">
        <v>72589</v>
      </c>
      <c r="G20277" s="1" t="s">
        <v>72541</v>
      </c>
      <c r="H20277" s="1" t="s">
        <v>72542</v>
      </c>
      <c r="I20277" s="1" t="s">
        <v>70634</v>
      </c>
      <c r="J20277" s="1" t="s">
        <v>72590</v>
      </c>
    </row>
    <row r="20278" spans="1:10" x14ac:dyDescent="0.35">
      <c r="A20278" s="1" t="s">
        <v>3545</v>
      </c>
      <c r="B20278" s="1" t="s">
        <v>70629</v>
      </c>
      <c r="C20278" s="1" t="s">
        <v>80</v>
      </c>
      <c r="D20278" s="1" t="s">
        <v>31181</v>
      </c>
      <c r="E20278" s="1" t="s">
        <v>72591</v>
      </c>
      <c r="F20278" s="1" t="s">
        <v>72592</v>
      </c>
      <c r="G20278" s="1" t="s">
        <v>72541</v>
      </c>
      <c r="H20278" s="1" t="s">
        <v>72542</v>
      </c>
      <c r="I20278" s="1" t="s">
        <v>70634</v>
      </c>
      <c r="J20278" s="1" t="s">
        <v>72593</v>
      </c>
    </row>
    <row r="20279" spans="1:10" x14ac:dyDescent="0.35">
      <c r="A20279" s="1" t="s">
        <v>3545</v>
      </c>
      <c r="B20279" s="1" t="s">
        <v>70629</v>
      </c>
      <c r="C20279" s="1" t="s">
        <v>85</v>
      </c>
      <c r="D20279" s="1" t="s">
        <v>72594</v>
      </c>
      <c r="E20279" s="1" t="s">
        <v>72595</v>
      </c>
      <c r="F20279" s="1" t="s">
        <v>72596</v>
      </c>
      <c r="G20279" s="1" t="s">
        <v>72541</v>
      </c>
      <c r="H20279" s="1" t="s">
        <v>72542</v>
      </c>
      <c r="I20279" s="1" t="s">
        <v>70634</v>
      </c>
      <c r="J20279" s="1" t="s">
        <v>72597</v>
      </c>
    </row>
    <row r="20280" spans="1:10" x14ac:dyDescent="0.35">
      <c r="A20280" s="1" t="s">
        <v>3545</v>
      </c>
      <c r="B20280" s="1" t="s">
        <v>70629</v>
      </c>
      <c r="C20280" s="1" t="s">
        <v>90</v>
      </c>
      <c r="D20280" s="1" t="s">
        <v>72598</v>
      </c>
      <c r="E20280" s="1" t="s">
        <v>72599</v>
      </c>
      <c r="F20280" s="1" t="s">
        <v>72600</v>
      </c>
      <c r="G20280" s="1" t="s">
        <v>72541</v>
      </c>
      <c r="H20280" s="1" t="s">
        <v>72542</v>
      </c>
      <c r="I20280" s="1" t="s">
        <v>70634</v>
      </c>
      <c r="J20280" s="1" t="s">
        <v>72601</v>
      </c>
    </row>
    <row r="20281" spans="1:10" x14ac:dyDescent="0.35">
      <c r="A20281" s="1" t="s">
        <v>3545</v>
      </c>
      <c r="B20281" s="1" t="s">
        <v>70629</v>
      </c>
      <c r="C20281" s="1" t="s">
        <v>95</v>
      </c>
      <c r="D20281" s="1" t="s">
        <v>72602</v>
      </c>
      <c r="E20281" s="1" t="s">
        <v>72603</v>
      </c>
      <c r="F20281" s="1" t="s">
        <v>72604</v>
      </c>
      <c r="G20281" s="1" t="s">
        <v>72541</v>
      </c>
      <c r="H20281" s="1" t="s">
        <v>72542</v>
      </c>
      <c r="I20281" s="1" t="s">
        <v>70634</v>
      </c>
      <c r="J20281" s="1" t="s">
        <v>72605</v>
      </c>
    </row>
    <row r="20282" spans="1:10" x14ac:dyDescent="0.35">
      <c r="A20282" s="1" t="s">
        <v>3545</v>
      </c>
      <c r="B20282" s="1" t="s">
        <v>70629</v>
      </c>
      <c r="C20282" s="1" t="s">
        <v>100</v>
      </c>
      <c r="D20282" s="1" t="s">
        <v>72606</v>
      </c>
      <c r="E20282" s="1" t="s">
        <v>72607</v>
      </c>
      <c r="F20282" s="1" t="s">
        <v>72608</v>
      </c>
      <c r="G20282" s="1" t="s">
        <v>72541</v>
      </c>
      <c r="H20282" s="1" t="s">
        <v>72542</v>
      </c>
      <c r="I20282" s="1" t="s">
        <v>70634</v>
      </c>
      <c r="J20282" s="1" t="s">
        <v>72609</v>
      </c>
    </row>
    <row r="20283" spans="1:10" x14ac:dyDescent="0.35">
      <c r="A20283" s="1" t="s">
        <v>3545</v>
      </c>
      <c r="B20283" s="1" t="s">
        <v>70629</v>
      </c>
      <c r="C20283" s="1" t="s">
        <v>105</v>
      </c>
      <c r="D20283" s="1" t="s">
        <v>13303</v>
      </c>
      <c r="E20283" s="1" t="s">
        <v>72610</v>
      </c>
      <c r="F20283" s="1" t="s">
        <v>72611</v>
      </c>
      <c r="G20283" s="1" t="s">
        <v>72541</v>
      </c>
      <c r="H20283" s="1" t="s">
        <v>72542</v>
      </c>
      <c r="I20283" s="1" t="s">
        <v>70634</v>
      </c>
      <c r="J20283" s="1" t="s">
        <v>72612</v>
      </c>
    </row>
    <row r="20284" spans="1:10" x14ac:dyDescent="0.35">
      <c r="A20284" s="1" t="s">
        <v>3545</v>
      </c>
      <c r="B20284" s="1" t="s">
        <v>70629</v>
      </c>
      <c r="C20284" s="1" t="s">
        <v>110</v>
      </c>
      <c r="D20284" s="1" t="s">
        <v>72613</v>
      </c>
      <c r="E20284" s="1" t="s">
        <v>72614</v>
      </c>
      <c r="F20284" s="1" t="s">
        <v>72615</v>
      </c>
      <c r="G20284" s="1" t="s">
        <v>72541</v>
      </c>
      <c r="H20284" s="1" t="s">
        <v>72542</v>
      </c>
      <c r="I20284" s="1" t="s">
        <v>70634</v>
      </c>
      <c r="J20284" s="1" t="s">
        <v>72616</v>
      </c>
    </row>
    <row r="20285" spans="1:10" x14ac:dyDescent="0.35">
      <c r="A20285" s="1" t="s">
        <v>3545</v>
      </c>
      <c r="B20285" s="1" t="s">
        <v>70629</v>
      </c>
      <c r="C20285" s="1" t="s">
        <v>115</v>
      </c>
      <c r="D20285" s="1" t="s">
        <v>72617</v>
      </c>
      <c r="E20285" s="1" t="s">
        <v>72618</v>
      </c>
      <c r="F20285" s="1" t="s">
        <v>72619</v>
      </c>
      <c r="G20285" s="1" t="s">
        <v>72541</v>
      </c>
      <c r="H20285" s="1" t="s">
        <v>72542</v>
      </c>
      <c r="I20285" s="1" t="s">
        <v>70634</v>
      </c>
      <c r="J20285" s="1" t="s">
        <v>72620</v>
      </c>
    </row>
    <row r="20286" spans="1:10" x14ac:dyDescent="0.35">
      <c r="A20286" s="1" t="s">
        <v>3545</v>
      </c>
      <c r="B20286" s="1" t="s">
        <v>70629</v>
      </c>
      <c r="C20286" s="1" t="s">
        <v>120</v>
      </c>
      <c r="D20286" s="1" t="s">
        <v>72621</v>
      </c>
      <c r="E20286" s="1" t="s">
        <v>72622</v>
      </c>
      <c r="F20286" s="1" t="s">
        <v>72623</v>
      </c>
      <c r="G20286" s="1" t="s">
        <v>72541</v>
      </c>
      <c r="H20286" s="1" t="s">
        <v>72542</v>
      </c>
      <c r="I20286" s="1" t="s">
        <v>70634</v>
      </c>
      <c r="J20286" s="1" t="s">
        <v>72624</v>
      </c>
    </row>
    <row r="20287" spans="1:10" x14ac:dyDescent="0.35">
      <c r="A20287" s="1" t="s">
        <v>3545</v>
      </c>
      <c r="B20287" s="1" t="s">
        <v>70629</v>
      </c>
      <c r="C20287" s="1" t="s">
        <v>125</v>
      </c>
      <c r="D20287" s="1" t="s">
        <v>18709</v>
      </c>
      <c r="E20287" s="1" t="s">
        <v>72625</v>
      </c>
      <c r="F20287" s="1" t="s">
        <v>72626</v>
      </c>
      <c r="G20287" s="1" t="s">
        <v>72541</v>
      </c>
      <c r="H20287" s="1" t="s">
        <v>72542</v>
      </c>
      <c r="I20287" s="1" t="s">
        <v>70634</v>
      </c>
      <c r="J20287" s="1" t="s">
        <v>72627</v>
      </c>
    </row>
    <row r="20288" spans="1:10" x14ac:dyDescent="0.35">
      <c r="A20288" s="1" t="s">
        <v>3545</v>
      </c>
      <c r="B20288" s="1" t="s">
        <v>70629</v>
      </c>
      <c r="C20288" s="1" t="s">
        <v>130</v>
      </c>
      <c r="D20288" s="1" t="s">
        <v>72628</v>
      </c>
      <c r="E20288" s="1" t="s">
        <v>72629</v>
      </c>
      <c r="F20288" s="1" t="s">
        <v>72630</v>
      </c>
      <c r="G20288" s="1" t="s">
        <v>72541</v>
      </c>
      <c r="H20288" s="1" t="s">
        <v>72542</v>
      </c>
      <c r="I20288" s="1" t="s">
        <v>70634</v>
      </c>
      <c r="J20288" s="1" t="s">
        <v>72631</v>
      </c>
    </row>
    <row r="20289" spans="1:10" x14ac:dyDescent="0.35">
      <c r="A20289" s="1" t="s">
        <v>3545</v>
      </c>
      <c r="B20289" s="1" t="s">
        <v>70629</v>
      </c>
      <c r="C20289" s="1" t="s">
        <v>135</v>
      </c>
      <c r="D20289" s="1" t="s">
        <v>72632</v>
      </c>
      <c r="E20289" s="1" t="s">
        <v>72633</v>
      </c>
      <c r="F20289" s="1" t="s">
        <v>72634</v>
      </c>
      <c r="G20289" s="1" t="s">
        <v>72541</v>
      </c>
      <c r="H20289" s="1" t="s">
        <v>72542</v>
      </c>
      <c r="I20289" s="1" t="s">
        <v>70634</v>
      </c>
      <c r="J20289" s="1" t="s">
        <v>72635</v>
      </c>
    </row>
    <row r="20290" spans="1:10" x14ac:dyDescent="0.35">
      <c r="A20290" s="1" t="s">
        <v>3545</v>
      </c>
      <c r="B20290" s="1" t="s">
        <v>70629</v>
      </c>
      <c r="C20290" s="1" t="s">
        <v>140</v>
      </c>
      <c r="D20290" s="1" t="s">
        <v>72636</v>
      </c>
      <c r="E20290" s="1" t="s">
        <v>72637</v>
      </c>
      <c r="F20290" s="1" t="s">
        <v>72638</v>
      </c>
      <c r="G20290" s="1" t="s">
        <v>72541</v>
      </c>
      <c r="H20290" s="1" t="s">
        <v>72542</v>
      </c>
      <c r="I20290" s="1" t="s">
        <v>70634</v>
      </c>
      <c r="J20290" s="1" t="s">
        <v>72639</v>
      </c>
    </row>
    <row r="20291" spans="1:10" x14ac:dyDescent="0.35">
      <c r="A20291" s="1" t="s">
        <v>3545</v>
      </c>
      <c r="B20291" s="1" t="s">
        <v>70629</v>
      </c>
      <c r="C20291" s="1" t="s">
        <v>145</v>
      </c>
      <c r="D20291" s="1" t="s">
        <v>72640</v>
      </c>
      <c r="E20291" s="1" t="s">
        <v>72641</v>
      </c>
      <c r="F20291" s="1" t="s">
        <v>72642</v>
      </c>
      <c r="G20291" s="1" t="s">
        <v>72541</v>
      </c>
      <c r="H20291" s="1" t="s">
        <v>72542</v>
      </c>
      <c r="I20291" s="1" t="s">
        <v>70634</v>
      </c>
      <c r="J20291" s="1" t="s">
        <v>72643</v>
      </c>
    </row>
    <row r="20292" spans="1:10" x14ac:dyDescent="0.35">
      <c r="A20292" s="1" t="s">
        <v>3545</v>
      </c>
      <c r="B20292" s="1" t="s">
        <v>70629</v>
      </c>
      <c r="C20292" s="1" t="s">
        <v>150</v>
      </c>
      <c r="D20292" s="1" t="s">
        <v>72644</v>
      </c>
      <c r="E20292" s="1" t="s">
        <v>72645</v>
      </c>
      <c r="F20292" s="1" t="s">
        <v>72646</v>
      </c>
      <c r="G20292" s="1" t="s">
        <v>72541</v>
      </c>
      <c r="H20292" s="1" t="s">
        <v>72542</v>
      </c>
      <c r="I20292" s="1" t="s">
        <v>70634</v>
      </c>
      <c r="J20292" s="1" t="s">
        <v>72647</v>
      </c>
    </row>
    <row r="20293" spans="1:10" x14ac:dyDescent="0.35">
      <c r="A20293" s="1" t="s">
        <v>3545</v>
      </c>
      <c r="B20293" s="1" t="s">
        <v>70629</v>
      </c>
      <c r="C20293" s="1" t="s">
        <v>155</v>
      </c>
      <c r="D20293" s="1" t="s">
        <v>72648</v>
      </c>
      <c r="E20293" s="1" t="s">
        <v>72649</v>
      </c>
      <c r="F20293" s="1" t="s">
        <v>72650</v>
      </c>
      <c r="G20293" s="1" t="s">
        <v>72541</v>
      </c>
      <c r="H20293" s="1" t="s">
        <v>72542</v>
      </c>
      <c r="I20293" s="1" t="s">
        <v>70634</v>
      </c>
      <c r="J20293" s="1" t="s">
        <v>72651</v>
      </c>
    </row>
    <row r="20294" spans="1:10" x14ac:dyDescent="0.35">
      <c r="A20294" s="1" t="s">
        <v>3545</v>
      </c>
      <c r="B20294" s="1" t="s">
        <v>70629</v>
      </c>
      <c r="C20294" s="1" t="s">
        <v>160</v>
      </c>
      <c r="D20294" s="1" t="s">
        <v>72652</v>
      </c>
      <c r="E20294" s="1" t="s">
        <v>72653</v>
      </c>
      <c r="F20294" s="1" t="s">
        <v>72654</v>
      </c>
      <c r="G20294" s="1" t="s">
        <v>72541</v>
      </c>
      <c r="H20294" s="1" t="s">
        <v>72542</v>
      </c>
      <c r="I20294" s="1" t="s">
        <v>70634</v>
      </c>
      <c r="J20294" s="1" t="s">
        <v>72655</v>
      </c>
    </row>
    <row r="20295" spans="1:10" x14ac:dyDescent="0.35">
      <c r="A20295" s="1" t="s">
        <v>3545</v>
      </c>
      <c r="B20295" s="1" t="s">
        <v>70629</v>
      </c>
      <c r="C20295" s="1" t="s">
        <v>165</v>
      </c>
      <c r="D20295" s="1" t="s">
        <v>44112</v>
      </c>
      <c r="E20295" s="1" t="s">
        <v>72656</v>
      </c>
      <c r="F20295" s="1" t="s">
        <v>72657</v>
      </c>
      <c r="G20295" s="1" t="s">
        <v>72541</v>
      </c>
      <c r="H20295" s="1" t="s">
        <v>72542</v>
      </c>
      <c r="I20295" s="1" t="s">
        <v>70634</v>
      </c>
      <c r="J20295" s="1" t="s">
        <v>72658</v>
      </c>
    </row>
    <row r="20296" spans="1:10" x14ac:dyDescent="0.35">
      <c r="A20296" s="1" t="s">
        <v>3545</v>
      </c>
      <c r="B20296" s="1" t="s">
        <v>70629</v>
      </c>
      <c r="C20296" s="1" t="s">
        <v>170</v>
      </c>
      <c r="D20296" s="1" t="s">
        <v>72659</v>
      </c>
      <c r="E20296" s="1" t="s">
        <v>72660</v>
      </c>
      <c r="F20296" s="1" t="s">
        <v>72661</v>
      </c>
      <c r="G20296" s="1" t="s">
        <v>72541</v>
      </c>
      <c r="H20296" s="1" t="s">
        <v>72542</v>
      </c>
      <c r="I20296" s="1" t="s">
        <v>70634</v>
      </c>
      <c r="J20296" s="1" t="s">
        <v>72662</v>
      </c>
    </row>
    <row r="20297" spans="1:10" x14ac:dyDescent="0.35">
      <c r="A20297" s="1" t="s">
        <v>1904</v>
      </c>
      <c r="B20297" s="1" t="s">
        <v>70629</v>
      </c>
      <c r="C20297" s="1" t="s">
        <v>8</v>
      </c>
      <c r="D20297" s="1" t="s">
        <v>71061</v>
      </c>
      <c r="E20297" s="1" t="s">
        <v>72663</v>
      </c>
      <c r="F20297" s="1" t="s">
        <v>72664</v>
      </c>
      <c r="G20297" s="1" t="s">
        <v>72665</v>
      </c>
      <c r="H20297" s="1" t="s">
        <v>72666</v>
      </c>
      <c r="I20297" s="1" t="s">
        <v>70634</v>
      </c>
      <c r="J20297" s="1" t="s">
        <v>13</v>
      </c>
    </row>
    <row r="20298" spans="1:10" x14ac:dyDescent="0.35">
      <c r="A20298" s="1" t="s">
        <v>1904</v>
      </c>
      <c r="B20298" s="1" t="s">
        <v>70629</v>
      </c>
      <c r="C20298" s="1" t="s">
        <v>15</v>
      </c>
      <c r="D20298" s="1" t="s">
        <v>44176</v>
      </c>
      <c r="E20298" s="1" t="s">
        <v>72667</v>
      </c>
      <c r="F20298" s="1" t="s">
        <v>72668</v>
      </c>
      <c r="G20298" s="1" t="s">
        <v>72665</v>
      </c>
      <c r="H20298" s="1" t="s">
        <v>72666</v>
      </c>
      <c r="I20298" s="1" t="s">
        <v>70634</v>
      </c>
      <c r="J20298" s="1" t="s">
        <v>72669</v>
      </c>
    </row>
    <row r="20299" spans="1:10" x14ac:dyDescent="0.35">
      <c r="A20299" s="1" t="s">
        <v>1904</v>
      </c>
      <c r="B20299" s="1" t="s">
        <v>70629</v>
      </c>
      <c r="C20299" s="1" t="s">
        <v>20</v>
      </c>
      <c r="D20299" s="1" t="s">
        <v>72670</v>
      </c>
      <c r="E20299" s="1" t="s">
        <v>72671</v>
      </c>
      <c r="F20299" s="1" t="s">
        <v>72672</v>
      </c>
      <c r="G20299" s="1" t="s">
        <v>72665</v>
      </c>
      <c r="H20299" s="1" t="s">
        <v>72666</v>
      </c>
      <c r="I20299" s="1" t="s">
        <v>70634</v>
      </c>
      <c r="J20299" s="1" t="s">
        <v>72673</v>
      </c>
    </row>
    <row r="20300" spans="1:10" x14ac:dyDescent="0.35">
      <c r="A20300" s="1" t="s">
        <v>1904</v>
      </c>
      <c r="B20300" s="1" t="s">
        <v>70629</v>
      </c>
      <c r="C20300" s="1" t="s">
        <v>25</v>
      </c>
      <c r="D20300" s="1" t="s">
        <v>72674</v>
      </c>
      <c r="E20300" s="1" t="s">
        <v>72675</v>
      </c>
      <c r="F20300" s="1" t="s">
        <v>72676</v>
      </c>
      <c r="G20300" s="1" t="s">
        <v>72665</v>
      </c>
      <c r="H20300" s="1" t="s">
        <v>72666</v>
      </c>
      <c r="I20300" s="1" t="s">
        <v>70634</v>
      </c>
      <c r="J20300" s="1" t="s">
        <v>72677</v>
      </c>
    </row>
    <row r="20301" spans="1:10" x14ac:dyDescent="0.35">
      <c r="A20301" s="1" t="s">
        <v>1904</v>
      </c>
      <c r="B20301" s="1" t="s">
        <v>70629</v>
      </c>
      <c r="C20301" s="1" t="s">
        <v>30</v>
      </c>
      <c r="D20301" s="1" t="s">
        <v>72237</v>
      </c>
      <c r="E20301" s="1" t="s">
        <v>72678</v>
      </c>
      <c r="F20301" s="1" t="s">
        <v>72679</v>
      </c>
      <c r="G20301" s="1" t="s">
        <v>72665</v>
      </c>
      <c r="H20301" s="1" t="s">
        <v>72666</v>
      </c>
      <c r="I20301" s="1" t="s">
        <v>70634</v>
      </c>
      <c r="J20301" s="1" t="s">
        <v>72680</v>
      </c>
    </row>
    <row r="20302" spans="1:10" x14ac:dyDescent="0.35">
      <c r="A20302" s="1" t="s">
        <v>1904</v>
      </c>
      <c r="B20302" s="1" t="s">
        <v>70629</v>
      </c>
      <c r="C20302" s="1" t="s">
        <v>35</v>
      </c>
      <c r="D20302" s="1" t="s">
        <v>72237</v>
      </c>
      <c r="E20302" s="1" t="s">
        <v>72681</v>
      </c>
      <c r="F20302" s="1" t="s">
        <v>72682</v>
      </c>
      <c r="G20302" s="1" t="s">
        <v>72665</v>
      </c>
      <c r="H20302" s="1" t="s">
        <v>72666</v>
      </c>
      <c r="I20302" s="1" t="s">
        <v>70634</v>
      </c>
      <c r="J20302" s="1" t="s">
        <v>1180</v>
      </c>
    </row>
    <row r="20303" spans="1:10" x14ac:dyDescent="0.35">
      <c r="A20303" s="1" t="s">
        <v>1904</v>
      </c>
      <c r="B20303" s="1" t="s">
        <v>70629</v>
      </c>
      <c r="C20303" s="1" t="s">
        <v>40</v>
      </c>
      <c r="D20303" s="1" t="s">
        <v>25012</v>
      </c>
      <c r="E20303" s="1" t="s">
        <v>72683</v>
      </c>
      <c r="F20303" s="1" t="s">
        <v>72684</v>
      </c>
      <c r="G20303" s="1" t="s">
        <v>72665</v>
      </c>
      <c r="H20303" s="1" t="s">
        <v>72666</v>
      </c>
      <c r="I20303" s="1" t="s">
        <v>70634</v>
      </c>
      <c r="J20303" s="1" t="s">
        <v>72685</v>
      </c>
    </row>
    <row r="20304" spans="1:10" x14ac:dyDescent="0.35">
      <c r="A20304" s="1" t="s">
        <v>1904</v>
      </c>
      <c r="B20304" s="1" t="s">
        <v>70629</v>
      </c>
      <c r="C20304" s="1" t="s">
        <v>45</v>
      </c>
      <c r="D20304" s="1" t="s">
        <v>72686</v>
      </c>
      <c r="E20304" s="1" t="s">
        <v>72687</v>
      </c>
      <c r="F20304" s="1" t="s">
        <v>72688</v>
      </c>
      <c r="G20304" s="1" t="s">
        <v>72665</v>
      </c>
      <c r="H20304" s="1" t="s">
        <v>72666</v>
      </c>
      <c r="I20304" s="1" t="s">
        <v>70634</v>
      </c>
      <c r="J20304" s="1" t="s">
        <v>72689</v>
      </c>
    </row>
    <row r="20305" spans="1:10" x14ac:dyDescent="0.35">
      <c r="A20305" s="1" t="s">
        <v>1904</v>
      </c>
      <c r="B20305" s="1" t="s">
        <v>70629</v>
      </c>
      <c r="C20305" s="1" t="s">
        <v>50</v>
      </c>
      <c r="D20305" s="1" t="s">
        <v>16352</v>
      </c>
      <c r="E20305" s="1" t="s">
        <v>72690</v>
      </c>
      <c r="F20305" s="1" t="s">
        <v>72691</v>
      </c>
      <c r="G20305" s="1" t="s">
        <v>72665</v>
      </c>
      <c r="H20305" s="1" t="s">
        <v>72666</v>
      </c>
      <c r="I20305" s="1" t="s">
        <v>70634</v>
      </c>
      <c r="J20305" s="1" t="s">
        <v>12278</v>
      </c>
    </row>
    <row r="20306" spans="1:10" x14ac:dyDescent="0.35">
      <c r="A20306" s="1" t="s">
        <v>1904</v>
      </c>
      <c r="B20306" s="1" t="s">
        <v>70629</v>
      </c>
      <c r="C20306" s="1" t="s">
        <v>55</v>
      </c>
      <c r="D20306" s="1" t="s">
        <v>72692</v>
      </c>
      <c r="E20306" s="1" t="s">
        <v>72693</v>
      </c>
      <c r="F20306" s="1" t="s">
        <v>72694</v>
      </c>
      <c r="G20306" s="1" t="s">
        <v>72665</v>
      </c>
      <c r="H20306" s="1" t="s">
        <v>72666</v>
      </c>
      <c r="I20306" s="1" t="s">
        <v>70634</v>
      </c>
      <c r="J20306" s="1" t="s">
        <v>72695</v>
      </c>
    </row>
    <row r="20307" spans="1:10" x14ac:dyDescent="0.35">
      <c r="A20307" s="1" t="s">
        <v>1904</v>
      </c>
      <c r="B20307" s="1" t="s">
        <v>70629</v>
      </c>
      <c r="C20307" s="1" t="s">
        <v>60</v>
      </c>
      <c r="D20307" s="1" t="s">
        <v>72696</v>
      </c>
      <c r="E20307" s="1" t="s">
        <v>72697</v>
      </c>
      <c r="F20307" s="1" t="s">
        <v>72698</v>
      </c>
      <c r="G20307" s="1" t="s">
        <v>72665</v>
      </c>
      <c r="H20307" s="1" t="s">
        <v>72666</v>
      </c>
      <c r="I20307" s="1" t="s">
        <v>70634</v>
      </c>
      <c r="J20307" s="1" t="s">
        <v>72699</v>
      </c>
    </row>
    <row r="20308" spans="1:10" x14ac:dyDescent="0.35">
      <c r="A20308" s="1" t="s">
        <v>1904</v>
      </c>
      <c r="B20308" s="1" t="s">
        <v>70629</v>
      </c>
      <c r="C20308" s="1" t="s">
        <v>65</v>
      </c>
      <c r="D20308" s="1" t="s">
        <v>72700</v>
      </c>
      <c r="E20308" s="1" t="s">
        <v>72701</v>
      </c>
      <c r="F20308" s="1" t="s">
        <v>72702</v>
      </c>
      <c r="G20308" s="1" t="s">
        <v>72665</v>
      </c>
      <c r="H20308" s="1" t="s">
        <v>72666</v>
      </c>
      <c r="I20308" s="1" t="s">
        <v>70634</v>
      </c>
      <c r="J20308" s="1" t="s">
        <v>72703</v>
      </c>
    </row>
    <row r="20309" spans="1:10" x14ac:dyDescent="0.35">
      <c r="A20309" s="1" t="s">
        <v>1904</v>
      </c>
      <c r="B20309" s="1" t="s">
        <v>70629</v>
      </c>
      <c r="C20309" s="1" t="s">
        <v>70</v>
      </c>
      <c r="D20309" s="1" t="s">
        <v>50988</v>
      </c>
      <c r="E20309" s="1" t="s">
        <v>72704</v>
      </c>
      <c r="F20309" s="1" t="s">
        <v>72705</v>
      </c>
      <c r="G20309" s="1" t="s">
        <v>72665</v>
      </c>
      <c r="H20309" s="1" t="s">
        <v>72666</v>
      </c>
      <c r="I20309" s="1" t="s">
        <v>70634</v>
      </c>
      <c r="J20309" s="1" t="s">
        <v>72706</v>
      </c>
    </row>
    <row r="20310" spans="1:10" x14ac:dyDescent="0.35">
      <c r="A20310" s="1" t="s">
        <v>1904</v>
      </c>
      <c r="B20310" s="1" t="s">
        <v>70629</v>
      </c>
      <c r="C20310" s="1" t="s">
        <v>75</v>
      </c>
      <c r="D20310" s="1" t="s">
        <v>6571</v>
      </c>
      <c r="E20310" s="1" t="s">
        <v>72707</v>
      </c>
      <c r="F20310" s="1" t="s">
        <v>72708</v>
      </c>
      <c r="G20310" s="1" t="s">
        <v>72665</v>
      </c>
      <c r="H20310" s="1" t="s">
        <v>72666</v>
      </c>
      <c r="I20310" s="1" t="s">
        <v>70634</v>
      </c>
      <c r="J20310" s="1" t="s">
        <v>72709</v>
      </c>
    </row>
    <row r="20311" spans="1:10" x14ac:dyDescent="0.35">
      <c r="A20311" s="1" t="s">
        <v>1904</v>
      </c>
      <c r="B20311" s="1" t="s">
        <v>70629</v>
      </c>
      <c r="C20311" s="1" t="s">
        <v>80</v>
      </c>
      <c r="D20311" s="1" t="s">
        <v>35217</v>
      </c>
      <c r="E20311" s="1" t="s">
        <v>72710</v>
      </c>
      <c r="F20311" s="1" t="s">
        <v>72711</v>
      </c>
      <c r="G20311" s="1" t="s">
        <v>72665</v>
      </c>
      <c r="H20311" s="1" t="s">
        <v>72666</v>
      </c>
      <c r="I20311" s="1" t="s">
        <v>70634</v>
      </c>
      <c r="J20311" s="1" t="s">
        <v>72712</v>
      </c>
    </row>
    <row r="20312" spans="1:10" x14ac:dyDescent="0.35">
      <c r="A20312" s="1" t="s">
        <v>1904</v>
      </c>
      <c r="B20312" s="1" t="s">
        <v>70629</v>
      </c>
      <c r="C20312" s="1" t="s">
        <v>85</v>
      </c>
      <c r="D20312" s="1" t="s">
        <v>35030</v>
      </c>
      <c r="E20312" s="1" t="s">
        <v>72713</v>
      </c>
      <c r="F20312" s="1" t="s">
        <v>72714</v>
      </c>
      <c r="G20312" s="1" t="s">
        <v>72665</v>
      </c>
      <c r="H20312" s="1" t="s">
        <v>72666</v>
      </c>
      <c r="I20312" s="1" t="s">
        <v>70634</v>
      </c>
      <c r="J20312" s="1" t="s">
        <v>72715</v>
      </c>
    </row>
    <row r="20313" spans="1:10" x14ac:dyDescent="0.35">
      <c r="A20313" s="1" t="s">
        <v>1904</v>
      </c>
      <c r="B20313" s="1" t="s">
        <v>70629</v>
      </c>
      <c r="C20313" s="1" t="s">
        <v>90</v>
      </c>
      <c r="D20313" s="1" t="s">
        <v>46479</v>
      </c>
      <c r="E20313" s="1" t="s">
        <v>72716</v>
      </c>
      <c r="F20313" s="1" t="s">
        <v>72717</v>
      </c>
      <c r="G20313" s="1" t="s">
        <v>72665</v>
      </c>
      <c r="H20313" s="1" t="s">
        <v>72666</v>
      </c>
      <c r="I20313" s="1" t="s">
        <v>70634</v>
      </c>
      <c r="J20313" s="1" t="s">
        <v>72718</v>
      </c>
    </row>
    <row r="20314" spans="1:10" x14ac:dyDescent="0.35">
      <c r="A20314" s="1" t="s">
        <v>1904</v>
      </c>
      <c r="B20314" s="1" t="s">
        <v>70629</v>
      </c>
      <c r="C20314" s="1" t="s">
        <v>95</v>
      </c>
      <c r="D20314" s="1" t="s">
        <v>45404</v>
      </c>
      <c r="E20314" s="1" t="s">
        <v>72719</v>
      </c>
      <c r="F20314" s="1" t="s">
        <v>72720</v>
      </c>
      <c r="G20314" s="1" t="s">
        <v>72665</v>
      </c>
      <c r="H20314" s="1" t="s">
        <v>72666</v>
      </c>
      <c r="I20314" s="1" t="s">
        <v>70634</v>
      </c>
      <c r="J20314" s="1" t="s">
        <v>72721</v>
      </c>
    </row>
    <row r="20315" spans="1:10" x14ac:dyDescent="0.35">
      <c r="A20315" s="1" t="s">
        <v>1904</v>
      </c>
      <c r="B20315" s="1" t="s">
        <v>70629</v>
      </c>
      <c r="C20315" s="1" t="s">
        <v>100</v>
      </c>
      <c r="D20315" s="1" t="s">
        <v>72722</v>
      </c>
      <c r="E20315" s="1" t="s">
        <v>72723</v>
      </c>
      <c r="F20315" s="1" t="s">
        <v>72724</v>
      </c>
      <c r="G20315" s="1" t="s">
        <v>72665</v>
      </c>
      <c r="H20315" s="1" t="s">
        <v>72666</v>
      </c>
      <c r="I20315" s="1" t="s">
        <v>70634</v>
      </c>
      <c r="J20315" s="1" t="s">
        <v>72725</v>
      </c>
    </row>
    <row r="20316" spans="1:10" x14ac:dyDescent="0.35">
      <c r="A20316" s="1" t="s">
        <v>1904</v>
      </c>
      <c r="B20316" s="1" t="s">
        <v>70629</v>
      </c>
      <c r="C20316" s="1" t="s">
        <v>105</v>
      </c>
      <c r="D20316" s="1" t="s">
        <v>72726</v>
      </c>
      <c r="E20316" s="1" t="s">
        <v>72727</v>
      </c>
      <c r="F20316" s="1" t="s">
        <v>72728</v>
      </c>
      <c r="G20316" s="1" t="s">
        <v>72665</v>
      </c>
      <c r="H20316" s="1" t="s">
        <v>72666</v>
      </c>
      <c r="I20316" s="1" t="s">
        <v>70634</v>
      </c>
      <c r="J20316" s="1" t="s">
        <v>72729</v>
      </c>
    </row>
    <row r="20317" spans="1:10" x14ac:dyDescent="0.35">
      <c r="A20317" s="1" t="s">
        <v>1904</v>
      </c>
      <c r="B20317" s="1" t="s">
        <v>70629</v>
      </c>
      <c r="C20317" s="1" t="s">
        <v>110</v>
      </c>
      <c r="D20317" s="1" t="s">
        <v>72730</v>
      </c>
      <c r="E20317" s="1" t="s">
        <v>72731</v>
      </c>
      <c r="F20317" s="1" t="s">
        <v>72732</v>
      </c>
      <c r="G20317" s="1" t="s">
        <v>72665</v>
      </c>
      <c r="H20317" s="1" t="s">
        <v>72666</v>
      </c>
      <c r="I20317" s="1" t="s">
        <v>70634</v>
      </c>
      <c r="J20317" s="1" t="s">
        <v>72733</v>
      </c>
    </row>
    <row r="20318" spans="1:10" x14ac:dyDescent="0.35">
      <c r="A20318" s="1" t="s">
        <v>1904</v>
      </c>
      <c r="B20318" s="1" t="s">
        <v>70629</v>
      </c>
      <c r="C20318" s="1" t="s">
        <v>115</v>
      </c>
      <c r="D20318" s="1" t="s">
        <v>3244</v>
      </c>
      <c r="E20318" s="1" t="s">
        <v>72734</v>
      </c>
      <c r="F20318" s="1" t="s">
        <v>72735</v>
      </c>
      <c r="G20318" s="1" t="s">
        <v>72665</v>
      </c>
      <c r="H20318" s="1" t="s">
        <v>72666</v>
      </c>
      <c r="I20318" s="1" t="s">
        <v>70634</v>
      </c>
      <c r="J20318" s="1" t="s">
        <v>72736</v>
      </c>
    </row>
    <row r="20319" spans="1:10" x14ac:dyDescent="0.35">
      <c r="A20319" s="1" t="s">
        <v>1904</v>
      </c>
      <c r="B20319" s="1" t="s">
        <v>70629</v>
      </c>
      <c r="C20319" s="1" t="s">
        <v>120</v>
      </c>
      <c r="D20319" s="1" t="s">
        <v>30736</v>
      </c>
      <c r="E20319" s="1" t="s">
        <v>72737</v>
      </c>
      <c r="F20319" s="1" t="s">
        <v>72738</v>
      </c>
      <c r="G20319" s="1" t="s">
        <v>72665</v>
      </c>
      <c r="H20319" s="1" t="s">
        <v>72666</v>
      </c>
      <c r="I20319" s="1" t="s">
        <v>70634</v>
      </c>
      <c r="J20319" s="1" t="s">
        <v>72739</v>
      </c>
    </row>
    <row r="20320" spans="1:10" x14ac:dyDescent="0.35">
      <c r="A20320" s="1" t="s">
        <v>1904</v>
      </c>
      <c r="B20320" s="1" t="s">
        <v>70629</v>
      </c>
      <c r="C20320" s="1" t="s">
        <v>125</v>
      </c>
      <c r="D20320" s="1" t="s">
        <v>72740</v>
      </c>
      <c r="E20320" s="1" t="s">
        <v>72741</v>
      </c>
      <c r="F20320" s="1" t="s">
        <v>72742</v>
      </c>
      <c r="G20320" s="1" t="s">
        <v>72665</v>
      </c>
      <c r="H20320" s="1" t="s">
        <v>72666</v>
      </c>
      <c r="I20320" s="1" t="s">
        <v>70634</v>
      </c>
      <c r="J20320" s="1" t="s">
        <v>72743</v>
      </c>
    </row>
    <row r="20321" spans="1:10" x14ac:dyDescent="0.35">
      <c r="A20321" s="1" t="s">
        <v>1904</v>
      </c>
      <c r="B20321" s="1" t="s">
        <v>70629</v>
      </c>
      <c r="C20321" s="1" t="s">
        <v>130</v>
      </c>
      <c r="D20321" s="1" t="s">
        <v>29250</v>
      </c>
      <c r="E20321" s="1" t="s">
        <v>72744</v>
      </c>
      <c r="F20321" s="1" t="s">
        <v>72745</v>
      </c>
      <c r="G20321" s="1" t="s">
        <v>72665</v>
      </c>
      <c r="H20321" s="1" t="s">
        <v>72666</v>
      </c>
      <c r="I20321" s="1" t="s">
        <v>70634</v>
      </c>
      <c r="J20321" s="1" t="s">
        <v>72746</v>
      </c>
    </row>
    <row r="20322" spans="1:10" x14ac:dyDescent="0.35">
      <c r="A20322" s="1" t="s">
        <v>1904</v>
      </c>
      <c r="B20322" s="1" t="s">
        <v>70629</v>
      </c>
      <c r="C20322" s="1" t="s">
        <v>135</v>
      </c>
      <c r="D20322" s="1" t="s">
        <v>44188</v>
      </c>
      <c r="E20322" s="1" t="s">
        <v>72747</v>
      </c>
      <c r="F20322" s="1" t="s">
        <v>72748</v>
      </c>
      <c r="G20322" s="1" t="s">
        <v>72665</v>
      </c>
      <c r="H20322" s="1" t="s">
        <v>72666</v>
      </c>
      <c r="I20322" s="1" t="s">
        <v>70634</v>
      </c>
      <c r="J20322" s="1" t="s">
        <v>72749</v>
      </c>
    </row>
    <row r="20323" spans="1:10" x14ac:dyDescent="0.35">
      <c r="A20323" s="1" t="s">
        <v>1904</v>
      </c>
      <c r="B20323" s="1" t="s">
        <v>70629</v>
      </c>
      <c r="C20323" s="1" t="s">
        <v>140</v>
      </c>
      <c r="D20323" s="1" t="s">
        <v>72750</v>
      </c>
      <c r="E20323" s="1" t="s">
        <v>72751</v>
      </c>
      <c r="F20323" s="1" t="s">
        <v>72752</v>
      </c>
      <c r="G20323" s="1" t="s">
        <v>72665</v>
      </c>
      <c r="H20323" s="1" t="s">
        <v>72666</v>
      </c>
      <c r="I20323" s="1" t="s">
        <v>70634</v>
      </c>
      <c r="J20323" s="1" t="s">
        <v>72753</v>
      </c>
    </row>
    <row r="20324" spans="1:10" x14ac:dyDescent="0.35">
      <c r="A20324" s="1" t="s">
        <v>1904</v>
      </c>
      <c r="B20324" s="1" t="s">
        <v>70629</v>
      </c>
      <c r="C20324" s="1" t="s">
        <v>145</v>
      </c>
      <c r="D20324" s="1" t="s">
        <v>72754</v>
      </c>
      <c r="E20324" s="1" t="s">
        <v>72755</v>
      </c>
      <c r="F20324" s="1" t="s">
        <v>72756</v>
      </c>
      <c r="G20324" s="1" t="s">
        <v>72665</v>
      </c>
      <c r="H20324" s="1" t="s">
        <v>72666</v>
      </c>
      <c r="I20324" s="1" t="s">
        <v>70634</v>
      </c>
      <c r="J20324" s="1" t="s">
        <v>72757</v>
      </c>
    </row>
    <row r="20325" spans="1:10" x14ac:dyDescent="0.35">
      <c r="A20325" s="1" t="s">
        <v>1904</v>
      </c>
      <c r="B20325" s="1" t="s">
        <v>70629</v>
      </c>
      <c r="C20325" s="1" t="s">
        <v>150</v>
      </c>
      <c r="D20325" s="1" t="s">
        <v>72758</v>
      </c>
      <c r="E20325" s="1" t="s">
        <v>72759</v>
      </c>
      <c r="F20325" s="1" t="s">
        <v>72760</v>
      </c>
      <c r="G20325" s="1" t="s">
        <v>72665</v>
      </c>
      <c r="H20325" s="1" t="s">
        <v>72666</v>
      </c>
      <c r="I20325" s="1" t="s">
        <v>70634</v>
      </c>
      <c r="J20325" s="1" t="s">
        <v>72761</v>
      </c>
    </row>
    <row r="20326" spans="1:10" x14ac:dyDescent="0.35">
      <c r="A20326" s="1" t="s">
        <v>1904</v>
      </c>
      <c r="B20326" s="1" t="s">
        <v>70629</v>
      </c>
      <c r="C20326" s="1" t="s">
        <v>155</v>
      </c>
      <c r="D20326" s="1" t="s">
        <v>72762</v>
      </c>
      <c r="E20326" s="1" t="s">
        <v>72763</v>
      </c>
      <c r="F20326" s="1" t="s">
        <v>72764</v>
      </c>
      <c r="G20326" s="1" t="s">
        <v>72665</v>
      </c>
      <c r="H20326" s="1" t="s">
        <v>72666</v>
      </c>
      <c r="I20326" s="1" t="s">
        <v>70634</v>
      </c>
      <c r="J20326" s="1" t="s">
        <v>72765</v>
      </c>
    </row>
    <row r="20327" spans="1:10" x14ac:dyDescent="0.35">
      <c r="A20327" s="1" t="s">
        <v>1904</v>
      </c>
      <c r="B20327" s="1" t="s">
        <v>70629</v>
      </c>
      <c r="C20327" s="1" t="s">
        <v>160</v>
      </c>
      <c r="D20327" s="1" t="s">
        <v>72766</v>
      </c>
      <c r="E20327" s="1" t="s">
        <v>72767</v>
      </c>
      <c r="F20327" s="1" t="s">
        <v>72768</v>
      </c>
      <c r="G20327" s="1" t="s">
        <v>72665</v>
      </c>
      <c r="H20327" s="1" t="s">
        <v>72666</v>
      </c>
      <c r="I20327" s="1" t="s">
        <v>70634</v>
      </c>
      <c r="J20327" s="1" t="s">
        <v>72769</v>
      </c>
    </row>
    <row r="20328" spans="1:10" x14ac:dyDescent="0.35">
      <c r="A20328" s="1" t="s">
        <v>1904</v>
      </c>
      <c r="B20328" s="1" t="s">
        <v>70629</v>
      </c>
      <c r="C20328" s="1" t="s">
        <v>165</v>
      </c>
      <c r="D20328" s="1" t="s">
        <v>33678</v>
      </c>
      <c r="E20328" s="1" t="s">
        <v>72770</v>
      </c>
      <c r="F20328" s="1" t="s">
        <v>72771</v>
      </c>
      <c r="G20328" s="1" t="s">
        <v>72665</v>
      </c>
      <c r="H20328" s="1" t="s">
        <v>72666</v>
      </c>
      <c r="I20328" s="1" t="s">
        <v>70634</v>
      </c>
      <c r="J20328" s="1" t="s">
        <v>72772</v>
      </c>
    </row>
    <row r="20329" spans="1:10" x14ac:dyDescent="0.35">
      <c r="A20329" s="1" t="s">
        <v>1904</v>
      </c>
      <c r="B20329" s="1" t="s">
        <v>70629</v>
      </c>
      <c r="C20329" s="1" t="s">
        <v>170</v>
      </c>
      <c r="D20329" s="1" t="s">
        <v>72773</v>
      </c>
      <c r="E20329" s="1" t="s">
        <v>72774</v>
      </c>
      <c r="F20329" s="1" t="s">
        <v>72775</v>
      </c>
      <c r="G20329" s="1" t="s">
        <v>72665</v>
      </c>
      <c r="H20329" s="1" t="s">
        <v>72666</v>
      </c>
      <c r="I20329" s="1" t="s">
        <v>70634</v>
      </c>
      <c r="J20329" s="1" t="s">
        <v>72776</v>
      </c>
    </row>
    <row r="20330" spans="1:10" x14ac:dyDescent="0.35">
      <c r="A20330" s="1" t="s">
        <v>72777</v>
      </c>
      <c r="B20330" s="1" t="s">
        <v>70629</v>
      </c>
      <c r="C20330" s="1" t="s">
        <v>8</v>
      </c>
      <c r="D20330" s="1" t="s">
        <v>72778</v>
      </c>
      <c r="E20330" s="1" t="s">
        <v>22298</v>
      </c>
      <c r="F20330" s="1" t="s">
        <v>72779</v>
      </c>
      <c r="G20330" s="1" t="s">
        <v>72780</v>
      </c>
      <c r="H20330" s="1" t="s">
        <v>72781</v>
      </c>
      <c r="I20330" s="1" t="s">
        <v>70634</v>
      </c>
      <c r="J20330" s="1" t="s">
        <v>13</v>
      </c>
    </row>
    <row r="20331" spans="1:10" x14ac:dyDescent="0.35">
      <c r="A20331" s="1" t="s">
        <v>72777</v>
      </c>
      <c r="B20331" s="1" t="s">
        <v>70629</v>
      </c>
      <c r="C20331" s="1" t="s">
        <v>15</v>
      </c>
      <c r="D20331" s="1" t="s">
        <v>72782</v>
      </c>
      <c r="E20331" s="1" t="s">
        <v>22294</v>
      </c>
      <c r="F20331" s="1" t="s">
        <v>59603</v>
      </c>
      <c r="G20331" s="1" t="s">
        <v>72780</v>
      </c>
      <c r="H20331" s="1" t="s">
        <v>72781</v>
      </c>
      <c r="I20331" s="1" t="s">
        <v>70634</v>
      </c>
      <c r="J20331" s="1" t="s">
        <v>72783</v>
      </c>
    </row>
    <row r="20332" spans="1:10" x14ac:dyDescent="0.35">
      <c r="A20332" s="1" t="s">
        <v>72777</v>
      </c>
      <c r="B20332" s="1" t="s">
        <v>70629</v>
      </c>
      <c r="C20332" s="1" t="s">
        <v>20</v>
      </c>
      <c r="D20332" s="1" t="s">
        <v>7996</v>
      </c>
      <c r="E20332" s="1" t="s">
        <v>56758</v>
      </c>
      <c r="F20332" s="1" t="s">
        <v>72784</v>
      </c>
      <c r="G20332" s="1" t="s">
        <v>72780</v>
      </c>
      <c r="H20332" s="1" t="s">
        <v>72781</v>
      </c>
      <c r="I20332" s="1" t="s">
        <v>70634</v>
      </c>
      <c r="J20332" s="1" t="s">
        <v>72785</v>
      </c>
    </row>
    <row r="20333" spans="1:10" x14ac:dyDescent="0.35">
      <c r="A20333" s="1" t="s">
        <v>72777</v>
      </c>
      <c r="B20333" s="1" t="s">
        <v>70629</v>
      </c>
      <c r="C20333" s="1" t="s">
        <v>25</v>
      </c>
      <c r="D20333" s="1" t="s">
        <v>37792</v>
      </c>
      <c r="E20333" s="1" t="s">
        <v>64743</v>
      </c>
      <c r="F20333" s="1" t="s">
        <v>68233</v>
      </c>
      <c r="G20333" s="1" t="s">
        <v>72780</v>
      </c>
      <c r="H20333" s="1" t="s">
        <v>72781</v>
      </c>
      <c r="I20333" s="1" t="s">
        <v>70634</v>
      </c>
      <c r="J20333" s="1" t="s">
        <v>72786</v>
      </c>
    </row>
    <row r="20334" spans="1:10" x14ac:dyDescent="0.35">
      <c r="A20334" s="1" t="s">
        <v>72777</v>
      </c>
      <c r="B20334" s="1" t="s">
        <v>70629</v>
      </c>
      <c r="C20334" s="1" t="s">
        <v>30</v>
      </c>
      <c r="D20334" s="1" t="s">
        <v>72187</v>
      </c>
      <c r="E20334" s="1" t="s">
        <v>56560</v>
      </c>
      <c r="F20334" s="1" t="s">
        <v>22283</v>
      </c>
      <c r="G20334" s="1" t="s">
        <v>72780</v>
      </c>
      <c r="H20334" s="1" t="s">
        <v>72781</v>
      </c>
      <c r="I20334" s="1" t="s">
        <v>70634</v>
      </c>
      <c r="J20334" s="1" t="s">
        <v>72787</v>
      </c>
    </row>
    <row r="20335" spans="1:10" x14ac:dyDescent="0.35">
      <c r="A20335" s="1" t="s">
        <v>72777</v>
      </c>
      <c r="B20335" s="1" t="s">
        <v>70629</v>
      </c>
      <c r="C20335" s="1" t="s">
        <v>35</v>
      </c>
      <c r="D20335" s="1" t="s">
        <v>72788</v>
      </c>
      <c r="E20335" s="1" t="s">
        <v>31869</v>
      </c>
      <c r="F20335" s="1" t="s">
        <v>57850</v>
      </c>
      <c r="G20335" s="1" t="s">
        <v>72780</v>
      </c>
      <c r="H20335" s="1" t="s">
        <v>72781</v>
      </c>
      <c r="I20335" s="1" t="s">
        <v>70634</v>
      </c>
      <c r="J20335" s="1" t="s">
        <v>72789</v>
      </c>
    </row>
    <row r="20336" spans="1:10" x14ac:dyDescent="0.35">
      <c r="A20336" s="1" t="s">
        <v>72777</v>
      </c>
      <c r="B20336" s="1" t="s">
        <v>70629</v>
      </c>
      <c r="C20336" s="1" t="s">
        <v>40</v>
      </c>
      <c r="D20336" s="1" t="s">
        <v>9554</v>
      </c>
      <c r="E20336" s="1" t="s">
        <v>64260</v>
      </c>
      <c r="F20336" s="1" t="s">
        <v>58157</v>
      </c>
      <c r="G20336" s="1" t="s">
        <v>72780</v>
      </c>
      <c r="H20336" s="1" t="s">
        <v>72781</v>
      </c>
      <c r="I20336" s="1" t="s">
        <v>70634</v>
      </c>
      <c r="J20336" s="1" t="s">
        <v>72790</v>
      </c>
    </row>
    <row r="20337" spans="1:10" x14ac:dyDescent="0.35">
      <c r="A20337" s="1" t="s">
        <v>72777</v>
      </c>
      <c r="B20337" s="1" t="s">
        <v>70629</v>
      </c>
      <c r="C20337" s="1" t="s">
        <v>45</v>
      </c>
      <c r="D20337" s="1" t="s">
        <v>72791</v>
      </c>
      <c r="E20337" s="1" t="s">
        <v>72792</v>
      </c>
      <c r="F20337" s="1" t="s">
        <v>72793</v>
      </c>
      <c r="G20337" s="1" t="s">
        <v>72780</v>
      </c>
      <c r="H20337" s="1" t="s">
        <v>72781</v>
      </c>
      <c r="I20337" s="1" t="s">
        <v>70634</v>
      </c>
      <c r="J20337" s="1" t="s">
        <v>72794</v>
      </c>
    </row>
    <row r="20338" spans="1:10" x14ac:dyDescent="0.35">
      <c r="A20338" s="1" t="s">
        <v>72777</v>
      </c>
      <c r="B20338" s="1" t="s">
        <v>70629</v>
      </c>
      <c r="C20338" s="1" t="s">
        <v>50</v>
      </c>
      <c r="D20338" s="1" t="s">
        <v>16364</v>
      </c>
      <c r="E20338" s="1" t="s">
        <v>72795</v>
      </c>
      <c r="F20338" s="1" t="s">
        <v>72796</v>
      </c>
      <c r="G20338" s="1" t="s">
        <v>72780</v>
      </c>
      <c r="H20338" s="1" t="s">
        <v>72781</v>
      </c>
      <c r="I20338" s="1" t="s">
        <v>70634</v>
      </c>
      <c r="J20338" s="1" t="s">
        <v>72797</v>
      </c>
    </row>
    <row r="20339" spans="1:10" x14ac:dyDescent="0.35">
      <c r="A20339" s="1" t="s">
        <v>72777</v>
      </c>
      <c r="B20339" s="1" t="s">
        <v>70629</v>
      </c>
      <c r="C20339" s="1" t="s">
        <v>55</v>
      </c>
      <c r="D20339" s="1" t="s">
        <v>72798</v>
      </c>
      <c r="E20339" s="1" t="s">
        <v>31510</v>
      </c>
      <c r="F20339" s="1" t="s">
        <v>57562</v>
      </c>
      <c r="G20339" s="1" t="s">
        <v>72780</v>
      </c>
      <c r="H20339" s="1" t="s">
        <v>72781</v>
      </c>
      <c r="I20339" s="1" t="s">
        <v>70634</v>
      </c>
      <c r="J20339" s="1" t="s">
        <v>72799</v>
      </c>
    </row>
    <row r="20340" spans="1:10" x14ac:dyDescent="0.35">
      <c r="A20340" s="1" t="s">
        <v>72777</v>
      </c>
      <c r="B20340" s="1" t="s">
        <v>70629</v>
      </c>
      <c r="C20340" s="1" t="s">
        <v>60</v>
      </c>
      <c r="D20340" s="1" t="s">
        <v>72800</v>
      </c>
      <c r="E20340" s="1" t="s">
        <v>26576</v>
      </c>
      <c r="F20340" s="1" t="s">
        <v>72801</v>
      </c>
      <c r="G20340" s="1" t="s">
        <v>72780</v>
      </c>
      <c r="H20340" s="1" t="s">
        <v>72781</v>
      </c>
      <c r="I20340" s="1" t="s">
        <v>70634</v>
      </c>
      <c r="J20340" s="1" t="s">
        <v>72802</v>
      </c>
    </row>
    <row r="20341" spans="1:10" x14ac:dyDescent="0.35">
      <c r="A20341" s="1" t="s">
        <v>72777</v>
      </c>
      <c r="B20341" s="1" t="s">
        <v>70629</v>
      </c>
      <c r="C20341" s="1" t="s">
        <v>65</v>
      </c>
      <c r="D20341" s="1" t="s">
        <v>37848</v>
      </c>
      <c r="E20341" s="1" t="s">
        <v>21860</v>
      </c>
      <c r="F20341" s="1" t="s">
        <v>72803</v>
      </c>
      <c r="G20341" s="1" t="s">
        <v>72780</v>
      </c>
      <c r="H20341" s="1" t="s">
        <v>72781</v>
      </c>
      <c r="I20341" s="1" t="s">
        <v>70634</v>
      </c>
      <c r="J20341" s="1" t="s">
        <v>72804</v>
      </c>
    </row>
    <row r="20342" spans="1:10" x14ac:dyDescent="0.35">
      <c r="A20342" s="1" t="s">
        <v>72777</v>
      </c>
      <c r="B20342" s="1" t="s">
        <v>70629</v>
      </c>
      <c r="C20342" s="1" t="s">
        <v>70</v>
      </c>
      <c r="D20342" s="1" t="s">
        <v>72805</v>
      </c>
      <c r="E20342" s="1" t="s">
        <v>72806</v>
      </c>
      <c r="F20342" s="1" t="s">
        <v>72807</v>
      </c>
      <c r="G20342" s="1" t="s">
        <v>72780</v>
      </c>
      <c r="H20342" s="1" t="s">
        <v>72781</v>
      </c>
      <c r="I20342" s="1" t="s">
        <v>70634</v>
      </c>
      <c r="J20342" s="1" t="s">
        <v>72808</v>
      </c>
    </row>
    <row r="20343" spans="1:10" x14ac:dyDescent="0.35">
      <c r="A20343" s="1" t="s">
        <v>72777</v>
      </c>
      <c r="B20343" s="1" t="s">
        <v>70629</v>
      </c>
      <c r="C20343" s="1" t="s">
        <v>75</v>
      </c>
      <c r="D20343" s="1" t="s">
        <v>47369</v>
      </c>
      <c r="E20343" s="1" t="s">
        <v>15235</v>
      </c>
      <c r="F20343" s="1" t="s">
        <v>72809</v>
      </c>
      <c r="G20343" s="1" t="s">
        <v>72780</v>
      </c>
      <c r="H20343" s="1" t="s">
        <v>72781</v>
      </c>
      <c r="I20343" s="1" t="s">
        <v>70634</v>
      </c>
      <c r="J20343" s="1" t="s">
        <v>72810</v>
      </c>
    </row>
    <row r="20344" spans="1:10" x14ac:dyDescent="0.35">
      <c r="A20344" s="1" t="s">
        <v>72777</v>
      </c>
      <c r="B20344" s="1" t="s">
        <v>70629</v>
      </c>
      <c r="C20344" s="1" t="s">
        <v>80</v>
      </c>
      <c r="D20344" s="1" t="s">
        <v>42513</v>
      </c>
      <c r="E20344" s="1" t="s">
        <v>31757</v>
      </c>
      <c r="F20344" s="1" t="s">
        <v>58765</v>
      </c>
      <c r="G20344" s="1" t="s">
        <v>72780</v>
      </c>
      <c r="H20344" s="1" t="s">
        <v>72781</v>
      </c>
      <c r="I20344" s="1" t="s">
        <v>70634</v>
      </c>
      <c r="J20344" s="1" t="s">
        <v>72811</v>
      </c>
    </row>
    <row r="20345" spans="1:10" x14ac:dyDescent="0.35">
      <c r="A20345" s="1" t="s">
        <v>72777</v>
      </c>
      <c r="B20345" s="1" t="s">
        <v>70629</v>
      </c>
      <c r="C20345" s="1" t="s">
        <v>85</v>
      </c>
      <c r="D20345" s="1" t="s">
        <v>5167</v>
      </c>
      <c r="E20345" s="1" t="s">
        <v>31953</v>
      </c>
      <c r="F20345" s="1" t="s">
        <v>72812</v>
      </c>
      <c r="G20345" s="1" t="s">
        <v>72780</v>
      </c>
      <c r="H20345" s="1" t="s">
        <v>72781</v>
      </c>
      <c r="I20345" s="1" t="s">
        <v>70634</v>
      </c>
      <c r="J20345" s="1" t="s">
        <v>72813</v>
      </c>
    </row>
    <row r="20346" spans="1:10" x14ac:dyDescent="0.35">
      <c r="A20346" s="1" t="s">
        <v>72777</v>
      </c>
      <c r="B20346" s="1" t="s">
        <v>70629</v>
      </c>
      <c r="C20346" s="1" t="s">
        <v>90</v>
      </c>
      <c r="D20346" s="1" t="s">
        <v>45185</v>
      </c>
      <c r="E20346" s="1" t="s">
        <v>31757</v>
      </c>
      <c r="F20346" s="1" t="s">
        <v>72814</v>
      </c>
      <c r="G20346" s="1" t="s">
        <v>72780</v>
      </c>
      <c r="H20346" s="1" t="s">
        <v>72781</v>
      </c>
      <c r="I20346" s="1" t="s">
        <v>70634</v>
      </c>
      <c r="J20346" s="1" t="s">
        <v>72815</v>
      </c>
    </row>
    <row r="20347" spans="1:10" x14ac:dyDescent="0.35">
      <c r="A20347" s="1" t="s">
        <v>72777</v>
      </c>
      <c r="B20347" s="1" t="s">
        <v>70629</v>
      </c>
      <c r="C20347" s="1" t="s">
        <v>95</v>
      </c>
      <c r="D20347" s="1" t="s">
        <v>36808</v>
      </c>
      <c r="E20347" s="1" t="s">
        <v>57621</v>
      </c>
      <c r="F20347" s="1" t="s">
        <v>59798</v>
      </c>
      <c r="G20347" s="1" t="s">
        <v>72780</v>
      </c>
      <c r="H20347" s="1" t="s">
        <v>72781</v>
      </c>
      <c r="I20347" s="1" t="s">
        <v>70634</v>
      </c>
      <c r="J20347" s="1" t="s">
        <v>72816</v>
      </c>
    </row>
    <row r="20348" spans="1:10" x14ac:dyDescent="0.35">
      <c r="A20348" s="1" t="s">
        <v>72777</v>
      </c>
      <c r="B20348" s="1" t="s">
        <v>70629</v>
      </c>
      <c r="C20348" s="1" t="s">
        <v>100</v>
      </c>
      <c r="D20348" s="1" t="s">
        <v>72817</v>
      </c>
      <c r="E20348" s="1" t="s">
        <v>63929</v>
      </c>
      <c r="F20348" s="1" t="s">
        <v>65999</v>
      </c>
      <c r="G20348" s="1" t="s">
        <v>72780</v>
      </c>
      <c r="H20348" s="1" t="s">
        <v>72781</v>
      </c>
      <c r="I20348" s="1" t="s">
        <v>70634</v>
      </c>
      <c r="J20348" s="1" t="s">
        <v>72818</v>
      </c>
    </row>
    <row r="20349" spans="1:10" x14ac:dyDescent="0.35">
      <c r="A20349" s="1" t="s">
        <v>72777</v>
      </c>
      <c r="B20349" s="1" t="s">
        <v>70629</v>
      </c>
      <c r="C20349" s="1" t="s">
        <v>105</v>
      </c>
      <c r="D20349" s="1" t="s">
        <v>10689</v>
      </c>
      <c r="E20349" s="1" t="s">
        <v>26235</v>
      </c>
      <c r="F20349" s="1" t="s">
        <v>72819</v>
      </c>
      <c r="G20349" s="1" t="s">
        <v>72780</v>
      </c>
      <c r="H20349" s="1" t="s">
        <v>72781</v>
      </c>
      <c r="I20349" s="1" t="s">
        <v>70634</v>
      </c>
      <c r="J20349" s="1" t="s">
        <v>72820</v>
      </c>
    </row>
    <row r="20350" spans="1:10" x14ac:dyDescent="0.35">
      <c r="A20350" s="1" t="s">
        <v>72777</v>
      </c>
      <c r="B20350" s="1" t="s">
        <v>70629</v>
      </c>
      <c r="C20350" s="1" t="s">
        <v>110</v>
      </c>
      <c r="D20350" s="1" t="s">
        <v>3120</v>
      </c>
      <c r="E20350" s="1" t="s">
        <v>23244</v>
      </c>
      <c r="F20350" s="1" t="s">
        <v>60799</v>
      </c>
      <c r="G20350" s="1" t="s">
        <v>72780</v>
      </c>
      <c r="H20350" s="1" t="s">
        <v>72781</v>
      </c>
      <c r="I20350" s="1" t="s">
        <v>70634</v>
      </c>
      <c r="J20350" s="1" t="s">
        <v>72821</v>
      </c>
    </row>
    <row r="20351" spans="1:10" x14ac:dyDescent="0.35">
      <c r="A20351" s="1" t="s">
        <v>72777</v>
      </c>
      <c r="B20351" s="1" t="s">
        <v>70629</v>
      </c>
      <c r="C20351" s="1" t="s">
        <v>115</v>
      </c>
      <c r="D20351" s="1" t="s">
        <v>72822</v>
      </c>
      <c r="E20351" s="1" t="s">
        <v>59742</v>
      </c>
      <c r="F20351" s="1" t="s">
        <v>72823</v>
      </c>
      <c r="G20351" s="1" t="s">
        <v>72780</v>
      </c>
      <c r="H20351" s="1" t="s">
        <v>72781</v>
      </c>
      <c r="I20351" s="1" t="s">
        <v>70634</v>
      </c>
      <c r="J20351" s="1" t="s">
        <v>72824</v>
      </c>
    </row>
    <row r="20352" spans="1:10" x14ac:dyDescent="0.35">
      <c r="A20352" s="1" t="s">
        <v>72777</v>
      </c>
      <c r="B20352" s="1" t="s">
        <v>70629</v>
      </c>
      <c r="C20352" s="1" t="s">
        <v>120</v>
      </c>
      <c r="D20352" s="1" t="s">
        <v>72825</v>
      </c>
      <c r="E20352" s="1" t="s">
        <v>32090</v>
      </c>
      <c r="F20352" s="1" t="s">
        <v>72826</v>
      </c>
      <c r="G20352" s="1" t="s">
        <v>72780</v>
      </c>
      <c r="H20352" s="1" t="s">
        <v>72781</v>
      </c>
      <c r="I20352" s="1" t="s">
        <v>70634</v>
      </c>
      <c r="J20352" s="1" t="s">
        <v>72827</v>
      </c>
    </row>
    <row r="20353" spans="1:10" x14ac:dyDescent="0.35">
      <c r="A20353" s="1" t="s">
        <v>72777</v>
      </c>
      <c r="B20353" s="1" t="s">
        <v>70629</v>
      </c>
      <c r="C20353" s="1" t="s">
        <v>125</v>
      </c>
      <c r="D20353" s="1" t="s">
        <v>32983</v>
      </c>
      <c r="E20353" s="1" t="s">
        <v>61876</v>
      </c>
      <c r="F20353" s="1" t="s">
        <v>72828</v>
      </c>
      <c r="G20353" s="1" t="s">
        <v>72780</v>
      </c>
      <c r="H20353" s="1" t="s">
        <v>72781</v>
      </c>
      <c r="I20353" s="1" t="s">
        <v>70634</v>
      </c>
      <c r="J20353" s="1" t="s">
        <v>72829</v>
      </c>
    </row>
    <row r="20354" spans="1:10" x14ac:dyDescent="0.35">
      <c r="A20354" s="1" t="s">
        <v>72777</v>
      </c>
      <c r="B20354" s="1" t="s">
        <v>70629</v>
      </c>
      <c r="C20354" s="1" t="s">
        <v>130</v>
      </c>
      <c r="D20354" s="1" t="s">
        <v>72830</v>
      </c>
      <c r="E20354" s="1" t="s">
        <v>65423</v>
      </c>
      <c r="F20354" s="1" t="s">
        <v>72831</v>
      </c>
      <c r="G20354" s="1" t="s">
        <v>72780</v>
      </c>
      <c r="H20354" s="1" t="s">
        <v>72781</v>
      </c>
      <c r="I20354" s="1" t="s">
        <v>70634</v>
      </c>
      <c r="J20354" s="1" t="s">
        <v>72832</v>
      </c>
    </row>
    <row r="20355" spans="1:10" x14ac:dyDescent="0.35">
      <c r="A20355" s="1" t="s">
        <v>72777</v>
      </c>
      <c r="B20355" s="1" t="s">
        <v>70629</v>
      </c>
      <c r="C20355" s="1" t="s">
        <v>135</v>
      </c>
      <c r="D20355" s="1" t="s">
        <v>72833</v>
      </c>
      <c r="E20355" s="1" t="s">
        <v>72834</v>
      </c>
      <c r="F20355" s="1" t="s">
        <v>72835</v>
      </c>
      <c r="G20355" s="1" t="s">
        <v>72780</v>
      </c>
      <c r="H20355" s="1" t="s">
        <v>72781</v>
      </c>
      <c r="I20355" s="1" t="s">
        <v>70634</v>
      </c>
      <c r="J20355" s="1" t="s">
        <v>12282</v>
      </c>
    </row>
    <row r="20356" spans="1:10" x14ac:dyDescent="0.35">
      <c r="A20356" s="1" t="s">
        <v>72777</v>
      </c>
      <c r="B20356" s="1" t="s">
        <v>70629</v>
      </c>
      <c r="C20356" s="1" t="s">
        <v>140</v>
      </c>
      <c r="D20356" s="1" t="s">
        <v>72836</v>
      </c>
      <c r="E20356" s="1" t="s">
        <v>54215</v>
      </c>
      <c r="F20356" s="1" t="s">
        <v>59618</v>
      </c>
      <c r="G20356" s="1" t="s">
        <v>72780</v>
      </c>
      <c r="H20356" s="1" t="s">
        <v>72781</v>
      </c>
      <c r="I20356" s="1" t="s">
        <v>70634</v>
      </c>
      <c r="J20356" s="1" t="s">
        <v>72837</v>
      </c>
    </row>
    <row r="20357" spans="1:10" x14ac:dyDescent="0.35">
      <c r="A20357" s="1" t="s">
        <v>72777</v>
      </c>
      <c r="B20357" s="1" t="s">
        <v>70629</v>
      </c>
      <c r="C20357" s="1" t="s">
        <v>145</v>
      </c>
      <c r="D20357" s="1" t="s">
        <v>33710</v>
      </c>
      <c r="E20357" s="1" t="s">
        <v>23240</v>
      </c>
      <c r="F20357" s="1" t="s">
        <v>72838</v>
      </c>
      <c r="G20357" s="1" t="s">
        <v>72780</v>
      </c>
      <c r="H20357" s="1" t="s">
        <v>72781</v>
      </c>
      <c r="I20357" s="1" t="s">
        <v>70634</v>
      </c>
      <c r="J20357" s="1" t="s">
        <v>72839</v>
      </c>
    </row>
    <row r="20358" spans="1:10" x14ac:dyDescent="0.35">
      <c r="A20358" s="1" t="s">
        <v>72777</v>
      </c>
      <c r="B20358" s="1" t="s">
        <v>70629</v>
      </c>
      <c r="C20358" s="1" t="s">
        <v>150</v>
      </c>
      <c r="D20358" s="1" t="s">
        <v>19580</v>
      </c>
      <c r="E20358" s="1" t="s">
        <v>22345</v>
      </c>
      <c r="F20358" s="1" t="s">
        <v>24243</v>
      </c>
      <c r="G20358" s="1" t="s">
        <v>72780</v>
      </c>
      <c r="H20358" s="1" t="s">
        <v>72781</v>
      </c>
      <c r="I20358" s="1" t="s">
        <v>70634</v>
      </c>
      <c r="J20358" s="1" t="s">
        <v>72840</v>
      </c>
    </row>
    <row r="20359" spans="1:10" x14ac:dyDescent="0.35">
      <c r="A20359" s="1" t="s">
        <v>72777</v>
      </c>
      <c r="B20359" s="1" t="s">
        <v>70629</v>
      </c>
      <c r="C20359" s="1" t="s">
        <v>155</v>
      </c>
      <c r="D20359" s="1" t="s">
        <v>2416</v>
      </c>
      <c r="E20359" s="1" t="s">
        <v>72841</v>
      </c>
      <c r="F20359" s="1" t="s">
        <v>72842</v>
      </c>
      <c r="G20359" s="1" t="s">
        <v>72780</v>
      </c>
      <c r="H20359" s="1" t="s">
        <v>72781</v>
      </c>
      <c r="I20359" s="1" t="s">
        <v>70634</v>
      </c>
      <c r="J20359" s="1" t="s">
        <v>72843</v>
      </c>
    </row>
    <row r="20360" spans="1:10" x14ac:dyDescent="0.35">
      <c r="A20360" s="1" t="s">
        <v>72777</v>
      </c>
      <c r="B20360" s="1" t="s">
        <v>70629</v>
      </c>
      <c r="C20360" s="1" t="s">
        <v>160</v>
      </c>
      <c r="D20360" s="1" t="s">
        <v>37054</v>
      </c>
      <c r="E20360" s="1" t="s">
        <v>15407</v>
      </c>
      <c r="F20360" s="1" t="s">
        <v>72844</v>
      </c>
      <c r="G20360" s="1" t="s">
        <v>72780</v>
      </c>
      <c r="H20360" s="1" t="s">
        <v>72781</v>
      </c>
      <c r="I20360" s="1" t="s">
        <v>70634</v>
      </c>
      <c r="J20360" s="1" t="s">
        <v>72845</v>
      </c>
    </row>
    <row r="20361" spans="1:10" x14ac:dyDescent="0.35">
      <c r="A20361" s="1" t="s">
        <v>72777</v>
      </c>
      <c r="B20361" s="1" t="s">
        <v>70629</v>
      </c>
      <c r="C20361" s="1" t="s">
        <v>165</v>
      </c>
      <c r="D20361" s="1" t="s">
        <v>72846</v>
      </c>
      <c r="E20361" s="1" t="s">
        <v>22282</v>
      </c>
      <c r="F20361" s="1" t="s">
        <v>72847</v>
      </c>
      <c r="G20361" s="1" t="s">
        <v>72780</v>
      </c>
      <c r="H20361" s="1" t="s">
        <v>72781</v>
      </c>
      <c r="I20361" s="1" t="s">
        <v>70634</v>
      </c>
      <c r="J20361" s="1" t="s">
        <v>72848</v>
      </c>
    </row>
    <row r="20362" spans="1:10" x14ac:dyDescent="0.35">
      <c r="A20362" s="1" t="s">
        <v>72777</v>
      </c>
      <c r="B20362" s="1" t="s">
        <v>70629</v>
      </c>
      <c r="C20362" s="1" t="s">
        <v>170</v>
      </c>
      <c r="D20362" s="1" t="s">
        <v>72849</v>
      </c>
      <c r="E20362" s="1" t="s">
        <v>15353</v>
      </c>
      <c r="F20362" s="1" t="s">
        <v>72850</v>
      </c>
      <c r="G20362" s="1" t="s">
        <v>72780</v>
      </c>
      <c r="H20362" s="1" t="s">
        <v>72781</v>
      </c>
      <c r="I20362" s="1" t="s">
        <v>70634</v>
      </c>
      <c r="J20362" s="1" t="s">
        <v>72851</v>
      </c>
    </row>
    <row r="20363" spans="1:10" x14ac:dyDescent="0.35">
      <c r="A20363" s="1" t="s">
        <v>72852</v>
      </c>
      <c r="B20363" s="1" t="s">
        <v>70629</v>
      </c>
      <c r="C20363" s="1" t="s">
        <v>8</v>
      </c>
      <c r="D20363" s="1" t="s">
        <v>72853</v>
      </c>
      <c r="E20363" s="1" t="s">
        <v>72854</v>
      </c>
      <c r="F20363" s="1" t="s">
        <v>72855</v>
      </c>
      <c r="G20363" s="1" t="s">
        <v>72856</v>
      </c>
      <c r="H20363" s="1" t="s">
        <v>72857</v>
      </c>
      <c r="I20363" s="1" t="s">
        <v>70634</v>
      </c>
      <c r="J20363" s="1" t="s">
        <v>13</v>
      </c>
    </row>
    <row r="20364" spans="1:10" x14ac:dyDescent="0.35">
      <c r="A20364" s="1" t="s">
        <v>72852</v>
      </c>
      <c r="B20364" s="1" t="s">
        <v>70629</v>
      </c>
      <c r="C20364" s="1" t="s">
        <v>15</v>
      </c>
      <c r="D20364" s="1" t="s">
        <v>72858</v>
      </c>
      <c r="E20364" s="1" t="s">
        <v>72859</v>
      </c>
      <c r="F20364" s="1" t="s">
        <v>72860</v>
      </c>
      <c r="G20364" s="1" t="s">
        <v>72856</v>
      </c>
      <c r="H20364" s="1" t="s">
        <v>72857</v>
      </c>
      <c r="I20364" s="1" t="s">
        <v>70634</v>
      </c>
      <c r="J20364" s="1" t="s">
        <v>72861</v>
      </c>
    </row>
    <row r="20365" spans="1:10" x14ac:dyDescent="0.35">
      <c r="A20365" s="1" t="s">
        <v>72852</v>
      </c>
      <c r="B20365" s="1" t="s">
        <v>70629</v>
      </c>
      <c r="C20365" s="1" t="s">
        <v>20</v>
      </c>
      <c r="D20365" s="1" t="s">
        <v>15503</v>
      </c>
      <c r="E20365" s="1" t="s">
        <v>72862</v>
      </c>
      <c r="F20365" s="1" t="s">
        <v>72863</v>
      </c>
      <c r="G20365" s="1" t="s">
        <v>72856</v>
      </c>
      <c r="H20365" s="1" t="s">
        <v>72857</v>
      </c>
      <c r="I20365" s="1" t="s">
        <v>70634</v>
      </c>
      <c r="J20365" s="1" t="s">
        <v>72864</v>
      </c>
    </row>
    <row r="20366" spans="1:10" x14ac:dyDescent="0.35">
      <c r="A20366" s="1" t="s">
        <v>72852</v>
      </c>
      <c r="B20366" s="1" t="s">
        <v>70629</v>
      </c>
      <c r="C20366" s="1" t="s">
        <v>25</v>
      </c>
      <c r="D20366" s="1" t="s">
        <v>72865</v>
      </c>
      <c r="E20366" s="1" t="s">
        <v>72866</v>
      </c>
      <c r="F20366" s="1" t="s">
        <v>72867</v>
      </c>
      <c r="G20366" s="1" t="s">
        <v>72856</v>
      </c>
      <c r="H20366" s="1" t="s">
        <v>72857</v>
      </c>
      <c r="I20366" s="1" t="s">
        <v>70634</v>
      </c>
      <c r="J20366" s="1" t="s">
        <v>72868</v>
      </c>
    </row>
    <row r="20367" spans="1:10" x14ac:dyDescent="0.35">
      <c r="A20367" s="1" t="s">
        <v>72852</v>
      </c>
      <c r="B20367" s="1" t="s">
        <v>70629</v>
      </c>
      <c r="C20367" s="1" t="s">
        <v>30</v>
      </c>
      <c r="D20367" s="1" t="s">
        <v>46376</v>
      </c>
      <c r="E20367" s="1" t="s">
        <v>72869</v>
      </c>
      <c r="F20367" s="1" t="s">
        <v>72870</v>
      </c>
      <c r="G20367" s="1" t="s">
        <v>72856</v>
      </c>
      <c r="H20367" s="1" t="s">
        <v>72857</v>
      </c>
      <c r="I20367" s="1" t="s">
        <v>70634</v>
      </c>
      <c r="J20367" s="1" t="s">
        <v>72871</v>
      </c>
    </row>
    <row r="20368" spans="1:10" x14ac:dyDescent="0.35">
      <c r="A20368" s="1" t="s">
        <v>72852</v>
      </c>
      <c r="B20368" s="1" t="s">
        <v>70629</v>
      </c>
      <c r="C20368" s="1" t="s">
        <v>35</v>
      </c>
      <c r="D20368" s="1" t="s">
        <v>35758</v>
      </c>
      <c r="E20368" s="1" t="s">
        <v>72872</v>
      </c>
      <c r="F20368" s="1" t="s">
        <v>72873</v>
      </c>
      <c r="G20368" s="1" t="s">
        <v>72856</v>
      </c>
      <c r="H20368" s="1" t="s">
        <v>72857</v>
      </c>
      <c r="I20368" s="1" t="s">
        <v>70634</v>
      </c>
      <c r="J20368" s="1" t="s">
        <v>72874</v>
      </c>
    </row>
    <row r="20369" spans="1:10" x14ac:dyDescent="0.35">
      <c r="A20369" s="1" t="s">
        <v>72852</v>
      </c>
      <c r="B20369" s="1" t="s">
        <v>70629</v>
      </c>
      <c r="C20369" s="1" t="s">
        <v>40</v>
      </c>
      <c r="D20369" s="1" t="s">
        <v>33167</v>
      </c>
      <c r="E20369" s="1" t="s">
        <v>72875</v>
      </c>
      <c r="F20369" s="1" t="s">
        <v>72876</v>
      </c>
      <c r="G20369" s="1" t="s">
        <v>72856</v>
      </c>
      <c r="H20369" s="1" t="s">
        <v>72857</v>
      </c>
      <c r="I20369" s="1" t="s">
        <v>70634</v>
      </c>
      <c r="J20369" s="1" t="s">
        <v>72877</v>
      </c>
    </row>
    <row r="20370" spans="1:10" x14ac:dyDescent="0.35">
      <c r="A20370" s="1" t="s">
        <v>72852</v>
      </c>
      <c r="B20370" s="1" t="s">
        <v>70629</v>
      </c>
      <c r="C20370" s="1" t="s">
        <v>45</v>
      </c>
      <c r="D20370" s="1" t="s">
        <v>48915</v>
      </c>
      <c r="E20370" s="1" t="s">
        <v>72878</v>
      </c>
      <c r="F20370" s="1" t="s">
        <v>72879</v>
      </c>
      <c r="G20370" s="1" t="s">
        <v>72856</v>
      </c>
      <c r="H20370" s="1" t="s">
        <v>72857</v>
      </c>
      <c r="I20370" s="1" t="s">
        <v>70634</v>
      </c>
      <c r="J20370" s="1" t="s">
        <v>72880</v>
      </c>
    </row>
    <row r="20371" spans="1:10" x14ac:dyDescent="0.35">
      <c r="A20371" s="1" t="s">
        <v>72852</v>
      </c>
      <c r="B20371" s="1" t="s">
        <v>70629</v>
      </c>
      <c r="C20371" s="1" t="s">
        <v>50</v>
      </c>
      <c r="D20371" s="1" t="s">
        <v>72881</v>
      </c>
      <c r="E20371" s="1" t="s">
        <v>72882</v>
      </c>
      <c r="F20371" s="1" t="s">
        <v>72883</v>
      </c>
      <c r="G20371" s="1" t="s">
        <v>72856</v>
      </c>
      <c r="H20371" s="1" t="s">
        <v>72857</v>
      </c>
      <c r="I20371" s="1" t="s">
        <v>70634</v>
      </c>
      <c r="J20371" s="1" t="s">
        <v>72884</v>
      </c>
    </row>
    <row r="20372" spans="1:10" x14ac:dyDescent="0.35">
      <c r="A20372" s="1" t="s">
        <v>72852</v>
      </c>
      <c r="B20372" s="1" t="s">
        <v>70629</v>
      </c>
      <c r="C20372" s="1" t="s">
        <v>55</v>
      </c>
      <c r="D20372" s="1" t="s">
        <v>32075</v>
      </c>
      <c r="E20372" s="1" t="s">
        <v>72885</v>
      </c>
      <c r="F20372" s="1" t="s">
        <v>72886</v>
      </c>
      <c r="G20372" s="1" t="s">
        <v>72856</v>
      </c>
      <c r="H20372" s="1" t="s">
        <v>72857</v>
      </c>
      <c r="I20372" s="1" t="s">
        <v>70634</v>
      </c>
      <c r="J20372" s="1" t="s">
        <v>72887</v>
      </c>
    </row>
    <row r="20373" spans="1:10" x14ac:dyDescent="0.35">
      <c r="A20373" s="1" t="s">
        <v>72852</v>
      </c>
      <c r="B20373" s="1" t="s">
        <v>70629</v>
      </c>
      <c r="C20373" s="1" t="s">
        <v>60</v>
      </c>
      <c r="D20373" s="1" t="s">
        <v>72888</v>
      </c>
      <c r="E20373" s="1" t="s">
        <v>72889</v>
      </c>
      <c r="F20373" s="1" t="s">
        <v>72890</v>
      </c>
      <c r="G20373" s="1" t="s">
        <v>72856</v>
      </c>
      <c r="H20373" s="1" t="s">
        <v>72857</v>
      </c>
      <c r="I20373" s="1" t="s">
        <v>70634</v>
      </c>
      <c r="J20373" s="1" t="s">
        <v>72891</v>
      </c>
    </row>
    <row r="20374" spans="1:10" x14ac:dyDescent="0.35">
      <c r="A20374" s="1" t="s">
        <v>72852</v>
      </c>
      <c r="B20374" s="1" t="s">
        <v>70629</v>
      </c>
      <c r="C20374" s="1" t="s">
        <v>65</v>
      </c>
      <c r="D20374" s="1" t="s">
        <v>50521</v>
      </c>
      <c r="E20374" s="1" t="s">
        <v>72892</v>
      </c>
      <c r="F20374" s="1" t="s">
        <v>72893</v>
      </c>
      <c r="G20374" s="1" t="s">
        <v>72856</v>
      </c>
      <c r="H20374" s="1" t="s">
        <v>72857</v>
      </c>
      <c r="I20374" s="1" t="s">
        <v>70634</v>
      </c>
      <c r="J20374" s="1" t="s">
        <v>72894</v>
      </c>
    </row>
    <row r="20375" spans="1:10" x14ac:dyDescent="0.35">
      <c r="A20375" s="1" t="s">
        <v>72852</v>
      </c>
      <c r="B20375" s="1" t="s">
        <v>70629</v>
      </c>
      <c r="C20375" s="1" t="s">
        <v>70</v>
      </c>
      <c r="D20375" s="1" t="s">
        <v>72895</v>
      </c>
      <c r="E20375" s="1" t="s">
        <v>72896</v>
      </c>
      <c r="F20375" s="1" t="s">
        <v>72897</v>
      </c>
      <c r="G20375" s="1" t="s">
        <v>72856</v>
      </c>
      <c r="H20375" s="1" t="s">
        <v>72857</v>
      </c>
      <c r="I20375" s="1" t="s">
        <v>70634</v>
      </c>
      <c r="J20375" s="1" t="s">
        <v>72898</v>
      </c>
    </row>
    <row r="20376" spans="1:10" x14ac:dyDescent="0.35">
      <c r="A20376" s="1" t="s">
        <v>72852</v>
      </c>
      <c r="B20376" s="1" t="s">
        <v>70629</v>
      </c>
      <c r="C20376" s="1" t="s">
        <v>75</v>
      </c>
      <c r="D20376" s="1" t="s">
        <v>72899</v>
      </c>
      <c r="E20376" s="1" t="s">
        <v>72900</v>
      </c>
      <c r="F20376" s="1" t="s">
        <v>72901</v>
      </c>
      <c r="G20376" s="1" t="s">
        <v>72856</v>
      </c>
      <c r="H20376" s="1" t="s">
        <v>72857</v>
      </c>
      <c r="I20376" s="1" t="s">
        <v>70634</v>
      </c>
      <c r="J20376" s="1" t="s">
        <v>72902</v>
      </c>
    </row>
    <row r="20377" spans="1:10" x14ac:dyDescent="0.35">
      <c r="A20377" s="1" t="s">
        <v>72852</v>
      </c>
      <c r="B20377" s="1" t="s">
        <v>70629</v>
      </c>
      <c r="C20377" s="1" t="s">
        <v>80</v>
      </c>
      <c r="D20377" s="1" t="s">
        <v>281</v>
      </c>
      <c r="E20377" s="1" t="s">
        <v>72903</v>
      </c>
      <c r="F20377" s="1" t="s">
        <v>72904</v>
      </c>
      <c r="G20377" s="1" t="s">
        <v>72856</v>
      </c>
      <c r="H20377" s="1" t="s">
        <v>72857</v>
      </c>
      <c r="I20377" s="1" t="s">
        <v>70634</v>
      </c>
      <c r="J20377" s="1" t="s">
        <v>72905</v>
      </c>
    </row>
    <row r="20378" spans="1:10" x14ac:dyDescent="0.35">
      <c r="A20378" s="1" t="s">
        <v>72852</v>
      </c>
      <c r="B20378" s="1" t="s">
        <v>70629</v>
      </c>
      <c r="C20378" s="1" t="s">
        <v>85</v>
      </c>
      <c r="D20378" s="1" t="s">
        <v>72906</v>
      </c>
      <c r="E20378" s="1" t="s">
        <v>72907</v>
      </c>
      <c r="F20378" s="1" t="s">
        <v>72908</v>
      </c>
      <c r="G20378" s="1" t="s">
        <v>72856</v>
      </c>
      <c r="H20378" s="1" t="s">
        <v>72857</v>
      </c>
      <c r="I20378" s="1" t="s">
        <v>70634</v>
      </c>
      <c r="J20378" s="1" t="s">
        <v>72909</v>
      </c>
    </row>
    <row r="20379" spans="1:10" x14ac:dyDescent="0.35">
      <c r="A20379" s="1" t="s">
        <v>72852</v>
      </c>
      <c r="B20379" s="1" t="s">
        <v>70629</v>
      </c>
      <c r="C20379" s="1" t="s">
        <v>90</v>
      </c>
      <c r="D20379" s="1" t="s">
        <v>71206</v>
      </c>
      <c r="E20379" s="1" t="s">
        <v>72910</v>
      </c>
      <c r="F20379" s="1" t="s">
        <v>72911</v>
      </c>
      <c r="G20379" s="1" t="s">
        <v>72856</v>
      </c>
      <c r="H20379" s="1" t="s">
        <v>72857</v>
      </c>
      <c r="I20379" s="1" t="s">
        <v>70634</v>
      </c>
      <c r="J20379" s="1" t="s">
        <v>72912</v>
      </c>
    </row>
    <row r="20380" spans="1:10" x14ac:dyDescent="0.35">
      <c r="A20380" s="1" t="s">
        <v>72852</v>
      </c>
      <c r="B20380" s="1" t="s">
        <v>70629</v>
      </c>
      <c r="C20380" s="1" t="s">
        <v>95</v>
      </c>
      <c r="D20380" s="1" t="s">
        <v>72913</v>
      </c>
      <c r="E20380" s="1" t="s">
        <v>72914</v>
      </c>
      <c r="F20380" s="1" t="s">
        <v>72915</v>
      </c>
      <c r="G20380" s="1" t="s">
        <v>72856</v>
      </c>
      <c r="H20380" s="1" t="s">
        <v>72857</v>
      </c>
      <c r="I20380" s="1" t="s">
        <v>70634</v>
      </c>
      <c r="J20380" s="1" t="s">
        <v>72916</v>
      </c>
    </row>
    <row r="20381" spans="1:10" x14ac:dyDescent="0.35">
      <c r="A20381" s="1" t="s">
        <v>72852</v>
      </c>
      <c r="B20381" s="1" t="s">
        <v>70629</v>
      </c>
      <c r="C20381" s="1" t="s">
        <v>100</v>
      </c>
      <c r="D20381" s="1" t="s">
        <v>72917</v>
      </c>
      <c r="E20381" s="1" t="s">
        <v>72918</v>
      </c>
      <c r="F20381" s="1" t="s">
        <v>72919</v>
      </c>
      <c r="G20381" s="1" t="s">
        <v>72856</v>
      </c>
      <c r="H20381" s="1" t="s">
        <v>72857</v>
      </c>
      <c r="I20381" s="1" t="s">
        <v>70634</v>
      </c>
      <c r="J20381" s="1" t="s">
        <v>72920</v>
      </c>
    </row>
    <row r="20382" spans="1:10" x14ac:dyDescent="0.35">
      <c r="A20382" s="1" t="s">
        <v>72852</v>
      </c>
      <c r="B20382" s="1" t="s">
        <v>70629</v>
      </c>
      <c r="C20382" s="1" t="s">
        <v>105</v>
      </c>
      <c r="D20382" s="1" t="s">
        <v>35065</v>
      </c>
      <c r="E20382" s="1" t="s">
        <v>72921</v>
      </c>
      <c r="F20382" s="1" t="s">
        <v>72922</v>
      </c>
      <c r="G20382" s="1" t="s">
        <v>72856</v>
      </c>
      <c r="H20382" s="1" t="s">
        <v>72857</v>
      </c>
      <c r="I20382" s="1" t="s">
        <v>70634</v>
      </c>
      <c r="J20382" s="1" t="s">
        <v>72923</v>
      </c>
    </row>
    <row r="20383" spans="1:10" x14ac:dyDescent="0.35">
      <c r="A20383" s="1" t="s">
        <v>72852</v>
      </c>
      <c r="B20383" s="1" t="s">
        <v>70629</v>
      </c>
      <c r="C20383" s="1" t="s">
        <v>110</v>
      </c>
      <c r="D20383" s="1" t="s">
        <v>50647</v>
      </c>
      <c r="E20383" s="1" t="s">
        <v>72924</v>
      </c>
      <c r="F20383" s="1" t="s">
        <v>72925</v>
      </c>
      <c r="G20383" s="1" t="s">
        <v>72856</v>
      </c>
      <c r="H20383" s="1" t="s">
        <v>72857</v>
      </c>
      <c r="I20383" s="1" t="s">
        <v>70634</v>
      </c>
      <c r="J20383" s="1" t="s">
        <v>72926</v>
      </c>
    </row>
    <row r="20384" spans="1:10" x14ac:dyDescent="0.35">
      <c r="A20384" s="1" t="s">
        <v>72852</v>
      </c>
      <c r="B20384" s="1" t="s">
        <v>70629</v>
      </c>
      <c r="C20384" s="1" t="s">
        <v>115</v>
      </c>
      <c r="D20384" s="1" t="s">
        <v>72927</v>
      </c>
      <c r="E20384" s="1" t="s">
        <v>72928</v>
      </c>
      <c r="F20384" s="1" t="s">
        <v>72929</v>
      </c>
      <c r="G20384" s="1" t="s">
        <v>72856</v>
      </c>
      <c r="H20384" s="1" t="s">
        <v>72857</v>
      </c>
      <c r="I20384" s="1" t="s">
        <v>70634</v>
      </c>
      <c r="J20384" s="1" t="s">
        <v>72930</v>
      </c>
    </row>
    <row r="20385" spans="1:10" x14ac:dyDescent="0.35">
      <c r="A20385" s="1" t="s">
        <v>72852</v>
      </c>
      <c r="B20385" s="1" t="s">
        <v>70629</v>
      </c>
      <c r="C20385" s="1" t="s">
        <v>120</v>
      </c>
      <c r="D20385" s="1" t="s">
        <v>36</v>
      </c>
      <c r="E20385" s="1" t="s">
        <v>72931</v>
      </c>
      <c r="F20385" s="1" t="s">
        <v>72932</v>
      </c>
      <c r="G20385" s="1" t="s">
        <v>72856</v>
      </c>
      <c r="H20385" s="1" t="s">
        <v>72857</v>
      </c>
      <c r="I20385" s="1" t="s">
        <v>70634</v>
      </c>
      <c r="J20385" s="1" t="s">
        <v>72933</v>
      </c>
    </row>
    <row r="20386" spans="1:10" x14ac:dyDescent="0.35">
      <c r="A20386" s="1" t="s">
        <v>72852</v>
      </c>
      <c r="B20386" s="1" t="s">
        <v>70629</v>
      </c>
      <c r="C20386" s="1" t="s">
        <v>125</v>
      </c>
      <c r="D20386" s="1" t="s">
        <v>72934</v>
      </c>
      <c r="E20386" s="1" t="s">
        <v>72935</v>
      </c>
      <c r="F20386" s="1" t="s">
        <v>72936</v>
      </c>
      <c r="G20386" s="1" t="s">
        <v>72856</v>
      </c>
      <c r="H20386" s="1" t="s">
        <v>72857</v>
      </c>
      <c r="I20386" s="1" t="s">
        <v>70634</v>
      </c>
      <c r="J20386" s="1" t="s">
        <v>72937</v>
      </c>
    </row>
    <row r="20387" spans="1:10" x14ac:dyDescent="0.35">
      <c r="A20387" s="1" t="s">
        <v>72852</v>
      </c>
      <c r="B20387" s="1" t="s">
        <v>70629</v>
      </c>
      <c r="C20387" s="1" t="s">
        <v>130</v>
      </c>
      <c r="D20387" s="1" t="s">
        <v>38549</v>
      </c>
      <c r="E20387" s="1" t="s">
        <v>72938</v>
      </c>
      <c r="F20387" s="1" t="s">
        <v>72939</v>
      </c>
      <c r="G20387" s="1" t="s">
        <v>72856</v>
      </c>
      <c r="H20387" s="1" t="s">
        <v>72857</v>
      </c>
      <c r="I20387" s="1" t="s">
        <v>70634</v>
      </c>
      <c r="J20387" s="1" t="s">
        <v>72940</v>
      </c>
    </row>
    <row r="20388" spans="1:10" x14ac:dyDescent="0.35">
      <c r="A20388" s="1" t="s">
        <v>72852</v>
      </c>
      <c r="B20388" s="1" t="s">
        <v>70629</v>
      </c>
      <c r="C20388" s="1" t="s">
        <v>135</v>
      </c>
      <c r="D20388" s="1" t="s">
        <v>72941</v>
      </c>
      <c r="E20388" s="1" t="s">
        <v>72942</v>
      </c>
      <c r="F20388" s="1" t="s">
        <v>72943</v>
      </c>
      <c r="G20388" s="1" t="s">
        <v>72856</v>
      </c>
      <c r="H20388" s="1" t="s">
        <v>72857</v>
      </c>
      <c r="I20388" s="1" t="s">
        <v>70634</v>
      </c>
      <c r="J20388" s="1" t="s">
        <v>72944</v>
      </c>
    </row>
    <row r="20389" spans="1:10" x14ac:dyDescent="0.35">
      <c r="A20389" s="1" t="s">
        <v>72852</v>
      </c>
      <c r="B20389" s="1" t="s">
        <v>70629</v>
      </c>
      <c r="C20389" s="1" t="s">
        <v>140</v>
      </c>
      <c r="D20389" s="1" t="s">
        <v>72945</v>
      </c>
      <c r="E20389" s="1" t="s">
        <v>72946</v>
      </c>
      <c r="F20389" s="1" t="s">
        <v>72947</v>
      </c>
      <c r="G20389" s="1" t="s">
        <v>72856</v>
      </c>
      <c r="H20389" s="1" t="s">
        <v>72857</v>
      </c>
      <c r="I20389" s="1" t="s">
        <v>70634</v>
      </c>
      <c r="J20389" s="1" t="s">
        <v>72948</v>
      </c>
    </row>
    <row r="20390" spans="1:10" x14ac:dyDescent="0.35">
      <c r="A20390" s="1" t="s">
        <v>72852</v>
      </c>
      <c r="B20390" s="1" t="s">
        <v>70629</v>
      </c>
      <c r="C20390" s="1" t="s">
        <v>145</v>
      </c>
      <c r="D20390" s="1" t="s">
        <v>34942</v>
      </c>
      <c r="E20390" s="1" t="s">
        <v>72949</v>
      </c>
      <c r="F20390" s="1" t="s">
        <v>72950</v>
      </c>
      <c r="G20390" s="1" t="s">
        <v>72856</v>
      </c>
      <c r="H20390" s="1" t="s">
        <v>72857</v>
      </c>
      <c r="I20390" s="1" t="s">
        <v>70634</v>
      </c>
      <c r="J20390" s="1" t="s">
        <v>72951</v>
      </c>
    </row>
    <row r="20391" spans="1:10" x14ac:dyDescent="0.35">
      <c r="A20391" s="1" t="s">
        <v>72852</v>
      </c>
      <c r="B20391" s="1" t="s">
        <v>70629</v>
      </c>
      <c r="C20391" s="1" t="s">
        <v>150</v>
      </c>
      <c r="D20391" s="1" t="s">
        <v>33945</v>
      </c>
      <c r="E20391" s="1" t="s">
        <v>72952</v>
      </c>
      <c r="F20391" s="1" t="s">
        <v>72953</v>
      </c>
      <c r="G20391" s="1" t="s">
        <v>72856</v>
      </c>
      <c r="H20391" s="1" t="s">
        <v>72857</v>
      </c>
      <c r="I20391" s="1" t="s">
        <v>70634</v>
      </c>
      <c r="J20391" s="1" t="s">
        <v>72954</v>
      </c>
    </row>
    <row r="20392" spans="1:10" x14ac:dyDescent="0.35">
      <c r="A20392" s="1" t="s">
        <v>72852</v>
      </c>
      <c r="B20392" s="1" t="s">
        <v>70629</v>
      </c>
      <c r="C20392" s="1" t="s">
        <v>155</v>
      </c>
      <c r="D20392" s="1" t="s">
        <v>48732</v>
      </c>
      <c r="E20392" s="1" t="s">
        <v>72955</v>
      </c>
      <c r="F20392" s="1" t="s">
        <v>72956</v>
      </c>
      <c r="G20392" s="1" t="s">
        <v>72856</v>
      </c>
      <c r="H20392" s="1" t="s">
        <v>72857</v>
      </c>
      <c r="I20392" s="1" t="s">
        <v>70634</v>
      </c>
      <c r="J20392" s="1" t="s">
        <v>72957</v>
      </c>
    </row>
    <row r="20393" spans="1:10" x14ac:dyDescent="0.35">
      <c r="A20393" s="1" t="s">
        <v>72852</v>
      </c>
      <c r="B20393" s="1" t="s">
        <v>70629</v>
      </c>
      <c r="C20393" s="1" t="s">
        <v>160</v>
      </c>
      <c r="D20393" s="1" t="s">
        <v>35318</v>
      </c>
      <c r="E20393" s="1" t="s">
        <v>72958</v>
      </c>
      <c r="F20393" s="1" t="s">
        <v>72959</v>
      </c>
      <c r="G20393" s="1" t="s">
        <v>72856</v>
      </c>
      <c r="H20393" s="1" t="s">
        <v>72857</v>
      </c>
      <c r="I20393" s="1" t="s">
        <v>70634</v>
      </c>
      <c r="J20393" s="1" t="s">
        <v>72960</v>
      </c>
    </row>
    <row r="20394" spans="1:10" x14ac:dyDescent="0.35">
      <c r="A20394" s="1" t="s">
        <v>72852</v>
      </c>
      <c r="B20394" s="1" t="s">
        <v>70629</v>
      </c>
      <c r="C20394" s="1" t="s">
        <v>165</v>
      </c>
      <c r="D20394" s="1" t="s">
        <v>42494</v>
      </c>
      <c r="E20394" s="1" t="s">
        <v>72961</v>
      </c>
      <c r="F20394" s="1" t="s">
        <v>72962</v>
      </c>
      <c r="G20394" s="1" t="s">
        <v>72856</v>
      </c>
      <c r="H20394" s="1" t="s">
        <v>72857</v>
      </c>
      <c r="I20394" s="1" t="s">
        <v>70634</v>
      </c>
      <c r="J20394" s="1" t="s">
        <v>72963</v>
      </c>
    </row>
    <row r="20395" spans="1:10" x14ac:dyDescent="0.35">
      <c r="A20395" s="1" t="s">
        <v>72852</v>
      </c>
      <c r="B20395" s="1" t="s">
        <v>70629</v>
      </c>
      <c r="C20395" s="1" t="s">
        <v>170</v>
      </c>
      <c r="D20395" s="1" t="s">
        <v>33568</v>
      </c>
      <c r="E20395" s="1" t="s">
        <v>72964</v>
      </c>
      <c r="F20395" s="1" t="s">
        <v>72965</v>
      </c>
      <c r="G20395" s="1" t="s">
        <v>72856</v>
      </c>
      <c r="H20395" s="1" t="s">
        <v>72857</v>
      </c>
      <c r="I20395" s="1" t="s">
        <v>70634</v>
      </c>
      <c r="J20395" s="1" t="s">
        <v>72966</v>
      </c>
    </row>
    <row r="20396" spans="1:10" x14ac:dyDescent="0.35">
      <c r="A20396" s="1" t="s">
        <v>25950</v>
      </c>
      <c r="B20396" s="1" t="s">
        <v>72967</v>
      </c>
      <c r="C20396" s="1" t="s">
        <v>8</v>
      </c>
      <c r="D20396" s="1" t="s">
        <v>72968</v>
      </c>
      <c r="E20396" s="1" t="s">
        <v>70831</v>
      </c>
      <c r="F20396" s="1" t="s">
        <v>72969</v>
      </c>
      <c r="G20396" s="1" t="s">
        <v>72970</v>
      </c>
      <c r="H20396" s="1" t="s">
        <v>72971</v>
      </c>
      <c r="I20396" s="1" t="s">
        <v>72972</v>
      </c>
      <c r="J20396" s="1" t="s">
        <v>13</v>
      </c>
    </row>
    <row r="20397" spans="1:10" x14ac:dyDescent="0.35">
      <c r="A20397" s="1" t="s">
        <v>25950</v>
      </c>
      <c r="B20397" s="1" t="s">
        <v>72967</v>
      </c>
      <c r="C20397" s="1" t="s">
        <v>15</v>
      </c>
      <c r="D20397" s="1" t="s">
        <v>51892</v>
      </c>
      <c r="E20397" s="1" t="s">
        <v>72973</v>
      </c>
      <c r="F20397" s="1" t="s">
        <v>72974</v>
      </c>
      <c r="G20397" s="1" t="s">
        <v>72970</v>
      </c>
      <c r="H20397" s="1" t="s">
        <v>72971</v>
      </c>
      <c r="I20397" s="1" t="s">
        <v>72972</v>
      </c>
      <c r="J20397" s="1" t="s">
        <v>72975</v>
      </c>
    </row>
    <row r="20398" spans="1:10" x14ac:dyDescent="0.35">
      <c r="A20398" s="1" t="s">
        <v>25950</v>
      </c>
      <c r="B20398" s="1" t="s">
        <v>72967</v>
      </c>
      <c r="C20398" s="1" t="s">
        <v>20</v>
      </c>
      <c r="D20398" s="1" t="s">
        <v>49220</v>
      </c>
      <c r="E20398" s="1" t="s">
        <v>72976</v>
      </c>
      <c r="F20398" s="1" t="s">
        <v>72977</v>
      </c>
      <c r="G20398" s="1" t="s">
        <v>72970</v>
      </c>
      <c r="H20398" s="1" t="s">
        <v>72971</v>
      </c>
      <c r="I20398" s="1" t="s">
        <v>72972</v>
      </c>
      <c r="J20398" s="1" t="s">
        <v>72978</v>
      </c>
    </row>
    <row r="20399" spans="1:10" x14ac:dyDescent="0.35">
      <c r="A20399" s="1" t="s">
        <v>25950</v>
      </c>
      <c r="B20399" s="1" t="s">
        <v>72967</v>
      </c>
      <c r="C20399" s="1" t="s">
        <v>25</v>
      </c>
      <c r="D20399" s="1" t="s">
        <v>50212</v>
      </c>
      <c r="E20399" s="1" t="s">
        <v>72979</v>
      </c>
      <c r="F20399" s="1" t="s">
        <v>72980</v>
      </c>
      <c r="G20399" s="1" t="s">
        <v>72970</v>
      </c>
      <c r="H20399" s="1" t="s">
        <v>72971</v>
      </c>
      <c r="I20399" s="1" t="s">
        <v>72972</v>
      </c>
      <c r="J20399" s="1" t="s">
        <v>72981</v>
      </c>
    </row>
    <row r="20400" spans="1:10" x14ac:dyDescent="0.35">
      <c r="A20400" s="1" t="s">
        <v>25950</v>
      </c>
      <c r="B20400" s="1" t="s">
        <v>72967</v>
      </c>
      <c r="C20400" s="1" t="s">
        <v>30</v>
      </c>
      <c r="D20400" s="1" t="s">
        <v>72982</v>
      </c>
      <c r="E20400" s="1" t="s">
        <v>72983</v>
      </c>
      <c r="F20400" s="1" t="s">
        <v>72984</v>
      </c>
      <c r="G20400" s="1" t="s">
        <v>72970</v>
      </c>
      <c r="H20400" s="1" t="s">
        <v>72971</v>
      </c>
      <c r="I20400" s="1" t="s">
        <v>72972</v>
      </c>
      <c r="J20400" s="1" t="s">
        <v>72985</v>
      </c>
    </row>
    <row r="20401" spans="1:10" x14ac:dyDescent="0.35">
      <c r="A20401" s="1" t="s">
        <v>25950</v>
      </c>
      <c r="B20401" s="1" t="s">
        <v>72967</v>
      </c>
      <c r="C20401" s="1" t="s">
        <v>35</v>
      </c>
      <c r="D20401" s="1" t="s">
        <v>16</v>
      </c>
      <c r="E20401" s="1" t="s">
        <v>72986</v>
      </c>
      <c r="F20401" s="1" t="s">
        <v>72987</v>
      </c>
      <c r="G20401" s="1" t="s">
        <v>72970</v>
      </c>
      <c r="H20401" s="1" t="s">
        <v>72971</v>
      </c>
      <c r="I20401" s="1" t="s">
        <v>72972</v>
      </c>
      <c r="J20401" s="1" t="s">
        <v>72988</v>
      </c>
    </row>
    <row r="20402" spans="1:10" x14ac:dyDescent="0.35">
      <c r="A20402" s="1" t="s">
        <v>25950</v>
      </c>
      <c r="B20402" s="1" t="s">
        <v>72967</v>
      </c>
      <c r="C20402" s="1" t="s">
        <v>40</v>
      </c>
      <c r="D20402" s="1" t="s">
        <v>37621</v>
      </c>
      <c r="E20402" s="1" t="s">
        <v>72983</v>
      </c>
      <c r="F20402" s="1" t="s">
        <v>72989</v>
      </c>
      <c r="G20402" s="1" t="s">
        <v>72970</v>
      </c>
      <c r="H20402" s="1" t="s">
        <v>72971</v>
      </c>
      <c r="I20402" s="1" t="s">
        <v>72972</v>
      </c>
      <c r="J20402" s="1" t="s">
        <v>72990</v>
      </c>
    </row>
    <row r="20403" spans="1:10" x14ac:dyDescent="0.35">
      <c r="A20403" s="1" t="s">
        <v>25950</v>
      </c>
      <c r="B20403" s="1" t="s">
        <v>72967</v>
      </c>
      <c r="C20403" s="1" t="s">
        <v>45</v>
      </c>
      <c r="D20403" s="1" t="s">
        <v>30249</v>
      </c>
      <c r="E20403" s="1" t="s">
        <v>70804</v>
      </c>
      <c r="F20403" s="1" t="s">
        <v>72991</v>
      </c>
      <c r="G20403" s="1" t="s">
        <v>72970</v>
      </c>
      <c r="H20403" s="1" t="s">
        <v>72971</v>
      </c>
      <c r="I20403" s="1" t="s">
        <v>72972</v>
      </c>
      <c r="J20403" s="1" t="s">
        <v>72992</v>
      </c>
    </row>
    <row r="20404" spans="1:10" x14ac:dyDescent="0.35">
      <c r="A20404" s="1" t="s">
        <v>25950</v>
      </c>
      <c r="B20404" s="1" t="s">
        <v>72967</v>
      </c>
      <c r="C20404" s="1" t="s">
        <v>50</v>
      </c>
      <c r="D20404" s="1" t="s">
        <v>72993</v>
      </c>
      <c r="E20404" s="1" t="s">
        <v>72994</v>
      </c>
      <c r="F20404" s="1" t="s">
        <v>72995</v>
      </c>
      <c r="G20404" s="1" t="s">
        <v>72970</v>
      </c>
      <c r="H20404" s="1" t="s">
        <v>72971</v>
      </c>
      <c r="I20404" s="1" t="s">
        <v>72972</v>
      </c>
      <c r="J20404" s="1" t="s">
        <v>72996</v>
      </c>
    </row>
    <row r="20405" spans="1:10" x14ac:dyDescent="0.35">
      <c r="A20405" s="1" t="s">
        <v>25950</v>
      </c>
      <c r="B20405" s="1" t="s">
        <v>72967</v>
      </c>
      <c r="C20405" s="1" t="s">
        <v>55</v>
      </c>
      <c r="D20405" s="1" t="s">
        <v>72997</v>
      </c>
      <c r="E20405" s="1" t="s">
        <v>72998</v>
      </c>
      <c r="F20405" s="1" t="s">
        <v>72999</v>
      </c>
      <c r="G20405" s="1" t="s">
        <v>72970</v>
      </c>
      <c r="H20405" s="1" t="s">
        <v>72971</v>
      </c>
      <c r="I20405" s="1" t="s">
        <v>72972</v>
      </c>
      <c r="J20405" s="1" t="s">
        <v>73000</v>
      </c>
    </row>
    <row r="20406" spans="1:10" x14ac:dyDescent="0.35">
      <c r="A20406" s="1" t="s">
        <v>25950</v>
      </c>
      <c r="B20406" s="1" t="s">
        <v>72967</v>
      </c>
      <c r="C20406" s="1" t="s">
        <v>60</v>
      </c>
      <c r="D20406" s="1" t="s">
        <v>32997</v>
      </c>
      <c r="E20406" s="1" t="s">
        <v>73001</v>
      </c>
      <c r="F20406" s="1" t="s">
        <v>73002</v>
      </c>
      <c r="G20406" s="1" t="s">
        <v>72970</v>
      </c>
      <c r="H20406" s="1" t="s">
        <v>72971</v>
      </c>
      <c r="I20406" s="1" t="s">
        <v>72972</v>
      </c>
      <c r="J20406" s="1" t="s">
        <v>73003</v>
      </c>
    </row>
    <row r="20407" spans="1:10" x14ac:dyDescent="0.35">
      <c r="A20407" s="1" t="s">
        <v>25950</v>
      </c>
      <c r="B20407" s="1" t="s">
        <v>72967</v>
      </c>
      <c r="C20407" s="1" t="s">
        <v>65</v>
      </c>
      <c r="D20407" s="1" t="s">
        <v>73004</v>
      </c>
      <c r="E20407" s="1" t="s">
        <v>73005</v>
      </c>
      <c r="F20407" s="1" t="s">
        <v>73006</v>
      </c>
      <c r="G20407" s="1" t="s">
        <v>72970</v>
      </c>
      <c r="H20407" s="1" t="s">
        <v>72971</v>
      </c>
      <c r="I20407" s="1" t="s">
        <v>72972</v>
      </c>
      <c r="J20407" s="1" t="s">
        <v>73007</v>
      </c>
    </row>
    <row r="20408" spans="1:10" x14ac:dyDescent="0.35">
      <c r="A20408" s="1" t="s">
        <v>25950</v>
      </c>
      <c r="B20408" s="1" t="s">
        <v>72967</v>
      </c>
      <c r="C20408" s="1" t="s">
        <v>70</v>
      </c>
      <c r="D20408" s="1" t="s">
        <v>73008</v>
      </c>
      <c r="E20408" s="1" t="s">
        <v>73009</v>
      </c>
      <c r="F20408" s="1" t="s">
        <v>73010</v>
      </c>
      <c r="G20408" s="1" t="s">
        <v>72970</v>
      </c>
      <c r="H20408" s="1" t="s">
        <v>72971</v>
      </c>
      <c r="I20408" s="1" t="s">
        <v>72972</v>
      </c>
      <c r="J20408" s="1" t="s">
        <v>73011</v>
      </c>
    </row>
    <row r="20409" spans="1:10" x14ac:dyDescent="0.35">
      <c r="A20409" s="1" t="s">
        <v>25950</v>
      </c>
      <c r="B20409" s="1" t="s">
        <v>72967</v>
      </c>
      <c r="C20409" s="1" t="s">
        <v>75</v>
      </c>
      <c r="D20409" s="1" t="s">
        <v>73012</v>
      </c>
      <c r="E20409" s="1" t="s">
        <v>73013</v>
      </c>
      <c r="F20409" s="1" t="s">
        <v>73014</v>
      </c>
      <c r="G20409" s="1" t="s">
        <v>72970</v>
      </c>
      <c r="H20409" s="1" t="s">
        <v>72971</v>
      </c>
      <c r="I20409" s="1" t="s">
        <v>72972</v>
      </c>
      <c r="J20409" s="1" t="s">
        <v>73015</v>
      </c>
    </row>
    <row r="20410" spans="1:10" x14ac:dyDescent="0.35">
      <c r="A20410" s="1" t="s">
        <v>25950</v>
      </c>
      <c r="B20410" s="1" t="s">
        <v>72967</v>
      </c>
      <c r="C20410" s="1" t="s">
        <v>80</v>
      </c>
      <c r="D20410" s="1" t="s">
        <v>35998</v>
      </c>
      <c r="E20410" s="1" t="s">
        <v>73016</v>
      </c>
      <c r="F20410" s="1" t="s">
        <v>73017</v>
      </c>
      <c r="G20410" s="1" t="s">
        <v>72970</v>
      </c>
      <c r="H20410" s="1" t="s">
        <v>72971</v>
      </c>
      <c r="I20410" s="1" t="s">
        <v>72972</v>
      </c>
      <c r="J20410" s="1" t="s">
        <v>73018</v>
      </c>
    </row>
    <row r="20411" spans="1:10" x14ac:dyDescent="0.35">
      <c r="A20411" s="1" t="s">
        <v>25950</v>
      </c>
      <c r="B20411" s="1" t="s">
        <v>72967</v>
      </c>
      <c r="C20411" s="1" t="s">
        <v>85</v>
      </c>
      <c r="D20411" s="1" t="s">
        <v>3679</v>
      </c>
      <c r="E20411" s="1" t="s">
        <v>73019</v>
      </c>
      <c r="F20411" s="1" t="s">
        <v>73020</v>
      </c>
      <c r="G20411" s="1" t="s">
        <v>72970</v>
      </c>
      <c r="H20411" s="1" t="s">
        <v>72971</v>
      </c>
      <c r="I20411" s="1" t="s">
        <v>72972</v>
      </c>
      <c r="J20411" s="1" t="s">
        <v>73021</v>
      </c>
    </row>
    <row r="20412" spans="1:10" x14ac:dyDescent="0.35">
      <c r="A20412" s="1" t="s">
        <v>25950</v>
      </c>
      <c r="B20412" s="1" t="s">
        <v>72967</v>
      </c>
      <c r="C20412" s="1" t="s">
        <v>90</v>
      </c>
      <c r="D20412" s="1" t="s">
        <v>73022</v>
      </c>
      <c r="E20412" s="1" t="s">
        <v>73023</v>
      </c>
      <c r="F20412" s="1" t="s">
        <v>73024</v>
      </c>
      <c r="G20412" s="1" t="s">
        <v>72970</v>
      </c>
      <c r="H20412" s="1" t="s">
        <v>72971</v>
      </c>
      <c r="I20412" s="1" t="s">
        <v>72972</v>
      </c>
      <c r="J20412" s="1" t="s">
        <v>73025</v>
      </c>
    </row>
    <row r="20413" spans="1:10" x14ac:dyDescent="0.35">
      <c r="A20413" s="1" t="s">
        <v>25950</v>
      </c>
      <c r="B20413" s="1" t="s">
        <v>72967</v>
      </c>
      <c r="C20413" s="1" t="s">
        <v>95</v>
      </c>
      <c r="D20413" s="1" t="s">
        <v>42046</v>
      </c>
      <c r="E20413" s="1" t="s">
        <v>73026</v>
      </c>
      <c r="F20413" s="1" t="s">
        <v>73027</v>
      </c>
      <c r="G20413" s="1" t="s">
        <v>72970</v>
      </c>
      <c r="H20413" s="1" t="s">
        <v>72971</v>
      </c>
      <c r="I20413" s="1" t="s">
        <v>72972</v>
      </c>
      <c r="J20413" s="1" t="s">
        <v>73028</v>
      </c>
    </row>
    <row r="20414" spans="1:10" x14ac:dyDescent="0.35">
      <c r="A20414" s="1" t="s">
        <v>25950</v>
      </c>
      <c r="B20414" s="1" t="s">
        <v>72967</v>
      </c>
      <c r="C20414" s="1" t="s">
        <v>100</v>
      </c>
      <c r="D20414" s="1" t="s">
        <v>30644</v>
      </c>
      <c r="E20414" s="1" t="s">
        <v>73029</v>
      </c>
      <c r="F20414" s="1" t="s">
        <v>73030</v>
      </c>
      <c r="G20414" s="1" t="s">
        <v>72970</v>
      </c>
      <c r="H20414" s="1" t="s">
        <v>72971</v>
      </c>
      <c r="I20414" s="1" t="s">
        <v>72972</v>
      </c>
      <c r="J20414" s="1" t="s">
        <v>73031</v>
      </c>
    </row>
    <row r="20415" spans="1:10" x14ac:dyDescent="0.35">
      <c r="A20415" s="1" t="s">
        <v>25950</v>
      </c>
      <c r="B20415" s="1" t="s">
        <v>72967</v>
      </c>
      <c r="C20415" s="1" t="s">
        <v>105</v>
      </c>
      <c r="D20415" s="1" t="s">
        <v>50341</v>
      </c>
      <c r="E20415" s="1" t="s">
        <v>73032</v>
      </c>
      <c r="F20415" s="1" t="s">
        <v>24323</v>
      </c>
      <c r="G20415" s="1" t="s">
        <v>72970</v>
      </c>
      <c r="H20415" s="1" t="s">
        <v>72971</v>
      </c>
      <c r="I20415" s="1" t="s">
        <v>72972</v>
      </c>
      <c r="J20415" s="1" t="s">
        <v>73033</v>
      </c>
    </row>
    <row r="20416" spans="1:10" x14ac:dyDescent="0.35">
      <c r="A20416" s="1" t="s">
        <v>25950</v>
      </c>
      <c r="B20416" s="1" t="s">
        <v>72967</v>
      </c>
      <c r="C20416" s="1" t="s">
        <v>110</v>
      </c>
      <c r="D20416" s="1" t="s">
        <v>73034</v>
      </c>
      <c r="E20416" s="1" t="s">
        <v>73035</v>
      </c>
      <c r="F20416" s="1" t="s">
        <v>496</v>
      </c>
      <c r="G20416" s="1" t="s">
        <v>72970</v>
      </c>
      <c r="H20416" s="1" t="s">
        <v>72971</v>
      </c>
      <c r="I20416" s="1" t="s">
        <v>72972</v>
      </c>
      <c r="J20416" s="1" t="s">
        <v>73036</v>
      </c>
    </row>
    <row r="20417" spans="1:10" x14ac:dyDescent="0.35">
      <c r="A20417" s="1" t="s">
        <v>25950</v>
      </c>
      <c r="B20417" s="1" t="s">
        <v>72967</v>
      </c>
      <c r="C20417" s="1" t="s">
        <v>115</v>
      </c>
      <c r="D20417" s="1" t="s">
        <v>73037</v>
      </c>
      <c r="E20417" s="1" t="s">
        <v>73038</v>
      </c>
      <c r="F20417" s="1" t="s">
        <v>73039</v>
      </c>
      <c r="G20417" s="1" t="s">
        <v>72970</v>
      </c>
      <c r="H20417" s="1" t="s">
        <v>72971</v>
      </c>
      <c r="I20417" s="1" t="s">
        <v>72972</v>
      </c>
      <c r="J20417" s="1" t="s">
        <v>73040</v>
      </c>
    </row>
    <row r="20418" spans="1:10" x14ac:dyDescent="0.35">
      <c r="A20418" s="1" t="s">
        <v>25950</v>
      </c>
      <c r="B20418" s="1" t="s">
        <v>72967</v>
      </c>
      <c r="C20418" s="1" t="s">
        <v>120</v>
      </c>
      <c r="D20418" s="1" t="s">
        <v>73041</v>
      </c>
      <c r="E20418" s="1" t="s">
        <v>783</v>
      </c>
      <c r="F20418" s="1" t="s">
        <v>73042</v>
      </c>
      <c r="G20418" s="1" t="s">
        <v>72970</v>
      </c>
      <c r="H20418" s="1" t="s">
        <v>72971</v>
      </c>
      <c r="I20418" s="1" t="s">
        <v>72972</v>
      </c>
      <c r="J20418" s="1" t="s">
        <v>73043</v>
      </c>
    </row>
    <row r="20419" spans="1:10" x14ac:dyDescent="0.35">
      <c r="A20419" s="1" t="s">
        <v>25950</v>
      </c>
      <c r="B20419" s="1" t="s">
        <v>72967</v>
      </c>
      <c r="C20419" s="1" t="s">
        <v>125</v>
      </c>
      <c r="D20419" s="1" t="s">
        <v>73044</v>
      </c>
      <c r="E20419" s="1" t="s">
        <v>73045</v>
      </c>
      <c r="F20419" s="1" t="s">
        <v>73046</v>
      </c>
      <c r="G20419" s="1" t="s">
        <v>72970</v>
      </c>
      <c r="H20419" s="1" t="s">
        <v>72971</v>
      </c>
      <c r="I20419" s="1" t="s">
        <v>72972</v>
      </c>
      <c r="J20419" s="1" t="s">
        <v>73047</v>
      </c>
    </row>
    <row r="20420" spans="1:10" x14ac:dyDescent="0.35">
      <c r="A20420" s="1" t="s">
        <v>25950</v>
      </c>
      <c r="B20420" s="1" t="s">
        <v>72967</v>
      </c>
      <c r="C20420" s="1" t="s">
        <v>130</v>
      </c>
      <c r="D20420" s="1" t="s">
        <v>73048</v>
      </c>
      <c r="E20420" s="1" t="s">
        <v>73049</v>
      </c>
      <c r="F20420" s="1" t="s">
        <v>73050</v>
      </c>
      <c r="G20420" s="1" t="s">
        <v>72970</v>
      </c>
      <c r="H20420" s="1" t="s">
        <v>72971</v>
      </c>
      <c r="I20420" s="1" t="s">
        <v>72972</v>
      </c>
      <c r="J20420" s="1" t="s">
        <v>73051</v>
      </c>
    </row>
    <row r="20421" spans="1:10" x14ac:dyDescent="0.35">
      <c r="A20421" s="1" t="s">
        <v>25950</v>
      </c>
      <c r="B20421" s="1" t="s">
        <v>72967</v>
      </c>
      <c r="C20421" s="1" t="s">
        <v>135</v>
      </c>
      <c r="D20421" s="1" t="s">
        <v>73052</v>
      </c>
      <c r="E20421" s="1" t="s">
        <v>73053</v>
      </c>
      <c r="F20421" s="1" t="s">
        <v>73054</v>
      </c>
      <c r="G20421" s="1" t="s">
        <v>72970</v>
      </c>
      <c r="H20421" s="1" t="s">
        <v>72971</v>
      </c>
      <c r="I20421" s="1" t="s">
        <v>72972</v>
      </c>
      <c r="J20421" s="1" t="s">
        <v>73055</v>
      </c>
    </row>
    <row r="20422" spans="1:10" x14ac:dyDescent="0.35">
      <c r="A20422" s="1" t="s">
        <v>25950</v>
      </c>
      <c r="B20422" s="1" t="s">
        <v>72967</v>
      </c>
      <c r="C20422" s="1" t="s">
        <v>140</v>
      </c>
      <c r="D20422" s="1" t="s">
        <v>73056</v>
      </c>
      <c r="E20422" s="1" t="s">
        <v>787</v>
      </c>
      <c r="F20422" s="1" t="s">
        <v>73057</v>
      </c>
      <c r="G20422" s="1" t="s">
        <v>72970</v>
      </c>
      <c r="H20422" s="1" t="s">
        <v>72971</v>
      </c>
      <c r="I20422" s="1" t="s">
        <v>72972</v>
      </c>
      <c r="J20422" s="1" t="s">
        <v>73058</v>
      </c>
    </row>
    <row r="20423" spans="1:10" x14ac:dyDescent="0.35">
      <c r="A20423" s="1" t="s">
        <v>25950</v>
      </c>
      <c r="B20423" s="1" t="s">
        <v>72967</v>
      </c>
      <c r="C20423" s="1" t="s">
        <v>145</v>
      </c>
      <c r="D20423" s="1" t="s">
        <v>46508</v>
      </c>
      <c r="E20423" s="1" t="s">
        <v>73059</v>
      </c>
      <c r="F20423" s="1" t="s">
        <v>73060</v>
      </c>
      <c r="G20423" s="1" t="s">
        <v>72970</v>
      </c>
      <c r="H20423" s="1" t="s">
        <v>72971</v>
      </c>
      <c r="I20423" s="1" t="s">
        <v>72972</v>
      </c>
      <c r="J20423" s="1" t="s">
        <v>73061</v>
      </c>
    </row>
    <row r="20424" spans="1:10" x14ac:dyDescent="0.35">
      <c r="A20424" s="1" t="s">
        <v>25950</v>
      </c>
      <c r="B20424" s="1" t="s">
        <v>72967</v>
      </c>
      <c r="C20424" s="1" t="s">
        <v>150</v>
      </c>
      <c r="D20424" s="1" t="s">
        <v>73062</v>
      </c>
      <c r="E20424" s="1" t="s">
        <v>73063</v>
      </c>
      <c r="F20424" s="1" t="s">
        <v>73064</v>
      </c>
      <c r="G20424" s="1" t="s">
        <v>72970</v>
      </c>
      <c r="H20424" s="1" t="s">
        <v>72971</v>
      </c>
      <c r="I20424" s="1" t="s">
        <v>72972</v>
      </c>
      <c r="J20424" s="1" t="s">
        <v>73065</v>
      </c>
    </row>
    <row r="20425" spans="1:10" x14ac:dyDescent="0.35">
      <c r="A20425" s="1" t="s">
        <v>25950</v>
      </c>
      <c r="B20425" s="1" t="s">
        <v>72967</v>
      </c>
      <c r="C20425" s="1" t="s">
        <v>155</v>
      </c>
      <c r="D20425" s="1" t="s">
        <v>49716</v>
      </c>
      <c r="E20425" s="1" t="s">
        <v>73066</v>
      </c>
      <c r="F20425" s="1" t="s">
        <v>73067</v>
      </c>
      <c r="G20425" s="1" t="s">
        <v>72970</v>
      </c>
      <c r="H20425" s="1" t="s">
        <v>72971</v>
      </c>
      <c r="I20425" s="1" t="s">
        <v>72972</v>
      </c>
      <c r="J20425" s="1" t="s">
        <v>73068</v>
      </c>
    </row>
    <row r="20426" spans="1:10" x14ac:dyDescent="0.35">
      <c r="A20426" s="1" t="s">
        <v>25950</v>
      </c>
      <c r="B20426" s="1" t="s">
        <v>72967</v>
      </c>
      <c r="C20426" s="1" t="s">
        <v>160</v>
      </c>
      <c r="D20426" s="1" t="s">
        <v>30364</v>
      </c>
      <c r="E20426" s="1" t="s">
        <v>73069</v>
      </c>
      <c r="F20426" s="1" t="s">
        <v>73070</v>
      </c>
      <c r="G20426" s="1" t="s">
        <v>72970</v>
      </c>
      <c r="H20426" s="1" t="s">
        <v>72971</v>
      </c>
      <c r="I20426" s="1" t="s">
        <v>72972</v>
      </c>
      <c r="J20426" s="1" t="s">
        <v>73071</v>
      </c>
    </row>
    <row r="20427" spans="1:10" x14ac:dyDescent="0.35">
      <c r="A20427" s="1" t="s">
        <v>25950</v>
      </c>
      <c r="B20427" s="1" t="s">
        <v>72967</v>
      </c>
      <c r="C20427" s="1" t="s">
        <v>165</v>
      </c>
      <c r="D20427" s="1" t="s">
        <v>73072</v>
      </c>
      <c r="E20427" s="1" t="s">
        <v>73073</v>
      </c>
      <c r="F20427" s="1" t="s">
        <v>73074</v>
      </c>
      <c r="G20427" s="1" t="s">
        <v>72970</v>
      </c>
      <c r="H20427" s="1" t="s">
        <v>72971</v>
      </c>
      <c r="I20427" s="1" t="s">
        <v>72972</v>
      </c>
      <c r="J20427" s="1" t="s">
        <v>73075</v>
      </c>
    </row>
    <row r="20428" spans="1:10" x14ac:dyDescent="0.35">
      <c r="A20428" s="1" t="s">
        <v>25950</v>
      </c>
      <c r="B20428" s="1" t="s">
        <v>72967</v>
      </c>
      <c r="C20428" s="1" t="s">
        <v>170</v>
      </c>
      <c r="D20428" s="1" t="s">
        <v>73076</v>
      </c>
      <c r="E20428" s="1" t="s">
        <v>73077</v>
      </c>
      <c r="F20428" s="1" t="s">
        <v>73078</v>
      </c>
      <c r="G20428" s="1" t="s">
        <v>72970</v>
      </c>
      <c r="H20428" s="1" t="s">
        <v>72971</v>
      </c>
      <c r="I20428" s="1" t="s">
        <v>72972</v>
      </c>
      <c r="J20428" s="1" t="s">
        <v>73079</v>
      </c>
    </row>
    <row r="20429" spans="1:10" x14ac:dyDescent="0.35">
      <c r="A20429" s="1" t="s">
        <v>73080</v>
      </c>
      <c r="B20429" s="1" t="s">
        <v>72967</v>
      </c>
      <c r="C20429" s="1" t="s">
        <v>8</v>
      </c>
      <c r="D20429" s="1" t="s">
        <v>50453</v>
      </c>
      <c r="E20429" s="1" t="s">
        <v>73081</v>
      </c>
      <c r="F20429" s="1" t="s">
        <v>73082</v>
      </c>
      <c r="G20429" s="1" t="s">
        <v>73083</v>
      </c>
      <c r="H20429" s="1" t="s">
        <v>73084</v>
      </c>
      <c r="I20429" s="1" t="s">
        <v>72972</v>
      </c>
      <c r="J20429" s="1" t="s">
        <v>13</v>
      </c>
    </row>
    <row r="20430" spans="1:10" x14ac:dyDescent="0.35">
      <c r="A20430" s="1" t="s">
        <v>73080</v>
      </c>
      <c r="B20430" s="1" t="s">
        <v>72967</v>
      </c>
      <c r="C20430" s="1" t="s">
        <v>15</v>
      </c>
      <c r="D20430" s="1" t="s">
        <v>47225</v>
      </c>
      <c r="E20430" s="1" t="s">
        <v>73085</v>
      </c>
      <c r="F20430" s="1" t="s">
        <v>73082</v>
      </c>
      <c r="G20430" s="1" t="s">
        <v>73083</v>
      </c>
      <c r="H20430" s="1" t="s">
        <v>73084</v>
      </c>
      <c r="I20430" s="1" t="s">
        <v>72972</v>
      </c>
      <c r="J20430" s="1" t="s">
        <v>73086</v>
      </c>
    </row>
    <row r="20431" spans="1:10" x14ac:dyDescent="0.35">
      <c r="A20431" s="1" t="s">
        <v>73080</v>
      </c>
      <c r="B20431" s="1" t="s">
        <v>72967</v>
      </c>
      <c r="C20431" s="1" t="s">
        <v>20</v>
      </c>
      <c r="D20431" s="1" t="s">
        <v>73087</v>
      </c>
      <c r="E20431" s="1" t="s">
        <v>73088</v>
      </c>
      <c r="F20431" s="1" t="s">
        <v>73082</v>
      </c>
      <c r="G20431" s="1" t="s">
        <v>73083</v>
      </c>
      <c r="H20431" s="1" t="s">
        <v>73084</v>
      </c>
      <c r="I20431" s="1" t="s">
        <v>72972</v>
      </c>
      <c r="J20431" s="1" t="s">
        <v>73089</v>
      </c>
    </row>
    <row r="20432" spans="1:10" x14ac:dyDescent="0.35">
      <c r="A20432" s="1" t="s">
        <v>73080</v>
      </c>
      <c r="B20432" s="1" t="s">
        <v>72967</v>
      </c>
      <c r="C20432" s="1" t="s">
        <v>25</v>
      </c>
      <c r="D20432" s="1" t="s">
        <v>16348</v>
      </c>
      <c r="E20432" s="1" t="s">
        <v>73090</v>
      </c>
      <c r="F20432" s="1" t="s">
        <v>73082</v>
      </c>
      <c r="G20432" s="1" t="s">
        <v>73083</v>
      </c>
      <c r="H20432" s="1" t="s">
        <v>73084</v>
      </c>
      <c r="I20432" s="1" t="s">
        <v>72972</v>
      </c>
      <c r="J20432" s="1" t="s">
        <v>73091</v>
      </c>
    </row>
    <row r="20433" spans="1:10" x14ac:dyDescent="0.35">
      <c r="A20433" s="1" t="s">
        <v>73080</v>
      </c>
      <c r="B20433" s="1" t="s">
        <v>72967</v>
      </c>
      <c r="C20433" s="1" t="s">
        <v>30</v>
      </c>
      <c r="D20433" s="1" t="s">
        <v>73092</v>
      </c>
      <c r="E20433" s="1" t="s">
        <v>73093</v>
      </c>
      <c r="F20433" s="1" t="s">
        <v>73082</v>
      </c>
      <c r="G20433" s="1" t="s">
        <v>73083</v>
      </c>
      <c r="H20433" s="1" t="s">
        <v>73084</v>
      </c>
      <c r="I20433" s="1" t="s">
        <v>72972</v>
      </c>
      <c r="J20433" s="1" t="s">
        <v>73094</v>
      </c>
    </row>
    <row r="20434" spans="1:10" x14ac:dyDescent="0.35">
      <c r="A20434" s="1" t="s">
        <v>73080</v>
      </c>
      <c r="B20434" s="1" t="s">
        <v>72967</v>
      </c>
      <c r="C20434" s="1" t="s">
        <v>35</v>
      </c>
      <c r="D20434" s="1" t="s">
        <v>73095</v>
      </c>
      <c r="E20434" s="1" t="s">
        <v>73096</v>
      </c>
      <c r="F20434" s="1" t="s">
        <v>73082</v>
      </c>
      <c r="G20434" s="1" t="s">
        <v>73083</v>
      </c>
      <c r="H20434" s="1" t="s">
        <v>73084</v>
      </c>
      <c r="I20434" s="1" t="s">
        <v>72972</v>
      </c>
      <c r="J20434" s="1" t="s">
        <v>73097</v>
      </c>
    </row>
    <row r="20435" spans="1:10" x14ac:dyDescent="0.35">
      <c r="A20435" s="1" t="s">
        <v>73080</v>
      </c>
      <c r="B20435" s="1" t="s">
        <v>72967</v>
      </c>
      <c r="C20435" s="1" t="s">
        <v>40</v>
      </c>
      <c r="D20435" s="1" t="s">
        <v>44184</v>
      </c>
      <c r="E20435" s="1" t="s">
        <v>73098</v>
      </c>
      <c r="F20435" s="1" t="s">
        <v>73082</v>
      </c>
      <c r="G20435" s="1" t="s">
        <v>73083</v>
      </c>
      <c r="H20435" s="1" t="s">
        <v>73084</v>
      </c>
      <c r="I20435" s="1" t="s">
        <v>72972</v>
      </c>
      <c r="J20435" s="1" t="s">
        <v>73099</v>
      </c>
    </row>
    <row r="20436" spans="1:10" x14ac:dyDescent="0.35">
      <c r="A20436" s="1" t="s">
        <v>73080</v>
      </c>
      <c r="B20436" s="1" t="s">
        <v>72967</v>
      </c>
      <c r="C20436" s="1" t="s">
        <v>45</v>
      </c>
      <c r="D20436" s="1" t="s">
        <v>52119</v>
      </c>
      <c r="E20436" s="1" t="s">
        <v>73100</v>
      </c>
      <c r="F20436" s="1" t="s">
        <v>73082</v>
      </c>
      <c r="G20436" s="1" t="s">
        <v>73083</v>
      </c>
      <c r="H20436" s="1" t="s">
        <v>73084</v>
      </c>
      <c r="I20436" s="1" t="s">
        <v>72972</v>
      </c>
      <c r="J20436" s="1" t="s">
        <v>73101</v>
      </c>
    </row>
    <row r="20437" spans="1:10" x14ac:dyDescent="0.35">
      <c r="A20437" s="1" t="s">
        <v>73080</v>
      </c>
      <c r="B20437" s="1" t="s">
        <v>72967</v>
      </c>
      <c r="C20437" s="1" t="s">
        <v>50</v>
      </c>
      <c r="D20437" s="1" t="s">
        <v>73102</v>
      </c>
      <c r="E20437" s="1" t="s">
        <v>73103</v>
      </c>
      <c r="F20437" s="1" t="s">
        <v>73082</v>
      </c>
      <c r="G20437" s="1" t="s">
        <v>73083</v>
      </c>
      <c r="H20437" s="1" t="s">
        <v>73084</v>
      </c>
      <c r="I20437" s="1" t="s">
        <v>72972</v>
      </c>
      <c r="J20437" s="1" t="s">
        <v>73104</v>
      </c>
    </row>
    <row r="20438" spans="1:10" x14ac:dyDescent="0.35">
      <c r="A20438" s="1" t="s">
        <v>73080</v>
      </c>
      <c r="B20438" s="1" t="s">
        <v>72967</v>
      </c>
      <c r="C20438" s="1" t="s">
        <v>55</v>
      </c>
      <c r="D20438" s="1" t="s">
        <v>73105</v>
      </c>
      <c r="E20438" s="1" t="s">
        <v>73106</v>
      </c>
      <c r="F20438" s="1" t="s">
        <v>73107</v>
      </c>
      <c r="G20438" s="1" t="s">
        <v>73083</v>
      </c>
      <c r="H20438" s="1" t="s">
        <v>73084</v>
      </c>
      <c r="I20438" s="1" t="s">
        <v>72972</v>
      </c>
      <c r="J20438" s="1" t="s">
        <v>73108</v>
      </c>
    </row>
    <row r="20439" spans="1:10" x14ac:dyDescent="0.35">
      <c r="A20439" s="1" t="s">
        <v>73080</v>
      </c>
      <c r="B20439" s="1" t="s">
        <v>72967</v>
      </c>
      <c r="C20439" s="1" t="s">
        <v>60</v>
      </c>
      <c r="D20439" s="1" t="s">
        <v>73109</v>
      </c>
      <c r="E20439" s="1" t="s">
        <v>73110</v>
      </c>
      <c r="F20439" s="1" t="s">
        <v>73082</v>
      </c>
      <c r="G20439" s="1" t="s">
        <v>73083</v>
      </c>
      <c r="H20439" s="1" t="s">
        <v>73084</v>
      </c>
      <c r="I20439" s="1" t="s">
        <v>72972</v>
      </c>
      <c r="J20439" s="1" t="s">
        <v>73111</v>
      </c>
    </row>
    <row r="20440" spans="1:10" x14ac:dyDescent="0.35">
      <c r="A20440" s="1" t="s">
        <v>73080</v>
      </c>
      <c r="B20440" s="1" t="s">
        <v>72967</v>
      </c>
      <c r="C20440" s="1" t="s">
        <v>65</v>
      </c>
      <c r="D20440" s="1" t="s">
        <v>73112</v>
      </c>
      <c r="E20440" s="1" t="s">
        <v>73113</v>
      </c>
      <c r="F20440" s="1" t="s">
        <v>73082</v>
      </c>
      <c r="G20440" s="1" t="s">
        <v>73083</v>
      </c>
      <c r="H20440" s="1" t="s">
        <v>73084</v>
      </c>
      <c r="I20440" s="1" t="s">
        <v>72972</v>
      </c>
      <c r="J20440" s="1" t="s">
        <v>73114</v>
      </c>
    </row>
    <row r="20441" spans="1:10" x14ac:dyDescent="0.35">
      <c r="A20441" s="1" t="s">
        <v>73080</v>
      </c>
      <c r="B20441" s="1" t="s">
        <v>72967</v>
      </c>
      <c r="C20441" s="1" t="s">
        <v>70</v>
      </c>
      <c r="D20441" s="1" t="s">
        <v>73115</v>
      </c>
      <c r="E20441" s="1" t="s">
        <v>14822</v>
      </c>
      <c r="F20441" s="1" t="s">
        <v>73082</v>
      </c>
      <c r="G20441" s="1" t="s">
        <v>73083</v>
      </c>
      <c r="H20441" s="1" t="s">
        <v>73084</v>
      </c>
      <c r="I20441" s="1" t="s">
        <v>72972</v>
      </c>
      <c r="J20441" s="1" t="s">
        <v>73116</v>
      </c>
    </row>
    <row r="20442" spans="1:10" x14ac:dyDescent="0.35">
      <c r="A20442" s="1" t="s">
        <v>73080</v>
      </c>
      <c r="B20442" s="1" t="s">
        <v>72967</v>
      </c>
      <c r="C20442" s="1" t="s">
        <v>75</v>
      </c>
      <c r="D20442" s="1" t="s">
        <v>73117</v>
      </c>
      <c r="E20442" s="1" t="s">
        <v>73118</v>
      </c>
      <c r="F20442" s="1" t="s">
        <v>73082</v>
      </c>
      <c r="G20442" s="1" t="s">
        <v>73083</v>
      </c>
      <c r="H20442" s="1" t="s">
        <v>73084</v>
      </c>
      <c r="I20442" s="1" t="s">
        <v>72972</v>
      </c>
      <c r="J20442" s="1" t="s">
        <v>73119</v>
      </c>
    </row>
    <row r="20443" spans="1:10" x14ac:dyDescent="0.35">
      <c r="A20443" s="1" t="s">
        <v>73080</v>
      </c>
      <c r="B20443" s="1" t="s">
        <v>72967</v>
      </c>
      <c r="C20443" s="1" t="s">
        <v>80</v>
      </c>
      <c r="D20443" s="1" t="s">
        <v>49228</v>
      </c>
      <c r="E20443" s="1" t="s">
        <v>73120</v>
      </c>
      <c r="F20443" s="1" t="s">
        <v>73082</v>
      </c>
      <c r="G20443" s="1" t="s">
        <v>73083</v>
      </c>
      <c r="H20443" s="1" t="s">
        <v>73084</v>
      </c>
      <c r="I20443" s="1" t="s">
        <v>72972</v>
      </c>
      <c r="J20443" s="1" t="s">
        <v>73121</v>
      </c>
    </row>
    <row r="20444" spans="1:10" x14ac:dyDescent="0.35">
      <c r="A20444" s="1" t="s">
        <v>73080</v>
      </c>
      <c r="B20444" s="1" t="s">
        <v>72967</v>
      </c>
      <c r="C20444" s="1" t="s">
        <v>85</v>
      </c>
      <c r="D20444" s="1" t="s">
        <v>15763</v>
      </c>
      <c r="E20444" s="1" t="s">
        <v>73122</v>
      </c>
      <c r="F20444" s="1" t="s">
        <v>73082</v>
      </c>
      <c r="G20444" s="1" t="s">
        <v>73083</v>
      </c>
      <c r="H20444" s="1" t="s">
        <v>73084</v>
      </c>
      <c r="I20444" s="1" t="s">
        <v>72972</v>
      </c>
      <c r="J20444" s="1" t="s">
        <v>73123</v>
      </c>
    </row>
    <row r="20445" spans="1:10" x14ac:dyDescent="0.35">
      <c r="A20445" s="1" t="s">
        <v>73080</v>
      </c>
      <c r="B20445" s="1" t="s">
        <v>72967</v>
      </c>
      <c r="C20445" s="1" t="s">
        <v>90</v>
      </c>
      <c r="D20445" s="1" t="s">
        <v>73124</v>
      </c>
      <c r="E20445" s="1" t="s">
        <v>73125</v>
      </c>
      <c r="F20445" s="1" t="s">
        <v>73082</v>
      </c>
      <c r="G20445" s="1" t="s">
        <v>73083</v>
      </c>
      <c r="H20445" s="1" t="s">
        <v>73084</v>
      </c>
      <c r="I20445" s="1" t="s">
        <v>72972</v>
      </c>
      <c r="J20445" s="1" t="s">
        <v>73126</v>
      </c>
    </row>
    <row r="20446" spans="1:10" x14ac:dyDescent="0.35">
      <c r="A20446" s="1" t="s">
        <v>73080</v>
      </c>
      <c r="B20446" s="1" t="s">
        <v>72967</v>
      </c>
      <c r="C20446" s="1" t="s">
        <v>95</v>
      </c>
      <c r="D20446" s="1" t="s">
        <v>73127</v>
      </c>
      <c r="E20446" s="1" t="s">
        <v>73128</v>
      </c>
      <c r="F20446" s="1" t="s">
        <v>73082</v>
      </c>
      <c r="G20446" s="1" t="s">
        <v>73083</v>
      </c>
      <c r="H20446" s="1" t="s">
        <v>73084</v>
      </c>
      <c r="I20446" s="1" t="s">
        <v>72972</v>
      </c>
      <c r="J20446" s="1" t="s">
        <v>73129</v>
      </c>
    </row>
    <row r="20447" spans="1:10" x14ac:dyDescent="0.35">
      <c r="A20447" s="1" t="s">
        <v>73080</v>
      </c>
      <c r="B20447" s="1" t="s">
        <v>72967</v>
      </c>
      <c r="C20447" s="1" t="s">
        <v>100</v>
      </c>
      <c r="D20447" s="1" t="s">
        <v>35591</v>
      </c>
      <c r="E20447" s="1" t="s">
        <v>73130</v>
      </c>
      <c r="F20447" s="1" t="s">
        <v>73082</v>
      </c>
      <c r="G20447" s="1" t="s">
        <v>73083</v>
      </c>
      <c r="H20447" s="1" t="s">
        <v>73084</v>
      </c>
      <c r="I20447" s="1" t="s">
        <v>72972</v>
      </c>
      <c r="J20447" s="1" t="s">
        <v>73131</v>
      </c>
    </row>
    <row r="20448" spans="1:10" x14ac:dyDescent="0.35">
      <c r="A20448" s="1" t="s">
        <v>73080</v>
      </c>
      <c r="B20448" s="1" t="s">
        <v>72967</v>
      </c>
      <c r="C20448" s="1" t="s">
        <v>105</v>
      </c>
      <c r="D20448" s="1" t="s">
        <v>36116</v>
      </c>
      <c r="E20448" s="1" t="s">
        <v>73132</v>
      </c>
      <c r="F20448" s="1" t="s">
        <v>73082</v>
      </c>
      <c r="G20448" s="1" t="s">
        <v>73083</v>
      </c>
      <c r="H20448" s="1" t="s">
        <v>73084</v>
      </c>
      <c r="I20448" s="1" t="s">
        <v>72972</v>
      </c>
      <c r="J20448" s="1" t="s">
        <v>73133</v>
      </c>
    </row>
    <row r="20449" spans="1:10" x14ac:dyDescent="0.35">
      <c r="A20449" s="1" t="s">
        <v>73080</v>
      </c>
      <c r="B20449" s="1" t="s">
        <v>72967</v>
      </c>
      <c r="C20449" s="1" t="s">
        <v>110</v>
      </c>
      <c r="D20449" s="1" t="s">
        <v>73134</v>
      </c>
      <c r="E20449" s="1" t="s">
        <v>73135</v>
      </c>
      <c r="F20449" s="1" t="s">
        <v>73136</v>
      </c>
      <c r="G20449" s="1" t="s">
        <v>73083</v>
      </c>
      <c r="H20449" s="1" t="s">
        <v>73084</v>
      </c>
      <c r="I20449" s="1" t="s">
        <v>72972</v>
      </c>
      <c r="J20449" s="1" t="s">
        <v>73137</v>
      </c>
    </row>
    <row r="20450" spans="1:10" x14ac:dyDescent="0.35">
      <c r="A20450" s="1" t="s">
        <v>73080</v>
      </c>
      <c r="B20450" s="1" t="s">
        <v>72967</v>
      </c>
      <c r="C20450" s="1" t="s">
        <v>115</v>
      </c>
      <c r="D20450" s="1" t="s">
        <v>42621</v>
      </c>
      <c r="E20450" s="1" t="s">
        <v>73138</v>
      </c>
      <c r="F20450" s="1" t="s">
        <v>73082</v>
      </c>
      <c r="G20450" s="1" t="s">
        <v>73083</v>
      </c>
      <c r="H20450" s="1" t="s">
        <v>73084</v>
      </c>
      <c r="I20450" s="1" t="s">
        <v>72972</v>
      </c>
      <c r="J20450" s="1" t="s">
        <v>73139</v>
      </c>
    </row>
    <row r="20451" spans="1:10" x14ac:dyDescent="0.35">
      <c r="A20451" s="1" t="s">
        <v>73080</v>
      </c>
      <c r="B20451" s="1" t="s">
        <v>72967</v>
      </c>
      <c r="C20451" s="1" t="s">
        <v>120</v>
      </c>
      <c r="D20451" s="1" t="s">
        <v>73140</v>
      </c>
      <c r="E20451" s="1" t="s">
        <v>38831</v>
      </c>
      <c r="F20451" s="1" t="s">
        <v>73082</v>
      </c>
      <c r="G20451" s="1" t="s">
        <v>73083</v>
      </c>
      <c r="H20451" s="1" t="s">
        <v>73084</v>
      </c>
      <c r="I20451" s="1" t="s">
        <v>72972</v>
      </c>
      <c r="J20451" s="1" t="s">
        <v>73141</v>
      </c>
    </row>
    <row r="20452" spans="1:10" x14ac:dyDescent="0.35">
      <c r="A20452" s="1" t="s">
        <v>73080</v>
      </c>
      <c r="B20452" s="1" t="s">
        <v>72967</v>
      </c>
      <c r="C20452" s="1" t="s">
        <v>125</v>
      </c>
      <c r="D20452" s="1" t="s">
        <v>73142</v>
      </c>
      <c r="E20452" s="1" t="s">
        <v>73143</v>
      </c>
      <c r="F20452" s="1" t="s">
        <v>73136</v>
      </c>
      <c r="G20452" s="1" t="s">
        <v>73083</v>
      </c>
      <c r="H20452" s="1" t="s">
        <v>73084</v>
      </c>
      <c r="I20452" s="1" t="s">
        <v>72972</v>
      </c>
      <c r="J20452" s="1" t="s">
        <v>73144</v>
      </c>
    </row>
    <row r="20453" spans="1:10" x14ac:dyDescent="0.35">
      <c r="A20453" s="1" t="s">
        <v>73080</v>
      </c>
      <c r="B20453" s="1" t="s">
        <v>72967</v>
      </c>
      <c r="C20453" s="1" t="s">
        <v>130</v>
      </c>
      <c r="D20453" s="1" t="s">
        <v>50242</v>
      </c>
      <c r="E20453" s="1" t="s">
        <v>73145</v>
      </c>
      <c r="F20453" s="1" t="s">
        <v>73146</v>
      </c>
      <c r="G20453" s="1" t="s">
        <v>73083</v>
      </c>
      <c r="H20453" s="1" t="s">
        <v>73084</v>
      </c>
      <c r="I20453" s="1" t="s">
        <v>72972</v>
      </c>
      <c r="J20453" s="1" t="s">
        <v>73147</v>
      </c>
    </row>
    <row r="20454" spans="1:10" x14ac:dyDescent="0.35">
      <c r="A20454" s="1" t="s">
        <v>73080</v>
      </c>
      <c r="B20454" s="1" t="s">
        <v>72967</v>
      </c>
      <c r="C20454" s="1" t="s">
        <v>135</v>
      </c>
      <c r="D20454" s="1" t="s">
        <v>620</v>
      </c>
      <c r="E20454" s="1" t="s">
        <v>73148</v>
      </c>
      <c r="F20454" s="1" t="s">
        <v>73082</v>
      </c>
      <c r="G20454" s="1" t="s">
        <v>73083</v>
      </c>
      <c r="H20454" s="1" t="s">
        <v>73084</v>
      </c>
      <c r="I20454" s="1" t="s">
        <v>72972</v>
      </c>
      <c r="J20454" s="1" t="s">
        <v>73149</v>
      </c>
    </row>
    <row r="20455" spans="1:10" x14ac:dyDescent="0.35">
      <c r="A20455" s="1" t="s">
        <v>73080</v>
      </c>
      <c r="B20455" s="1" t="s">
        <v>72967</v>
      </c>
      <c r="C20455" s="1" t="s">
        <v>140</v>
      </c>
      <c r="D20455" s="1" t="s">
        <v>5195</v>
      </c>
      <c r="E20455" s="1" t="s">
        <v>73150</v>
      </c>
      <c r="F20455" s="1" t="s">
        <v>73082</v>
      </c>
      <c r="G20455" s="1" t="s">
        <v>73083</v>
      </c>
      <c r="H20455" s="1" t="s">
        <v>73084</v>
      </c>
      <c r="I20455" s="1" t="s">
        <v>72972</v>
      </c>
      <c r="J20455" s="1" t="s">
        <v>73151</v>
      </c>
    </row>
    <row r="20456" spans="1:10" x14ac:dyDescent="0.35">
      <c r="A20456" s="1" t="s">
        <v>73080</v>
      </c>
      <c r="B20456" s="1" t="s">
        <v>72967</v>
      </c>
      <c r="C20456" s="1" t="s">
        <v>145</v>
      </c>
      <c r="D20456" s="1" t="s">
        <v>73152</v>
      </c>
      <c r="E20456" s="1" t="s">
        <v>73153</v>
      </c>
      <c r="F20456" s="1" t="s">
        <v>73082</v>
      </c>
      <c r="G20456" s="1" t="s">
        <v>73083</v>
      </c>
      <c r="H20456" s="1" t="s">
        <v>73084</v>
      </c>
      <c r="I20456" s="1" t="s">
        <v>72972</v>
      </c>
      <c r="J20456" s="1" t="s">
        <v>73154</v>
      </c>
    </row>
    <row r="20457" spans="1:10" x14ac:dyDescent="0.35">
      <c r="A20457" s="1" t="s">
        <v>73080</v>
      </c>
      <c r="B20457" s="1" t="s">
        <v>72967</v>
      </c>
      <c r="C20457" s="1" t="s">
        <v>150</v>
      </c>
      <c r="D20457" s="1" t="s">
        <v>73155</v>
      </c>
      <c r="E20457" s="1" t="s">
        <v>8626</v>
      </c>
      <c r="F20457" s="1" t="s">
        <v>73082</v>
      </c>
      <c r="G20457" s="1" t="s">
        <v>73083</v>
      </c>
      <c r="H20457" s="1" t="s">
        <v>73084</v>
      </c>
      <c r="I20457" s="1" t="s">
        <v>72972</v>
      </c>
      <c r="J20457" s="1" t="s">
        <v>73156</v>
      </c>
    </row>
    <row r="20458" spans="1:10" x14ac:dyDescent="0.35">
      <c r="A20458" s="1" t="s">
        <v>73080</v>
      </c>
      <c r="B20458" s="1" t="s">
        <v>72967</v>
      </c>
      <c r="C20458" s="1" t="s">
        <v>155</v>
      </c>
      <c r="D20458" s="1" t="s">
        <v>73157</v>
      </c>
      <c r="E20458" s="1" t="s">
        <v>73158</v>
      </c>
      <c r="F20458" s="1" t="s">
        <v>73082</v>
      </c>
      <c r="G20458" s="1" t="s">
        <v>73083</v>
      </c>
      <c r="H20458" s="1" t="s">
        <v>73084</v>
      </c>
      <c r="I20458" s="1" t="s">
        <v>72972</v>
      </c>
      <c r="J20458" s="1" t="s">
        <v>73159</v>
      </c>
    </row>
    <row r="20459" spans="1:10" x14ac:dyDescent="0.35">
      <c r="A20459" s="1" t="s">
        <v>73080</v>
      </c>
      <c r="B20459" s="1" t="s">
        <v>72967</v>
      </c>
      <c r="C20459" s="1" t="s">
        <v>160</v>
      </c>
      <c r="D20459" s="1" t="s">
        <v>73160</v>
      </c>
      <c r="E20459" s="1" t="s">
        <v>73161</v>
      </c>
      <c r="F20459" s="1" t="s">
        <v>73162</v>
      </c>
      <c r="G20459" s="1" t="s">
        <v>73083</v>
      </c>
      <c r="H20459" s="1" t="s">
        <v>73084</v>
      </c>
      <c r="I20459" s="1" t="s">
        <v>72972</v>
      </c>
      <c r="J20459" s="1" t="s">
        <v>73163</v>
      </c>
    </row>
    <row r="20460" spans="1:10" x14ac:dyDescent="0.35">
      <c r="A20460" s="1" t="s">
        <v>73080</v>
      </c>
      <c r="B20460" s="1" t="s">
        <v>72967</v>
      </c>
      <c r="C20460" s="1" t="s">
        <v>165</v>
      </c>
      <c r="D20460" s="1" t="s">
        <v>36566</v>
      </c>
      <c r="E20460" s="1" t="s">
        <v>73164</v>
      </c>
      <c r="F20460" s="1" t="s">
        <v>73082</v>
      </c>
      <c r="G20460" s="1" t="s">
        <v>73083</v>
      </c>
      <c r="H20460" s="1" t="s">
        <v>73084</v>
      </c>
      <c r="I20460" s="1" t="s">
        <v>72972</v>
      </c>
      <c r="J20460" s="1" t="s">
        <v>73165</v>
      </c>
    </row>
    <row r="20461" spans="1:10" x14ac:dyDescent="0.35">
      <c r="A20461" s="1" t="s">
        <v>73080</v>
      </c>
      <c r="B20461" s="1" t="s">
        <v>72967</v>
      </c>
      <c r="C20461" s="1" t="s">
        <v>170</v>
      </c>
      <c r="D20461" s="1" t="s">
        <v>30666</v>
      </c>
      <c r="E20461" s="1" t="s">
        <v>73166</v>
      </c>
      <c r="F20461" s="1" t="s">
        <v>73082</v>
      </c>
      <c r="G20461" s="1" t="s">
        <v>73083</v>
      </c>
      <c r="H20461" s="1" t="s">
        <v>73084</v>
      </c>
      <c r="I20461" s="1" t="s">
        <v>72972</v>
      </c>
      <c r="J20461" s="1" t="s">
        <v>73167</v>
      </c>
    </row>
    <row r="20462" spans="1:10" x14ac:dyDescent="0.35">
      <c r="A20462" s="1" t="s">
        <v>8453</v>
      </c>
      <c r="B20462" s="1" t="s">
        <v>72967</v>
      </c>
      <c r="C20462" s="1" t="s">
        <v>8</v>
      </c>
      <c r="D20462" s="1" t="s">
        <v>73168</v>
      </c>
      <c r="E20462" s="1" t="s">
        <v>73169</v>
      </c>
      <c r="F20462" s="1" t="s">
        <v>73170</v>
      </c>
      <c r="G20462" s="1" t="s">
        <v>73171</v>
      </c>
      <c r="H20462" s="1" t="s">
        <v>73172</v>
      </c>
      <c r="I20462" s="1" t="s">
        <v>72972</v>
      </c>
      <c r="J20462" s="1" t="s">
        <v>13</v>
      </c>
    </row>
    <row r="20463" spans="1:10" x14ac:dyDescent="0.35">
      <c r="A20463" s="1" t="s">
        <v>8453</v>
      </c>
      <c r="B20463" s="1" t="s">
        <v>72967</v>
      </c>
      <c r="C20463" s="1" t="s">
        <v>15</v>
      </c>
      <c r="D20463" s="1" t="s">
        <v>34656</v>
      </c>
      <c r="E20463" s="1" t="s">
        <v>73173</v>
      </c>
      <c r="F20463" s="1" t="s">
        <v>73174</v>
      </c>
      <c r="G20463" s="1" t="s">
        <v>73171</v>
      </c>
      <c r="H20463" s="1" t="s">
        <v>73172</v>
      </c>
      <c r="I20463" s="1" t="s">
        <v>72972</v>
      </c>
      <c r="J20463" s="1" t="s">
        <v>73175</v>
      </c>
    </row>
    <row r="20464" spans="1:10" x14ac:dyDescent="0.35">
      <c r="A20464" s="1" t="s">
        <v>8453</v>
      </c>
      <c r="B20464" s="1" t="s">
        <v>72967</v>
      </c>
      <c r="C20464" s="1" t="s">
        <v>20</v>
      </c>
      <c r="D20464" s="1" t="s">
        <v>73176</v>
      </c>
      <c r="E20464" s="1" t="s">
        <v>73177</v>
      </c>
      <c r="F20464" s="1" t="s">
        <v>73178</v>
      </c>
      <c r="G20464" s="1" t="s">
        <v>73171</v>
      </c>
      <c r="H20464" s="1" t="s">
        <v>73172</v>
      </c>
      <c r="I20464" s="1" t="s">
        <v>72972</v>
      </c>
      <c r="J20464" s="1" t="s">
        <v>73179</v>
      </c>
    </row>
    <row r="20465" spans="1:10" x14ac:dyDescent="0.35">
      <c r="A20465" s="1" t="s">
        <v>8453</v>
      </c>
      <c r="B20465" s="1" t="s">
        <v>72967</v>
      </c>
      <c r="C20465" s="1" t="s">
        <v>25</v>
      </c>
      <c r="D20465" s="1" t="s">
        <v>2347</v>
      </c>
      <c r="E20465" s="1" t="s">
        <v>73180</v>
      </c>
      <c r="F20465" s="1" t="s">
        <v>73181</v>
      </c>
      <c r="G20465" s="1" t="s">
        <v>73171</v>
      </c>
      <c r="H20465" s="1" t="s">
        <v>73172</v>
      </c>
      <c r="I20465" s="1" t="s">
        <v>72972</v>
      </c>
      <c r="J20465" s="1" t="s">
        <v>73182</v>
      </c>
    </row>
    <row r="20466" spans="1:10" x14ac:dyDescent="0.35">
      <c r="A20466" s="1" t="s">
        <v>8453</v>
      </c>
      <c r="B20466" s="1" t="s">
        <v>72967</v>
      </c>
      <c r="C20466" s="1" t="s">
        <v>30</v>
      </c>
      <c r="D20466" s="1" t="s">
        <v>73183</v>
      </c>
      <c r="E20466" s="1" t="s">
        <v>73184</v>
      </c>
      <c r="F20466" s="1" t="s">
        <v>73185</v>
      </c>
      <c r="G20466" s="1" t="s">
        <v>73171</v>
      </c>
      <c r="H20466" s="1" t="s">
        <v>73172</v>
      </c>
      <c r="I20466" s="1" t="s">
        <v>72972</v>
      </c>
      <c r="J20466" s="1" t="s">
        <v>73186</v>
      </c>
    </row>
    <row r="20467" spans="1:10" x14ac:dyDescent="0.35">
      <c r="A20467" s="1" t="s">
        <v>8453</v>
      </c>
      <c r="B20467" s="1" t="s">
        <v>72967</v>
      </c>
      <c r="C20467" s="1" t="s">
        <v>35</v>
      </c>
      <c r="D20467" s="1" t="s">
        <v>73187</v>
      </c>
      <c r="E20467" s="1" t="s">
        <v>73188</v>
      </c>
      <c r="F20467" s="1" t="s">
        <v>73189</v>
      </c>
      <c r="G20467" s="1" t="s">
        <v>73171</v>
      </c>
      <c r="H20467" s="1" t="s">
        <v>73172</v>
      </c>
      <c r="I20467" s="1" t="s">
        <v>72972</v>
      </c>
      <c r="J20467" s="1" t="s">
        <v>73190</v>
      </c>
    </row>
    <row r="20468" spans="1:10" x14ac:dyDescent="0.35">
      <c r="A20468" s="1" t="s">
        <v>8453</v>
      </c>
      <c r="B20468" s="1" t="s">
        <v>72967</v>
      </c>
      <c r="C20468" s="1" t="s">
        <v>40</v>
      </c>
      <c r="D20468" s="1" t="s">
        <v>1433</v>
      </c>
      <c r="E20468" s="1" t="s">
        <v>73191</v>
      </c>
      <c r="F20468" s="1" t="s">
        <v>73192</v>
      </c>
      <c r="G20468" s="1" t="s">
        <v>73171</v>
      </c>
      <c r="H20468" s="1" t="s">
        <v>73172</v>
      </c>
      <c r="I20468" s="1" t="s">
        <v>72972</v>
      </c>
      <c r="J20468" s="1" t="s">
        <v>73193</v>
      </c>
    </row>
    <row r="20469" spans="1:10" x14ac:dyDescent="0.35">
      <c r="A20469" s="1" t="s">
        <v>8453</v>
      </c>
      <c r="B20469" s="1" t="s">
        <v>72967</v>
      </c>
      <c r="C20469" s="1" t="s">
        <v>45</v>
      </c>
      <c r="D20469" s="1" t="s">
        <v>73194</v>
      </c>
      <c r="E20469" s="1" t="s">
        <v>73195</v>
      </c>
      <c r="F20469" s="1" t="s">
        <v>73196</v>
      </c>
      <c r="G20469" s="1" t="s">
        <v>73171</v>
      </c>
      <c r="H20469" s="1" t="s">
        <v>73172</v>
      </c>
      <c r="I20469" s="1" t="s">
        <v>72972</v>
      </c>
      <c r="J20469" s="1" t="s">
        <v>73197</v>
      </c>
    </row>
    <row r="20470" spans="1:10" x14ac:dyDescent="0.35">
      <c r="A20470" s="1" t="s">
        <v>8453</v>
      </c>
      <c r="B20470" s="1" t="s">
        <v>72967</v>
      </c>
      <c r="C20470" s="1" t="s">
        <v>50</v>
      </c>
      <c r="D20470" s="1" t="s">
        <v>72782</v>
      </c>
      <c r="E20470" s="1" t="s">
        <v>73198</v>
      </c>
      <c r="F20470" s="1" t="s">
        <v>73199</v>
      </c>
      <c r="G20470" s="1" t="s">
        <v>73171</v>
      </c>
      <c r="H20470" s="1" t="s">
        <v>73172</v>
      </c>
      <c r="I20470" s="1" t="s">
        <v>72972</v>
      </c>
      <c r="J20470" s="1" t="s">
        <v>73200</v>
      </c>
    </row>
    <row r="20471" spans="1:10" x14ac:dyDescent="0.35">
      <c r="A20471" s="1" t="s">
        <v>8453</v>
      </c>
      <c r="B20471" s="1" t="s">
        <v>72967</v>
      </c>
      <c r="C20471" s="1" t="s">
        <v>55</v>
      </c>
      <c r="D20471" s="1" t="s">
        <v>50203</v>
      </c>
      <c r="E20471" s="1" t="s">
        <v>73201</v>
      </c>
      <c r="F20471" s="1" t="s">
        <v>73202</v>
      </c>
      <c r="G20471" s="1" t="s">
        <v>73171</v>
      </c>
      <c r="H20471" s="1" t="s">
        <v>73172</v>
      </c>
      <c r="I20471" s="1" t="s">
        <v>72972</v>
      </c>
      <c r="J20471" s="1" t="s">
        <v>73203</v>
      </c>
    </row>
    <row r="20472" spans="1:10" x14ac:dyDescent="0.35">
      <c r="A20472" s="1" t="s">
        <v>8453</v>
      </c>
      <c r="B20472" s="1" t="s">
        <v>72967</v>
      </c>
      <c r="C20472" s="1" t="s">
        <v>60</v>
      </c>
      <c r="D20472" s="1" t="s">
        <v>73204</v>
      </c>
      <c r="E20472" s="1" t="s">
        <v>73205</v>
      </c>
      <c r="F20472" s="1" t="s">
        <v>73206</v>
      </c>
      <c r="G20472" s="1" t="s">
        <v>73171</v>
      </c>
      <c r="H20472" s="1" t="s">
        <v>73172</v>
      </c>
      <c r="I20472" s="1" t="s">
        <v>72972</v>
      </c>
      <c r="J20472" s="1" t="s">
        <v>73207</v>
      </c>
    </row>
    <row r="20473" spans="1:10" x14ac:dyDescent="0.35">
      <c r="A20473" s="1" t="s">
        <v>8453</v>
      </c>
      <c r="B20473" s="1" t="s">
        <v>72967</v>
      </c>
      <c r="C20473" s="1" t="s">
        <v>65</v>
      </c>
      <c r="D20473" s="1" t="s">
        <v>49220</v>
      </c>
      <c r="E20473" s="1" t="s">
        <v>73208</v>
      </c>
      <c r="F20473" s="1" t="s">
        <v>73209</v>
      </c>
      <c r="G20473" s="1" t="s">
        <v>73171</v>
      </c>
      <c r="H20473" s="1" t="s">
        <v>73172</v>
      </c>
      <c r="I20473" s="1" t="s">
        <v>72972</v>
      </c>
      <c r="J20473" s="1" t="s">
        <v>73210</v>
      </c>
    </row>
    <row r="20474" spans="1:10" x14ac:dyDescent="0.35">
      <c r="A20474" s="1" t="s">
        <v>8453</v>
      </c>
      <c r="B20474" s="1" t="s">
        <v>72967</v>
      </c>
      <c r="C20474" s="1" t="s">
        <v>70</v>
      </c>
      <c r="D20474" s="1" t="s">
        <v>49576</v>
      </c>
      <c r="E20474" s="1" t="s">
        <v>73211</v>
      </c>
      <c r="F20474" s="1" t="s">
        <v>73212</v>
      </c>
      <c r="G20474" s="1" t="s">
        <v>73171</v>
      </c>
      <c r="H20474" s="1" t="s">
        <v>73172</v>
      </c>
      <c r="I20474" s="1" t="s">
        <v>72972</v>
      </c>
      <c r="J20474" s="1" t="s">
        <v>73213</v>
      </c>
    </row>
    <row r="20475" spans="1:10" x14ac:dyDescent="0.35">
      <c r="A20475" s="1" t="s">
        <v>8453</v>
      </c>
      <c r="B20475" s="1" t="s">
        <v>72967</v>
      </c>
      <c r="C20475" s="1" t="s">
        <v>75</v>
      </c>
      <c r="D20475" s="1" t="s">
        <v>73214</v>
      </c>
      <c r="E20475" s="1" t="s">
        <v>73215</v>
      </c>
      <c r="F20475" s="1" t="s">
        <v>73216</v>
      </c>
      <c r="G20475" s="1" t="s">
        <v>73171</v>
      </c>
      <c r="H20475" s="1" t="s">
        <v>73172</v>
      </c>
      <c r="I20475" s="1" t="s">
        <v>72972</v>
      </c>
      <c r="J20475" s="1" t="s">
        <v>73217</v>
      </c>
    </row>
    <row r="20476" spans="1:10" x14ac:dyDescent="0.35">
      <c r="A20476" s="1" t="s">
        <v>8453</v>
      </c>
      <c r="B20476" s="1" t="s">
        <v>72967</v>
      </c>
      <c r="C20476" s="1" t="s">
        <v>80</v>
      </c>
      <c r="D20476" s="1" t="s">
        <v>73218</v>
      </c>
      <c r="E20476" s="1" t="s">
        <v>73219</v>
      </c>
      <c r="F20476" s="1" t="s">
        <v>73220</v>
      </c>
      <c r="G20476" s="1" t="s">
        <v>73171</v>
      </c>
      <c r="H20476" s="1" t="s">
        <v>73172</v>
      </c>
      <c r="I20476" s="1" t="s">
        <v>72972</v>
      </c>
      <c r="J20476" s="1" t="s">
        <v>73221</v>
      </c>
    </row>
    <row r="20477" spans="1:10" x14ac:dyDescent="0.35">
      <c r="A20477" s="1" t="s">
        <v>8453</v>
      </c>
      <c r="B20477" s="1" t="s">
        <v>72967</v>
      </c>
      <c r="C20477" s="1" t="s">
        <v>85</v>
      </c>
      <c r="D20477" s="1" t="s">
        <v>73222</v>
      </c>
      <c r="E20477" s="1" t="s">
        <v>73223</v>
      </c>
      <c r="F20477" s="1" t="s">
        <v>73224</v>
      </c>
      <c r="G20477" s="1" t="s">
        <v>73171</v>
      </c>
      <c r="H20477" s="1" t="s">
        <v>73172</v>
      </c>
      <c r="I20477" s="1" t="s">
        <v>72972</v>
      </c>
      <c r="J20477" s="1" t="s">
        <v>73225</v>
      </c>
    </row>
    <row r="20478" spans="1:10" x14ac:dyDescent="0.35">
      <c r="A20478" s="1" t="s">
        <v>8453</v>
      </c>
      <c r="B20478" s="1" t="s">
        <v>72967</v>
      </c>
      <c r="C20478" s="1" t="s">
        <v>90</v>
      </c>
      <c r="D20478" s="1" t="s">
        <v>73226</v>
      </c>
      <c r="E20478" s="1" t="s">
        <v>73227</v>
      </c>
      <c r="F20478" s="1" t="s">
        <v>73228</v>
      </c>
      <c r="G20478" s="1" t="s">
        <v>73171</v>
      </c>
      <c r="H20478" s="1" t="s">
        <v>73172</v>
      </c>
      <c r="I20478" s="1" t="s">
        <v>72972</v>
      </c>
      <c r="J20478" s="1" t="s">
        <v>73229</v>
      </c>
    </row>
    <row r="20479" spans="1:10" x14ac:dyDescent="0.35">
      <c r="A20479" s="1" t="s">
        <v>8453</v>
      </c>
      <c r="B20479" s="1" t="s">
        <v>72967</v>
      </c>
      <c r="C20479" s="1" t="s">
        <v>95</v>
      </c>
      <c r="D20479" s="1" t="s">
        <v>14842</v>
      </c>
      <c r="E20479" s="1" t="s">
        <v>73230</v>
      </c>
      <c r="F20479" s="1" t="s">
        <v>73231</v>
      </c>
      <c r="G20479" s="1" t="s">
        <v>73171</v>
      </c>
      <c r="H20479" s="1" t="s">
        <v>73172</v>
      </c>
      <c r="I20479" s="1" t="s">
        <v>72972</v>
      </c>
      <c r="J20479" s="1" t="s">
        <v>73232</v>
      </c>
    </row>
    <row r="20480" spans="1:10" x14ac:dyDescent="0.35">
      <c r="A20480" s="1" t="s">
        <v>8453</v>
      </c>
      <c r="B20480" s="1" t="s">
        <v>72967</v>
      </c>
      <c r="C20480" s="1" t="s">
        <v>100</v>
      </c>
      <c r="D20480" s="1" t="s">
        <v>73233</v>
      </c>
      <c r="E20480" s="1" t="s">
        <v>73234</v>
      </c>
      <c r="F20480" s="1" t="s">
        <v>73235</v>
      </c>
      <c r="G20480" s="1" t="s">
        <v>73171</v>
      </c>
      <c r="H20480" s="1" t="s">
        <v>73172</v>
      </c>
      <c r="I20480" s="1" t="s">
        <v>72972</v>
      </c>
      <c r="J20480" s="1" t="s">
        <v>73236</v>
      </c>
    </row>
    <row r="20481" spans="1:10" x14ac:dyDescent="0.35">
      <c r="A20481" s="1" t="s">
        <v>8453</v>
      </c>
      <c r="B20481" s="1" t="s">
        <v>72967</v>
      </c>
      <c r="C20481" s="1" t="s">
        <v>105</v>
      </c>
      <c r="D20481" s="1" t="s">
        <v>73237</v>
      </c>
      <c r="E20481" s="1" t="s">
        <v>73238</v>
      </c>
      <c r="F20481" s="1" t="s">
        <v>73239</v>
      </c>
      <c r="G20481" s="1" t="s">
        <v>73171</v>
      </c>
      <c r="H20481" s="1" t="s">
        <v>73172</v>
      </c>
      <c r="I20481" s="1" t="s">
        <v>72972</v>
      </c>
      <c r="J20481" s="1" t="s">
        <v>73240</v>
      </c>
    </row>
    <row r="20482" spans="1:10" x14ac:dyDescent="0.35">
      <c r="A20482" s="1" t="s">
        <v>8453</v>
      </c>
      <c r="B20482" s="1" t="s">
        <v>72967</v>
      </c>
      <c r="C20482" s="1" t="s">
        <v>110</v>
      </c>
      <c r="D20482" s="1" t="s">
        <v>73241</v>
      </c>
      <c r="E20482" s="1" t="s">
        <v>73242</v>
      </c>
      <c r="F20482" s="1" t="s">
        <v>73243</v>
      </c>
      <c r="G20482" s="1" t="s">
        <v>73171</v>
      </c>
      <c r="H20482" s="1" t="s">
        <v>73172</v>
      </c>
      <c r="I20482" s="1" t="s">
        <v>72972</v>
      </c>
      <c r="J20482" s="1" t="s">
        <v>73244</v>
      </c>
    </row>
    <row r="20483" spans="1:10" x14ac:dyDescent="0.35">
      <c r="A20483" s="1" t="s">
        <v>8453</v>
      </c>
      <c r="B20483" s="1" t="s">
        <v>72967</v>
      </c>
      <c r="C20483" s="1" t="s">
        <v>115</v>
      </c>
      <c r="D20483" s="1" t="s">
        <v>73245</v>
      </c>
      <c r="E20483" s="1" t="s">
        <v>73246</v>
      </c>
      <c r="F20483" s="1" t="s">
        <v>73247</v>
      </c>
      <c r="G20483" s="1" t="s">
        <v>73171</v>
      </c>
      <c r="H20483" s="1" t="s">
        <v>73172</v>
      </c>
      <c r="I20483" s="1" t="s">
        <v>72972</v>
      </c>
      <c r="J20483" s="1" t="s">
        <v>73248</v>
      </c>
    </row>
    <row r="20484" spans="1:10" x14ac:dyDescent="0.35">
      <c r="A20484" s="1" t="s">
        <v>8453</v>
      </c>
      <c r="B20484" s="1" t="s">
        <v>72967</v>
      </c>
      <c r="C20484" s="1" t="s">
        <v>120</v>
      </c>
      <c r="D20484" s="1" t="s">
        <v>11852</v>
      </c>
      <c r="E20484" s="1" t="s">
        <v>73249</v>
      </c>
      <c r="F20484" s="1" t="s">
        <v>73250</v>
      </c>
      <c r="G20484" s="1" t="s">
        <v>73171</v>
      </c>
      <c r="H20484" s="1" t="s">
        <v>73172</v>
      </c>
      <c r="I20484" s="1" t="s">
        <v>72972</v>
      </c>
      <c r="J20484" s="1" t="s">
        <v>73251</v>
      </c>
    </row>
    <row r="20485" spans="1:10" x14ac:dyDescent="0.35">
      <c r="A20485" s="1" t="s">
        <v>8453</v>
      </c>
      <c r="B20485" s="1" t="s">
        <v>72967</v>
      </c>
      <c r="C20485" s="1" t="s">
        <v>125</v>
      </c>
      <c r="D20485" s="1" t="s">
        <v>73252</v>
      </c>
      <c r="E20485" s="1" t="s">
        <v>73253</v>
      </c>
      <c r="F20485" s="1" t="s">
        <v>73254</v>
      </c>
      <c r="G20485" s="1" t="s">
        <v>73171</v>
      </c>
      <c r="H20485" s="1" t="s">
        <v>73172</v>
      </c>
      <c r="I20485" s="1" t="s">
        <v>72972</v>
      </c>
      <c r="J20485" s="1" t="s">
        <v>73255</v>
      </c>
    </row>
    <row r="20486" spans="1:10" x14ac:dyDescent="0.35">
      <c r="A20486" s="1" t="s">
        <v>8453</v>
      </c>
      <c r="B20486" s="1" t="s">
        <v>72967</v>
      </c>
      <c r="C20486" s="1" t="s">
        <v>130</v>
      </c>
      <c r="D20486" s="1" t="s">
        <v>73256</v>
      </c>
      <c r="E20486" s="1" t="s">
        <v>73257</v>
      </c>
      <c r="F20486" s="1" t="s">
        <v>73258</v>
      </c>
      <c r="G20486" s="1" t="s">
        <v>73171</v>
      </c>
      <c r="H20486" s="1" t="s">
        <v>73172</v>
      </c>
      <c r="I20486" s="1" t="s">
        <v>72972</v>
      </c>
      <c r="J20486" s="1" t="s">
        <v>73259</v>
      </c>
    </row>
    <row r="20487" spans="1:10" x14ac:dyDescent="0.35">
      <c r="A20487" s="1" t="s">
        <v>8453</v>
      </c>
      <c r="B20487" s="1" t="s">
        <v>72967</v>
      </c>
      <c r="C20487" s="1" t="s">
        <v>135</v>
      </c>
      <c r="D20487" s="1" t="s">
        <v>73260</v>
      </c>
      <c r="E20487" s="1" t="s">
        <v>73261</v>
      </c>
      <c r="F20487" s="1" t="s">
        <v>73262</v>
      </c>
      <c r="G20487" s="1" t="s">
        <v>73171</v>
      </c>
      <c r="H20487" s="1" t="s">
        <v>73172</v>
      </c>
      <c r="I20487" s="1" t="s">
        <v>72972</v>
      </c>
      <c r="J20487" s="1" t="s">
        <v>73263</v>
      </c>
    </row>
    <row r="20488" spans="1:10" x14ac:dyDescent="0.35">
      <c r="A20488" s="1" t="s">
        <v>8453</v>
      </c>
      <c r="B20488" s="1" t="s">
        <v>72967</v>
      </c>
      <c r="C20488" s="1" t="s">
        <v>140</v>
      </c>
      <c r="D20488" s="1" t="s">
        <v>73264</v>
      </c>
      <c r="E20488" s="1" t="s">
        <v>73265</v>
      </c>
      <c r="F20488" s="1" t="s">
        <v>73266</v>
      </c>
      <c r="G20488" s="1" t="s">
        <v>73171</v>
      </c>
      <c r="H20488" s="1" t="s">
        <v>73172</v>
      </c>
      <c r="I20488" s="1" t="s">
        <v>72972</v>
      </c>
      <c r="J20488" s="1" t="s">
        <v>73267</v>
      </c>
    </row>
    <row r="20489" spans="1:10" x14ac:dyDescent="0.35">
      <c r="A20489" s="1" t="s">
        <v>8453</v>
      </c>
      <c r="B20489" s="1" t="s">
        <v>72967</v>
      </c>
      <c r="C20489" s="1" t="s">
        <v>145</v>
      </c>
      <c r="D20489" s="1" t="s">
        <v>73268</v>
      </c>
      <c r="E20489" s="1" t="s">
        <v>73269</v>
      </c>
      <c r="F20489" s="1" t="s">
        <v>73270</v>
      </c>
      <c r="G20489" s="1" t="s">
        <v>73171</v>
      </c>
      <c r="H20489" s="1" t="s">
        <v>73172</v>
      </c>
      <c r="I20489" s="1" t="s">
        <v>72972</v>
      </c>
      <c r="J20489" s="1" t="s">
        <v>73271</v>
      </c>
    </row>
    <row r="20490" spans="1:10" x14ac:dyDescent="0.35">
      <c r="A20490" s="1" t="s">
        <v>8453</v>
      </c>
      <c r="B20490" s="1" t="s">
        <v>72967</v>
      </c>
      <c r="C20490" s="1" t="s">
        <v>150</v>
      </c>
      <c r="D20490" s="1" t="s">
        <v>73272</v>
      </c>
      <c r="E20490" s="1" t="s">
        <v>73273</v>
      </c>
      <c r="F20490" s="1" t="s">
        <v>73274</v>
      </c>
      <c r="G20490" s="1" t="s">
        <v>73171</v>
      </c>
      <c r="H20490" s="1" t="s">
        <v>73172</v>
      </c>
      <c r="I20490" s="1" t="s">
        <v>72972</v>
      </c>
      <c r="J20490" s="1" t="s">
        <v>73275</v>
      </c>
    </row>
    <row r="20491" spans="1:10" x14ac:dyDescent="0.35">
      <c r="A20491" s="1" t="s">
        <v>8453</v>
      </c>
      <c r="B20491" s="1" t="s">
        <v>72967</v>
      </c>
      <c r="C20491" s="1" t="s">
        <v>155</v>
      </c>
      <c r="D20491" s="1" t="s">
        <v>73276</v>
      </c>
      <c r="E20491" s="1" t="s">
        <v>73277</v>
      </c>
      <c r="F20491" s="1" t="s">
        <v>73278</v>
      </c>
      <c r="G20491" s="1" t="s">
        <v>73171</v>
      </c>
      <c r="H20491" s="1" t="s">
        <v>73172</v>
      </c>
      <c r="I20491" s="1" t="s">
        <v>72972</v>
      </c>
      <c r="J20491" s="1" t="s">
        <v>73279</v>
      </c>
    </row>
    <row r="20492" spans="1:10" x14ac:dyDescent="0.35">
      <c r="A20492" s="1" t="s">
        <v>8453</v>
      </c>
      <c r="B20492" s="1" t="s">
        <v>72967</v>
      </c>
      <c r="C20492" s="1" t="s">
        <v>160</v>
      </c>
      <c r="D20492" s="1" t="s">
        <v>43682</v>
      </c>
      <c r="E20492" s="1" t="s">
        <v>73280</v>
      </c>
      <c r="F20492" s="1" t="s">
        <v>73281</v>
      </c>
      <c r="G20492" s="1" t="s">
        <v>73171</v>
      </c>
      <c r="H20492" s="1" t="s">
        <v>73172</v>
      </c>
      <c r="I20492" s="1" t="s">
        <v>72972</v>
      </c>
      <c r="J20492" s="1" t="s">
        <v>73282</v>
      </c>
    </row>
    <row r="20493" spans="1:10" x14ac:dyDescent="0.35">
      <c r="A20493" s="1" t="s">
        <v>8453</v>
      </c>
      <c r="B20493" s="1" t="s">
        <v>72967</v>
      </c>
      <c r="C20493" s="1" t="s">
        <v>165</v>
      </c>
      <c r="D20493" s="1" t="s">
        <v>73283</v>
      </c>
      <c r="E20493" s="1" t="s">
        <v>73284</v>
      </c>
      <c r="F20493" s="1" t="s">
        <v>73285</v>
      </c>
      <c r="G20493" s="1" t="s">
        <v>73171</v>
      </c>
      <c r="H20493" s="1" t="s">
        <v>73172</v>
      </c>
      <c r="I20493" s="1" t="s">
        <v>72972</v>
      </c>
      <c r="J20493" s="1" t="s">
        <v>73286</v>
      </c>
    </row>
    <row r="20494" spans="1:10" x14ac:dyDescent="0.35">
      <c r="A20494" s="1" t="s">
        <v>8453</v>
      </c>
      <c r="B20494" s="1" t="s">
        <v>72967</v>
      </c>
      <c r="C20494" s="1" t="s">
        <v>170</v>
      </c>
      <c r="D20494" s="1" t="s">
        <v>73287</v>
      </c>
      <c r="E20494" s="1" t="s">
        <v>73288</v>
      </c>
      <c r="F20494" s="1" t="s">
        <v>73289</v>
      </c>
      <c r="G20494" s="1" t="s">
        <v>73171</v>
      </c>
      <c r="H20494" s="1" t="s">
        <v>73172</v>
      </c>
      <c r="I20494" s="1" t="s">
        <v>72972</v>
      </c>
      <c r="J20494" s="1" t="s">
        <v>73290</v>
      </c>
    </row>
    <row r="20495" spans="1:10" x14ac:dyDescent="0.35">
      <c r="A20495" s="1" t="s">
        <v>73291</v>
      </c>
      <c r="B20495" s="1" t="s">
        <v>72967</v>
      </c>
      <c r="C20495" s="1" t="s">
        <v>8</v>
      </c>
      <c r="D20495" s="1" t="s">
        <v>73292</v>
      </c>
      <c r="E20495" s="1" t="s">
        <v>73293</v>
      </c>
      <c r="F20495" s="1" t="s">
        <v>15610</v>
      </c>
      <c r="G20495" s="1" t="s">
        <v>73294</v>
      </c>
      <c r="H20495" s="1" t="s">
        <v>73295</v>
      </c>
      <c r="I20495" s="1" t="s">
        <v>72972</v>
      </c>
      <c r="J20495" s="1" t="s">
        <v>13</v>
      </c>
    </row>
    <row r="20496" spans="1:10" x14ac:dyDescent="0.35">
      <c r="A20496" s="1" t="s">
        <v>73291</v>
      </c>
      <c r="B20496" s="1" t="s">
        <v>72967</v>
      </c>
      <c r="C20496" s="1" t="s">
        <v>15</v>
      </c>
      <c r="D20496" s="1" t="s">
        <v>73296</v>
      </c>
      <c r="E20496" s="1" t="s">
        <v>73297</v>
      </c>
      <c r="F20496" s="1" t="s">
        <v>16066</v>
      </c>
      <c r="G20496" s="1" t="s">
        <v>73294</v>
      </c>
      <c r="H20496" s="1" t="s">
        <v>73295</v>
      </c>
      <c r="I20496" s="1" t="s">
        <v>72972</v>
      </c>
      <c r="J20496" s="1" t="s">
        <v>73298</v>
      </c>
    </row>
    <row r="20497" spans="1:10" x14ac:dyDescent="0.35">
      <c r="A20497" s="1" t="s">
        <v>73291</v>
      </c>
      <c r="B20497" s="1" t="s">
        <v>72967</v>
      </c>
      <c r="C20497" s="1" t="s">
        <v>20</v>
      </c>
      <c r="D20497" s="1" t="s">
        <v>10857</v>
      </c>
      <c r="E20497" s="1" t="s">
        <v>73299</v>
      </c>
      <c r="F20497" s="1" t="s">
        <v>73300</v>
      </c>
      <c r="G20497" s="1" t="s">
        <v>73294</v>
      </c>
      <c r="H20497" s="1" t="s">
        <v>73295</v>
      </c>
      <c r="I20497" s="1" t="s">
        <v>72972</v>
      </c>
      <c r="J20497" s="1" t="s">
        <v>73301</v>
      </c>
    </row>
    <row r="20498" spans="1:10" x14ac:dyDescent="0.35">
      <c r="A20498" s="1" t="s">
        <v>73291</v>
      </c>
      <c r="B20498" s="1" t="s">
        <v>72967</v>
      </c>
      <c r="C20498" s="1" t="s">
        <v>25</v>
      </c>
      <c r="D20498" s="1" t="s">
        <v>73302</v>
      </c>
      <c r="E20498" s="1" t="s">
        <v>73303</v>
      </c>
      <c r="F20498" s="1" t="s">
        <v>73304</v>
      </c>
      <c r="G20498" s="1" t="s">
        <v>73294</v>
      </c>
      <c r="H20498" s="1" t="s">
        <v>73295</v>
      </c>
      <c r="I20498" s="1" t="s">
        <v>72972</v>
      </c>
      <c r="J20498" s="1" t="s">
        <v>73305</v>
      </c>
    </row>
    <row r="20499" spans="1:10" x14ac:dyDescent="0.35">
      <c r="A20499" s="1" t="s">
        <v>73291</v>
      </c>
      <c r="B20499" s="1" t="s">
        <v>72967</v>
      </c>
      <c r="C20499" s="1" t="s">
        <v>30</v>
      </c>
      <c r="D20499" s="1" t="s">
        <v>14045</v>
      </c>
      <c r="E20499" s="1" t="s">
        <v>73306</v>
      </c>
      <c r="F20499" s="1" t="s">
        <v>12853</v>
      </c>
      <c r="G20499" s="1" t="s">
        <v>73294</v>
      </c>
      <c r="H20499" s="1" t="s">
        <v>73295</v>
      </c>
      <c r="I20499" s="1" t="s">
        <v>72972</v>
      </c>
      <c r="J20499" s="1" t="s">
        <v>73307</v>
      </c>
    </row>
    <row r="20500" spans="1:10" x14ac:dyDescent="0.35">
      <c r="A20500" s="1" t="s">
        <v>73291</v>
      </c>
      <c r="B20500" s="1" t="s">
        <v>72967</v>
      </c>
      <c r="C20500" s="1" t="s">
        <v>35</v>
      </c>
      <c r="D20500" s="1" t="s">
        <v>73308</v>
      </c>
      <c r="E20500" s="1" t="s">
        <v>73293</v>
      </c>
      <c r="F20500" s="1" t="s">
        <v>73309</v>
      </c>
      <c r="G20500" s="1" t="s">
        <v>73294</v>
      </c>
      <c r="H20500" s="1" t="s">
        <v>73295</v>
      </c>
      <c r="I20500" s="1" t="s">
        <v>72972</v>
      </c>
      <c r="J20500" s="1" t="s">
        <v>73310</v>
      </c>
    </row>
    <row r="20501" spans="1:10" x14ac:dyDescent="0.35">
      <c r="A20501" s="1" t="s">
        <v>73291</v>
      </c>
      <c r="B20501" s="1" t="s">
        <v>72967</v>
      </c>
      <c r="C20501" s="1" t="s">
        <v>40</v>
      </c>
      <c r="D20501" s="1" t="s">
        <v>73311</v>
      </c>
      <c r="E20501" s="1" t="s">
        <v>73312</v>
      </c>
      <c r="F20501" s="1" t="s">
        <v>73313</v>
      </c>
      <c r="G20501" s="1" t="s">
        <v>73294</v>
      </c>
      <c r="H20501" s="1" t="s">
        <v>73295</v>
      </c>
      <c r="I20501" s="1" t="s">
        <v>72972</v>
      </c>
      <c r="J20501" s="1" t="s">
        <v>73314</v>
      </c>
    </row>
    <row r="20502" spans="1:10" x14ac:dyDescent="0.35">
      <c r="A20502" s="1" t="s">
        <v>73291</v>
      </c>
      <c r="B20502" s="1" t="s">
        <v>72967</v>
      </c>
      <c r="C20502" s="1" t="s">
        <v>45</v>
      </c>
      <c r="D20502" s="1" t="s">
        <v>73315</v>
      </c>
      <c r="E20502" s="1" t="s">
        <v>73316</v>
      </c>
      <c r="F20502" s="1" t="s">
        <v>24323</v>
      </c>
      <c r="G20502" s="1" t="s">
        <v>73294</v>
      </c>
      <c r="H20502" s="1" t="s">
        <v>73295</v>
      </c>
      <c r="I20502" s="1" t="s">
        <v>72972</v>
      </c>
      <c r="J20502" s="1" t="s">
        <v>73317</v>
      </c>
    </row>
    <row r="20503" spans="1:10" x14ac:dyDescent="0.35">
      <c r="A20503" s="1" t="s">
        <v>73291</v>
      </c>
      <c r="B20503" s="1" t="s">
        <v>72967</v>
      </c>
      <c r="C20503" s="1" t="s">
        <v>50</v>
      </c>
      <c r="D20503" s="1" t="s">
        <v>2323</v>
      </c>
      <c r="E20503" s="1" t="s">
        <v>73318</v>
      </c>
      <c r="F20503" s="1" t="s">
        <v>73319</v>
      </c>
      <c r="G20503" s="1" t="s">
        <v>73294</v>
      </c>
      <c r="H20503" s="1" t="s">
        <v>73295</v>
      </c>
      <c r="I20503" s="1" t="s">
        <v>72972</v>
      </c>
      <c r="J20503" s="1" t="s">
        <v>73320</v>
      </c>
    </row>
    <row r="20504" spans="1:10" x14ac:dyDescent="0.35">
      <c r="A20504" s="1" t="s">
        <v>73291</v>
      </c>
      <c r="B20504" s="1" t="s">
        <v>72967</v>
      </c>
      <c r="C20504" s="1" t="s">
        <v>55</v>
      </c>
      <c r="D20504" s="1" t="s">
        <v>73321</v>
      </c>
      <c r="E20504" s="1" t="s">
        <v>73322</v>
      </c>
      <c r="F20504" s="1" t="s">
        <v>73323</v>
      </c>
      <c r="G20504" s="1" t="s">
        <v>73294</v>
      </c>
      <c r="H20504" s="1" t="s">
        <v>73295</v>
      </c>
      <c r="I20504" s="1" t="s">
        <v>72972</v>
      </c>
      <c r="J20504" s="1" t="s">
        <v>73324</v>
      </c>
    </row>
    <row r="20505" spans="1:10" x14ac:dyDescent="0.35">
      <c r="A20505" s="1" t="s">
        <v>73291</v>
      </c>
      <c r="B20505" s="1" t="s">
        <v>72967</v>
      </c>
      <c r="C20505" s="1" t="s">
        <v>60</v>
      </c>
      <c r="D20505" s="1" t="s">
        <v>73325</v>
      </c>
      <c r="E20505" s="1" t="s">
        <v>73326</v>
      </c>
      <c r="F20505" s="1" t="s">
        <v>21144</v>
      </c>
      <c r="G20505" s="1" t="s">
        <v>73294</v>
      </c>
      <c r="H20505" s="1" t="s">
        <v>73295</v>
      </c>
      <c r="I20505" s="1" t="s">
        <v>72972</v>
      </c>
      <c r="J20505" s="1" t="s">
        <v>73327</v>
      </c>
    </row>
    <row r="20506" spans="1:10" x14ac:dyDescent="0.35">
      <c r="A20506" s="1" t="s">
        <v>73291</v>
      </c>
      <c r="B20506" s="1" t="s">
        <v>72967</v>
      </c>
      <c r="C20506" s="1" t="s">
        <v>65</v>
      </c>
      <c r="D20506" s="1" t="s">
        <v>73328</v>
      </c>
      <c r="E20506" s="1" t="s">
        <v>73329</v>
      </c>
      <c r="F20506" s="1" t="s">
        <v>73330</v>
      </c>
      <c r="G20506" s="1" t="s">
        <v>73294</v>
      </c>
      <c r="H20506" s="1" t="s">
        <v>73295</v>
      </c>
      <c r="I20506" s="1" t="s">
        <v>72972</v>
      </c>
      <c r="J20506" s="1" t="s">
        <v>73331</v>
      </c>
    </row>
    <row r="20507" spans="1:10" x14ac:dyDescent="0.35">
      <c r="A20507" s="1" t="s">
        <v>73291</v>
      </c>
      <c r="B20507" s="1" t="s">
        <v>72967</v>
      </c>
      <c r="C20507" s="1" t="s">
        <v>70</v>
      </c>
      <c r="D20507" s="1" t="s">
        <v>44336</v>
      </c>
      <c r="E20507" s="1" t="s">
        <v>73332</v>
      </c>
      <c r="F20507" s="1" t="s">
        <v>73333</v>
      </c>
      <c r="G20507" s="1" t="s">
        <v>73294</v>
      </c>
      <c r="H20507" s="1" t="s">
        <v>73295</v>
      </c>
      <c r="I20507" s="1" t="s">
        <v>72972</v>
      </c>
      <c r="J20507" s="1" t="s">
        <v>73334</v>
      </c>
    </row>
    <row r="20508" spans="1:10" x14ac:dyDescent="0.35">
      <c r="A20508" s="1" t="s">
        <v>73291</v>
      </c>
      <c r="B20508" s="1" t="s">
        <v>72967</v>
      </c>
      <c r="C20508" s="1" t="s">
        <v>75</v>
      </c>
      <c r="D20508" s="1" t="s">
        <v>73335</v>
      </c>
      <c r="E20508" s="1" t="s">
        <v>73336</v>
      </c>
      <c r="F20508" s="1" t="s">
        <v>56917</v>
      </c>
      <c r="G20508" s="1" t="s">
        <v>73294</v>
      </c>
      <c r="H20508" s="1" t="s">
        <v>73295</v>
      </c>
      <c r="I20508" s="1" t="s">
        <v>72972</v>
      </c>
      <c r="J20508" s="1" t="s">
        <v>73337</v>
      </c>
    </row>
    <row r="20509" spans="1:10" x14ac:dyDescent="0.35">
      <c r="A20509" s="1" t="s">
        <v>73291</v>
      </c>
      <c r="B20509" s="1" t="s">
        <v>72967</v>
      </c>
      <c r="C20509" s="1" t="s">
        <v>80</v>
      </c>
      <c r="D20509" s="1" t="s">
        <v>73338</v>
      </c>
      <c r="E20509" s="1" t="s">
        <v>73339</v>
      </c>
      <c r="F20509" s="1" t="s">
        <v>56079</v>
      </c>
      <c r="G20509" s="1" t="s">
        <v>73294</v>
      </c>
      <c r="H20509" s="1" t="s">
        <v>73295</v>
      </c>
      <c r="I20509" s="1" t="s">
        <v>72972</v>
      </c>
      <c r="J20509" s="1" t="s">
        <v>73340</v>
      </c>
    </row>
    <row r="20510" spans="1:10" x14ac:dyDescent="0.35">
      <c r="A20510" s="1" t="s">
        <v>73291</v>
      </c>
      <c r="B20510" s="1" t="s">
        <v>72967</v>
      </c>
      <c r="C20510" s="1" t="s">
        <v>85</v>
      </c>
      <c r="D20510" s="1" t="s">
        <v>71922</v>
      </c>
      <c r="E20510" s="1" t="s">
        <v>73341</v>
      </c>
      <c r="F20510" s="1" t="s">
        <v>73342</v>
      </c>
      <c r="G20510" s="1" t="s">
        <v>73294</v>
      </c>
      <c r="H20510" s="1" t="s">
        <v>73295</v>
      </c>
      <c r="I20510" s="1" t="s">
        <v>72972</v>
      </c>
      <c r="J20510" s="1" t="s">
        <v>73343</v>
      </c>
    </row>
    <row r="20511" spans="1:10" x14ac:dyDescent="0.35">
      <c r="A20511" s="1" t="s">
        <v>73291</v>
      </c>
      <c r="B20511" s="1" t="s">
        <v>72967</v>
      </c>
      <c r="C20511" s="1" t="s">
        <v>90</v>
      </c>
      <c r="D20511" s="1" t="s">
        <v>73344</v>
      </c>
      <c r="E20511" s="1" t="s">
        <v>73345</v>
      </c>
      <c r="F20511" s="1" t="s">
        <v>22906</v>
      </c>
      <c r="G20511" s="1" t="s">
        <v>73294</v>
      </c>
      <c r="H20511" s="1" t="s">
        <v>73295</v>
      </c>
      <c r="I20511" s="1" t="s">
        <v>72972</v>
      </c>
      <c r="J20511" s="1" t="s">
        <v>73346</v>
      </c>
    </row>
    <row r="20512" spans="1:10" x14ac:dyDescent="0.35">
      <c r="A20512" s="1" t="s">
        <v>73291</v>
      </c>
      <c r="B20512" s="1" t="s">
        <v>72967</v>
      </c>
      <c r="C20512" s="1" t="s">
        <v>95</v>
      </c>
      <c r="D20512" s="1" t="s">
        <v>3651</v>
      </c>
      <c r="E20512" s="1" t="s">
        <v>73347</v>
      </c>
      <c r="F20512" s="1" t="s">
        <v>56311</v>
      </c>
      <c r="G20512" s="1" t="s">
        <v>73294</v>
      </c>
      <c r="H20512" s="1" t="s">
        <v>73295</v>
      </c>
      <c r="I20512" s="1" t="s">
        <v>72972</v>
      </c>
      <c r="J20512" s="1" t="s">
        <v>73348</v>
      </c>
    </row>
    <row r="20513" spans="1:10" x14ac:dyDescent="0.35">
      <c r="A20513" s="1" t="s">
        <v>73291</v>
      </c>
      <c r="B20513" s="1" t="s">
        <v>72967</v>
      </c>
      <c r="C20513" s="1" t="s">
        <v>100</v>
      </c>
      <c r="D20513" s="1" t="s">
        <v>73349</v>
      </c>
      <c r="E20513" s="1" t="s">
        <v>73350</v>
      </c>
      <c r="F20513" s="1" t="s">
        <v>73351</v>
      </c>
      <c r="G20513" s="1" t="s">
        <v>73294</v>
      </c>
      <c r="H20513" s="1" t="s">
        <v>73295</v>
      </c>
      <c r="I20513" s="1" t="s">
        <v>72972</v>
      </c>
      <c r="J20513" s="1" t="s">
        <v>73352</v>
      </c>
    </row>
    <row r="20514" spans="1:10" x14ac:dyDescent="0.35">
      <c r="A20514" s="1" t="s">
        <v>73291</v>
      </c>
      <c r="B20514" s="1" t="s">
        <v>72967</v>
      </c>
      <c r="C20514" s="1" t="s">
        <v>105</v>
      </c>
      <c r="D20514" s="1" t="s">
        <v>71659</v>
      </c>
      <c r="E20514" s="1" t="s">
        <v>4831</v>
      </c>
      <c r="F20514" s="1" t="s">
        <v>73353</v>
      </c>
      <c r="G20514" s="1" t="s">
        <v>73294</v>
      </c>
      <c r="H20514" s="1" t="s">
        <v>73295</v>
      </c>
      <c r="I20514" s="1" t="s">
        <v>72972</v>
      </c>
      <c r="J20514" s="1" t="s">
        <v>73354</v>
      </c>
    </row>
    <row r="20515" spans="1:10" x14ac:dyDescent="0.35">
      <c r="A20515" s="1" t="s">
        <v>73291</v>
      </c>
      <c r="B20515" s="1" t="s">
        <v>72967</v>
      </c>
      <c r="C20515" s="1" t="s">
        <v>110</v>
      </c>
      <c r="D20515" s="1" t="s">
        <v>4185</v>
      </c>
      <c r="E20515" s="1" t="s">
        <v>73355</v>
      </c>
      <c r="F20515" s="1" t="s">
        <v>20969</v>
      </c>
      <c r="G20515" s="1" t="s">
        <v>73294</v>
      </c>
      <c r="H20515" s="1" t="s">
        <v>73295</v>
      </c>
      <c r="I20515" s="1" t="s">
        <v>72972</v>
      </c>
      <c r="J20515" s="1" t="s">
        <v>73356</v>
      </c>
    </row>
    <row r="20516" spans="1:10" x14ac:dyDescent="0.35">
      <c r="A20516" s="1" t="s">
        <v>73291</v>
      </c>
      <c r="B20516" s="1" t="s">
        <v>72967</v>
      </c>
      <c r="C20516" s="1" t="s">
        <v>115</v>
      </c>
      <c r="D20516" s="1" t="s">
        <v>73357</v>
      </c>
      <c r="E20516" s="1" t="s">
        <v>73326</v>
      </c>
      <c r="F20516" s="1" t="s">
        <v>73358</v>
      </c>
      <c r="G20516" s="1" t="s">
        <v>73294</v>
      </c>
      <c r="H20516" s="1" t="s">
        <v>73295</v>
      </c>
      <c r="I20516" s="1" t="s">
        <v>72972</v>
      </c>
      <c r="J20516" s="1" t="s">
        <v>73359</v>
      </c>
    </row>
    <row r="20517" spans="1:10" x14ac:dyDescent="0.35">
      <c r="A20517" s="1" t="s">
        <v>73291</v>
      </c>
      <c r="B20517" s="1" t="s">
        <v>72967</v>
      </c>
      <c r="C20517" s="1" t="s">
        <v>120</v>
      </c>
      <c r="D20517" s="1" t="s">
        <v>72833</v>
      </c>
      <c r="E20517" s="1" t="s">
        <v>73360</v>
      </c>
      <c r="F20517" s="1" t="s">
        <v>73361</v>
      </c>
      <c r="G20517" s="1" t="s">
        <v>73294</v>
      </c>
      <c r="H20517" s="1" t="s">
        <v>73295</v>
      </c>
      <c r="I20517" s="1" t="s">
        <v>72972</v>
      </c>
      <c r="J20517" s="1" t="s">
        <v>73362</v>
      </c>
    </row>
    <row r="20518" spans="1:10" x14ac:dyDescent="0.35">
      <c r="A20518" s="1" t="s">
        <v>73291</v>
      </c>
      <c r="B20518" s="1" t="s">
        <v>72967</v>
      </c>
      <c r="C20518" s="1" t="s">
        <v>125</v>
      </c>
      <c r="D20518" s="1" t="s">
        <v>25623</v>
      </c>
      <c r="E20518" s="1" t="s">
        <v>73363</v>
      </c>
      <c r="F20518" s="1" t="s">
        <v>21132</v>
      </c>
      <c r="G20518" s="1" t="s">
        <v>73294</v>
      </c>
      <c r="H20518" s="1" t="s">
        <v>73295</v>
      </c>
      <c r="I20518" s="1" t="s">
        <v>72972</v>
      </c>
      <c r="J20518" s="1" t="s">
        <v>73364</v>
      </c>
    </row>
    <row r="20519" spans="1:10" x14ac:dyDescent="0.35">
      <c r="A20519" s="1" t="s">
        <v>73291</v>
      </c>
      <c r="B20519" s="1" t="s">
        <v>72967</v>
      </c>
      <c r="C20519" s="1" t="s">
        <v>130</v>
      </c>
      <c r="D20519" s="1" t="s">
        <v>73365</v>
      </c>
      <c r="E20519" s="1" t="s">
        <v>4879</v>
      </c>
      <c r="F20519" s="1" t="s">
        <v>73366</v>
      </c>
      <c r="G20519" s="1" t="s">
        <v>73294</v>
      </c>
      <c r="H20519" s="1" t="s">
        <v>73295</v>
      </c>
      <c r="I20519" s="1" t="s">
        <v>72972</v>
      </c>
      <c r="J20519" s="1" t="s">
        <v>73367</v>
      </c>
    </row>
    <row r="20520" spans="1:10" x14ac:dyDescent="0.35">
      <c r="A20520" s="1" t="s">
        <v>73291</v>
      </c>
      <c r="B20520" s="1" t="s">
        <v>72967</v>
      </c>
      <c r="C20520" s="1" t="s">
        <v>135</v>
      </c>
      <c r="D20520" s="1" t="s">
        <v>73368</v>
      </c>
      <c r="E20520" s="1" t="s">
        <v>4879</v>
      </c>
      <c r="F20520" s="1" t="s">
        <v>22978</v>
      </c>
      <c r="G20520" s="1" t="s">
        <v>73294</v>
      </c>
      <c r="H20520" s="1" t="s">
        <v>73295</v>
      </c>
      <c r="I20520" s="1" t="s">
        <v>72972</v>
      </c>
      <c r="J20520" s="1" t="s">
        <v>73369</v>
      </c>
    </row>
    <row r="20521" spans="1:10" x14ac:dyDescent="0.35">
      <c r="A20521" s="1" t="s">
        <v>73291</v>
      </c>
      <c r="B20521" s="1" t="s">
        <v>72967</v>
      </c>
      <c r="C20521" s="1" t="s">
        <v>140</v>
      </c>
      <c r="D20521" s="1" t="s">
        <v>73370</v>
      </c>
      <c r="E20521" s="1" t="s">
        <v>73371</v>
      </c>
      <c r="F20521" s="1" t="s">
        <v>73372</v>
      </c>
      <c r="G20521" s="1" t="s">
        <v>73294</v>
      </c>
      <c r="H20521" s="1" t="s">
        <v>73295</v>
      </c>
      <c r="I20521" s="1" t="s">
        <v>72972</v>
      </c>
      <c r="J20521" s="1" t="s">
        <v>73373</v>
      </c>
    </row>
    <row r="20522" spans="1:10" x14ac:dyDescent="0.35">
      <c r="A20522" s="1" t="s">
        <v>73291</v>
      </c>
      <c r="B20522" s="1" t="s">
        <v>72967</v>
      </c>
      <c r="C20522" s="1" t="s">
        <v>145</v>
      </c>
      <c r="D20522" s="1" t="s">
        <v>73374</v>
      </c>
      <c r="E20522" s="1" t="s">
        <v>4887</v>
      </c>
      <c r="F20522" s="1" t="s">
        <v>21109</v>
      </c>
      <c r="G20522" s="1" t="s">
        <v>73294</v>
      </c>
      <c r="H20522" s="1" t="s">
        <v>73295</v>
      </c>
      <c r="I20522" s="1" t="s">
        <v>72972</v>
      </c>
      <c r="J20522" s="1" t="s">
        <v>73375</v>
      </c>
    </row>
    <row r="20523" spans="1:10" x14ac:dyDescent="0.35">
      <c r="A20523" s="1" t="s">
        <v>73291</v>
      </c>
      <c r="B20523" s="1" t="s">
        <v>72967</v>
      </c>
      <c r="C20523" s="1" t="s">
        <v>150</v>
      </c>
      <c r="D20523" s="1" t="s">
        <v>73376</v>
      </c>
      <c r="E20523" s="1" t="s">
        <v>73377</v>
      </c>
      <c r="F20523" s="1" t="s">
        <v>27134</v>
      </c>
      <c r="G20523" s="1" t="s">
        <v>73294</v>
      </c>
      <c r="H20523" s="1" t="s">
        <v>73295</v>
      </c>
      <c r="I20523" s="1" t="s">
        <v>72972</v>
      </c>
      <c r="J20523" s="1" t="s">
        <v>73378</v>
      </c>
    </row>
    <row r="20524" spans="1:10" x14ac:dyDescent="0.35">
      <c r="A20524" s="1" t="s">
        <v>73291</v>
      </c>
      <c r="B20524" s="1" t="s">
        <v>72967</v>
      </c>
      <c r="C20524" s="1" t="s">
        <v>155</v>
      </c>
      <c r="D20524" s="1" t="s">
        <v>73379</v>
      </c>
      <c r="E20524" s="1" t="s">
        <v>73380</v>
      </c>
      <c r="F20524" s="1" t="s">
        <v>48116</v>
      </c>
      <c r="G20524" s="1" t="s">
        <v>73294</v>
      </c>
      <c r="H20524" s="1" t="s">
        <v>73295</v>
      </c>
      <c r="I20524" s="1" t="s">
        <v>72972</v>
      </c>
      <c r="J20524" s="1" t="s">
        <v>73381</v>
      </c>
    </row>
    <row r="20525" spans="1:10" x14ac:dyDescent="0.35">
      <c r="A20525" s="1" t="s">
        <v>73291</v>
      </c>
      <c r="B20525" s="1" t="s">
        <v>72967</v>
      </c>
      <c r="C20525" s="1" t="s">
        <v>160</v>
      </c>
      <c r="D20525" s="1" t="s">
        <v>73382</v>
      </c>
      <c r="E20525" s="1" t="s">
        <v>73383</v>
      </c>
      <c r="F20525" s="1" t="s">
        <v>15504</v>
      </c>
      <c r="G20525" s="1" t="s">
        <v>73294</v>
      </c>
      <c r="H20525" s="1" t="s">
        <v>73295</v>
      </c>
      <c r="I20525" s="1" t="s">
        <v>72972</v>
      </c>
      <c r="J20525" s="1" t="s">
        <v>73384</v>
      </c>
    </row>
    <row r="20526" spans="1:10" x14ac:dyDescent="0.35">
      <c r="A20526" s="1" t="s">
        <v>73291</v>
      </c>
      <c r="B20526" s="1" t="s">
        <v>72967</v>
      </c>
      <c r="C20526" s="1" t="s">
        <v>165</v>
      </c>
      <c r="D20526" s="1" t="s">
        <v>38420</v>
      </c>
      <c r="E20526" s="1" t="s">
        <v>73385</v>
      </c>
      <c r="F20526" s="1" t="s">
        <v>73386</v>
      </c>
      <c r="G20526" s="1" t="s">
        <v>73294</v>
      </c>
      <c r="H20526" s="1" t="s">
        <v>73295</v>
      </c>
      <c r="I20526" s="1" t="s">
        <v>72972</v>
      </c>
      <c r="J20526" s="1" t="s">
        <v>73387</v>
      </c>
    </row>
    <row r="20527" spans="1:10" x14ac:dyDescent="0.35">
      <c r="A20527" s="1" t="s">
        <v>73291</v>
      </c>
      <c r="B20527" s="1" t="s">
        <v>72967</v>
      </c>
      <c r="C20527" s="1" t="s">
        <v>170</v>
      </c>
      <c r="D20527" s="1" t="s">
        <v>73388</v>
      </c>
      <c r="E20527" s="1" t="s">
        <v>73389</v>
      </c>
      <c r="F20527" s="1" t="s">
        <v>21853</v>
      </c>
      <c r="G20527" s="1" t="s">
        <v>73294</v>
      </c>
      <c r="H20527" s="1" t="s">
        <v>73295</v>
      </c>
      <c r="I20527" s="1" t="s">
        <v>72972</v>
      </c>
      <c r="J20527" s="1" t="s">
        <v>73390</v>
      </c>
    </row>
    <row r="20528" spans="1:10" x14ac:dyDescent="0.35">
      <c r="A20528" s="1" t="s">
        <v>73391</v>
      </c>
      <c r="B20528" s="1" t="s">
        <v>72967</v>
      </c>
      <c r="C20528" s="1" t="s">
        <v>8</v>
      </c>
      <c r="D20528" s="1" t="s">
        <v>73392</v>
      </c>
      <c r="E20528" s="1" t="s">
        <v>73393</v>
      </c>
      <c r="F20528" s="1" t="s">
        <v>73394</v>
      </c>
      <c r="G20528" s="1" t="s">
        <v>73395</v>
      </c>
      <c r="H20528" s="1" t="s">
        <v>73396</v>
      </c>
      <c r="I20528" s="1" t="s">
        <v>72972</v>
      </c>
      <c r="J20528" s="1" t="s">
        <v>13</v>
      </c>
    </row>
    <row r="20529" spans="1:10" x14ac:dyDescent="0.35">
      <c r="A20529" s="1" t="s">
        <v>73391</v>
      </c>
      <c r="B20529" s="1" t="s">
        <v>72967</v>
      </c>
      <c r="C20529" s="1" t="s">
        <v>15</v>
      </c>
      <c r="D20529" s="1" t="s">
        <v>73397</v>
      </c>
      <c r="E20529" s="1" t="s">
        <v>73398</v>
      </c>
      <c r="F20529" s="1" t="s">
        <v>73399</v>
      </c>
      <c r="G20529" s="1" t="s">
        <v>73395</v>
      </c>
      <c r="H20529" s="1" t="s">
        <v>73396</v>
      </c>
      <c r="I20529" s="1" t="s">
        <v>72972</v>
      </c>
      <c r="J20529" s="1" t="s">
        <v>73400</v>
      </c>
    </row>
    <row r="20530" spans="1:10" x14ac:dyDescent="0.35">
      <c r="A20530" s="1" t="s">
        <v>73391</v>
      </c>
      <c r="B20530" s="1" t="s">
        <v>72967</v>
      </c>
      <c r="C20530" s="1" t="s">
        <v>20</v>
      </c>
      <c r="D20530" s="1" t="s">
        <v>73401</v>
      </c>
      <c r="E20530" s="1" t="s">
        <v>73402</v>
      </c>
      <c r="F20530" s="1" t="s">
        <v>73403</v>
      </c>
      <c r="G20530" s="1" t="s">
        <v>73395</v>
      </c>
      <c r="H20530" s="1" t="s">
        <v>73396</v>
      </c>
      <c r="I20530" s="1" t="s">
        <v>72972</v>
      </c>
      <c r="J20530" s="1" t="s">
        <v>73404</v>
      </c>
    </row>
    <row r="20531" spans="1:10" x14ac:dyDescent="0.35">
      <c r="A20531" s="1" t="s">
        <v>73391</v>
      </c>
      <c r="B20531" s="1" t="s">
        <v>72967</v>
      </c>
      <c r="C20531" s="1" t="s">
        <v>25</v>
      </c>
      <c r="D20531" s="1" t="s">
        <v>73405</v>
      </c>
      <c r="E20531" s="1" t="s">
        <v>73406</v>
      </c>
      <c r="F20531" s="1" t="s">
        <v>73407</v>
      </c>
      <c r="G20531" s="1" t="s">
        <v>73395</v>
      </c>
      <c r="H20531" s="1" t="s">
        <v>73396</v>
      </c>
      <c r="I20531" s="1" t="s">
        <v>72972</v>
      </c>
      <c r="J20531" s="1" t="s">
        <v>73408</v>
      </c>
    </row>
    <row r="20532" spans="1:10" x14ac:dyDescent="0.35">
      <c r="A20532" s="1" t="s">
        <v>73391</v>
      </c>
      <c r="B20532" s="1" t="s">
        <v>72967</v>
      </c>
      <c r="C20532" s="1" t="s">
        <v>30</v>
      </c>
      <c r="D20532" s="1" t="s">
        <v>31622</v>
      </c>
      <c r="E20532" s="1" t="s">
        <v>73409</v>
      </c>
      <c r="F20532" s="1" t="s">
        <v>73410</v>
      </c>
      <c r="G20532" s="1" t="s">
        <v>73395</v>
      </c>
      <c r="H20532" s="1" t="s">
        <v>73396</v>
      </c>
      <c r="I20532" s="1" t="s">
        <v>72972</v>
      </c>
      <c r="J20532" s="1" t="s">
        <v>73411</v>
      </c>
    </row>
    <row r="20533" spans="1:10" x14ac:dyDescent="0.35">
      <c r="A20533" s="1" t="s">
        <v>73391</v>
      </c>
      <c r="B20533" s="1" t="s">
        <v>72967</v>
      </c>
      <c r="C20533" s="1" t="s">
        <v>35</v>
      </c>
      <c r="D20533" s="1" t="s">
        <v>31014</v>
      </c>
      <c r="E20533" s="1" t="s">
        <v>70831</v>
      </c>
      <c r="F20533" s="1" t="s">
        <v>73412</v>
      </c>
      <c r="G20533" s="1" t="s">
        <v>73395</v>
      </c>
      <c r="H20533" s="1" t="s">
        <v>73396</v>
      </c>
      <c r="I20533" s="1" t="s">
        <v>72972</v>
      </c>
      <c r="J20533" s="1" t="s">
        <v>73413</v>
      </c>
    </row>
    <row r="20534" spans="1:10" x14ac:dyDescent="0.35">
      <c r="A20534" s="1" t="s">
        <v>73391</v>
      </c>
      <c r="B20534" s="1" t="s">
        <v>72967</v>
      </c>
      <c r="C20534" s="1" t="s">
        <v>40</v>
      </c>
      <c r="D20534" s="1" t="s">
        <v>872</v>
      </c>
      <c r="E20534" s="1" t="s">
        <v>73414</v>
      </c>
      <c r="F20534" s="1" t="s">
        <v>73415</v>
      </c>
      <c r="G20534" s="1" t="s">
        <v>73395</v>
      </c>
      <c r="H20534" s="1" t="s">
        <v>73396</v>
      </c>
      <c r="I20534" s="1" t="s">
        <v>72972</v>
      </c>
      <c r="J20534" s="1" t="s">
        <v>73416</v>
      </c>
    </row>
    <row r="20535" spans="1:10" x14ac:dyDescent="0.35">
      <c r="A20535" s="1" t="s">
        <v>73391</v>
      </c>
      <c r="B20535" s="1" t="s">
        <v>72967</v>
      </c>
      <c r="C20535" s="1" t="s">
        <v>45</v>
      </c>
      <c r="D20535" s="1" t="s">
        <v>33620</v>
      </c>
      <c r="E20535" s="1" t="s">
        <v>73417</v>
      </c>
      <c r="F20535" s="1" t="s">
        <v>73418</v>
      </c>
      <c r="G20535" s="1" t="s">
        <v>73395</v>
      </c>
      <c r="H20535" s="1" t="s">
        <v>73396</v>
      </c>
      <c r="I20535" s="1" t="s">
        <v>72972</v>
      </c>
      <c r="J20535" s="1" t="s">
        <v>73419</v>
      </c>
    </row>
    <row r="20536" spans="1:10" x14ac:dyDescent="0.35">
      <c r="A20536" s="1" t="s">
        <v>73391</v>
      </c>
      <c r="B20536" s="1" t="s">
        <v>72967</v>
      </c>
      <c r="C20536" s="1" t="s">
        <v>50</v>
      </c>
      <c r="D20536" s="1" t="s">
        <v>73420</v>
      </c>
      <c r="E20536" s="1" t="s">
        <v>73421</v>
      </c>
      <c r="F20536" s="1" t="s">
        <v>73422</v>
      </c>
      <c r="G20536" s="1" t="s">
        <v>73395</v>
      </c>
      <c r="H20536" s="1" t="s">
        <v>73396</v>
      </c>
      <c r="I20536" s="1" t="s">
        <v>72972</v>
      </c>
      <c r="J20536" s="1" t="s">
        <v>73423</v>
      </c>
    </row>
    <row r="20537" spans="1:10" x14ac:dyDescent="0.35">
      <c r="A20537" s="1" t="s">
        <v>73391</v>
      </c>
      <c r="B20537" s="1" t="s">
        <v>72967</v>
      </c>
      <c r="C20537" s="1" t="s">
        <v>55</v>
      </c>
      <c r="D20537" s="1" t="s">
        <v>73424</v>
      </c>
      <c r="E20537" s="1" t="s">
        <v>73425</v>
      </c>
      <c r="F20537" s="1" t="s">
        <v>73426</v>
      </c>
      <c r="G20537" s="1" t="s">
        <v>73395</v>
      </c>
      <c r="H20537" s="1" t="s">
        <v>73396</v>
      </c>
      <c r="I20537" s="1" t="s">
        <v>72972</v>
      </c>
      <c r="J20537" s="1" t="s">
        <v>73427</v>
      </c>
    </row>
    <row r="20538" spans="1:10" x14ac:dyDescent="0.35">
      <c r="A20538" s="1" t="s">
        <v>73391</v>
      </c>
      <c r="B20538" s="1" t="s">
        <v>72967</v>
      </c>
      <c r="C20538" s="1" t="s">
        <v>60</v>
      </c>
      <c r="D20538" s="1" t="s">
        <v>73428</v>
      </c>
      <c r="E20538" s="1" t="s">
        <v>73429</v>
      </c>
      <c r="F20538" s="1" t="s">
        <v>73430</v>
      </c>
      <c r="G20538" s="1" t="s">
        <v>73395</v>
      </c>
      <c r="H20538" s="1" t="s">
        <v>73396</v>
      </c>
      <c r="I20538" s="1" t="s">
        <v>72972</v>
      </c>
      <c r="J20538" s="1" t="s">
        <v>73431</v>
      </c>
    </row>
    <row r="20539" spans="1:10" x14ac:dyDescent="0.35">
      <c r="A20539" s="1" t="s">
        <v>73391</v>
      </c>
      <c r="B20539" s="1" t="s">
        <v>72967</v>
      </c>
      <c r="C20539" s="1" t="s">
        <v>65</v>
      </c>
      <c r="D20539" s="1" t="s">
        <v>73432</v>
      </c>
      <c r="E20539" s="1" t="s">
        <v>73433</v>
      </c>
      <c r="F20539" s="1" t="s">
        <v>73434</v>
      </c>
      <c r="G20539" s="1" t="s">
        <v>73395</v>
      </c>
      <c r="H20539" s="1" t="s">
        <v>73396</v>
      </c>
      <c r="I20539" s="1" t="s">
        <v>72972</v>
      </c>
      <c r="J20539" s="1" t="s">
        <v>73435</v>
      </c>
    </row>
    <row r="20540" spans="1:10" x14ac:dyDescent="0.35">
      <c r="A20540" s="1" t="s">
        <v>73391</v>
      </c>
      <c r="B20540" s="1" t="s">
        <v>72967</v>
      </c>
      <c r="C20540" s="1" t="s">
        <v>70</v>
      </c>
      <c r="D20540" s="1" t="s">
        <v>73436</v>
      </c>
      <c r="E20540" s="1" t="s">
        <v>758</v>
      </c>
      <c r="F20540" s="1" t="s">
        <v>73049</v>
      </c>
      <c r="G20540" s="1" t="s">
        <v>73395</v>
      </c>
      <c r="H20540" s="1" t="s">
        <v>73396</v>
      </c>
      <c r="I20540" s="1" t="s">
        <v>72972</v>
      </c>
      <c r="J20540" s="1" t="s">
        <v>73437</v>
      </c>
    </row>
    <row r="20541" spans="1:10" x14ac:dyDescent="0.35">
      <c r="A20541" s="1" t="s">
        <v>73391</v>
      </c>
      <c r="B20541" s="1" t="s">
        <v>72967</v>
      </c>
      <c r="C20541" s="1" t="s">
        <v>75</v>
      </c>
      <c r="D20541" s="1" t="s">
        <v>73438</v>
      </c>
      <c r="E20541" s="1" t="s">
        <v>73439</v>
      </c>
      <c r="F20541" s="1" t="s">
        <v>73440</v>
      </c>
      <c r="G20541" s="1" t="s">
        <v>73395</v>
      </c>
      <c r="H20541" s="1" t="s">
        <v>73396</v>
      </c>
      <c r="I20541" s="1" t="s">
        <v>72972</v>
      </c>
      <c r="J20541" s="1" t="s">
        <v>73441</v>
      </c>
    </row>
    <row r="20542" spans="1:10" x14ac:dyDescent="0.35">
      <c r="A20542" s="1" t="s">
        <v>73391</v>
      </c>
      <c r="B20542" s="1" t="s">
        <v>72967</v>
      </c>
      <c r="C20542" s="1" t="s">
        <v>80</v>
      </c>
      <c r="D20542" s="1" t="s">
        <v>31181</v>
      </c>
      <c r="E20542" s="1" t="s">
        <v>73442</v>
      </c>
      <c r="F20542" s="1" t="s">
        <v>73443</v>
      </c>
      <c r="G20542" s="1" t="s">
        <v>73395</v>
      </c>
      <c r="H20542" s="1" t="s">
        <v>73396</v>
      </c>
      <c r="I20542" s="1" t="s">
        <v>72972</v>
      </c>
      <c r="J20542" s="1" t="s">
        <v>73444</v>
      </c>
    </row>
    <row r="20543" spans="1:10" x14ac:dyDescent="0.35">
      <c r="A20543" s="1" t="s">
        <v>73391</v>
      </c>
      <c r="B20543" s="1" t="s">
        <v>72967</v>
      </c>
      <c r="C20543" s="1" t="s">
        <v>85</v>
      </c>
      <c r="D20543" s="1" t="s">
        <v>30909</v>
      </c>
      <c r="E20543" s="1" t="s">
        <v>73445</v>
      </c>
      <c r="F20543" s="1" t="s">
        <v>73446</v>
      </c>
      <c r="G20543" s="1" t="s">
        <v>73395</v>
      </c>
      <c r="H20543" s="1" t="s">
        <v>73396</v>
      </c>
      <c r="I20543" s="1" t="s">
        <v>72972</v>
      </c>
      <c r="J20543" s="1" t="s">
        <v>73447</v>
      </c>
    </row>
    <row r="20544" spans="1:10" x14ac:dyDescent="0.35">
      <c r="A20544" s="1" t="s">
        <v>73391</v>
      </c>
      <c r="B20544" s="1" t="s">
        <v>72967</v>
      </c>
      <c r="C20544" s="1" t="s">
        <v>90</v>
      </c>
      <c r="D20544" s="1" t="s">
        <v>73448</v>
      </c>
      <c r="E20544" s="1" t="s">
        <v>73449</v>
      </c>
      <c r="F20544" s="1" t="s">
        <v>73450</v>
      </c>
      <c r="G20544" s="1" t="s">
        <v>73395</v>
      </c>
      <c r="H20544" s="1" t="s">
        <v>73396</v>
      </c>
      <c r="I20544" s="1" t="s">
        <v>72972</v>
      </c>
      <c r="J20544" s="1" t="s">
        <v>73451</v>
      </c>
    </row>
    <row r="20545" spans="1:10" x14ac:dyDescent="0.35">
      <c r="A20545" s="1" t="s">
        <v>73391</v>
      </c>
      <c r="B20545" s="1" t="s">
        <v>72967</v>
      </c>
      <c r="C20545" s="1" t="s">
        <v>95</v>
      </c>
      <c r="D20545" s="1" t="s">
        <v>73452</v>
      </c>
      <c r="E20545" s="1" t="s">
        <v>73453</v>
      </c>
      <c r="F20545" s="1" t="s">
        <v>73454</v>
      </c>
      <c r="G20545" s="1" t="s">
        <v>73395</v>
      </c>
      <c r="H20545" s="1" t="s">
        <v>73396</v>
      </c>
      <c r="I20545" s="1" t="s">
        <v>72972</v>
      </c>
      <c r="J20545" s="1" t="s">
        <v>73455</v>
      </c>
    </row>
    <row r="20546" spans="1:10" x14ac:dyDescent="0.35">
      <c r="A20546" s="1" t="s">
        <v>73391</v>
      </c>
      <c r="B20546" s="1" t="s">
        <v>72967</v>
      </c>
      <c r="C20546" s="1" t="s">
        <v>100</v>
      </c>
      <c r="D20546" s="1" t="s">
        <v>17202</v>
      </c>
      <c r="E20546" s="1" t="s">
        <v>73456</v>
      </c>
      <c r="F20546" s="1" t="s">
        <v>31542</v>
      </c>
      <c r="G20546" s="1" t="s">
        <v>73395</v>
      </c>
      <c r="H20546" s="1" t="s">
        <v>73396</v>
      </c>
      <c r="I20546" s="1" t="s">
        <v>72972</v>
      </c>
      <c r="J20546" s="1" t="s">
        <v>73457</v>
      </c>
    </row>
    <row r="20547" spans="1:10" x14ac:dyDescent="0.35">
      <c r="A20547" s="1" t="s">
        <v>73391</v>
      </c>
      <c r="B20547" s="1" t="s">
        <v>72967</v>
      </c>
      <c r="C20547" s="1" t="s">
        <v>105</v>
      </c>
      <c r="D20547" s="1" t="s">
        <v>73458</v>
      </c>
      <c r="E20547" s="1" t="s">
        <v>73453</v>
      </c>
      <c r="F20547" s="1" t="s">
        <v>73459</v>
      </c>
      <c r="G20547" s="1" t="s">
        <v>73395</v>
      </c>
      <c r="H20547" s="1" t="s">
        <v>73396</v>
      </c>
      <c r="I20547" s="1" t="s">
        <v>72972</v>
      </c>
      <c r="J20547" s="1" t="s">
        <v>73460</v>
      </c>
    </row>
    <row r="20548" spans="1:10" x14ac:dyDescent="0.35">
      <c r="A20548" s="1" t="s">
        <v>73391</v>
      </c>
      <c r="B20548" s="1" t="s">
        <v>72967</v>
      </c>
      <c r="C20548" s="1" t="s">
        <v>110</v>
      </c>
      <c r="D20548" s="1" t="s">
        <v>73461</v>
      </c>
      <c r="E20548" s="1" t="s">
        <v>73462</v>
      </c>
      <c r="F20548" s="1" t="s">
        <v>73342</v>
      </c>
      <c r="G20548" s="1" t="s">
        <v>73395</v>
      </c>
      <c r="H20548" s="1" t="s">
        <v>73396</v>
      </c>
      <c r="I20548" s="1" t="s">
        <v>72972</v>
      </c>
      <c r="J20548" s="1" t="s">
        <v>73463</v>
      </c>
    </row>
    <row r="20549" spans="1:10" x14ac:dyDescent="0.35">
      <c r="A20549" s="1" t="s">
        <v>73391</v>
      </c>
      <c r="B20549" s="1" t="s">
        <v>72967</v>
      </c>
      <c r="C20549" s="1" t="s">
        <v>115</v>
      </c>
      <c r="D20549" s="1" t="s">
        <v>38308</v>
      </c>
      <c r="E20549" s="1" t="s">
        <v>73464</v>
      </c>
      <c r="F20549" s="1" t="s">
        <v>73366</v>
      </c>
      <c r="G20549" s="1" t="s">
        <v>73395</v>
      </c>
      <c r="H20549" s="1" t="s">
        <v>73396</v>
      </c>
      <c r="I20549" s="1" t="s">
        <v>72972</v>
      </c>
      <c r="J20549" s="1" t="s">
        <v>73465</v>
      </c>
    </row>
    <row r="20550" spans="1:10" x14ac:dyDescent="0.35">
      <c r="A20550" s="1" t="s">
        <v>73391</v>
      </c>
      <c r="B20550" s="1" t="s">
        <v>72967</v>
      </c>
      <c r="C20550" s="1" t="s">
        <v>120</v>
      </c>
      <c r="D20550" s="1" t="s">
        <v>73466</v>
      </c>
      <c r="E20550" s="1" t="s">
        <v>73467</v>
      </c>
      <c r="F20550" s="1" t="s">
        <v>73468</v>
      </c>
      <c r="G20550" s="1" t="s">
        <v>73395</v>
      </c>
      <c r="H20550" s="1" t="s">
        <v>73396</v>
      </c>
      <c r="I20550" s="1" t="s">
        <v>72972</v>
      </c>
      <c r="J20550" s="1" t="s">
        <v>73469</v>
      </c>
    </row>
    <row r="20551" spans="1:10" x14ac:dyDescent="0.35">
      <c r="A20551" s="1" t="s">
        <v>73391</v>
      </c>
      <c r="B20551" s="1" t="s">
        <v>72967</v>
      </c>
      <c r="C20551" s="1" t="s">
        <v>125</v>
      </c>
      <c r="D20551" s="1" t="s">
        <v>30221</v>
      </c>
      <c r="E20551" s="1" t="s">
        <v>73470</v>
      </c>
      <c r="F20551" s="1" t="s">
        <v>73471</v>
      </c>
      <c r="G20551" s="1" t="s">
        <v>73395</v>
      </c>
      <c r="H20551" s="1" t="s">
        <v>73396</v>
      </c>
      <c r="I20551" s="1" t="s">
        <v>72972</v>
      </c>
      <c r="J20551" s="1" t="s">
        <v>73472</v>
      </c>
    </row>
    <row r="20552" spans="1:10" x14ac:dyDescent="0.35">
      <c r="A20552" s="1" t="s">
        <v>73391</v>
      </c>
      <c r="B20552" s="1" t="s">
        <v>72967</v>
      </c>
      <c r="C20552" s="1" t="s">
        <v>130</v>
      </c>
      <c r="D20552" s="1" t="s">
        <v>73473</v>
      </c>
      <c r="E20552" s="1" t="s">
        <v>73474</v>
      </c>
      <c r="F20552" s="1" t="s">
        <v>73475</v>
      </c>
      <c r="G20552" s="1" t="s">
        <v>73395</v>
      </c>
      <c r="H20552" s="1" t="s">
        <v>73396</v>
      </c>
      <c r="I20552" s="1" t="s">
        <v>72972</v>
      </c>
      <c r="J20552" s="1" t="s">
        <v>73476</v>
      </c>
    </row>
    <row r="20553" spans="1:10" x14ac:dyDescent="0.35">
      <c r="A20553" s="1" t="s">
        <v>73391</v>
      </c>
      <c r="B20553" s="1" t="s">
        <v>72967</v>
      </c>
      <c r="C20553" s="1" t="s">
        <v>135</v>
      </c>
      <c r="D20553" s="1" t="s">
        <v>845</v>
      </c>
      <c r="E20553" s="1" t="s">
        <v>73477</v>
      </c>
      <c r="F20553" s="1" t="s">
        <v>73478</v>
      </c>
      <c r="G20553" s="1" t="s">
        <v>73395</v>
      </c>
      <c r="H20553" s="1" t="s">
        <v>73396</v>
      </c>
      <c r="I20553" s="1" t="s">
        <v>72972</v>
      </c>
      <c r="J20553" s="1" t="s">
        <v>73479</v>
      </c>
    </row>
    <row r="20554" spans="1:10" x14ac:dyDescent="0.35">
      <c r="A20554" s="1" t="s">
        <v>73391</v>
      </c>
      <c r="B20554" s="1" t="s">
        <v>72967</v>
      </c>
      <c r="C20554" s="1" t="s">
        <v>140</v>
      </c>
      <c r="D20554" s="1" t="s">
        <v>31622</v>
      </c>
      <c r="E20554" s="1" t="s">
        <v>73480</v>
      </c>
      <c r="F20554" s="1" t="s">
        <v>73481</v>
      </c>
      <c r="G20554" s="1" t="s">
        <v>73395</v>
      </c>
      <c r="H20554" s="1" t="s">
        <v>73396</v>
      </c>
      <c r="I20554" s="1" t="s">
        <v>72972</v>
      </c>
      <c r="J20554" s="1" t="s">
        <v>73482</v>
      </c>
    </row>
    <row r="20555" spans="1:10" x14ac:dyDescent="0.35">
      <c r="A20555" s="1" t="s">
        <v>73391</v>
      </c>
      <c r="B20555" s="1" t="s">
        <v>72967</v>
      </c>
      <c r="C20555" s="1" t="s">
        <v>145</v>
      </c>
      <c r="D20555" s="1" t="s">
        <v>73483</v>
      </c>
      <c r="E20555" s="1" t="s">
        <v>73484</v>
      </c>
      <c r="F20555" s="1" t="s">
        <v>73485</v>
      </c>
      <c r="G20555" s="1" t="s">
        <v>73395</v>
      </c>
      <c r="H20555" s="1" t="s">
        <v>73396</v>
      </c>
      <c r="I20555" s="1" t="s">
        <v>72972</v>
      </c>
      <c r="J20555" s="1" t="s">
        <v>73486</v>
      </c>
    </row>
    <row r="20556" spans="1:10" x14ac:dyDescent="0.35">
      <c r="A20556" s="1" t="s">
        <v>73391</v>
      </c>
      <c r="B20556" s="1" t="s">
        <v>72967</v>
      </c>
      <c r="C20556" s="1" t="s">
        <v>150</v>
      </c>
      <c r="D20556" s="1" t="s">
        <v>19762</v>
      </c>
      <c r="E20556" s="1" t="s">
        <v>73487</v>
      </c>
      <c r="F20556" s="1" t="s">
        <v>73488</v>
      </c>
      <c r="G20556" s="1" t="s">
        <v>73395</v>
      </c>
      <c r="H20556" s="1" t="s">
        <v>73396</v>
      </c>
      <c r="I20556" s="1" t="s">
        <v>72972</v>
      </c>
      <c r="J20556" s="1" t="s">
        <v>73489</v>
      </c>
    </row>
    <row r="20557" spans="1:10" x14ac:dyDescent="0.35">
      <c r="A20557" s="1" t="s">
        <v>73391</v>
      </c>
      <c r="B20557" s="1" t="s">
        <v>72967</v>
      </c>
      <c r="C20557" s="1" t="s">
        <v>155</v>
      </c>
      <c r="D20557" s="1" t="s">
        <v>73490</v>
      </c>
      <c r="E20557" s="1" t="s">
        <v>766</v>
      </c>
      <c r="F20557" s="1" t="s">
        <v>73491</v>
      </c>
      <c r="G20557" s="1" t="s">
        <v>73395</v>
      </c>
      <c r="H20557" s="1" t="s">
        <v>73396</v>
      </c>
      <c r="I20557" s="1" t="s">
        <v>72972</v>
      </c>
      <c r="J20557" s="1" t="s">
        <v>73492</v>
      </c>
    </row>
    <row r="20558" spans="1:10" x14ac:dyDescent="0.35">
      <c r="A20558" s="1" t="s">
        <v>73391</v>
      </c>
      <c r="B20558" s="1" t="s">
        <v>72967</v>
      </c>
      <c r="C20558" s="1" t="s">
        <v>160</v>
      </c>
      <c r="D20558" s="1" t="s">
        <v>73493</v>
      </c>
      <c r="E20558" s="1" t="s">
        <v>73494</v>
      </c>
      <c r="F20558" s="1" t="s">
        <v>73495</v>
      </c>
      <c r="G20558" s="1" t="s">
        <v>73395</v>
      </c>
      <c r="H20558" s="1" t="s">
        <v>73396</v>
      </c>
      <c r="I20558" s="1" t="s">
        <v>72972</v>
      </c>
      <c r="J20558" s="1" t="s">
        <v>73496</v>
      </c>
    </row>
    <row r="20559" spans="1:10" x14ac:dyDescent="0.35">
      <c r="A20559" s="1" t="s">
        <v>73391</v>
      </c>
      <c r="B20559" s="1" t="s">
        <v>72967</v>
      </c>
      <c r="C20559" s="1" t="s">
        <v>165</v>
      </c>
      <c r="D20559" s="1" t="s">
        <v>73497</v>
      </c>
      <c r="E20559" s="1" t="s">
        <v>73498</v>
      </c>
      <c r="F20559" s="1" t="s">
        <v>73499</v>
      </c>
      <c r="G20559" s="1" t="s">
        <v>73395</v>
      </c>
      <c r="H20559" s="1" t="s">
        <v>73396</v>
      </c>
      <c r="I20559" s="1" t="s">
        <v>72972</v>
      </c>
      <c r="J20559" s="1" t="s">
        <v>73500</v>
      </c>
    </row>
    <row r="20560" spans="1:10" x14ac:dyDescent="0.35">
      <c r="A20560" s="1" t="s">
        <v>73391</v>
      </c>
      <c r="B20560" s="1" t="s">
        <v>72967</v>
      </c>
      <c r="C20560" s="1" t="s">
        <v>170</v>
      </c>
      <c r="D20560" s="1" t="s">
        <v>37899</v>
      </c>
      <c r="E20560" s="1" t="s">
        <v>754</v>
      </c>
      <c r="F20560" s="1" t="s">
        <v>73501</v>
      </c>
      <c r="G20560" s="1" t="s">
        <v>73395</v>
      </c>
      <c r="H20560" s="1" t="s">
        <v>73396</v>
      </c>
      <c r="I20560" s="1" t="s">
        <v>72972</v>
      </c>
      <c r="J20560" s="1" t="s">
        <v>73502</v>
      </c>
    </row>
    <row r="20561" spans="1:10" x14ac:dyDescent="0.35">
      <c r="A20561" s="1" t="s">
        <v>73503</v>
      </c>
      <c r="B20561" s="1" t="s">
        <v>72967</v>
      </c>
      <c r="C20561" s="1" t="s">
        <v>8</v>
      </c>
      <c r="D20561" s="1" t="s">
        <v>73504</v>
      </c>
      <c r="E20561" s="1" t="s">
        <v>73505</v>
      </c>
      <c r="F20561" s="1" t="s">
        <v>73506</v>
      </c>
      <c r="G20561" s="1" t="s">
        <v>73507</v>
      </c>
      <c r="H20561" s="1" t="s">
        <v>73508</v>
      </c>
      <c r="I20561" s="1" t="s">
        <v>72972</v>
      </c>
      <c r="J20561" s="1" t="s">
        <v>13</v>
      </c>
    </row>
    <row r="20562" spans="1:10" x14ac:dyDescent="0.35">
      <c r="A20562" s="1" t="s">
        <v>73503</v>
      </c>
      <c r="B20562" s="1" t="s">
        <v>72967</v>
      </c>
      <c r="C20562" s="1" t="s">
        <v>15</v>
      </c>
      <c r="D20562" s="1" t="s">
        <v>36938</v>
      </c>
      <c r="E20562" s="1" t="s">
        <v>73509</v>
      </c>
      <c r="F20562" s="1" t="s">
        <v>73510</v>
      </c>
      <c r="G20562" s="1" t="s">
        <v>73507</v>
      </c>
      <c r="H20562" s="1" t="s">
        <v>73508</v>
      </c>
      <c r="I20562" s="1" t="s">
        <v>72972</v>
      </c>
      <c r="J20562" s="1" t="s">
        <v>73511</v>
      </c>
    </row>
    <row r="20563" spans="1:10" x14ac:dyDescent="0.35">
      <c r="A20563" s="1" t="s">
        <v>73503</v>
      </c>
      <c r="B20563" s="1" t="s">
        <v>72967</v>
      </c>
      <c r="C20563" s="1" t="s">
        <v>20</v>
      </c>
      <c r="D20563" s="1" t="s">
        <v>73512</v>
      </c>
      <c r="E20563" s="1" t="s">
        <v>73513</v>
      </c>
      <c r="F20563" s="1" t="s">
        <v>73514</v>
      </c>
      <c r="G20563" s="1" t="s">
        <v>73507</v>
      </c>
      <c r="H20563" s="1" t="s">
        <v>73508</v>
      </c>
      <c r="I20563" s="1" t="s">
        <v>72972</v>
      </c>
      <c r="J20563" s="1" t="s">
        <v>73515</v>
      </c>
    </row>
    <row r="20564" spans="1:10" x14ac:dyDescent="0.35">
      <c r="A20564" s="1" t="s">
        <v>73503</v>
      </c>
      <c r="B20564" s="1" t="s">
        <v>72967</v>
      </c>
      <c r="C20564" s="1" t="s">
        <v>25</v>
      </c>
      <c r="D20564" s="1" t="s">
        <v>837</v>
      </c>
      <c r="E20564" s="1" t="s">
        <v>73516</v>
      </c>
      <c r="F20564" s="1" t="s">
        <v>73517</v>
      </c>
      <c r="G20564" s="1" t="s">
        <v>73507</v>
      </c>
      <c r="H20564" s="1" t="s">
        <v>73508</v>
      </c>
      <c r="I20564" s="1" t="s">
        <v>72972</v>
      </c>
      <c r="J20564" s="1" t="s">
        <v>73518</v>
      </c>
    </row>
    <row r="20565" spans="1:10" x14ac:dyDescent="0.35">
      <c r="A20565" s="1" t="s">
        <v>73503</v>
      </c>
      <c r="B20565" s="1" t="s">
        <v>72967</v>
      </c>
      <c r="C20565" s="1" t="s">
        <v>30</v>
      </c>
      <c r="D20565" s="1" t="s">
        <v>73519</v>
      </c>
      <c r="E20565" s="1" t="s">
        <v>73520</v>
      </c>
      <c r="F20565" s="1" t="s">
        <v>73521</v>
      </c>
      <c r="G20565" s="1" t="s">
        <v>73507</v>
      </c>
      <c r="H20565" s="1" t="s">
        <v>73508</v>
      </c>
      <c r="I20565" s="1" t="s">
        <v>72972</v>
      </c>
      <c r="J20565" s="1" t="s">
        <v>73522</v>
      </c>
    </row>
    <row r="20566" spans="1:10" x14ac:dyDescent="0.35">
      <c r="A20566" s="1" t="s">
        <v>73503</v>
      </c>
      <c r="B20566" s="1" t="s">
        <v>72967</v>
      </c>
      <c r="C20566" s="1" t="s">
        <v>35</v>
      </c>
      <c r="D20566" s="1" t="s">
        <v>13075</v>
      </c>
      <c r="E20566" s="1" t="s">
        <v>73523</v>
      </c>
      <c r="F20566" s="1" t="s">
        <v>73524</v>
      </c>
      <c r="G20566" s="1" t="s">
        <v>73507</v>
      </c>
      <c r="H20566" s="1" t="s">
        <v>73508</v>
      </c>
      <c r="I20566" s="1" t="s">
        <v>72972</v>
      </c>
      <c r="J20566" s="1" t="s">
        <v>73525</v>
      </c>
    </row>
    <row r="20567" spans="1:10" x14ac:dyDescent="0.35">
      <c r="A20567" s="1" t="s">
        <v>73503</v>
      </c>
      <c r="B20567" s="1" t="s">
        <v>72967</v>
      </c>
      <c r="C20567" s="1" t="s">
        <v>40</v>
      </c>
      <c r="D20567" s="1" t="s">
        <v>1488</v>
      </c>
      <c r="E20567" s="1" t="s">
        <v>73526</v>
      </c>
      <c r="F20567" s="1" t="s">
        <v>73527</v>
      </c>
      <c r="G20567" s="1" t="s">
        <v>73507</v>
      </c>
      <c r="H20567" s="1" t="s">
        <v>73508</v>
      </c>
      <c r="I20567" s="1" t="s">
        <v>72972</v>
      </c>
      <c r="J20567" s="1" t="s">
        <v>73528</v>
      </c>
    </row>
    <row r="20568" spans="1:10" x14ac:dyDescent="0.35">
      <c r="A20568" s="1" t="s">
        <v>73503</v>
      </c>
      <c r="B20568" s="1" t="s">
        <v>72967</v>
      </c>
      <c r="C20568" s="1" t="s">
        <v>45</v>
      </c>
      <c r="D20568" s="1" t="s">
        <v>73529</v>
      </c>
      <c r="E20568" s="1" t="s">
        <v>73530</v>
      </c>
      <c r="F20568" s="1" t="s">
        <v>73531</v>
      </c>
      <c r="G20568" s="1" t="s">
        <v>73507</v>
      </c>
      <c r="H20568" s="1" t="s">
        <v>73508</v>
      </c>
      <c r="I20568" s="1" t="s">
        <v>72972</v>
      </c>
      <c r="J20568" s="1" t="s">
        <v>73532</v>
      </c>
    </row>
    <row r="20569" spans="1:10" x14ac:dyDescent="0.35">
      <c r="A20569" s="1" t="s">
        <v>73503</v>
      </c>
      <c r="B20569" s="1" t="s">
        <v>72967</v>
      </c>
      <c r="C20569" s="1" t="s">
        <v>50</v>
      </c>
      <c r="D20569" s="1" t="s">
        <v>34636</v>
      </c>
      <c r="E20569" s="1" t="s">
        <v>73533</v>
      </c>
      <c r="F20569" s="1" t="s">
        <v>73534</v>
      </c>
      <c r="G20569" s="1" t="s">
        <v>73507</v>
      </c>
      <c r="H20569" s="1" t="s">
        <v>73508</v>
      </c>
      <c r="I20569" s="1" t="s">
        <v>72972</v>
      </c>
      <c r="J20569" s="1" t="s">
        <v>73535</v>
      </c>
    </row>
    <row r="20570" spans="1:10" x14ac:dyDescent="0.35">
      <c r="A20570" s="1" t="s">
        <v>73503</v>
      </c>
      <c r="B20570" s="1" t="s">
        <v>72967</v>
      </c>
      <c r="C20570" s="1" t="s">
        <v>55</v>
      </c>
      <c r="D20570" s="1" t="s">
        <v>52119</v>
      </c>
      <c r="E20570" s="1" t="s">
        <v>73536</v>
      </c>
      <c r="F20570" s="1" t="s">
        <v>73537</v>
      </c>
      <c r="G20570" s="1" t="s">
        <v>73507</v>
      </c>
      <c r="H20570" s="1" t="s">
        <v>73508</v>
      </c>
      <c r="I20570" s="1" t="s">
        <v>72972</v>
      </c>
      <c r="J20570" s="1" t="s">
        <v>73538</v>
      </c>
    </row>
    <row r="20571" spans="1:10" x14ac:dyDescent="0.35">
      <c r="A20571" s="1" t="s">
        <v>73503</v>
      </c>
      <c r="B20571" s="1" t="s">
        <v>72967</v>
      </c>
      <c r="C20571" s="1" t="s">
        <v>60</v>
      </c>
      <c r="D20571" s="1" t="s">
        <v>73539</v>
      </c>
      <c r="E20571" s="1" t="s">
        <v>73540</v>
      </c>
      <c r="F20571" s="1" t="s">
        <v>73541</v>
      </c>
      <c r="G20571" s="1" t="s">
        <v>73507</v>
      </c>
      <c r="H20571" s="1" t="s">
        <v>73508</v>
      </c>
      <c r="I20571" s="1" t="s">
        <v>72972</v>
      </c>
      <c r="J20571" s="1" t="s">
        <v>73542</v>
      </c>
    </row>
    <row r="20572" spans="1:10" x14ac:dyDescent="0.35">
      <c r="A20572" s="1" t="s">
        <v>73503</v>
      </c>
      <c r="B20572" s="1" t="s">
        <v>72967</v>
      </c>
      <c r="C20572" s="1" t="s">
        <v>65</v>
      </c>
      <c r="D20572" s="1" t="s">
        <v>4555</v>
      </c>
      <c r="E20572" s="1" t="s">
        <v>73543</v>
      </c>
      <c r="F20572" s="1" t="s">
        <v>73544</v>
      </c>
      <c r="G20572" s="1" t="s">
        <v>73507</v>
      </c>
      <c r="H20572" s="1" t="s">
        <v>73508</v>
      </c>
      <c r="I20572" s="1" t="s">
        <v>72972</v>
      </c>
      <c r="J20572" s="1" t="s">
        <v>73545</v>
      </c>
    </row>
    <row r="20573" spans="1:10" x14ac:dyDescent="0.35">
      <c r="A20573" s="1" t="s">
        <v>73503</v>
      </c>
      <c r="B20573" s="1" t="s">
        <v>72967</v>
      </c>
      <c r="C20573" s="1" t="s">
        <v>70</v>
      </c>
      <c r="D20573" s="1" t="s">
        <v>73546</v>
      </c>
      <c r="E20573" s="1" t="s">
        <v>73547</v>
      </c>
      <c r="F20573" s="1" t="s">
        <v>73548</v>
      </c>
      <c r="G20573" s="1" t="s">
        <v>73507</v>
      </c>
      <c r="H20573" s="1" t="s">
        <v>73508</v>
      </c>
      <c r="I20573" s="1" t="s">
        <v>72972</v>
      </c>
      <c r="J20573" s="1" t="s">
        <v>73549</v>
      </c>
    </row>
    <row r="20574" spans="1:10" x14ac:dyDescent="0.35">
      <c r="A20574" s="1" t="s">
        <v>73503</v>
      </c>
      <c r="B20574" s="1" t="s">
        <v>72967</v>
      </c>
      <c r="C20574" s="1" t="s">
        <v>75</v>
      </c>
      <c r="D20574" s="1" t="s">
        <v>73550</v>
      </c>
      <c r="E20574" s="1" t="s">
        <v>73551</v>
      </c>
      <c r="F20574" s="1" t="s">
        <v>73552</v>
      </c>
      <c r="G20574" s="1" t="s">
        <v>73507</v>
      </c>
      <c r="H20574" s="1" t="s">
        <v>73508</v>
      </c>
      <c r="I20574" s="1" t="s">
        <v>72972</v>
      </c>
      <c r="J20574" s="1" t="s">
        <v>73553</v>
      </c>
    </row>
    <row r="20575" spans="1:10" x14ac:dyDescent="0.35">
      <c r="A20575" s="1" t="s">
        <v>73503</v>
      </c>
      <c r="B20575" s="1" t="s">
        <v>72967</v>
      </c>
      <c r="C20575" s="1" t="s">
        <v>80</v>
      </c>
      <c r="D20575" s="1" t="s">
        <v>73554</v>
      </c>
      <c r="E20575" s="1" t="s">
        <v>73555</v>
      </c>
      <c r="F20575" s="1" t="s">
        <v>73556</v>
      </c>
      <c r="G20575" s="1" t="s">
        <v>73507</v>
      </c>
      <c r="H20575" s="1" t="s">
        <v>73508</v>
      </c>
      <c r="I20575" s="1" t="s">
        <v>72972</v>
      </c>
      <c r="J20575" s="1" t="s">
        <v>73557</v>
      </c>
    </row>
    <row r="20576" spans="1:10" x14ac:dyDescent="0.35">
      <c r="A20576" s="1" t="s">
        <v>73503</v>
      </c>
      <c r="B20576" s="1" t="s">
        <v>72967</v>
      </c>
      <c r="C20576" s="1" t="s">
        <v>85</v>
      </c>
      <c r="D20576" s="1" t="s">
        <v>35091</v>
      </c>
      <c r="E20576" s="1" t="s">
        <v>73558</v>
      </c>
      <c r="F20576" s="1" t="s">
        <v>73559</v>
      </c>
      <c r="G20576" s="1" t="s">
        <v>73507</v>
      </c>
      <c r="H20576" s="1" t="s">
        <v>73508</v>
      </c>
      <c r="I20576" s="1" t="s">
        <v>72972</v>
      </c>
      <c r="J20576" s="1" t="s">
        <v>73560</v>
      </c>
    </row>
    <row r="20577" spans="1:10" x14ac:dyDescent="0.35">
      <c r="A20577" s="1" t="s">
        <v>73503</v>
      </c>
      <c r="B20577" s="1" t="s">
        <v>72967</v>
      </c>
      <c r="C20577" s="1" t="s">
        <v>90</v>
      </c>
      <c r="D20577" s="1" t="s">
        <v>4177</v>
      </c>
      <c r="E20577" s="1" t="s">
        <v>73561</v>
      </c>
      <c r="F20577" s="1" t="s">
        <v>73562</v>
      </c>
      <c r="G20577" s="1" t="s">
        <v>73507</v>
      </c>
      <c r="H20577" s="1" t="s">
        <v>73508</v>
      </c>
      <c r="I20577" s="1" t="s">
        <v>72972</v>
      </c>
      <c r="J20577" s="1" t="s">
        <v>73563</v>
      </c>
    </row>
    <row r="20578" spans="1:10" x14ac:dyDescent="0.35">
      <c r="A20578" s="1" t="s">
        <v>73503</v>
      </c>
      <c r="B20578" s="1" t="s">
        <v>72967</v>
      </c>
      <c r="C20578" s="1" t="s">
        <v>95</v>
      </c>
      <c r="D20578" s="1" t="s">
        <v>73564</v>
      </c>
      <c r="E20578" s="1" t="s">
        <v>73565</v>
      </c>
      <c r="F20578" s="1" t="s">
        <v>73566</v>
      </c>
      <c r="G20578" s="1" t="s">
        <v>73507</v>
      </c>
      <c r="H20578" s="1" t="s">
        <v>73508</v>
      </c>
      <c r="I20578" s="1" t="s">
        <v>72972</v>
      </c>
      <c r="J20578" s="1" t="s">
        <v>73567</v>
      </c>
    </row>
    <row r="20579" spans="1:10" x14ac:dyDescent="0.35">
      <c r="A20579" s="1" t="s">
        <v>73503</v>
      </c>
      <c r="B20579" s="1" t="s">
        <v>72967</v>
      </c>
      <c r="C20579" s="1" t="s">
        <v>100</v>
      </c>
      <c r="D20579" s="1" t="s">
        <v>73568</v>
      </c>
      <c r="E20579" s="1" t="s">
        <v>73569</v>
      </c>
      <c r="F20579" s="1" t="s">
        <v>73570</v>
      </c>
      <c r="G20579" s="1" t="s">
        <v>73507</v>
      </c>
      <c r="H20579" s="1" t="s">
        <v>73508</v>
      </c>
      <c r="I20579" s="1" t="s">
        <v>72972</v>
      </c>
      <c r="J20579" s="1" t="s">
        <v>73571</v>
      </c>
    </row>
    <row r="20580" spans="1:10" x14ac:dyDescent="0.35">
      <c r="A20580" s="1" t="s">
        <v>73503</v>
      </c>
      <c r="B20580" s="1" t="s">
        <v>72967</v>
      </c>
      <c r="C20580" s="1" t="s">
        <v>105</v>
      </c>
      <c r="D20580" s="1" t="s">
        <v>15310</v>
      </c>
      <c r="E20580" s="1" t="s">
        <v>73572</v>
      </c>
      <c r="F20580" s="1" t="s">
        <v>73573</v>
      </c>
      <c r="G20580" s="1" t="s">
        <v>73507</v>
      </c>
      <c r="H20580" s="1" t="s">
        <v>73508</v>
      </c>
      <c r="I20580" s="1" t="s">
        <v>72972</v>
      </c>
      <c r="J20580" s="1" t="s">
        <v>73574</v>
      </c>
    </row>
    <row r="20581" spans="1:10" x14ac:dyDescent="0.35">
      <c r="A20581" s="1" t="s">
        <v>73503</v>
      </c>
      <c r="B20581" s="1" t="s">
        <v>72967</v>
      </c>
      <c r="C20581" s="1" t="s">
        <v>110</v>
      </c>
      <c r="D20581" s="1" t="s">
        <v>73575</v>
      </c>
      <c r="E20581" s="1" t="s">
        <v>73576</v>
      </c>
      <c r="F20581" s="1" t="s">
        <v>73577</v>
      </c>
      <c r="G20581" s="1" t="s">
        <v>73507</v>
      </c>
      <c r="H20581" s="1" t="s">
        <v>73508</v>
      </c>
      <c r="I20581" s="1" t="s">
        <v>72972</v>
      </c>
      <c r="J20581" s="1" t="s">
        <v>73578</v>
      </c>
    </row>
    <row r="20582" spans="1:10" x14ac:dyDescent="0.35">
      <c r="A20582" s="1" t="s">
        <v>73503</v>
      </c>
      <c r="B20582" s="1" t="s">
        <v>72967</v>
      </c>
      <c r="C20582" s="1" t="s">
        <v>115</v>
      </c>
      <c r="D20582" s="1" t="s">
        <v>42154</v>
      </c>
      <c r="E20582" s="1" t="s">
        <v>73579</v>
      </c>
      <c r="F20582" s="1" t="s">
        <v>73580</v>
      </c>
      <c r="G20582" s="1" t="s">
        <v>73507</v>
      </c>
      <c r="H20582" s="1" t="s">
        <v>73508</v>
      </c>
      <c r="I20582" s="1" t="s">
        <v>72972</v>
      </c>
      <c r="J20582" s="1" t="s">
        <v>73581</v>
      </c>
    </row>
    <row r="20583" spans="1:10" x14ac:dyDescent="0.35">
      <c r="A20583" s="1" t="s">
        <v>73503</v>
      </c>
      <c r="B20583" s="1" t="s">
        <v>72967</v>
      </c>
      <c r="C20583" s="1" t="s">
        <v>120</v>
      </c>
      <c r="D20583" s="1" t="s">
        <v>73582</v>
      </c>
      <c r="E20583" s="1" t="s">
        <v>73583</v>
      </c>
      <c r="F20583" s="1" t="s">
        <v>73584</v>
      </c>
      <c r="G20583" s="1" t="s">
        <v>73507</v>
      </c>
      <c r="H20583" s="1" t="s">
        <v>73508</v>
      </c>
      <c r="I20583" s="1" t="s">
        <v>72972</v>
      </c>
      <c r="J20583" s="1" t="s">
        <v>73585</v>
      </c>
    </row>
    <row r="20584" spans="1:10" x14ac:dyDescent="0.35">
      <c r="A20584" s="1" t="s">
        <v>73503</v>
      </c>
      <c r="B20584" s="1" t="s">
        <v>72967</v>
      </c>
      <c r="C20584" s="1" t="s">
        <v>125</v>
      </c>
      <c r="D20584" s="1" t="s">
        <v>30376</v>
      </c>
      <c r="E20584" s="1" t="s">
        <v>73586</v>
      </c>
      <c r="F20584" s="1" t="s">
        <v>73587</v>
      </c>
      <c r="G20584" s="1" t="s">
        <v>73507</v>
      </c>
      <c r="H20584" s="1" t="s">
        <v>73508</v>
      </c>
      <c r="I20584" s="1" t="s">
        <v>72972</v>
      </c>
      <c r="J20584" s="1" t="s">
        <v>73588</v>
      </c>
    </row>
    <row r="20585" spans="1:10" x14ac:dyDescent="0.35">
      <c r="A20585" s="1" t="s">
        <v>73503</v>
      </c>
      <c r="B20585" s="1" t="s">
        <v>72967</v>
      </c>
      <c r="C20585" s="1" t="s">
        <v>130</v>
      </c>
      <c r="D20585" s="1" t="s">
        <v>73589</v>
      </c>
      <c r="E20585" s="1" t="s">
        <v>73590</v>
      </c>
      <c r="F20585" s="1" t="s">
        <v>73591</v>
      </c>
      <c r="G20585" s="1" t="s">
        <v>73507</v>
      </c>
      <c r="H20585" s="1" t="s">
        <v>73508</v>
      </c>
      <c r="I20585" s="1" t="s">
        <v>72972</v>
      </c>
      <c r="J20585" s="1" t="s">
        <v>73592</v>
      </c>
    </row>
    <row r="20586" spans="1:10" x14ac:dyDescent="0.35">
      <c r="A20586" s="1" t="s">
        <v>73503</v>
      </c>
      <c r="B20586" s="1" t="s">
        <v>72967</v>
      </c>
      <c r="C20586" s="1" t="s">
        <v>135</v>
      </c>
      <c r="D20586" s="1" t="s">
        <v>10413</v>
      </c>
      <c r="E20586" s="1" t="s">
        <v>73593</v>
      </c>
      <c r="F20586" s="1" t="s">
        <v>73594</v>
      </c>
      <c r="G20586" s="1" t="s">
        <v>73507</v>
      </c>
      <c r="H20586" s="1" t="s">
        <v>73508</v>
      </c>
      <c r="I20586" s="1" t="s">
        <v>72972</v>
      </c>
      <c r="J20586" s="1" t="s">
        <v>73595</v>
      </c>
    </row>
    <row r="20587" spans="1:10" x14ac:dyDescent="0.35">
      <c r="A20587" s="1" t="s">
        <v>73503</v>
      </c>
      <c r="B20587" s="1" t="s">
        <v>72967</v>
      </c>
      <c r="C20587" s="1" t="s">
        <v>140</v>
      </c>
      <c r="D20587" s="1" t="s">
        <v>73596</v>
      </c>
      <c r="E20587" s="1" t="s">
        <v>73597</v>
      </c>
      <c r="F20587" s="1" t="s">
        <v>73598</v>
      </c>
      <c r="G20587" s="1" t="s">
        <v>73507</v>
      </c>
      <c r="H20587" s="1" t="s">
        <v>73508</v>
      </c>
      <c r="I20587" s="1" t="s">
        <v>72972</v>
      </c>
      <c r="J20587" s="1" t="s">
        <v>73599</v>
      </c>
    </row>
    <row r="20588" spans="1:10" x14ac:dyDescent="0.35">
      <c r="A20588" s="1" t="s">
        <v>73503</v>
      </c>
      <c r="B20588" s="1" t="s">
        <v>72967</v>
      </c>
      <c r="C20588" s="1" t="s">
        <v>145</v>
      </c>
      <c r="D20588" s="1" t="s">
        <v>43662</v>
      </c>
      <c r="E20588" s="1" t="s">
        <v>73600</v>
      </c>
      <c r="F20588" s="1" t="s">
        <v>73601</v>
      </c>
      <c r="G20588" s="1" t="s">
        <v>73507</v>
      </c>
      <c r="H20588" s="1" t="s">
        <v>73508</v>
      </c>
      <c r="I20588" s="1" t="s">
        <v>72972</v>
      </c>
      <c r="J20588" s="1" t="s">
        <v>73602</v>
      </c>
    </row>
    <row r="20589" spans="1:10" x14ac:dyDescent="0.35">
      <c r="A20589" s="1" t="s">
        <v>73503</v>
      </c>
      <c r="B20589" s="1" t="s">
        <v>72967</v>
      </c>
      <c r="C20589" s="1" t="s">
        <v>150</v>
      </c>
      <c r="D20589" s="1" t="s">
        <v>3052</v>
      </c>
      <c r="E20589" s="1" t="s">
        <v>73603</v>
      </c>
      <c r="F20589" s="1" t="s">
        <v>73604</v>
      </c>
      <c r="G20589" s="1" t="s">
        <v>73507</v>
      </c>
      <c r="H20589" s="1" t="s">
        <v>73508</v>
      </c>
      <c r="I20589" s="1" t="s">
        <v>72972</v>
      </c>
      <c r="J20589" s="1" t="s">
        <v>73605</v>
      </c>
    </row>
    <row r="20590" spans="1:10" x14ac:dyDescent="0.35">
      <c r="A20590" s="1" t="s">
        <v>73503</v>
      </c>
      <c r="B20590" s="1" t="s">
        <v>72967</v>
      </c>
      <c r="C20590" s="1" t="s">
        <v>155</v>
      </c>
      <c r="D20590" s="1" t="s">
        <v>420</v>
      </c>
      <c r="E20590" s="1" t="s">
        <v>73606</v>
      </c>
      <c r="F20590" s="1" t="s">
        <v>73607</v>
      </c>
      <c r="G20590" s="1" t="s">
        <v>73507</v>
      </c>
      <c r="H20590" s="1" t="s">
        <v>73508</v>
      </c>
      <c r="I20590" s="1" t="s">
        <v>72972</v>
      </c>
      <c r="J20590" s="1" t="s">
        <v>73608</v>
      </c>
    </row>
    <row r="20591" spans="1:10" x14ac:dyDescent="0.35">
      <c r="A20591" s="1" t="s">
        <v>73503</v>
      </c>
      <c r="B20591" s="1" t="s">
        <v>72967</v>
      </c>
      <c r="C20591" s="1" t="s">
        <v>160</v>
      </c>
      <c r="D20591" s="1" t="s">
        <v>73609</v>
      </c>
      <c r="E20591" s="1" t="s">
        <v>73610</v>
      </c>
      <c r="F20591" s="1" t="s">
        <v>73611</v>
      </c>
      <c r="G20591" s="1" t="s">
        <v>73507</v>
      </c>
      <c r="H20591" s="1" t="s">
        <v>73508</v>
      </c>
      <c r="I20591" s="1" t="s">
        <v>72972</v>
      </c>
      <c r="J20591" s="1" t="s">
        <v>73612</v>
      </c>
    </row>
    <row r="20592" spans="1:10" x14ac:dyDescent="0.35">
      <c r="A20592" s="1" t="s">
        <v>73503</v>
      </c>
      <c r="B20592" s="1" t="s">
        <v>72967</v>
      </c>
      <c r="C20592" s="1" t="s">
        <v>165</v>
      </c>
      <c r="D20592" s="1" t="s">
        <v>73613</v>
      </c>
      <c r="E20592" s="1" t="s">
        <v>73614</v>
      </c>
      <c r="F20592" s="1" t="s">
        <v>73615</v>
      </c>
      <c r="G20592" s="1" t="s">
        <v>73507</v>
      </c>
      <c r="H20592" s="1" t="s">
        <v>73508</v>
      </c>
      <c r="I20592" s="1" t="s">
        <v>72972</v>
      </c>
      <c r="J20592" s="1" t="s">
        <v>73616</v>
      </c>
    </row>
    <row r="20593" spans="1:10" x14ac:dyDescent="0.35">
      <c r="A20593" s="1" t="s">
        <v>73503</v>
      </c>
      <c r="B20593" s="1" t="s">
        <v>72967</v>
      </c>
      <c r="C20593" s="1" t="s">
        <v>170</v>
      </c>
      <c r="D20593" s="1" t="s">
        <v>73617</v>
      </c>
      <c r="E20593" s="1" t="s">
        <v>73618</v>
      </c>
      <c r="F20593" s="1" t="s">
        <v>73619</v>
      </c>
      <c r="G20593" s="1" t="s">
        <v>73507</v>
      </c>
      <c r="H20593" s="1" t="s">
        <v>73508</v>
      </c>
      <c r="I20593" s="1" t="s">
        <v>72972</v>
      </c>
      <c r="J20593" s="1" t="s">
        <v>73620</v>
      </c>
    </row>
    <row r="20594" spans="1:10" x14ac:dyDescent="0.35">
      <c r="A20594" s="1" t="s">
        <v>25819</v>
      </c>
      <c r="B20594" s="1" t="s">
        <v>72967</v>
      </c>
      <c r="C20594" s="1" t="s">
        <v>8</v>
      </c>
      <c r="D20594" s="1" t="s">
        <v>73621</v>
      </c>
      <c r="E20594" s="1" t="s">
        <v>73019</v>
      </c>
      <c r="F20594" s="1" t="s">
        <v>73622</v>
      </c>
      <c r="G20594" s="1" t="s">
        <v>73623</v>
      </c>
      <c r="H20594" s="1" t="s">
        <v>73624</v>
      </c>
      <c r="I20594" s="1" t="s">
        <v>72972</v>
      </c>
      <c r="J20594" s="1" t="s">
        <v>13</v>
      </c>
    </row>
    <row r="20595" spans="1:10" x14ac:dyDescent="0.35">
      <c r="A20595" s="1" t="s">
        <v>25819</v>
      </c>
      <c r="B20595" s="1" t="s">
        <v>72967</v>
      </c>
      <c r="C20595" s="1" t="s">
        <v>15</v>
      </c>
      <c r="D20595" s="1" t="s">
        <v>73625</v>
      </c>
      <c r="E20595" s="1" t="s">
        <v>73626</v>
      </c>
      <c r="F20595" s="1" t="s">
        <v>73627</v>
      </c>
      <c r="G20595" s="1" t="s">
        <v>73623</v>
      </c>
      <c r="H20595" s="1" t="s">
        <v>73624</v>
      </c>
      <c r="I20595" s="1" t="s">
        <v>72972</v>
      </c>
      <c r="J20595" s="1" t="s">
        <v>73628</v>
      </c>
    </row>
    <row r="20596" spans="1:10" x14ac:dyDescent="0.35">
      <c r="A20596" s="1" t="s">
        <v>25819</v>
      </c>
      <c r="B20596" s="1" t="s">
        <v>72967</v>
      </c>
      <c r="C20596" s="1" t="s">
        <v>20</v>
      </c>
      <c r="D20596" s="1" t="s">
        <v>73629</v>
      </c>
      <c r="E20596" s="1" t="s">
        <v>73630</v>
      </c>
      <c r="F20596" s="1" t="s">
        <v>73631</v>
      </c>
      <c r="G20596" s="1" t="s">
        <v>73623</v>
      </c>
      <c r="H20596" s="1" t="s">
        <v>73624</v>
      </c>
      <c r="I20596" s="1" t="s">
        <v>72972</v>
      </c>
      <c r="J20596" s="1" t="s">
        <v>73632</v>
      </c>
    </row>
    <row r="20597" spans="1:10" x14ac:dyDescent="0.35">
      <c r="A20597" s="1" t="s">
        <v>25819</v>
      </c>
      <c r="B20597" s="1" t="s">
        <v>72967</v>
      </c>
      <c r="C20597" s="1" t="s">
        <v>25</v>
      </c>
      <c r="D20597" s="1" t="s">
        <v>71268</v>
      </c>
      <c r="E20597" s="1" t="s">
        <v>73633</v>
      </c>
      <c r="F20597" s="1" t="s">
        <v>73634</v>
      </c>
      <c r="G20597" s="1" t="s">
        <v>73623</v>
      </c>
      <c r="H20597" s="1" t="s">
        <v>73624</v>
      </c>
      <c r="I20597" s="1" t="s">
        <v>72972</v>
      </c>
      <c r="J20597" s="1" t="s">
        <v>73635</v>
      </c>
    </row>
    <row r="20598" spans="1:10" x14ac:dyDescent="0.35">
      <c r="A20598" s="1" t="s">
        <v>25819</v>
      </c>
      <c r="B20598" s="1" t="s">
        <v>72967</v>
      </c>
      <c r="C20598" s="1" t="s">
        <v>30</v>
      </c>
      <c r="D20598" s="1" t="s">
        <v>31848</v>
      </c>
      <c r="E20598" s="1" t="s">
        <v>73636</v>
      </c>
      <c r="F20598" s="1" t="s">
        <v>73637</v>
      </c>
      <c r="G20598" s="1" t="s">
        <v>73623</v>
      </c>
      <c r="H20598" s="1" t="s">
        <v>73624</v>
      </c>
      <c r="I20598" s="1" t="s">
        <v>72972</v>
      </c>
      <c r="J20598" s="1" t="s">
        <v>73638</v>
      </c>
    </row>
    <row r="20599" spans="1:10" x14ac:dyDescent="0.35">
      <c r="A20599" s="1" t="s">
        <v>25819</v>
      </c>
      <c r="B20599" s="1" t="s">
        <v>72967</v>
      </c>
      <c r="C20599" s="1" t="s">
        <v>35</v>
      </c>
      <c r="D20599" s="1" t="s">
        <v>16235</v>
      </c>
      <c r="E20599" s="1" t="s">
        <v>73019</v>
      </c>
      <c r="F20599" s="1" t="s">
        <v>73639</v>
      </c>
      <c r="G20599" s="1" t="s">
        <v>73623</v>
      </c>
      <c r="H20599" s="1" t="s">
        <v>73624</v>
      </c>
      <c r="I20599" s="1" t="s">
        <v>72972</v>
      </c>
      <c r="J20599" s="1" t="s">
        <v>73640</v>
      </c>
    </row>
    <row r="20600" spans="1:10" x14ac:dyDescent="0.35">
      <c r="A20600" s="1" t="s">
        <v>25819</v>
      </c>
      <c r="B20600" s="1" t="s">
        <v>72967</v>
      </c>
      <c r="C20600" s="1" t="s">
        <v>40</v>
      </c>
      <c r="D20600" s="1" t="s">
        <v>72315</v>
      </c>
      <c r="E20600" s="1" t="s">
        <v>73641</v>
      </c>
      <c r="F20600" s="1" t="s">
        <v>73642</v>
      </c>
      <c r="G20600" s="1" t="s">
        <v>73623</v>
      </c>
      <c r="H20600" s="1" t="s">
        <v>73624</v>
      </c>
      <c r="I20600" s="1" t="s">
        <v>72972</v>
      </c>
      <c r="J20600" s="1" t="s">
        <v>73643</v>
      </c>
    </row>
    <row r="20601" spans="1:10" x14ac:dyDescent="0.35">
      <c r="A20601" s="1" t="s">
        <v>25819</v>
      </c>
      <c r="B20601" s="1" t="s">
        <v>72967</v>
      </c>
      <c r="C20601" s="1" t="s">
        <v>45</v>
      </c>
      <c r="D20601" s="1" t="s">
        <v>73644</v>
      </c>
      <c r="E20601" s="1" t="s">
        <v>73645</v>
      </c>
      <c r="F20601" s="1" t="s">
        <v>73646</v>
      </c>
      <c r="G20601" s="1" t="s">
        <v>73623</v>
      </c>
      <c r="H20601" s="1" t="s">
        <v>73624</v>
      </c>
      <c r="I20601" s="1" t="s">
        <v>72972</v>
      </c>
      <c r="J20601" s="1" t="s">
        <v>73647</v>
      </c>
    </row>
    <row r="20602" spans="1:10" x14ac:dyDescent="0.35">
      <c r="A20602" s="1" t="s">
        <v>25819</v>
      </c>
      <c r="B20602" s="1" t="s">
        <v>72967</v>
      </c>
      <c r="C20602" s="1" t="s">
        <v>50</v>
      </c>
      <c r="D20602" s="1" t="s">
        <v>15906</v>
      </c>
      <c r="E20602" s="1" t="s">
        <v>73648</v>
      </c>
      <c r="F20602" s="1" t="s">
        <v>73649</v>
      </c>
      <c r="G20602" s="1" t="s">
        <v>73623</v>
      </c>
      <c r="H20602" s="1" t="s">
        <v>73624</v>
      </c>
      <c r="I20602" s="1" t="s">
        <v>72972</v>
      </c>
      <c r="J20602" s="1" t="s">
        <v>73650</v>
      </c>
    </row>
    <row r="20603" spans="1:10" x14ac:dyDescent="0.35">
      <c r="A20603" s="1" t="s">
        <v>25819</v>
      </c>
      <c r="B20603" s="1" t="s">
        <v>72967</v>
      </c>
      <c r="C20603" s="1" t="s">
        <v>55</v>
      </c>
      <c r="D20603" s="1" t="s">
        <v>35486</v>
      </c>
      <c r="E20603" s="1" t="s">
        <v>73651</v>
      </c>
      <c r="F20603" s="1" t="s">
        <v>536</v>
      </c>
      <c r="G20603" s="1" t="s">
        <v>73623</v>
      </c>
      <c r="H20603" s="1" t="s">
        <v>73624</v>
      </c>
      <c r="I20603" s="1" t="s">
        <v>72972</v>
      </c>
      <c r="J20603" s="1" t="s">
        <v>73652</v>
      </c>
    </row>
    <row r="20604" spans="1:10" x14ac:dyDescent="0.35">
      <c r="A20604" s="1" t="s">
        <v>25819</v>
      </c>
      <c r="B20604" s="1" t="s">
        <v>72967</v>
      </c>
      <c r="C20604" s="1" t="s">
        <v>60</v>
      </c>
      <c r="D20604" s="1" t="s">
        <v>45423</v>
      </c>
      <c r="E20604" s="1" t="s">
        <v>73653</v>
      </c>
      <c r="F20604" s="1" t="s">
        <v>73654</v>
      </c>
      <c r="G20604" s="1" t="s">
        <v>73623</v>
      </c>
      <c r="H20604" s="1" t="s">
        <v>73624</v>
      </c>
      <c r="I20604" s="1" t="s">
        <v>72972</v>
      </c>
      <c r="J20604" s="1" t="s">
        <v>73655</v>
      </c>
    </row>
    <row r="20605" spans="1:10" x14ac:dyDescent="0.35">
      <c r="A20605" s="1" t="s">
        <v>25819</v>
      </c>
      <c r="B20605" s="1" t="s">
        <v>72967</v>
      </c>
      <c r="C20605" s="1" t="s">
        <v>65</v>
      </c>
      <c r="D20605" s="1" t="s">
        <v>73656</v>
      </c>
      <c r="E20605" s="1" t="s">
        <v>73657</v>
      </c>
      <c r="F20605" s="1" t="s">
        <v>73658</v>
      </c>
      <c r="G20605" s="1" t="s">
        <v>73623</v>
      </c>
      <c r="H20605" s="1" t="s">
        <v>73624</v>
      </c>
      <c r="I20605" s="1" t="s">
        <v>72972</v>
      </c>
      <c r="J20605" s="1" t="s">
        <v>73659</v>
      </c>
    </row>
    <row r="20606" spans="1:10" x14ac:dyDescent="0.35">
      <c r="A20606" s="1" t="s">
        <v>25819</v>
      </c>
      <c r="B20606" s="1" t="s">
        <v>72967</v>
      </c>
      <c r="C20606" s="1" t="s">
        <v>70</v>
      </c>
      <c r="D20606" s="1" t="s">
        <v>73660</v>
      </c>
      <c r="E20606" s="1" t="s">
        <v>73661</v>
      </c>
      <c r="F20606" s="1" t="s">
        <v>73662</v>
      </c>
      <c r="G20606" s="1" t="s">
        <v>73623</v>
      </c>
      <c r="H20606" s="1" t="s">
        <v>73624</v>
      </c>
      <c r="I20606" s="1" t="s">
        <v>72972</v>
      </c>
      <c r="J20606" s="1" t="s">
        <v>73663</v>
      </c>
    </row>
    <row r="20607" spans="1:10" x14ac:dyDescent="0.35">
      <c r="A20607" s="1" t="s">
        <v>25819</v>
      </c>
      <c r="B20607" s="1" t="s">
        <v>72967</v>
      </c>
      <c r="C20607" s="1" t="s">
        <v>75</v>
      </c>
      <c r="D20607" s="1" t="s">
        <v>8816</v>
      </c>
      <c r="E20607" s="1" t="s">
        <v>73053</v>
      </c>
      <c r="F20607" s="1" t="s">
        <v>73664</v>
      </c>
      <c r="G20607" s="1" t="s">
        <v>73623</v>
      </c>
      <c r="H20607" s="1" t="s">
        <v>73624</v>
      </c>
      <c r="I20607" s="1" t="s">
        <v>72972</v>
      </c>
      <c r="J20607" s="1" t="s">
        <v>73665</v>
      </c>
    </row>
    <row r="20608" spans="1:10" x14ac:dyDescent="0.35">
      <c r="A20608" s="1" t="s">
        <v>25819</v>
      </c>
      <c r="B20608" s="1" t="s">
        <v>72967</v>
      </c>
      <c r="C20608" s="1" t="s">
        <v>80</v>
      </c>
      <c r="D20608" s="1" t="s">
        <v>37636</v>
      </c>
      <c r="E20608" s="1" t="s">
        <v>73666</v>
      </c>
      <c r="F20608" s="1" t="s">
        <v>73667</v>
      </c>
      <c r="G20608" s="1" t="s">
        <v>73623</v>
      </c>
      <c r="H20608" s="1" t="s">
        <v>73624</v>
      </c>
      <c r="I20608" s="1" t="s">
        <v>72972</v>
      </c>
      <c r="J20608" s="1" t="s">
        <v>73668</v>
      </c>
    </row>
    <row r="20609" spans="1:10" x14ac:dyDescent="0.35">
      <c r="A20609" s="1" t="s">
        <v>25819</v>
      </c>
      <c r="B20609" s="1" t="s">
        <v>72967</v>
      </c>
      <c r="C20609" s="1" t="s">
        <v>85</v>
      </c>
      <c r="D20609" s="1" t="s">
        <v>10764</v>
      </c>
      <c r="E20609" s="1" t="s">
        <v>73669</v>
      </c>
      <c r="F20609" s="1" t="s">
        <v>73670</v>
      </c>
      <c r="G20609" s="1" t="s">
        <v>73623</v>
      </c>
      <c r="H20609" s="1" t="s">
        <v>73624</v>
      </c>
      <c r="I20609" s="1" t="s">
        <v>72972</v>
      </c>
      <c r="J20609" s="1" t="s">
        <v>73671</v>
      </c>
    </row>
    <row r="20610" spans="1:10" x14ac:dyDescent="0.35">
      <c r="A20610" s="1" t="s">
        <v>25819</v>
      </c>
      <c r="B20610" s="1" t="s">
        <v>72967</v>
      </c>
      <c r="C20610" s="1" t="s">
        <v>90</v>
      </c>
      <c r="D20610" s="1" t="s">
        <v>73672</v>
      </c>
      <c r="E20610" s="1" t="s">
        <v>73470</v>
      </c>
      <c r="F20610" s="1" t="s">
        <v>73673</v>
      </c>
      <c r="G20610" s="1" t="s">
        <v>73623</v>
      </c>
      <c r="H20610" s="1" t="s">
        <v>73624</v>
      </c>
      <c r="I20610" s="1" t="s">
        <v>72972</v>
      </c>
      <c r="J20610" s="1" t="s">
        <v>73674</v>
      </c>
    </row>
    <row r="20611" spans="1:10" x14ac:dyDescent="0.35">
      <c r="A20611" s="1" t="s">
        <v>25819</v>
      </c>
      <c r="B20611" s="1" t="s">
        <v>72967</v>
      </c>
      <c r="C20611" s="1" t="s">
        <v>95</v>
      </c>
      <c r="D20611" s="1" t="s">
        <v>15787</v>
      </c>
      <c r="E20611" s="1" t="s">
        <v>73675</v>
      </c>
      <c r="F20611" s="1" t="s">
        <v>73676</v>
      </c>
      <c r="G20611" s="1" t="s">
        <v>73623</v>
      </c>
      <c r="H20611" s="1" t="s">
        <v>73624</v>
      </c>
      <c r="I20611" s="1" t="s">
        <v>72972</v>
      </c>
      <c r="J20611" s="1" t="s">
        <v>73677</v>
      </c>
    </row>
    <row r="20612" spans="1:10" x14ac:dyDescent="0.35">
      <c r="A20612" s="1" t="s">
        <v>25819</v>
      </c>
      <c r="B20612" s="1" t="s">
        <v>72967</v>
      </c>
      <c r="C20612" s="1" t="s">
        <v>100</v>
      </c>
      <c r="D20612" s="1" t="s">
        <v>37062</v>
      </c>
      <c r="E20612" s="1" t="s">
        <v>73678</v>
      </c>
      <c r="F20612" s="1" t="s">
        <v>73679</v>
      </c>
      <c r="G20612" s="1" t="s">
        <v>73623</v>
      </c>
      <c r="H20612" s="1" t="s">
        <v>73624</v>
      </c>
      <c r="I20612" s="1" t="s">
        <v>72972</v>
      </c>
      <c r="J20612" s="1" t="s">
        <v>73680</v>
      </c>
    </row>
    <row r="20613" spans="1:10" x14ac:dyDescent="0.35">
      <c r="A20613" s="1" t="s">
        <v>25819</v>
      </c>
      <c r="B20613" s="1" t="s">
        <v>72967</v>
      </c>
      <c r="C20613" s="1" t="s">
        <v>105</v>
      </c>
      <c r="D20613" s="1" t="s">
        <v>71264</v>
      </c>
      <c r="E20613" s="1" t="s">
        <v>552</v>
      </c>
      <c r="F20613" s="1" t="s">
        <v>73681</v>
      </c>
      <c r="G20613" s="1" t="s">
        <v>73623</v>
      </c>
      <c r="H20613" s="1" t="s">
        <v>73624</v>
      </c>
      <c r="I20613" s="1" t="s">
        <v>72972</v>
      </c>
      <c r="J20613" s="1" t="s">
        <v>73682</v>
      </c>
    </row>
    <row r="20614" spans="1:10" x14ac:dyDescent="0.35">
      <c r="A20614" s="1" t="s">
        <v>25819</v>
      </c>
      <c r="B20614" s="1" t="s">
        <v>72967</v>
      </c>
      <c r="C20614" s="1" t="s">
        <v>110</v>
      </c>
      <c r="D20614" s="1" t="s">
        <v>73683</v>
      </c>
      <c r="E20614" s="1" t="s">
        <v>73684</v>
      </c>
      <c r="F20614" s="1" t="s">
        <v>73685</v>
      </c>
      <c r="G20614" s="1" t="s">
        <v>73623</v>
      </c>
      <c r="H20614" s="1" t="s">
        <v>73624</v>
      </c>
      <c r="I20614" s="1" t="s">
        <v>72972</v>
      </c>
      <c r="J20614" s="1" t="s">
        <v>73686</v>
      </c>
    </row>
    <row r="20615" spans="1:10" x14ac:dyDescent="0.35">
      <c r="A20615" s="1" t="s">
        <v>25819</v>
      </c>
      <c r="B20615" s="1" t="s">
        <v>72967</v>
      </c>
      <c r="C20615" s="1" t="s">
        <v>115</v>
      </c>
      <c r="D20615" s="1" t="s">
        <v>10385</v>
      </c>
      <c r="E20615" s="1" t="s">
        <v>72998</v>
      </c>
      <c r="F20615" s="1" t="s">
        <v>73687</v>
      </c>
      <c r="G20615" s="1" t="s">
        <v>73623</v>
      </c>
      <c r="H20615" s="1" t="s">
        <v>73624</v>
      </c>
      <c r="I20615" s="1" t="s">
        <v>72972</v>
      </c>
      <c r="J20615" s="1" t="s">
        <v>73688</v>
      </c>
    </row>
    <row r="20616" spans="1:10" x14ac:dyDescent="0.35">
      <c r="A20616" s="1" t="s">
        <v>25819</v>
      </c>
      <c r="B20616" s="1" t="s">
        <v>72967</v>
      </c>
      <c r="C20616" s="1" t="s">
        <v>120</v>
      </c>
      <c r="D20616" s="1" t="s">
        <v>73689</v>
      </c>
      <c r="E20616" s="1" t="s">
        <v>73690</v>
      </c>
      <c r="F20616" s="1" t="s">
        <v>73691</v>
      </c>
      <c r="G20616" s="1" t="s">
        <v>73623</v>
      </c>
      <c r="H20616" s="1" t="s">
        <v>73624</v>
      </c>
      <c r="I20616" s="1" t="s">
        <v>72972</v>
      </c>
      <c r="J20616" s="1" t="s">
        <v>73692</v>
      </c>
    </row>
    <row r="20617" spans="1:10" x14ac:dyDescent="0.35">
      <c r="A20617" s="1" t="s">
        <v>25819</v>
      </c>
      <c r="B20617" s="1" t="s">
        <v>72967</v>
      </c>
      <c r="C20617" s="1" t="s">
        <v>125</v>
      </c>
      <c r="D20617" s="1" t="s">
        <v>73693</v>
      </c>
      <c r="E20617" s="1" t="s">
        <v>758</v>
      </c>
      <c r="F20617" s="1" t="s">
        <v>73694</v>
      </c>
      <c r="G20617" s="1" t="s">
        <v>73623</v>
      </c>
      <c r="H20617" s="1" t="s">
        <v>73624</v>
      </c>
      <c r="I20617" s="1" t="s">
        <v>72972</v>
      </c>
      <c r="J20617" s="1" t="s">
        <v>73695</v>
      </c>
    </row>
    <row r="20618" spans="1:10" x14ac:dyDescent="0.35">
      <c r="A20618" s="1" t="s">
        <v>25819</v>
      </c>
      <c r="B20618" s="1" t="s">
        <v>72967</v>
      </c>
      <c r="C20618" s="1" t="s">
        <v>130</v>
      </c>
      <c r="D20618" s="1" t="s">
        <v>73696</v>
      </c>
      <c r="E20618" s="1" t="s">
        <v>73697</v>
      </c>
      <c r="F20618" s="1" t="s">
        <v>73698</v>
      </c>
      <c r="G20618" s="1" t="s">
        <v>73623</v>
      </c>
      <c r="H20618" s="1" t="s">
        <v>73624</v>
      </c>
      <c r="I20618" s="1" t="s">
        <v>72972</v>
      </c>
      <c r="J20618" s="1" t="s">
        <v>58073</v>
      </c>
    </row>
    <row r="20619" spans="1:10" x14ac:dyDescent="0.35">
      <c r="A20619" s="1" t="s">
        <v>25819</v>
      </c>
      <c r="B20619" s="1" t="s">
        <v>72967</v>
      </c>
      <c r="C20619" s="1" t="s">
        <v>135</v>
      </c>
      <c r="D20619" s="1" t="s">
        <v>31150</v>
      </c>
      <c r="E20619" s="1" t="s">
        <v>73045</v>
      </c>
      <c r="F20619" s="1" t="s">
        <v>73699</v>
      </c>
      <c r="G20619" s="1" t="s">
        <v>73623</v>
      </c>
      <c r="H20619" s="1" t="s">
        <v>73624</v>
      </c>
      <c r="I20619" s="1" t="s">
        <v>72972</v>
      </c>
      <c r="J20619" s="1" t="s">
        <v>12712</v>
      </c>
    </row>
    <row r="20620" spans="1:10" x14ac:dyDescent="0.35">
      <c r="A20620" s="1" t="s">
        <v>25819</v>
      </c>
      <c r="B20620" s="1" t="s">
        <v>72967</v>
      </c>
      <c r="C20620" s="1" t="s">
        <v>140</v>
      </c>
      <c r="D20620" s="1" t="s">
        <v>49927</v>
      </c>
      <c r="E20620" s="1" t="s">
        <v>73678</v>
      </c>
      <c r="F20620" s="1" t="s">
        <v>73399</v>
      </c>
      <c r="G20620" s="1" t="s">
        <v>73623</v>
      </c>
      <c r="H20620" s="1" t="s">
        <v>73624</v>
      </c>
      <c r="I20620" s="1" t="s">
        <v>72972</v>
      </c>
      <c r="J20620" s="1" t="s">
        <v>73700</v>
      </c>
    </row>
    <row r="20621" spans="1:10" x14ac:dyDescent="0.35">
      <c r="A20621" s="1" t="s">
        <v>25819</v>
      </c>
      <c r="B20621" s="1" t="s">
        <v>72967</v>
      </c>
      <c r="C20621" s="1" t="s">
        <v>145</v>
      </c>
      <c r="D20621" s="1" t="s">
        <v>73701</v>
      </c>
      <c r="E20621" s="1" t="s">
        <v>73702</v>
      </c>
      <c r="F20621" s="1" t="s">
        <v>73703</v>
      </c>
      <c r="G20621" s="1" t="s">
        <v>73623</v>
      </c>
      <c r="H20621" s="1" t="s">
        <v>73624</v>
      </c>
      <c r="I20621" s="1" t="s">
        <v>72972</v>
      </c>
      <c r="J20621" s="1" t="s">
        <v>73704</v>
      </c>
    </row>
    <row r="20622" spans="1:10" x14ac:dyDescent="0.35">
      <c r="A20622" s="1" t="s">
        <v>25819</v>
      </c>
      <c r="B20622" s="1" t="s">
        <v>72967</v>
      </c>
      <c r="C20622" s="1" t="s">
        <v>150</v>
      </c>
      <c r="D20622" s="1" t="s">
        <v>47572</v>
      </c>
      <c r="E20622" s="1" t="s">
        <v>803</v>
      </c>
      <c r="F20622" s="1" t="s">
        <v>73705</v>
      </c>
      <c r="G20622" s="1" t="s">
        <v>73623</v>
      </c>
      <c r="H20622" s="1" t="s">
        <v>73624</v>
      </c>
      <c r="I20622" s="1" t="s">
        <v>72972</v>
      </c>
      <c r="J20622" s="1" t="s">
        <v>73706</v>
      </c>
    </row>
    <row r="20623" spans="1:10" x14ac:dyDescent="0.35">
      <c r="A20623" s="1" t="s">
        <v>25819</v>
      </c>
      <c r="B20623" s="1" t="s">
        <v>72967</v>
      </c>
      <c r="C20623" s="1" t="s">
        <v>155</v>
      </c>
      <c r="D20623" s="1" t="s">
        <v>73707</v>
      </c>
      <c r="E20623" s="1" t="s">
        <v>73708</v>
      </c>
      <c r="F20623" s="1" t="s">
        <v>73709</v>
      </c>
      <c r="G20623" s="1" t="s">
        <v>73623</v>
      </c>
      <c r="H20623" s="1" t="s">
        <v>73624</v>
      </c>
      <c r="I20623" s="1" t="s">
        <v>72972</v>
      </c>
      <c r="J20623" s="1" t="s">
        <v>73710</v>
      </c>
    </row>
    <row r="20624" spans="1:10" x14ac:dyDescent="0.35">
      <c r="A20624" s="1" t="s">
        <v>25819</v>
      </c>
      <c r="B20624" s="1" t="s">
        <v>72967</v>
      </c>
      <c r="C20624" s="1" t="s">
        <v>160</v>
      </c>
      <c r="D20624" s="1" t="s">
        <v>73711</v>
      </c>
      <c r="E20624" s="1" t="s">
        <v>73712</v>
      </c>
      <c r="F20624" s="1" t="s">
        <v>73713</v>
      </c>
      <c r="G20624" s="1" t="s">
        <v>73623</v>
      </c>
      <c r="H20624" s="1" t="s">
        <v>73624</v>
      </c>
      <c r="I20624" s="1" t="s">
        <v>72972</v>
      </c>
      <c r="J20624" s="1" t="s">
        <v>73714</v>
      </c>
    </row>
    <row r="20625" spans="1:10" x14ac:dyDescent="0.35">
      <c r="A20625" s="1" t="s">
        <v>25819</v>
      </c>
      <c r="B20625" s="1" t="s">
        <v>72967</v>
      </c>
      <c r="C20625" s="1" t="s">
        <v>165</v>
      </c>
      <c r="D20625" s="1" t="s">
        <v>171</v>
      </c>
      <c r="E20625" s="1" t="s">
        <v>73715</v>
      </c>
      <c r="F20625" s="1" t="s">
        <v>73716</v>
      </c>
      <c r="G20625" s="1" t="s">
        <v>73623</v>
      </c>
      <c r="H20625" s="1" t="s">
        <v>73624</v>
      </c>
      <c r="I20625" s="1" t="s">
        <v>72972</v>
      </c>
      <c r="J20625" s="1" t="s">
        <v>73717</v>
      </c>
    </row>
    <row r="20626" spans="1:10" x14ac:dyDescent="0.35">
      <c r="A20626" s="1" t="s">
        <v>25819</v>
      </c>
      <c r="B20626" s="1" t="s">
        <v>72967</v>
      </c>
      <c r="C20626" s="1" t="s">
        <v>170</v>
      </c>
      <c r="D20626" s="1" t="s">
        <v>38237</v>
      </c>
      <c r="E20626" s="1" t="s">
        <v>73718</v>
      </c>
      <c r="F20626" s="1" t="s">
        <v>73719</v>
      </c>
      <c r="G20626" s="1" t="s">
        <v>73623</v>
      </c>
      <c r="H20626" s="1" t="s">
        <v>73624</v>
      </c>
      <c r="I20626" s="1" t="s">
        <v>72972</v>
      </c>
      <c r="J20626" s="1" t="s">
        <v>73720</v>
      </c>
    </row>
    <row r="20627" spans="1:10" x14ac:dyDescent="0.35">
      <c r="A20627" s="1" t="s">
        <v>73721</v>
      </c>
      <c r="B20627" s="1" t="s">
        <v>72967</v>
      </c>
      <c r="C20627" s="1" t="s">
        <v>8</v>
      </c>
      <c r="D20627" s="1" t="s">
        <v>73722</v>
      </c>
      <c r="E20627" s="1" t="s">
        <v>73723</v>
      </c>
      <c r="F20627" s="1" t="s">
        <v>73724</v>
      </c>
      <c r="G20627" s="1" t="s">
        <v>73725</v>
      </c>
      <c r="H20627" s="1" t="s">
        <v>73726</v>
      </c>
      <c r="I20627" s="1" t="s">
        <v>72972</v>
      </c>
      <c r="J20627" s="1" t="s">
        <v>13</v>
      </c>
    </row>
    <row r="20628" spans="1:10" x14ac:dyDescent="0.35">
      <c r="A20628" s="1" t="s">
        <v>73721</v>
      </c>
      <c r="B20628" s="1" t="s">
        <v>72967</v>
      </c>
      <c r="C20628" s="1" t="s">
        <v>15</v>
      </c>
      <c r="D20628" s="1" t="s">
        <v>4114</v>
      </c>
      <c r="E20628" s="1" t="s">
        <v>73727</v>
      </c>
      <c r="F20628" s="1" t="s">
        <v>73728</v>
      </c>
      <c r="G20628" s="1" t="s">
        <v>73725</v>
      </c>
      <c r="H20628" s="1" t="s">
        <v>73726</v>
      </c>
      <c r="I20628" s="1" t="s">
        <v>72972</v>
      </c>
      <c r="J20628" s="1" t="s">
        <v>73729</v>
      </c>
    </row>
    <row r="20629" spans="1:10" x14ac:dyDescent="0.35">
      <c r="A20629" s="1" t="s">
        <v>73721</v>
      </c>
      <c r="B20629" s="1" t="s">
        <v>72967</v>
      </c>
      <c r="C20629" s="1" t="s">
        <v>20</v>
      </c>
      <c r="D20629" s="1" t="s">
        <v>73730</v>
      </c>
      <c r="E20629" s="1" t="s">
        <v>73731</v>
      </c>
      <c r="F20629" s="1" t="s">
        <v>73732</v>
      </c>
      <c r="G20629" s="1" t="s">
        <v>73725</v>
      </c>
      <c r="H20629" s="1" t="s">
        <v>73726</v>
      </c>
      <c r="I20629" s="1" t="s">
        <v>72972</v>
      </c>
      <c r="J20629" s="1" t="s">
        <v>73733</v>
      </c>
    </row>
    <row r="20630" spans="1:10" x14ac:dyDescent="0.35">
      <c r="A20630" s="1" t="s">
        <v>73721</v>
      </c>
      <c r="B20630" s="1" t="s">
        <v>72967</v>
      </c>
      <c r="C20630" s="1" t="s">
        <v>25</v>
      </c>
      <c r="D20630" s="1" t="s">
        <v>27526</v>
      </c>
      <c r="E20630" s="1" t="s">
        <v>73734</v>
      </c>
      <c r="F20630" s="1" t="s">
        <v>73735</v>
      </c>
      <c r="G20630" s="1" t="s">
        <v>73725</v>
      </c>
      <c r="H20630" s="1" t="s">
        <v>73726</v>
      </c>
      <c r="I20630" s="1" t="s">
        <v>72972</v>
      </c>
      <c r="J20630" s="1" t="s">
        <v>73736</v>
      </c>
    </row>
    <row r="20631" spans="1:10" x14ac:dyDescent="0.35">
      <c r="A20631" s="1" t="s">
        <v>73721</v>
      </c>
      <c r="B20631" s="1" t="s">
        <v>72967</v>
      </c>
      <c r="C20631" s="1" t="s">
        <v>30</v>
      </c>
      <c r="D20631" s="1" t="s">
        <v>73737</v>
      </c>
      <c r="E20631" s="1" t="s">
        <v>73738</v>
      </c>
      <c r="F20631" s="1" t="s">
        <v>73739</v>
      </c>
      <c r="G20631" s="1" t="s">
        <v>73725</v>
      </c>
      <c r="H20631" s="1" t="s">
        <v>73726</v>
      </c>
      <c r="I20631" s="1" t="s">
        <v>72972</v>
      </c>
      <c r="J20631" s="1" t="s">
        <v>73740</v>
      </c>
    </row>
    <row r="20632" spans="1:10" x14ac:dyDescent="0.35">
      <c r="A20632" s="1" t="s">
        <v>73721</v>
      </c>
      <c r="B20632" s="1" t="s">
        <v>72967</v>
      </c>
      <c r="C20632" s="1" t="s">
        <v>35</v>
      </c>
      <c r="D20632" s="1" t="s">
        <v>73741</v>
      </c>
      <c r="E20632" s="1" t="s">
        <v>73742</v>
      </c>
      <c r="F20632" s="1" t="s">
        <v>73743</v>
      </c>
      <c r="G20632" s="1" t="s">
        <v>73725</v>
      </c>
      <c r="H20632" s="1" t="s">
        <v>73726</v>
      </c>
      <c r="I20632" s="1" t="s">
        <v>72972</v>
      </c>
      <c r="J20632" s="1" t="s">
        <v>73744</v>
      </c>
    </row>
    <row r="20633" spans="1:10" x14ac:dyDescent="0.35">
      <c r="A20633" s="1" t="s">
        <v>73721</v>
      </c>
      <c r="B20633" s="1" t="s">
        <v>72967</v>
      </c>
      <c r="C20633" s="1" t="s">
        <v>40</v>
      </c>
      <c r="D20633" s="1" t="s">
        <v>48278</v>
      </c>
      <c r="E20633" s="1" t="s">
        <v>73745</v>
      </c>
      <c r="F20633" s="1" t="s">
        <v>73746</v>
      </c>
      <c r="G20633" s="1" t="s">
        <v>73725</v>
      </c>
      <c r="H20633" s="1" t="s">
        <v>73726</v>
      </c>
      <c r="I20633" s="1" t="s">
        <v>72972</v>
      </c>
      <c r="J20633" s="1" t="s">
        <v>73747</v>
      </c>
    </row>
    <row r="20634" spans="1:10" x14ac:dyDescent="0.35">
      <c r="A20634" s="1" t="s">
        <v>73721</v>
      </c>
      <c r="B20634" s="1" t="s">
        <v>72967</v>
      </c>
      <c r="C20634" s="1" t="s">
        <v>45</v>
      </c>
      <c r="D20634" s="1" t="s">
        <v>73748</v>
      </c>
      <c r="E20634" s="1" t="s">
        <v>73749</v>
      </c>
      <c r="F20634" s="1" t="s">
        <v>73750</v>
      </c>
      <c r="G20634" s="1" t="s">
        <v>73725</v>
      </c>
      <c r="H20634" s="1" t="s">
        <v>73726</v>
      </c>
      <c r="I20634" s="1" t="s">
        <v>72972</v>
      </c>
      <c r="J20634" s="1" t="s">
        <v>73751</v>
      </c>
    </row>
    <row r="20635" spans="1:10" x14ac:dyDescent="0.35">
      <c r="A20635" s="1" t="s">
        <v>73721</v>
      </c>
      <c r="B20635" s="1" t="s">
        <v>72967</v>
      </c>
      <c r="C20635" s="1" t="s">
        <v>50</v>
      </c>
      <c r="D20635" s="1" t="s">
        <v>73325</v>
      </c>
      <c r="E20635" s="1" t="s">
        <v>73752</v>
      </c>
      <c r="F20635" s="1" t="s">
        <v>73753</v>
      </c>
      <c r="G20635" s="1" t="s">
        <v>73725</v>
      </c>
      <c r="H20635" s="1" t="s">
        <v>73726</v>
      </c>
      <c r="I20635" s="1" t="s">
        <v>72972</v>
      </c>
      <c r="J20635" s="1" t="s">
        <v>73754</v>
      </c>
    </row>
    <row r="20636" spans="1:10" x14ac:dyDescent="0.35">
      <c r="A20636" s="1" t="s">
        <v>73721</v>
      </c>
      <c r="B20636" s="1" t="s">
        <v>72967</v>
      </c>
      <c r="C20636" s="1" t="s">
        <v>55</v>
      </c>
      <c r="D20636" s="1" t="s">
        <v>34470</v>
      </c>
      <c r="E20636" s="1" t="s">
        <v>73755</v>
      </c>
      <c r="F20636" s="1" t="s">
        <v>73756</v>
      </c>
      <c r="G20636" s="1" t="s">
        <v>73725</v>
      </c>
      <c r="H20636" s="1" t="s">
        <v>73726</v>
      </c>
      <c r="I20636" s="1" t="s">
        <v>72972</v>
      </c>
      <c r="J20636" s="1" t="s">
        <v>73757</v>
      </c>
    </row>
    <row r="20637" spans="1:10" x14ac:dyDescent="0.35">
      <c r="A20637" s="1" t="s">
        <v>73721</v>
      </c>
      <c r="B20637" s="1" t="s">
        <v>72967</v>
      </c>
      <c r="C20637" s="1" t="s">
        <v>60</v>
      </c>
      <c r="D20637" s="1" t="s">
        <v>37423</v>
      </c>
      <c r="E20637" s="1" t="s">
        <v>73758</v>
      </c>
      <c r="F20637" s="1" t="s">
        <v>73759</v>
      </c>
      <c r="G20637" s="1" t="s">
        <v>73725</v>
      </c>
      <c r="H20637" s="1" t="s">
        <v>73726</v>
      </c>
      <c r="I20637" s="1" t="s">
        <v>72972</v>
      </c>
      <c r="J20637" s="1" t="s">
        <v>50415</v>
      </c>
    </row>
    <row r="20638" spans="1:10" x14ac:dyDescent="0.35">
      <c r="A20638" s="1" t="s">
        <v>73721</v>
      </c>
      <c r="B20638" s="1" t="s">
        <v>72967</v>
      </c>
      <c r="C20638" s="1" t="s">
        <v>65</v>
      </c>
      <c r="D20638" s="1" t="s">
        <v>25778</v>
      </c>
      <c r="E20638" s="1" t="s">
        <v>73760</v>
      </c>
      <c r="F20638" s="1" t="s">
        <v>73761</v>
      </c>
      <c r="G20638" s="1" t="s">
        <v>73725</v>
      </c>
      <c r="H20638" s="1" t="s">
        <v>73726</v>
      </c>
      <c r="I20638" s="1" t="s">
        <v>72972</v>
      </c>
      <c r="J20638" s="1" t="s">
        <v>73762</v>
      </c>
    </row>
    <row r="20639" spans="1:10" x14ac:dyDescent="0.35">
      <c r="A20639" s="1" t="s">
        <v>73721</v>
      </c>
      <c r="B20639" s="1" t="s">
        <v>72967</v>
      </c>
      <c r="C20639" s="1" t="s">
        <v>70</v>
      </c>
      <c r="D20639" s="1" t="s">
        <v>73763</v>
      </c>
      <c r="E20639" s="1" t="s">
        <v>73764</v>
      </c>
      <c r="F20639" s="1" t="s">
        <v>73765</v>
      </c>
      <c r="G20639" s="1" t="s">
        <v>73725</v>
      </c>
      <c r="H20639" s="1" t="s">
        <v>73726</v>
      </c>
      <c r="I20639" s="1" t="s">
        <v>72972</v>
      </c>
      <c r="J20639" s="1" t="s">
        <v>73766</v>
      </c>
    </row>
    <row r="20640" spans="1:10" x14ac:dyDescent="0.35">
      <c r="A20640" s="1" t="s">
        <v>73721</v>
      </c>
      <c r="B20640" s="1" t="s">
        <v>72967</v>
      </c>
      <c r="C20640" s="1" t="s">
        <v>75</v>
      </c>
      <c r="D20640" s="1" t="s">
        <v>73767</v>
      </c>
      <c r="E20640" s="1" t="s">
        <v>73768</v>
      </c>
      <c r="F20640" s="1" t="s">
        <v>73769</v>
      </c>
      <c r="G20640" s="1" t="s">
        <v>73725</v>
      </c>
      <c r="H20640" s="1" t="s">
        <v>73726</v>
      </c>
      <c r="I20640" s="1" t="s">
        <v>72972</v>
      </c>
      <c r="J20640" s="1" t="s">
        <v>73770</v>
      </c>
    </row>
    <row r="20641" spans="1:10" x14ac:dyDescent="0.35">
      <c r="A20641" s="1" t="s">
        <v>73721</v>
      </c>
      <c r="B20641" s="1" t="s">
        <v>72967</v>
      </c>
      <c r="C20641" s="1" t="s">
        <v>80</v>
      </c>
      <c r="D20641" s="1" t="s">
        <v>73771</v>
      </c>
      <c r="E20641" s="1" t="s">
        <v>73772</v>
      </c>
      <c r="F20641" s="1" t="s">
        <v>73773</v>
      </c>
      <c r="G20641" s="1" t="s">
        <v>73725</v>
      </c>
      <c r="H20641" s="1" t="s">
        <v>73726</v>
      </c>
      <c r="I20641" s="1" t="s">
        <v>72972</v>
      </c>
      <c r="J20641" s="1" t="s">
        <v>73774</v>
      </c>
    </row>
    <row r="20642" spans="1:10" x14ac:dyDescent="0.35">
      <c r="A20642" s="1" t="s">
        <v>73721</v>
      </c>
      <c r="B20642" s="1" t="s">
        <v>72967</v>
      </c>
      <c r="C20642" s="1" t="s">
        <v>85</v>
      </c>
      <c r="D20642" s="1" t="s">
        <v>35632</v>
      </c>
      <c r="E20642" s="1" t="s">
        <v>73775</v>
      </c>
      <c r="F20642" s="1" t="s">
        <v>73776</v>
      </c>
      <c r="G20642" s="1" t="s">
        <v>73725</v>
      </c>
      <c r="H20642" s="1" t="s">
        <v>73726</v>
      </c>
      <c r="I20642" s="1" t="s">
        <v>72972</v>
      </c>
      <c r="J20642" s="1" t="s">
        <v>73777</v>
      </c>
    </row>
    <row r="20643" spans="1:10" x14ac:dyDescent="0.35">
      <c r="A20643" s="1" t="s">
        <v>73721</v>
      </c>
      <c r="B20643" s="1" t="s">
        <v>72967</v>
      </c>
      <c r="C20643" s="1" t="s">
        <v>90</v>
      </c>
      <c r="D20643" s="1" t="s">
        <v>4602</v>
      </c>
      <c r="E20643" s="1" t="s">
        <v>73778</v>
      </c>
      <c r="F20643" s="1" t="s">
        <v>73779</v>
      </c>
      <c r="G20643" s="1" t="s">
        <v>73725</v>
      </c>
      <c r="H20643" s="1" t="s">
        <v>73726</v>
      </c>
      <c r="I20643" s="1" t="s">
        <v>72972</v>
      </c>
      <c r="J20643" s="1" t="s">
        <v>73780</v>
      </c>
    </row>
    <row r="20644" spans="1:10" x14ac:dyDescent="0.35">
      <c r="A20644" s="1" t="s">
        <v>73721</v>
      </c>
      <c r="B20644" s="1" t="s">
        <v>72967</v>
      </c>
      <c r="C20644" s="1" t="s">
        <v>95</v>
      </c>
      <c r="D20644" s="1" t="s">
        <v>73781</v>
      </c>
      <c r="E20644" s="1" t="s">
        <v>73782</v>
      </c>
      <c r="F20644" s="1" t="s">
        <v>73783</v>
      </c>
      <c r="G20644" s="1" t="s">
        <v>73725</v>
      </c>
      <c r="H20644" s="1" t="s">
        <v>73726</v>
      </c>
      <c r="I20644" s="1" t="s">
        <v>72972</v>
      </c>
      <c r="J20644" s="1" t="s">
        <v>73784</v>
      </c>
    </row>
    <row r="20645" spans="1:10" x14ac:dyDescent="0.35">
      <c r="A20645" s="1" t="s">
        <v>73721</v>
      </c>
      <c r="B20645" s="1" t="s">
        <v>72967</v>
      </c>
      <c r="C20645" s="1" t="s">
        <v>100</v>
      </c>
      <c r="D20645" s="1" t="s">
        <v>73785</v>
      </c>
      <c r="E20645" s="1" t="s">
        <v>73786</v>
      </c>
      <c r="F20645" s="1" t="s">
        <v>73787</v>
      </c>
      <c r="G20645" s="1" t="s">
        <v>73725</v>
      </c>
      <c r="H20645" s="1" t="s">
        <v>73726</v>
      </c>
      <c r="I20645" s="1" t="s">
        <v>72972</v>
      </c>
      <c r="J20645" s="1" t="s">
        <v>73788</v>
      </c>
    </row>
    <row r="20646" spans="1:10" x14ac:dyDescent="0.35">
      <c r="A20646" s="1" t="s">
        <v>73721</v>
      </c>
      <c r="B20646" s="1" t="s">
        <v>72967</v>
      </c>
      <c r="C20646" s="1" t="s">
        <v>105</v>
      </c>
      <c r="D20646" s="1" t="s">
        <v>73789</v>
      </c>
      <c r="E20646" s="1" t="s">
        <v>73790</v>
      </c>
      <c r="F20646" s="1" t="s">
        <v>73791</v>
      </c>
      <c r="G20646" s="1" t="s">
        <v>73725</v>
      </c>
      <c r="H20646" s="1" t="s">
        <v>73726</v>
      </c>
      <c r="I20646" s="1" t="s">
        <v>72972</v>
      </c>
      <c r="J20646" s="1" t="s">
        <v>73792</v>
      </c>
    </row>
    <row r="20647" spans="1:10" x14ac:dyDescent="0.35">
      <c r="A20647" s="1" t="s">
        <v>73721</v>
      </c>
      <c r="B20647" s="1" t="s">
        <v>72967</v>
      </c>
      <c r="C20647" s="1" t="s">
        <v>110</v>
      </c>
      <c r="D20647" s="1" t="s">
        <v>46501</v>
      </c>
      <c r="E20647" s="1" t="s">
        <v>73793</v>
      </c>
      <c r="F20647" s="1" t="s">
        <v>73794</v>
      </c>
      <c r="G20647" s="1" t="s">
        <v>73725</v>
      </c>
      <c r="H20647" s="1" t="s">
        <v>73726</v>
      </c>
      <c r="I20647" s="1" t="s">
        <v>72972</v>
      </c>
      <c r="J20647" s="1" t="s">
        <v>73795</v>
      </c>
    </row>
    <row r="20648" spans="1:10" x14ac:dyDescent="0.35">
      <c r="A20648" s="1" t="s">
        <v>73721</v>
      </c>
      <c r="B20648" s="1" t="s">
        <v>72967</v>
      </c>
      <c r="C20648" s="1" t="s">
        <v>115</v>
      </c>
      <c r="D20648" s="1" t="s">
        <v>32979</v>
      </c>
      <c r="E20648" s="1" t="s">
        <v>73796</v>
      </c>
      <c r="F20648" s="1" t="s">
        <v>73797</v>
      </c>
      <c r="G20648" s="1" t="s">
        <v>73725</v>
      </c>
      <c r="H20648" s="1" t="s">
        <v>73726</v>
      </c>
      <c r="I20648" s="1" t="s">
        <v>72972</v>
      </c>
      <c r="J20648" s="1" t="s">
        <v>73798</v>
      </c>
    </row>
    <row r="20649" spans="1:10" x14ac:dyDescent="0.35">
      <c r="A20649" s="1" t="s">
        <v>73721</v>
      </c>
      <c r="B20649" s="1" t="s">
        <v>72967</v>
      </c>
      <c r="C20649" s="1" t="s">
        <v>120</v>
      </c>
      <c r="D20649" s="1" t="s">
        <v>35938</v>
      </c>
      <c r="E20649" s="1" t="s">
        <v>73799</v>
      </c>
      <c r="F20649" s="1" t="s">
        <v>73800</v>
      </c>
      <c r="G20649" s="1" t="s">
        <v>73725</v>
      </c>
      <c r="H20649" s="1" t="s">
        <v>73726</v>
      </c>
      <c r="I20649" s="1" t="s">
        <v>72972</v>
      </c>
      <c r="J20649" s="1" t="s">
        <v>73801</v>
      </c>
    </row>
    <row r="20650" spans="1:10" x14ac:dyDescent="0.35">
      <c r="A20650" s="1" t="s">
        <v>73721</v>
      </c>
      <c r="B20650" s="1" t="s">
        <v>72967</v>
      </c>
      <c r="C20650" s="1" t="s">
        <v>125</v>
      </c>
      <c r="D20650" s="1" t="s">
        <v>73802</v>
      </c>
      <c r="E20650" s="1" t="s">
        <v>73803</v>
      </c>
      <c r="F20650" s="1" t="s">
        <v>73804</v>
      </c>
      <c r="G20650" s="1" t="s">
        <v>73725</v>
      </c>
      <c r="H20650" s="1" t="s">
        <v>73726</v>
      </c>
      <c r="I20650" s="1" t="s">
        <v>72972</v>
      </c>
      <c r="J20650" s="1" t="s">
        <v>73805</v>
      </c>
    </row>
    <row r="20651" spans="1:10" x14ac:dyDescent="0.35">
      <c r="A20651" s="1" t="s">
        <v>73721</v>
      </c>
      <c r="B20651" s="1" t="s">
        <v>72967</v>
      </c>
      <c r="C20651" s="1" t="s">
        <v>130</v>
      </c>
      <c r="D20651" s="1" t="s">
        <v>73806</v>
      </c>
      <c r="E20651" s="1" t="s">
        <v>73807</v>
      </c>
      <c r="F20651" s="1" t="s">
        <v>73808</v>
      </c>
      <c r="G20651" s="1" t="s">
        <v>73725</v>
      </c>
      <c r="H20651" s="1" t="s">
        <v>73726</v>
      </c>
      <c r="I20651" s="1" t="s">
        <v>72972</v>
      </c>
      <c r="J20651" s="1" t="s">
        <v>73809</v>
      </c>
    </row>
    <row r="20652" spans="1:10" x14ac:dyDescent="0.35">
      <c r="A20652" s="1" t="s">
        <v>73721</v>
      </c>
      <c r="B20652" s="1" t="s">
        <v>72967</v>
      </c>
      <c r="C20652" s="1" t="s">
        <v>135</v>
      </c>
      <c r="D20652" s="1" t="s">
        <v>73810</v>
      </c>
      <c r="E20652" s="1" t="s">
        <v>73811</v>
      </c>
      <c r="F20652" s="1" t="s">
        <v>73812</v>
      </c>
      <c r="G20652" s="1" t="s">
        <v>73725</v>
      </c>
      <c r="H20652" s="1" t="s">
        <v>73726</v>
      </c>
      <c r="I20652" s="1" t="s">
        <v>72972</v>
      </c>
      <c r="J20652" s="1" t="s">
        <v>73813</v>
      </c>
    </row>
    <row r="20653" spans="1:10" x14ac:dyDescent="0.35">
      <c r="A20653" s="1" t="s">
        <v>73721</v>
      </c>
      <c r="B20653" s="1" t="s">
        <v>72967</v>
      </c>
      <c r="C20653" s="1" t="s">
        <v>140</v>
      </c>
      <c r="D20653" s="1" t="s">
        <v>36581</v>
      </c>
      <c r="E20653" s="1" t="s">
        <v>73814</v>
      </c>
      <c r="F20653" s="1" t="s">
        <v>73815</v>
      </c>
      <c r="G20653" s="1" t="s">
        <v>73725</v>
      </c>
      <c r="H20653" s="1" t="s">
        <v>73726</v>
      </c>
      <c r="I20653" s="1" t="s">
        <v>72972</v>
      </c>
      <c r="J20653" s="1" t="s">
        <v>73816</v>
      </c>
    </row>
    <row r="20654" spans="1:10" x14ac:dyDescent="0.35">
      <c r="A20654" s="1" t="s">
        <v>73721</v>
      </c>
      <c r="B20654" s="1" t="s">
        <v>72967</v>
      </c>
      <c r="C20654" s="1" t="s">
        <v>145</v>
      </c>
      <c r="D20654" s="1" t="s">
        <v>16245</v>
      </c>
      <c r="E20654" s="1" t="s">
        <v>73817</v>
      </c>
      <c r="F20654" s="1" t="s">
        <v>73818</v>
      </c>
      <c r="G20654" s="1" t="s">
        <v>73725</v>
      </c>
      <c r="H20654" s="1" t="s">
        <v>73726</v>
      </c>
      <c r="I20654" s="1" t="s">
        <v>72972</v>
      </c>
      <c r="J20654" s="1" t="s">
        <v>73819</v>
      </c>
    </row>
    <row r="20655" spans="1:10" x14ac:dyDescent="0.35">
      <c r="A20655" s="1" t="s">
        <v>73721</v>
      </c>
      <c r="B20655" s="1" t="s">
        <v>72967</v>
      </c>
      <c r="C20655" s="1" t="s">
        <v>150</v>
      </c>
      <c r="D20655" s="1" t="s">
        <v>73820</v>
      </c>
      <c r="E20655" s="1" t="s">
        <v>73821</v>
      </c>
      <c r="F20655" s="1" t="s">
        <v>73822</v>
      </c>
      <c r="G20655" s="1" t="s">
        <v>73725</v>
      </c>
      <c r="H20655" s="1" t="s">
        <v>73726</v>
      </c>
      <c r="I20655" s="1" t="s">
        <v>72972</v>
      </c>
      <c r="J20655" s="1" t="s">
        <v>73823</v>
      </c>
    </row>
    <row r="20656" spans="1:10" x14ac:dyDescent="0.35">
      <c r="A20656" s="1" t="s">
        <v>73721</v>
      </c>
      <c r="B20656" s="1" t="s">
        <v>72967</v>
      </c>
      <c r="C20656" s="1" t="s">
        <v>155</v>
      </c>
      <c r="D20656" s="1" t="s">
        <v>73824</v>
      </c>
      <c r="E20656" s="1" t="s">
        <v>73825</v>
      </c>
      <c r="F20656" s="1" t="s">
        <v>73826</v>
      </c>
      <c r="G20656" s="1" t="s">
        <v>73725</v>
      </c>
      <c r="H20656" s="1" t="s">
        <v>73726</v>
      </c>
      <c r="I20656" s="1" t="s">
        <v>72972</v>
      </c>
      <c r="J20656" s="1" t="s">
        <v>73827</v>
      </c>
    </row>
    <row r="20657" spans="1:10" x14ac:dyDescent="0.35">
      <c r="A20657" s="1" t="s">
        <v>73721</v>
      </c>
      <c r="B20657" s="1" t="s">
        <v>72967</v>
      </c>
      <c r="C20657" s="1" t="s">
        <v>160</v>
      </c>
      <c r="D20657" s="1" t="s">
        <v>35453</v>
      </c>
      <c r="E20657" s="1" t="s">
        <v>73828</v>
      </c>
      <c r="F20657" s="1" t="s">
        <v>73829</v>
      </c>
      <c r="G20657" s="1" t="s">
        <v>73725</v>
      </c>
      <c r="H20657" s="1" t="s">
        <v>73726</v>
      </c>
      <c r="I20657" s="1" t="s">
        <v>72972</v>
      </c>
      <c r="J20657" s="1" t="s">
        <v>73830</v>
      </c>
    </row>
    <row r="20658" spans="1:10" x14ac:dyDescent="0.35">
      <c r="A20658" s="1" t="s">
        <v>73721</v>
      </c>
      <c r="B20658" s="1" t="s">
        <v>72967</v>
      </c>
      <c r="C20658" s="1" t="s">
        <v>165</v>
      </c>
      <c r="D20658" s="1" t="s">
        <v>44444</v>
      </c>
      <c r="E20658" s="1" t="s">
        <v>73831</v>
      </c>
      <c r="F20658" s="1" t="s">
        <v>73832</v>
      </c>
      <c r="G20658" s="1" t="s">
        <v>73725</v>
      </c>
      <c r="H20658" s="1" t="s">
        <v>73726</v>
      </c>
      <c r="I20658" s="1" t="s">
        <v>72972</v>
      </c>
      <c r="J20658" s="1" t="s">
        <v>73833</v>
      </c>
    </row>
    <row r="20659" spans="1:10" x14ac:dyDescent="0.35">
      <c r="A20659" s="1" t="s">
        <v>73721</v>
      </c>
      <c r="B20659" s="1" t="s">
        <v>72967</v>
      </c>
      <c r="C20659" s="1" t="s">
        <v>170</v>
      </c>
      <c r="D20659" s="1" t="s">
        <v>73834</v>
      </c>
      <c r="E20659" s="1" t="s">
        <v>73835</v>
      </c>
      <c r="F20659" s="1" t="s">
        <v>73836</v>
      </c>
      <c r="G20659" s="1" t="s">
        <v>73725</v>
      </c>
      <c r="H20659" s="1" t="s">
        <v>73726</v>
      </c>
      <c r="I20659" s="1" t="s">
        <v>72972</v>
      </c>
      <c r="J20659" s="1" t="s">
        <v>73837</v>
      </c>
    </row>
    <row r="20660" spans="1:10" x14ac:dyDescent="0.35">
      <c r="A20660" s="1" t="s">
        <v>44635</v>
      </c>
      <c r="B20660" s="1" t="s">
        <v>72967</v>
      </c>
      <c r="C20660" s="1" t="s">
        <v>8</v>
      </c>
      <c r="D20660" s="1" t="s">
        <v>73838</v>
      </c>
      <c r="E20660" s="1" t="s">
        <v>73839</v>
      </c>
      <c r="F20660" s="1" t="s">
        <v>73840</v>
      </c>
      <c r="G20660" s="1" t="s">
        <v>73841</v>
      </c>
      <c r="H20660" s="1" t="s">
        <v>73842</v>
      </c>
      <c r="I20660" s="1" t="s">
        <v>72972</v>
      </c>
      <c r="J20660" s="1" t="s">
        <v>13</v>
      </c>
    </row>
    <row r="20661" spans="1:10" x14ac:dyDescent="0.35">
      <c r="A20661" s="1" t="s">
        <v>44635</v>
      </c>
      <c r="B20661" s="1" t="s">
        <v>72967</v>
      </c>
      <c r="C20661" s="1" t="s">
        <v>15</v>
      </c>
      <c r="D20661" s="1" t="s">
        <v>72788</v>
      </c>
      <c r="E20661" s="1" t="s">
        <v>73843</v>
      </c>
      <c r="F20661" s="1" t="s">
        <v>73844</v>
      </c>
      <c r="G20661" s="1" t="s">
        <v>73841</v>
      </c>
      <c r="H20661" s="1" t="s">
        <v>73842</v>
      </c>
      <c r="I20661" s="1" t="s">
        <v>72972</v>
      </c>
      <c r="J20661" s="1" t="s">
        <v>73845</v>
      </c>
    </row>
    <row r="20662" spans="1:10" x14ac:dyDescent="0.35">
      <c r="A20662" s="1" t="s">
        <v>44635</v>
      </c>
      <c r="B20662" s="1" t="s">
        <v>72967</v>
      </c>
      <c r="C20662" s="1" t="s">
        <v>20</v>
      </c>
      <c r="D20662" s="1" t="s">
        <v>73846</v>
      </c>
      <c r="E20662" s="1" t="s">
        <v>73847</v>
      </c>
      <c r="F20662" s="1" t="s">
        <v>73848</v>
      </c>
      <c r="G20662" s="1" t="s">
        <v>73841</v>
      </c>
      <c r="H20662" s="1" t="s">
        <v>73842</v>
      </c>
      <c r="I20662" s="1" t="s">
        <v>72972</v>
      </c>
      <c r="J20662" s="1" t="s">
        <v>73849</v>
      </c>
    </row>
    <row r="20663" spans="1:10" x14ac:dyDescent="0.35">
      <c r="A20663" s="1" t="s">
        <v>44635</v>
      </c>
      <c r="B20663" s="1" t="s">
        <v>72967</v>
      </c>
      <c r="C20663" s="1" t="s">
        <v>25</v>
      </c>
      <c r="D20663" s="1" t="s">
        <v>38845</v>
      </c>
      <c r="E20663" s="1" t="s">
        <v>73850</v>
      </c>
      <c r="F20663" s="1" t="s">
        <v>73851</v>
      </c>
      <c r="G20663" s="1" t="s">
        <v>73841</v>
      </c>
      <c r="H20663" s="1" t="s">
        <v>73842</v>
      </c>
      <c r="I20663" s="1" t="s">
        <v>72972</v>
      </c>
      <c r="J20663" s="1" t="s">
        <v>73852</v>
      </c>
    </row>
    <row r="20664" spans="1:10" x14ac:dyDescent="0.35">
      <c r="A20664" s="1" t="s">
        <v>44635</v>
      </c>
      <c r="B20664" s="1" t="s">
        <v>72967</v>
      </c>
      <c r="C20664" s="1" t="s">
        <v>30</v>
      </c>
      <c r="D20664" s="1" t="s">
        <v>73853</v>
      </c>
      <c r="E20664" s="1" t="s">
        <v>73854</v>
      </c>
      <c r="F20664" s="1" t="s">
        <v>73855</v>
      </c>
      <c r="G20664" s="1" t="s">
        <v>73841</v>
      </c>
      <c r="H20664" s="1" t="s">
        <v>73842</v>
      </c>
      <c r="I20664" s="1" t="s">
        <v>72972</v>
      </c>
      <c r="J20664" s="1" t="s">
        <v>73856</v>
      </c>
    </row>
    <row r="20665" spans="1:10" x14ac:dyDescent="0.35">
      <c r="A20665" s="1" t="s">
        <v>44635</v>
      </c>
      <c r="B20665" s="1" t="s">
        <v>72967</v>
      </c>
      <c r="C20665" s="1" t="s">
        <v>35</v>
      </c>
      <c r="D20665" s="1" t="s">
        <v>48235</v>
      </c>
      <c r="E20665" s="1" t="s">
        <v>73857</v>
      </c>
      <c r="F20665" s="1" t="s">
        <v>73858</v>
      </c>
      <c r="G20665" s="1" t="s">
        <v>73841</v>
      </c>
      <c r="H20665" s="1" t="s">
        <v>73842</v>
      </c>
      <c r="I20665" s="1" t="s">
        <v>72972</v>
      </c>
      <c r="J20665" s="1" t="s">
        <v>73859</v>
      </c>
    </row>
    <row r="20666" spans="1:10" x14ac:dyDescent="0.35">
      <c r="A20666" s="1" t="s">
        <v>44635</v>
      </c>
      <c r="B20666" s="1" t="s">
        <v>72967</v>
      </c>
      <c r="C20666" s="1" t="s">
        <v>40</v>
      </c>
      <c r="D20666" s="1" t="s">
        <v>72888</v>
      </c>
      <c r="E20666" s="1" t="s">
        <v>73860</v>
      </c>
      <c r="F20666" s="1" t="s">
        <v>73861</v>
      </c>
      <c r="G20666" s="1" t="s">
        <v>73841</v>
      </c>
      <c r="H20666" s="1" t="s">
        <v>73842</v>
      </c>
      <c r="I20666" s="1" t="s">
        <v>72972</v>
      </c>
      <c r="J20666" s="1" t="s">
        <v>73862</v>
      </c>
    </row>
    <row r="20667" spans="1:10" x14ac:dyDescent="0.35">
      <c r="A20667" s="1" t="s">
        <v>44635</v>
      </c>
      <c r="B20667" s="1" t="s">
        <v>72967</v>
      </c>
      <c r="C20667" s="1" t="s">
        <v>45</v>
      </c>
      <c r="D20667" s="1" t="s">
        <v>73863</v>
      </c>
      <c r="E20667" s="1" t="s">
        <v>73864</v>
      </c>
      <c r="F20667" s="1" t="s">
        <v>73865</v>
      </c>
      <c r="G20667" s="1" t="s">
        <v>73841</v>
      </c>
      <c r="H20667" s="1" t="s">
        <v>73842</v>
      </c>
      <c r="I20667" s="1" t="s">
        <v>72972</v>
      </c>
      <c r="J20667" s="1" t="s">
        <v>73866</v>
      </c>
    </row>
    <row r="20668" spans="1:10" x14ac:dyDescent="0.35">
      <c r="A20668" s="1" t="s">
        <v>44635</v>
      </c>
      <c r="B20668" s="1" t="s">
        <v>72967</v>
      </c>
      <c r="C20668" s="1" t="s">
        <v>50</v>
      </c>
      <c r="D20668" s="1" t="s">
        <v>73867</v>
      </c>
      <c r="E20668" s="1" t="s">
        <v>73868</v>
      </c>
      <c r="F20668" s="1" t="s">
        <v>73869</v>
      </c>
      <c r="G20668" s="1" t="s">
        <v>73841</v>
      </c>
      <c r="H20668" s="1" t="s">
        <v>73842</v>
      </c>
      <c r="I20668" s="1" t="s">
        <v>72972</v>
      </c>
      <c r="J20668" s="1" t="s">
        <v>73870</v>
      </c>
    </row>
    <row r="20669" spans="1:10" x14ac:dyDescent="0.35">
      <c r="A20669" s="1" t="s">
        <v>44635</v>
      </c>
      <c r="B20669" s="1" t="s">
        <v>72967</v>
      </c>
      <c r="C20669" s="1" t="s">
        <v>55</v>
      </c>
      <c r="D20669" s="1" t="s">
        <v>73871</v>
      </c>
      <c r="E20669" s="1" t="s">
        <v>73872</v>
      </c>
      <c r="F20669" s="1" t="s">
        <v>73873</v>
      </c>
      <c r="G20669" s="1" t="s">
        <v>73841</v>
      </c>
      <c r="H20669" s="1" t="s">
        <v>73842</v>
      </c>
      <c r="I20669" s="1" t="s">
        <v>72972</v>
      </c>
      <c r="J20669" s="1" t="s">
        <v>73874</v>
      </c>
    </row>
    <row r="20670" spans="1:10" x14ac:dyDescent="0.35">
      <c r="A20670" s="1" t="s">
        <v>44635</v>
      </c>
      <c r="B20670" s="1" t="s">
        <v>72967</v>
      </c>
      <c r="C20670" s="1" t="s">
        <v>60</v>
      </c>
      <c r="D20670" s="1" t="s">
        <v>31588</v>
      </c>
      <c r="E20670" s="1" t="s">
        <v>73875</v>
      </c>
      <c r="F20670" s="1" t="s">
        <v>73876</v>
      </c>
      <c r="G20670" s="1" t="s">
        <v>73841</v>
      </c>
      <c r="H20670" s="1" t="s">
        <v>73842</v>
      </c>
      <c r="I20670" s="1" t="s">
        <v>72972</v>
      </c>
      <c r="J20670" s="1" t="s">
        <v>73877</v>
      </c>
    </row>
    <row r="20671" spans="1:10" x14ac:dyDescent="0.35">
      <c r="A20671" s="1" t="s">
        <v>44635</v>
      </c>
      <c r="B20671" s="1" t="s">
        <v>72967</v>
      </c>
      <c r="C20671" s="1" t="s">
        <v>65</v>
      </c>
      <c r="D20671" s="1" t="s">
        <v>44943</v>
      </c>
      <c r="E20671" s="1" t="s">
        <v>73878</v>
      </c>
      <c r="F20671" s="1" t="s">
        <v>73879</v>
      </c>
      <c r="G20671" s="1" t="s">
        <v>73841</v>
      </c>
      <c r="H20671" s="1" t="s">
        <v>73842</v>
      </c>
      <c r="I20671" s="1" t="s">
        <v>72972</v>
      </c>
      <c r="J20671" s="1" t="s">
        <v>73880</v>
      </c>
    </row>
    <row r="20672" spans="1:10" x14ac:dyDescent="0.35">
      <c r="A20672" s="1" t="s">
        <v>44635</v>
      </c>
      <c r="B20672" s="1" t="s">
        <v>72967</v>
      </c>
      <c r="C20672" s="1" t="s">
        <v>70</v>
      </c>
      <c r="D20672" s="1" t="s">
        <v>73881</v>
      </c>
      <c r="E20672" s="1" t="s">
        <v>73882</v>
      </c>
      <c r="F20672" s="1" t="s">
        <v>73883</v>
      </c>
      <c r="G20672" s="1" t="s">
        <v>73841</v>
      </c>
      <c r="H20672" s="1" t="s">
        <v>73842</v>
      </c>
      <c r="I20672" s="1" t="s">
        <v>72972</v>
      </c>
      <c r="J20672" s="1" t="s">
        <v>73884</v>
      </c>
    </row>
    <row r="20673" spans="1:10" x14ac:dyDescent="0.35">
      <c r="A20673" s="1" t="s">
        <v>44635</v>
      </c>
      <c r="B20673" s="1" t="s">
        <v>72967</v>
      </c>
      <c r="C20673" s="1" t="s">
        <v>75</v>
      </c>
      <c r="D20673" s="1" t="s">
        <v>37860</v>
      </c>
      <c r="E20673" s="1" t="s">
        <v>73885</v>
      </c>
      <c r="F20673" s="1" t="s">
        <v>73886</v>
      </c>
      <c r="G20673" s="1" t="s">
        <v>73841</v>
      </c>
      <c r="H20673" s="1" t="s">
        <v>73842</v>
      </c>
      <c r="I20673" s="1" t="s">
        <v>72972</v>
      </c>
      <c r="J20673" s="1" t="s">
        <v>73887</v>
      </c>
    </row>
    <row r="20674" spans="1:10" x14ac:dyDescent="0.35">
      <c r="A20674" s="1" t="s">
        <v>44635</v>
      </c>
      <c r="B20674" s="1" t="s">
        <v>72967</v>
      </c>
      <c r="C20674" s="1" t="s">
        <v>80</v>
      </c>
      <c r="D20674" s="1" t="s">
        <v>73888</v>
      </c>
      <c r="E20674" s="1" t="s">
        <v>73889</v>
      </c>
      <c r="F20674" s="1" t="s">
        <v>73890</v>
      </c>
      <c r="G20674" s="1" t="s">
        <v>73841</v>
      </c>
      <c r="H20674" s="1" t="s">
        <v>73842</v>
      </c>
      <c r="I20674" s="1" t="s">
        <v>72972</v>
      </c>
      <c r="J20674" s="1" t="s">
        <v>73891</v>
      </c>
    </row>
    <row r="20675" spans="1:10" x14ac:dyDescent="0.35">
      <c r="A20675" s="1" t="s">
        <v>44635</v>
      </c>
      <c r="B20675" s="1" t="s">
        <v>72967</v>
      </c>
      <c r="C20675" s="1" t="s">
        <v>85</v>
      </c>
      <c r="D20675" s="1" t="s">
        <v>31370</v>
      </c>
      <c r="E20675" s="1" t="s">
        <v>73892</v>
      </c>
      <c r="F20675" s="1" t="s">
        <v>73893</v>
      </c>
      <c r="G20675" s="1" t="s">
        <v>73841</v>
      </c>
      <c r="H20675" s="1" t="s">
        <v>73842</v>
      </c>
      <c r="I20675" s="1" t="s">
        <v>72972</v>
      </c>
      <c r="J20675" s="1" t="s">
        <v>73894</v>
      </c>
    </row>
    <row r="20676" spans="1:10" x14ac:dyDescent="0.35">
      <c r="A20676" s="1" t="s">
        <v>44635</v>
      </c>
      <c r="B20676" s="1" t="s">
        <v>72967</v>
      </c>
      <c r="C20676" s="1" t="s">
        <v>90</v>
      </c>
      <c r="D20676" s="1" t="s">
        <v>73895</v>
      </c>
      <c r="E20676" s="1" t="s">
        <v>73896</v>
      </c>
      <c r="F20676" s="1" t="s">
        <v>73897</v>
      </c>
      <c r="G20676" s="1" t="s">
        <v>73841</v>
      </c>
      <c r="H20676" s="1" t="s">
        <v>73842</v>
      </c>
      <c r="I20676" s="1" t="s">
        <v>72972</v>
      </c>
      <c r="J20676" s="1" t="s">
        <v>73898</v>
      </c>
    </row>
    <row r="20677" spans="1:10" x14ac:dyDescent="0.35">
      <c r="A20677" s="1" t="s">
        <v>44635</v>
      </c>
      <c r="B20677" s="1" t="s">
        <v>72967</v>
      </c>
      <c r="C20677" s="1" t="s">
        <v>95</v>
      </c>
      <c r="D20677" s="1" t="s">
        <v>10768</v>
      </c>
      <c r="E20677" s="1" t="s">
        <v>73899</v>
      </c>
      <c r="F20677" s="1" t="s">
        <v>73900</v>
      </c>
      <c r="G20677" s="1" t="s">
        <v>73841</v>
      </c>
      <c r="H20677" s="1" t="s">
        <v>73842</v>
      </c>
      <c r="I20677" s="1" t="s">
        <v>72972</v>
      </c>
      <c r="J20677" s="1" t="s">
        <v>73901</v>
      </c>
    </row>
    <row r="20678" spans="1:10" x14ac:dyDescent="0.35">
      <c r="A20678" s="1" t="s">
        <v>44635</v>
      </c>
      <c r="B20678" s="1" t="s">
        <v>72967</v>
      </c>
      <c r="C20678" s="1" t="s">
        <v>100</v>
      </c>
      <c r="D20678" s="1" t="s">
        <v>31851</v>
      </c>
      <c r="E20678" s="1" t="s">
        <v>73902</v>
      </c>
      <c r="F20678" s="1" t="s">
        <v>73903</v>
      </c>
      <c r="G20678" s="1" t="s">
        <v>73841</v>
      </c>
      <c r="H20678" s="1" t="s">
        <v>73842</v>
      </c>
      <c r="I20678" s="1" t="s">
        <v>72972</v>
      </c>
      <c r="J20678" s="1" t="s">
        <v>73904</v>
      </c>
    </row>
    <row r="20679" spans="1:10" x14ac:dyDescent="0.35">
      <c r="A20679" s="1" t="s">
        <v>44635</v>
      </c>
      <c r="B20679" s="1" t="s">
        <v>72967</v>
      </c>
      <c r="C20679" s="1" t="s">
        <v>105</v>
      </c>
      <c r="D20679" s="1" t="s">
        <v>73905</v>
      </c>
      <c r="E20679" s="1" t="s">
        <v>73906</v>
      </c>
      <c r="F20679" s="1" t="s">
        <v>73907</v>
      </c>
      <c r="G20679" s="1" t="s">
        <v>73841</v>
      </c>
      <c r="H20679" s="1" t="s">
        <v>73842</v>
      </c>
      <c r="I20679" s="1" t="s">
        <v>72972</v>
      </c>
      <c r="J20679" s="1" t="s">
        <v>73908</v>
      </c>
    </row>
    <row r="20680" spans="1:10" x14ac:dyDescent="0.35">
      <c r="A20680" s="1" t="s">
        <v>44635</v>
      </c>
      <c r="B20680" s="1" t="s">
        <v>72967</v>
      </c>
      <c r="C20680" s="1" t="s">
        <v>110</v>
      </c>
      <c r="D20680" s="1" t="s">
        <v>17145</v>
      </c>
      <c r="E20680" s="1" t="s">
        <v>73909</v>
      </c>
      <c r="F20680" s="1" t="s">
        <v>73910</v>
      </c>
      <c r="G20680" s="1" t="s">
        <v>73841</v>
      </c>
      <c r="H20680" s="1" t="s">
        <v>73842</v>
      </c>
      <c r="I20680" s="1" t="s">
        <v>72972</v>
      </c>
      <c r="J20680" s="1" t="s">
        <v>73911</v>
      </c>
    </row>
    <row r="20681" spans="1:10" x14ac:dyDescent="0.35">
      <c r="A20681" s="1" t="s">
        <v>44635</v>
      </c>
      <c r="B20681" s="1" t="s">
        <v>72967</v>
      </c>
      <c r="C20681" s="1" t="s">
        <v>115</v>
      </c>
      <c r="D20681" s="1" t="s">
        <v>73912</v>
      </c>
      <c r="E20681" s="1" t="s">
        <v>73913</v>
      </c>
      <c r="F20681" s="1" t="s">
        <v>73914</v>
      </c>
      <c r="G20681" s="1" t="s">
        <v>73841</v>
      </c>
      <c r="H20681" s="1" t="s">
        <v>73842</v>
      </c>
      <c r="I20681" s="1" t="s">
        <v>72972</v>
      </c>
      <c r="J20681" s="1" t="s">
        <v>73915</v>
      </c>
    </row>
    <row r="20682" spans="1:10" x14ac:dyDescent="0.35">
      <c r="A20682" s="1" t="s">
        <v>44635</v>
      </c>
      <c r="B20682" s="1" t="s">
        <v>72967</v>
      </c>
      <c r="C20682" s="1" t="s">
        <v>120</v>
      </c>
      <c r="D20682" s="1" t="s">
        <v>18490</v>
      </c>
      <c r="E20682" s="1" t="s">
        <v>73916</v>
      </c>
      <c r="F20682" s="1" t="s">
        <v>73917</v>
      </c>
      <c r="G20682" s="1" t="s">
        <v>73841</v>
      </c>
      <c r="H20682" s="1" t="s">
        <v>73842</v>
      </c>
      <c r="I20682" s="1" t="s">
        <v>72972</v>
      </c>
      <c r="J20682" s="1" t="s">
        <v>73918</v>
      </c>
    </row>
    <row r="20683" spans="1:10" x14ac:dyDescent="0.35">
      <c r="A20683" s="1" t="s">
        <v>44635</v>
      </c>
      <c r="B20683" s="1" t="s">
        <v>72967</v>
      </c>
      <c r="C20683" s="1" t="s">
        <v>125</v>
      </c>
      <c r="D20683" s="1" t="s">
        <v>73789</v>
      </c>
      <c r="E20683" s="1" t="s">
        <v>73919</v>
      </c>
      <c r="F20683" s="1" t="s">
        <v>73920</v>
      </c>
      <c r="G20683" s="1" t="s">
        <v>73841</v>
      </c>
      <c r="H20683" s="1" t="s">
        <v>73842</v>
      </c>
      <c r="I20683" s="1" t="s">
        <v>72972</v>
      </c>
      <c r="J20683" s="1" t="s">
        <v>73921</v>
      </c>
    </row>
    <row r="20684" spans="1:10" x14ac:dyDescent="0.35">
      <c r="A20684" s="1" t="s">
        <v>44635</v>
      </c>
      <c r="B20684" s="1" t="s">
        <v>72967</v>
      </c>
      <c r="C20684" s="1" t="s">
        <v>130</v>
      </c>
      <c r="D20684" s="1" t="s">
        <v>73922</v>
      </c>
      <c r="E20684" s="1" t="s">
        <v>73923</v>
      </c>
      <c r="F20684" s="1" t="s">
        <v>73924</v>
      </c>
      <c r="G20684" s="1" t="s">
        <v>73841</v>
      </c>
      <c r="H20684" s="1" t="s">
        <v>73842</v>
      </c>
      <c r="I20684" s="1" t="s">
        <v>72972</v>
      </c>
      <c r="J20684" s="1" t="s">
        <v>73925</v>
      </c>
    </row>
    <row r="20685" spans="1:10" x14ac:dyDescent="0.35">
      <c r="A20685" s="1" t="s">
        <v>44635</v>
      </c>
      <c r="B20685" s="1" t="s">
        <v>72967</v>
      </c>
      <c r="C20685" s="1" t="s">
        <v>135</v>
      </c>
      <c r="D20685" s="1" t="s">
        <v>18443</v>
      </c>
      <c r="E20685" s="1" t="s">
        <v>73926</v>
      </c>
      <c r="F20685" s="1" t="s">
        <v>73927</v>
      </c>
      <c r="G20685" s="1" t="s">
        <v>73841</v>
      </c>
      <c r="H20685" s="1" t="s">
        <v>73842</v>
      </c>
      <c r="I20685" s="1" t="s">
        <v>72972</v>
      </c>
      <c r="J20685" s="1" t="s">
        <v>73928</v>
      </c>
    </row>
    <row r="20686" spans="1:10" x14ac:dyDescent="0.35">
      <c r="A20686" s="1" t="s">
        <v>44635</v>
      </c>
      <c r="B20686" s="1" t="s">
        <v>72967</v>
      </c>
      <c r="C20686" s="1" t="s">
        <v>140</v>
      </c>
      <c r="D20686" s="1" t="s">
        <v>47377</v>
      </c>
      <c r="E20686" s="1" t="s">
        <v>73929</v>
      </c>
      <c r="F20686" s="1" t="s">
        <v>73930</v>
      </c>
      <c r="G20686" s="1" t="s">
        <v>73841</v>
      </c>
      <c r="H20686" s="1" t="s">
        <v>73842</v>
      </c>
      <c r="I20686" s="1" t="s">
        <v>72972</v>
      </c>
      <c r="J20686" s="1" t="s">
        <v>73931</v>
      </c>
    </row>
    <row r="20687" spans="1:10" x14ac:dyDescent="0.35">
      <c r="A20687" s="1" t="s">
        <v>44635</v>
      </c>
      <c r="B20687" s="1" t="s">
        <v>72967</v>
      </c>
      <c r="C20687" s="1" t="s">
        <v>145</v>
      </c>
      <c r="D20687" s="1" t="s">
        <v>73932</v>
      </c>
      <c r="E20687" s="1" t="s">
        <v>73933</v>
      </c>
      <c r="F20687" s="1" t="s">
        <v>73934</v>
      </c>
      <c r="G20687" s="1" t="s">
        <v>73841</v>
      </c>
      <c r="H20687" s="1" t="s">
        <v>73842</v>
      </c>
      <c r="I20687" s="1" t="s">
        <v>72972</v>
      </c>
      <c r="J20687" s="1" t="s">
        <v>73935</v>
      </c>
    </row>
    <row r="20688" spans="1:10" x14ac:dyDescent="0.35">
      <c r="A20688" s="1" t="s">
        <v>44635</v>
      </c>
      <c r="B20688" s="1" t="s">
        <v>72967</v>
      </c>
      <c r="C20688" s="1" t="s">
        <v>150</v>
      </c>
      <c r="D20688" s="1" t="s">
        <v>73936</v>
      </c>
      <c r="E20688" s="1" t="s">
        <v>73937</v>
      </c>
      <c r="F20688" s="1" t="s">
        <v>73938</v>
      </c>
      <c r="G20688" s="1" t="s">
        <v>73841</v>
      </c>
      <c r="H20688" s="1" t="s">
        <v>73842</v>
      </c>
      <c r="I20688" s="1" t="s">
        <v>72972</v>
      </c>
      <c r="J20688" s="1" t="s">
        <v>73939</v>
      </c>
    </row>
    <row r="20689" spans="1:10" x14ac:dyDescent="0.35">
      <c r="A20689" s="1" t="s">
        <v>44635</v>
      </c>
      <c r="B20689" s="1" t="s">
        <v>72967</v>
      </c>
      <c r="C20689" s="1" t="s">
        <v>155</v>
      </c>
      <c r="D20689" s="1" t="s">
        <v>73940</v>
      </c>
      <c r="E20689" s="1" t="s">
        <v>73941</v>
      </c>
      <c r="F20689" s="1" t="s">
        <v>73942</v>
      </c>
      <c r="G20689" s="1" t="s">
        <v>73841</v>
      </c>
      <c r="H20689" s="1" t="s">
        <v>73842</v>
      </c>
      <c r="I20689" s="1" t="s">
        <v>72972</v>
      </c>
      <c r="J20689" s="1" t="s">
        <v>73943</v>
      </c>
    </row>
    <row r="20690" spans="1:10" x14ac:dyDescent="0.35">
      <c r="A20690" s="1" t="s">
        <v>44635</v>
      </c>
      <c r="B20690" s="1" t="s">
        <v>72967</v>
      </c>
      <c r="C20690" s="1" t="s">
        <v>160</v>
      </c>
      <c r="D20690" s="1" t="s">
        <v>48470</v>
      </c>
      <c r="E20690" s="1" t="s">
        <v>73944</v>
      </c>
      <c r="F20690" s="1" t="s">
        <v>73945</v>
      </c>
      <c r="G20690" s="1" t="s">
        <v>73841</v>
      </c>
      <c r="H20690" s="1" t="s">
        <v>73842</v>
      </c>
      <c r="I20690" s="1" t="s">
        <v>72972</v>
      </c>
      <c r="J20690" s="1" t="s">
        <v>73946</v>
      </c>
    </row>
    <row r="20691" spans="1:10" x14ac:dyDescent="0.35">
      <c r="A20691" s="1" t="s">
        <v>44635</v>
      </c>
      <c r="B20691" s="1" t="s">
        <v>72967</v>
      </c>
      <c r="C20691" s="1" t="s">
        <v>165</v>
      </c>
      <c r="D20691" s="1" t="s">
        <v>45920</v>
      </c>
      <c r="E20691" s="1" t="s">
        <v>73947</v>
      </c>
      <c r="F20691" s="1" t="s">
        <v>73948</v>
      </c>
      <c r="G20691" s="1" t="s">
        <v>73841</v>
      </c>
      <c r="H20691" s="1" t="s">
        <v>73842</v>
      </c>
      <c r="I20691" s="1" t="s">
        <v>72972</v>
      </c>
      <c r="J20691" s="1" t="s">
        <v>73949</v>
      </c>
    </row>
    <row r="20692" spans="1:10" x14ac:dyDescent="0.35">
      <c r="A20692" s="1" t="s">
        <v>44635</v>
      </c>
      <c r="B20692" s="1" t="s">
        <v>72967</v>
      </c>
      <c r="C20692" s="1" t="s">
        <v>170</v>
      </c>
      <c r="D20692" s="1" t="s">
        <v>18263</v>
      </c>
      <c r="E20692" s="1" t="s">
        <v>73950</v>
      </c>
      <c r="F20692" s="1" t="s">
        <v>73951</v>
      </c>
      <c r="G20692" s="1" t="s">
        <v>73841</v>
      </c>
      <c r="H20692" s="1" t="s">
        <v>73842</v>
      </c>
      <c r="I20692" s="1" t="s">
        <v>72972</v>
      </c>
      <c r="J20692" s="1" t="s">
        <v>73952</v>
      </c>
    </row>
    <row r="20693" spans="1:10" x14ac:dyDescent="0.35">
      <c r="A20693" s="1" t="s">
        <v>73953</v>
      </c>
      <c r="B20693" s="1" t="s">
        <v>72967</v>
      </c>
      <c r="C20693" s="1" t="s">
        <v>8</v>
      </c>
      <c r="D20693" s="1" t="s">
        <v>73954</v>
      </c>
      <c r="E20693" s="1" t="s">
        <v>73955</v>
      </c>
      <c r="F20693" s="1" t="s">
        <v>73956</v>
      </c>
      <c r="G20693" s="1" t="s">
        <v>73957</v>
      </c>
      <c r="H20693" s="1" t="s">
        <v>73958</v>
      </c>
      <c r="I20693" s="1" t="s">
        <v>72972</v>
      </c>
      <c r="J20693" s="1" t="s">
        <v>13</v>
      </c>
    </row>
    <row r="20694" spans="1:10" x14ac:dyDescent="0.35">
      <c r="A20694" s="1" t="s">
        <v>73953</v>
      </c>
      <c r="B20694" s="1" t="s">
        <v>72967</v>
      </c>
      <c r="C20694" s="1" t="s">
        <v>15</v>
      </c>
      <c r="D20694" s="1" t="s">
        <v>37395</v>
      </c>
      <c r="E20694" s="1" t="s">
        <v>73959</v>
      </c>
      <c r="F20694" s="1" t="s">
        <v>73960</v>
      </c>
      <c r="G20694" s="1" t="s">
        <v>73957</v>
      </c>
      <c r="H20694" s="1" t="s">
        <v>73958</v>
      </c>
      <c r="I20694" s="1" t="s">
        <v>72972</v>
      </c>
      <c r="J20694" s="1" t="s">
        <v>73961</v>
      </c>
    </row>
    <row r="20695" spans="1:10" x14ac:dyDescent="0.35">
      <c r="A20695" s="1" t="s">
        <v>73953</v>
      </c>
      <c r="B20695" s="1" t="s">
        <v>72967</v>
      </c>
      <c r="C20695" s="1" t="s">
        <v>20</v>
      </c>
      <c r="D20695" s="1" t="s">
        <v>73962</v>
      </c>
      <c r="E20695" s="1" t="s">
        <v>73963</v>
      </c>
      <c r="F20695" s="1" t="s">
        <v>73964</v>
      </c>
      <c r="G20695" s="1" t="s">
        <v>73957</v>
      </c>
      <c r="H20695" s="1" t="s">
        <v>73958</v>
      </c>
      <c r="I20695" s="1" t="s">
        <v>72972</v>
      </c>
      <c r="J20695" s="1" t="s">
        <v>73965</v>
      </c>
    </row>
    <row r="20696" spans="1:10" x14ac:dyDescent="0.35">
      <c r="A20696" s="1" t="s">
        <v>73953</v>
      </c>
      <c r="B20696" s="1" t="s">
        <v>72967</v>
      </c>
      <c r="C20696" s="1" t="s">
        <v>25</v>
      </c>
      <c r="D20696" s="1" t="s">
        <v>37388</v>
      </c>
      <c r="E20696" s="1" t="s">
        <v>73966</v>
      </c>
      <c r="F20696" s="1" t="s">
        <v>73967</v>
      </c>
      <c r="G20696" s="1" t="s">
        <v>73957</v>
      </c>
      <c r="H20696" s="1" t="s">
        <v>73958</v>
      </c>
      <c r="I20696" s="1" t="s">
        <v>72972</v>
      </c>
      <c r="J20696" s="1" t="s">
        <v>73968</v>
      </c>
    </row>
    <row r="20697" spans="1:10" x14ac:dyDescent="0.35">
      <c r="A20697" s="1" t="s">
        <v>73953</v>
      </c>
      <c r="B20697" s="1" t="s">
        <v>72967</v>
      </c>
      <c r="C20697" s="1" t="s">
        <v>30</v>
      </c>
      <c r="D20697" s="1" t="s">
        <v>73969</v>
      </c>
      <c r="E20697" s="1" t="s">
        <v>73970</v>
      </c>
      <c r="F20697" s="1" t="s">
        <v>73971</v>
      </c>
      <c r="G20697" s="1" t="s">
        <v>73957</v>
      </c>
      <c r="H20697" s="1" t="s">
        <v>73958</v>
      </c>
      <c r="I20697" s="1" t="s">
        <v>72972</v>
      </c>
      <c r="J20697" s="1" t="s">
        <v>73972</v>
      </c>
    </row>
    <row r="20698" spans="1:10" x14ac:dyDescent="0.35">
      <c r="A20698" s="1" t="s">
        <v>73953</v>
      </c>
      <c r="B20698" s="1" t="s">
        <v>72967</v>
      </c>
      <c r="C20698" s="1" t="s">
        <v>35</v>
      </c>
      <c r="D20698" s="1" t="s">
        <v>73973</v>
      </c>
      <c r="E20698" s="1" t="s">
        <v>73974</v>
      </c>
      <c r="F20698" s="1" t="s">
        <v>73975</v>
      </c>
      <c r="G20698" s="1" t="s">
        <v>73957</v>
      </c>
      <c r="H20698" s="1" t="s">
        <v>73958</v>
      </c>
      <c r="I20698" s="1" t="s">
        <v>72972</v>
      </c>
      <c r="J20698" s="1" t="s">
        <v>73976</v>
      </c>
    </row>
    <row r="20699" spans="1:10" x14ac:dyDescent="0.35">
      <c r="A20699" s="1" t="s">
        <v>73953</v>
      </c>
      <c r="B20699" s="1" t="s">
        <v>72967</v>
      </c>
      <c r="C20699" s="1" t="s">
        <v>40</v>
      </c>
      <c r="D20699" s="1" t="s">
        <v>14813</v>
      </c>
      <c r="E20699" s="1" t="s">
        <v>73977</v>
      </c>
      <c r="F20699" s="1" t="s">
        <v>73978</v>
      </c>
      <c r="G20699" s="1" t="s">
        <v>73957</v>
      </c>
      <c r="H20699" s="1" t="s">
        <v>73958</v>
      </c>
      <c r="I20699" s="1" t="s">
        <v>72972</v>
      </c>
      <c r="J20699" s="1" t="s">
        <v>73979</v>
      </c>
    </row>
    <row r="20700" spans="1:10" x14ac:dyDescent="0.35">
      <c r="A20700" s="1" t="s">
        <v>73953</v>
      </c>
      <c r="B20700" s="1" t="s">
        <v>72967</v>
      </c>
      <c r="C20700" s="1" t="s">
        <v>45</v>
      </c>
      <c r="D20700" s="1" t="s">
        <v>31269</v>
      </c>
      <c r="E20700" s="1" t="s">
        <v>73980</v>
      </c>
      <c r="F20700" s="1" t="s">
        <v>73981</v>
      </c>
      <c r="G20700" s="1" t="s">
        <v>73957</v>
      </c>
      <c r="H20700" s="1" t="s">
        <v>73958</v>
      </c>
      <c r="I20700" s="1" t="s">
        <v>72972</v>
      </c>
      <c r="J20700" s="1" t="s">
        <v>73982</v>
      </c>
    </row>
    <row r="20701" spans="1:10" x14ac:dyDescent="0.35">
      <c r="A20701" s="1" t="s">
        <v>73953</v>
      </c>
      <c r="B20701" s="1" t="s">
        <v>72967</v>
      </c>
      <c r="C20701" s="1" t="s">
        <v>50</v>
      </c>
      <c r="D20701" s="1" t="s">
        <v>24828</v>
      </c>
      <c r="E20701" s="1" t="s">
        <v>73983</v>
      </c>
      <c r="F20701" s="1" t="s">
        <v>73984</v>
      </c>
      <c r="G20701" s="1" t="s">
        <v>73957</v>
      </c>
      <c r="H20701" s="1" t="s">
        <v>73958</v>
      </c>
      <c r="I20701" s="1" t="s">
        <v>72972</v>
      </c>
      <c r="J20701" s="1" t="s">
        <v>73985</v>
      </c>
    </row>
    <row r="20702" spans="1:10" x14ac:dyDescent="0.35">
      <c r="A20702" s="1" t="s">
        <v>73953</v>
      </c>
      <c r="B20702" s="1" t="s">
        <v>72967</v>
      </c>
      <c r="C20702" s="1" t="s">
        <v>55</v>
      </c>
      <c r="D20702" s="1" t="s">
        <v>72061</v>
      </c>
      <c r="E20702" s="1" t="s">
        <v>73986</v>
      </c>
      <c r="F20702" s="1" t="s">
        <v>73987</v>
      </c>
      <c r="G20702" s="1" t="s">
        <v>73957</v>
      </c>
      <c r="H20702" s="1" t="s">
        <v>73958</v>
      </c>
      <c r="I20702" s="1" t="s">
        <v>72972</v>
      </c>
      <c r="J20702" s="1" t="s">
        <v>73988</v>
      </c>
    </row>
    <row r="20703" spans="1:10" x14ac:dyDescent="0.35">
      <c r="A20703" s="1" t="s">
        <v>73953</v>
      </c>
      <c r="B20703" s="1" t="s">
        <v>72967</v>
      </c>
      <c r="C20703" s="1" t="s">
        <v>60</v>
      </c>
      <c r="D20703" s="1" t="s">
        <v>44939</v>
      </c>
      <c r="E20703" s="1" t="s">
        <v>73989</v>
      </c>
      <c r="F20703" s="1" t="s">
        <v>73990</v>
      </c>
      <c r="G20703" s="1" t="s">
        <v>73957</v>
      </c>
      <c r="H20703" s="1" t="s">
        <v>73958</v>
      </c>
      <c r="I20703" s="1" t="s">
        <v>72972</v>
      </c>
      <c r="J20703" s="1" t="s">
        <v>73991</v>
      </c>
    </row>
    <row r="20704" spans="1:10" x14ac:dyDescent="0.35">
      <c r="A20704" s="1" t="s">
        <v>73953</v>
      </c>
      <c r="B20704" s="1" t="s">
        <v>72967</v>
      </c>
      <c r="C20704" s="1" t="s">
        <v>65</v>
      </c>
      <c r="D20704" s="1" t="s">
        <v>43918</v>
      </c>
      <c r="E20704" s="1" t="s">
        <v>73992</v>
      </c>
      <c r="F20704" s="1" t="s">
        <v>73993</v>
      </c>
      <c r="G20704" s="1" t="s">
        <v>73957</v>
      </c>
      <c r="H20704" s="1" t="s">
        <v>73958</v>
      </c>
      <c r="I20704" s="1" t="s">
        <v>72972</v>
      </c>
      <c r="J20704" s="1" t="s">
        <v>73994</v>
      </c>
    </row>
    <row r="20705" spans="1:10" x14ac:dyDescent="0.35">
      <c r="A20705" s="1" t="s">
        <v>73953</v>
      </c>
      <c r="B20705" s="1" t="s">
        <v>72967</v>
      </c>
      <c r="C20705" s="1" t="s">
        <v>70</v>
      </c>
      <c r="D20705" s="1" t="s">
        <v>73995</v>
      </c>
      <c r="E20705" s="1" t="s">
        <v>73996</v>
      </c>
      <c r="F20705" s="1" t="s">
        <v>73997</v>
      </c>
      <c r="G20705" s="1" t="s">
        <v>73957</v>
      </c>
      <c r="H20705" s="1" t="s">
        <v>73958</v>
      </c>
      <c r="I20705" s="1" t="s">
        <v>72972</v>
      </c>
      <c r="J20705" s="1" t="s">
        <v>73998</v>
      </c>
    </row>
    <row r="20706" spans="1:10" x14ac:dyDescent="0.35">
      <c r="A20706" s="1" t="s">
        <v>73953</v>
      </c>
      <c r="B20706" s="1" t="s">
        <v>72967</v>
      </c>
      <c r="C20706" s="1" t="s">
        <v>75</v>
      </c>
      <c r="D20706" s="1" t="s">
        <v>73999</v>
      </c>
      <c r="E20706" s="1" t="s">
        <v>74000</v>
      </c>
      <c r="F20706" s="1" t="s">
        <v>74001</v>
      </c>
      <c r="G20706" s="1" t="s">
        <v>73957</v>
      </c>
      <c r="H20706" s="1" t="s">
        <v>73958</v>
      </c>
      <c r="I20706" s="1" t="s">
        <v>72972</v>
      </c>
      <c r="J20706" s="1" t="s">
        <v>74002</v>
      </c>
    </row>
    <row r="20707" spans="1:10" x14ac:dyDescent="0.35">
      <c r="A20707" s="1" t="s">
        <v>73953</v>
      </c>
      <c r="B20707" s="1" t="s">
        <v>72967</v>
      </c>
      <c r="C20707" s="1" t="s">
        <v>80</v>
      </c>
      <c r="D20707" s="1" t="s">
        <v>43143</v>
      </c>
      <c r="E20707" s="1" t="s">
        <v>74003</v>
      </c>
      <c r="F20707" s="1" t="s">
        <v>74004</v>
      </c>
      <c r="G20707" s="1" t="s">
        <v>73957</v>
      </c>
      <c r="H20707" s="1" t="s">
        <v>73958</v>
      </c>
      <c r="I20707" s="1" t="s">
        <v>72972</v>
      </c>
      <c r="J20707" s="1" t="s">
        <v>74005</v>
      </c>
    </row>
    <row r="20708" spans="1:10" x14ac:dyDescent="0.35">
      <c r="A20708" s="1" t="s">
        <v>73953</v>
      </c>
      <c r="B20708" s="1" t="s">
        <v>72967</v>
      </c>
      <c r="C20708" s="1" t="s">
        <v>85</v>
      </c>
      <c r="D20708" s="1" t="s">
        <v>32579</v>
      </c>
      <c r="E20708" s="1" t="s">
        <v>74006</v>
      </c>
      <c r="F20708" s="1" t="s">
        <v>74007</v>
      </c>
      <c r="G20708" s="1" t="s">
        <v>73957</v>
      </c>
      <c r="H20708" s="1" t="s">
        <v>73958</v>
      </c>
      <c r="I20708" s="1" t="s">
        <v>72972</v>
      </c>
      <c r="J20708" s="1" t="s">
        <v>74008</v>
      </c>
    </row>
    <row r="20709" spans="1:10" x14ac:dyDescent="0.35">
      <c r="A20709" s="1" t="s">
        <v>73953</v>
      </c>
      <c r="B20709" s="1" t="s">
        <v>72967</v>
      </c>
      <c r="C20709" s="1" t="s">
        <v>90</v>
      </c>
      <c r="D20709" s="1" t="s">
        <v>74009</v>
      </c>
      <c r="E20709" s="1" t="s">
        <v>74010</v>
      </c>
      <c r="F20709" s="1" t="s">
        <v>74011</v>
      </c>
      <c r="G20709" s="1" t="s">
        <v>73957</v>
      </c>
      <c r="H20709" s="1" t="s">
        <v>73958</v>
      </c>
      <c r="I20709" s="1" t="s">
        <v>72972</v>
      </c>
      <c r="J20709" s="1" t="s">
        <v>74012</v>
      </c>
    </row>
    <row r="20710" spans="1:10" x14ac:dyDescent="0.35">
      <c r="A20710" s="1" t="s">
        <v>73953</v>
      </c>
      <c r="B20710" s="1" t="s">
        <v>72967</v>
      </c>
      <c r="C20710" s="1" t="s">
        <v>95</v>
      </c>
      <c r="D20710" s="1" t="s">
        <v>32205</v>
      </c>
      <c r="E20710" s="1" t="s">
        <v>74013</v>
      </c>
      <c r="F20710" s="1" t="s">
        <v>74014</v>
      </c>
      <c r="G20710" s="1" t="s">
        <v>73957</v>
      </c>
      <c r="H20710" s="1" t="s">
        <v>73958</v>
      </c>
      <c r="I20710" s="1" t="s">
        <v>72972</v>
      </c>
      <c r="J20710" s="1" t="s">
        <v>74015</v>
      </c>
    </row>
    <row r="20711" spans="1:10" x14ac:dyDescent="0.35">
      <c r="A20711" s="1" t="s">
        <v>73953</v>
      </c>
      <c r="B20711" s="1" t="s">
        <v>72967</v>
      </c>
      <c r="C20711" s="1" t="s">
        <v>100</v>
      </c>
      <c r="D20711" s="1" t="s">
        <v>19576</v>
      </c>
      <c r="E20711" s="1" t="s">
        <v>74016</v>
      </c>
      <c r="F20711" s="1" t="s">
        <v>74017</v>
      </c>
      <c r="G20711" s="1" t="s">
        <v>73957</v>
      </c>
      <c r="H20711" s="1" t="s">
        <v>73958</v>
      </c>
      <c r="I20711" s="1" t="s">
        <v>72972</v>
      </c>
      <c r="J20711" s="1" t="s">
        <v>14824</v>
      </c>
    </row>
    <row r="20712" spans="1:10" x14ac:dyDescent="0.35">
      <c r="A20712" s="1" t="s">
        <v>73953</v>
      </c>
      <c r="B20712" s="1" t="s">
        <v>72967</v>
      </c>
      <c r="C20712" s="1" t="s">
        <v>105</v>
      </c>
      <c r="D20712" s="1" t="s">
        <v>32132</v>
      </c>
      <c r="E20712" s="1" t="s">
        <v>74018</v>
      </c>
      <c r="F20712" s="1" t="s">
        <v>74019</v>
      </c>
      <c r="G20712" s="1" t="s">
        <v>73957</v>
      </c>
      <c r="H20712" s="1" t="s">
        <v>73958</v>
      </c>
      <c r="I20712" s="1" t="s">
        <v>72972</v>
      </c>
      <c r="J20712" s="1" t="s">
        <v>74020</v>
      </c>
    </row>
    <row r="20713" spans="1:10" x14ac:dyDescent="0.35">
      <c r="A20713" s="1" t="s">
        <v>73953</v>
      </c>
      <c r="B20713" s="1" t="s">
        <v>72967</v>
      </c>
      <c r="C20713" s="1" t="s">
        <v>110</v>
      </c>
      <c r="D20713" s="1" t="s">
        <v>74021</v>
      </c>
      <c r="E20713" s="1" t="s">
        <v>2246</v>
      </c>
      <c r="F20713" s="1" t="s">
        <v>74022</v>
      </c>
      <c r="G20713" s="1" t="s">
        <v>73957</v>
      </c>
      <c r="H20713" s="1" t="s">
        <v>73958</v>
      </c>
      <c r="I20713" s="1" t="s">
        <v>72972</v>
      </c>
      <c r="J20713" s="1" t="s">
        <v>74023</v>
      </c>
    </row>
    <row r="20714" spans="1:10" x14ac:dyDescent="0.35">
      <c r="A20714" s="1" t="s">
        <v>73953</v>
      </c>
      <c r="B20714" s="1" t="s">
        <v>72967</v>
      </c>
      <c r="C20714" s="1" t="s">
        <v>115</v>
      </c>
      <c r="D20714" s="1" t="s">
        <v>74024</v>
      </c>
      <c r="E20714" s="1" t="s">
        <v>74025</v>
      </c>
      <c r="F20714" s="1" t="s">
        <v>74026</v>
      </c>
      <c r="G20714" s="1" t="s">
        <v>73957</v>
      </c>
      <c r="H20714" s="1" t="s">
        <v>73958</v>
      </c>
      <c r="I20714" s="1" t="s">
        <v>72972</v>
      </c>
      <c r="J20714" s="1" t="s">
        <v>74027</v>
      </c>
    </row>
    <row r="20715" spans="1:10" x14ac:dyDescent="0.35">
      <c r="A20715" s="1" t="s">
        <v>73953</v>
      </c>
      <c r="B20715" s="1" t="s">
        <v>72967</v>
      </c>
      <c r="C20715" s="1" t="s">
        <v>120</v>
      </c>
      <c r="D20715" s="1" t="s">
        <v>33473</v>
      </c>
      <c r="E20715" s="1" t="s">
        <v>74028</v>
      </c>
      <c r="F20715" s="1" t="s">
        <v>74029</v>
      </c>
      <c r="G20715" s="1" t="s">
        <v>73957</v>
      </c>
      <c r="H20715" s="1" t="s">
        <v>73958</v>
      </c>
      <c r="I20715" s="1" t="s">
        <v>72972</v>
      </c>
      <c r="J20715" s="1" t="s">
        <v>74030</v>
      </c>
    </row>
    <row r="20716" spans="1:10" x14ac:dyDescent="0.35">
      <c r="A20716" s="1" t="s">
        <v>73953</v>
      </c>
      <c r="B20716" s="1" t="s">
        <v>72967</v>
      </c>
      <c r="C20716" s="1" t="s">
        <v>125</v>
      </c>
      <c r="D20716" s="1" t="s">
        <v>19826</v>
      </c>
      <c r="E20716" s="1" t="s">
        <v>74031</v>
      </c>
      <c r="F20716" s="1" t="s">
        <v>74032</v>
      </c>
      <c r="G20716" s="1" t="s">
        <v>73957</v>
      </c>
      <c r="H20716" s="1" t="s">
        <v>73958</v>
      </c>
      <c r="I20716" s="1" t="s">
        <v>72972</v>
      </c>
      <c r="J20716" s="1" t="s">
        <v>74033</v>
      </c>
    </row>
    <row r="20717" spans="1:10" x14ac:dyDescent="0.35">
      <c r="A20717" s="1" t="s">
        <v>73953</v>
      </c>
      <c r="B20717" s="1" t="s">
        <v>72967</v>
      </c>
      <c r="C20717" s="1" t="s">
        <v>130</v>
      </c>
      <c r="D20717" s="1" t="s">
        <v>24843</v>
      </c>
      <c r="E20717" s="1" t="s">
        <v>74034</v>
      </c>
      <c r="F20717" s="1" t="s">
        <v>74035</v>
      </c>
      <c r="G20717" s="1" t="s">
        <v>73957</v>
      </c>
      <c r="H20717" s="1" t="s">
        <v>73958</v>
      </c>
      <c r="I20717" s="1" t="s">
        <v>72972</v>
      </c>
      <c r="J20717" s="1" t="s">
        <v>74036</v>
      </c>
    </row>
    <row r="20718" spans="1:10" x14ac:dyDescent="0.35">
      <c r="A20718" s="1" t="s">
        <v>73953</v>
      </c>
      <c r="B20718" s="1" t="s">
        <v>72967</v>
      </c>
      <c r="C20718" s="1" t="s">
        <v>135</v>
      </c>
      <c r="D20718" s="1" t="s">
        <v>74037</v>
      </c>
      <c r="E20718" s="1" t="s">
        <v>74038</v>
      </c>
      <c r="F20718" s="1" t="s">
        <v>74039</v>
      </c>
      <c r="G20718" s="1" t="s">
        <v>73957</v>
      </c>
      <c r="H20718" s="1" t="s">
        <v>73958</v>
      </c>
      <c r="I20718" s="1" t="s">
        <v>72972</v>
      </c>
      <c r="J20718" s="1" t="s">
        <v>74040</v>
      </c>
    </row>
    <row r="20719" spans="1:10" x14ac:dyDescent="0.35">
      <c r="A20719" s="1" t="s">
        <v>73953</v>
      </c>
      <c r="B20719" s="1" t="s">
        <v>72967</v>
      </c>
      <c r="C20719" s="1" t="s">
        <v>140</v>
      </c>
      <c r="D20719" s="1" t="s">
        <v>74041</v>
      </c>
      <c r="E20719" s="1" t="s">
        <v>74042</v>
      </c>
      <c r="F20719" s="1" t="s">
        <v>74043</v>
      </c>
      <c r="G20719" s="1" t="s">
        <v>73957</v>
      </c>
      <c r="H20719" s="1" t="s">
        <v>73958</v>
      </c>
      <c r="I20719" s="1" t="s">
        <v>72972</v>
      </c>
      <c r="J20719" s="1" t="s">
        <v>74044</v>
      </c>
    </row>
    <row r="20720" spans="1:10" x14ac:dyDescent="0.35">
      <c r="A20720" s="1" t="s">
        <v>73953</v>
      </c>
      <c r="B20720" s="1" t="s">
        <v>72967</v>
      </c>
      <c r="C20720" s="1" t="s">
        <v>145</v>
      </c>
      <c r="D20720" s="1" t="s">
        <v>74045</v>
      </c>
      <c r="E20720" s="1" t="s">
        <v>74046</v>
      </c>
      <c r="F20720" s="1" t="s">
        <v>74047</v>
      </c>
      <c r="G20720" s="1" t="s">
        <v>73957</v>
      </c>
      <c r="H20720" s="1" t="s">
        <v>73958</v>
      </c>
      <c r="I20720" s="1" t="s">
        <v>72972</v>
      </c>
      <c r="J20720" s="1" t="s">
        <v>74048</v>
      </c>
    </row>
    <row r="20721" spans="1:10" x14ac:dyDescent="0.35">
      <c r="A20721" s="1" t="s">
        <v>73953</v>
      </c>
      <c r="B20721" s="1" t="s">
        <v>72967</v>
      </c>
      <c r="C20721" s="1" t="s">
        <v>150</v>
      </c>
      <c r="D20721" s="1" t="s">
        <v>74049</v>
      </c>
      <c r="E20721" s="1" t="s">
        <v>74050</v>
      </c>
      <c r="F20721" s="1" t="s">
        <v>74051</v>
      </c>
      <c r="G20721" s="1" t="s">
        <v>73957</v>
      </c>
      <c r="H20721" s="1" t="s">
        <v>73958</v>
      </c>
      <c r="I20721" s="1" t="s">
        <v>72972</v>
      </c>
      <c r="J20721" s="1" t="s">
        <v>74052</v>
      </c>
    </row>
    <row r="20722" spans="1:10" x14ac:dyDescent="0.35">
      <c r="A20722" s="1" t="s">
        <v>73953</v>
      </c>
      <c r="B20722" s="1" t="s">
        <v>72967</v>
      </c>
      <c r="C20722" s="1" t="s">
        <v>155</v>
      </c>
      <c r="D20722" s="1" t="s">
        <v>74053</v>
      </c>
      <c r="E20722" s="1" t="s">
        <v>74054</v>
      </c>
      <c r="F20722" s="1" t="s">
        <v>74055</v>
      </c>
      <c r="G20722" s="1" t="s">
        <v>73957</v>
      </c>
      <c r="H20722" s="1" t="s">
        <v>73958</v>
      </c>
      <c r="I20722" s="1" t="s">
        <v>72972</v>
      </c>
      <c r="J20722" s="1" t="s">
        <v>74056</v>
      </c>
    </row>
    <row r="20723" spans="1:10" x14ac:dyDescent="0.35">
      <c r="A20723" s="1" t="s">
        <v>73953</v>
      </c>
      <c r="B20723" s="1" t="s">
        <v>72967</v>
      </c>
      <c r="C20723" s="1" t="s">
        <v>160</v>
      </c>
      <c r="D20723" s="1" t="s">
        <v>31448</v>
      </c>
      <c r="E20723" s="1" t="s">
        <v>74057</v>
      </c>
      <c r="F20723" s="1" t="s">
        <v>74058</v>
      </c>
      <c r="G20723" s="1" t="s">
        <v>73957</v>
      </c>
      <c r="H20723" s="1" t="s">
        <v>73958</v>
      </c>
      <c r="I20723" s="1" t="s">
        <v>72972</v>
      </c>
      <c r="J20723" s="1" t="s">
        <v>74059</v>
      </c>
    </row>
    <row r="20724" spans="1:10" x14ac:dyDescent="0.35">
      <c r="A20724" s="1" t="s">
        <v>73953</v>
      </c>
      <c r="B20724" s="1" t="s">
        <v>72967</v>
      </c>
      <c r="C20724" s="1" t="s">
        <v>165</v>
      </c>
      <c r="D20724" s="1" t="s">
        <v>74060</v>
      </c>
      <c r="E20724" s="1" t="s">
        <v>74061</v>
      </c>
      <c r="F20724" s="1" t="s">
        <v>74062</v>
      </c>
      <c r="G20724" s="1" t="s">
        <v>73957</v>
      </c>
      <c r="H20724" s="1" t="s">
        <v>73958</v>
      </c>
      <c r="I20724" s="1" t="s">
        <v>72972</v>
      </c>
      <c r="J20724" s="1" t="s">
        <v>74063</v>
      </c>
    </row>
    <row r="20725" spans="1:10" x14ac:dyDescent="0.35">
      <c r="A20725" s="1" t="s">
        <v>73953</v>
      </c>
      <c r="B20725" s="1" t="s">
        <v>72967</v>
      </c>
      <c r="C20725" s="1" t="s">
        <v>170</v>
      </c>
      <c r="D20725" s="1" t="s">
        <v>74064</v>
      </c>
      <c r="E20725" s="1" t="s">
        <v>74065</v>
      </c>
      <c r="F20725" s="1" t="s">
        <v>74066</v>
      </c>
      <c r="G20725" s="1" t="s">
        <v>73957</v>
      </c>
      <c r="H20725" s="1" t="s">
        <v>73958</v>
      </c>
      <c r="I20725" s="1" t="s">
        <v>72972</v>
      </c>
      <c r="J20725" s="1" t="s">
        <v>74067</v>
      </c>
    </row>
    <row r="20726" spans="1:10" x14ac:dyDescent="0.35">
      <c r="A20726" s="1" t="s">
        <v>74068</v>
      </c>
      <c r="B20726" s="1" t="s">
        <v>72967</v>
      </c>
      <c r="C20726" s="1" t="s">
        <v>8</v>
      </c>
      <c r="D20726" s="1" t="s">
        <v>49787</v>
      </c>
      <c r="E20726" s="1" t="s">
        <v>74069</v>
      </c>
      <c r="F20726" s="1" t="s">
        <v>74070</v>
      </c>
      <c r="G20726" s="1" t="s">
        <v>74071</v>
      </c>
      <c r="H20726" s="1" t="s">
        <v>74072</v>
      </c>
      <c r="I20726" s="1" t="s">
        <v>72972</v>
      </c>
      <c r="J20726" s="1" t="s">
        <v>13</v>
      </c>
    </row>
    <row r="20727" spans="1:10" x14ac:dyDescent="0.35">
      <c r="A20727" s="1" t="s">
        <v>74068</v>
      </c>
      <c r="B20727" s="1" t="s">
        <v>72967</v>
      </c>
      <c r="C20727" s="1" t="s">
        <v>15</v>
      </c>
      <c r="D20727" s="1" t="s">
        <v>13067</v>
      </c>
      <c r="E20727" s="1" t="s">
        <v>74073</v>
      </c>
      <c r="F20727" s="1" t="s">
        <v>74074</v>
      </c>
      <c r="G20727" s="1" t="s">
        <v>74071</v>
      </c>
      <c r="H20727" s="1" t="s">
        <v>74072</v>
      </c>
      <c r="I20727" s="1" t="s">
        <v>72972</v>
      </c>
      <c r="J20727" s="1" t="s">
        <v>74075</v>
      </c>
    </row>
    <row r="20728" spans="1:10" x14ac:dyDescent="0.35">
      <c r="A20728" s="1" t="s">
        <v>74068</v>
      </c>
      <c r="B20728" s="1" t="s">
        <v>72967</v>
      </c>
      <c r="C20728" s="1" t="s">
        <v>20</v>
      </c>
      <c r="D20728" s="1" t="s">
        <v>74076</v>
      </c>
      <c r="E20728" s="1" t="s">
        <v>74077</v>
      </c>
      <c r="F20728" s="1" t="s">
        <v>74078</v>
      </c>
      <c r="G20728" s="1" t="s">
        <v>74071</v>
      </c>
      <c r="H20728" s="1" t="s">
        <v>74072</v>
      </c>
      <c r="I20728" s="1" t="s">
        <v>72972</v>
      </c>
      <c r="J20728" s="1" t="s">
        <v>74079</v>
      </c>
    </row>
    <row r="20729" spans="1:10" x14ac:dyDescent="0.35">
      <c r="A20729" s="1" t="s">
        <v>74068</v>
      </c>
      <c r="B20729" s="1" t="s">
        <v>72967</v>
      </c>
      <c r="C20729" s="1" t="s">
        <v>25</v>
      </c>
      <c r="D20729" s="1" t="s">
        <v>50249</v>
      </c>
      <c r="E20729" s="1" t="s">
        <v>74080</v>
      </c>
      <c r="F20729" s="1" t="s">
        <v>74081</v>
      </c>
      <c r="G20729" s="1" t="s">
        <v>74071</v>
      </c>
      <c r="H20729" s="1" t="s">
        <v>74072</v>
      </c>
      <c r="I20729" s="1" t="s">
        <v>72972</v>
      </c>
      <c r="J20729" s="1" t="s">
        <v>74082</v>
      </c>
    </row>
    <row r="20730" spans="1:10" x14ac:dyDescent="0.35">
      <c r="A20730" s="1" t="s">
        <v>74068</v>
      </c>
      <c r="B20730" s="1" t="s">
        <v>72967</v>
      </c>
      <c r="C20730" s="1" t="s">
        <v>30</v>
      </c>
      <c r="D20730" s="1" t="s">
        <v>74083</v>
      </c>
      <c r="E20730" s="1" t="s">
        <v>74084</v>
      </c>
      <c r="F20730" s="1" t="s">
        <v>74085</v>
      </c>
      <c r="G20730" s="1" t="s">
        <v>74071</v>
      </c>
      <c r="H20730" s="1" t="s">
        <v>74072</v>
      </c>
      <c r="I20730" s="1" t="s">
        <v>72972</v>
      </c>
      <c r="J20730" s="1" t="s">
        <v>74086</v>
      </c>
    </row>
    <row r="20731" spans="1:10" x14ac:dyDescent="0.35">
      <c r="A20731" s="1" t="s">
        <v>74068</v>
      </c>
      <c r="B20731" s="1" t="s">
        <v>72967</v>
      </c>
      <c r="C20731" s="1" t="s">
        <v>35</v>
      </c>
      <c r="D20731" s="1" t="s">
        <v>74087</v>
      </c>
      <c r="E20731" s="1" t="s">
        <v>73398</v>
      </c>
      <c r="F20731" s="1" t="s">
        <v>74088</v>
      </c>
      <c r="G20731" s="1" t="s">
        <v>74071</v>
      </c>
      <c r="H20731" s="1" t="s">
        <v>74072</v>
      </c>
      <c r="I20731" s="1" t="s">
        <v>72972</v>
      </c>
      <c r="J20731" s="1" t="s">
        <v>74089</v>
      </c>
    </row>
    <row r="20732" spans="1:10" x14ac:dyDescent="0.35">
      <c r="A20732" s="1" t="s">
        <v>74068</v>
      </c>
      <c r="B20732" s="1" t="s">
        <v>72967</v>
      </c>
      <c r="C20732" s="1" t="s">
        <v>40</v>
      </c>
      <c r="D20732" s="1" t="s">
        <v>49208</v>
      </c>
      <c r="E20732" s="1" t="s">
        <v>74090</v>
      </c>
      <c r="F20732" s="1" t="s">
        <v>74091</v>
      </c>
      <c r="G20732" s="1" t="s">
        <v>74071</v>
      </c>
      <c r="H20732" s="1" t="s">
        <v>74072</v>
      </c>
      <c r="I20732" s="1" t="s">
        <v>72972</v>
      </c>
      <c r="J20732" s="1" t="s">
        <v>74092</v>
      </c>
    </row>
    <row r="20733" spans="1:10" x14ac:dyDescent="0.35">
      <c r="A20733" s="1" t="s">
        <v>74068</v>
      </c>
      <c r="B20733" s="1" t="s">
        <v>72967</v>
      </c>
      <c r="C20733" s="1" t="s">
        <v>45</v>
      </c>
      <c r="D20733" s="1" t="s">
        <v>72214</v>
      </c>
      <c r="E20733" s="1" t="s">
        <v>74093</v>
      </c>
      <c r="F20733" s="1" t="s">
        <v>74094</v>
      </c>
      <c r="G20733" s="1" t="s">
        <v>74071</v>
      </c>
      <c r="H20733" s="1" t="s">
        <v>74072</v>
      </c>
      <c r="I20733" s="1" t="s">
        <v>72972</v>
      </c>
      <c r="J20733" s="1" t="s">
        <v>74095</v>
      </c>
    </row>
    <row r="20734" spans="1:10" x14ac:dyDescent="0.35">
      <c r="A20734" s="1" t="s">
        <v>74068</v>
      </c>
      <c r="B20734" s="1" t="s">
        <v>72967</v>
      </c>
      <c r="C20734" s="1" t="s">
        <v>50</v>
      </c>
      <c r="D20734" s="1" t="s">
        <v>35306</v>
      </c>
      <c r="E20734" s="1" t="s">
        <v>74096</v>
      </c>
      <c r="F20734" s="1" t="s">
        <v>74097</v>
      </c>
      <c r="G20734" s="1" t="s">
        <v>74071</v>
      </c>
      <c r="H20734" s="1" t="s">
        <v>74072</v>
      </c>
      <c r="I20734" s="1" t="s">
        <v>72972</v>
      </c>
      <c r="J20734" s="1" t="s">
        <v>74098</v>
      </c>
    </row>
    <row r="20735" spans="1:10" x14ac:dyDescent="0.35">
      <c r="A20735" s="1" t="s">
        <v>74068</v>
      </c>
      <c r="B20735" s="1" t="s">
        <v>72967</v>
      </c>
      <c r="C20735" s="1" t="s">
        <v>55</v>
      </c>
      <c r="D20735" s="1" t="s">
        <v>74099</v>
      </c>
      <c r="E20735" s="1" t="s">
        <v>72994</v>
      </c>
      <c r="F20735" s="1" t="s">
        <v>74100</v>
      </c>
      <c r="G20735" s="1" t="s">
        <v>74071</v>
      </c>
      <c r="H20735" s="1" t="s">
        <v>74072</v>
      </c>
      <c r="I20735" s="1" t="s">
        <v>72972</v>
      </c>
      <c r="J20735" s="1" t="s">
        <v>74101</v>
      </c>
    </row>
    <row r="20736" spans="1:10" x14ac:dyDescent="0.35">
      <c r="A20736" s="1" t="s">
        <v>74068</v>
      </c>
      <c r="B20736" s="1" t="s">
        <v>72967</v>
      </c>
      <c r="C20736" s="1" t="s">
        <v>60</v>
      </c>
      <c r="D20736" s="1" t="s">
        <v>74083</v>
      </c>
      <c r="E20736" s="1" t="s">
        <v>74102</v>
      </c>
      <c r="F20736" s="1" t="s">
        <v>74103</v>
      </c>
      <c r="G20736" s="1" t="s">
        <v>74071</v>
      </c>
      <c r="H20736" s="1" t="s">
        <v>74072</v>
      </c>
      <c r="I20736" s="1" t="s">
        <v>72972</v>
      </c>
      <c r="J20736" s="1" t="s">
        <v>74104</v>
      </c>
    </row>
    <row r="20737" spans="1:10" x14ac:dyDescent="0.35">
      <c r="A20737" s="1" t="s">
        <v>74068</v>
      </c>
      <c r="B20737" s="1" t="s">
        <v>72967</v>
      </c>
      <c r="C20737" s="1" t="s">
        <v>65</v>
      </c>
      <c r="D20737" s="1" t="s">
        <v>35632</v>
      </c>
      <c r="E20737" s="1" t="s">
        <v>74105</v>
      </c>
      <c r="F20737" s="1" t="s">
        <v>74106</v>
      </c>
      <c r="G20737" s="1" t="s">
        <v>74071</v>
      </c>
      <c r="H20737" s="1" t="s">
        <v>74072</v>
      </c>
      <c r="I20737" s="1" t="s">
        <v>72972</v>
      </c>
      <c r="J20737" s="1" t="s">
        <v>74107</v>
      </c>
    </row>
    <row r="20738" spans="1:10" x14ac:dyDescent="0.35">
      <c r="A20738" s="1" t="s">
        <v>74068</v>
      </c>
      <c r="B20738" s="1" t="s">
        <v>72967</v>
      </c>
      <c r="C20738" s="1" t="s">
        <v>70</v>
      </c>
      <c r="D20738" s="1" t="s">
        <v>74108</v>
      </c>
      <c r="E20738" s="1" t="s">
        <v>74109</v>
      </c>
      <c r="F20738" s="1" t="s">
        <v>74110</v>
      </c>
      <c r="G20738" s="1" t="s">
        <v>74071</v>
      </c>
      <c r="H20738" s="1" t="s">
        <v>74072</v>
      </c>
      <c r="I20738" s="1" t="s">
        <v>72972</v>
      </c>
      <c r="J20738" s="1" t="s">
        <v>74111</v>
      </c>
    </row>
    <row r="20739" spans="1:10" x14ac:dyDescent="0.35">
      <c r="A20739" s="1" t="s">
        <v>74068</v>
      </c>
      <c r="B20739" s="1" t="s">
        <v>72967</v>
      </c>
      <c r="C20739" s="1" t="s">
        <v>75</v>
      </c>
      <c r="D20739" s="1" t="s">
        <v>74112</v>
      </c>
      <c r="E20739" s="1" t="s">
        <v>74113</v>
      </c>
      <c r="F20739" s="1" t="s">
        <v>74114</v>
      </c>
      <c r="G20739" s="1" t="s">
        <v>74071</v>
      </c>
      <c r="H20739" s="1" t="s">
        <v>74072</v>
      </c>
      <c r="I20739" s="1" t="s">
        <v>72972</v>
      </c>
      <c r="J20739" s="1" t="s">
        <v>74115</v>
      </c>
    </row>
    <row r="20740" spans="1:10" x14ac:dyDescent="0.35">
      <c r="A20740" s="1" t="s">
        <v>74068</v>
      </c>
      <c r="B20740" s="1" t="s">
        <v>72967</v>
      </c>
      <c r="C20740" s="1" t="s">
        <v>80</v>
      </c>
      <c r="D20740" s="1" t="s">
        <v>70987</v>
      </c>
      <c r="E20740" s="1" t="s">
        <v>74116</v>
      </c>
      <c r="F20740" s="1" t="s">
        <v>74117</v>
      </c>
      <c r="G20740" s="1" t="s">
        <v>74071</v>
      </c>
      <c r="H20740" s="1" t="s">
        <v>74072</v>
      </c>
      <c r="I20740" s="1" t="s">
        <v>72972</v>
      </c>
      <c r="J20740" s="1" t="s">
        <v>74118</v>
      </c>
    </row>
    <row r="20741" spans="1:10" x14ac:dyDescent="0.35">
      <c r="A20741" s="1" t="s">
        <v>74068</v>
      </c>
      <c r="B20741" s="1" t="s">
        <v>72967</v>
      </c>
      <c r="C20741" s="1" t="s">
        <v>85</v>
      </c>
      <c r="D20741" s="1" t="s">
        <v>74119</v>
      </c>
      <c r="E20741" s="1" t="s">
        <v>74120</v>
      </c>
      <c r="F20741" s="1" t="s">
        <v>74121</v>
      </c>
      <c r="G20741" s="1" t="s">
        <v>74071</v>
      </c>
      <c r="H20741" s="1" t="s">
        <v>74072</v>
      </c>
      <c r="I20741" s="1" t="s">
        <v>72972</v>
      </c>
      <c r="J20741" s="1" t="s">
        <v>74122</v>
      </c>
    </row>
    <row r="20742" spans="1:10" x14ac:dyDescent="0.35">
      <c r="A20742" s="1" t="s">
        <v>74068</v>
      </c>
      <c r="B20742" s="1" t="s">
        <v>72967</v>
      </c>
      <c r="C20742" s="1" t="s">
        <v>90</v>
      </c>
      <c r="D20742" s="1" t="s">
        <v>71290</v>
      </c>
      <c r="E20742" s="1" t="s">
        <v>74123</v>
      </c>
      <c r="F20742" s="1" t="s">
        <v>74124</v>
      </c>
      <c r="G20742" s="1" t="s">
        <v>74071</v>
      </c>
      <c r="H20742" s="1" t="s">
        <v>74072</v>
      </c>
      <c r="I20742" s="1" t="s">
        <v>72972</v>
      </c>
      <c r="J20742" s="1" t="s">
        <v>74125</v>
      </c>
    </row>
    <row r="20743" spans="1:10" x14ac:dyDescent="0.35">
      <c r="A20743" s="1" t="s">
        <v>74068</v>
      </c>
      <c r="B20743" s="1" t="s">
        <v>72967</v>
      </c>
      <c r="C20743" s="1" t="s">
        <v>95</v>
      </c>
      <c r="D20743" s="1" t="s">
        <v>71638</v>
      </c>
      <c r="E20743" s="1" t="s">
        <v>74126</v>
      </c>
      <c r="F20743" s="1" t="s">
        <v>74127</v>
      </c>
      <c r="G20743" s="1" t="s">
        <v>74071</v>
      </c>
      <c r="H20743" s="1" t="s">
        <v>74072</v>
      </c>
      <c r="I20743" s="1" t="s">
        <v>72972</v>
      </c>
      <c r="J20743" s="1" t="s">
        <v>74128</v>
      </c>
    </row>
    <row r="20744" spans="1:10" x14ac:dyDescent="0.35">
      <c r="A20744" s="1" t="s">
        <v>74068</v>
      </c>
      <c r="B20744" s="1" t="s">
        <v>72967</v>
      </c>
      <c r="C20744" s="1" t="s">
        <v>100</v>
      </c>
      <c r="D20744" s="1" t="s">
        <v>5457</v>
      </c>
      <c r="E20744" s="1" t="s">
        <v>74129</v>
      </c>
      <c r="F20744" s="1" t="s">
        <v>74130</v>
      </c>
      <c r="G20744" s="1" t="s">
        <v>74071</v>
      </c>
      <c r="H20744" s="1" t="s">
        <v>74072</v>
      </c>
      <c r="I20744" s="1" t="s">
        <v>72972</v>
      </c>
      <c r="J20744" s="1" t="s">
        <v>74131</v>
      </c>
    </row>
    <row r="20745" spans="1:10" x14ac:dyDescent="0.35">
      <c r="A20745" s="1" t="s">
        <v>74068</v>
      </c>
      <c r="B20745" s="1" t="s">
        <v>72967</v>
      </c>
      <c r="C20745" s="1" t="s">
        <v>105</v>
      </c>
      <c r="D20745" s="1" t="s">
        <v>74132</v>
      </c>
      <c r="E20745" s="1" t="s">
        <v>74133</v>
      </c>
      <c r="F20745" s="1" t="s">
        <v>74134</v>
      </c>
      <c r="G20745" s="1" t="s">
        <v>74071</v>
      </c>
      <c r="H20745" s="1" t="s">
        <v>74072</v>
      </c>
      <c r="I20745" s="1" t="s">
        <v>72972</v>
      </c>
      <c r="J20745" s="1" t="s">
        <v>74135</v>
      </c>
    </row>
    <row r="20746" spans="1:10" x14ac:dyDescent="0.35">
      <c r="A20746" s="1" t="s">
        <v>74068</v>
      </c>
      <c r="B20746" s="1" t="s">
        <v>72967</v>
      </c>
      <c r="C20746" s="1" t="s">
        <v>110</v>
      </c>
      <c r="D20746" s="1" t="s">
        <v>71631</v>
      </c>
      <c r="E20746" s="1" t="s">
        <v>74136</v>
      </c>
      <c r="F20746" s="1" t="s">
        <v>74137</v>
      </c>
      <c r="G20746" s="1" t="s">
        <v>74071</v>
      </c>
      <c r="H20746" s="1" t="s">
        <v>74072</v>
      </c>
      <c r="I20746" s="1" t="s">
        <v>72972</v>
      </c>
      <c r="J20746" s="1" t="s">
        <v>74138</v>
      </c>
    </row>
    <row r="20747" spans="1:10" x14ac:dyDescent="0.35">
      <c r="A20747" s="1" t="s">
        <v>74068</v>
      </c>
      <c r="B20747" s="1" t="s">
        <v>72967</v>
      </c>
      <c r="C20747" s="1" t="s">
        <v>115</v>
      </c>
      <c r="D20747" s="1" t="s">
        <v>74139</v>
      </c>
      <c r="E20747" s="1" t="s">
        <v>74140</v>
      </c>
      <c r="F20747" s="1" t="s">
        <v>74141</v>
      </c>
      <c r="G20747" s="1" t="s">
        <v>74071</v>
      </c>
      <c r="H20747" s="1" t="s">
        <v>74072</v>
      </c>
      <c r="I20747" s="1" t="s">
        <v>72972</v>
      </c>
      <c r="J20747" s="1" t="s">
        <v>74142</v>
      </c>
    </row>
    <row r="20748" spans="1:10" x14ac:dyDescent="0.35">
      <c r="A20748" s="1" t="s">
        <v>74068</v>
      </c>
      <c r="B20748" s="1" t="s">
        <v>72967</v>
      </c>
      <c r="C20748" s="1" t="s">
        <v>120</v>
      </c>
      <c r="D20748" s="1" t="s">
        <v>30921</v>
      </c>
      <c r="E20748" s="1" t="s">
        <v>74143</v>
      </c>
      <c r="F20748" s="1" t="s">
        <v>74144</v>
      </c>
      <c r="G20748" s="1" t="s">
        <v>74071</v>
      </c>
      <c r="H20748" s="1" t="s">
        <v>74072</v>
      </c>
      <c r="I20748" s="1" t="s">
        <v>72972</v>
      </c>
      <c r="J20748" s="1" t="s">
        <v>74145</v>
      </c>
    </row>
    <row r="20749" spans="1:10" x14ac:dyDescent="0.35">
      <c r="A20749" s="1" t="s">
        <v>74068</v>
      </c>
      <c r="B20749" s="1" t="s">
        <v>72967</v>
      </c>
      <c r="C20749" s="1" t="s">
        <v>125</v>
      </c>
      <c r="D20749" s="1" t="s">
        <v>38361</v>
      </c>
      <c r="E20749" s="1" t="s">
        <v>74146</v>
      </c>
      <c r="F20749" s="1" t="s">
        <v>74147</v>
      </c>
      <c r="G20749" s="1" t="s">
        <v>74071</v>
      </c>
      <c r="H20749" s="1" t="s">
        <v>74072</v>
      </c>
      <c r="I20749" s="1" t="s">
        <v>72972</v>
      </c>
      <c r="J20749" s="1" t="s">
        <v>74148</v>
      </c>
    </row>
    <row r="20750" spans="1:10" x14ac:dyDescent="0.35">
      <c r="A20750" s="1" t="s">
        <v>74068</v>
      </c>
      <c r="B20750" s="1" t="s">
        <v>72967</v>
      </c>
      <c r="C20750" s="1" t="s">
        <v>130</v>
      </c>
      <c r="D20750" s="1" t="s">
        <v>74149</v>
      </c>
      <c r="E20750" s="1" t="s">
        <v>74150</v>
      </c>
      <c r="F20750" s="1" t="s">
        <v>74151</v>
      </c>
      <c r="G20750" s="1" t="s">
        <v>74071</v>
      </c>
      <c r="H20750" s="1" t="s">
        <v>74072</v>
      </c>
      <c r="I20750" s="1" t="s">
        <v>72972</v>
      </c>
      <c r="J20750" s="1" t="s">
        <v>74152</v>
      </c>
    </row>
    <row r="20751" spans="1:10" x14ac:dyDescent="0.35">
      <c r="A20751" s="1" t="s">
        <v>74068</v>
      </c>
      <c r="B20751" s="1" t="s">
        <v>72967</v>
      </c>
      <c r="C20751" s="1" t="s">
        <v>135</v>
      </c>
      <c r="D20751" s="1" t="s">
        <v>46164</v>
      </c>
      <c r="E20751" s="1" t="s">
        <v>74153</v>
      </c>
      <c r="F20751" s="1" t="s">
        <v>74154</v>
      </c>
      <c r="G20751" s="1" t="s">
        <v>74071</v>
      </c>
      <c r="H20751" s="1" t="s">
        <v>74072</v>
      </c>
      <c r="I20751" s="1" t="s">
        <v>72972</v>
      </c>
      <c r="J20751" s="1" t="s">
        <v>74155</v>
      </c>
    </row>
    <row r="20752" spans="1:10" x14ac:dyDescent="0.35">
      <c r="A20752" s="1" t="s">
        <v>74068</v>
      </c>
      <c r="B20752" s="1" t="s">
        <v>72967</v>
      </c>
      <c r="C20752" s="1" t="s">
        <v>140</v>
      </c>
      <c r="D20752" s="1" t="s">
        <v>74156</v>
      </c>
      <c r="E20752" s="1" t="s">
        <v>74157</v>
      </c>
      <c r="F20752" s="1" t="s">
        <v>74158</v>
      </c>
      <c r="G20752" s="1" t="s">
        <v>74071</v>
      </c>
      <c r="H20752" s="1" t="s">
        <v>74072</v>
      </c>
      <c r="I20752" s="1" t="s">
        <v>72972</v>
      </c>
      <c r="J20752" s="1" t="s">
        <v>74159</v>
      </c>
    </row>
    <row r="20753" spans="1:10" x14ac:dyDescent="0.35">
      <c r="A20753" s="1" t="s">
        <v>74068</v>
      </c>
      <c r="B20753" s="1" t="s">
        <v>72967</v>
      </c>
      <c r="C20753" s="1" t="s">
        <v>145</v>
      </c>
      <c r="D20753" s="1" t="s">
        <v>74160</v>
      </c>
      <c r="E20753" s="1" t="s">
        <v>74161</v>
      </c>
      <c r="F20753" s="1" t="s">
        <v>74162</v>
      </c>
      <c r="G20753" s="1" t="s">
        <v>74071</v>
      </c>
      <c r="H20753" s="1" t="s">
        <v>74072</v>
      </c>
      <c r="I20753" s="1" t="s">
        <v>72972</v>
      </c>
      <c r="J20753" s="1" t="s">
        <v>74163</v>
      </c>
    </row>
    <row r="20754" spans="1:10" x14ac:dyDescent="0.35">
      <c r="A20754" s="1" t="s">
        <v>74068</v>
      </c>
      <c r="B20754" s="1" t="s">
        <v>72967</v>
      </c>
      <c r="C20754" s="1" t="s">
        <v>150</v>
      </c>
      <c r="D20754" s="1" t="s">
        <v>74164</v>
      </c>
      <c r="E20754" s="1" t="s">
        <v>73326</v>
      </c>
      <c r="F20754" s="1" t="s">
        <v>74165</v>
      </c>
      <c r="G20754" s="1" t="s">
        <v>74071</v>
      </c>
      <c r="H20754" s="1" t="s">
        <v>74072</v>
      </c>
      <c r="I20754" s="1" t="s">
        <v>72972</v>
      </c>
      <c r="J20754" s="1" t="s">
        <v>74166</v>
      </c>
    </row>
    <row r="20755" spans="1:10" x14ac:dyDescent="0.35">
      <c r="A20755" s="1" t="s">
        <v>74068</v>
      </c>
      <c r="B20755" s="1" t="s">
        <v>72967</v>
      </c>
      <c r="C20755" s="1" t="s">
        <v>155</v>
      </c>
      <c r="D20755" s="1" t="s">
        <v>74167</v>
      </c>
      <c r="E20755" s="1" t="s">
        <v>74168</v>
      </c>
      <c r="F20755" s="1" t="s">
        <v>74169</v>
      </c>
      <c r="G20755" s="1" t="s">
        <v>74071</v>
      </c>
      <c r="H20755" s="1" t="s">
        <v>74072</v>
      </c>
      <c r="I20755" s="1" t="s">
        <v>72972</v>
      </c>
      <c r="J20755" s="1" t="s">
        <v>74170</v>
      </c>
    </row>
    <row r="20756" spans="1:10" x14ac:dyDescent="0.35">
      <c r="A20756" s="1" t="s">
        <v>74068</v>
      </c>
      <c r="B20756" s="1" t="s">
        <v>72967</v>
      </c>
      <c r="C20756" s="1" t="s">
        <v>160</v>
      </c>
      <c r="D20756" s="1" t="s">
        <v>74171</v>
      </c>
      <c r="E20756" s="1" t="s">
        <v>74172</v>
      </c>
      <c r="F20756" s="1" t="s">
        <v>74173</v>
      </c>
      <c r="G20756" s="1" t="s">
        <v>74071</v>
      </c>
      <c r="H20756" s="1" t="s">
        <v>74072</v>
      </c>
      <c r="I20756" s="1" t="s">
        <v>72972</v>
      </c>
      <c r="J20756" s="1" t="s">
        <v>74174</v>
      </c>
    </row>
    <row r="20757" spans="1:10" x14ac:dyDescent="0.35">
      <c r="A20757" s="1" t="s">
        <v>74068</v>
      </c>
      <c r="B20757" s="1" t="s">
        <v>72967</v>
      </c>
      <c r="C20757" s="1" t="s">
        <v>165</v>
      </c>
      <c r="D20757" s="1" t="s">
        <v>70712</v>
      </c>
      <c r="E20757" s="1" t="s">
        <v>74175</v>
      </c>
      <c r="F20757" s="1" t="s">
        <v>74176</v>
      </c>
      <c r="G20757" s="1" t="s">
        <v>74071</v>
      </c>
      <c r="H20757" s="1" t="s">
        <v>74072</v>
      </c>
      <c r="I20757" s="1" t="s">
        <v>72972</v>
      </c>
      <c r="J20757" s="1" t="s">
        <v>74177</v>
      </c>
    </row>
    <row r="20758" spans="1:10" x14ac:dyDescent="0.35">
      <c r="A20758" s="1" t="s">
        <v>74068</v>
      </c>
      <c r="B20758" s="1" t="s">
        <v>72967</v>
      </c>
      <c r="C20758" s="1" t="s">
        <v>170</v>
      </c>
      <c r="D20758" s="1" t="s">
        <v>74178</v>
      </c>
      <c r="E20758" s="1" t="s">
        <v>74179</v>
      </c>
      <c r="F20758" s="1" t="s">
        <v>74180</v>
      </c>
      <c r="G20758" s="1" t="s">
        <v>74071</v>
      </c>
      <c r="H20758" s="1" t="s">
        <v>74072</v>
      </c>
      <c r="I20758" s="1" t="s">
        <v>72972</v>
      </c>
      <c r="J20758" s="1" t="s">
        <v>74181</v>
      </c>
    </row>
    <row r="20759" spans="1:10" x14ac:dyDescent="0.35">
      <c r="A20759" s="1" t="s">
        <v>74182</v>
      </c>
      <c r="B20759" s="1" t="s">
        <v>72967</v>
      </c>
      <c r="C20759" s="1" t="s">
        <v>8</v>
      </c>
      <c r="D20759" s="1" t="s">
        <v>36156</v>
      </c>
      <c r="E20759" s="1" t="s">
        <v>74183</v>
      </c>
      <c r="F20759" s="1" t="s">
        <v>11804</v>
      </c>
      <c r="G20759" s="1" t="s">
        <v>74184</v>
      </c>
      <c r="H20759" s="1" t="s">
        <v>74185</v>
      </c>
      <c r="I20759" s="1" t="s">
        <v>72972</v>
      </c>
      <c r="J20759" s="1" t="s">
        <v>13</v>
      </c>
    </row>
    <row r="20760" spans="1:10" x14ac:dyDescent="0.35">
      <c r="A20760" s="1" t="s">
        <v>74182</v>
      </c>
      <c r="B20760" s="1" t="s">
        <v>72967</v>
      </c>
      <c r="C20760" s="1" t="s">
        <v>15</v>
      </c>
      <c r="D20760" s="1" t="s">
        <v>74186</v>
      </c>
      <c r="E20760" s="1" t="s">
        <v>735</v>
      </c>
      <c r="F20760" s="1" t="s">
        <v>74187</v>
      </c>
      <c r="G20760" s="1" t="s">
        <v>74184</v>
      </c>
      <c r="H20760" s="1" t="s">
        <v>74185</v>
      </c>
      <c r="I20760" s="1" t="s">
        <v>72972</v>
      </c>
      <c r="J20760" s="1" t="s">
        <v>74188</v>
      </c>
    </row>
    <row r="20761" spans="1:10" x14ac:dyDescent="0.35">
      <c r="A20761" s="1" t="s">
        <v>74182</v>
      </c>
      <c r="B20761" s="1" t="s">
        <v>72967</v>
      </c>
      <c r="C20761" s="1" t="s">
        <v>20</v>
      </c>
      <c r="D20761" s="1" t="s">
        <v>74189</v>
      </c>
      <c r="E20761" s="1" t="s">
        <v>74190</v>
      </c>
      <c r="F20761" s="1" t="s">
        <v>73459</v>
      </c>
      <c r="G20761" s="1" t="s">
        <v>74184</v>
      </c>
      <c r="H20761" s="1" t="s">
        <v>74185</v>
      </c>
      <c r="I20761" s="1" t="s">
        <v>72972</v>
      </c>
      <c r="J20761" s="1" t="s">
        <v>74191</v>
      </c>
    </row>
    <row r="20762" spans="1:10" x14ac:dyDescent="0.35">
      <c r="A20762" s="1" t="s">
        <v>74182</v>
      </c>
      <c r="B20762" s="1" t="s">
        <v>72967</v>
      </c>
      <c r="C20762" s="1" t="s">
        <v>25</v>
      </c>
      <c r="D20762" s="1" t="s">
        <v>35262</v>
      </c>
      <c r="E20762" s="1" t="s">
        <v>73293</v>
      </c>
      <c r="F20762" s="1" t="s">
        <v>74192</v>
      </c>
      <c r="G20762" s="1" t="s">
        <v>74184</v>
      </c>
      <c r="H20762" s="1" t="s">
        <v>74185</v>
      </c>
      <c r="I20762" s="1" t="s">
        <v>72972</v>
      </c>
      <c r="J20762" s="1" t="s">
        <v>74193</v>
      </c>
    </row>
    <row r="20763" spans="1:10" x14ac:dyDescent="0.35">
      <c r="A20763" s="1" t="s">
        <v>74182</v>
      </c>
      <c r="B20763" s="1" t="s">
        <v>72967</v>
      </c>
      <c r="C20763" s="1" t="s">
        <v>30</v>
      </c>
      <c r="D20763" s="1" t="s">
        <v>74194</v>
      </c>
      <c r="E20763" s="1" t="s">
        <v>74195</v>
      </c>
      <c r="F20763" s="1" t="s">
        <v>74196</v>
      </c>
      <c r="G20763" s="1" t="s">
        <v>74184</v>
      </c>
      <c r="H20763" s="1" t="s">
        <v>74185</v>
      </c>
      <c r="I20763" s="1" t="s">
        <v>72972</v>
      </c>
      <c r="J20763" s="1" t="s">
        <v>74197</v>
      </c>
    </row>
    <row r="20764" spans="1:10" x14ac:dyDescent="0.35">
      <c r="A20764" s="1" t="s">
        <v>74182</v>
      </c>
      <c r="B20764" s="1" t="s">
        <v>72967</v>
      </c>
      <c r="C20764" s="1" t="s">
        <v>35</v>
      </c>
      <c r="D20764" s="1" t="s">
        <v>35707</v>
      </c>
      <c r="E20764" s="1" t="s">
        <v>787</v>
      </c>
      <c r="F20764" s="1" t="s">
        <v>74198</v>
      </c>
      <c r="G20764" s="1" t="s">
        <v>74184</v>
      </c>
      <c r="H20764" s="1" t="s">
        <v>74185</v>
      </c>
      <c r="I20764" s="1" t="s">
        <v>72972</v>
      </c>
      <c r="J20764" s="1" t="s">
        <v>74199</v>
      </c>
    </row>
    <row r="20765" spans="1:10" x14ac:dyDescent="0.35">
      <c r="A20765" s="1" t="s">
        <v>74182</v>
      </c>
      <c r="B20765" s="1" t="s">
        <v>72967</v>
      </c>
      <c r="C20765" s="1" t="s">
        <v>40</v>
      </c>
      <c r="D20765" s="1" t="s">
        <v>74200</v>
      </c>
      <c r="E20765" s="1" t="s">
        <v>74201</v>
      </c>
      <c r="F20765" s="1" t="s">
        <v>74202</v>
      </c>
      <c r="G20765" s="1" t="s">
        <v>74184</v>
      </c>
      <c r="H20765" s="1" t="s">
        <v>74185</v>
      </c>
      <c r="I20765" s="1" t="s">
        <v>72972</v>
      </c>
      <c r="J20765" s="1" t="s">
        <v>74203</v>
      </c>
    </row>
    <row r="20766" spans="1:10" x14ac:dyDescent="0.35">
      <c r="A20766" s="1" t="s">
        <v>74182</v>
      </c>
      <c r="B20766" s="1" t="s">
        <v>72967</v>
      </c>
      <c r="C20766" s="1" t="s">
        <v>45</v>
      </c>
      <c r="D20766" s="1" t="s">
        <v>42005</v>
      </c>
      <c r="E20766" s="1" t="s">
        <v>74204</v>
      </c>
      <c r="F20766" s="1" t="s">
        <v>74205</v>
      </c>
      <c r="G20766" s="1" t="s">
        <v>74184</v>
      </c>
      <c r="H20766" s="1" t="s">
        <v>74185</v>
      </c>
      <c r="I20766" s="1" t="s">
        <v>72972</v>
      </c>
      <c r="J20766" s="1" t="s">
        <v>74206</v>
      </c>
    </row>
    <row r="20767" spans="1:10" x14ac:dyDescent="0.35">
      <c r="A20767" s="1" t="s">
        <v>74182</v>
      </c>
      <c r="B20767" s="1" t="s">
        <v>72967</v>
      </c>
      <c r="C20767" s="1" t="s">
        <v>50</v>
      </c>
      <c r="D20767" s="1" t="s">
        <v>74207</v>
      </c>
      <c r="E20767" s="1" t="s">
        <v>74208</v>
      </c>
      <c r="F20767" s="1" t="s">
        <v>73380</v>
      </c>
      <c r="G20767" s="1" t="s">
        <v>74184</v>
      </c>
      <c r="H20767" s="1" t="s">
        <v>74185</v>
      </c>
      <c r="I20767" s="1" t="s">
        <v>72972</v>
      </c>
      <c r="J20767" s="1" t="s">
        <v>74209</v>
      </c>
    </row>
    <row r="20768" spans="1:10" x14ac:dyDescent="0.35">
      <c r="A20768" s="1" t="s">
        <v>74182</v>
      </c>
      <c r="B20768" s="1" t="s">
        <v>72967</v>
      </c>
      <c r="C20768" s="1" t="s">
        <v>55</v>
      </c>
      <c r="D20768" s="1" t="s">
        <v>10749</v>
      </c>
      <c r="E20768" s="1" t="s">
        <v>74210</v>
      </c>
      <c r="F20768" s="1" t="s">
        <v>74211</v>
      </c>
      <c r="G20768" s="1" t="s">
        <v>74184</v>
      </c>
      <c r="H20768" s="1" t="s">
        <v>74185</v>
      </c>
      <c r="I20768" s="1" t="s">
        <v>72972</v>
      </c>
      <c r="J20768" s="1" t="s">
        <v>74212</v>
      </c>
    </row>
    <row r="20769" spans="1:10" x14ac:dyDescent="0.35">
      <c r="A20769" s="1" t="s">
        <v>74182</v>
      </c>
      <c r="B20769" s="1" t="s">
        <v>72967</v>
      </c>
      <c r="C20769" s="1" t="s">
        <v>60</v>
      </c>
      <c r="D20769" s="1" t="s">
        <v>52150</v>
      </c>
      <c r="E20769" s="1" t="s">
        <v>74213</v>
      </c>
      <c r="F20769" s="1" t="s">
        <v>51398</v>
      </c>
      <c r="G20769" s="1" t="s">
        <v>74184</v>
      </c>
      <c r="H20769" s="1" t="s">
        <v>74185</v>
      </c>
      <c r="I20769" s="1" t="s">
        <v>72972</v>
      </c>
      <c r="J20769" s="1" t="s">
        <v>74214</v>
      </c>
    </row>
    <row r="20770" spans="1:10" x14ac:dyDescent="0.35">
      <c r="A20770" s="1" t="s">
        <v>74182</v>
      </c>
      <c r="B20770" s="1" t="s">
        <v>72967</v>
      </c>
      <c r="C20770" s="1" t="s">
        <v>65</v>
      </c>
      <c r="D20770" s="1" t="s">
        <v>17847</v>
      </c>
      <c r="E20770" s="1" t="s">
        <v>74136</v>
      </c>
      <c r="F20770" s="1" t="s">
        <v>74215</v>
      </c>
      <c r="G20770" s="1" t="s">
        <v>74184</v>
      </c>
      <c r="H20770" s="1" t="s">
        <v>74185</v>
      </c>
      <c r="I20770" s="1" t="s">
        <v>72972</v>
      </c>
      <c r="J20770" s="1" t="s">
        <v>74216</v>
      </c>
    </row>
    <row r="20771" spans="1:10" x14ac:dyDescent="0.35">
      <c r="A20771" s="1" t="s">
        <v>74182</v>
      </c>
      <c r="B20771" s="1" t="s">
        <v>72967</v>
      </c>
      <c r="C20771" s="1" t="s">
        <v>70</v>
      </c>
      <c r="D20771" s="1" t="s">
        <v>15387</v>
      </c>
      <c r="E20771" s="1" t="s">
        <v>74217</v>
      </c>
      <c r="F20771" s="1" t="s">
        <v>74218</v>
      </c>
      <c r="G20771" s="1" t="s">
        <v>74184</v>
      </c>
      <c r="H20771" s="1" t="s">
        <v>74185</v>
      </c>
      <c r="I20771" s="1" t="s">
        <v>72972</v>
      </c>
      <c r="J20771" s="1" t="s">
        <v>74219</v>
      </c>
    </row>
    <row r="20772" spans="1:10" x14ac:dyDescent="0.35">
      <c r="A20772" s="1" t="s">
        <v>74182</v>
      </c>
      <c r="B20772" s="1" t="s">
        <v>72967</v>
      </c>
      <c r="C20772" s="1" t="s">
        <v>75</v>
      </c>
      <c r="D20772" s="1" t="s">
        <v>19517</v>
      </c>
      <c r="E20772" s="1" t="s">
        <v>74220</v>
      </c>
      <c r="F20772" s="1" t="s">
        <v>51398</v>
      </c>
      <c r="G20772" s="1" t="s">
        <v>74184</v>
      </c>
      <c r="H20772" s="1" t="s">
        <v>74185</v>
      </c>
      <c r="I20772" s="1" t="s">
        <v>72972</v>
      </c>
      <c r="J20772" s="1" t="s">
        <v>74221</v>
      </c>
    </row>
    <row r="20773" spans="1:10" x14ac:dyDescent="0.35">
      <c r="A20773" s="1" t="s">
        <v>74182</v>
      </c>
      <c r="B20773" s="1" t="s">
        <v>72967</v>
      </c>
      <c r="C20773" s="1" t="s">
        <v>80</v>
      </c>
      <c r="D20773" s="1" t="s">
        <v>74222</v>
      </c>
      <c r="E20773" s="1" t="s">
        <v>74223</v>
      </c>
      <c r="F20773" s="1" t="s">
        <v>74224</v>
      </c>
      <c r="G20773" s="1" t="s">
        <v>74184</v>
      </c>
      <c r="H20773" s="1" t="s">
        <v>74185</v>
      </c>
      <c r="I20773" s="1" t="s">
        <v>72972</v>
      </c>
      <c r="J20773" s="1" t="s">
        <v>74225</v>
      </c>
    </row>
    <row r="20774" spans="1:10" x14ac:dyDescent="0.35">
      <c r="A20774" s="1" t="s">
        <v>74182</v>
      </c>
      <c r="B20774" s="1" t="s">
        <v>72967</v>
      </c>
      <c r="C20774" s="1" t="s">
        <v>85</v>
      </c>
      <c r="D20774" s="1" t="s">
        <v>35801</v>
      </c>
      <c r="E20774" s="1" t="s">
        <v>74226</v>
      </c>
      <c r="F20774" s="1" t="s">
        <v>74227</v>
      </c>
      <c r="G20774" s="1" t="s">
        <v>74184</v>
      </c>
      <c r="H20774" s="1" t="s">
        <v>74185</v>
      </c>
      <c r="I20774" s="1" t="s">
        <v>72972</v>
      </c>
      <c r="J20774" s="1" t="s">
        <v>74228</v>
      </c>
    </row>
    <row r="20775" spans="1:10" x14ac:dyDescent="0.35">
      <c r="A20775" s="1" t="s">
        <v>74182</v>
      </c>
      <c r="B20775" s="1" t="s">
        <v>72967</v>
      </c>
      <c r="C20775" s="1" t="s">
        <v>90</v>
      </c>
      <c r="D20775" s="1" t="s">
        <v>37510</v>
      </c>
      <c r="E20775" s="1" t="s">
        <v>74229</v>
      </c>
      <c r="F20775" s="1" t="s">
        <v>74224</v>
      </c>
      <c r="G20775" s="1" t="s">
        <v>74184</v>
      </c>
      <c r="H20775" s="1" t="s">
        <v>74185</v>
      </c>
      <c r="I20775" s="1" t="s">
        <v>72972</v>
      </c>
      <c r="J20775" s="1" t="s">
        <v>74230</v>
      </c>
    </row>
    <row r="20776" spans="1:10" x14ac:dyDescent="0.35">
      <c r="A20776" s="1" t="s">
        <v>74182</v>
      </c>
      <c r="B20776" s="1" t="s">
        <v>72967</v>
      </c>
      <c r="C20776" s="1" t="s">
        <v>95</v>
      </c>
      <c r="D20776" s="1" t="s">
        <v>74231</v>
      </c>
      <c r="E20776" s="1" t="s">
        <v>73345</v>
      </c>
      <c r="F20776" s="1" t="s">
        <v>74232</v>
      </c>
      <c r="G20776" s="1" t="s">
        <v>74184</v>
      </c>
      <c r="H20776" s="1" t="s">
        <v>74185</v>
      </c>
      <c r="I20776" s="1" t="s">
        <v>72972</v>
      </c>
      <c r="J20776" s="1" t="s">
        <v>74233</v>
      </c>
    </row>
    <row r="20777" spans="1:10" x14ac:dyDescent="0.35">
      <c r="A20777" s="1" t="s">
        <v>74182</v>
      </c>
      <c r="B20777" s="1" t="s">
        <v>72967</v>
      </c>
      <c r="C20777" s="1" t="s">
        <v>100</v>
      </c>
      <c r="D20777" s="1" t="s">
        <v>74234</v>
      </c>
      <c r="E20777" s="1" t="s">
        <v>74235</v>
      </c>
      <c r="F20777" s="1" t="s">
        <v>41356</v>
      </c>
      <c r="G20777" s="1" t="s">
        <v>74184</v>
      </c>
      <c r="H20777" s="1" t="s">
        <v>74185</v>
      </c>
      <c r="I20777" s="1" t="s">
        <v>72972</v>
      </c>
      <c r="J20777" s="1" t="s">
        <v>74236</v>
      </c>
    </row>
    <row r="20778" spans="1:10" x14ac:dyDescent="0.35">
      <c r="A20778" s="1" t="s">
        <v>74182</v>
      </c>
      <c r="B20778" s="1" t="s">
        <v>72967</v>
      </c>
      <c r="C20778" s="1" t="s">
        <v>105</v>
      </c>
      <c r="D20778" s="1" t="s">
        <v>74237</v>
      </c>
      <c r="E20778" s="1" t="s">
        <v>74238</v>
      </c>
      <c r="F20778" s="1" t="s">
        <v>74239</v>
      </c>
      <c r="G20778" s="1" t="s">
        <v>74184</v>
      </c>
      <c r="H20778" s="1" t="s">
        <v>74185</v>
      </c>
      <c r="I20778" s="1" t="s">
        <v>72972</v>
      </c>
      <c r="J20778" s="1" t="s">
        <v>74240</v>
      </c>
    </row>
    <row r="20779" spans="1:10" x14ac:dyDescent="0.35">
      <c r="A20779" s="1" t="s">
        <v>74182</v>
      </c>
      <c r="B20779" s="1" t="s">
        <v>72967</v>
      </c>
      <c r="C20779" s="1" t="s">
        <v>110</v>
      </c>
      <c r="D20779" s="1" t="s">
        <v>74241</v>
      </c>
      <c r="E20779" s="1" t="s">
        <v>74242</v>
      </c>
      <c r="F20779" s="1" t="s">
        <v>22906</v>
      </c>
      <c r="G20779" s="1" t="s">
        <v>74184</v>
      </c>
      <c r="H20779" s="1" t="s">
        <v>74185</v>
      </c>
      <c r="I20779" s="1" t="s">
        <v>72972</v>
      </c>
      <c r="J20779" s="1" t="s">
        <v>74243</v>
      </c>
    </row>
    <row r="20780" spans="1:10" x14ac:dyDescent="0.35">
      <c r="A20780" s="1" t="s">
        <v>74182</v>
      </c>
      <c r="B20780" s="1" t="s">
        <v>72967</v>
      </c>
      <c r="C20780" s="1" t="s">
        <v>115</v>
      </c>
      <c r="D20780" s="1" t="s">
        <v>15306</v>
      </c>
      <c r="E20780" s="1" t="s">
        <v>74244</v>
      </c>
      <c r="F20780" s="1" t="s">
        <v>74245</v>
      </c>
      <c r="G20780" s="1" t="s">
        <v>74184</v>
      </c>
      <c r="H20780" s="1" t="s">
        <v>74185</v>
      </c>
      <c r="I20780" s="1" t="s">
        <v>72972</v>
      </c>
      <c r="J20780" s="1" t="s">
        <v>74246</v>
      </c>
    </row>
    <row r="20781" spans="1:10" x14ac:dyDescent="0.35">
      <c r="A20781" s="1" t="s">
        <v>74182</v>
      </c>
      <c r="B20781" s="1" t="s">
        <v>72967</v>
      </c>
      <c r="C20781" s="1" t="s">
        <v>120</v>
      </c>
      <c r="D20781" s="1" t="s">
        <v>74247</v>
      </c>
      <c r="E20781" s="1" t="s">
        <v>73389</v>
      </c>
      <c r="F20781" s="1" t="s">
        <v>74248</v>
      </c>
      <c r="G20781" s="1" t="s">
        <v>74184</v>
      </c>
      <c r="H20781" s="1" t="s">
        <v>74185</v>
      </c>
      <c r="I20781" s="1" t="s">
        <v>72972</v>
      </c>
      <c r="J20781" s="1" t="s">
        <v>74249</v>
      </c>
    </row>
    <row r="20782" spans="1:10" x14ac:dyDescent="0.35">
      <c r="A20782" s="1" t="s">
        <v>74182</v>
      </c>
      <c r="B20782" s="1" t="s">
        <v>72967</v>
      </c>
      <c r="C20782" s="1" t="s">
        <v>125</v>
      </c>
      <c r="D20782" s="1" t="s">
        <v>74250</v>
      </c>
      <c r="E20782" s="1" t="s">
        <v>74251</v>
      </c>
      <c r="F20782" s="1" t="s">
        <v>74252</v>
      </c>
      <c r="G20782" s="1" t="s">
        <v>74184</v>
      </c>
      <c r="H20782" s="1" t="s">
        <v>74185</v>
      </c>
      <c r="I20782" s="1" t="s">
        <v>72972</v>
      </c>
      <c r="J20782" s="1" t="s">
        <v>74253</v>
      </c>
    </row>
    <row r="20783" spans="1:10" x14ac:dyDescent="0.35">
      <c r="A20783" s="1" t="s">
        <v>74182</v>
      </c>
      <c r="B20783" s="1" t="s">
        <v>72967</v>
      </c>
      <c r="C20783" s="1" t="s">
        <v>130</v>
      </c>
      <c r="D20783" s="1" t="s">
        <v>3691</v>
      </c>
      <c r="E20783" s="1" t="s">
        <v>74254</v>
      </c>
      <c r="F20783" s="1" t="s">
        <v>74255</v>
      </c>
      <c r="G20783" s="1" t="s">
        <v>74184</v>
      </c>
      <c r="H20783" s="1" t="s">
        <v>74185</v>
      </c>
      <c r="I20783" s="1" t="s">
        <v>72972</v>
      </c>
      <c r="J20783" s="1" t="s">
        <v>74256</v>
      </c>
    </row>
    <row r="20784" spans="1:10" x14ac:dyDescent="0.35">
      <c r="A20784" s="1" t="s">
        <v>74182</v>
      </c>
      <c r="B20784" s="1" t="s">
        <v>72967</v>
      </c>
      <c r="C20784" s="1" t="s">
        <v>135</v>
      </c>
      <c r="D20784" s="1" t="s">
        <v>5183</v>
      </c>
      <c r="E20784" s="1" t="s">
        <v>4828</v>
      </c>
      <c r="F20784" s="1" t="s">
        <v>74257</v>
      </c>
      <c r="G20784" s="1" t="s">
        <v>74184</v>
      </c>
      <c r="H20784" s="1" t="s">
        <v>74185</v>
      </c>
      <c r="I20784" s="1" t="s">
        <v>72972</v>
      </c>
      <c r="J20784" s="1" t="s">
        <v>74258</v>
      </c>
    </row>
    <row r="20785" spans="1:10" x14ac:dyDescent="0.35">
      <c r="A20785" s="1" t="s">
        <v>74182</v>
      </c>
      <c r="B20785" s="1" t="s">
        <v>72967</v>
      </c>
      <c r="C20785" s="1" t="s">
        <v>140</v>
      </c>
      <c r="D20785" s="1" t="s">
        <v>74259</v>
      </c>
      <c r="E20785" s="1" t="s">
        <v>74260</v>
      </c>
      <c r="F20785" s="1" t="s">
        <v>56311</v>
      </c>
      <c r="G20785" s="1" t="s">
        <v>74184</v>
      </c>
      <c r="H20785" s="1" t="s">
        <v>74185</v>
      </c>
      <c r="I20785" s="1" t="s">
        <v>72972</v>
      </c>
      <c r="J20785" s="1" t="s">
        <v>74261</v>
      </c>
    </row>
    <row r="20786" spans="1:10" x14ac:dyDescent="0.35">
      <c r="A20786" s="1" t="s">
        <v>74182</v>
      </c>
      <c r="B20786" s="1" t="s">
        <v>72967</v>
      </c>
      <c r="C20786" s="1" t="s">
        <v>145</v>
      </c>
      <c r="D20786" s="1" t="s">
        <v>74262</v>
      </c>
      <c r="E20786" s="1" t="s">
        <v>74263</v>
      </c>
      <c r="F20786" s="1" t="s">
        <v>74264</v>
      </c>
      <c r="G20786" s="1" t="s">
        <v>74184</v>
      </c>
      <c r="H20786" s="1" t="s">
        <v>74185</v>
      </c>
      <c r="I20786" s="1" t="s">
        <v>72972</v>
      </c>
      <c r="J20786" s="1" t="s">
        <v>74265</v>
      </c>
    </row>
    <row r="20787" spans="1:10" x14ac:dyDescent="0.35">
      <c r="A20787" s="1" t="s">
        <v>74182</v>
      </c>
      <c r="B20787" s="1" t="s">
        <v>72967</v>
      </c>
      <c r="C20787" s="1" t="s">
        <v>150</v>
      </c>
      <c r="D20787" s="1" t="s">
        <v>74266</v>
      </c>
      <c r="E20787" s="1" t="s">
        <v>74267</v>
      </c>
      <c r="F20787" s="1" t="s">
        <v>74268</v>
      </c>
      <c r="G20787" s="1" t="s">
        <v>74184</v>
      </c>
      <c r="H20787" s="1" t="s">
        <v>74185</v>
      </c>
      <c r="I20787" s="1" t="s">
        <v>72972</v>
      </c>
      <c r="J20787" s="1" t="s">
        <v>74269</v>
      </c>
    </row>
    <row r="20788" spans="1:10" x14ac:dyDescent="0.35">
      <c r="A20788" s="1" t="s">
        <v>74182</v>
      </c>
      <c r="B20788" s="1" t="s">
        <v>72967</v>
      </c>
      <c r="C20788" s="1" t="s">
        <v>155</v>
      </c>
      <c r="D20788" s="1" t="s">
        <v>74270</v>
      </c>
      <c r="E20788" s="1" t="s">
        <v>74271</v>
      </c>
      <c r="F20788" s="1" t="s">
        <v>74272</v>
      </c>
      <c r="G20788" s="1" t="s">
        <v>74184</v>
      </c>
      <c r="H20788" s="1" t="s">
        <v>74185</v>
      </c>
      <c r="I20788" s="1" t="s">
        <v>72972</v>
      </c>
      <c r="J20788" s="1" t="s">
        <v>74273</v>
      </c>
    </row>
    <row r="20789" spans="1:10" x14ac:dyDescent="0.35">
      <c r="A20789" s="1" t="s">
        <v>74182</v>
      </c>
      <c r="B20789" s="1" t="s">
        <v>72967</v>
      </c>
      <c r="C20789" s="1" t="s">
        <v>160</v>
      </c>
      <c r="D20789" s="1" t="s">
        <v>74274</v>
      </c>
      <c r="E20789" s="1" t="s">
        <v>74275</v>
      </c>
      <c r="F20789" s="1" t="s">
        <v>28347</v>
      </c>
      <c r="G20789" s="1" t="s">
        <v>74184</v>
      </c>
      <c r="H20789" s="1" t="s">
        <v>74185</v>
      </c>
      <c r="I20789" s="1" t="s">
        <v>72972</v>
      </c>
      <c r="J20789" s="1" t="s">
        <v>74276</v>
      </c>
    </row>
    <row r="20790" spans="1:10" x14ac:dyDescent="0.35">
      <c r="A20790" s="1" t="s">
        <v>74182</v>
      </c>
      <c r="B20790" s="1" t="s">
        <v>72967</v>
      </c>
      <c r="C20790" s="1" t="s">
        <v>165</v>
      </c>
      <c r="D20790" s="1" t="s">
        <v>31630</v>
      </c>
      <c r="E20790" s="1" t="s">
        <v>6732</v>
      </c>
      <c r="F20790" s="1" t="s">
        <v>74277</v>
      </c>
      <c r="G20790" s="1" t="s">
        <v>74184</v>
      </c>
      <c r="H20790" s="1" t="s">
        <v>74185</v>
      </c>
      <c r="I20790" s="1" t="s">
        <v>72972</v>
      </c>
      <c r="J20790" s="1" t="s">
        <v>74278</v>
      </c>
    </row>
    <row r="20791" spans="1:10" x14ac:dyDescent="0.35">
      <c r="A20791" s="1" t="s">
        <v>74182</v>
      </c>
      <c r="B20791" s="1" t="s">
        <v>72967</v>
      </c>
      <c r="C20791" s="1" t="s">
        <v>170</v>
      </c>
      <c r="D20791" s="1" t="s">
        <v>74279</v>
      </c>
      <c r="E20791" s="1" t="s">
        <v>74280</v>
      </c>
      <c r="F20791" s="1" t="s">
        <v>74281</v>
      </c>
      <c r="G20791" s="1" t="s">
        <v>74184</v>
      </c>
      <c r="H20791" s="1" t="s">
        <v>74185</v>
      </c>
      <c r="I20791" s="1" t="s">
        <v>72972</v>
      </c>
      <c r="J20791" s="1" t="s">
        <v>74282</v>
      </c>
    </row>
    <row r="20792" spans="1:10" x14ac:dyDescent="0.35">
      <c r="A20792" s="1" t="s">
        <v>74283</v>
      </c>
      <c r="B20792" s="1" t="s">
        <v>72967</v>
      </c>
      <c r="C20792" s="1" t="s">
        <v>8</v>
      </c>
      <c r="D20792" s="1" t="s">
        <v>74284</v>
      </c>
      <c r="E20792" s="1" t="s">
        <v>74285</v>
      </c>
      <c r="F20792" s="1" t="s">
        <v>74286</v>
      </c>
      <c r="G20792" s="1" t="s">
        <v>74287</v>
      </c>
      <c r="H20792" s="1" t="s">
        <v>74288</v>
      </c>
      <c r="I20792" s="1" t="s">
        <v>72972</v>
      </c>
      <c r="J20792" s="1" t="s">
        <v>13</v>
      </c>
    </row>
    <row r="20793" spans="1:10" x14ac:dyDescent="0.35">
      <c r="A20793" s="1" t="s">
        <v>74283</v>
      </c>
      <c r="B20793" s="1" t="s">
        <v>72967</v>
      </c>
      <c r="C20793" s="1" t="s">
        <v>15</v>
      </c>
      <c r="D20793" s="1" t="s">
        <v>33913</v>
      </c>
      <c r="E20793" s="1" t="s">
        <v>74289</v>
      </c>
      <c r="F20793" s="1" t="s">
        <v>74290</v>
      </c>
      <c r="G20793" s="1" t="s">
        <v>74287</v>
      </c>
      <c r="H20793" s="1" t="s">
        <v>74288</v>
      </c>
      <c r="I20793" s="1" t="s">
        <v>72972</v>
      </c>
      <c r="J20793" s="1" t="s">
        <v>74291</v>
      </c>
    </row>
    <row r="20794" spans="1:10" x14ac:dyDescent="0.35">
      <c r="A20794" s="1" t="s">
        <v>74283</v>
      </c>
      <c r="B20794" s="1" t="s">
        <v>72967</v>
      </c>
      <c r="C20794" s="1" t="s">
        <v>20</v>
      </c>
      <c r="D20794" s="1" t="s">
        <v>74292</v>
      </c>
      <c r="E20794" s="1" t="s">
        <v>74293</v>
      </c>
      <c r="F20794" s="1" t="s">
        <v>74294</v>
      </c>
      <c r="G20794" s="1" t="s">
        <v>74287</v>
      </c>
      <c r="H20794" s="1" t="s">
        <v>74288</v>
      </c>
      <c r="I20794" s="1" t="s">
        <v>72972</v>
      </c>
      <c r="J20794" s="1" t="s">
        <v>74295</v>
      </c>
    </row>
    <row r="20795" spans="1:10" x14ac:dyDescent="0.35">
      <c r="A20795" s="1" t="s">
        <v>74283</v>
      </c>
      <c r="B20795" s="1" t="s">
        <v>72967</v>
      </c>
      <c r="C20795" s="1" t="s">
        <v>25</v>
      </c>
      <c r="D20795" s="1" t="s">
        <v>37754</v>
      </c>
      <c r="E20795" s="1" t="s">
        <v>74296</v>
      </c>
      <c r="F20795" s="1" t="s">
        <v>74297</v>
      </c>
      <c r="G20795" s="1" t="s">
        <v>74287</v>
      </c>
      <c r="H20795" s="1" t="s">
        <v>74288</v>
      </c>
      <c r="I20795" s="1" t="s">
        <v>72972</v>
      </c>
      <c r="J20795" s="1" t="s">
        <v>74298</v>
      </c>
    </row>
    <row r="20796" spans="1:10" x14ac:dyDescent="0.35">
      <c r="A20796" s="1" t="s">
        <v>74283</v>
      </c>
      <c r="B20796" s="1" t="s">
        <v>72967</v>
      </c>
      <c r="C20796" s="1" t="s">
        <v>30</v>
      </c>
      <c r="D20796" s="1" t="s">
        <v>74299</v>
      </c>
      <c r="E20796" s="1" t="s">
        <v>74300</v>
      </c>
      <c r="F20796" s="1" t="s">
        <v>74301</v>
      </c>
      <c r="G20796" s="1" t="s">
        <v>74287</v>
      </c>
      <c r="H20796" s="1" t="s">
        <v>74288</v>
      </c>
      <c r="I20796" s="1" t="s">
        <v>72972</v>
      </c>
      <c r="J20796" s="1" t="s">
        <v>74302</v>
      </c>
    </row>
    <row r="20797" spans="1:10" x14ac:dyDescent="0.35">
      <c r="A20797" s="1" t="s">
        <v>74283</v>
      </c>
      <c r="B20797" s="1" t="s">
        <v>72967</v>
      </c>
      <c r="C20797" s="1" t="s">
        <v>35</v>
      </c>
      <c r="D20797" s="1" t="s">
        <v>74303</v>
      </c>
      <c r="E20797" s="1" t="s">
        <v>74304</v>
      </c>
      <c r="F20797" s="1" t="s">
        <v>74305</v>
      </c>
      <c r="G20797" s="1" t="s">
        <v>74287</v>
      </c>
      <c r="H20797" s="1" t="s">
        <v>74288</v>
      </c>
      <c r="I20797" s="1" t="s">
        <v>72972</v>
      </c>
      <c r="J20797" s="1" t="s">
        <v>74306</v>
      </c>
    </row>
    <row r="20798" spans="1:10" x14ac:dyDescent="0.35">
      <c r="A20798" s="1" t="s">
        <v>74283</v>
      </c>
      <c r="B20798" s="1" t="s">
        <v>72967</v>
      </c>
      <c r="C20798" s="1" t="s">
        <v>40</v>
      </c>
      <c r="D20798" s="1" t="s">
        <v>31979</v>
      </c>
      <c r="E20798" s="1" t="s">
        <v>74307</v>
      </c>
      <c r="F20798" s="1" t="s">
        <v>74308</v>
      </c>
      <c r="G20798" s="1" t="s">
        <v>74287</v>
      </c>
      <c r="H20798" s="1" t="s">
        <v>74288</v>
      </c>
      <c r="I20798" s="1" t="s">
        <v>72972</v>
      </c>
      <c r="J20798" s="1" t="s">
        <v>74309</v>
      </c>
    </row>
    <row r="20799" spans="1:10" x14ac:dyDescent="0.35">
      <c r="A20799" s="1" t="s">
        <v>74283</v>
      </c>
      <c r="B20799" s="1" t="s">
        <v>72967</v>
      </c>
      <c r="C20799" s="1" t="s">
        <v>45</v>
      </c>
      <c r="D20799" s="1" t="s">
        <v>74310</v>
      </c>
      <c r="E20799" s="1" t="s">
        <v>74311</v>
      </c>
      <c r="F20799" s="1" t="s">
        <v>74312</v>
      </c>
      <c r="G20799" s="1" t="s">
        <v>74287</v>
      </c>
      <c r="H20799" s="1" t="s">
        <v>74288</v>
      </c>
      <c r="I20799" s="1" t="s">
        <v>72972</v>
      </c>
      <c r="J20799" s="1" t="s">
        <v>74313</v>
      </c>
    </row>
    <row r="20800" spans="1:10" x14ac:dyDescent="0.35">
      <c r="A20800" s="1" t="s">
        <v>74283</v>
      </c>
      <c r="B20800" s="1" t="s">
        <v>72967</v>
      </c>
      <c r="C20800" s="1" t="s">
        <v>50</v>
      </c>
      <c r="D20800" s="1" t="s">
        <v>74314</v>
      </c>
      <c r="E20800" s="1" t="s">
        <v>74315</v>
      </c>
      <c r="F20800" s="1" t="s">
        <v>74316</v>
      </c>
      <c r="G20800" s="1" t="s">
        <v>74287</v>
      </c>
      <c r="H20800" s="1" t="s">
        <v>74288</v>
      </c>
      <c r="I20800" s="1" t="s">
        <v>72972</v>
      </c>
      <c r="J20800" s="1" t="s">
        <v>74317</v>
      </c>
    </row>
    <row r="20801" spans="1:10" x14ac:dyDescent="0.35">
      <c r="A20801" s="1" t="s">
        <v>74283</v>
      </c>
      <c r="B20801" s="1" t="s">
        <v>72967</v>
      </c>
      <c r="C20801" s="1" t="s">
        <v>55</v>
      </c>
      <c r="D20801" s="1" t="s">
        <v>74318</v>
      </c>
      <c r="E20801" s="1" t="s">
        <v>74319</v>
      </c>
      <c r="F20801" s="1" t="s">
        <v>74320</v>
      </c>
      <c r="G20801" s="1" t="s">
        <v>74287</v>
      </c>
      <c r="H20801" s="1" t="s">
        <v>74288</v>
      </c>
      <c r="I20801" s="1" t="s">
        <v>72972</v>
      </c>
      <c r="J20801" s="1" t="s">
        <v>74321</v>
      </c>
    </row>
    <row r="20802" spans="1:10" x14ac:dyDescent="0.35">
      <c r="A20802" s="1" t="s">
        <v>74283</v>
      </c>
      <c r="B20802" s="1" t="s">
        <v>72967</v>
      </c>
      <c r="C20802" s="1" t="s">
        <v>60</v>
      </c>
      <c r="D20802" s="1" t="s">
        <v>71642</v>
      </c>
      <c r="E20802" s="1" t="s">
        <v>74322</v>
      </c>
      <c r="F20802" s="1" t="s">
        <v>74323</v>
      </c>
      <c r="G20802" s="1" t="s">
        <v>74287</v>
      </c>
      <c r="H20802" s="1" t="s">
        <v>74288</v>
      </c>
      <c r="I20802" s="1" t="s">
        <v>72972</v>
      </c>
      <c r="J20802" s="1" t="s">
        <v>74324</v>
      </c>
    </row>
    <row r="20803" spans="1:10" x14ac:dyDescent="0.35">
      <c r="A20803" s="1" t="s">
        <v>74283</v>
      </c>
      <c r="B20803" s="1" t="s">
        <v>72967</v>
      </c>
      <c r="C20803" s="1" t="s">
        <v>65</v>
      </c>
      <c r="D20803" s="1" t="s">
        <v>32121</v>
      </c>
      <c r="E20803" s="1" t="s">
        <v>74325</v>
      </c>
      <c r="F20803" s="1" t="s">
        <v>74326</v>
      </c>
      <c r="G20803" s="1" t="s">
        <v>74287</v>
      </c>
      <c r="H20803" s="1" t="s">
        <v>74288</v>
      </c>
      <c r="I20803" s="1" t="s">
        <v>72972</v>
      </c>
      <c r="J20803" s="1" t="s">
        <v>74327</v>
      </c>
    </row>
    <row r="20804" spans="1:10" x14ac:dyDescent="0.35">
      <c r="A20804" s="1" t="s">
        <v>74283</v>
      </c>
      <c r="B20804" s="1" t="s">
        <v>72967</v>
      </c>
      <c r="C20804" s="1" t="s">
        <v>70</v>
      </c>
      <c r="D20804" s="1" t="s">
        <v>18849</v>
      </c>
      <c r="E20804" s="1" t="s">
        <v>74328</v>
      </c>
      <c r="F20804" s="1" t="s">
        <v>74329</v>
      </c>
      <c r="G20804" s="1" t="s">
        <v>74287</v>
      </c>
      <c r="H20804" s="1" t="s">
        <v>74288</v>
      </c>
      <c r="I20804" s="1" t="s">
        <v>72972</v>
      </c>
      <c r="J20804" s="1" t="s">
        <v>74330</v>
      </c>
    </row>
    <row r="20805" spans="1:10" x14ac:dyDescent="0.35">
      <c r="A20805" s="1" t="s">
        <v>74283</v>
      </c>
      <c r="B20805" s="1" t="s">
        <v>72967</v>
      </c>
      <c r="C20805" s="1" t="s">
        <v>75</v>
      </c>
      <c r="D20805" s="1" t="s">
        <v>74331</v>
      </c>
      <c r="E20805" s="1" t="s">
        <v>74332</v>
      </c>
      <c r="F20805" s="1" t="s">
        <v>74333</v>
      </c>
      <c r="G20805" s="1" t="s">
        <v>74287</v>
      </c>
      <c r="H20805" s="1" t="s">
        <v>74288</v>
      </c>
      <c r="I20805" s="1" t="s">
        <v>72972</v>
      </c>
      <c r="J20805" s="1" t="s">
        <v>74334</v>
      </c>
    </row>
    <row r="20806" spans="1:10" x14ac:dyDescent="0.35">
      <c r="A20806" s="1" t="s">
        <v>74283</v>
      </c>
      <c r="B20806" s="1" t="s">
        <v>72967</v>
      </c>
      <c r="C20806" s="1" t="s">
        <v>80</v>
      </c>
      <c r="D20806" s="1" t="s">
        <v>76</v>
      </c>
      <c r="E20806" s="1" t="s">
        <v>74335</v>
      </c>
      <c r="F20806" s="1" t="s">
        <v>74336</v>
      </c>
      <c r="G20806" s="1" t="s">
        <v>74287</v>
      </c>
      <c r="H20806" s="1" t="s">
        <v>74288</v>
      </c>
      <c r="I20806" s="1" t="s">
        <v>72972</v>
      </c>
      <c r="J20806" s="1" t="s">
        <v>74337</v>
      </c>
    </row>
    <row r="20807" spans="1:10" x14ac:dyDescent="0.35">
      <c r="A20807" s="1" t="s">
        <v>74283</v>
      </c>
      <c r="B20807" s="1" t="s">
        <v>72967</v>
      </c>
      <c r="C20807" s="1" t="s">
        <v>85</v>
      </c>
      <c r="D20807" s="1" t="s">
        <v>74338</v>
      </c>
      <c r="E20807" s="1" t="s">
        <v>74339</v>
      </c>
      <c r="F20807" s="1" t="s">
        <v>74340</v>
      </c>
      <c r="G20807" s="1" t="s">
        <v>74287</v>
      </c>
      <c r="H20807" s="1" t="s">
        <v>74288</v>
      </c>
      <c r="I20807" s="1" t="s">
        <v>72972</v>
      </c>
      <c r="J20807" s="1" t="s">
        <v>74341</v>
      </c>
    </row>
    <row r="20808" spans="1:10" x14ac:dyDescent="0.35">
      <c r="A20808" s="1" t="s">
        <v>74283</v>
      </c>
      <c r="B20808" s="1" t="s">
        <v>72967</v>
      </c>
      <c r="C20808" s="1" t="s">
        <v>90</v>
      </c>
      <c r="D20808" s="1" t="s">
        <v>74342</v>
      </c>
      <c r="E20808" s="1" t="s">
        <v>74343</v>
      </c>
      <c r="F20808" s="1" t="s">
        <v>74344</v>
      </c>
      <c r="G20808" s="1" t="s">
        <v>74287</v>
      </c>
      <c r="H20808" s="1" t="s">
        <v>74288</v>
      </c>
      <c r="I20808" s="1" t="s">
        <v>72972</v>
      </c>
      <c r="J20808" s="1" t="s">
        <v>74345</v>
      </c>
    </row>
    <row r="20809" spans="1:10" x14ac:dyDescent="0.35">
      <c r="A20809" s="1" t="s">
        <v>74283</v>
      </c>
      <c r="B20809" s="1" t="s">
        <v>72967</v>
      </c>
      <c r="C20809" s="1" t="s">
        <v>95</v>
      </c>
      <c r="D20809" s="1" t="s">
        <v>36430</v>
      </c>
      <c r="E20809" s="1" t="s">
        <v>74346</v>
      </c>
      <c r="F20809" s="1" t="s">
        <v>74347</v>
      </c>
      <c r="G20809" s="1" t="s">
        <v>74287</v>
      </c>
      <c r="H20809" s="1" t="s">
        <v>74288</v>
      </c>
      <c r="I20809" s="1" t="s">
        <v>72972</v>
      </c>
      <c r="J20809" s="1" t="s">
        <v>74348</v>
      </c>
    </row>
    <row r="20810" spans="1:10" x14ac:dyDescent="0.35">
      <c r="A20810" s="1" t="s">
        <v>74283</v>
      </c>
      <c r="B20810" s="1" t="s">
        <v>72967</v>
      </c>
      <c r="C20810" s="1" t="s">
        <v>100</v>
      </c>
      <c r="D20810" s="1" t="s">
        <v>74349</v>
      </c>
      <c r="E20810" s="1" t="s">
        <v>74350</v>
      </c>
      <c r="F20810" s="1" t="s">
        <v>74351</v>
      </c>
      <c r="G20810" s="1" t="s">
        <v>74287</v>
      </c>
      <c r="H20810" s="1" t="s">
        <v>74288</v>
      </c>
      <c r="I20810" s="1" t="s">
        <v>72972</v>
      </c>
      <c r="J20810" s="1" t="s">
        <v>74352</v>
      </c>
    </row>
    <row r="20811" spans="1:10" x14ac:dyDescent="0.35">
      <c r="A20811" s="1" t="s">
        <v>74283</v>
      </c>
      <c r="B20811" s="1" t="s">
        <v>72967</v>
      </c>
      <c r="C20811" s="1" t="s">
        <v>105</v>
      </c>
      <c r="D20811" s="1" t="s">
        <v>74353</v>
      </c>
      <c r="E20811" s="1" t="s">
        <v>74354</v>
      </c>
      <c r="F20811" s="1" t="s">
        <v>74355</v>
      </c>
      <c r="G20811" s="1" t="s">
        <v>74287</v>
      </c>
      <c r="H20811" s="1" t="s">
        <v>74288</v>
      </c>
      <c r="I20811" s="1" t="s">
        <v>72972</v>
      </c>
      <c r="J20811" s="1" t="s">
        <v>74356</v>
      </c>
    </row>
    <row r="20812" spans="1:10" x14ac:dyDescent="0.35">
      <c r="A20812" s="1" t="s">
        <v>74283</v>
      </c>
      <c r="B20812" s="1" t="s">
        <v>72967</v>
      </c>
      <c r="C20812" s="1" t="s">
        <v>110</v>
      </c>
      <c r="D20812" s="1" t="s">
        <v>36639</v>
      </c>
      <c r="E20812" s="1" t="s">
        <v>74357</v>
      </c>
      <c r="F20812" s="1" t="s">
        <v>74358</v>
      </c>
      <c r="G20812" s="1" t="s">
        <v>74287</v>
      </c>
      <c r="H20812" s="1" t="s">
        <v>74288</v>
      </c>
      <c r="I20812" s="1" t="s">
        <v>72972</v>
      </c>
      <c r="J20812" s="1" t="s">
        <v>74359</v>
      </c>
    </row>
    <row r="20813" spans="1:10" x14ac:dyDescent="0.35">
      <c r="A20813" s="1" t="s">
        <v>74283</v>
      </c>
      <c r="B20813" s="1" t="s">
        <v>72967</v>
      </c>
      <c r="C20813" s="1" t="s">
        <v>115</v>
      </c>
      <c r="D20813" s="1" t="s">
        <v>74360</v>
      </c>
      <c r="E20813" s="1" t="s">
        <v>74361</v>
      </c>
      <c r="F20813" s="1" t="s">
        <v>74362</v>
      </c>
      <c r="G20813" s="1" t="s">
        <v>74287</v>
      </c>
      <c r="H20813" s="1" t="s">
        <v>74288</v>
      </c>
      <c r="I20813" s="1" t="s">
        <v>72972</v>
      </c>
      <c r="J20813" s="1" t="s">
        <v>74363</v>
      </c>
    </row>
    <row r="20814" spans="1:10" x14ac:dyDescent="0.35">
      <c r="A20814" s="1" t="s">
        <v>74283</v>
      </c>
      <c r="B20814" s="1" t="s">
        <v>72967</v>
      </c>
      <c r="C20814" s="1" t="s">
        <v>120</v>
      </c>
      <c r="D20814" s="1" t="s">
        <v>47267</v>
      </c>
      <c r="E20814" s="1" t="s">
        <v>74364</v>
      </c>
      <c r="F20814" s="1" t="s">
        <v>74365</v>
      </c>
      <c r="G20814" s="1" t="s">
        <v>74287</v>
      </c>
      <c r="H20814" s="1" t="s">
        <v>74288</v>
      </c>
      <c r="I20814" s="1" t="s">
        <v>72972</v>
      </c>
      <c r="J20814" s="1" t="s">
        <v>74366</v>
      </c>
    </row>
    <row r="20815" spans="1:10" x14ac:dyDescent="0.35">
      <c r="A20815" s="1" t="s">
        <v>74283</v>
      </c>
      <c r="B20815" s="1" t="s">
        <v>72967</v>
      </c>
      <c r="C20815" s="1" t="s">
        <v>125</v>
      </c>
      <c r="D20815" s="1" t="s">
        <v>74367</v>
      </c>
      <c r="E20815" s="1" t="s">
        <v>74368</v>
      </c>
      <c r="F20815" s="1" t="s">
        <v>74369</v>
      </c>
      <c r="G20815" s="1" t="s">
        <v>74287</v>
      </c>
      <c r="H20815" s="1" t="s">
        <v>74288</v>
      </c>
      <c r="I20815" s="1" t="s">
        <v>72972</v>
      </c>
      <c r="J20815" s="1" t="s">
        <v>74370</v>
      </c>
    </row>
    <row r="20816" spans="1:10" x14ac:dyDescent="0.35">
      <c r="A20816" s="1" t="s">
        <v>74283</v>
      </c>
      <c r="B20816" s="1" t="s">
        <v>72967</v>
      </c>
      <c r="C20816" s="1" t="s">
        <v>130</v>
      </c>
      <c r="D20816" s="1" t="s">
        <v>74371</v>
      </c>
      <c r="E20816" s="1" t="s">
        <v>74372</v>
      </c>
      <c r="F20816" s="1" t="s">
        <v>74373</v>
      </c>
      <c r="G20816" s="1" t="s">
        <v>74287</v>
      </c>
      <c r="H20816" s="1" t="s">
        <v>74288</v>
      </c>
      <c r="I20816" s="1" t="s">
        <v>72972</v>
      </c>
      <c r="J20816" s="1" t="s">
        <v>74374</v>
      </c>
    </row>
    <row r="20817" spans="1:10" x14ac:dyDescent="0.35">
      <c r="A20817" s="1" t="s">
        <v>74283</v>
      </c>
      <c r="B20817" s="1" t="s">
        <v>72967</v>
      </c>
      <c r="C20817" s="1" t="s">
        <v>135</v>
      </c>
      <c r="D20817" s="1" t="s">
        <v>32661</v>
      </c>
      <c r="E20817" s="1" t="s">
        <v>74375</v>
      </c>
      <c r="F20817" s="1" t="s">
        <v>74376</v>
      </c>
      <c r="G20817" s="1" t="s">
        <v>74287</v>
      </c>
      <c r="H20817" s="1" t="s">
        <v>74288</v>
      </c>
      <c r="I20817" s="1" t="s">
        <v>72972</v>
      </c>
      <c r="J20817" s="1" t="s">
        <v>74377</v>
      </c>
    </row>
    <row r="20818" spans="1:10" x14ac:dyDescent="0.35">
      <c r="A20818" s="1" t="s">
        <v>74283</v>
      </c>
      <c r="B20818" s="1" t="s">
        <v>72967</v>
      </c>
      <c r="C20818" s="1" t="s">
        <v>140</v>
      </c>
      <c r="D20818" s="1" t="s">
        <v>31796</v>
      </c>
      <c r="E20818" s="1" t="s">
        <v>74378</v>
      </c>
      <c r="F20818" s="1" t="s">
        <v>74379</v>
      </c>
      <c r="G20818" s="1" t="s">
        <v>74287</v>
      </c>
      <c r="H20818" s="1" t="s">
        <v>74288</v>
      </c>
      <c r="I20818" s="1" t="s">
        <v>72972</v>
      </c>
      <c r="J20818" s="1" t="s">
        <v>74380</v>
      </c>
    </row>
    <row r="20819" spans="1:10" x14ac:dyDescent="0.35">
      <c r="A20819" s="1" t="s">
        <v>74283</v>
      </c>
      <c r="B20819" s="1" t="s">
        <v>72967</v>
      </c>
      <c r="C20819" s="1" t="s">
        <v>145</v>
      </c>
      <c r="D20819" s="1" t="s">
        <v>74381</v>
      </c>
      <c r="E20819" s="1" t="s">
        <v>74382</v>
      </c>
      <c r="F20819" s="1" t="s">
        <v>74383</v>
      </c>
      <c r="G20819" s="1" t="s">
        <v>74287</v>
      </c>
      <c r="H20819" s="1" t="s">
        <v>74288</v>
      </c>
      <c r="I20819" s="1" t="s">
        <v>72972</v>
      </c>
      <c r="J20819" s="1" t="s">
        <v>74384</v>
      </c>
    </row>
    <row r="20820" spans="1:10" x14ac:dyDescent="0.35">
      <c r="A20820" s="1" t="s">
        <v>74283</v>
      </c>
      <c r="B20820" s="1" t="s">
        <v>72967</v>
      </c>
      <c r="C20820" s="1" t="s">
        <v>150</v>
      </c>
      <c r="D20820" s="1" t="s">
        <v>74385</v>
      </c>
      <c r="E20820" s="1" t="s">
        <v>74386</v>
      </c>
      <c r="F20820" s="1" t="s">
        <v>74387</v>
      </c>
      <c r="G20820" s="1" t="s">
        <v>74287</v>
      </c>
      <c r="H20820" s="1" t="s">
        <v>74288</v>
      </c>
      <c r="I20820" s="1" t="s">
        <v>72972</v>
      </c>
      <c r="J20820" s="1" t="s">
        <v>74388</v>
      </c>
    </row>
    <row r="20821" spans="1:10" x14ac:dyDescent="0.35">
      <c r="A20821" s="1" t="s">
        <v>74283</v>
      </c>
      <c r="B20821" s="1" t="s">
        <v>72967</v>
      </c>
      <c r="C20821" s="1" t="s">
        <v>155</v>
      </c>
      <c r="D20821" s="1" t="s">
        <v>74389</v>
      </c>
      <c r="E20821" s="1" t="s">
        <v>74390</v>
      </c>
      <c r="F20821" s="1" t="s">
        <v>74391</v>
      </c>
      <c r="G20821" s="1" t="s">
        <v>74287</v>
      </c>
      <c r="H20821" s="1" t="s">
        <v>74288</v>
      </c>
      <c r="I20821" s="1" t="s">
        <v>72972</v>
      </c>
      <c r="J20821" s="1" t="s">
        <v>74392</v>
      </c>
    </row>
    <row r="20822" spans="1:10" x14ac:dyDescent="0.35">
      <c r="A20822" s="1" t="s">
        <v>74283</v>
      </c>
      <c r="B20822" s="1" t="s">
        <v>72967</v>
      </c>
      <c r="C20822" s="1" t="s">
        <v>160</v>
      </c>
      <c r="D20822" s="1" t="s">
        <v>74393</v>
      </c>
      <c r="E20822" s="1" t="s">
        <v>74394</v>
      </c>
      <c r="F20822" s="1" t="s">
        <v>74395</v>
      </c>
      <c r="G20822" s="1" t="s">
        <v>74287</v>
      </c>
      <c r="H20822" s="1" t="s">
        <v>74288</v>
      </c>
      <c r="I20822" s="1" t="s">
        <v>72972</v>
      </c>
      <c r="J20822" s="1" t="s">
        <v>74396</v>
      </c>
    </row>
    <row r="20823" spans="1:10" x14ac:dyDescent="0.35">
      <c r="A20823" s="1" t="s">
        <v>74283</v>
      </c>
      <c r="B20823" s="1" t="s">
        <v>72967</v>
      </c>
      <c r="C20823" s="1" t="s">
        <v>165</v>
      </c>
      <c r="D20823" s="1" t="s">
        <v>37223</v>
      </c>
      <c r="E20823" s="1" t="s">
        <v>74397</v>
      </c>
      <c r="F20823" s="1" t="s">
        <v>74398</v>
      </c>
      <c r="G20823" s="1" t="s">
        <v>74287</v>
      </c>
      <c r="H20823" s="1" t="s">
        <v>74288</v>
      </c>
      <c r="I20823" s="1" t="s">
        <v>72972</v>
      </c>
      <c r="J20823" s="1" t="s">
        <v>74399</v>
      </c>
    </row>
    <row r="20824" spans="1:10" x14ac:dyDescent="0.35">
      <c r="A20824" s="1" t="s">
        <v>74283</v>
      </c>
      <c r="B20824" s="1" t="s">
        <v>72967</v>
      </c>
      <c r="C20824" s="1" t="s">
        <v>170</v>
      </c>
      <c r="D20824" s="1" t="s">
        <v>19079</v>
      </c>
      <c r="E20824" s="1" t="s">
        <v>74400</v>
      </c>
      <c r="F20824" s="1" t="s">
        <v>74401</v>
      </c>
      <c r="G20824" s="1" t="s">
        <v>74287</v>
      </c>
      <c r="H20824" s="1" t="s">
        <v>74288</v>
      </c>
      <c r="I20824" s="1" t="s">
        <v>72972</v>
      </c>
      <c r="J20824" s="1" t="s">
        <v>74402</v>
      </c>
    </row>
    <row r="20825" spans="1:10" x14ac:dyDescent="0.35">
      <c r="A20825" s="1" t="s">
        <v>74403</v>
      </c>
      <c r="B20825" s="1" t="s">
        <v>72967</v>
      </c>
      <c r="C20825" s="1" t="s">
        <v>8</v>
      </c>
      <c r="D20825" s="1" t="s">
        <v>36156</v>
      </c>
      <c r="E20825" s="1" t="s">
        <v>74404</v>
      </c>
      <c r="F20825" s="1" t="s">
        <v>74405</v>
      </c>
      <c r="G20825" s="1" t="s">
        <v>74406</v>
      </c>
      <c r="H20825" s="1" t="s">
        <v>74407</v>
      </c>
      <c r="I20825" s="1" t="s">
        <v>72972</v>
      </c>
      <c r="J20825" s="1" t="s">
        <v>13</v>
      </c>
    </row>
    <row r="20826" spans="1:10" x14ac:dyDescent="0.35">
      <c r="A20826" s="1" t="s">
        <v>74403</v>
      </c>
      <c r="B20826" s="1" t="s">
        <v>72967</v>
      </c>
      <c r="C20826" s="1" t="s">
        <v>15</v>
      </c>
      <c r="D20826" s="1" t="s">
        <v>74186</v>
      </c>
      <c r="E20826" s="1" t="s">
        <v>74408</v>
      </c>
      <c r="F20826" s="1" t="s">
        <v>74409</v>
      </c>
      <c r="G20826" s="1" t="s">
        <v>74406</v>
      </c>
      <c r="H20826" s="1" t="s">
        <v>74407</v>
      </c>
      <c r="I20826" s="1" t="s">
        <v>72972</v>
      </c>
      <c r="J20826" s="1" t="s">
        <v>74188</v>
      </c>
    </row>
    <row r="20827" spans="1:10" x14ac:dyDescent="0.35">
      <c r="A20827" s="1" t="s">
        <v>74403</v>
      </c>
      <c r="B20827" s="1" t="s">
        <v>72967</v>
      </c>
      <c r="C20827" s="1" t="s">
        <v>20</v>
      </c>
      <c r="D20827" s="1" t="s">
        <v>74189</v>
      </c>
      <c r="E20827" s="1" t="s">
        <v>74410</v>
      </c>
      <c r="F20827" s="1" t="s">
        <v>74411</v>
      </c>
      <c r="G20827" s="1" t="s">
        <v>74406</v>
      </c>
      <c r="H20827" s="1" t="s">
        <v>74407</v>
      </c>
      <c r="I20827" s="1" t="s">
        <v>72972</v>
      </c>
      <c r="J20827" s="1" t="s">
        <v>74191</v>
      </c>
    </row>
    <row r="20828" spans="1:10" x14ac:dyDescent="0.35">
      <c r="A20828" s="1" t="s">
        <v>74403</v>
      </c>
      <c r="B20828" s="1" t="s">
        <v>72967</v>
      </c>
      <c r="C20828" s="1" t="s">
        <v>25</v>
      </c>
      <c r="D20828" s="1" t="s">
        <v>74412</v>
      </c>
      <c r="E20828" s="1" t="s">
        <v>74413</v>
      </c>
      <c r="F20828" s="1" t="s">
        <v>74414</v>
      </c>
      <c r="G20828" s="1" t="s">
        <v>74406</v>
      </c>
      <c r="H20828" s="1" t="s">
        <v>74407</v>
      </c>
      <c r="I20828" s="1" t="s">
        <v>72972</v>
      </c>
      <c r="J20828" s="1" t="s">
        <v>74415</v>
      </c>
    </row>
    <row r="20829" spans="1:10" x14ac:dyDescent="0.35">
      <c r="A20829" s="1" t="s">
        <v>74403</v>
      </c>
      <c r="B20829" s="1" t="s">
        <v>72967</v>
      </c>
      <c r="C20829" s="1" t="s">
        <v>30</v>
      </c>
      <c r="D20829" s="1" t="s">
        <v>36715</v>
      </c>
      <c r="E20829" s="1" t="s">
        <v>74416</v>
      </c>
      <c r="F20829" s="1" t="s">
        <v>74417</v>
      </c>
      <c r="G20829" s="1" t="s">
        <v>74406</v>
      </c>
      <c r="H20829" s="1" t="s">
        <v>74407</v>
      </c>
      <c r="I20829" s="1" t="s">
        <v>72972</v>
      </c>
      <c r="J20829" s="1" t="s">
        <v>74418</v>
      </c>
    </row>
    <row r="20830" spans="1:10" x14ac:dyDescent="0.35">
      <c r="A20830" s="1" t="s">
        <v>74403</v>
      </c>
      <c r="B20830" s="1" t="s">
        <v>72967</v>
      </c>
      <c r="C20830" s="1" t="s">
        <v>35</v>
      </c>
      <c r="D20830" s="1" t="s">
        <v>35243</v>
      </c>
      <c r="E20830" s="1" t="s">
        <v>74419</v>
      </c>
      <c r="F20830" s="1" t="s">
        <v>74420</v>
      </c>
      <c r="G20830" s="1" t="s">
        <v>74406</v>
      </c>
      <c r="H20830" s="1" t="s">
        <v>74407</v>
      </c>
      <c r="I20830" s="1" t="s">
        <v>72972</v>
      </c>
      <c r="J20830" s="1" t="s">
        <v>74421</v>
      </c>
    </row>
    <row r="20831" spans="1:10" x14ac:dyDescent="0.35">
      <c r="A20831" s="1" t="s">
        <v>74403</v>
      </c>
      <c r="B20831" s="1" t="s">
        <v>72967</v>
      </c>
      <c r="C20831" s="1" t="s">
        <v>40</v>
      </c>
      <c r="D20831" s="1" t="s">
        <v>45500</v>
      </c>
      <c r="E20831" s="1" t="s">
        <v>74422</v>
      </c>
      <c r="F20831" s="1" t="s">
        <v>74423</v>
      </c>
      <c r="G20831" s="1" t="s">
        <v>74406</v>
      </c>
      <c r="H20831" s="1" t="s">
        <v>74407</v>
      </c>
      <c r="I20831" s="1" t="s">
        <v>72972</v>
      </c>
      <c r="J20831" s="1" t="s">
        <v>74424</v>
      </c>
    </row>
    <row r="20832" spans="1:10" x14ac:dyDescent="0.35">
      <c r="A20832" s="1" t="s">
        <v>74403</v>
      </c>
      <c r="B20832" s="1" t="s">
        <v>72967</v>
      </c>
      <c r="C20832" s="1" t="s">
        <v>45</v>
      </c>
      <c r="D20832" s="1" t="s">
        <v>15744</v>
      </c>
      <c r="E20832" s="1" t="s">
        <v>74425</v>
      </c>
      <c r="F20832" s="1" t="s">
        <v>74426</v>
      </c>
      <c r="G20832" s="1" t="s">
        <v>74406</v>
      </c>
      <c r="H20832" s="1" t="s">
        <v>74407</v>
      </c>
      <c r="I20832" s="1" t="s">
        <v>72972</v>
      </c>
      <c r="J20832" s="1" t="s">
        <v>74427</v>
      </c>
    </row>
    <row r="20833" spans="1:10" x14ac:dyDescent="0.35">
      <c r="A20833" s="1" t="s">
        <v>74403</v>
      </c>
      <c r="B20833" s="1" t="s">
        <v>72967</v>
      </c>
      <c r="C20833" s="1" t="s">
        <v>50</v>
      </c>
      <c r="D20833" s="1" t="s">
        <v>74428</v>
      </c>
      <c r="E20833" s="1" t="s">
        <v>74429</v>
      </c>
      <c r="F20833" s="1" t="s">
        <v>74430</v>
      </c>
      <c r="G20833" s="1" t="s">
        <v>74406</v>
      </c>
      <c r="H20833" s="1" t="s">
        <v>74407</v>
      </c>
      <c r="I20833" s="1" t="s">
        <v>72972</v>
      </c>
      <c r="J20833" s="1" t="s">
        <v>74431</v>
      </c>
    </row>
    <row r="20834" spans="1:10" x14ac:dyDescent="0.35">
      <c r="A20834" s="1" t="s">
        <v>74403</v>
      </c>
      <c r="B20834" s="1" t="s">
        <v>72967</v>
      </c>
      <c r="C20834" s="1" t="s">
        <v>55</v>
      </c>
      <c r="D20834" s="1" t="s">
        <v>29129</v>
      </c>
      <c r="E20834" s="1" t="s">
        <v>74432</v>
      </c>
      <c r="F20834" s="1" t="s">
        <v>74433</v>
      </c>
      <c r="G20834" s="1" t="s">
        <v>74406</v>
      </c>
      <c r="H20834" s="1" t="s">
        <v>74407</v>
      </c>
      <c r="I20834" s="1" t="s">
        <v>72972</v>
      </c>
      <c r="J20834" s="1" t="s">
        <v>74434</v>
      </c>
    </row>
    <row r="20835" spans="1:10" x14ac:dyDescent="0.35">
      <c r="A20835" s="1" t="s">
        <v>74403</v>
      </c>
      <c r="B20835" s="1" t="s">
        <v>72967</v>
      </c>
      <c r="C20835" s="1" t="s">
        <v>60</v>
      </c>
      <c r="D20835" s="1" t="s">
        <v>74435</v>
      </c>
      <c r="E20835" s="1" t="s">
        <v>74436</v>
      </c>
      <c r="F20835" s="1" t="s">
        <v>74437</v>
      </c>
      <c r="G20835" s="1" t="s">
        <v>74406</v>
      </c>
      <c r="H20835" s="1" t="s">
        <v>74407</v>
      </c>
      <c r="I20835" s="1" t="s">
        <v>72972</v>
      </c>
      <c r="J20835" s="1" t="s">
        <v>74438</v>
      </c>
    </row>
    <row r="20836" spans="1:10" x14ac:dyDescent="0.35">
      <c r="A20836" s="1" t="s">
        <v>74403</v>
      </c>
      <c r="B20836" s="1" t="s">
        <v>72967</v>
      </c>
      <c r="C20836" s="1" t="s">
        <v>65</v>
      </c>
      <c r="D20836" s="1" t="s">
        <v>34387</v>
      </c>
      <c r="E20836" s="1" t="s">
        <v>74439</v>
      </c>
      <c r="F20836" s="1" t="s">
        <v>74440</v>
      </c>
      <c r="G20836" s="1" t="s">
        <v>74406</v>
      </c>
      <c r="H20836" s="1" t="s">
        <v>74407</v>
      </c>
      <c r="I20836" s="1" t="s">
        <v>72972</v>
      </c>
      <c r="J20836" s="1" t="s">
        <v>74441</v>
      </c>
    </row>
    <row r="20837" spans="1:10" x14ac:dyDescent="0.35">
      <c r="A20837" s="1" t="s">
        <v>74403</v>
      </c>
      <c r="B20837" s="1" t="s">
        <v>72967</v>
      </c>
      <c r="C20837" s="1" t="s">
        <v>70</v>
      </c>
      <c r="D20837" s="1" t="s">
        <v>9558</v>
      </c>
      <c r="E20837" s="1" t="s">
        <v>74442</v>
      </c>
      <c r="F20837" s="1" t="s">
        <v>74443</v>
      </c>
      <c r="G20837" s="1" t="s">
        <v>74406</v>
      </c>
      <c r="H20837" s="1" t="s">
        <v>74407</v>
      </c>
      <c r="I20837" s="1" t="s">
        <v>72972</v>
      </c>
      <c r="J20837" s="1" t="s">
        <v>74444</v>
      </c>
    </row>
    <row r="20838" spans="1:10" x14ac:dyDescent="0.35">
      <c r="A20838" s="1" t="s">
        <v>74403</v>
      </c>
      <c r="B20838" s="1" t="s">
        <v>72967</v>
      </c>
      <c r="C20838" s="1" t="s">
        <v>75</v>
      </c>
      <c r="D20838" s="1" t="s">
        <v>74445</v>
      </c>
      <c r="E20838" s="1" t="s">
        <v>74446</v>
      </c>
      <c r="F20838" s="1" t="s">
        <v>74447</v>
      </c>
      <c r="G20838" s="1" t="s">
        <v>74406</v>
      </c>
      <c r="H20838" s="1" t="s">
        <v>74407</v>
      </c>
      <c r="I20838" s="1" t="s">
        <v>72972</v>
      </c>
      <c r="J20838" s="1" t="s">
        <v>74448</v>
      </c>
    </row>
    <row r="20839" spans="1:10" x14ac:dyDescent="0.35">
      <c r="A20839" s="1" t="s">
        <v>74403</v>
      </c>
      <c r="B20839" s="1" t="s">
        <v>72967</v>
      </c>
      <c r="C20839" s="1" t="s">
        <v>80</v>
      </c>
      <c r="D20839" s="1" t="s">
        <v>34876</v>
      </c>
      <c r="E20839" s="1" t="s">
        <v>74449</v>
      </c>
      <c r="F20839" s="1" t="s">
        <v>74450</v>
      </c>
      <c r="G20839" s="1" t="s">
        <v>74406</v>
      </c>
      <c r="H20839" s="1" t="s">
        <v>74407</v>
      </c>
      <c r="I20839" s="1" t="s">
        <v>72972</v>
      </c>
      <c r="J20839" s="1" t="s">
        <v>74451</v>
      </c>
    </row>
    <row r="20840" spans="1:10" x14ac:dyDescent="0.35">
      <c r="A20840" s="1" t="s">
        <v>74403</v>
      </c>
      <c r="B20840" s="1" t="s">
        <v>72967</v>
      </c>
      <c r="C20840" s="1" t="s">
        <v>85</v>
      </c>
      <c r="D20840" s="1" t="s">
        <v>74452</v>
      </c>
      <c r="E20840" s="1" t="s">
        <v>74453</v>
      </c>
      <c r="F20840" s="1" t="s">
        <v>74454</v>
      </c>
      <c r="G20840" s="1" t="s">
        <v>74406</v>
      </c>
      <c r="H20840" s="1" t="s">
        <v>74407</v>
      </c>
      <c r="I20840" s="1" t="s">
        <v>72972</v>
      </c>
      <c r="J20840" s="1" t="s">
        <v>74455</v>
      </c>
    </row>
    <row r="20841" spans="1:10" x14ac:dyDescent="0.35">
      <c r="A20841" s="1" t="s">
        <v>74403</v>
      </c>
      <c r="B20841" s="1" t="s">
        <v>72967</v>
      </c>
      <c r="C20841" s="1" t="s">
        <v>90</v>
      </c>
      <c r="D20841" s="1" t="s">
        <v>71185</v>
      </c>
      <c r="E20841" s="1" t="s">
        <v>74456</v>
      </c>
      <c r="F20841" s="1" t="s">
        <v>74457</v>
      </c>
      <c r="G20841" s="1" t="s">
        <v>74406</v>
      </c>
      <c r="H20841" s="1" t="s">
        <v>74407</v>
      </c>
      <c r="I20841" s="1" t="s">
        <v>72972</v>
      </c>
      <c r="J20841" s="1" t="s">
        <v>74458</v>
      </c>
    </row>
    <row r="20842" spans="1:10" x14ac:dyDescent="0.35">
      <c r="A20842" s="1" t="s">
        <v>74403</v>
      </c>
      <c r="B20842" s="1" t="s">
        <v>72967</v>
      </c>
      <c r="C20842" s="1" t="s">
        <v>95</v>
      </c>
      <c r="D20842" s="1" t="s">
        <v>35614</v>
      </c>
      <c r="E20842" s="1" t="s">
        <v>74459</v>
      </c>
      <c r="F20842" s="1" t="s">
        <v>74460</v>
      </c>
      <c r="G20842" s="1" t="s">
        <v>74406</v>
      </c>
      <c r="H20842" s="1" t="s">
        <v>74407</v>
      </c>
      <c r="I20842" s="1" t="s">
        <v>72972</v>
      </c>
      <c r="J20842" s="1" t="s">
        <v>74461</v>
      </c>
    </row>
    <row r="20843" spans="1:10" x14ac:dyDescent="0.35">
      <c r="A20843" s="1" t="s">
        <v>74403</v>
      </c>
      <c r="B20843" s="1" t="s">
        <v>72967</v>
      </c>
      <c r="C20843" s="1" t="s">
        <v>100</v>
      </c>
      <c r="D20843" s="1" t="s">
        <v>73789</v>
      </c>
      <c r="E20843" s="1" t="s">
        <v>74462</v>
      </c>
      <c r="F20843" s="1" t="s">
        <v>74463</v>
      </c>
      <c r="G20843" s="1" t="s">
        <v>74406</v>
      </c>
      <c r="H20843" s="1" t="s">
        <v>74407</v>
      </c>
      <c r="I20843" s="1" t="s">
        <v>72972</v>
      </c>
      <c r="J20843" s="1" t="s">
        <v>74464</v>
      </c>
    </row>
    <row r="20844" spans="1:10" x14ac:dyDescent="0.35">
      <c r="A20844" s="1" t="s">
        <v>74403</v>
      </c>
      <c r="B20844" s="1" t="s">
        <v>72967</v>
      </c>
      <c r="C20844" s="1" t="s">
        <v>105</v>
      </c>
      <c r="D20844" s="1" t="s">
        <v>18443</v>
      </c>
      <c r="E20844" s="1" t="s">
        <v>74465</v>
      </c>
      <c r="F20844" s="1" t="s">
        <v>74466</v>
      </c>
      <c r="G20844" s="1" t="s">
        <v>74406</v>
      </c>
      <c r="H20844" s="1" t="s">
        <v>74407</v>
      </c>
      <c r="I20844" s="1" t="s">
        <v>72972</v>
      </c>
      <c r="J20844" s="1" t="s">
        <v>74467</v>
      </c>
    </row>
    <row r="20845" spans="1:10" x14ac:dyDescent="0.35">
      <c r="A20845" s="1" t="s">
        <v>74403</v>
      </c>
      <c r="B20845" s="1" t="s">
        <v>72967</v>
      </c>
      <c r="C20845" s="1" t="s">
        <v>110</v>
      </c>
      <c r="D20845" s="1" t="s">
        <v>2425</v>
      </c>
      <c r="E20845" s="1" t="s">
        <v>74468</v>
      </c>
      <c r="F20845" s="1" t="s">
        <v>74469</v>
      </c>
      <c r="G20845" s="1" t="s">
        <v>74406</v>
      </c>
      <c r="H20845" s="1" t="s">
        <v>74407</v>
      </c>
      <c r="I20845" s="1" t="s">
        <v>72972</v>
      </c>
      <c r="J20845" s="1" t="s">
        <v>74470</v>
      </c>
    </row>
    <row r="20846" spans="1:10" x14ac:dyDescent="0.35">
      <c r="A20846" s="1" t="s">
        <v>74403</v>
      </c>
      <c r="B20846" s="1" t="s">
        <v>72967</v>
      </c>
      <c r="C20846" s="1" t="s">
        <v>115</v>
      </c>
      <c r="D20846" s="1" t="s">
        <v>3703</v>
      </c>
      <c r="E20846" s="1" t="s">
        <v>74471</v>
      </c>
      <c r="F20846" s="1" t="s">
        <v>74472</v>
      </c>
      <c r="G20846" s="1" t="s">
        <v>74406</v>
      </c>
      <c r="H20846" s="1" t="s">
        <v>74407</v>
      </c>
      <c r="I20846" s="1" t="s">
        <v>72972</v>
      </c>
      <c r="J20846" s="1" t="s">
        <v>74473</v>
      </c>
    </row>
    <row r="20847" spans="1:10" x14ac:dyDescent="0.35">
      <c r="A20847" s="1" t="s">
        <v>74403</v>
      </c>
      <c r="B20847" s="1" t="s">
        <v>72967</v>
      </c>
      <c r="C20847" s="1" t="s">
        <v>120</v>
      </c>
      <c r="D20847" s="1" t="s">
        <v>74474</v>
      </c>
      <c r="E20847" s="1" t="s">
        <v>74475</v>
      </c>
      <c r="F20847" s="1" t="s">
        <v>74476</v>
      </c>
      <c r="G20847" s="1" t="s">
        <v>74406</v>
      </c>
      <c r="H20847" s="1" t="s">
        <v>74407</v>
      </c>
      <c r="I20847" s="1" t="s">
        <v>72972</v>
      </c>
      <c r="J20847" s="1" t="s">
        <v>74477</v>
      </c>
    </row>
    <row r="20848" spans="1:10" x14ac:dyDescent="0.35">
      <c r="A20848" s="1" t="s">
        <v>74403</v>
      </c>
      <c r="B20848" s="1" t="s">
        <v>72967</v>
      </c>
      <c r="C20848" s="1" t="s">
        <v>125</v>
      </c>
      <c r="D20848" s="1" t="s">
        <v>16412</v>
      </c>
      <c r="E20848" s="1" t="s">
        <v>74478</v>
      </c>
      <c r="F20848" s="1" t="s">
        <v>74479</v>
      </c>
      <c r="G20848" s="1" t="s">
        <v>74406</v>
      </c>
      <c r="H20848" s="1" t="s">
        <v>74407</v>
      </c>
      <c r="I20848" s="1" t="s">
        <v>72972</v>
      </c>
      <c r="J20848" s="1" t="s">
        <v>74480</v>
      </c>
    </row>
    <row r="20849" spans="1:10" x14ac:dyDescent="0.35">
      <c r="A20849" s="1" t="s">
        <v>74403</v>
      </c>
      <c r="B20849" s="1" t="s">
        <v>72967</v>
      </c>
      <c r="C20849" s="1" t="s">
        <v>130</v>
      </c>
      <c r="D20849" s="1" t="s">
        <v>73512</v>
      </c>
      <c r="E20849" s="1" t="s">
        <v>74481</v>
      </c>
      <c r="F20849" s="1" t="s">
        <v>74482</v>
      </c>
      <c r="G20849" s="1" t="s">
        <v>74406</v>
      </c>
      <c r="H20849" s="1" t="s">
        <v>74407</v>
      </c>
      <c r="I20849" s="1" t="s">
        <v>72972</v>
      </c>
      <c r="J20849" s="1" t="s">
        <v>74483</v>
      </c>
    </row>
    <row r="20850" spans="1:10" x14ac:dyDescent="0.35">
      <c r="A20850" s="1" t="s">
        <v>74403</v>
      </c>
      <c r="B20850" s="1" t="s">
        <v>72967</v>
      </c>
      <c r="C20850" s="1" t="s">
        <v>135</v>
      </c>
      <c r="D20850" s="1" t="s">
        <v>48950</v>
      </c>
      <c r="E20850" s="1" t="s">
        <v>74484</v>
      </c>
      <c r="F20850" s="1" t="s">
        <v>74485</v>
      </c>
      <c r="G20850" s="1" t="s">
        <v>74406</v>
      </c>
      <c r="H20850" s="1" t="s">
        <v>74407</v>
      </c>
      <c r="I20850" s="1" t="s">
        <v>72972</v>
      </c>
      <c r="J20850" s="1" t="s">
        <v>74486</v>
      </c>
    </row>
    <row r="20851" spans="1:10" x14ac:dyDescent="0.35">
      <c r="A20851" s="1" t="s">
        <v>74403</v>
      </c>
      <c r="B20851" s="1" t="s">
        <v>72967</v>
      </c>
      <c r="C20851" s="1" t="s">
        <v>140</v>
      </c>
      <c r="D20851" s="1" t="s">
        <v>43861</v>
      </c>
      <c r="E20851" s="1" t="s">
        <v>74487</v>
      </c>
      <c r="F20851" s="1" t="s">
        <v>74488</v>
      </c>
      <c r="G20851" s="1" t="s">
        <v>74406</v>
      </c>
      <c r="H20851" s="1" t="s">
        <v>74407</v>
      </c>
      <c r="I20851" s="1" t="s">
        <v>72972</v>
      </c>
      <c r="J20851" s="1" t="s">
        <v>74489</v>
      </c>
    </row>
    <row r="20852" spans="1:10" x14ac:dyDescent="0.35">
      <c r="A20852" s="1" t="s">
        <v>74403</v>
      </c>
      <c r="B20852" s="1" t="s">
        <v>72967</v>
      </c>
      <c r="C20852" s="1" t="s">
        <v>145</v>
      </c>
      <c r="D20852" s="1" t="s">
        <v>17975</v>
      </c>
      <c r="E20852" s="1" t="s">
        <v>74490</v>
      </c>
      <c r="F20852" s="1" t="s">
        <v>74491</v>
      </c>
      <c r="G20852" s="1" t="s">
        <v>74406</v>
      </c>
      <c r="H20852" s="1" t="s">
        <v>74407</v>
      </c>
      <c r="I20852" s="1" t="s">
        <v>72972</v>
      </c>
      <c r="J20852" s="1" t="s">
        <v>74492</v>
      </c>
    </row>
    <row r="20853" spans="1:10" x14ac:dyDescent="0.35">
      <c r="A20853" s="1" t="s">
        <v>74403</v>
      </c>
      <c r="B20853" s="1" t="s">
        <v>72967</v>
      </c>
      <c r="C20853" s="1" t="s">
        <v>150</v>
      </c>
      <c r="D20853" s="1" t="s">
        <v>74493</v>
      </c>
      <c r="E20853" s="1" t="s">
        <v>74494</v>
      </c>
      <c r="F20853" s="1" t="s">
        <v>74495</v>
      </c>
      <c r="G20853" s="1" t="s">
        <v>74406</v>
      </c>
      <c r="H20853" s="1" t="s">
        <v>74407</v>
      </c>
      <c r="I20853" s="1" t="s">
        <v>72972</v>
      </c>
      <c r="J20853" s="1" t="s">
        <v>74496</v>
      </c>
    </row>
    <row r="20854" spans="1:10" x14ac:dyDescent="0.35">
      <c r="A20854" s="1" t="s">
        <v>74403</v>
      </c>
      <c r="B20854" s="1" t="s">
        <v>72967</v>
      </c>
      <c r="C20854" s="1" t="s">
        <v>155</v>
      </c>
      <c r="D20854" s="1" t="s">
        <v>13109</v>
      </c>
      <c r="E20854" s="1" t="s">
        <v>74497</v>
      </c>
      <c r="F20854" s="1" t="s">
        <v>74498</v>
      </c>
      <c r="G20854" s="1" t="s">
        <v>74406</v>
      </c>
      <c r="H20854" s="1" t="s">
        <v>74407</v>
      </c>
      <c r="I20854" s="1" t="s">
        <v>72972</v>
      </c>
      <c r="J20854" s="1" t="s">
        <v>74499</v>
      </c>
    </row>
    <row r="20855" spans="1:10" x14ac:dyDescent="0.35">
      <c r="A20855" s="1" t="s">
        <v>74403</v>
      </c>
      <c r="B20855" s="1" t="s">
        <v>72967</v>
      </c>
      <c r="C20855" s="1" t="s">
        <v>160</v>
      </c>
      <c r="D20855" s="1" t="s">
        <v>74500</v>
      </c>
      <c r="E20855" s="1" t="s">
        <v>74501</v>
      </c>
      <c r="F20855" s="1" t="s">
        <v>74502</v>
      </c>
      <c r="G20855" s="1" t="s">
        <v>74406</v>
      </c>
      <c r="H20855" s="1" t="s">
        <v>74407</v>
      </c>
      <c r="I20855" s="1" t="s">
        <v>72972</v>
      </c>
      <c r="J20855" s="1" t="s">
        <v>74503</v>
      </c>
    </row>
    <row r="20856" spans="1:10" x14ac:dyDescent="0.35">
      <c r="A20856" s="1" t="s">
        <v>74403</v>
      </c>
      <c r="B20856" s="1" t="s">
        <v>72967</v>
      </c>
      <c r="C20856" s="1" t="s">
        <v>165</v>
      </c>
      <c r="D20856" s="1" t="s">
        <v>74504</v>
      </c>
      <c r="E20856" s="1" t="s">
        <v>74505</v>
      </c>
      <c r="F20856" s="1" t="s">
        <v>74506</v>
      </c>
      <c r="G20856" s="1" t="s">
        <v>74406</v>
      </c>
      <c r="H20856" s="1" t="s">
        <v>74407</v>
      </c>
      <c r="I20856" s="1" t="s">
        <v>72972</v>
      </c>
      <c r="J20856" s="1" t="s">
        <v>74507</v>
      </c>
    </row>
    <row r="20857" spans="1:10" x14ac:dyDescent="0.35">
      <c r="A20857" s="1" t="s">
        <v>74403</v>
      </c>
      <c r="B20857" s="1" t="s">
        <v>72967</v>
      </c>
      <c r="C20857" s="1" t="s">
        <v>170</v>
      </c>
      <c r="D20857" s="1" t="s">
        <v>74508</v>
      </c>
      <c r="E20857" s="1" t="s">
        <v>74509</v>
      </c>
      <c r="F20857" s="1" t="s">
        <v>74510</v>
      </c>
      <c r="G20857" s="1" t="s">
        <v>74406</v>
      </c>
      <c r="H20857" s="1" t="s">
        <v>74407</v>
      </c>
      <c r="I20857" s="1" t="s">
        <v>72972</v>
      </c>
      <c r="J20857" s="1" t="s">
        <v>74511</v>
      </c>
    </row>
    <row r="20858" spans="1:10" x14ac:dyDescent="0.35">
      <c r="A20858" s="1" t="s">
        <v>6212</v>
      </c>
      <c r="B20858" s="1" t="s">
        <v>72967</v>
      </c>
      <c r="C20858" s="1" t="s">
        <v>8</v>
      </c>
      <c r="D20858" s="1" t="s">
        <v>73194</v>
      </c>
      <c r="E20858" s="1" t="s">
        <v>74512</v>
      </c>
      <c r="F20858" s="1" t="s">
        <v>74513</v>
      </c>
      <c r="G20858" s="1" t="s">
        <v>74514</v>
      </c>
      <c r="H20858" s="1" t="s">
        <v>74515</v>
      </c>
      <c r="I20858" s="1" t="s">
        <v>72972</v>
      </c>
      <c r="J20858" s="1" t="s">
        <v>13</v>
      </c>
    </row>
    <row r="20859" spans="1:10" x14ac:dyDescent="0.35">
      <c r="A20859" s="1" t="s">
        <v>6212</v>
      </c>
      <c r="B20859" s="1" t="s">
        <v>72967</v>
      </c>
      <c r="C20859" s="1" t="s">
        <v>15</v>
      </c>
      <c r="D20859" s="1" t="s">
        <v>33429</v>
      </c>
      <c r="E20859" s="1" t="s">
        <v>74516</v>
      </c>
      <c r="F20859" s="1" t="s">
        <v>74517</v>
      </c>
      <c r="G20859" s="1" t="s">
        <v>74514</v>
      </c>
      <c r="H20859" s="1" t="s">
        <v>74515</v>
      </c>
      <c r="I20859" s="1" t="s">
        <v>72972</v>
      </c>
      <c r="J20859" s="1" t="s">
        <v>74518</v>
      </c>
    </row>
    <row r="20860" spans="1:10" x14ac:dyDescent="0.35">
      <c r="A20860" s="1" t="s">
        <v>6212</v>
      </c>
      <c r="B20860" s="1" t="s">
        <v>72967</v>
      </c>
      <c r="C20860" s="1" t="s">
        <v>20</v>
      </c>
      <c r="D20860" s="1" t="s">
        <v>70797</v>
      </c>
      <c r="E20860" s="1" t="s">
        <v>74519</v>
      </c>
      <c r="F20860" s="1" t="s">
        <v>74520</v>
      </c>
      <c r="G20860" s="1" t="s">
        <v>74514</v>
      </c>
      <c r="H20860" s="1" t="s">
        <v>74515</v>
      </c>
      <c r="I20860" s="1" t="s">
        <v>72972</v>
      </c>
      <c r="J20860" s="1" t="s">
        <v>74521</v>
      </c>
    </row>
    <row r="20861" spans="1:10" x14ac:dyDescent="0.35">
      <c r="A20861" s="1" t="s">
        <v>6212</v>
      </c>
      <c r="B20861" s="1" t="s">
        <v>72967</v>
      </c>
      <c r="C20861" s="1" t="s">
        <v>25</v>
      </c>
      <c r="D20861" s="1" t="s">
        <v>74522</v>
      </c>
      <c r="E20861" s="1" t="s">
        <v>74523</v>
      </c>
      <c r="F20861" s="1" t="s">
        <v>74524</v>
      </c>
      <c r="G20861" s="1" t="s">
        <v>74514</v>
      </c>
      <c r="H20861" s="1" t="s">
        <v>74515</v>
      </c>
      <c r="I20861" s="1" t="s">
        <v>72972</v>
      </c>
      <c r="J20861" s="1" t="s">
        <v>74525</v>
      </c>
    </row>
    <row r="20862" spans="1:10" x14ac:dyDescent="0.35">
      <c r="A20862" s="1" t="s">
        <v>6212</v>
      </c>
      <c r="B20862" s="1" t="s">
        <v>72967</v>
      </c>
      <c r="C20862" s="1" t="s">
        <v>30</v>
      </c>
      <c r="D20862" s="1" t="s">
        <v>71892</v>
      </c>
      <c r="E20862" s="1" t="s">
        <v>74526</v>
      </c>
      <c r="F20862" s="1" t="s">
        <v>74527</v>
      </c>
      <c r="G20862" s="1" t="s">
        <v>74514</v>
      </c>
      <c r="H20862" s="1" t="s">
        <v>74515</v>
      </c>
      <c r="I20862" s="1" t="s">
        <v>72972</v>
      </c>
      <c r="J20862" s="1" t="s">
        <v>74528</v>
      </c>
    </row>
    <row r="20863" spans="1:10" x14ac:dyDescent="0.35">
      <c r="A20863" s="1" t="s">
        <v>6212</v>
      </c>
      <c r="B20863" s="1" t="s">
        <v>72967</v>
      </c>
      <c r="C20863" s="1" t="s">
        <v>35</v>
      </c>
      <c r="D20863" s="1" t="s">
        <v>34961</v>
      </c>
      <c r="E20863" s="1" t="s">
        <v>74529</v>
      </c>
      <c r="F20863" s="1" t="s">
        <v>74530</v>
      </c>
      <c r="G20863" s="1" t="s">
        <v>74514</v>
      </c>
      <c r="H20863" s="1" t="s">
        <v>74515</v>
      </c>
      <c r="I20863" s="1" t="s">
        <v>72972</v>
      </c>
      <c r="J20863" s="1" t="s">
        <v>74531</v>
      </c>
    </row>
    <row r="20864" spans="1:10" x14ac:dyDescent="0.35">
      <c r="A20864" s="1" t="s">
        <v>6212</v>
      </c>
      <c r="B20864" s="1" t="s">
        <v>72967</v>
      </c>
      <c r="C20864" s="1" t="s">
        <v>40</v>
      </c>
      <c r="D20864" s="1" t="s">
        <v>72214</v>
      </c>
      <c r="E20864" s="1" t="s">
        <v>74532</v>
      </c>
      <c r="F20864" s="1" t="s">
        <v>74533</v>
      </c>
      <c r="G20864" s="1" t="s">
        <v>74514</v>
      </c>
      <c r="H20864" s="1" t="s">
        <v>74515</v>
      </c>
      <c r="I20864" s="1" t="s">
        <v>72972</v>
      </c>
      <c r="J20864" s="1" t="s">
        <v>74534</v>
      </c>
    </row>
    <row r="20865" spans="1:10" x14ac:dyDescent="0.35">
      <c r="A20865" s="1" t="s">
        <v>6212</v>
      </c>
      <c r="B20865" s="1" t="s">
        <v>72967</v>
      </c>
      <c r="C20865" s="1" t="s">
        <v>45</v>
      </c>
      <c r="D20865" s="1" t="s">
        <v>32923</v>
      </c>
      <c r="E20865" s="1" t="s">
        <v>74535</v>
      </c>
      <c r="F20865" s="1" t="s">
        <v>74536</v>
      </c>
      <c r="G20865" s="1" t="s">
        <v>74514</v>
      </c>
      <c r="H20865" s="1" t="s">
        <v>74515</v>
      </c>
      <c r="I20865" s="1" t="s">
        <v>72972</v>
      </c>
      <c r="J20865" s="1" t="s">
        <v>74537</v>
      </c>
    </row>
    <row r="20866" spans="1:10" x14ac:dyDescent="0.35">
      <c r="A20866" s="1" t="s">
        <v>6212</v>
      </c>
      <c r="B20866" s="1" t="s">
        <v>72967</v>
      </c>
      <c r="C20866" s="1" t="s">
        <v>50</v>
      </c>
      <c r="D20866" s="1" t="s">
        <v>31968</v>
      </c>
      <c r="E20866" s="1" t="s">
        <v>74538</v>
      </c>
      <c r="F20866" s="1" t="s">
        <v>74539</v>
      </c>
      <c r="G20866" s="1" t="s">
        <v>74514</v>
      </c>
      <c r="H20866" s="1" t="s">
        <v>74515</v>
      </c>
      <c r="I20866" s="1" t="s">
        <v>72972</v>
      </c>
      <c r="J20866" s="1" t="s">
        <v>74540</v>
      </c>
    </row>
    <row r="20867" spans="1:10" x14ac:dyDescent="0.35">
      <c r="A20867" s="1" t="s">
        <v>6212</v>
      </c>
      <c r="B20867" s="1" t="s">
        <v>72967</v>
      </c>
      <c r="C20867" s="1" t="s">
        <v>55</v>
      </c>
      <c r="D20867" s="1" t="s">
        <v>74541</v>
      </c>
      <c r="E20867" s="1" t="s">
        <v>74542</v>
      </c>
      <c r="F20867" s="1" t="s">
        <v>74543</v>
      </c>
      <c r="G20867" s="1" t="s">
        <v>74514</v>
      </c>
      <c r="H20867" s="1" t="s">
        <v>74515</v>
      </c>
      <c r="I20867" s="1" t="s">
        <v>72972</v>
      </c>
      <c r="J20867" s="1" t="s">
        <v>74544</v>
      </c>
    </row>
    <row r="20868" spans="1:10" x14ac:dyDescent="0.35">
      <c r="A20868" s="1" t="s">
        <v>6212</v>
      </c>
      <c r="B20868" s="1" t="s">
        <v>72967</v>
      </c>
      <c r="C20868" s="1" t="s">
        <v>60</v>
      </c>
      <c r="D20868" s="1" t="s">
        <v>74545</v>
      </c>
      <c r="E20868" s="1" t="s">
        <v>74546</v>
      </c>
      <c r="F20868" s="1" t="s">
        <v>74547</v>
      </c>
      <c r="G20868" s="1" t="s">
        <v>74514</v>
      </c>
      <c r="H20868" s="1" t="s">
        <v>74515</v>
      </c>
      <c r="I20868" s="1" t="s">
        <v>72972</v>
      </c>
      <c r="J20868" s="1" t="s">
        <v>74548</v>
      </c>
    </row>
    <row r="20869" spans="1:10" x14ac:dyDescent="0.35">
      <c r="A20869" s="1" t="s">
        <v>6212</v>
      </c>
      <c r="B20869" s="1" t="s">
        <v>72967</v>
      </c>
      <c r="C20869" s="1" t="s">
        <v>65</v>
      </c>
      <c r="D20869" s="1" t="s">
        <v>74549</v>
      </c>
      <c r="E20869" s="1" t="s">
        <v>74550</v>
      </c>
      <c r="F20869" s="1" t="s">
        <v>74551</v>
      </c>
      <c r="G20869" s="1" t="s">
        <v>74514</v>
      </c>
      <c r="H20869" s="1" t="s">
        <v>74515</v>
      </c>
      <c r="I20869" s="1" t="s">
        <v>72972</v>
      </c>
      <c r="J20869" s="1" t="s">
        <v>74552</v>
      </c>
    </row>
    <row r="20870" spans="1:10" x14ac:dyDescent="0.35">
      <c r="A20870" s="1" t="s">
        <v>6212</v>
      </c>
      <c r="B20870" s="1" t="s">
        <v>72967</v>
      </c>
      <c r="C20870" s="1" t="s">
        <v>70</v>
      </c>
      <c r="D20870" s="1" t="s">
        <v>72054</v>
      </c>
      <c r="E20870" s="1" t="s">
        <v>74553</v>
      </c>
      <c r="F20870" s="1" t="s">
        <v>74554</v>
      </c>
      <c r="G20870" s="1" t="s">
        <v>74514</v>
      </c>
      <c r="H20870" s="1" t="s">
        <v>74515</v>
      </c>
      <c r="I20870" s="1" t="s">
        <v>72972</v>
      </c>
      <c r="J20870" s="1" t="s">
        <v>74555</v>
      </c>
    </row>
    <row r="20871" spans="1:10" x14ac:dyDescent="0.35">
      <c r="A20871" s="1" t="s">
        <v>6212</v>
      </c>
      <c r="B20871" s="1" t="s">
        <v>72967</v>
      </c>
      <c r="C20871" s="1" t="s">
        <v>75</v>
      </c>
      <c r="D20871" s="1" t="s">
        <v>74556</v>
      </c>
      <c r="E20871" s="1" t="s">
        <v>74557</v>
      </c>
      <c r="F20871" s="1" t="s">
        <v>74558</v>
      </c>
      <c r="G20871" s="1" t="s">
        <v>74514</v>
      </c>
      <c r="H20871" s="1" t="s">
        <v>74515</v>
      </c>
      <c r="I20871" s="1" t="s">
        <v>72972</v>
      </c>
      <c r="J20871" s="1" t="s">
        <v>74559</v>
      </c>
    </row>
    <row r="20872" spans="1:10" x14ac:dyDescent="0.35">
      <c r="A20872" s="1" t="s">
        <v>6212</v>
      </c>
      <c r="B20872" s="1" t="s">
        <v>72967</v>
      </c>
      <c r="C20872" s="1" t="s">
        <v>80</v>
      </c>
      <c r="D20872" s="1" t="s">
        <v>37088</v>
      </c>
      <c r="E20872" s="1" t="s">
        <v>74560</v>
      </c>
      <c r="F20872" s="1" t="s">
        <v>74561</v>
      </c>
      <c r="G20872" s="1" t="s">
        <v>74514</v>
      </c>
      <c r="H20872" s="1" t="s">
        <v>74515</v>
      </c>
      <c r="I20872" s="1" t="s">
        <v>72972</v>
      </c>
      <c r="J20872" s="1" t="s">
        <v>74562</v>
      </c>
    </row>
    <row r="20873" spans="1:10" x14ac:dyDescent="0.35">
      <c r="A20873" s="1" t="s">
        <v>6212</v>
      </c>
      <c r="B20873" s="1" t="s">
        <v>72967</v>
      </c>
      <c r="C20873" s="1" t="s">
        <v>85</v>
      </c>
      <c r="D20873" s="1" t="s">
        <v>70675</v>
      </c>
      <c r="E20873" s="1" t="s">
        <v>74563</v>
      </c>
      <c r="F20873" s="1" t="s">
        <v>74564</v>
      </c>
      <c r="G20873" s="1" t="s">
        <v>74514</v>
      </c>
      <c r="H20873" s="1" t="s">
        <v>74515</v>
      </c>
      <c r="I20873" s="1" t="s">
        <v>72972</v>
      </c>
      <c r="J20873" s="1" t="s">
        <v>74565</v>
      </c>
    </row>
    <row r="20874" spans="1:10" x14ac:dyDescent="0.35">
      <c r="A20874" s="1" t="s">
        <v>6212</v>
      </c>
      <c r="B20874" s="1" t="s">
        <v>72967</v>
      </c>
      <c r="C20874" s="1" t="s">
        <v>90</v>
      </c>
      <c r="D20874" s="1" t="s">
        <v>74566</v>
      </c>
      <c r="E20874" s="1" t="s">
        <v>74567</v>
      </c>
      <c r="F20874" s="1" t="s">
        <v>74568</v>
      </c>
      <c r="G20874" s="1" t="s">
        <v>74514</v>
      </c>
      <c r="H20874" s="1" t="s">
        <v>74515</v>
      </c>
      <c r="I20874" s="1" t="s">
        <v>72972</v>
      </c>
      <c r="J20874" s="1" t="s">
        <v>74569</v>
      </c>
    </row>
    <row r="20875" spans="1:10" x14ac:dyDescent="0.35">
      <c r="A20875" s="1" t="s">
        <v>6212</v>
      </c>
      <c r="B20875" s="1" t="s">
        <v>72967</v>
      </c>
      <c r="C20875" s="1" t="s">
        <v>95</v>
      </c>
      <c r="D20875" s="1" t="s">
        <v>74570</v>
      </c>
      <c r="E20875" s="1" t="s">
        <v>74571</v>
      </c>
      <c r="F20875" s="1" t="s">
        <v>74572</v>
      </c>
      <c r="G20875" s="1" t="s">
        <v>74514</v>
      </c>
      <c r="H20875" s="1" t="s">
        <v>74515</v>
      </c>
      <c r="I20875" s="1" t="s">
        <v>72972</v>
      </c>
      <c r="J20875" s="1" t="s">
        <v>74573</v>
      </c>
    </row>
    <row r="20876" spans="1:10" x14ac:dyDescent="0.35">
      <c r="A20876" s="1" t="s">
        <v>6212</v>
      </c>
      <c r="B20876" s="1" t="s">
        <v>72967</v>
      </c>
      <c r="C20876" s="1" t="s">
        <v>100</v>
      </c>
      <c r="D20876" s="1" t="s">
        <v>74574</v>
      </c>
      <c r="E20876" s="1" t="s">
        <v>74575</v>
      </c>
      <c r="F20876" s="1" t="s">
        <v>74576</v>
      </c>
      <c r="G20876" s="1" t="s">
        <v>74514</v>
      </c>
      <c r="H20876" s="1" t="s">
        <v>74515</v>
      </c>
      <c r="I20876" s="1" t="s">
        <v>72972</v>
      </c>
      <c r="J20876" s="1" t="s">
        <v>74577</v>
      </c>
    </row>
    <row r="20877" spans="1:10" x14ac:dyDescent="0.35">
      <c r="A20877" s="1" t="s">
        <v>6212</v>
      </c>
      <c r="B20877" s="1" t="s">
        <v>72967</v>
      </c>
      <c r="C20877" s="1" t="s">
        <v>105</v>
      </c>
      <c r="D20877" s="1" t="s">
        <v>74578</v>
      </c>
      <c r="E20877" s="1" t="s">
        <v>74579</v>
      </c>
      <c r="F20877" s="1" t="s">
        <v>74580</v>
      </c>
      <c r="G20877" s="1" t="s">
        <v>74514</v>
      </c>
      <c r="H20877" s="1" t="s">
        <v>74515</v>
      </c>
      <c r="I20877" s="1" t="s">
        <v>72972</v>
      </c>
      <c r="J20877" s="1" t="s">
        <v>74581</v>
      </c>
    </row>
    <row r="20878" spans="1:10" x14ac:dyDescent="0.35">
      <c r="A20878" s="1" t="s">
        <v>6212</v>
      </c>
      <c r="B20878" s="1" t="s">
        <v>72967</v>
      </c>
      <c r="C20878" s="1" t="s">
        <v>110</v>
      </c>
      <c r="D20878" s="1" t="s">
        <v>32469</v>
      </c>
      <c r="E20878" s="1" t="s">
        <v>74582</v>
      </c>
      <c r="F20878" s="1" t="s">
        <v>74583</v>
      </c>
      <c r="G20878" s="1" t="s">
        <v>74514</v>
      </c>
      <c r="H20878" s="1" t="s">
        <v>74515</v>
      </c>
      <c r="I20878" s="1" t="s">
        <v>72972</v>
      </c>
      <c r="J20878" s="1" t="s">
        <v>74584</v>
      </c>
    </row>
    <row r="20879" spans="1:10" x14ac:dyDescent="0.35">
      <c r="A20879" s="1" t="s">
        <v>6212</v>
      </c>
      <c r="B20879" s="1" t="s">
        <v>72967</v>
      </c>
      <c r="C20879" s="1" t="s">
        <v>115</v>
      </c>
      <c r="D20879" s="1" t="s">
        <v>74585</v>
      </c>
      <c r="E20879" s="1" t="s">
        <v>74586</v>
      </c>
      <c r="F20879" s="1" t="s">
        <v>74587</v>
      </c>
      <c r="G20879" s="1" t="s">
        <v>74514</v>
      </c>
      <c r="H20879" s="1" t="s">
        <v>74515</v>
      </c>
      <c r="I20879" s="1" t="s">
        <v>72972</v>
      </c>
      <c r="J20879" s="1" t="s">
        <v>74588</v>
      </c>
    </row>
    <row r="20880" spans="1:10" x14ac:dyDescent="0.35">
      <c r="A20880" s="1" t="s">
        <v>6212</v>
      </c>
      <c r="B20880" s="1" t="s">
        <v>72967</v>
      </c>
      <c r="C20880" s="1" t="s">
        <v>120</v>
      </c>
      <c r="D20880" s="1" t="s">
        <v>74589</v>
      </c>
      <c r="E20880" s="1" t="s">
        <v>74590</v>
      </c>
      <c r="F20880" s="1" t="s">
        <v>74591</v>
      </c>
      <c r="G20880" s="1" t="s">
        <v>74514</v>
      </c>
      <c r="H20880" s="1" t="s">
        <v>74515</v>
      </c>
      <c r="I20880" s="1" t="s">
        <v>72972</v>
      </c>
      <c r="J20880" s="1" t="s">
        <v>74592</v>
      </c>
    </row>
    <row r="20881" spans="1:10" x14ac:dyDescent="0.35">
      <c r="A20881" s="1" t="s">
        <v>6212</v>
      </c>
      <c r="B20881" s="1" t="s">
        <v>72967</v>
      </c>
      <c r="C20881" s="1" t="s">
        <v>125</v>
      </c>
      <c r="D20881" s="1" t="s">
        <v>74593</v>
      </c>
      <c r="E20881" s="1" t="s">
        <v>74594</v>
      </c>
      <c r="F20881" s="1" t="s">
        <v>74595</v>
      </c>
      <c r="G20881" s="1" t="s">
        <v>74514</v>
      </c>
      <c r="H20881" s="1" t="s">
        <v>74515</v>
      </c>
      <c r="I20881" s="1" t="s">
        <v>72972</v>
      </c>
      <c r="J20881" s="1" t="s">
        <v>74596</v>
      </c>
    </row>
    <row r="20882" spans="1:10" x14ac:dyDescent="0.35">
      <c r="A20882" s="1" t="s">
        <v>6212</v>
      </c>
      <c r="B20882" s="1" t="s">
        <v>72967</v>
      </c>
      <c r="C20882" s="1" t="s">
        <v>130</v>
      </c>
      <c r="D20882" s="1" t="s">
        <v>74597</v>
      </c>
      <c r="E20882" s="1" t="s">
        <v>74598</v>
      </c>
      <c r="F20882" s="1" t="s">
        <v>74599</v>
      </c>
      <c r="G20882" s="1" t="s">
        <v>74514</v>
      </c>
      <c r="H20882" s="1" t="s">
        <v>74515</v>
      </c>
      <c r="I20882" s="1" t="s">
        <v>72972</v>
      </c>
      <c r="J20882" s="1" t="s">
        <v>74600</v>
      </c>
    </row>
    <row r="20883" spans="1:10" x14ac:dyDescent="0.35">
      <c r="A20883" s="1" t="s">
        <v>6212</v>
      </c>
      <c r="B20883" s="1" t="s">
        <v>72967</v>
      </c>
      <c r="C20883" s="1" t="s">
        <v>135</v>
      </c>
      <c r="D20883" s="1" t="s">
        <v>74601</v>
      </c>
      <c r="E20883" s="1" t="s">
        <v>74602</v>
      </c>
      <c r="F20883" s="1" t="s">
        <v>74603</v>
      </c>
      <c r="G20883" s="1" t="s">
        <v>74514</v>
      </c>
      <c r="H20883" s="1" t="s">
        <v>74515</v>
      </c>
      <c r="I20883" s="1" t="s">
        <v>72972</v>
      </c>
      <c r="J20883" s="1" t="s">
        <v>74604</v>
      </c>
    </row>
    <row r="20884" spans="1:10" x14ac:dyDescent="0.35">
      <c r="A20884" s="1" t="s">
        <v>6212</v>
      </c>
      <c r="B20884" s="1" t="s">
        <v>72967</v>
      </c>
      <c r="C20884" s="1" t="s">
        <v>140</v>
      </c>
      <c r="D20884" s="1" t="s">
        <v>74605</v>
      </c>
      <c r="E20884" s="1" t="s">
        <v>74606</v>
      </c>
      <c r="F20884" s="1" t="s">
        <v>74607</v>
      </c>
      <c r="G20884" s="1" t="s">
        <v>74514</v>
      </c>
      <c r="H20884" s="1" t="s">
        <v>74515</v>
      </c>
      <c r="I20884" s="1" t="s">
        <v>72972</v>
      </c>
      <c r="J20884" s="1" t="s">
        <v>74608</v>
      </c>
    </row>
    <row r="20885" spans="1:10" x14ac:dyDescent="0.35">
      <c r="A20885" s="1" t="s">
        <v>6212</v>
      </c>
      <c r="B20885" s="1" t="s">
        <v>72967</v>
      </c>
      <c r="C20885" s="1" t="s">
        <v>145</v>
      </c>
      <c r="D20885" s="1" t="s">
        <v>74609</v>
      </c>
      <c r="E20885" s="1" t="s">
        <v>74610</v>
      </c>
      <c r="F20885" s="1" t="s">
        <v>74611</v>
      </c>
      <c r="G20885" s="1" t="s">
        <v>74514</v>
      </c>
      <c r="H20885" s="1" t="s">
        <v>74515</v>
      </c>
      <c r="I20885" s="1" t="s">
        <v>72972</v>
      </c>
      <c r="J20885" s="1" t="s">
        <v>74612</v>
      </c>
    </row>
    <row r="20886" spans="1:10" x14ac:dyDescent="0.35">
      <c r="A20886" s="1" t="s">
        <v>6212</v>
      </c>
      <c r="B20886" s="1" t="s">
        <v>72967</v>
      </c>
      <c r="C20886" s="1" t="s">
        <v>150</v>
      </c>
      <c r="D20886" s="1" t="s">
        <v>74613</v>
      </c>
      <c r="E20886" s="1" t="s">
        <v>74614</v>
      </c>
      <c r="F20886" s="1" t="s">
        <v>74615</v>
      </c>
      <c r="G20886" s="1" t="s">
        <v>74514</v>
      </c>
      <c r="H20886" s="1" t="s">
        <v>74515</v>
      </c>
      <c r="I20886" s="1" t="s">
        <v>72972</v>
      </c>
      <c r="J20886" s="1" t="s">
        <v>74616</v>
      </c>
    </row>
    <row r="20887" spans="1:10" x14ac:dyDescent="0.35">
      <c r="A20887" s="1" t="s">
        <v>6212</v>
      </c>
      <c r="B20887" s="1" t="s">
        <v>72967</v>
      </c>
      <c r="C20887" s="1" t="s">
        <v>155</v>
      </c>
      <c r="D20887" s="1" t="s">
        <v>33114</v>
      </c>
      <c r="E20887" s="1" t="s">
        <v>74617</v>
      </c>
      <c r="F20887" s="1" t="s">
        <v>74618</v>
      </c>
      <c r="G20887" s="1" t="s">
        <v>74514</v>
      </c>
      <c r="H20887" s="1" t="s">
        <v>74515</v>
      </c>
      <c r="I20887" s="1" t="s">
        <v>72972</v>
      </c>
      <c r="J20887" s="1" t="s">
        <v>74619</v>
      </c>
    </row>
    <row r="20888" spans="1:10" x14ac:dyDescent="0.35">
      <c r="A20888" s="1" t="s">
        <v>6212</v>
      </c>
      <c r="B20888" s="1" t="s">
        <v>72967</v>
      </c>
      <c r="C20888" s="1" t="s">
        <v>160</v>
      </c>
      <c r="D20888" s="1" t="s">
        <v>74620</v>
      </c>
      <c r="E20888" s="1" t="s">
        <v>74621</v>
      </c>
      <c r="F20888" s="1" t="s">
        <v>74622</v>
      </c>
      <c r="G20888" s="1" t="s">
        <v>74514</v>
      </c>
      <c r="H20888" s="1" t="s">
        <v>74515</v>
      </c>
      <c r="I20888" s="1" t="s">
        <v>72972</v>
      </c>
      <c r="J20888" s="1" t="s">
        <v>74623</v>
      </c>
    </row>
    <row r="20889" spans="1:10" x14ac:dyDescent="0.35">
      <c r="A20889" s="1" t="s">
        <v>6212</v>
      </c>
      <c r="B20889" s="1" t="s">
        <v>72967</v>
      </c>
      <c r="C20889" s="1" t="s">
        <v>165</v>
      </c>
      <c r="D20889" s="1" t="s">
        <v>74624</v>
      </c>
      <c r="E20889" s="1" t="s">
        <v>74625</v>
      </c>
      <c r="F20889" s="1" t="s">
        <v>74626</v>
      </c>
      <c r="G20889" s="1" t="s">
        <v>74514</v>
      </c>
      <c r="H20889" s="1" t="s">
        <v>74515</v>
      </c>
      <c r="I20889" s="1" t="s">
        <v>72972</v>
      </c>
      <c r="J20889" s="1" t="s">
        <v>74627</v>
      </c>
    </row>
    <row r="20890" spans="1:10" x14ac:dyDescent="0.35">
      <c r="A20890" s="1" t="s">
        <v>6212</v>
      </c>
      <c r="B20890" s="1" t="s">
        <v>72967</v>
      </c>
      <c r="C20890" s="1" t="s">
        <v>170</v>
      </c>
      <c r="D20890" s="1" t="s">
        <v>67881</v>
      </c>
      <c r="E20890" s="1" t="s">
        <v>74628</v>
      </c>
      <c r="F20890" s="1" t="s">
        <v>74629</v>
      </c>
      <c r="G20890" s="1" t="s">
        <v>74514</v>
      </c>
      <c r="H20890" s="1" t="s">
        <v>74515</v>
      </c>
      <c r="I20890" s="1" t="s">
        <v>72972</v>
      </c>
      <c r="J20890" s="1" t="s">
        <v>74630</v>
      </c>
    </row>
    <row r="20891" spans="1:10" x14ac:dyDescent="0.35">
      <c r="A20891" s="1" t="s">
        <v>74631</v>
      </c>
      <c r="B20891" s="1" t="s">
        <v>72967</v>
      </c>
      <c r="C20891" s="1" t="s">
        <v>8</v>
      </c>
      <c r="D20891" s="1" t="s">
        <v>32083</v>
      </c>
      <c r="E20891" s="1" t="s">
        <v>74632</v>
      </c>
      <c r="F20891" s="1" t="s">
        <v>74633</v>
      </c>
      <c r="G20891" s="1" t="s">
        <v>74634</v>
      </c>
      <c r="H20891" s="1" t="s">
        <v>74635</v>
      </c>
      <c r="I20891" s="1" t="s">
        <v>72972</v>
      </c>
      <c r="J20891" s="1" t="s">
        <v>13</v>
      </c>
    </row>
    <row r="20892" spans="1:10" x14ac:dyDescent="0.35">
      <c r="A20892" s="1" t="s">
        <v>74631</v>
      </c>
      <c r="B20892" s="1" t="s">
        <v>72967</v>
      </c>
      <c r="C20892" s="1" t="s">
        <v>15</v>
      </c>
      <c r="D20892" s="1" t="s">
        <v>74636</v>
      </c>
      <c r="E20892" s="1" t="s">
        <v>74637</v>
      </c>
      <c r="F20892" s="1" t="s">
        <v>74638</v>
      </c>
      <c r="G20892" s="1" t="s">
        <v>74634</v>
      </c>
      <c r="H20892" s="1" t="s">
        <v>74635</v>
      </c>
      <c r="I20892" s="1" t="s">
        <v>72972</v>
      </c>
      <c r="J20892" s="1" t="s">
        <v>74639</v>
      </c>
    </row>
    <row r="20893" spans="1:10" x14ac:dyDescent="0.35">
      <c r="A20893" s="1" t="s">
        <v>74631</v>
      </c>
      <c r="B20893" s="1" t="s">
        <v>72967</v>
      </c>
      <c r="C20893" s="1" t="s">
        <v>20</v>
      </c>
      <c r="D20893" s="1" t="s">
        <v>74640</v>
      </c>
      <c r="E20893" s="1" t="s">
        <v>74641</v>
      </c>
      <c r="F20893" s="1" t="s">
        <v>74642</v>
      </c>
      <c r="G20893" s="1" t="s">
        <v>74634</v>
      </c>
      <c r="H20893" s="1" t="s">
        <v>74635</v>
      </c>
      <c r="I20893" s="1" t="s">
        <v>72972</v>
      </c>
      <c r="J20893" s="1" t="s">
        <v>74643</v>
      </c>
    </row>
    <row r="20894" spans="1:10" x14ac:dyDescent="0.35">
      <c r="A20894" s="1" t="s">
        <v>74631</v>
      </c>
      <c r="B20894" s="1" t="s">
        <v>72967</v>
      </c>
      <c r="C20894" s="1" t="s">
        <v>25</v>
      </c>
      <c r="D20894" s="1" t="s">
        <v>16135</v>
      </c>
      <c r="E20894" s="1" t="s">
        <v>74644</v>
      </c>
      <c r="F20894" s="1" t="s">
        <v>74645</v>
      </c>
      <c r="G20894" s="1" t="s">
        <v>74634</v>
      </c>
      <c r="H20894" s="1" t="s">
        <v>74635</v>
      </c>
      <c r="I20894" s="1" t="s">
        <v>72972</v>
      </c>
      <c r="J20894" s="1" t="s">
        <v>74646</v>
      </c>
    </row>
    <row r="20895" spans="1:10" x14ac:dyDescent="0.35">
      <c r="A20895" s="1" t="s">
        <v>74631</v>
      </c>
      <c r="B20895" s="1" t="s">
        <v>72967</v>
      </c>
      <c r="C20895" s="1" t="s">
        <v>30</v>
      </c>
      <c r="D20895" s="1" t="s">
        <v>74647</v>
      </c>
      <c r="E20895" s="1" t="s">
        <v>74648</v>
      </c>
      <c r="F20895" s="1" t="s">
        <v>74649</v>
      </c>
      <c r="G20895" s="1" t="s">
        <v>74634</v>
      </c>
      <c r="H20895" s="1" t="s">
        <v>74635</v>
      </c>
      <c r="I20895" s="1" t="s">
        <v>72972</v>
      </c>
      <c r="J20895" s="1" t="s">
        <v>74650</v>
      </c>
    </row>
    <row r="20896" spans="1:10" x14ac:dyDescent="0.35">
      <c r="A20896" s="1" t="s">
        <v>74631</v>
      </c>
      <c r="B20896" s="1" t="s">
        <v>72967</v>
      </c>
      <c r="C20896" s="1" t="s">
        <v>35</v>
      </c>
      <c r="D20896" s="1" t="s">
        <v>74651</v>
      </c>
      <c r="E20896" s="1" t="s">
        <v>74652</v>
      </c>
      <c r="F20896" s="1" t="s">
        <v>74653</v>
      </c>
      <c r="G20896" s="1" t="s">
        <v>74634</v>
      </c>
      <c r="H20896" s="1" t="s">
        <v>74635</v>
      </c>
      <c r="I20896" s="1" t="s">
        <v>72972</v>
      </c>
      <c r="J20896" s="1" t="s">
        <v>74654</v>
      </c>
    </row>
    <row r="20897" spans="1:10" x14ac:dyDescent="0.35">
      <c r="A20897" s="1" t="s">
        <v>74631</v>
      </c>
      <c r="B20897" s="1" t="s">
        <v>72967</v>
      </c>
      <c r="C20897" s="1" t="s">
        <v>40</v>
      </c>
      <c r="D20897" s="1" t="s">
        <v>15507</v>
      </c>
      <c r="E20897" s="1" t="s">
        <v>74655</v>
      </c>
      <c r="F20897" s="1" t="s">
        <v>74656</v>
      </c>
      <c r="G20897" s="1" t="s">
        <v>74634</v>
      </c>
      <c r="H20897" s="1" t="s">
        <v>74635</v>
      </c>
      <c r="I20897" s="1" t="s">
        <v>72972</v>
      </c>
      <c r="J20897" s="1" t="s">
        <v>74657</v>
      </c>
    </row>
    <row r="20898" spans="1:10" x14ac:dyDescent="0.35">
      <c r="A20898" s="1" t="s">
        <v>74631</v>
      </c>
      <c r="B20898" s="1" t="s">
        <v>72967</v>
      </c>
      <c r="C20898" s="1" t="s">
        <v>45</v>
      </c>
      <c r="D20898" s="1" t="s">
        <v>74658</v>
      </c>
      <c r="E20898" s="1" t="s">
        <v>74659</v>
      </c>
      <c r="F20898" s="1" t="s">
        <v>74660</v>
      </c>
      <c r="G20898" s="1" t="s">
        <v>74634</v>
      </c>
      <c r="H20898" s="1" t="s">
        <v>74635</v>
      </c>
      <c r="I20898" s="1" t="s">
        <v>72972</v>
      </c>
      <c r="J20898" s="1" t="s">
        <v>74661</v>
      </c>
    </row>
    <row r="20899" spans="1:10" x14ac:dyDescent="0.35">
      <c r="A20899" s="1" t="s">
        <v>74631</v>
      </c>
      <c r="B20899" s="1" t="s">
        <v>72967</v>
      </c>
      <c r="C20899" s="1" t="s">
        <v>50</v>
      </c>
      <c r="D20899" s="1" t="s">
        <v>74662</v>
      </c>
      <c r="E20899" s="1" t="s">
        <v>74663</v>
      </c>
      <c r="F20899" s="1" t="s">
        <v>74664</v>
      </c>
      <c r="G20899" s="1" t="s">
        <v>74634</v>
      </c>
      <c r="H20899" s="1" t="s">
        <v>74635</v>
      </c>
      <c r="I20899" s="1" t="s">
        <v>72972</v>
      </c>
      <c r="J20899" s="1" t="s">
        <v>74665</v>
      </c>
    </row>
    <row r="20900" spans="1:10" x14ac:dyDescent="0.35">
      <c r="A20900" s="1" t="s">
        <v>74631</v>
      </c>
      <c r="B20900" s="1" t="s">
        <v>72967</v>
      </c>
      <c r="C20900" s="1" t="s">
        <v>55</v>
      </c>
      <c r="D20900" s="1" t="s">
        <v>74666</v>
      </c>
      <c r="E20900" s="1" t="s">
        <v>74667</v>
      </c>
      <c r="F20900" s="1" t="s">
        <v>74668</v>
      </c>
      <c r="G20900" s="1" t="s">
        <v>74634</v>
      </c>
      <c r="H20900" s="1" t="s">
        <v>74635</v>
      </c>
      <c r="I20900" s="1" t="s">
        <v>72972</v>
      </c>
      <c r="J20900" s="1" t="s">
        <v>74669</v>
      </c>
    </row>
    <row r="20901" spans="1:10" x14ac:dyDescent="0.35">
      <c r="A20901" s="1" t="s">
        <v>74631</v>
      </c>
      <c r="B20901" s="1" t="s">
        <v>72967</v>
      </c>
      <c r="C20901" s="1" t="s">
        <v>60</v>
      </c>
      <c r="D20901" s="1" t="s">
        <v>50849</v>
      </c>
      <c r="E20901" s="1" t="s">
        <v>74670</v>
      </c>
      <c r="F20901" s="1" t="s">
        <v>74671</v>
      </c>
      <c r="G20901" s="1" t="s">
        <v>74634</v>
      </c>
      <c r="H20901" s="1" t="s">
        <v>74635</v>
      </c>
      <c r="I20901" s="1" t="s">
        <v>72972</v>
      </c>
      <c r="J20901" s="1" t="s">
        <v>74672</v>
      </c>
    </row>
    <row r="20902" spans="1:10" x14ac:dyDescent="0.35">
      <c r="A20902" s="1" t="s">
        <v>74631</v>
      </c>
      <c r="B20902" s="1" t="s">
        <v>72967</v>
      </c>
      <c r="C20902" s="1" t="s">
        <v>65</v>
      </c>
      <c r="D20902" s="1" t="s">
        <v>74673</v>
      </c>
      <c r="E20902" s="1" t="s">
        <v>74674</v>
      </c>
      <c r="F20902" s="1" t="s">
        <v>74675</v>
      </c>
      <c r="G20902" s="1" t="s">
        <v>74634</v>
      </c>
      <c r="H20902" s="1" t="s">
        <v>74635</v>
      </c>
      <c r="I20902" s="1" t="s">
        <v>72972</v>
      </c>
      <c r="J20902" s="1" t="s">
        <v>74676</v>
      </c>
    </row>
    <row r="20903" spans="1:10" x14ac:dyDescent="0.35">
      <c r="A20903" s="1" t="s">
        <v>74631</v>
      </c>
      <c r="B20903" s="1" t="s">
        <v>72967</v>
      </c>
      <c r="C20903" s="1" t="s">
        <v>70</v>
      </c>
      <c r="D20903" s="1" t="s">
        <v>19604</v>
      </c>
      <c r="E20903" s="1" t="s">
        <v>74677</v>
      </c>
      <c r="F20903" s="1" t="s">
        <v>74678</v>
      </c>
      <c r="G20903" s="1" t="s">
        <v>74634</v>
      </c>
      <c r="H20903" s="1" t="s">
        <v>74635</v>
      </c>
      <c r="I20903" s="1" t="s">
        <v>72972</v>
      </c>
      <c r="J20903" s="1" t="s">
        <v>74679</v>
      </c>
    </row>
    <row r="20904" spans="1:10" x14ac:dyDescent="0.35">
      <c r="A20904" s="1" t="s">
        <v>74631</v>
      </c>
      <c r="B20904" s="1" t="s">
        <v>72967</v>
      </c>
      <c r="C20904" s="1" t="s">
        <v>75</v>
      </c>
      <c r="D20904" s="1" t="s">
        <v>74680</v>
      </c>
      <c r="E20904" s="1" t="s">
        <v>74681</v>
      </c>
      <c r="F20904" s="1" t="s">
        <v>74682</v>
      </c>
      <c r="G20904" s="1" t="s">
        <v>74634</v>
      </c>
      <c r="H20904" s="1" t="s">
        <v>74635</v>
      </c>
      <c r="I20904" s="1" t="s">
        <v>72972</v>
      </c>
      <c r="J20904" s="1" t="s">
        <v>74683</v>
      </c>
    </row>
    <row r="20905" spans="1:10" x14ac:dyDescent="0.35">
      <c r="A20905" s="1" t="s">
        <v>74631</v>
      </c>
      <c r="B20905" s="1" t="s">
        <v>72967</v>
      </c>
      <c r="C20905" s="1" t="s">
        <v>80</v>
      </c>
      <c r="D20905" s="1" t="s">
        <v>74684</v>
      </c>
      <c r="E20905" s="1" t="s">
        <v>74685</v>
      </c>
      <c r="F20905" s="1" t="s">
        <v>74686</v>
      </c>
      <c r="G20905" s="1" t="s">
        <v>74634</v>
      </c>
      <c r="H20905" s="1" t="s">
        <v>74635</v>
      </c>
      <c r="I20905" s="1" t="s">
        <v>72972</v>
      </c>
      <c r="J20905" s="1" t="s">
        <v>74687</v>
      </c>
    </row>
    <row r="20906" spans="1:10" x14ac:dyDescent="0.35">
      <c r="A20906" s="1" t="s">
        <v>74631</v>
      </c>
      <c r="B20906" s="1" t="s">
        <v>72967</v>
      </c>
      <c r="C20906" s="1" t="s">
        <v>85</v>
      </c>
      <c r="D20906" s="1" t="s">
        <v>49973</v>
      </c>
      <c r="E20906" s="1" t="s">
        <v>74688</v>
      </c>
      <c r="F20906" s="1" t="s">
        <v>74689</v>
      </c>
      <c r="G20906" s="1" t="s">
        <v>74634</v>
      </c>
      <c r="H20906" s="1" t="s">
        <v>74635</v>
      </c>
      <c r="I20906" s="1" t="s">
        <v>72972</v>
      </c>
      <c r="J20906" s="1" t="s">
        <v>74690</v>
      </c>
    </row>
    <row r="20907" spans="1:10" x14ac:dyDescent="0.35">
      <c r="A20907" s="1" t="s">
        <v>74631</v>
      </c>
      <c r="B20907" s="1" t="s">
        <v>72967</v>
      </c>
      <c r="C20907" s="1" t="s">
        <v>90</v>
      </c>
      <c r="D20907" s="1" t="s">
        <v>73625</v>
      </c>
      <c r="E20907" s="1" t="s">
        <v>74691</v>
      </c>
      <c r="F20907" s="1" t="s">
        <v>74692</v>
      </c>
      <c r="G20907" s="1" t="s">
        <v>74634</v>
      </c>
      <c r="H20907" s="1" t="s">
        <v>74635</v>
      </c>
      <c r="I20907" s="1" t="s">
        <v>72972</v>
      </c>
      <c r="J20907" s="1" t="s">
        <v>74693</v>
      </c>
    </row>
    <row r="20908" spans="1:10" x14ac:dyDescent="0.35">
      <c r="A20908" s="1" t="s">
        <v>74631</v>
      </c>
      <c r="B20908" s="1" t="s">
        <v>72967</v>
      </c>
      <c r="C20908" s="1" t="s">
        <v>95</v>
      </c>
      <c r="D20908" s="1" t="s">
        <v>74694</v>
      </c>
      <c r="E20908" s="1" t="s">
        <v>74695</v>
      </c>
      <c r="F20908" s="1" t="s">
        <v>74696</v>
      </c>
      <c r="G20908" s="1" t="s">
        <v>74634</v>
      </c>
      <c r="H20908" s="1" t="s">
        <v>74635</v>
      </c>
      <c r="I20908" s="1" t="s">
        <v>72972</v>
      </c>
      <c r="J20908" s="1" t="s">
        <v>74697</v>
      </c>
    </row>
    <row r="20909" spans="1:10" x14ac:dyDescent="0.35">
      <c r="A20909" s="1" t="s">
        <v>74631</v>
      </c>
      <c r="B20909" s="1" t="s">
        <v>72967</v>
      </c>
      <c r="C20909" s="1" t="s">
        <v>100</v>
      </c>
      <c r="D20909" s="1" t="s">
        <v>5401</v>
      </c>
      <c r="E20909" s="1" t="s">
        <v>74698</v>
      </c>
      <c r="F20909" s="1" t="s">
        <v>74699</v>
      </c>
      <c r="G20909" s="1" t="s">
        <v>74634</v>
      </c>
      <c r="H20909" s="1" t="s">
        <v>74635</v>
      </c>
      <c r="I20909" s="1" t="s">
        <v>72972</v>
      </c>
      <c r="J20909" s="1" t="s">
        <v>74700</v>
      </c>
    </row>
    <row r="20910" spans="1:10" x14ac:dyDescent="0.35">
      <c r="A20910" s="1" t="s">
        <v>74631</v>
      </c>
      <c r="B20910" s="1" t="s">
        <v>72967</v>
      </c>
      <c r="C20910" s="1" t="s">
        <v>105</v>
      </c>
      <c r="D20910" s="1" t="s">
        <v>15439</v>
      </c>
      <c r="E20910" s="1" t="s">
        <v>74701</v>
      </c>
      <c r="F20910" s="1" t="s">
        <v>74702</v>
      </c>
      <c r="G20910" s="1" t="s">
        <v>74634</v>
      </c>
      <c r="H20910" s="1" t="s">
        <v>74635</v>
      </c>
      <c r="I20910" s="1" t="s">
        <v>72972</v>
      </c>
      <c r="J20910" s="1" t="s">
        <v>74703</v>
      </c>
    </row>
    <row r="20911" spans="1:10" x14ac:dyDescent="0.35">
      <c r="A20911" s="1" t="s">
        <v>74631</v>
      </c>
      <c r="B20911" s="1" t="s">
        <v>72967</v>
      </c>
      <c r="C20911" s="1" t="s">
        <v>110</v>
      </c>
      <c r="D20911" s="1" t="s">
        <v>38400</v>
      </c>
      <c r="E20911" s="1" t="s">
        <v>74704</v>
      </c>
      <c r="F20911" s="1" t="s">
        <v>74705</v>
      </c>
      <c r="G20911" s="1" t="s">
        <v>74634</v>
      </c>
      <c r="H20911" s="1" t="s">
        <v>74635</v>
      </c>
      <c r="I20911" s="1" t="s">
        <v>72972</v>
      </c>
      <c r="J20911" s="1" t="s">
        <v>74706</v>
      </c>
    </row>
    <row r="20912" spans="1:10" x14ac:dyDescent="0.35">
      <c r="A20912" s="1" t="s">
        <v>74631</v>
      </c>
      <c r="B20912" s="1" t="s">
        <v>72967</v>
      </c>
      <c r="C20912" s="1" t="s">
        <v>115</v>
      </c>
      <c r="D20912" s="1" t="s">
        <v>73365</v>
      </c>
      <c r="E20912" s="1" t="s">
        <v>74707</v>
      </c>
      <c r="F20912" s="1" t="s">
        <v>74708</v>
      </c>
      <c r="G20912" s="1" t="s">
        <v>74634</v>
      </c>
      <c r="H20912" s="1" t="s">
        <v>74635</v>
      </c>
      <c r="I20912" s="1" t="s">
        <v>72972</v>
      </c>
      <c r="J20912" s="1" t="s">
        <v>74709</v>
      </c>
    </row>
    <row r="20913" spans="1:10" x14ac:dyDescent="0.35">
      <c r="A20913" s="1" t="s">
        <v>74631</v>
      </c>
      <c r="B20913" s="1" t="s">
        <v>72967</v>
      </c>
      <c r="C20913" s="1" t="s">
        <v>120</v>
      </c>
      <c r="D20913" s="1" t="s">
        <v>33211</v>
      </c>
      <c r="E20913" s="1" t="s">
        <v>74710</v>
      </c>
      <c r="F20913" s="1" t="s">
        <v>74711</v>
      </c>
      <c r="G20913" s="1" t="s">
        <v>74634</v>
      </c>
      <c r="H20913" s="1" t="s">
        <v>74635</v>
      </c>
      <c r="I20913" s="1" t="s">
        <v>72972</v>
      </c>
      <c r="J20913" s="1" t="s">
        <v>74712</v>
      </c>
    </row>
    <row r="20914" spans="1:10" x14ac:dyDescent="0.35">
      <c r="A20914" s="1" t="s">
        <v>74631</v>
      </c>
      <c r="B20914" s="1" t="s">
        <v>72967</v>
      </c>
      <c r="C20914" s="1" t="s">
        <v>125</v>
      </c>
      <c r="D20914" s="1" t="s">
        <v>48950</v>
      </c>
      <c r="E20914" s="1" t="s">
        <v>74713</v>
      </c>
      <c r="F20914" s="1" t="s">
        <v>74714</v>
      </c>
      <c r="G20914" s="1" t="s">
        <v>74634</v>
      </c>
      <c r="H20914" s="1" t="s">
        <v>74635</v>
      </c>
      <c r="I20914" s="1" t="s">
        <v>72972</v>
      </c>
      <c r="J20914" s="1" t="s">
        <v>74715</v>
      </c>
    </row>
    <row r="20915" spans="1:10" x14ac:dyDescent="0.35">
      <c r="A20915" s="1" t="s">
        <v>74631</v>
      </c>
      <c r="B20915" s="1" t="s">
        <v>72967</v>
      </c>
      <c r="C20915" s="1" t="s">
        <v>130</v>
      </c>
      <c r="D20915" s="1" t="s">
        <v>32835</v>
      </c>
      <c r="E20915" s="1" t="s">
        <v>74716</v>
      </c>
      <c r="F20915" s="1" t="s">
        <v>74717</v>
      </c>
      <c r="G20915" s="1" t="s">
        <v>74634</v>
      </c>
      <c r="H20915" s="1" t="s">
        <v>74635</v>
      </c>
      <c r="I20915" s="1" t="s">
        <v>72972</v>
      </c>
      <c r="J20915" s="1" t="s">
        <v>74718</v>
      </c>
    </row>
    <row r="20916" spans="1:10" x14ac:dyDescent="0.35">
      <c r="A20916" s="1" t="s">
        <v>74631</v>
      </c>
      <c r="B20916" s="1" t="s">
        <v>72967</v>
      </c>
      <c r="C20916" s="1" t="s">
        <v>135</v>
      </c>
      <c r="D20916" s="1" t="s">
        <v>74719</v>
      </c>
      <c r="E20916" s="1" t="s">
        <v>74720</v>
      </c>
      <c r="F20916" s="1" t="s">
        <v>74721</v>
      </c>
      <c r="G20916" s="1" t="s">
        <v>74634</v>
      </c>
      <c r="H20916" s="1" t="s">
        <v>74635</v>
      </c>
      <c r="I20916" s="1" t="s">
        <v>72972</v>
      </c>
      <c r="J20916" s="1" t="s">
        <v>74722</v>
      </c>
    </row>
    <row r="20917" spans="1:10" x14ac:dyDescent="0.35">
      <c r="A20917" s="1" t="s">
        <v>74631</v>
      </c>
      <c r="B20917" s="1" t="s">
        <v>72967</v>
      </c>
      <c r="C20917" s="1" t="s">
        <v>140</v>
      </c>
      <c r="D20917" s="1" t="s">
        <v>74723</v>
      </c>
      <c r="E20917" s="1" t="s">
        <v>74724</v>
      </c>
      <c r="F20917" s="1" t="s">
        <v>74725</v>
      </c>
      <c r="G20917" s="1" t="s">
        <v>74634</v>
      </c>
      <c r="H20917" s="1" t="s">
        <v>74635</v>
      </c>
      <c r="I20917" s="1" t="s">
        <v>72972</v>
      </c>
      <c r="J20917" s="1" t="s">
        <v>74726</v>
      </c>
    </row>
    <row r="20918" spans="1:10" x14ac:dyDescent="0.35">
      <c r="A20918" s="1" t="s">
        <v>74631</v>
      </c>
      <c r="B20918" s="1" t="s">
        <v>72967</v>
      </c>
      <c r="C20918" s="1" t="s">
        <v>145</v>
      </c>
      <c r="D20918" s="1" t="s">
        <v>42933</v>
      </c>
      <c r="E20918" s="1" t="s">
        <v>74727</v>
      </c>
      <c r="F20918" s="1" t="s">
        <v>74728</v>
      </c>
      <c r="G20918" s="1" t="s">
        <v>74634</v>
      </c>
      <c r="H20918" s="1" t="s">
        <v>74635</v>
      </c>
      <c r="I20918" s="1" t="s">
        <v>72972</v>
      </c>
      <c r="J20918" s="1" t="s">
        <v>74729</v>
      </c>
    </row>
    <row r="20919" spans="1:10" x14ac:dyDescent="0.35">
      <c r="A20919" s="1" t="s">
        <v>74631</v>
      </c>
      <c r="B20919" s="1" t="s">
        <v>72967</v>
      </c>
      <c r="C20919" s="1" t="s">
        <v>150</v>
      </c>
      <c r="D20919" s="1" t="s">
        <v>74730</v>
      </c>
      <c r="E20919" s="1" t="s">
        <v>74731</v>
      </c>
      <c r="F20919" s="1" t="s">
        <v>74732</v>
      </c>
      <c r="G20919" s="1" t="s">
        <v>74634</v>
      </c>
      <c r="H20919" s="1" t="s">
        <v>74635</v>
      </c>
      <c r="I20919" s="1" t="s">
        <v>72972</v>
      </c>
      <c r="J20919" s="1" t="s">
        <v>74733</v>
      </c>
    </row>
    <row r="20920" spans="1:10" x14ac:dyDescent="0.35">
      <c r="A20920" s="1" t="s">
        <v>74631</v>
      </c>
      <c r="B20920" s="1" t="s">
        <v>72967</v>
      </c>
      <c r="C20920" s="1" t="s">
        <v>155</v>
      </c>
      <c r="D20920" s="1" t="s">
        <v>74734</v>
      </c>
      <c r="E20920" s="1" t="s">
        <v>74735</v>
      </c>
      <c r="F20920" s="1" t="s">
        <v>74736</v>
      </c>
      <c r="G20920" s="1" t="s">
        <v>74634</v>
      </c>
      <c r="H20920" s="1" t="s">
        <v>74635</v>
      </c>
      <c r="I20920" s="1" t="s">
        <v>72972</v>
      </c>
      <c r="J20920" s="1" t="s">
        <v>74737</v>
      </c>
    </row>
    <row r="20921" spans="1:10" x14ac:dyDescent="0.35">
      <c r="A20921" s="1" t="s">
        <v>74631</v>
      </c>
      <c r="B20921" s="1" t="s">
        <v>72967</v>
      </c>
      <c r="C20921" s="1" t="s">
        <v>160</v>
      </c>
      <c r="D20921" s="1" t="s">
        <v>47466</v>
      </c>
      <c r="E20921" s="1" t="s">
        <v>74738</v>
      </c>
      <c r="F20921" s="1" t="s">
        <v>74739</v>
      </c>
      <c r="G20921" s="1" t="s">
        <v>74634</v>
      </c>
      <c r="H20921" s="1" t="s">
        <v>74635</v>
      </c>
      <c r="I20921" s="1" t="s">
        <v>72972</v>
      </c>
      <c r="J20921" s="1" t="s">
        <v>74740</v>
      </c>
    </row>
    <row r="20922" spans="1:10" x14ac:dyDescent="0.35">
      <c r="A20922" s="1" t="s">
        <v>74631</v>
      </c>
      <c r="B20922" s="1" t="s">
        <v>72967</v>
      </c>
      <c r="C20922" s="1" t="s">
        <v>165</v>
      </c>
      <c r="D20922" s="1" t="s">
        <v>74741</v>
      </c>
      <c r="E20922" s="1" t="s">
        <v>74742</v>
      </c>
      <c r="F20922" s="1" t="s">
        <v>74743</v>
      </c>
      <c r="G20922" s="1" t="s">
        <v>74634</v>
      </c>
      <c r="H20922" s="1" t="s">
        <v>74635</v>
      </c>
      <c r="I20922" s="1" t="s">
        <v>72972</v>
      </c>
      <c r="J20922" s="1" t="s">
        <v>74744</v>
      </c>
    </row>
    <row r="20923" spans="1:10" x14ac:dyDescent="0.35">
      <c r="A20923" s="1" t="s">
        <v>74631</v>
      </c>
      <c r="B20923" s="1" t="s">
        <v>72967</v>
      </c>
      <c r="C20923" s="1" t="s">
        <v>170</v>
      </c>
      <c r="D20923" s="1" t="s">
        <v>74745</v>
      </c>
      <c r="E20923" s="1" t="s">
        <v>74746</v>
      </c>
      <c r="F20923" s="1" t="s">
        <v>74747</v>
      </c>
      <c r="G20923" s="1" t="s">
        <v>74634</v>
      </c>
      <c r="H20923" s="1" t="s">
        <v>74635</v>
      </c>
      <c r="I20923" s="1" t="s">
        <v>72972</v>
      </c>
      <c r="J20923" s="1" t="s">
        <v>74748</v>
      </c>
    </row>
    <row r="20924" spans="1:10" x14ac:dyDescent="0.35">
      <c r="A20924" s="1" t="s">
        <v>74749</v>
      </c>
      <c r="B20924" s="1" t="s">
        <v>72967</v>
      </c>
      <c r="C20924" s="1" t="s">
        <v>8</v>
      </c>
      <c r="D20924" s="1" t="s">
        <v>33678</v>
      </c>
      <c r="E20924" s="1" t="s">
        <v>74750</v>
      </c>
      <c r="F20924" s="1" t="s">
        <v>74751</v>
      </c>
      <c r="G20924" s="1" t="s">
        <v>74752</v>
      </c>
      <c r="H20924" s="1" t="s">
        <v>74753</v>
      </c>
      <c r="I20924" s="1" t="s">
        <v>72972</v>
      </c>
      <c r="J20924" s="1" t="s">
        <v>13</v>
      </c>
    </row>
    <row r="20925" spans="1:10" x14ac:dyDescent="0.35">
      <c r="A20925" s="1" t="s">
        <v>74749</v>
      </c>
      <c r="B20925" s="1" t="s">
        <v>72967</v>
      </c>
      <c r="C20925" s="1" t="s">
        <v>15</v>
      </c>
      <c r="D20925" s="1" t="s">
        <v>74754</v>
      </c>
      <c r="E20925" s="1" t="s">
        <v>74755</v>
      </c>
      <c r="F20925" s="1" t="s">
        <v>74756</v>
      </c>
      <c r="G20925" s="1" t="s">
        <v>74752</v>
      </c>
      <c r="H20925" s="1" t="s">
        <v>74753</v>
      </c>
      <c r="I20925" s="1" t="s">
        <v>72972</v>
      </c>
      <c r="J20925" s="1" t="s">
        <v>74757</v>
      </c>
    </row>
    <row r="20926" spans="1:10" x14ac:dyDescent="0.35">
      <c r="A20926" s="1" t="s">
        <v>74749</v>
      </c>
      <c r="B20926" s="1" t="s">
        <v>72967</v>
      </c>
      <c r="C20926" s="1" t="s">
        <v>20</v>
      </c>
      <c r="D20926" s="1" t="s">
        <v>51011</v>
      </c>
      <c r="E20926" s="1" t="s">
        <v>74758</v>
      </c>
      <c r="F20926" s="1" t="s">
        <v>74759</v>
      </c>
      <c r="G20926" s="1" t="s">
        <v>74752</v>
      </c>
      <c r="H20926" s="1" t="s">
        <v>74753</v>
      </c>
      <c r="I20926" s="1" t="s">
        <v>72972</v>
      </c>
      <c r="J20926" s="1" t="s">
        <v>74760</v>
      </c>
    </row>
    <row r="20927" spans="1:10" x14ac:dyDescent="0.35">
      <c r="A20927" s="1" t="s">
        <v>74749</v>
      </c>
      <c r="B20927" s="1" t="s">
        <v>72967</v>
      </c>
      <c r="C20927" s="1" t="s">
        <v>25</v>
      </c>
      <c r="D20927" s="1" t="s">
        <v>74761</v>
      </c>
      <c r="E20927" s="1" t="s">
        <v>74762</v>
      </c>
      <c r="F20927" s="1" t="s">
        <v>74763</v>
      </c>
      <c r="G20927" s="1" t="s">
        <v>74752</v>
      </c>
      <c r="H20927" s="1" t="s">
        <v>74753</v>
      </c>
      <c r="I20927" s="1" t="s">
        <v>72972</v>
      </c>
      <c r="J20927" s="1" t="s">
        <v>74764</v>
      </c>
    </row>
    <row r="20928" spans="1:10" x14ac:dyDescent="0.35">
      <c r="A20928" s="1" t="s">
        <v>74749</v>
      </c>
      <c r="B20928" s="1" t="s">
        <v>72967</v>
      </c>
      <c r="C20928" s="1" t="s">
        <v>30</v>
      </c>
      <c r="D20928" s="1" t="s">
        <v>50170</v>
      </c>
      <c r="E20928" s="1" t="s">
        <v>74765</v>
      </c>
      <c r="F20928" s="1" t="s">
        <v>74766</v>
      </c>
      <c r="G20928" s="1" t="s">
        <v>74752</v>
      </c>
      <c r="H20928" s="1" t="s">
        <v>74753</v>
      </c>
      <c r="I20928" s="1" t="s">
        <v>72972</v>
      </c>
      <c r="J20928" s="1" t="s">
        <v>74767</v>
      </c>
    </row>
    <row r="20929" spans="1:10" x14ac:dyDescent="0.35">
      <c r="A20929" s="1" t="s">
        <v>74749</v>
      </c>
      <c r="B20929" s="1" t="s">
        <v>72967</v>
      </c>
      <c r="C20929" s="1" t="s">
        <v>35</v>
      </c>
      <c r="D20929" s="1" t="s">
        <v>50170</v>
      </c>
      <c r="E20929" s="1" t="s">
        <v>74768</v>
      </c>
      <c r="F20929" s="1" t="s">
        <v>74769</v>
      </c>
      <c r="G20929" s="1" t="s">
        <v>74752</v>
      </c>
      <c r="H20929" s="1" t="s">
        <v>74753</v>
      </c>
      <c r="I20929" s="1" t="s">
        <v>72972</v>
      </c>
      <c r="J20929" s="1" t="s">
        <v>1180</v>
      </c>
    </row>
    <row r="20930" spans="1:10" x14ac:dyDescent="0.35">
      <c r="A20930" s="1" t="s">
        <v>74749</v>
      </c>
      <c r="B20930" s="1" t="s">
        <v>72967</v>
      </c>
      <c r="C20930" s="1" t="s">
        <v>40</v>
      </c>
      <c r="D20930" s="1" t="s">
        <v>74770</v>
      </c>
      <c r="E20930" s="1" t="s">
        <v>74771</v>
      </c>
      <c r="F20930" s="1" t="s">
        <v>74772</v>
      </c>
      <c r="G20930" s="1" t="s">
        <v>74752</v>
      </c>
      <c r="H20930" s="1" t="s">
        <v>74753</v>
      </c>
      <c r="I20930" s="1" t="s">
        <v>72972</v>
      </c>
      <c r="J20930" s="1" t="s">
        <v>74773</v>
      </c>
    </row>
    <row r="20931" spans="1:10" x14ac:dyDescent="0.35">
      <c r="A20931" s="1" t="s">
        <v>74749</v>
      </c>
      <c r="B20931" s="1" t="s">
        <v>72967</v>
      </c>
      <c r="C20931" s="1" t="s">
        <v>45</v>
      </c>
      <c r="D20931" s="1" t="s">
        <v>74774</v>
      </c>
      <c r="E20931" s="1" t="s">
        <v>74775</v>
      </c>
      <c r="F20931" s="1" t="s">
        <v>74776</v>
      </c>
      <c r="G20931" s="1" t="s">
        <v>74752</v>
      </c>
      <c r="H20931" s="1" t="s">
        <v>74753</v>
      </c>
      <c r="I20931" s="1" t="s">
        <v>72972</v>
      </c>
      <c r="J20931" s="1" t="s">
        <v>74777</v>
      </c>
    </row>
    <row r="20932" spans="1:10" x14ac:dyDescent="0.35">
      <c r="A20932" s="1" t="s">
        <v>74749</v>
      </c>
      <c r="B20932" s="1" t="s">
        <v>72967</v>
      </c>
      <c r="C20932" s="1" t="s">
        <v>50</v>
      </c>
      <c r="D20932" s="1" t="s">
        <v>74778</v>
      </c>
      <c r="E20932" s="1" t="s">
        <v>74779</v>
      </c>
      <c r="F20932" s="1" t="s">
        <v>74780</v>
      </c>
      <c r="G20932" s="1" t="s">
        <v>74752</v>
      </c>
      <c r="H20932" s="1" t="s">
        <v>74753</v>
      </c>
      <c r="I20932" s="1" t="s">
        <v>72972</v>
      </c>
      <c r="J20932" s="1" t="s">
        <v>74781</v>
      </c>
    </row>
    <row r="20933" spans="1:10" x14ac:dyDescent="0.35">
      <c r="A20933" s="1" t="s">
        <v>74749</v>
      </c>
      <c r="B20933" s="1" t="s">
        <v>72967</v>
      </c>
      <c r="C20933" s="1" t="s">
        <v>55</v>
      </c>
      <c r="D20933" s="1" t="s">
        <v>46479</v>
      </c>
      <c r="E20933" s="1" t="s">
        <v>74782</v>
      </c>
      <c r="F20933" s="1" t="s">
        <v>74783</v>
      </c>
      <c r="G20933" s="1" t="s">
        <v>74752</v>
      </c>
      <c r="H20933" s="1" t="s">
        <v>74753</v>
      </c>
      <c r="I20933" s="1" t="s">
        <v>72972</v>
      </c>
      <c r="J20933" s="1" t="s">
        <v>74784</v>
      </c>
    </row>
    <row r="20934" spans="1:10" x14ac:dyDescent="0.35">
      <c r="A20934" s="1" t="s">
        <v>74749</v>
      </c>
      <c r="B20934" s="1" t="s">
        <v>72967</v>
      </c>
      <c r="C20934" s="1" t="s">
        <v>60</v>
      </c>
      <c r="D20934" s="1" t="s">
        <v>364</v>
      </c>
      <c r="E20934" s="1" t="s">
        <v>74785</v>
      </c>
      <c r="F20934" s="1" t="s">
        <v>74786</v>
      </c>
      <c r="G20934" s="1" t="s">
        <v>74752</v>
      </c>
      <c r="H20934" s="1" t="s">
        <v>74753</v>
      </c>
      <c r="I20934" s="1" t="s">
        <v>72972</v>
      </c>
      <c r="J20934" s="1" t="s">
        <v>74787</v>
      </c>
    </row>
    <row r="20935" spans="1:10" x14ac:dyDescent="0.35">
      <c r="A20935" s="1" t="s">
        <v>74749</v>
      </c>
      <c r="B20935" s="1" t="s">
        <v>72967</v>
      </c>
      <c r="C20935" s="1" t="s">
        <v>65</v>
      </c>
      <c r="D20935" s="1" t="s">
        <v>25762</v>
      </c>
      <c r="E20935" s="1" t="s">
        <v>74788</v>
      </c>
      <c r="F20935" s="1" t="s">
        <v>74789</v>
      </c>
      <c r="G20935" s="1" t="s">
        <v>74752</v>
      </c>
      <c r="H20935" s="1" t="s">
        <v>74753</v>
      </c>
      <c r="I20935" s="1" t="s">
        <v>72972</v>
      </c>
      <c r="J20935" s="1" t="s">
        <v>74790</v>
      </c>
    </row>
    <row r="20936" spans="1:10" x14ac:dyDescent="0.35">
      <c r="A20936" s="1" t="s">
        <v>74749</v>
      </c>
      <c r="B20936" s="1" t="s">
        <v>72967</v>
      </c>
      <c r="C20936" s="1" t="s">
        <v>70</v>
      </c>
      <c r="D20936" s="1" t="s">
        <v>16120</v>
      </c>
      <c r="E20936" s="1" t="s">
        <v>74791</v>
      </c>
      <c r="F20936" s="1" t="s">
        <v>74792</v>
      </c>
      <c r="G20936" s="1" t="s">
        <v>74752</v>
      </c>
      <c r="H20936" s="1" t="s">
        <v>74753</v>
      </c>
      <c r="I20936" s="1" t="s">
        <v>72972</v>
      </c>
      <c r="J20936" s="1" t="s">
        <v>74793</v>
      </c>
    </row>
    <row r="20937" spans="1:10" x14ac:dyDescent="0.35">
      <c r="A20937" s="1" t="s">
        <v>74749</v>
      </c>
      <c r="B20937" s="1" t="s">
        <v>72967</v>
      </c>
      <c r="C20937" s="1" t="s">
        <v>75</v>
      </c>
      <c r="D20937" s="1" t="s">
        <v>74794</v>
      </c>
      <c r="E20937" s="1" t="s">
        <v>74795</v>
      </c>
      <c r="F20937" s="1" t="s">
        <v>74796</v>
      </c>
      <c r="G20937" s="1" t="s">
        <v>74752</v>
      </c>
      <c r="H20937" s="1" t="s">
        <v>74753</v>
      </c>
      <c r="I20937" s="1" t="s">
        <v>72972</v>
      </c>
      <c r="J20937" s="1" t="s">
        <v>74797</v>
      </c>
    </row>
    <row r="20938" spans="1:10" x14ac:dyDescent="0.35">
      <c r="A20938" s="1" t="s">
        <v>74749</v>
      </c>
      <c r="B20938" s="1" t="s">
        <v>72967</v>
      </c>
      <c r="C20938" s="1" t="s">
        <v>80</v>
      </c>
      <c r="D20938" s="1" t="s">
        <v>74798</v>
      </c>
      <c r="E20938" s="1" t="s">
        <v>74799</v>
      </c>
      <c r="F20938" s="1" t="s">
        <v>74800</v>
      </c>
      <c r="G20938" s="1" t="s">
        <v>74752</v>
      </c>
      <c r="H20938" s="1" t="s">
        <v>74753</v>
      </c>
      <c r="I20938" s="1" t="s">
        <v>72972</v>
      </c>
      <c r="J20938" s="1" t="s">
        <v>74801</v>
      </c>
    </row>
    <row r="20939" spans="1:10" x14ac:dyDescent="0.35">
      <c r="A20939" s="1" t="s">
        <v>74749</v>
      </c>
      <c r="B20939" s="1" t="s">
        <v>72967</v>
      </c>
      <c r="C20939" s="1" t="s">
        <v>85</v>
      </c>
      <c r="D20939" s="1" t="s">
        <v>74802</v>
      </c>
      <c r="E20939" s="1" t="s">
        <v>74803</v>
      </c>
      <c r="F20939" s="1" t="s">
        <v>74804</v>
      </c>
      <c r="G20939" s="1" t="s">
        <v>74752</v>
      </c>
      <c r="H20939" s="1" t="s">
        <v>74753</v>
      </c>
      <c r="I20939" s="1" t="s">
        <v>72972</v>
      </c>
      <c r="J20939" s="1" t="s">
        <v>74805</v>
      </c>
    </row>
    <row r="20940" spans="1:10" x14ac:dyDescent="0.35">
      <c r="A20940" s="1" t="s">
        <v>74749</v>
      </c>
      <c r="B20940" s="1" t="s">
        <v>72967</v>
      </c>
      <c r="C20940" s="1" t="s">
        <v>90</v>
      </c>
      <c r="D20940" s="1" t="s">
        <v>34076</v>
      </c>
      <c r="E20940" s="1" t="s">
        <v>74806</v>
      </c>
      <c r="F20940" s="1" t="s">
        <v>74807</v>
      </c>
      <c r="G20940" s="1" t="s">
        <v>74752</v>
      </c>
      <c r="H20940" s="1" t="s">
        <v>74753</v>
      </c>
      <c r="I20940" s="1" t="s">
        <v>72972</v>
      </c>
      <c r="J20940" s="1" t="s">
        <v>74808</v>
      </c>
    </row>
    <row r="20941" spans="1:10" x14ac:dyDescent="0.35">
      <c r="A20941" s="1" t="s">
        <v>74749</v>
      </c>
      <c r="B20941" s="1" t="s">
        <v>72967</v>
      </c>
      <c r="C20941" s="1" t="s">
        <v>95</v>
      </c>
      <c r="D20941" s="1" t="s">
        <v>38185</v>
      </c>
      <c r="E20941" s="1" t="s">
        <v>74809</v>
      </c>
      <c r="F20941" s="1" t="s">
        <v>74810</v>
      </c>
      <c r="G20941" s="1" t="s">
        <v>74752</v>
      </c>
      <c r="H20941" s="1" t="s">
        <v>74753</v>
      </c>
      <c r="I20941" s="1" t="s">
        <v>72972</v>
      </c>
      <c r="J20941" s="1" t="s">
        <v>74811</v>
      </c>
    </row>
    <row r="20942" spans="1:10" x14ac:dyDescent="0.35">
      <c r="A20942" s="1" t="s">
        <v>74749</v>
      </c>
      <c r="B20942" s="1" t="s">
        <v>72967</v>
      </c>
      <c r="C20942" s="1" t="s">
        <v>100</v>
      </c>
      <c r="D20942" s="1" t="s">
        <v>42889</v>
      </c>
      <c r="E20942" s="1" t="s">
        <v>74812</v>
      </c>
      <c r="F20942" s="1" t="s">
        <v>74813</v>
      </c>
      <c r="G20942" s="1" t="s">
        <v>74752</v>
      </c>
      <c r="H20942" s="1" t="s">
        <v>74753</v>
      </c>
      <c r="I20942" s="1" t="s">
        <v>72972</v>
      </c>
      <c r="J20942" s="1" t="s">
        <v>74814</v>
      </c>
    </row>
    <row r="20943" spans="1:10" x14ac:dyDescent="0.35">
      <c r="A20943" s="1" t="s">
        <v>74749</v>
      </c>
      <c r="B20943" s="1" t="s">
        <v>72967</v>
      </c>
      <c r="C20943" s="1" t="s">
        <v>105</v>
      </c>
      <c r="D20943" s="1" t="s">
        <v>35080</v>
      </c>
      <c r="E20943" s="1" t="s">
        <v>74815</v>
      </c>
      <c r="F20943" s="1" t="s">
        <v>74816</v>
      </c>
      <c r="G20943" s="1" t="s">
        <v>74752</v>
      </c>
      <c r="H20943" s="1" t="s">
        <v>74753</v>
      </c>
      <c r="I20943" s="1" t="s">
        <v>72972</v>
      </c>
      <c r="J20943" s="1" t="s">
        <v>74817</v>
      </c>
    </row>
    <row r="20944" spans="1:10" x14ac:dyDescent="0.35">
      <c r="A20944" s="1" t="s">
        <v>74749</v>
      </c>
      <c r="B20944" s="1" t="s">
        <v>72967</v>
      </c>
      <c r="C20944" s="1" t="s">
        <v>110</v>
      </c>
      <c r="D20944" s="1" t="s">
        <v>74818</v>
      </c>
      <c r="E20944" s="1" t="s">
        <v>74819</v>
      </c>
      <c r="F20944" s="1" t="s">
        <v>74820</v>
      </c>
      <c r="G20944" s="1" t="s">
        <v>74752</v>
      </c>
      <c r="H20944" s="1" t="s">
        <v>74753</v>
      </c>
      <c r="I20944" s="1" t="s">
        <v>72972</v>
      </c>
      <c r="J20944" s="1" t="s">
        <v>74821</v>
      </c>
    </row>
    <row r="20945" spans="1:10" x14ac:dyDescent="0.35">
      <c r="A20945" s="1" t="s">
        <v>74749</v>
      </c>
      <c r="B20945" s="1" t="s">
        <v>72967</v>
      </c>
      <c r="C20945" s="1" t="s">
        <v>115</v>
      </c>
      <c r="D20945" s="1" t="s">
        <v>36261</v>
      </c>
      <c r="E20945" s="1" t="s">
        <v>74822</v>
      </c>
      <c r="F20945" s="1" t="s">
        <v>74823</v>
      </c>
      <c r="G20945" s="1" t="s">
        <v>74752</v>
      </c>
      <c r="H20945" s="1" t="s">
        <v>74753</v>
      </c>
      <c r="I20945" s="1" t="s">
        <v>72972</v>
      </c>
      <c r="J20945" s="1" t="s">
        <v>74824</v>
      </c>
    </row>
    <row r="20946" spans="1:10" x14ac:dyDescent="0.35">
      <c r="A20946" s="1" t="s">
        <v>74749</v>
      </c>
      <c r="B20946" s="1" t="s">
        <v>72967</v>
      </c>
      <c r="C20946" s="1" t="s">
        <v>120</v>
      </c>
      <c r="D20946" s="1" t="s">
        <v>253</v>
      </c>
      <c r="E20946" s="1" t="s">
        <v>74825</v>
      </c>
      <c r="F20946" s="1" t="s">
        <v>74826</v>
      </c>
      <c r="G20946" s="1" t="s">
        <v>74752</v>
      </c>
      <c r="H20946" s="1" t="s">
        <v>74753</v>
      </c>
      <c r="I20946" s="1" t="s">
        <v>72972</v>
      </c>
      <c r="J20946" s="1" t="s">
        <v>74827</v>
      </c>
    </row>
    <row r="20947" spans="1:10" x14ac:dyDescent="0.35">
      <c r="A20947" s="1" t="s">
        <v>74749</v>
      </c>
      <c r="B20947" s="1" t="s">
        <v>72967</v>
      </c>
      <c r="C20947" s="1" t="s">
        <v>125</v>
      </c>
      <c r="D20947" s="1" t="s">
        <v>3619</v>
      </c>
      <c r="E20947" s="1" t="s">
        <v>74828</v>
      </c>
      <c r="F20947" s="1" t="s">
        <v>74829</v>
      </c>
      <c r="G20947" s="1" t="s">
        <v>74752</v>
      </c>
      <c r="H20947" s="1" t="s">
        <v>74753</v>
      </c>
      <c r="I20947" s="1" t="s">
        <v>72972</v>
      </c>
      <c r="J20947" s="1" t="s">
        <v>74830</v>
      </c>
    </row>
    <row r="20948" spans="1:10" x14ac:dyDescent="0.35">
      <c r="A20948" s="1" t="s">
        <v>74749</v>
      </c>
      <c r="B20948" s="1" t="s">
        <v>72967</v>
      </c>
      <c r="C20948" s="1" t="s">
        <v>130</v>
      </c>
      <c r="D20948" s="1" t="s">
        <v>9582</v>
      </c>
      <c r="E20948" s="1" t="s">
        <v>74831</v>
      </c>
      <c r="F20948" s="1" t="s">
        <v>74832</v>
      </c>
      <c r="G20948" s="1" t="s">
        <v>74752</v>
      </c>
      <c r="H20948" s="1" t="s">
        <v>74753</v>
      </c>
      <c r="I20948" s="1" t="s">
        <v>72972</v>
      </c>
      <c r="J20948" s="1" t="s">
        <v>74833</v>
      </c>
    </row>
    <row r="20949" spans="1:10" x14ac:dyDescent="0.35">
      <c r="A20949" s="1" t="s">
        <v>74749</v>
      </c>
      <c r="B20949" s="1" t="s">
        <v>72967</v>
      </c>
      <c r="C20949" s="1" t="s">
        <v>135</v>
      </c>
      <c r="D20949" s="1" t="s">
        <v>74834</v>
      </c>
      <c r="E20949" s="1" t="s">
        <v>74835</v>
      </c>
      <c r="F20949" s="1" t="s">
        <v>74836</v>
      </c>
      <c r="G20949" s="1" t="s">
        <v>74752</v>
      </c>
      <c r="H20949" s="1" t="s">
        <v>74753</v>
      </c>
      <c r="I20949" s="1" t="s">
        <v>72972</v>
      </c>
      <c r="J20949" s="1" t="s">
        <v>74837</v>
      </c>
    </row>
    <row r="20950" spans="1:10" x14ac:dyDescent="0.35">
      <c r="A20950" s="1" t="s">
        <v>74749</v>
      </c>
      <c r="B20950" s="1" t="s">
        <v>72967</v>
      </c>
      <c r="C20950" s="1" t="s">
        <v>140</v>
      </c>
      <c r="D20950" s="1" t="s">
        <v>24828</v>
      </c>
      <c r="E20950" s="1" t="s">
        <v>74838</v>
      </c>
      <c r="F20950" s="1" t="s">
        <v>74839</v>
      </c>
      <c r="G20950" s="1" t="s">
        <v>74752</v>
      </c>
      <c r="H20950" s="1" t="s">
        <v>74753</v>
      </c>
      <c r="I20950" s="1" t="s">
        <v>72972</v>
      </c>
      <c r="J20950" s="1" t="s">
        <v>74840</v>
      </c>
    </row>
    <row r="20951" spans="1:10" x14ac:dyDescent="0.35">
      <c r="A20951" s="1" t="s">
        <v>74749</v>
      </c>
      <c r="B20951" s="1" t="s">
        <v>72967</v>
      </c>
      <c r="C20951" s="1" t="s">
        <v>145</v>
      </c>
      <c r="D20951" s="1" t="s">
        <v>74841</v>
      </c>
      <c r="E20951" s="1" t="s">
        <v>74842</v>
      </c>
      <c r="F20951" s="1" t="s">
        <v>74843</v>
      </c>
      <c r="G20951" s="1" t="s">
        <v>74752</v>
      </c>
      <c r="H20951" s="1" t="s">
        <v>74753</v>
      </c>
      <c r="I20951" s="1" t="s">
        <v>72972</v>
      </c>
      <c r="J20951" s="1" t="s">
        <v>74844</v>
      </c>
    </row>
    <row r="20952" spans="1:10" x14ac:dyDescent="0.35">
      <c r="A20952" s="1" t="s">
        <v>74749</v>
      </c>
      <c r="B20952" s="1" t="s">
        <v>72967</v>
      </c>
      <c r="C20952" s="1" t="s">
        <v>150</v>
      </c>
      <c r="D20952" s="1" t="s">
        <v>70990</v>
      </c>
      <c r="E20952" s="1" t="s">
        <v>74845</v>
      </c>
      <c r="F20952" s="1" t="s">
        <v>74846</v>
      </c>
      <c r="G20952" s="1" t="s">
        <v>74752</v>
      </c>
      <c r="H20952" s="1" t="s">
        <v>74753</v>
      </c>
      <c r="I20952" s="1" t="s">
        <v>72972</v>
      </c>
      <c r="J20952" s="1" t="s">
        <v>74847</v>
      </c>
    </row>
    <row r="20953" spans="1:10" x14ac:dyDescent="0.35">
      <c r="A20953" s="1" t="s">
        <v>74749</v>
      </c>
      <c r="B20953" s="1" t="s">
        <v>72967</v>
      </c>
      <c r="C20953" s="1" t="s">
        <v>155</v>
      </c>
      <c r="D20953" s="1" t="s">
        <v>35610</v>
      </c>
      <c r="E20953" s="1" t="s">
        <v>74848</v>
      </c>
      <c r="F20953" s="1" t="s">
        <v>74849</v>
      </c>
      <c r="G20953" s="1" t="s">
        <v>74752</v>
      </c>
      <c r="H20953" s="1" t="s">
        <v>74753</v>
      </c>
      <c r="I20953" s="1" t="s">
        <v>72972</v>
      </c>
      <c r="J20953" s="1" t="s">
        <v>74850</v>
      </c>
    </row>
    <row r="20954" spans="1:10" x14ac:dyDescent="0.35">
      <c r="A20954" s="1" t="s">
        <v>74749</v>
      </c>
      <c r="B20954" s="1" t="s">
        <v>72967</v>
      </c>
      <c r="C20954" s="1" t="s">
        <v>160</v>
      </c>
      <c r="D20954" s="1" t="s">
        <v>74851</v>
      </c>
      <c r="E20954" s="1" t="s">
        <v>74852</v>
      </c>
      <c r="F20954" s="1" t="s">
        <v>74853</v>
      </c>
      <c r="G20954" s="1" t="s">
        <v>74752</v>
      </c>
      <c r="H20954" s="1" t="s">
        <v>74753</v>
      </c>
      <c r="I20954" s="1" t="s">
        <v>72972</v>
      </c>
      <c r="J20954" s="1" t="s">
        <v>74854</v>
      </c>
    </row>
    <row r="20955" spans="1:10" x14ac:dyDescent="0.35">
      <c r="A20955" s="1" t="s">
        <v>74749</v>
      </c>
      <c r="B20955" s="1" t="s">
        <v>72967</v>
      </c>
      <c r="C20955" s="1" t="s">
        <v>165</v>
      </c>
      <c r="D20955" s="1" t="s">
        <v>16167</v>
      </c>
      <c r="E20955" s="1" t="s">
        <v>74855</v>
      </c>
      <c r="F20955" s="1" t="s">
        <v>74856</v>
      </c>
      <c r="G20955" s="1" t="s">
        <v>74752</v>
      </c>
      <c r="H20955" s="1" t="s">
        <v>74753</v>
      </c>
      <c r="I20955" s="1" t="s">
        <v>72972</v>
      </c>
      <c r="J20955" s="1" t="s">
        <v>74857</v>
      </c>
    </row>
    <row r="20956" spans="1:10" x14ac:dyDescent="0.35">
      <c r="A20956" s="1" t="s">
        <v>74749</v>
      </c>
      <c r="B20956" s="1" t="s">
        <v>72967</v>
      </c>
      <c r="C20956" s="1" t="s">
        <v>170</v>
      </c>
      <c r="D20956" s="1" t="s">
        <v>74858</v>
      </c>
      <c r="E20956" s="1" t="s">
        <v>74859</v>
      </c>
      <c r="F20956" s="1" t="s">
        <v>74860</v>
      </c>
      <c r="G20956" s="1" t="s">
        <v>74752</v>
      </c>
      <c r="H20956" s="1" t="s">
        <v>74753</v>
      </c>
      <c r="I20956" s="1" t="s">
        <v>72972</v>
      </c>
      <c r="J20956" s="1" t="s">
        <v>74861</v>
      </c>
    </row>
    <row r="20957" spans="1:10" x14ac:dyDescent="0.35">
      <c r="A20957" s="1" t="s">
        <v>74862</v>
      </c>
      <c r="B20957" s="1" t="s">
        <v>72967</v>
      </c>
      <c r="C20957" s="1" t="s">
        <v>8</v>
      </c>
      <c r="D20957" s="1" t="s">
        <v>30229</v>
      </c>
      <c r="E20957" s="1" t="s">
        <v>74863</v>
      </c>
      <c r="F20957" s="1" t="s">
        <v>74864</v>
      </c>
      <c r="G20957" s="1" t="s">
        <v>74865</v>
      </c>
      <c r="H20957" s="1" t="s">
        <v>74866</v>
      </c>
      <c r="I20957" s="1" t="s">
        <v>72972</v>
      </c>
      <c r="J20957" s="1" t="s">
        <v>13</v>
      </c>
    </row>
    <row r="20958" spans="1:10" x14ac:dyDescent="0.35">
      <c r="A20958" s="1" t="s">
        <v>74862</v>
      </c>
      <c r="B20958" s="1" t="s">
        <v>72967</v>
      </c>
      <c r="C20958" s="1" t="s">
        <v>15</v>
      </c>
      <c r="D20958" s="1" t="s">
        <v>43638</v>
      </c>
      <c r="E20958" s="1" t="s">
        <v>74867</v>
      </c>
      <c r="F20958" s="1" t="s">
        <v>74868</v>
      </c>
      <c r="G20958" s="1" t="s">
        <v>74865</v>
      </c>
      <c r="H20958" s="1" t="s">
        <v>74866</v>
      </c>
      <c r="I20958" s="1" t="s">
        <v>72972</v>
      </c>
      <c r="J20958" s="1" t="s">
        <v>74869</v>
      </c>
    </row>
    <row r="20959" spans="1:10" x14ac:dyDescent="0.35">
      <c r="A20959" s="1" t="s">
        <v>74862</v>
      </c>
      <c r="B20959" s="1" t="s">
        <v>72967</v>
      </c>
      <c r="C20959" s="1" t="s">
        <v>20</v>
      </c>
      <c r="D20959" s="1" t="s">
        <v>15410</v>
      </c>
      <c r="E20959" s="1" t="s">
        <v>74870</v>
      </c>
      <c r="F20959" s="1" t="s">
        <v>74871</v>
      </c>
      <c r="G20959" s="1" t="s">
        <v>74865</v>
      </c>
      <c r="H20959" s="1" t="s">
        <v>74866</v>
      </c>
      <c r="I20959" s="1" t="s">
        <v>72972</v>
      </c>
      <c r="J20959" s="1" t="s">
        <v>74872</v>
      </c>
    </row>
    <row r="20960" spans="1:10" x14ac:dyDescent="0.35">
      <c r="A20960" s="1" t="s">
        <v>74862</v>
      </c>
      <c r="B20960" s="1" t="s">
        <v>72967</v>
      </c>
      <c r="C20960" s="1" t="s">
        <v>25</v>
      </c>
      <c r="D20960" s="1" t="s">
        <v>74873</v>
      </c>
      <c r="E20960" s="1" t="s">
        <v>74874</v>
      </c>
      <c r="F20960" s="1" t="s">
        <v>74875</v>
      </c>
      <c r="G20960" s="1" t="s">
        <v>74865</v>
      </c>
      <c r="H20960" s="1" t="s">
        <v>74866</v>
      </c>
      <c r="I20960" s="1" t="s">
        <v>72972</v>
      </c>
      <c r="J20960" s="1" t="s">
        <v>74876</v>
      </c>
    </row>
    <row r="20961" spans="1:10" x14ac:dyDescent="0.35">
      <c r="A20961" s="1" t="s">
        <v>74862</v>
      </c>
      <c r="B20961" s="1" t="s">
        <v>72967</v>
      </c>
      <c r="C20961" s="1" t="s">
        <v>30</v>
      </c>
      <c r="D20961" s="1" t="s">
        <v>74877</v>
      </c>
      <c r="E20961" s="1" t="s">
        <v>74878</v>
      </c>
      <c r="F20961" s="1" t="s">
        <v>74879</v>
      </c>
      <c r="G20961" s="1" t="s">
        <v>74865</v>
      </c>
      <c r="H20961" s="1" t="s">
        <v>74866</v>
      </c>
      <c r="I20961" s="1" t="s">
        <v>72972</v>
      </c>
      <c r="J20961" s="1" t="s">
        <v>74880</v>
      </c>
    </row>
    <row r="20962" spans="1:10" x14ac:dyDescent="0.35">
      <c r="A20962" s="1" t="s">
        <v>74862</v>
      </c>
      <c r="B20962" s="1" t="s">
        <v>72967</v>
      </c>
      <c r="C20962" s="1" t="s">
        <v>35</v>
      </c>
      <c r="D20962" s="1" t="s">
        <v>74881</v>
      </c>
      <c r="E20962" s="1" t="s">
        <v>74882</v>
      </c>
      <c r="F20962" s="1" t="s">
        <v>74883</v>
      </c>
      <c r="G20962" s="1" t="s">
        <v>74865</v>
      </c>
      <c r="H20962" s="1" t="s">
        <v>74866</v>
      </c>
      <c r="I20962" s="1" t="s">
        <v>72972</v>
      </c>
      <c r="J20962" s="1" t="s">
        <v>74884</v>
      </c>
    </row>
    <row r="20963" spans="1:10" x14ac:dyDescent="0.35">
      <c r="A20963" s="1" t="s">
        <v>74862</v>
      </c>
      <c r="B20963" s="1" t="s">
        <v>72967</v>
      </c>
      <c r="C20963" s="1" t="s">
        <v>40</v>
      </c>
      <c r="D20963" s="1" t="s">
        <v>74885</v>
      </c>
      <c r="E20963" s="1" t="s">
        <v>74886</v>
      </c>
      <c r="F20963" s="1" t="s">
        <v>74887</v>
      </c>
      <c r="G20963" s="1" t="s">
        <v>74865</v>
      </c>
      <c r="H20963" s="1" t="s">
        <v>74866</v>
      </c>
      <c r="I20963" s="1" t="s">
        <v>72972</v>
      </c>
      <c r="J20963" s="1" t="s">
        <v>74888</v>
      </c>
    </row>
    <row r="20964" spans="1:10" x14ac:dyDescent="0.35">
      <c r="A20964" s="1" t="s">
        <v>74862</v>
      </c>
      <c r="B20964" s="1" t="s">
        <v>72967</v>
      </c>
      <c r="C20964" s="1" t="s">
        <v>45</v>
      </c>
      <c r="D20964" s="1" t="s">
        <v>36938</v>
      </c>
      <c r="E20964" s="1" t="s">
        <v>74889</v>
      </c>
      <c r="F20964" s="1" t="s">
        <v>74890</v>
      </c>
      <c r="G20964" s="1" t="s">
        <v>74865</v>
      </c>
      <c r="H20964" s="1" t="s">
        <v>74866</v>
      </c>
      <c r="I20964" s="1" t="s">
        <v>72972</v>
      </c>
      <c r="J20964" s="1" t="s">
        <v>74891</v>
      </c>
    </row>
    <row r="20965" spans="1:10" x14ac:dyDescent="0.35">
      <c r="A20965" s="1" t="s">
        <v>74862</v>
      </c>
      <c r="B20965" s="1" t="s">
        <v>72967</v>
      </c>
      <c r="C20965" s="1" t="s">
        <v>50</v>
      </c>
      <c r="D20965" s="1" t="s">
        <v>47558</v>
      </c>
      <c r="E20965" s="1" t="s">
        <v>74892</v>
      </c>
      <c r="F20965" s="1" t="s">
        <v>74893</v>
      </c>
      <c r="G20965" s="1" t="s">
        <v>74865</v>
      </c>
      <c r="H20965" s="1" t="s">
        <v>74866</v>
      </c>
      <c r="I20965" s="1" t="s">
        <v>72972</v>
      </c>
      <c r="J20965" s="1" t="s">
        <v>74894</v>
      </c>
    </row>
    <row r="20966" spans="1:10" x14ac:dyDescent="0.35">
      <c r="A20966" s="1" t="s">
        <v>74862</v>
      </c>
      <c r="B20966" s="1" t="s">
        <v>72967</v>
      </c>
      <c r="C20966" s="1" t="s">
        <v>55</v>
      </c>
      <c r="D20966" s="1" t="s">
        <v>30859</v>
      </c>
      <c r="E20966" s="1" t="s">
        <v>74895</v>
      </c>
      <c r="F20966" s="1" t="s">
        <v>74896</v>
      </c>
      <c r="G20966" s="1" t="s">
        <v>74865</v>
      </c>
      <c r="H20966" s="1" t="s">
        <v>74866</v>
      </c>
      <c r="I20966" s="1" t="s">
        <v>72972</v>
      </c>
      <c r="J20966" s="1" t="s">
        <v>74897</v>
      </c>
    </row>
    <row r="20967" spans="1:10" x14ac:dyDescent="0.35">
      <c r="A20967" s="1" t="s">
        <v>74862</v>
      </c>
      <c r="B20967" s="1" t="s">
        <v>72967</v>
      </c>
      <c r="C20967" s="1" t="s">
        <v>60</v>
      </c>
      <c r="D20967" s="1" t="s">
        <v>74898</v>
      </c>
      <c r="E20967" s="1" t="s">
        <v>74899</v>
      </c>
      <c r="F20967" s="1" t="s">
        <v>74900</v>
      </c>
      <c r="G20967" s="1" t="s">
        <v>74865</v>
      </c>
      <c r="H20967" s="1" t="s">
        <v>74866</v>
      </c>
      <c r="I20967" s="1" t="s">
        <v>72972</v>
      </c>
      <c r="J20967" s="1" t="s">
        <v>74901</v>
      </c>
    </row>
    <row r="20968" spans="1:10" x14ac:dyDescent="0.35">
      <c r="A20968" s="1" t="s">
        <v>74862</v>
      </c>
      <c r="B20968" s="1" t="s">
        <v>72967</v>
      </c>
      <c r="C20968" s="1" t="s">
        <v>65</v>
      </c>
      <c r="D20968" s="1" t="s">
        <v>74902</v>
      </c>
      <c r="E20968" s="1" t="s">
        <v>74903</v>
      </c>
      <c r="F20968" s="1" t="s">
        <v>74904</v>
      </c>
      <c r="G20968" s="1" t="s">
        <v>74865</v>
      </c>
      <c r="H20968" s="1" t="s">
        <v>74866</v>
      </c>
      <c r="I20968" s="1" t="s">
        <v>72972</v>
      </c>
      <c r="J20968" s="1" t="s">
        <v>74905</v>
      </c>
    </row>
    <row r="20969" spans="1:10" x14ac:dyDescent="0.35">
      <c r="A20969" s="1" t="s">
        <v>74862</v>
      </c>
      <c r="B20969" s="1" t="s">
        <v>72967</v>
      </c>
      <c r="C20969" s="1" t="s">
        <v>70</v>
      </c>
      <c r="D20969" s="1" t="s">
        <v>18223</v>
      </c>
      <c r="E20969" s="1" t="s">
        <v>74906</v>
      </c>
      <c r="F20969" s="1" t="s">
        <v>74907</v>
      </c>
      <c r="G20969" s="1" t="s">
        <v>74865</v>
      </c>
      <c r="H20969" s="1" t="s">
        <v>74866</v>
      </c>
      <c r="I20969" s="1" t="s">
        <v>72972</v>
      </c>
      <c r="J20969" s="1" t="s">
        <v>74908</v>
      </c>
    </row>
    <row r="20970" spans="1:10" x14ac:dyDescent="0.35">
      <c r="A20970" s="1" t="s">
        <v>74862</v>
      </c>
      <c r="B20970" s="1" t="s">
        <v>72967</v>
      </c>
      <c r="C20970" s="1" t="s">
        <v>75</v>
      </c>
      <c r="D20970" s="1" t="s">
        <v>32958</v>
      </c>
      <c r="E20970" s="1" t="s">
        <v>74909</v>
      </c>
      <c r="F20970" s="1" t="s">
        <v>74910</v>
      </c>
      <c r="G20970" s="1" t="s">
        <v>74865</v>
      </c>
      <c r="H20970" s="1" t="s">
        <v>74866</v>
      </c>
      <c r="I20970" s="1" t="s">
        <v>72972</v>
      </c>
      <c r="J20970" s="1" t="s">
        <v>74911</v>
      </c>
    </row>
    <row r="20971" spans="1:10" x14ac:dyDescent="0.35">
      <c r="A20971" s="1" t="s">
        <v>74862</v>
      </c>
      <c r="B20971" s="1" t="s">
        <v>72967</v>
      </c>
      <c r="C20971" s="1" t="s">
        <v>80</v>
      </c>
      <c r="D20971" s="1" t="s">
        <v>74912</v>
      </c>
      <c r="E20971" s="1" t="s">
        <v>74913</v>
      </c>
      <c r="F20971" s="1" t="s">
        <v>74914</v>
      </c>
      <c r="G20971" s="1" t="s">
        <v>74865</v>
      </c>
      <c r="H20971" s="1" t="s">
        <v>74866</v>
      </c>
      <c r="I20971" s="1" t="s">
        <v>72972</v>
      </c>
      <c r="J20971" s="1" t="s">
        <v>74915</v>
      </c>
    </row>
    <row r="20972" spans="1:10" x14ac:dyDescent="0.35">
      <c r="A20972" s="1" t="s">
        <v>74862</v>
      </c>
      <c r="B20972" s="1" t="s">
        <v>72967</v>
      </c>
      <c r="C20972" s="1" t="s">
        <v>85</v>
      </c>
      <c r="D20972" s="1" t="s">
        <v>74916</v>
      </c>
      <c r="E20972" s="1" t="s">
        <v>74917</v>
      </c>
      <c r="F20972" s="1" t="s">
        <v>74918</v>
      </c>
      <c r="G20972" s="1" t="s">
        <v>74865</v>
      </c>
      <c r="H20972" s="1" t="s">
        <v>74866</v>
      </c>
      <c r="I20972" s="1" t="s">
        <v>72972</v>
      </c>
      <c r="J20972" s="1" t="s">
        <v>74919</v>
      </c>
    </row>
    <row r="20973" spans="1:10" x14ac:dyDescent="0.35">
      <c r="A20973" s="1" t="s">
        <v>74862</v>
      </c>
      <c r="B20973" s="1" t="s">
        <v>72967</v>
      </c>
      <c r="C20973" s="1" t="s">
        <v>90</v>
      </c>
      <c r="D20973" s="1" t="s">
        <v>74920</v>
      </c>
      <c r="E20973" s="1" t="s">
        <v>74921</v>
      </c>
      <c r="F20973" s="1" t="s">
        <v>74922</v>
      </c>
      <c r="G20973" s="1" t="s">
        <v>74865</v>
      </c>
      <c r="H20973" s="1" t="s">
        <v>74866</v>
      </c>
      <c r="I20973" s="1" t="s">
        <v>72972</v>
      </c>
      <c r="J20973" s="1" t="s">
        <v>74923</v>
      </c>
    </row>
    <row r="20974" spans="1:10" x14ac:dyDescent="0.35">
      <c r="A20974" s="1" t="s">
        <v>74862</v>
      </c>
      <c r="B20974" s="1" t="s">
        <v>72967</v>
      </c>
      <c r="C20974" s="1" t="s">
        <v>95</v>
      </c>
      <c r="D20974" s="1" t="s">
        <v>832</v>
      </c>
      <c r="E20974" s="1" t="s">
        <v>74924</v>
      </c>
      <c r="F20974" s="1" t="s">
        <v>74925</v>
      </c>
      <c r="G20974" s="1" t="s">
        <v>74865</v>
      </c>
      <c r="H20974" s="1" t="s">
        <v>74866</v>
      </c>
      <c r="I20974" s="1" t="s">
        <v>72972</v>
      </c>
      <c r="J20974" s="1" t="s">
        <v>74926</v>
      </c>
    </row>
    <row r="20975" spans="1:10" x14ac:dyDescent="0.35">
      <c r="A20975" s="1" t="s">
        <v>74862</v>
      </c>
      <c r="B20975" s="1" t="s">
        <v>72967</v>
      </c>
      <c r="C20975" s="1" t="s">
        <v>100</v>
      </c>
      <c r="D20975" s="1" t="s">
        <v>42517</v>
      </c>
      <c r="E20975" s="1" t="s">
        <v>74927</v>
      </c>
      <c r="F20975" s="1" t="s">
        <v>74928</v>
      </c>
      <c r="G20975" s="1" t="s">
        <v>74865</v>
      </c>
      <c r="H20975" s="1" t="s">
        <v>74866</v>
      </c>
      <c r="I20975" s="1" t="s">
        <v>72972</v>
      </c>
      <c r="J20975" s="1" t="s">
        <v>74929</v>
      </c>
    </row>
    <row r="20976" spans="1:10" x14ac:dyDescent="0.35">
      <c r="A20976" s="1" t="s">
        <v>74862</v>
      </c>
      <c r="B20976" s="1" t="s">
        <v>72967</v>
      </c>
      <c r="C20976" s="1" t="s">
        <v>105</v>
      </c>
      <c r="D20976" s="1" t="s">
        <v>15299</v>
      </c>
      <c r="E20976" s="1" t="s">
        <v>74930</v>
      </c>
      <c r="F20976" s="1" t="s">
        <v>74931</v>
      </c>
      <c r="G20976" s="1" t="s">
        <v>74865</v>
      </c>
      <c r="H20976" s="1" t="s">
        <v>74866</v>
      </c>
      <c r="I20976" s="1" t="s">
        <v>72972</v>
      </c>
      <c r="J20976" s="1" t="s">
        <v>74932</v>
      </c>
    </row>
    <row r="20977" spans="1:10" x14ac:dyDescent="0.35">
      <c r="A20977" s="1" t="s">
        <v>74862</v>
      </c>
      <c r="B20977" s="1" t="s">
        <v>72967</v>
      </c>
      <c r="C20977" s="1" t="s">
        <v>110</v>
      </c>
      <c r="D20977" s="1" t="s">
        <v>74933</v>
      </c>
      <c r="E20977" s="1" t="s">
        <v>74934</v>
      </c>
      <c r="F20977" s="1" t="s">
        <v>74935</v>
      </c>
      <c r="G20977" s="1" t="s">
        <v>74865</v>
      </c>
      <c r="H20977" s="1" t="s">
        <v>74866</v>
      </c>
      <c r="I20977" s="1" t="s">
        <v>72972</v>
      </c>
      <c r="J20977" s="1" t="s">
        <v>74936</v>
      </c>
    </row>
    <row r="20978" spans="1:10" x14ac:dyDescent="0.35">
      <c r="A20978" s="1" t="s">
        <v>74862</v>
      </c>
      <c r="B20978" s="1" t="s">
        <v>72967</v>
      </c>
      <c r="C20978" s="1" t="s">
        <v>115</v>
      </c>
      <c r="D20978" s="1" t="s">
        <v>74937</v>
      </c>
      <c r="E20978" s="1" t="s">
        <v>74938</v>
      </c>
      <c r="F20978" s="1" t="s">
        <v>74939</v>
      </c>
      <c r="G20978" s="1" t="s">
        <v>74865</v>
      </c>
      <c r="H20978" s="1" t="s">
        <v>74866</v>
      </c>
      <c r="I20978" s="1" t="s">
        <v>72972</v>
      </c>
      <c r="J20978" s="1" t="s">
        <v>74940</v>
      </c>
    </row>
    <row r="20979" spans="1:10" x14ac:dyDescent="0.35">
      <c r="A20979" s="1" t="s">
        <v>74862</v>
      </c>
      <c r="B20979" s="1" t="s">
        <v>72967</v>
      </c>
      <c r="C20979" s="1" t="s">
        <v>120</v>
      </c>
      <c r="D20979" s="1" t="s">
        <v>74941</v>
      </c>
      <c r="E20979" s="1" t="s">
        <v>74942</v>
      </c>
      <c r="F20979" s="1" t="s">
        <v>74943</v>
      </c>
      <c r="G20979" s="1" t="s">
        <v>74865</v>
      </c>
      <c r="H20979" s="1" t="s">
        <v>74866</v>
      </c>
      <c r="I20979" s="1" t="s">
        <v>72972</v>
      </c>
      <c r="J20979" s="1" t="s">
        <v>74944</v>
      </c>
    </row>
    <row r="20980" spans="1:10" x14ac:dyDescent="0.35">
      <c r="A20980" s="1" t="s">
        <v>74862</v>
      </c>
      <c r="B20980" s="1" t="s">
        <v>72967</v>
      </c>
      <c r="C20980" s="1" t="s">
        <v>125</v>
      </c>
      <c r="D20980" s="1" t="s">
        <v>5401</v>
      </c>
      <c r="E20980" s="1" t="s">
        <v>74945</v>
      </c>
      <c r="F20980" s="1" t="s">
        <v>74946</v>
      </c>
      <c r="G20980" s="1" t="s">
        <v>74865</v>
      </c>
      <c r="H20980" s="1" t="s">
        <v>74866</v>
      </c>
      <c r="I20980" s="1" t="s">
        <v>72972</v>
      </c>
      <c r="J20980" s="1" t="s">
        <v>74947</v>
      </c>
    </row>
    <row r="20981" spans="1:10" x14ac:dyDescent="0.35">
      <c r="A20981" s="1" t="s">
        <v>74862</v>
      </c>
      <c r="B20981" s="1" t="s">
        <v>72967</v>
      </c>
      <c r="C20981" s="1" t="s">
        <v>130</v>
      </c>
      <c r="D20981" s="1" t="s">
        <v>74948</v>
      </c>
      <c r="E20981" s="1" t="s">
        <v>74949</v>
      </c>
      <c r="F20981" s="1" t="s">
        <v>74950</v>
      </c>
      <c r="G20981" s="1" t="s">
        <v>74865</v>
      </c>
      <c r="H20981" s="1" t="s">
        <v>74866</v>
      </c>
      <c r="I20981" s="1" t="s">
        <v>72972</v>
      </c>
      <c r="J20981" s="1" t="s">
        <v>74951</v>
      </c>
    </row>
    <row r="20982" spans="1:10" x14ac:dyDescent="0.35">
      <c r="A20982" s="1" t="s">
        <v>74862</v>
      </c>
      <c r="B20982" s="1" t="s">
        <v>72967</v>
      </c>
      <c r="C20982" s="1" t="s">
        <v>135</v>
      </c>
      <c r="D20982" s="1" t="s">
        <v>15439</v>
      </c>
      <c r="E20982" s="1" t="s">
        <v>74952</v>
      </c>
      <c r="F20982" s="1" t="s">
        <v>74953</v>
      </c>
      <c r="G20982" s="1" t="s">
        <v>74865</v>
      </c>
      <c r="H20982" s="1" t="s">
        <v>74866</v>
      </c>
      <c r="I20982" s="1" t="s">
        <v>72972</v>
      </c>
      <c r="J20982" s="1" t="s">
        <v>74954</v>
      </c>
    </row>
    <row r="20983" spans="1:10" x14ac:dyDescent="0.35">
      <c r="A20983" s="1" t="s">
        <v>74862</v>
      </c>
      <c r="B20983" s="1" t="s">
        <v>72967</v>
      </c>
      <c r="C20983" s="1" t="s">
        <v>140</v>
      </c>
      <c r="D20983" s="1" t="s">
        <v>73490</v>
      </c>
      <c r="E20983" s="1" t="s">
        <v>74955</v>
      </c>
      <c r="F20983" s="1" t="s">
        <v>74956</v>
      </c>
      <c r="G20983" s="1" t="s">
        <v>74865</v>
      </c>
      <c r="H20983" s="1" t="s">
        <v>74866</v>
      </c>
      <c r="I20983" s="1" t="s">
        <v>72972</v>
      </c>
      <c r="J20983" s="1" t="s">
        <v>74957</v>
      </c>
    </row>
    <row r="20984" spans="1:10" x14ac:dyDescent="0.35">
      <c r="A20984" s="1" t="s">
        <v>74862</v>
      </c>
      <c r="B20984" s="1" t="s">
        <v>72967</v>
      </c>
      <c r="C20984" s="1" t="s">
        <v>145</v>
      </c>
      <c r="D20984" s="1" t="s">
        <v>74958</v>
      </c>
      <c r="E20984" s="1" t="s">
        <v>74959</v>
      </c>
      <c r="F20984" s="1" t="s">
        <v>74960</v>
      </c>
      <c r="G20984" s="1" t="s">
        <v>74865</v>
      </c>
      <c r="H20984" s="1" t="s">
        <v>74866</v>
      </c>
      <c r="I20984" s="1" t="s">
        <v>72972</v>
      </c>
      <c r="J20984" s="1" t="s">
        <v>74961</v>
      </c>
    </row>
    <row r="20985" spans="1:10" x14ac:dyDescent="0.35">
      <c r="A20985" s="1" t="s">
        <v>74862</v>
      </c>
      <c r="B20985" s="1" t="s">
        <v>72967</v>
      </c>
      <c r="C20985" s="1" t="s">
        <v>150</v>
      </c>
      <c r="D20985" s="1" t="s">
        <v>74962</v>
      </c>
      <c r="E20985" s="1" t="s">
        <v>74963</v>
      </c>
      <c r="F20985" s="1" t="s">
        <v>74964</v>
      </c>
      <c r="G20985" s="1" t="s">
        <v>74865</v>
      </c>
      <c r="H20985" s="1" t="s">
        <v>74866</v>
      </c>
      <c r="I20985" s="1" t="s">
        <v>72972</v>
      </c>
      <c r="J20985" s="1" t="s">
        <v>74965</v>
      </c>
    </row>
    <row r="20986" spans="1:10" x14ac:dyDescent="0.35">
      <c r="A20986" s="1" t="s">
        <v>74862</v>
      </c>
      <c r="B20986" s="1" t="s">
        <v>72967</v>
      </c>
      <c r="C20986" s="1" t="s">
        <v>155</v>
      </c>
      <c r="D20986" s="1" t="s">
        <v>18518</v>
      </c>
      <c r="E20986" s="1" t="s">
        <v>74966</v>
      </c>
      <c r="F20986" s="1" t="s">
        <v>74967</v>
      </c>
      <c r="G20986" s="1" t="s">
        <v>74865</v>
      </c>
      <c r="H20986" s="1" t="s">
        <v>74866</v>
      </c>
      <c r="I20986" s="1" t="s">
        <v>72972</v>
      </c>
      <c r="J20986" s="1" t="s">
        <v>74968</v>
      </c>
    </row>
    <row r="20987" spans="1:10" x14ac:dyDescent="0.35">
      <c r="A20987" s="1" t="s">
        <v>74862</v>
      </c>
      <c r="B20987" s="1" t="s">
        <v>72967</v>
      </c>
      <c r="C20987" s="1" t="s">
        <v>160</v>
      </c>
      <c r="D20987" s="1" t="s">
        <v>74969</v>
      </c>
      <c r="E20987" s="1" t="s">
        <v>74970</v>
      </c>
      <c r="F20987" s="1" t="s">
        <v>74971</v>
      </c>
      <c r="G20987" s="1" t="s">
        <v>74865</v>
      </c>
      <c r="H20987" s="1" t="s">
        <v>74866</v>
      </c>
      <c r="I20987" s="1" t="s">
        <v>72972</v>
      </c>
      <c r="J20987" s="1" t="s">
        <v>74972</v>
      </c>
    </row>
    <row r="20988" spans="1:10" x14ac:dyDescent="0.35">
      <c r="A20988" s="1" t="s">
        <v>74862</v>
      </c>
      <c r="B20988" s="1" t="s">
        <v>72967</v>
      </c>
      <c r="C20988" s="1" t="s">
        <v>165</v>
      </c>
      <c r="D20988" s="1" t="s">
        <v>45818</v>
      </c>
      <c r="E20988" s="1" t="s">
        <v>74973</v>
      </c>
      <c r="F20988" s="1" t="s">
        <v>74974</v>
      </c>
      <c r="G20988" s="1" t="s">
        <v>74865</v>
      </c>
      <c r="H20988" s="1" t="s">
        <v>74866</v>
      </c>
      <c r="I20988" s="1" t="s">
        <v>72972</v>
      </c>
      <c r="J20988" s="1" t="s">
        <v>74975</v>
      </c>
    </row>
    <row r="20989" spans="1:10" x14ac:dyDescent="0.35">
      <c r="A20989" s="1" t="s">
        <v>74862</v>
      </c>
      <c r="B20989" s="1" t="s">
        <v>72967</v>
      </c>
      <c r="C20989" s="1" t="s">
        <v>170</v>
      </c>
      <c r="D20989" s="1" t="s">
        <v>30699</v>
      </c>
      <c r="E20989" s="1" t="s">
        <v>74976</v>
      </c>
      <c r="F20989" s="1" t="s">
        <v>74977</v>
      </c>
      <c r="G20989" s="1" t="s">
        <v>74865</v>
      </c>
      <c r="H20989" s="1" t="s">
        <v>74866</v>
      </c>
      <c r="I20989" s="1" t="s">
        <v>72972</v>
      </c>
      <c r="J20989" s="1" t="s">
        <v>74978</v>
      </c>
    </row>
    <row r="20990" spans="1:10" x14ac:dyDescent="0.35">
      <c r="A20990" s="1" t="s">
        <v>7275</v>
      </c>
      <c r="B20990" s="1" t="s">
        <v>72967</v>
      </c>
      <c r="C20990" s="1" t="s">
        <v>8</v>
      </c>
      <c r="D20990" s="1" t="s">
        <v>74979</v>
      </c>
      <c r="E20990" s="1" t="s">
        <v>74980</v>
      </c>
      <c r="F20990" s="1" t="s">
        <v>74981</v>
      </c>
      <c r="G20990" s="1" t="s">
        <v>74982</v>
      </c>
      <c r="H20990" s="1" t="s">
        <v>74983</v>
      </c>
      <c r="I20990" s="1" t="s">
        <v>72972</v>
      </c>
      <c r="J20990" s="1" t="s">
        <v>13</v>
      </c>
    </row>
    <row r="20991" spans="1:10" x14ac:dyDescent="0.35">
      <c r="A20991" s="1" t="s">
        <v>7275</v>
      </c>
      <c r="B20991" s="1" t="s">
        <v>72967</v>
      </c>
      <c r="C20991" s="1" t="s">
        <v>15</v>
      </c>
      <c r="D20991" s="1" t="s">
        <v>74984</v>
      </c>
      <c r="E20991" s="1" t="s">
        <v>74985</v>
      </c>
      <c r="F20991" s="1" t="s">
        <v>74986</v>
      </c>
      <c r="G20991" s="1" t="s">
        <v>74982</v>
      </c>
      <c r="H20991" s="1" t="s">
        <v>74983</v>
      </c>
      <c r="I20991" s="1" t="s">
        <v>72972</v>
      </c>
      <c r="J20991" s="1" t="s">
        <v>74987</v>
      </c>
    </row>
    <row r="20992" spans="1:10" x14ac:dyDescent="0.35">
      <c r="A20992" s="1" t="s">
        <v>7275</v>
      </c>
      <c r="B20992" s="1" t="s">
        <v>72967</v>
      </c>
      <c r="C20992" s="1" t="s">
        <v>20</v>
      </c>
      <c r="D20992" s="1" t="s">
        <v>74988</v>
      </c>
      <c r="E20992" s="1" t="s">
        <v>74989</v>
      </c>
      <c r="F20992" s="1" t="s">
        <v>74990</v>
      </c>
      <c r="G20992" s="1" t="s">
        <v>74982</v>
      </c>
      <c r="H20992" s="1" t="s">
        <v>74983</v>
      </c>
      <c r="I20992" s="1" t="s">
        <v>72972</v>
      </c>
      <c r="J20992" s="1" t="s">
        <v>74991</v>
      </c>
    </row>
    <row r="20993" spans="1:10" x14ac:dyDescent="0.35">
      <c r="A20993" s="1" t="s">
        <v>7275</v>
      </c>
      <c r="B20993" s="1" t="s">
        <v>72967</v>
      </c>
      <c r="C20993" s="1" t="s">
        <v>25</v>
      </c>
      <c r="D20993" s="1" t="s">
        <v>74992</v>
      </c>
      <c r="E20993" s="1" t="s">
        <v>74993</v>
      </c>
      <c r="F20993" s="1" t="s">
        <v>74994</v>
      </c>
      <c r="G20993" s="1" t="s">
        <v>74982</v>
      </c>
      <c r="H20993" s="1" t="s">
        <v>74983</v>
      </c>
      <c r="I20993" s="1" t="s">
        <v>72972</v>
      </c>
      <c r="J20993" s="1" t="s">
        <v>74995</v>
      </c>
    </row>
    <row r="20994" spans="1:10" x14ac:dyDescent="0.35">
      <c r="A20994" s="1" t="s">
        <v>7275</v>
      </c>
      <c r="B20994" s="1" t="s">
        <v>72967</v>
      </c>
      <c r="C20994" s="1" t="s">
        <v>30</v>
      </c>
      <c r="D20994" s="1" t="s">
        <v>74996</v>
      </c>
      <c r="E20994" s="1" t="s">
        <v>74997</v>
      </c>
      <c r="F20994" s="1" t="s">
        <v>74998</v>
      </c>
      <c r="G20994" s="1" t="s">
        <v>74982</v>
      </c>
      <c r="H20994" s="1" t="s">
        <v>74983</v>
      </c>
      <c r="I20994" s="1" t="s">
        <v>72972</v>
      </c>
      <c r="J20994" s="1" t="s">
        <v>74999</v>
      </c>
    </row>
    <row r="20995" spans="1:10" x14ac:dyDescent="0.35">
      <c r="A20995" s="1" t="s">
        <v>7275</v>
      </c>
      <c r="B20995" s="1" t="s">
        <v>72967</v>
      </c>
      <c r="C20995" s="1" t="s">
        <v>35</v>
      </c>
      <c r="D20995" s="1" t="s">
        <v>75000</v>
      </c>
      <c r="E20995" s="1" t="s">
        <v>75001</v>
      </c>
      <c r="F20995" s="1" t="s">
        <v>75002</v>
      </c>
      <c r="G20995" s="1" t="s">
        <v>74982</v>
      </c>
      <c r="H20995" s="1" t="s">
        <v>74983</v>
      </c>
      <c r="I20995" s="1" t="s">
        <v>72972</v>
      </c>
      <c r="J20995" s="1" t="s">
        <v>75003</v>
      </c>
    </row>
    <row r="20996" spans="1:10" x14ac:dyDescent="0.35">
      <c r="A20996" s="1" t="s">
        <v>7275</v>
      </c>
      <c r="B20996" s="1" t="s">
        <v>72967</v>
      </c>
      <c r="C20996" s="1" t="s">
        <v>40</v>
      </c>
      <c r="D20996" s="1" t="s">
        <v>75004</v>
      </c>
      <c r="E20996" s="1" t="s">
        <v>75005</v>
      </c>
      <c r="F20996" s="1" t="s">
        <v>75006</v>
      </c>
      <c r="G20996" s="1" t="s">
        <v>74982</v>
      </c>
      <c r="H20996" s="1" t="s">
        <v>74983</v>
      </c>
      <c r="I20996" s="1" t="s">
        <v>72972</v>
      </c>
      <c r="J20996" s="1" t="s">
        <v>75007</v>
      </c>
    </row>
    <row r="20997" spans="1:10" x14ac:dyDescent="0.35">
      <c r="A20997" s="1" t="s">
        <v>7275</v>
      </c>
      <c r="B20997" s="1" t="s">
        <v>72967</v>
      </c>
      <c r="C20997" s="1" t="s">
        <v>45</v>
      </c>
      <c r="D20997" s="1" t="s">
        <v>34647</v>
      </c>
      <c r="E20997" s="1" t="s">
        <v>75008</v>
      </c>
      <c r="F20997" s="1" t="s">
        <v>75009</v>
      </c>
      <c r="G20997" s="1" t="s">
        <v>74982</v>
      </c>
      <c r="H20997" s="1" t="s">
        <v>74983</v>
      </c>
      <c r="I20997" s="1" t="s">
        <v>72972</v>
      </c>
      <c r="J20997" s="1" t="s">
        <v>75010</v>
      </c>
    </row>
    <row r="20998" spans="1:10" x14ac:dyDescent="0.35">
      <c r="A20998" s="1" t="s">
        <v>7275</v>
      </c>
      <c r="B20998" s="1" t="s">
        <v>72967</v>
      </c>
      <c r="C20998" s="1" t="s">
        <v>50</v>
      </c>
      <c r="D20998" s="1" t="s">
        <v>75011</v>
      </c>
      <c r="E20998" s="1" t="s">
        <v>75012</v>
      </c>
      <c r="F20998" s="1" t="s">
        <v>75013</v>
      </c>
      <c r="G20998" s="1" t="s">
        <v>74982</v>
      </c>
      <c r="H20998" s="1" t="s">
        <v>74983</v>
      </c>
      <c r="I20998" s="1" t="s">
        <v>72972</v>
      </c>
      <c r="J20998" s="1" t="s">
        <v>75014</v>
      </c>
    </row>
    <row r="20999" spans="1:10" x14ac:dyDescent="0.35">
      <c r="A20999" s="1" t="s">
        <v>7275</v>
      </c>
      <c r="B20999" s="1" t="s">
        <v>72967</v>
      </c>
      <c r="C20999" s="1" t="s">
        <v>55</v>
      </c>
      <c r="D20999" s="1" t="s">
        <v>36750</v>
      </c>
      <c r="E20999" s="1" t="s">
        <v>75015</v>
      </c>
      <c r="F20999" s="1" t="s">
        <v>75016</v>
      </c>
      <c r="G20999" s="1" t="s">
        <v>74982</v>
      </c>
      <c r="H20999" s="1" t="s">
        <v>74983</v>
      </c>
      <c r="I20999" s="1" t="s">
        <v>72972</v>
      </c>
      <c r="J20999" s="1" t="s">
        <v>75017</v>
      </c>
    </row>
    <row r="21000" spans="1:10" x14ac:dyDescent="0.35">
      <c r="A21000" s="1" t="s">
        <v>7275</v>
      </c>
      <c r="B21000" s="1" t="s">
        <v>72967</v>
      </c>
      <c r="C21000" s="1" t="s">
        <v>60</v>
      </c>
      <c r="D21000" s="1" t="s">
        <v>75018</v>
      </c>
      <c r="E21000" s="1" t="s">
        <v>75019</v>
      </c>
      <c r="F21000" s="1" t="s">
        <v>75020</v>
      </c>
      <c r="G21000" s="1" t="s">
        <v>74982</v>
      </c>
      <c r="H21000" s="1" t="s">
        <v>74983</v>
      </c>
      <c r="I21000" s="1" t="s">
        <v>72972</v>
      </c>
      <c r="J21000" s="1" t="s">
        <v>75021</v>
      </c>
    </row>
    <row r="21001" spans="1:10" x14ac:dyDescent="0.35">
      <c r="A21001" s="1" t="s">
        <v>7275</v>
      </c>
      <c r="B21001" s="1" t="s">
        <v>72967</v>
      </c>
      <c r="C21001" s="1" t="s">
        <v>65</v>
      </c>
      <c r="D21001" s="1" t="s">
        <v>72299</v>
      </c>
      <c r="E21001" s="1" t="s">
        <v>75022</v>
      </c>
      <c r="F21001" s="1" t="s">
        <v>75023</v>
      </c>
      <c r="G21001" s="1" t="s">
        <v>74982</v>
      </c>
      <c r="H21001" s="1" t="s">
        <v>74983</v>
      </c>
      <c r="I21001" s="1" t="s">
        <v>72972</v>
      </c>
      <c r="J21001" s="1" t="s">
        <v>75024</v>
      </c>
    </row>
    <row r="21002" spans="1:10" x14ac:dyDescent="0.35">
      <c r="A21002" s="1" t="s">
        <v>7275</v>
      </c>
      <c r="B21002" s="1" t="s">
        <v>72967</v>
      </c>
      <c r="C21002" s="1" t="s">
        <v>70</v>
      </c>
      <c r="D21002" s="1" t="s">
        <v>75025</v>
      </c>
      <c r="E21002" s="1" t="s">
        <v>75026</v>
      </c>
      <c r="F21002" s="1" t="s">
        <v>75027</v>
      </c>
      <c r="G21002" s="1" t="s">
        <v>74982</v>
      </c>
      <c r="H21002" s="1" t="s">
        <v>74983</v>
      </c>
      <c r="I21002" s="1" t="s">
        <v>72972</v>
      </c>
      <c r="J21002" s="1" t="s">
        <v>75028</v>
      </c>
    </row>
    <row r="21003" spans="1:10" x14ac:dyDescent="0.35">
      <c r="A21003" s="1" t="s">
        <v>7275</v>
      </c>
      <c r="B21003" s="1" t="s">
        <v>72967</v>
      </c>
      <c r="C21003" s="1" t="s">
        <v>75</v>
      </c>
      <c r="D21003" s="1" t="s">
        <v>51214</v>
      </c>
      <c r="E21003" s="1" t="s">
        <v>75029</v>
      </c>
      <c r="F21003" s="1" t="s">
        <v>75030</v>
      </c>
      <c r="G21003" s="1" t="s">
        <v>74982</v>
      </c>
      <c r="H21003" s="1" t="s">
        <v>74983</v>
      </c>
      <c r="I21003" s="1" t="s">
        <v>72972</v>
      </c>
      <c r="J21003" s="1" t="s">
        <v>75031</v>
      </c>
    </row>
    <row r="21004" spans="1:10" x14ac:dyDescent="0.35">
      <c r="A21004" s="1" t="s">
        <v>7275</v>
      </c>
      <c r="B21004" s="1" t="s">
        <v>72967</v>
      </c>
      <c r="C21004" s="1" t="s">
        <v>80</v>
      </c>
      <c r="D21004" s="1" t="s">
        <v>75032</v>
      </c>
      <c r="E21004" s="1" t="s">
        <v>75033</v>
      </c>
      <c r="F21004" s="1" t="s">
        <v>75034</v>
      </c>
      <c r="G21004" s="1" t="s">
        <v>74982</v>
      </c>
      <c r="H21004" s="1" t="s">
        <v>74983</v>
      </c>
      <c r="I21004" s="1" t="s">
        <v>72972</v>
      </c>
      <c r="J21004" s="1" t="s">
        <v>75035</v>
      </c>
    </row>
    <row r="21005" spans="1:10" x14ac:dyDescent="0.35">
      <c r="A21005" s="1" t="s">
        <v>7275</v>
      </c>
      <c r="B21005" s="1" t="s">
        <v>72967</v>
      </c>
      <c r="C21005" s="1" t="s">
        <v>85</v>
      </c>
      <c r="D21005" s="1" t="s">
        <v>75036</v>
      </c>
      <c r="E21005" s="1" t="s">
        <v>75037</v>
      </c>
      <c r="F21005" s="1" t="s">
        <v>75038</v>
      </c>
      <c r="G21005" s="1" t="s">
        <v>74982</v>
      </c>
      <c r="H21005" s="1" t="s">
        <v>74983</v>
      </c>
      <c r="I21005" s="1" t="s">
        <v>72972</v>
      </c>
      <c r="J21005" s="1" t="s">
        <v>75039</v>
      </c>
    </row>
    <row r="21006" spans="1:10" x14ac:dyDescent="0.35">
      <c r="A21006" s="1" t="s">
        <v>7275</v>
      </c>
      <c r="B21006" s="1" t="s">
        <v>72967</v>
      </c>
      <c r="C21006" s="1" t="s">
        <v>90</v>
      </c>
      <c r="D21006" s="1" t="s">
        <v>75040</v>
      </c>
      <c r="E21006" s="1" t="s">
        <v>75041</v>
      </c>
      <c r="F21006" s="1" t="s">
        <v>75042</v>
      </c>
      <c r="G21006" s="1" t="s">
        <v>74982</v>
      </c>
      <c r="H21006" s="1" t="s">
        <v>74983</v>
      </c>
      <c r="I21006" s="1" t="s">
        <v>72972</v>
      </c>
      <c r="J21006" s="1" t="s">
        <v>75043</v>
      </c>
    </row>
    <row r="21007" spans="1:10" x14ac:dyDescent="0.35">
      <c r="A21007" s="1" t="s">
        <v>7275</v>
      </c>
      <c r="B21007" s="1" t="s">
        <v>72967</v>
      </c>
      <c r="C21007" s="1" t="s">
        <v>95</v>
      </c>
      <c r="D21007" s="1" t="s">
        <v>2985</v>
      </c>
      <c r="E21007" s="1" t="s">
        <v>75044</v>
      </c>
      <c r="F21007" s="1" t="s">
        <v>75045</v>
      </c>
      <c r="G21007" s="1" t="s">
        <v>74982</v>
      </c>
      <c r="H21007" s="1" t="s">
        <v>74983</v>
      </c>
      <c r="I21007" s="1" t="s">
        <v>72972</v>
      </c>
      <c r="J21007" s="1" t="s">
        <v>75046</v>
      </c>
    </row>
    <row r="21008" spans="1:10" x14ac:dyDescent="0.35">
      <c r="A21008" s="1" t="s">
        <v>7275</v>
      </c>
      <c r="B21008" s="1" t="s">
        <v>72967</v>
      </c>
      <c r="C21008" s="1" t="s">
        <v>100</v>
      </c>
      <c r="D21008" s="1" t="s">
        <v>75047</v>
      </c>
      <c r="E21008" s="1" t="s">
        <v>75048</v>
      </c>
      <c r="F21008" s="1" t="s">
        <v>75049</v>
      </c>
      <c r="G21008" s="1" t="s">
        <v>74982</v>
      </c>
      <c r="H21008" s="1" t="s">
        <v>74983</v>
      </c>
      <c r="I21008" s="1" t="s">
        <v>72972</v>
      </c>
      <c r="J21008" s="1" t="s">
        <v>75050</v>
      </c>
    </row>
    <row r="21009" spans="1:10" x14ac:dyDescent="0.35">
      <c r="A21009" s="1" t="s">
        <v>7275</v>
      </c>
      <c r="B21009" s="1" t="s">
        <v>72967</v>
      </c>
      <c r="C21009" s="1" t="s">
        <v>105</v>
      </c>
      <c r="D21009" s="1" t="s">
        <v>75051</v>
      </c>
      <c r="E21009" s="1" t="s">
        <v>75052</v>
      </c>
      <c r="F21009" s="1" t="s">
        <v>75053</v>
      </c>
      <c r="G21009" s="1" t="s">
        <v>74982</v>
      </c>
      <c r="H21009" s="1" t="s">
        <v>74983</v>
      </c>
      <c r="I21009" s="1" t="s">
        <v>72972</v>
      </c>
      <c r="J21009" s="1" t="s">
        <v>75054</v>
      </c>
    </row>
    <row r="21010" spans="1:10" x14ac:dyDescent="0.35">
      <c r="A21010" s="1" t="s">
        <v>7275</v>
      </c>
      <c r="B21010" s="1" t="s">
        <v>72967</v>
      </c>
      <c r="C21010" s="1" t="s">
        <v>110</v>
      </c>
      <c r="D21010" s="1" t="s">
        <v>75055</v>
      </c>
      <c r="E21010" s="1" t="s">
        <v>75056</v>
      </c>
      <c r="F21010" s="1" t="s">
        <v>75057</v>
      </c>
      <c r="G21010" s="1" t="s">
        <v>74982</v>
      </c>
      <c r="H21010" s="1" t="s">
        <v>74983</v>
      </c>
      <c r="I21010" s="1" t="s">
        <v>72972</v>
      </c>
      <c r="J21010" s="1" t="s">
        <v>75058</v>
      </c>
    </row>
    <row r="21011" spans="1:10" x14ac:dyDescent="0.35">
      <c r="A21011" s="1" t="s">
        <v>7275</v>
      </c>
      <c r="B21011" s="1" t="s">
        <v>72967</v>
      </c>
      <c r="C21011" s="1" t="s">
        <v>115</v>
      </c>
      <c r="D21011" s="1" t="s">
        <v>32783</v>
      </c>
      <c r="E21011" s="1" t="s">
        <v>75059</v>
      </c>
      <c r="F21011" s="1" t="s">
        <v>75060</v>
      </c>
      <c r="G21011" s="1" t="s">
        <v>74982</v>
      </c>
      <c r="H21011" s="1" t="s">
        <v>74983</v>
      </c>
      <c r="I21011" s="1" t="s">
        <v>72972</v>
      </c>
      <c r="J21011" s="1" t="s">
        <v>75061</v>
      </c>
    </row>
    <row r="21012" spans="1:10" x14ac:dyDescent="0.35">
      <c r="A21012" s="1" t="s">
        <v>7275</v>
      </c>
      <c r="B21012" s="1" t="s">
        <v>72967</v>
      </c>
      <c r="C21012" s="1" t="s">
        <v>120</v>
      </c>
      <c r="D21012" s="1" t="s">
        <v>75062</v>
      </c>
      <c r="E21012" s="1" t="s">
        <v>75063</v>
      </c>
      <c r="F21012" s="1" t="s">
        <v>75064</v>
      </c>
      <c r="G21012" s="1" t="s">
        <v>74982</v>
      </c>
      <c r="H21012" s="1" t="s">
        <v>74983</v>
      </c>
      <c r="I21012" s="1" t="s">
        <v>72972</v>
      </c>
      <c r="J21012" s="1" t="s">
        <v>75065</v>
      </c>
    </row>
    <row r="21013" spans="1:10" x14ac:dyDescent="0.35">
      <c r="A21013" s="1" t="s">
        <v>7275</v>
      </c>
      <c r="B21013" s="1" t="s">
        <v>72967</v>
      </c>
      <c r="C21013" s="1" t="s">
        <v>125</v>
      </c>
      <c r="D21013" s="1" t="s">
        <v>75066</v>
      </c>
      <c r="E21013" s="1" t="s">
        <v>75067</v>
      </c>
      <c r="F21013" s="1" t="s">
        <v>75068</v>
      </c>
      <c r="G21013" s="1" t="s">
        <v>74982</v>
      </c>
      <c r="H21013" s="1" t="s">
        <v>74983</v>
      </c>
      <c r="I21013" s="1" t="s">
        <v>72972</v>
      </c>
      <c r="J21013" s="1" t="s">
        <v>75069</v>
      </c>
    </row>
    <row r="21014" spans="1:10" x14ac:dyDescent="0.35">
      <c r="A21014" s="1" t="s">
        <v>7275</v>
      </c>
      <c r="B21014" s="1" t="s">
        <v>72967</v>
      </c>
      <c r="C21014" s="1" t="s">
        <v>130</v>
      </c>
      <c r="D21014" s="1" t="s">
        <v>75070</v>
      </c>
      <c r="E21014" s="1" t="s">
        <v>75071</v>
      </c>
      <c r="F21014" s="1" t="s">
        <v>75072</v>
      </c>
      <c r="G21014" s="1" t="s">
        <v>74982</v>
      </c>
      <c r="H21014" s="1" t="s">
        <v>74983</v>
      </c>
      <c r="I21014" s="1" t="s">
        <v>72972</v>
      </c>
      <c r="J21014" s="1" t="s">
        <v>75073</v>
      </c>
    </row>
    <row r="21015" spans="1:10" x14ac:dyDescent="0.35">
      <c r="A21015" s="1" t="s">
        <v>7275</v>
      </c>
      <c r="B21015" s="1" t="s">
        <v>72967</v>
      </c>
      <c r="C21015" s="1" t="s">
        <v>135</v>
      </c>
      <c r="D21015" s="1" t="s">
        <v>75074</v>
      </c>
      <c r="E21015" s="1" t="s">
        <v>75075</v>
      </c>
      <c r="F21015" s="1" t="s">
        <v>75076</v>
      </c>
      <c r="G21015" s="1" t="s">
        <v>74982</v>
      </c>
      <c r="H21015" s="1" t="s">
        <v>74983</v>
      </c>
      <c r="I21015" s="1" t="s">
        <v>72972</v>
      </c>
      <c r="J21015" s="1" t="s">
        <v>75077</v>
      </c>
    </row>
    <row r="21016" spans="1:10" x14ac:dyDescent="0.35">
      <c r="A21016" s="1" t="s">
        <v>7275</v>
      </c>
      <c r="B21016" s="1" t="s">
        <v>72967</v>
      </c>
      <c r="C21016" s="1" t="s">
        <v>140</v>
      </c>
      <c r="D21016" s="1" t="s">
        <v>75078</v>
      </c>
      <c r="E21016" s="1" t="s">
        <v>75079</v>
      </c>
      <c r="F21016" s="1" t="s">
        <v>75080</v>
      </c>
      <c r="G21016" s="1" t="s">
        <v>74982</v>
      </c>
      <c r="H21016" s="1" t="s">
        <v>74983</v>
      </c>
      <c r="I21016" s="1" t="s">
        <v>72972</v>
      </c>
      <c r="J21016" s="1" t="s">
        <v>75081</v>
      </c>
    </row>
    <row r="21017" spans="1:10" x14ac:dyDescent="0.35">
      <c r="A21017" s="1" t="s">
        <v>7275</v>
      </c>
      <c r="B21017" s="1" t="s">
        <v>72967</v>
      </c>
      <c r="C21017" s="1" t="s">
        <v>145</v>
      </c>
      <c r="D21017" s="1" t="s">
        <v>33834</v>
      </c>
      <c r="E21017" s="1" t="s">
        <v>75082</v>
      </c>
      <c r="F21017" s="1" t="s">
        <v>75083</v>
      </c>
      <c r="G21017" s="1" t="s">
        <v>74982</v>
      </c>
      <c r="H21017" s="1" t="s">
        <v>74983</v>
      </c>
      <c r="I21017" s="1" t="s">
        <v>72972</v>
      </c>
      <c r="J21017" s="1" t="s">
        <v>75084</v>
      </c>
    </row>
    <row r="21018" spans="1:10" x14ac:dyDescent="0.35">
      <c r="A21018" s="1" t="s">
        <v>7275</v>
      </c>
      <c r="B21018" s="1" t="s">
        <v>72967</v>
      </c>
      <c r="C21018" s="1" t="s">
        <v>150</v>
      </c>
      <c r="D21018" s="1" t="s">
        <v>49937</v>
      </c>
      <c r="E21018" s="1" t="s">
        <v>75085</v>
      </c>
      <c r="F21018" s="1" t="s">
        <v>75086</v>
      </c>
      <c r="G21018" s="1" t="s">
        <v>74982</v>
      </c>
      <c r="H21018" s="1" t="s">
        <v>74983</v>
      </c>
      <c r="I21018" s="1" t="s">
        <v>72972</v>
      </c>
      <c r="J21018" s="1" t="s">
        <v>75087</v>
      </c>
    </row>
    <row r="21019" spans="1:10" x14ac:dyDescent="0.35">
      <c r="A21019" s="1" t="s">
        <v>7275</v>
      </c>
      <c r="B21019" s="1" t="s">
        <v>72967</v>
      </c>
      <c r="C21019" s="1" t="s">
        <v>155</v>
      </c>
      <c r="D21019" s="1" t="s">
        <v>75088</v>
      </c>
      <c r="E21019" s="1" t="s">
        <v>75089</v>
      </c>
      <c r="F21019" s="1" t="s">
        <v>75090</v>
      </c>
      <c r="G21019" s="1" t="s">
        <v>74982</v>
      </c>
      <c r="H21019" s="1" t="s">
        <v>74983</v>
      </c>
      <c r="I21019" s="1" t="s">
        <v>72972</v>
      </c>
      <c r="J21019" s="1" t="s">
        <v>75091</v>
      </c>
    </row>
    <row r="21020" spans="1:10" x14ac:dyDescent="0.35">
      <c r="A21020" s="1" t="s">
        <v>7275</v>
      </c>
      <c r="B21020" s="1" t="s">
        <v>72967</v>
      </c>
      <c r="C21020" s="1" t="s">
        <v>160</v>
      </c>
      <c r="D21020" s="1" t="s">
        <v>12761</v>
      </c>
      <c r="E21020" s="1" t="s">
        <v>75092</v>
      </c>
      <c r="F21020" s="1" t="s">
        <v>75093</v>
      </c>
      <c r="G21020" s="1" t="s">
        <v>74982</v>
      </c>
      <c r="H21020" s="1" t="s">
        <v>74983</v>
      </c>
      <c r="I21020" s="1" t="s">
        <v>72972</v>
      </c>
      <c r="J21020" s="1" t="s">
        <v>75094</v>
      </c>
    </row>
    <row r="21021" spans="1:10" x14ac:dyDescent="0.35">
      <c r="A21021" s="1" t="s">
        <v>7275</v>
      </c>
      <c r="B21021" s="1" t="s">
        <v>72967</v>
      </c>
      <c r="C21021" s="1" t="s">
        <v>165</v>
      </c>
      <c r="D21021" s="1" t="s">
        <v>31284</v>
      </c>
      <c r="E21021" s="1" t="s">
        <v>75095</v>
      </c>
      <c r="F21021" s="1" t="s">
        <v>75096</v>
      </c>
      <c r="G21021" s="1" t="s">
        <v>74982</v>
      </c>
      <c r="H21021" s="1" t="s">
        <v>74983</v>
      </c>
      <c r="I21021" s="1" t="s">
        <v>72972</v>
      </c>
      <c r="J21021" s="1" t="s">
        <v>75097</v>
      </c>
    </row>
    <row r="21022" spans="1:10" x14ac:dyDescent="0.35">
      <c r="A21022" s="1" t="s">
        <v>7275</v>
      </c>
      <c r="B21022" s="1" t="s">
        <v>72967</v>
      </c>
      <c r="C21022" s="1" t="s">
        <v>170</v>
      </c>
      <c r="D21022" s="1" t="s">
        <v>75098</v>
      </c>
      <c r="E21022" s="1" t="s">
        <v>75099</v>
      </c>
      <c r="F21022" s="1" t="s">
        <v>75100</v>
      </c>
      <c r="G21022" s="1" t="s">
        <v>74982</v>
      </c>
      <c r="H21022" s="1" t="s">
        <v>74983</v>
      </c>
      <c r="I21022" s="1" t="s">
        <v>72972</v>
      </c>
      <c r="J21022" s="1" t="s">
        <v>75101</v>
      </c>
    </row>
    <row r="21023" spans="1:10" x14ac:dyDescent="0.35">
      <c r="A21023" s="1" t="s">
        <v>75102</v>
      </c>
      <c r="B21023" s="1" t="s">
        <v>72967</v>
      </c>
      <c r="C21023" s="1" t="s">
        <v>8</v>
      </c>
      <c r="D21023" s="1" t="s">
        <v>73076</v>
      </c>
      <c r="E21023" s="1" t="s">
        <v>75103</v>
      </c>
      <c r="F21023" s="1" t="s">
        <v>75104</v>
      </c>
      <c r="G21023" s="1" t="s">
        <v>75105</v>
      </c>
      <c r="H21023" s="1" t="s">
        <v>75106</v>
      </c>
      <c r="I21023" s="1" t="s">
        <v>72972</v>
      </c>
      <c r="J21023" s="1" t="s">
        <v>13</v>
      </c>
    </row>
    <row r="21024" spans="1:10" x14ac:dyDescent="0.35">
      <c r="A21024" s="1" t="s">
        <v>75102</v>
      </c>
      <c r="B21024" s="1" t="s">
        <v>72967</v>
      </c>
      <c r="C21024" s="1" t="s">
        <v>15</v>
      </c>
      <c r="D21024" s="1" t="s">
        <v>75107</v>
      </c>
      <c r="E21024" s="1" t="s">
        <v>75108</v>
      </c>
      <c r="F21024" s="1" t="s">
        <v>75109</v>
      </c>
      <c r="G21024" s="1" t="s">
        <v>75105</v>
      </c>
      <c r="H21024" s="1" t="s">
        <v>75106</v>
      </c>
      <c r="I21024" s="1" t="s">
        <v>72972</v>
      </c>
      <c r="J21024" s="1" t="s">
        <v>75110</v>
      </c>
    </row>
    <row r="21025" spans="1:10" x14ac:dyDescent="0.35">
      <c r="A21025" s="1" t="s">
        <v>75102</v>
      </c>
      <c r="B21025" s="1" t="s">
        <v>72967</v>
      </c>
      <c r="C21025" s="1" t="s">
        <v>20</v>
      </c>
      <c r="D21025" s="1" t="s">
        <v>75111</v>
      </c>
      <c r="E21025" s="1" t="s">
        <v>75112</v>
      </c>
      <c r="F21025" s="1" t="s">
        <v>75113</v>
      </c>
      <c r="G21025" s="1" t="s">
        <v>75105</v>
      </c>
      <c r="H21025" s="1" t="s">
        <v>75106</v>
      </c>
      <c r="I21025" s="1" t="s">
        <v>72972</v>
      </c>
      <c r="J21025" s="1" t="s">
        <v>75114</v>
      </c>
    </row>
    <row r="21026" spans="1:10" x14ac:dyDescent="0.35">
      <c r="A21026" s="1" t="s">
        <v>75102</v>
      </c>
      <c r="B21026" s="1" t="s">
        <v>72967</v>
      </c>
      <c r="C21026" s="1" t="s">
        <v>25</v>
      </c>
      <c r="D21026" s="1" t="s">
        <v>75115</v>
      </c>
      <c r="E21026" s="1" t="s">
        <v>75116</v>
      </c>
      <c r="F21026" s="1" t="s">
        <v>75117</v>
      </c>
      <c r="G21026" s="1" t="s">
        <v>75105</v>
      </c>
      <c r="H21026" s="1" t="s">
        <v>75106</v>
      </c>
      <c r="I21026" s="1" t="s">
        <v>72972</v>
      </c>
      <c r="J21026" s="1" t="s">
        <v>75118</v>
      </c>
    </row>
    <row r="21027" spans="1:10" x14ac:dyDescent="0.35">
      <c r="A21027" s="1" t="s">
        <v>75102</v>
      </c>
      <c r="B21027" s="1" t="s">
        <v>72967</v>
      </c>
      <c r="C21027" s="1" t="s">
        <v>30</v>
      </c>
      <c r="D21027" s="1" t="s">
        <v>75119</v>
      </c>
      <c r="E21027" s="1" t="s">
        <v>75120</v>
      </c>
      <c r="F21027" s="1" t="s">
        <v>75121</v>
      </c>
      <c r="G21027" s="1" t="s">
        <v>75105</v>
      </c>
      <c r="H21027" s="1" t="s">
        <v>75106</v>
      </c>
      <c r="I21027" s="1" t="s">
        <v>72972</v>
      </c>
      <c r="J21027" s="1" t="s">
        <v>75122</v>
      </c>
    </row>
    <row r="21028" spans="1:10" x14ac:dyDescent="0.35">
      <c r="A21028" s="1" t="s">
        <v>75102</v>
      </c>
      <c r="B21028" s="1" t="s">
        <v>72967</v>
      </c>
      <c r="C21028" s="1" t="s">
        <v>35</v>
      </c>
      <c r="D21028" s="1" t="s">
        <v>75123</v>
      </c>
      <c r="E21028" s="1" t="s">
        <v>75124</v>
      </c>
      <c r="F21028" s="1" t="s">
        <v>75125</v>
      </c>
      <c r="G21028" s="1" t="s">
        <v>75105</v>
      </c>
      <c r="H21028" s="1" t="s">
        <v>75106</v>
      </c>
      <c r="I21028" s="1" t="s">
        <v>72972</v>
      </c>
      <c r="J21028" s="1" t="s">
        <v>75126</v>
      </c>
    </row>
    <row r="21029" spans="1:10" x14ac:dyDescent="0.35">
      <c r="A21029" s="1" t="s">
        <v>75102</v>
      </c>
      <c r="B21029" s="1" t="s">
        <v>72967</v>
      </c>
      <c r="C21029" s="1" t="s">
        <v>40</v>
      </c>
      <c r="D21029" s="1" t="s">
        <v>75127</v>
      </c>
      <c r="E21029" s="1" t="s">
        <v>75128</v>
      </c>
      <c r="F21029" s="1" t="s">
        <v>75129</v>
      </c>
      <c r="G21029" s="1" t="s">
        <v>75105</v>
      </c>
      <c r="H21029" s="1" t="s">
        <v>75106</v>
      </c>
      <c r="I21029" s="1" t="s">
        <v>72972</v>
      </c>
      <c r="J21029" s="1" t="s">
        <v>75130</v>
      </c>
    </row>
    <row r="21030" spans="1:10" x14ac:dyDescent="0.35">
      <c r="A21030" s="1" t="s">
        <v>75102</v>
      </c>
      <c r="B21030" s="1" t="s">
        <v>72967</v>
      </c>
      <c r="C21030" s="1" t="s">
        <v>45</v>
      </c>
      <c r="D21030" s="1" t="s">
        <v>75131</v>
      </c>
      <c r="E21030" s="1" t="s">
        <v>75132</v>
      </c>
      <c r="F21030" s="1" t="s">
        <v>75133</v>
      </c>
      <c r="G21030" s="1" t="s">
        <v>75105</v>
      </c>
      <c r="H21030" s="1" t="s">
        <v>75106</v>
      </c>
      <c r="I21030" s="1" t="s">
        <v>72972</v>
      </c>
      <c r="J21030" s="1" t="s">
        <v>75134</v>
      </c>
    </row>
    <row r="21031" spans="1:10" x14ac:dyDescent="0.35">
      <c r="A21031" s="1" t="s">
        <v>75102</v>
      </c>
      <c r="B21031" s="1" t="s">
        <v>72967</v>
      </c>
      <c r="C21031" s="1" t="s">
        <v>50</v>
      </c>
      <c r="D21031" s="1" t="s">
        <v>75135</v>
      </c>
      <c r="E21031" s="1" t="s">
        <v>75136</v>
      </c>
      <c r="F21031" s="1" t="s">
        <v>75137</v>
      </c>
      <c r="G21031" s="1" t="s">
        <v>75105</v>
      </c>
      <c r="H21031" s="1" t="s">
        <v>75106</v>
      </c>
      <c r="I21031" s="1" t="s">
        <v>72972</v>
      </c>
      <c r="J21031" s="1" t="s">
        <v>75138</v>
      </c>
    </row>
    <row r="21032" spans="1:10" x14ac:dyDescent="0.35">
      <c r="A21032" s="1" t="s">
        <v>75102</v>
      </c>
      <c r="B21032" s="1" t="s">
        <v>72967</v>
      </c>
      <c r="C21032" s="1" t="s">
        <v>55</v>
      </c>
      <c r="D21032" s="1" t="s">
        <v>19055</v>
      </c>
      <c r="E21032" s="1" t="s">
        <v>75139</v>
      </c>
      <c r="F21032" s="1" t="s">
        <v>75140</v>
      </c>
      <c r="G21032" s="1" t="s">
        <v>75105</v>
      </c>
      <c r="H21032" s="1" t="s">
        <v>75106</v>
      </c>
      <c r="I21032" s="1" t="s">
        <v>72972</v>
      </c>
      <c r="J21032" s="1" t="s">
        <v>75141</v>
      </c>
    </row>
    <row r="21033" spans="1:10" x14ac:dyDescent="0.35">
      <c r="A21033" s="1" t="s">
        <v>75102</v>
      </c>
      <c r="B21033" s="1" t="s">
        <v>72967</v>
      </c>
      <c r="C21033" s="1" t="s">
        <v>60</v>
      </c>
      <c r="D21033" s="1" t="s">
        <v>37242</v>
      </c>
      <c r="E21033" s="1" t="s">
        <v>75142</v>
      </c>
      <c r="F21033" s="1" t="s">
        <v>75143</v>
      </c>
      <c r="G21033" s="1" t="s">
        <v>75105</v>
      </c>
      <c r="H21033" s="1" t="s">
        <v>75106</v>
      </c>
      <c r="I21033" s="1" t="s">
        <v>72972</v>
      </c>
      <c r="J21033" s="1" t="s">
        <v>75144</v>
      </c>
    </row>
    <row r="21034" spans="1:10" x14ac:dyDescent="0.35">
      <c r="A21034" s="1" t="s">
        <v>75102</v>
      </c>
      <c r="B21034" s="1" t="s">
        <v>72967</v>
      </c>
      <c r="C21034" s="1" t="s">
        <v>65</v>
      </c>
      <c r="D21034" s="1" t="s">
        <v>75145</v>
      </c>
      <c r="E21034" s="1" t="s">
        <v>75146</v>
      </c>
      <c r="F21034" s="1" t="s">
        <v>75147</v>
      </c>
      <c r="G21034" s="1" t="s">
        <v>75105</v>
      </c>
      <c r="H21034" s="1" t="s">
        <v>75106</v>
      </c>
      <c r="I21034" s="1" t="s">
        <v>72972</v>
      </c>
      <c r="J21034" s="1" t="s">
        <v>75148</v>
      </c>
    </row>
    <row r="21035" spans="1:10" x14ac:dyDescent="0.35">
      <c r="A21035" s="1" t="s">
        <v>75102</v>
      </c>
      <c r="B21035" s="1" t="s">
        <v>72967</v>
      </c>
      <c r="C21035" s="1" t="s">
        <v>70</v>
      </c>
      <c r="D21035" s="1" t="s">
        <v>75149</v>
      </c>
      <c r="E21035" s="1" t="s">
        <v>75150</v>
      </c>
      <c r="F21035" s="1" t="s">
        <v>75151</v>
      </c>
      <c r="G21035" s="1" t="s">
        <v>75105</v>
      </c>
      <c r="H21035" s="1" t="s">
        <v>75106</v>
      </c>
      <c r="I21035" s="1" t="s">
        <v>72972</v>
      </c>
      <c r="J21035" s="1" t="s">
        <v>75152</v>
      </c>
    </row>
    <row r="21036" spans="1:10" x14ac:dyDescent="0.35">
      <c r="A21036" s="1" t="s">
        <v>75102</v>
      </c>
      <c r="B21036" s="1" t="s">
        <v>72967</v>
      </c>
      <c r="C21036" s="1" t="s">
        <v>75</v>
      </c>
      <c r="D21036" s="1" t="s">
        <v>43402</v>
      </c>
      <c r="E21036" s="1" t="s">
        <v>75153</v>
      </c>
      <c r="F21036" s="1" t="s">
        <v>75154</v>
      </c>
      <c r="G21036" s="1" t="s">
        <v>75105</v>
      </c>
      <c r="H21036" s="1" t="s">
        <v>75106</v>
      </c>
      <c r="I21036" s="1" t="s">
        <v>72972</v>
      </c>
      <c r="J21036" s="1" t="s">
        <v>75155</v>
      </c>
    </row>
    <row r="21037" spans="1:10" x14ac:dyDescent="0.35">
      <c r="A21037" s="1" t="s">
        <v>75102</v>
      </c>
      <c r="B21037" s="1" t="s">
        <v>72967</v>
      </c>
      <c r="C21037" s="1" t="s">
        <v>80</v>
      </c>
      <c r="D21037" s="1" t="s">
        <v>75156</v>
      </c>
      <c r="E21037" s="1" t="s">
        <v>75157</v>
      </c>
      <c r="F21037" s="1" t="s">
        <v>75158</v>
      </c>
      <c r="G21037" s="1" t="s">
        <v>75105</v>
      </c>
      <c r="H21037" s="1" t="s">
        <v>75106</v>
      </c>
      <c r="I21037" s="1" t="s">
        <v>72972</v>
      </c>
      <c r="J21037" s="1" t="s">
        <v>75159</v>
      </c>
    </row>
    <row r="21038" spans="1:10" x14ac:dyDescent="0.35">
      <c r="A21038" s="1" t="s">
        <v>75102</v>
      </c>
      <c r="B21038" s="1" t="s">
        <v>72967</v>
      </c>
      <c r="C21038" s="1" t="s">
        <v>85</v>
      </c>
      <c r="D21038" s="1" t="s">
        <v>75160</v>
      </c>
      <c r="E21038" s="1" t="s">
        <v>75161</v>
      </c>
      <c r="F21038" s="1" t="s">
        <v>75162</v>
      </c>
      <c r="G21038" s="1" t="s">
        <v>75105</v>
      </c>
      <c r="H21038" s="1" t="s">
        <v>75106</v>
      </c>
      <c r="I21038" s="1" t="s">
        <v>72972</v>
      </c>
      <c r="J21038" s="1" t="s">
        <v>75163</v>
      </c>
    </row>
    <row r="21039" spans="1:10" x14ac:dyDescent="0.35">
      <c r="A21039" s="1" t="s">
        <v>75102</v>
      </c>
      <c r="B21039" s="1" t="s">
        <v>72967</v>
      </c>
      <c r="C21039" s="1" t="s">
        <v>90</v>
      </c>
      <c r="D21039" s="1" t="s">
        <v>75164</v>
      </c>
      <c r="E21039" s="1" t="s">
        <v>75165</v>
      </c>
      <c r="F21039" s="1" t="s">
        <v>75166</v>
      </c>
      <c r="G21039" s="1" t="s">
        <v>75105</v>
      </c>
      <c r="H21039" s="1" t="s">
        <v>75106</v>
      </c>
      <c r="I21039" s="1" t="s">
        <v>72972</v>
      </c>
      <c r="J21039" s="1" t="s">
        <v>75167</v>
      </c>
    </row>
    <row r="21040" spans="1:10" x14ac:dyDescent="0.35">
      <c r="A21040" s="1" t="s">
        <v>75102</v>
      </c>
      <c r="B21040" s="1" t="s">
        <v>72967</v>
      </c>
      <c r="C21040" s="1" t="s">
        <v>95</v>
      </c>
      <c r="D21040" s="1" t="s">
        <v>75168</v>
      </c>
      <c r="E21040" s="1" t="s">
        <v>75169</v>
      </c>
      <c r="F21040" s="1" t="s">
        <v>75170</v>
      </c>
      <c r="G21040" s="1" t="s">
        <v>75105</v>
      </c>
      <c r="H21040" s="1" t="s">
        <v>75106</v>
      </c>
      <c r="I21040" s="1" t="s">
        <v>72972</v>
      </c>
      <c r="J21040" s="1" t="s">
        <v>75171</v>
      </c>
    </row>
    <row r="21041" spans="1:10" x14ac:dyDescent="0.35">
      <c r="A21041" s="1" t="s">
        <v>75102</v>
      </c>
      <c r="B21041" s="1" t="s">
        <v>72967</v>
      </c>
      <c r="C21041" s="1" t="s">
        <v>100</v>
      </c>
      <c r="D21041" s="1" t="s">
        <v>75172</v>
      </c>
      <c r="E21041" s="1" t="s">
        <v>75173</v>
      </c>
      <c r="F21041" s="1" t="s">
        <v>75174</v>
      </c>
      <c r="G21041" s="1" t="s">
        <v>75105</v>
      </c>
      <c r="H21041" s="1" t="s">
        <v>75106</v>
      </c>
      <c r="I21041" s="1" t="s">
        <v>72972</v>
      </c>
      <c r="J21041" s="1" t="s">
        <v>75175</v>
      </c>
    </row>
    <row r="21042" spans="1:10" x14ac:dyDescent="0.35">
      <c r="A21042" s="1" t="s">
        <v>75102</v>
      </c>
      <c r="B21042" s="1" t="s">
        <v>72967</v>
      </c>
      <c r="C21042" s="1" t="s">
        <v>105</v>
      </c>
      <c r="D21042" s="1" t="s">
        <v>75176</v>
      </c>
      <c r="E21042" s="1" t="s">
        <v>75177</v>
      </c>
      <c r="F21042" s="1" t="s">
        <v>75178</v>
      </c>
      <c r="G21042" s="1" t="s">
        <v>75105</v>
      </c>
      <c r="H21042" s="1" t="s">
        <v>75106</v>
      </c>
      <c r="I21042" s="1" t="s">
        <v>72972</v>
      </c>
      <c r="J21042" s="1" t="s">
        <v>12664</v>
      </c>
    </row>
    <row r="21043" spans="1:10" x14ac:dyDescent="0.35">
      <c r="A21043" s="1" t="s">
        <v>75102</v>
      </c>
      <c r="B21043" s="1" t="s">
        <v>72967</v>
      </c>
      <c r="C21043" s="1" t="s">
        <v>110</v>
      </c>
      <c r="D21043" s="1" t="s">
        <v>75179</v>
      </c>
      <c r="E21043" s="1" t="s">
        <v>75180</v>
      </c>
      <c r="F21043" s="1" t="s">
        <v>75181</v>
      </c>
      <c r="G21043" s="1" t="s">
        <v>75105</v>
      </c>
      <c r="H21043" s="1" t="s">
        <v>75106</v>
      </c>
      <c r="I21043" s="1" t="s">
        <v>72972</v>
      </c>
      <c r="J21043" s="1" t="s">
        <v>75182</v>
      </c>
    </row>
    <row r="21044" spans="1:10" x14ac:dyDescent="0.35">
      <c r="A21044" s="1" t="s">
        <v>75102</v>
      </c>
      <c r="B21044" s="1" t="s">
        <v>72967</v>
      </c>
      <c r="C21044" s="1" t="s">
        <v>115</v>
      </c>
      <c r="D21044" s="1" t="s">
        <v>3344</v>
      </c>
      <c r="E21044" s="1" t="s">
        <v>75183</v>
      </c>
      <c r="F21044" s="1" t="s">
        <v>75184</v>
      </c>
      <c r="G21044" s="1" t="s">
        <v>75105</v>
      </c>
      <c r="H21044" s="1" t="s">
        <v>75106</v>
      </c>
      <c r="I21044" s="1" t="s">
        <v>72972</v>
      </c>
      <c r="J21044" s="1" t="s">
        <v>75185</v>
      </c>
    </row>
    <row r="21045" spans="1:10" x14ac:dyDescent="0.35">
      <c r="A21045" s="1" t="s">
        <v>75102</v>
      </c>
      <c r="B21045" s="1" t="s">
        <v>72967</v>
      </c>
      <c r="C21045" s="1" t="s">
        <v>120</v>
      </c>
      <c r="D21045" s="1" t="s">
        <v>75186</v>
      </c>
      <c r="E21045" s="1" t="s">
        <v>75187</v>
      </c>
      <c r="F21045" s="1" t="s">
        <v>75188</v>
      </c>
      <c r="G21045" s="1" t="s">
        <v>75105</v>
      </c>
      <c r="H21045" s="1" t="s">
        <v>75106</v>
      </c>
      <c r="I21045" s="1" t="s">
        <v>72972</v>
      </c>
      <c r="J21045" s="1" t="s">
        <v>75189</v>
      </c>
    </row>
    <row r="21046" spans="1:10" x14ac:dyDescent="0.35">
      <c r="A21046" s="1" t="s">
        <v>75102</v>
      </c>
      <c r="B21046" s="1" t="s">
        <v>72967</v>
      </c>
      <c r="C21046" s="1" t="s">
        <v>125</v>
      </c>
      <c r="D21046" s="1" t="s">
        <v>75190</v>
      </c>
      <c r="E21046" s="1" t="s">
        <v>75191</v>
      </c>
      <c r="F21046" s="1" t="s">
        <v>75192</v>
      </c>
      <c r="G21046" s="1" t="s">
        <v>75105</v>
      </c>
      <c r="H21046" s="1" t="s">
        <v>75106</v>
      </c>
      <c r="I21046" s="1" t="s">
        <v>72972</v>
      </c>
      <c r="J21046" s="1" t="s">
        <v>75193</v>
      </c>
    </row>
    <row r="21047" spans="1:10" x14ac:dyDescent="0.35">
      <c r="A21047" s="1" t="s">
        <v>75102</v>
      </c>
      <c r="B21047" s="1" t="s">
        <v>72967</v>
      </c>
      <c r="C21047" s="1" t="s">
        <v>130</v>
      </c>
      <c r="D21047" s="1" t="s">
        <v>75194</v>
      </c>
      <c r="E21047" s="1" t="s">
        <v>75195</v>
      </c>
      <c r="F21047" s="1" t="s">
        <v>75196</v>
      </c>
      <c r="G21047" s="1" t="s">
        <v>75105</v>
      </c>
      <c r="H21047" s="1" t="s">
        <v>75106</v>
      </c>
      <c r="I21047" s="1" t="s">
        <v>72972</v>
      </c>
      <c r="J21047" s="1" t="s">
        <v>75197</v>
      </c>
    </row>
    <row r="21048" spans="1:10" x14ac:dyDescent="0.35">
      <c r="A21048" s="1" t="s">
        <v>75102</v>
      </c>
      <c r="B21048" s="1" t="s">
        <v>72967</v>
      </c>
      <c r="C21048" s="1" t="s">
        <v>135</v>
      </c>
      <c r="D21048" s="1" t="s">
        <v>31082</v>
      </c>
      <c r="E21048" s="1" t="s">
        <v>75198</v>
      </c>
      <c r="F21048" s="1" t="s">
        <v>75199</v>
      </c>
      <c r="G21048" s="1" t="s">
        <v>75105</v>
      </c>
      <c r="H21048" s="1" t="s">
        <v>75106</v>
      </c>
      <c r="I21048" s="1" t="s">
        <v>72972</v>
      </c>
      <c r="J21048" s="1" t="s">
        <v>75200</v>
      </c>
    </row>
    <row r="21049" spans="1:10" x14ac:dyDescent="0.35">
      <c r="A21049" s="1" t="s">
        <v>75102</v>
      </c>
      <c r="B21049" s="1" t="s">
        <v>72967</v>
      </c>
      <c r="C21049" s="1" t="s">
        <v>140</v>
      </c>
      <c r="D21049" s="1" t="s">
        <v>75201</v>
      </c>
      <c r="E21049" s="1" t="s">
        <v>75202</v>
      </c>
      <c r="F21049" s="1" t="s">
        <v>75203</v>
      </c>
      <c r="G21049" s="1" t="s">
        <v>75105</v>
      </c>
      <c r="H21049" s="1" t="s">
        <v>75106</v>
      </c>
      <c r="I21049" s="1" t="s">
        <v>72972</v>
      </c>
      <c r="J21049" s="1" t="s">
        <v>75204</v>
      </c>
    </row>
    <row r="21050" spans="1:10" x14ac:dyDescent="0.35">
      <c r="A21050" s="1" t="s">
        <v>75102</v>
      </c>
      <c r="B21050" s="1" t="s">
        <v>72967</v>
      </c>
      <c r="C21050" s="1" t="s">
        <v>145</v>
      </c>
      <c r="D21050" s="1" t="s">
        <v>75205</v>
      </c>
      <c r="E21050" s="1" t="s">
        <v>75206</v>
      </c>
      <c r="F21050" s="1" t="s">
        <v>75207</v>
      </c>
      <c r="G21050" s="1" t="s">
        <v>75105</v>
      </c>
      <c r="H21050" s="1" t="s">
        <v>75106</v>
      </c>
      <c r="I21050" s="1" t="s">
        <v>72972</v>
      </c>
      <c r="J21050" s="1" t="s">
        <v>75208</v>
      </c>
    </row>
    <row r="21051" spans="1:10" x14ac:dyDescent="0.35">
      <c r="A21051" s="1" t="s">
        <v>75102</v>
      </c>
      <c r="B21051" s="1" t="s">
        <v>72967</v>
      </c>
      <c r="C21051" s="1" t="s">
        <v>150</v>
      </c>
      <c r="D21051" s="1" t="s">
        <v>17482</v>
      </c>
      <c r="E21051" s="1" t="s">
        <v>75209</v>
      </c>
      <c r="F21051" s="1" t="s">
        <v>75210</v>
      </c>
      <c r="G21051" s="1" t="s">
        <v>75105</v>
      </c>
      <c r="H21051" s="1" t="s">
        <v>75106</v>
      </c>
      <c r="I21051" s="1" t="s">
        <v>72972</v>
      </c>
      <c r="J21051" s="1" t="s">
        <v>75211</v>
      </c>
    </row>
    <row r="21052" spans="1:10" x14ac:dyDescent="0.35">
      <c r="A21052" s="1" t="s">
        <v>75102</v>
      </c>
      <c r="B21052" s="1" t="s">
        <v>72967</v>
      </c>
      <c r="C21052" s="1" t="s">
        <v>155</v>
      </c>
      <c r="D21052" s="1" t="s">
        <v>75212</v>
      </c>
      <c r="E21052" s="1" t="s">
        <v>75213</v>
      </c>
      <c r="F21052" s="1" t="s">
        <v>75214</v>
      </c>
      <c r="G21052" s="1" t="s">
        <v>75105</v>
      </c>
      <c r="H21052" s="1" t="s">
        <v>75106</v>
      </c>
      <c r="I21052" s="1" t="s">
        <v>72972</v>
      </c>
      <c r="J21052" s="1" t="s">
        <v>75215</v>
      </c>
    </row>
    <row r="21053" spans="1:10" x14ac:dyDescent="0.35">
      <c r="A21053" s="1" t="s">
        <v>75102</v>
      </c>
      <c r="B21053" s="1" t="s">
        <v>72967</v>
      </c>
      <c r="C21053" s="1" t="s">
        <v>160</v>
      </c>
      <c r="D21053" s="1" t="s">
        <v>75216</v>
      </c>
      <c r="E21053" s="1" t="s">
        <v>75217</v>
      </c>
      <c r="F21053" s="1" t="s">
        <v>75218</v>
      </c>
      <c r="G21053" s="1" t="s">
        <v>75105</v>
      </c>
      <c r="H21053" s="1" t="s">
        <v>75106</v>
      </c>
      <c r="I21053" s="1" t="s">
        <v>72972</v>
      </c>
      <c r="J21053" s="1" t="s">
        <v>75219</v>
      </c>
    </row>
    <row r="21054" spans="1:10" x14ac:dyDescent="0.35">
      <c r="A21054" s="1" t="s">
        <v>75102</v>
      </c>
      <c r="B21054" s="1" t="s">
        <v>72967</v>
      </c>
      <c r="C21054" s="1" t="s">
        <v>165</v>
      </c>
      <c r="D21054" s="1" t="s">
        <v>75220</v>
      </c>
      <c r="E21054" s="1" t="s">
        <v>75221</v>
      </c>
      <c r="F21054" s="1" t="s">
        <v>75222</v>
      </c>
      <c r="G21054" s="1" t="s">
        <v>75105</v>
      </c>
      <c r="H21054" s="1" t="s">
        <v>75106</v>
      </c>
      <c r="I21054" s="1" t="s">
        <v>72972</v>
      </c>
      <c r="J21054" s="1" t="s">
        <v>75223</v>
      </c>
    </row>
    <row r="21055" spans="1:10" x14ac:dyDescent="0.35">
      <c r="A21055" s="1" t="s">
        <v>75102</v>
      </c>
      <c r="B21055" s="1" t="s">
        <v>72967</v>
      </c>
      <c r="C21055" s="1" t="s">
        <v>170</v>
      </c>
      <c r="D21055" s="1" t="s">
        <v>75224</v>
      </c>
      <c r="E21055" s="1" t="s">
        <v>75225</v>
      </c>
      <c r="F21055" s="1" t="s">
        <v>75226</v>
      </c>
      <c r="G21055" s="1" t="s">
        <v>75105</v>
      </c>
      <c r="H21055" s="1" t="s">
        <v>75106</v>
      </c>
      <c r="I21055" s="1" t="s">
        <v>72972</v>
      </c>
      <c r="J21055" s="1" t="s">
        <v>75227</v>
      </c>
    </row>
    <row r="21056" spans="1:10" x14ac:dyDescent="0.35">
      <c r="A21056" s="1" t="s">
        <v>43767</v>
      </c>
      <c r="B21056" s="1" t="s">
        <v>72967</v>
      </c>
      <c r="C21056" s="1" t="s">
        <v>8</v>
      </c>
      <c r="D21056" s="1" t="s">
        <v>49198</v>
      </c>
      <c r="E21056" s="1" t="s">
        <v>75228</v>
      </c>
      <c r="F21056" s="1" t="s">
        <v>75229</v>
      </c>
      <c r="G21056" s="1" t="s">
        <v>75230</v>
      </c>
      <c r="H21056" s="1" t="s">
        <v>75231</v>
      </c>
      <c r="I21056" s="1" t="s">
        <v>72972</v>
      </c>
      <c r="J21056" s="1" t="s">
        <v>13</v>
      </c>
    </row>
    <row r="21057" spans="1:10" x14ac:dyDescent="0.35">
      <c r="A21057" s="1" t="s">
        <v>43767</v>
      </c>
      <c r="B21057" s="1" t="s">
        <v>72967</v>
      </c>
      <c r="C21057" s="1" t="s">
        <v>15</v>
      </c>
      <c r="D21057" s="1" t="s">
        <v>75232</v>
      </c>
      <c r="E21057" s="1" t="s">
        <v>75233</v>
      </c>
      <c r="F21057" s="1" t="s">
        <v>75234</v>
      </c>
      <c r="G21057" s="1" t="s">
        <v>75230</v>
      </c>
      <c r="H21057" s="1" t="s">
        <v>75231</v>
      </c>
      <c r="I21057" s="1" t="s">
        <v>72972</v>
      </c>
      <c r="J21057" s="1" t="s">
        <v>75235</v>
      </c>
    </row>
    <row r="21058" spans="1:10" x14ac:dyDescent="0.35">
      <c r="A21058" s="1" t="s">
        <v>43767</v>
      </c>
      <c r="B21058" s="1" t="s">
        <v>72967</v>
      </c>
      <c r="C21058" s="1" t="s">
        <v>20</v>
      </c>
      <c r="D21058" s="1" t="s">
        <v>71107</v>
      </c>
      <c r="E21058" s="1" t="s">
        <v>75236</v>
      </c>
      <c r="F21058" s="1" t="s">
        <v>75237</v>
      </c>
      <c r="G21058" s="1" t="s">
        <v>75230</v>
      </c>
      <c r="H21058" s="1" t="s">
        <v>75231</v>
      </c>
      <c r="I21058" s="1" t="s">
        <v>72972</v>
      </c>
      <c r="J21058" s="1" t="s">
        <v>75238</v>
      </c>
    </row>
    <row r="21059" spans="1:10" x14ac:dyDescent="0.35">
      <c r="A21059" s="1" t="s">
        <v>43767</v>
      </c>
      <c r="B21059" s="1" t="s">
        <v>72967</v>
      </c>
      <c r="C21059" s="1" t="s">
        <v>25</v>
      </c>
      <c r="D21059" s="1" t="s">
        <v>48862</v>
      </c>
      <c r="E21059" s="1" t="s">
        <v>75239</v>
      </c>
      <c r="F21059" s="1" t="s">
        <v>75240</v>
      </c>
      <c r="G21059" s="1" t="s">
        <v>75230</v>
      </c>
      <c r="H21059" s="1" t="s">
        <v>75231</v>
      </c>
      <c r="I21059" s="1" t="s">
        <v>72972</v>
      </c>
      <c r="J21059" s="1" t="s">
        <v>75241</v>
      </c>
    </row>
    <row r="21060" spans="1:10" x14ac:dyDescent="0.35">
      <c r="A21060" s="1" t="s">
        <v>43767</v>
      </c>
      <c r="B21060" s="1" t="s">
        <v>72967</v>
      </c>
      <c r="C21060" s="1" t="s">
        <v>30</v>
      </c>
      <c r="D21060" s="1" t="s">
        <v>15613</v>
      </c>
      <c r="E21060" s="1" t="s">
        <v>75242</v>
      </c>
      <c r="F21060" s="1" t="s">
        <v>75243</v>
      </c>
      <c r="G21060" s="1" t="s">
        <v>75230</v>
      </c>
      <c r="H21060" s="1" t="s">
        <v>75231</v>
      </c>
      <c r="I21060" s="1" t="s">
        <v>72972</v>
      </c>
      <c r="J21060" s="1" t="s">
        <v>75244</v>
      </c>
    </row>
    <row r="21061" spans="1:10" x14ac:dyDescent="0.35">
      <c r="A21061" s="1" t="s">
        <v>43767</v>
      </c>
      <c r="B21061" s="1" t="s">
        <v>72967</v>
      </c>
      <c r="C21061" s="1" t="s">
        <v>35</v>
      </c>
      <c r="D21061" s="1" t="s">
        <v>75245</v>
      </c>
      <c r="E21061" s="1" t="s">
        <v>75246</v>
      </c>
      <c r="F21061" s="1" t="s">
        <v>75247</v>
      </c>
      <c r="G21061" s="1" t="s">
        <v>75230</v>
      </c>
      <c r="H21061" s="1" t="s">
        <v>75231</v>
      </c>
      <c r="I21061" s="1" t="s">
        <v>72972</v>
      </c>
      <c r="J21061" s="1" t="s">
        <v>75248</v>
      </c>
    </row>
    <row r="21062" spans="1:10" x14ac:dyDescent="0.35">
      <c r="A21062" s="1" t="s">
        <v>43767</v>
      </c>
      <c r="B21062" s="1" t="s">
        <v>72967</v>
      </c>
      <c r="C21062" s="1" t="s">
        <v>40</v>
      </c>
      <c r="D21062" s="1" t="s">
        <v>75249</v>
      </c>
      <c r="E21062" s="1" t="s">
        <v>75250</v>
      </c>
      <c r="F21062" s="1" t="s">
        <v>75251</v>
      </c>
      <c r="G21062" s="1" t="s">
        <v>75230</v>
      </c>
      <c r="H21062" s="1" t="s">
        <v>75231</v>
      </c>
      <c r="I21062" s="1" t="s">
        <v>72972</v>
      </c>
      <c r="J21062" s="1" t="s">
        <v>75252</v>
      </c>
    </row>
    <row r="21063" spans="1:10" x14ac:dyDescent="0.35">
      <c r="A21063" s="1" t="s">
        <v>43767</v>
      </c>
      <c r="B21063" s="1" t="s">
        <v>72967</v>
      </c>
      <c r="C21063" s="1" t="s">
        <v>45</v>
      </c>
      <c r="D21063" s="1" t="s">
        <v>30534</v>
      </c>
      <c r="E21063" s="1" t="s">
        <v>75253</v>
      </c>
      <c r="F21063" s="1" t="s">
        <v>75254</v>
      </c>
      <c r="G21063" s="1" t="s">
        <v>75230</v>
      </c>
      <c r="H21063" s="1" t="s">
        <v>75231</v>
      </c>
      <c r="I21063" s="1" t="s">
        <v>72972</v>
      </c>
      <c r="J21063" s="1" t="s">
        <v>75255</v>
      </c>
    </row>
    <row r="21064" spans="1:10" x14ac:dyDescent="0.35">
      <c r="A21064" s="1" t="s">
        <v>43767</v>
      </c>
      <c r="B21064" s="1" t="s">
        <v>72967</v>
      </c>
      <c r="C21064" s="1" t="s">
        <v>50</v>
      </c>
      <c r="D21064" s="1" t="s">
        <v>75256</v>
      </c>
      <c r="E21064" s="1" t="s">
        <v>75257</v>
      </c>
      <c r="F21064" s="1" t="s">
        <v>75258</v>
      </c>
      <c r="G21064" s="1" t="s">
        <v>75230</v>
      </c>
      <c r="H21064" s="1" t="s">
        <v>75231</v>
      </c>
      <c r="I21064" s="1" t="s">
        <v>72972</v>
      </c>
      <c r="J21064" s="1" t="s">
        <v>75259</v>
      </c>
    </row>
    <row r="21065" spans="1:10" x14ac:dyDescent="0.35">
      <c r="A21065" s="1" t="s">
        <v>43767</v>
      </c>
      <c r="B21065" s="1" t="s">
        <v>72967</v>
      </c>
      <c r="C21065" s="1" t="s">
        <v>55</v>
      </c>
      <c r="D21065" s="1" t="s">
        <v>75260</v>
      </c>
      <c r="E21065" s="1" t="s">
        <v>75261</v>
      </c>
      <c r="F21065" s="1" t="s">
        <v>75262</v>
      </c>
      <c r="G21065" s="1" t="s">
        <v>75230</v>
      </c>
      <c r="H21065" s="1" t="s">
        <v>75231</v>
      </c>
      <c r="I21065" s="1" t="s">
        <v>72972</v>
      </c>
      <c r="J21065" s="1" t="s">
        <v>75263</v>
      </c>
    </row>
    <row r="21066" spans="1:10" x14ac:dyDescent="0.35">
      <c r="A21066" s="1" t="s">
        <v>43767</v>
      </c>
      <c r="B21066" s="1" t="s">
        <v>72967</v>
      </c>
      <c r="C21066" s="1" t="s">
        <v>60</v>
      </c>
      <c r="D21066" s="1" t="s">
        <v>75264</v>
      </c>
      <c r="E21066" s="1" t="s">
        <v>75265</v>
      </c>
      <c r="F21066" s="1" t="s">
        <v>75266</v>
      </c>
      <c r="G21066" s="1" t="s">
        <v>75230</v>
      </c>
      <c r="H21066" s="1" t="s">
        <v>75231</v>
      </c>
      <c r="I21066" s="1" t="s">
        <v>72972</v>
      </c>
      <c r="J21066" s="1" t="s">
        <v>75267</v>
      </c>
    </row>
    <row r="21067" spans="1:10" x14ac:dyDescent="0.35">
      <c r="A21067" s="1" t="s">
        <v>43767</v>
      </c>
      <c r="B21067" s="1" t="s">
        <v>72967</v>
      </c>
      <c r="C21067" s="1" t="s">
        <v>65</v>
      </c>
      <c r="D21067" s="1" t="s">
        <v>75168</v>
      </c>
      <c r="E21067" s="1" t="s">
        <v>75268</v>
      </c>
      <c r="F21067" s="1" t="s">
        <v>75269</v>
      </c>
      <c r="G21067" s="1" t="s">
        <v>75230</v>
      </c>
      <c r="H21067" s="1" t="s">
        <v>75231</v>
      </c>
      <c r="I21067" s="1" t="s">
        <v>72972</v>
      </c>
      <c r="J21067" s="1" t="s">
        <v>75270</v>
      </c>
    </row>
    <row r="21068" spans="1:10" x14ac:dyDescent="0.35">
      <c r="A21068" s="1" t="s">
        <v>43767</v>
      </c>
      <c r="B21068" s="1" t="s">
        <v>72967</v>
      </c>
      <c r="C21068" s="1" t="s">
        <v>70</v>
      </c>
      <c r="D21068" s="1" t="s">
        <v>75271</v>
      </c>
      <c r="E21068" s="1" t="s">
        <v>75272</v>
      </c>
      <c r="F21068" s="1" t="s">
        <v>75273</v>
      </c>
      <c r="G21068" s="1" t="s">
        <v>75230</v>
      </c>
      <c r="H21068" s="1" t="s">
        <v>75231</v>
      </c>
      <c r="I21068" s="1" t="s">
        <v>72972</v>
      </c>
      <c r="J21068" s="1" t="s">
        <v>75274</v>
      </c>
    </row>
    <row r="21069" spans="1:10" x14ac:dyDescent="0.35">
      <c r="A21069" s="1" t="s">
        <v>43767</v>
      </c>
      <c r="B21069" s="1" t="s">
        <v>72967</v>
      </c>
      <c r="C21069" s="1" t="s">
        <v>75</v>
      </c>
      <c r="D21069" s="1" t="s">
        <v>74049</v>
      </c>
      <c r="E21069" s="1" t="s">
        <v>75275</v>
      </c>
      <c r="F21069" s="1" t="s">
        <v>75276</v>
      </c>
      <c r="G21069" s="1" t="s">
        <v>75230</v>
      </c>
      <c r="H21069" s="1" t="s">
        <v>75231</v>
      </c>
      <c r="I21069" s="1" t="s">
        <v>72972</v>
      </c>
      <c r="J21069" s="1" t="s">
        <v>75277</v>
      </c>
    </row>
    <row r="21070" spans="1:10" x14ac:dyDescent="0.35">
      <c r="A21070" s="1" t="s">
        <v>43767</v>
      </c>
      <c r="B21070" s="1" t="s">
        <v>72967</v>
      </c>
      <c r="C21070" s="1" t="s">
        <v>80</v>
      </c>
      <c r="D21070" s="1" t="s">
        <v>75278</v>
      </c>
      <c r="E21070" s="1" t="s">
        <v>75279</v>
      </c>
      <c r="F21070" s="1" t="s">
        <v>75280</v>
      </c>
      <c r="G21070" s="1" t="s">
        <v>75230</v>
      </c>
      <c r="H21070" s="1" t="s">
        <v>75231</v>
      </c>
      <c r="I21070" s="1" t="s">
        <v>72972</v>
      </c>
      <c r="J21070" s="1" t="s">
        <v>75281</v>
      </c>
    </row>
    <row r="21071" spans="1:10" x14ac:dyDescent="0.35">
      <c r="A21071" s="1" t="s">
        <v>43767</v>
      </c>
      <c r="B21071" s="1" t="s">
        <v>72967</v>
      </c>
      <c r="C21071" s="1" t="s">
        <v>85</v>
      </c>
      <c r="D21071" s="1" t="s">
        <v>75282</v>
      </c>
      <c r="E21071" s="1" t="s">
        <v>75283</v>
      </c>
      <c r="F21071" s="1" t="s">
        <v>75284</v>
      </c>
      <c r="G21071" s="1" t="s">
        <v>75230</v>
      </c>
      <c r="H21071" s="1" t="s">
        <v>75231</v>
      </c>
      <c r="I21071" s="1" t="s">
        <v>72972</v>
      </c>
      <c r="J21071" s="1" t="s">
        <v>75285</v>
      </c>
    </row>
    <row r="21072" spans="1:10" x14ac:dyDescent="0.35">
      <c r="A21072" s="1" t="s">
        <v>43767</v>
      </c>
      <c r="B21072" s="1" t="s">
        <v>72967</v>
      </c>
      <c r="C21072" s="1" t="s">
        <v>90</v>
      </c>
      <c r="D21072" s="1" t="s">
        <v>3695</v>
      </c>
      <c r="E21072" s="1" t="s">
        <v>75286</v>
      </c>
      <c r="F21072" s="1" t="s">
        <v>75287</v>
      </c>
      <c r="G21072" s="1" t="s">
        <v>75230</v>
      </c>
      <c r="H21072" s="1" t="s">
        <v>75231</v>
      </c>
      <c r="I21072" s="1" t="s">
        <v>72972</v>
      </c>
      <c r="J21072" s="1" t="s">
        <v>75288</v>
      </c>
    </row>
    <row r="21073" spans="1:10" x14ac:dyDescent="0.35">
      <c r="A21073" s="1" t="s">
        <v>43767</v>
      </c>
      <c r="B21073" s="1" t="s">
        <v>72967</v>
      </c>
      <c r="C21073" s="1" t="s">
        <v>95</v>
      </c>
      <c r="D21073" s="1" t="s">
        <v>707</v>
      </c>
      <c r="E21073" s="1" t="s">
        <v>75289</v>
      </c>
      <c r="F21073" s="1" t="s">
        <v>75290</v>
      </c>
      <c r="G21073" s="1" t="s">
        <v>75230</v>
      </c>
      <c r="H21073" s="1" t="s">
        <v>75231</v>
      </c>
      <c r="I21073" s="1" t="s">
        <v>72972</v>
      </c>
      <c r="J21073" s="1" t="s">
        <v>75291</v>
      </c>
    </row>
    <row r="21074" spans="1:10" x14ac:dyDescent="0.35">
      <c r="A21074" s="1" t="s">
        <v>43767</v>
      </c>
      <c r="B21074" s="1" t="s">
        <v>72967</v>
      </c>
      <c r="C21074" s="1" t="s">
        <v>100</v>
      </c>
      <c r="D21074" s="1" t="s">
        <v>75292</v>
      </c>
      <c r="E21074" s="1" t="s">
        <v>75293</v>
      </c>
      <c r="F21074" s="1" t="s">
        <v>75294</v>
      </c>
      <c r="G21074" s="1" t="s">
        <v>75230</v>
      </c>
      <c r="H21074" s="1" t="s">
        <v>75231</v>
      </c>
      <c r="I21074" s="1" t="s">
        <v>72972</v>
      </c>
      <c r="J21074" s="1" t="s">
        <v>75295</v>
      </c>
    </row>
    <row r="21075" spans="1:10" x14ac:dyDescent="0.35">
      <c r="A21075" s="1" t="s">
        <v>43767</v>
      </c>
      <c r="B21075" s="1" t="s">
        <v>72967</v>
      </c>
      <c r="C21075" s="1" t="s">
        <v>105</v>
      </c>
      <c r="D21075" s="1" t="s">
        <v>3144</v>
      </c>
      <c r="E21075" s="1" t="s">
        <v>75296</v>
      </c>
      <c r="F21075" s="1" t="s">
        <v>75297</v>
      </c>
      <c r="G21075" s="1" t="s">
        <v>75230</v>
      </c>
      <c r="H21075" s="1" t="s">
        <v>75231</v>
      </c>
      <c r="I21075" s="1" t="s">
        <v>72972</v>
      </c>
      <c r="J21075" s="1" t="s">
        <v>75298</v>
      </c>
    </row>
    <row r="21076" spans="1:10" x14ac:dyDescent="0.35">
      <c r="A21076" s="1" t="s">
        <v>43767</v>
      </c>
      <c r="B21076" s="1" t="s">
        <v>72967</v>
      </c>
      <c r="C21076" s="1" t="s">
        <v>110</v>
      </c>
      <c r="D21076" s="1" t="s">
        <v>75299</v>
      </c>
      <c r="E21076" s="1" t="s">
        <v>75300</v>
      </c>
      <c r="F21076" s="1" t="s">
        <v>75301</v>
      </c>
      <c r="G21076" s="1" t="s">
        <v>75230</v>
      </c>
      <c r="H21076" s="1" t="s">
        <v>75231</v>
      </c>
      <c r="I21076" s="1" t="s">
        <v>72972</v>
      </c>
      <c r="J21076" s="1" t="s">
        <v>75302</v>
      </c>
    </row>
    <row r="21077" spans="1:10" x14ac:dyDescent="0.35">
      <c r="A21077" s="1" t="s">
        <v>43767</v>
      </c>
      <c r="B21077" s="1" t="s">
        <v>72967</v>
      </c>
      <c r="C21077" s="1" t="s">
        <v>115</v>
      </c>
      <c r="D21077" s="1" t="s">
        <v>75303</v>
      </c>
      <c r="E21077" s="1" t="s">
        <v>75304</v>
      </c>
      <c r="F21077" s="1" t="s">
        <v>75305</v>
      </c>
      <c r="G21077" s="1" t="s">
        <v>75230</v>
      </c>
      <c r="H21077" s="1" t="s">
        <v>75231</v>
      </c>
      <c r="I21077" s="1" t="s">
        <v>72972</v>
      </c>
      <c r="J21077" s="1" t="s">
        <v>75306</v>
      </c>
    </row>
    <row r="21078" spans="1:10" x14ac:dyDescent="0.35">
      <c r="A21078" s="1" t="s">
        <v>43767</v>
      </c>
      <c r="B21078" s="1" t="s">
        <v>72967</v>
      </c>
      <c r="C21078" s="1" t="s">
        <v>120</v>
      </c>
      <c r="D21078" s="1" t="s">
        <v>75307</v>
      </c>
      <c r="E21078" s="1" t="s">
        <v>75308</v>
      </c>
      <c r="F21078" s="1" t="s">
        <v>75309</v>
      </c>
      <c r="G21078" s="1" t="s">
        <v>75230</v>
      </c>
      <c r="H21078" s="1" t="s">
        <v>75231</v>
      </c>
      <c r="I21078" s="1" t="s">
        <v>72972</v>
      </c>
      <c r="J21078" s="1" t="s">
        <v>75310</v>
      </c>
    </row>
    <row r="21079" spans="1:10" x14ac:dyDescent="0.35">
      <c r="A21079" s="1" t="s">
        <v>43767</v>
      </c>
      <c r="B21079" s="1" t="s">
        <v>72967</v>
      </c>
      <c r="C21079" s="1" t="s">
        <v>125</v>
      </c>
      <c r="D21079" s="1" t="s">
        <v>75311</v>
      </c>
      <c r="E21079" s="1" t="s">
        <v>75312</v>
      </c>
      <c r="F21079" s="1" t="s">
        <v>75313</v>
      </c>
      <c r="G21079" s="1" t="s">
        <v>75230</v>
      </c>
      <c r="H21079" s="1" t="s">
        <v>75231</v>
      </c>
      <c r="I21079" s="1" t="s">
        <v>72972</v>
      </c>
      <c r="J21079" s="1" t="s">
        <v>75314</v>
      </c>
    </row>
    <row r="21080" spans="1:10" x14ac:dyDescent="0.35">
      <c r="A21080" s="1" t="s">
        <v>43767</v>
      </c>
      <c r="B21080" s="1" t="s">
        <v>72967</v>
      </c>
      <c r="C21080" s="1" t="s">
        <v>130</v>
      </c>
      <c r="D21080" s="1" t="s">
        <v>75315</v>
      </c>
      <c r="E21080" s="1" t="s">
        <v>75316</v>
      </c>
      <c r="F21080" s="1" t="s">
        <v>75317</v>
      </c>
      <c r="G21080" s="1" t="s">
        <v>75230</v>
      </c>
      <c r="H21080" s="1" t="s">
        <v>75231</v>
      </c>
      <c r="I21080" s="1" t="s">
        <v>72972</v>
      </c>
      <c r="J21080" s="1" t="s">
        <v>75318</v>
      </c>
    </row>
    <row r="21081" spans="1:10" x14ac:dyDescent="0.35">
      <c r="A21081" s="1" t="s">
        <v>43767</v>
      </c>
      <c r="B21081" s="1" t="s">
        <v>72967</v>
      </c>
      <c r="C21081" s="1" t="s">
        <v>135</v>
      </c>
      <c r="D21081" s="1" t="s">
        <v>50318</v>
      </c>
      <c r="E21081" s="1" t="s">
        <v>75319</v>
      </c>
      <c r="F21081" s="1" t="s">
        <v>75320</v>
      </c>
      <c r="G21081" s="1" t="s">
        <v>75230</v>
      </c>
      <c r="H21081" s="1" t="s">
        <v>75231</v>
      </c>
      <c r="I21081" s="1" t="s">
        <v>72972</v>
      </c>
      <c r="J21081" s="1" t="s">
        <v>75321</v>
      </c>
    </row>
    <row r="21082" spans="1:10" x14ac:dyDescent="0.35">
      <c r="A21082" s="1" t="s">
        <v>43767</v>
      </c>
      <c r="B21082" s="1" t="s">
        <v>72967</v>
      </c>
      <c r="C21082" s="1" t="s">
        <v>140</v>
      </c>
      <c r="D21082" s="1" t="s">
        <v>42804</v>
      </c>
      <c r="E21082" s="1" t="s">
        <v>75322</v>
      </c>
      <c r="F21082" s="1" t="s">
        <v>75323</v>
      </c>
      <c r="G21082" s="1" t="s">
        <v>75230</v>
      </c>
      <c r="H21082" s="1" t="s">
        <v>75231</v>
      </c>
      <c r="I21082" s="1" t="s">
        <v>72972</v>
      </c>
      <c r="J21082" s="1" t="s">
        <v>75324</v>
      </c>
    </row>
    <row r="21083" spans="1:10" x14ac:dyDescent="0.35">
      <c r="A21083" s="1" t="s">
        <v>43767</v>
      </c>
      <c r="B21083" s="1" t="s">
        <v>72967</v>
      </c>
      <c r="C21083" s="1" t="s">
        <v>145</v>
      </c>
      <c r="D21083" s="1" t="s">
        <v>75325</v>
      </c>
      <c r="E21083" s="1" t="s">
        <v>75326</v>
      </c>
      <c r="F21083" s="1" t="s">
        <v>75327</v>
      </c>
      <c r="G21083" s="1" t="s">
        <v>75230</v>
      </c>
      <c r="H21083" s="1" t="s">
        <v>75231</v>
      </c>
      <c r="I21083" s="1" t="s">
        <v>72972</v>
      </c>
      <c r="J21083" s="1" t="s">
        <v>75328</v>
      </c>
    </row>
    <row r="21084" spans="1:10" x14ac:dyDescent="0.35">
      <c r="A21084" s="1" t="s">
        <v>43767</v>
      </c>
      <c r="B21084" s="1" t="s">
        <v>72967</v>
      </c>
      <c r="C21084" s="1" t="s">
        <v>150</v>
      </c>
      <c r="D21084" s="1" t="s">
        <v>73824</v>
      </c>
      <c r="E21084" s="1" t="s">
        <v>75329</v>
      </c>
      <c r="F21084" s="1" t="s">
        <v>75330</v>
      </c>
      <c r="G21084" s="1" t="s">
        <v>75230</v>
      </c>
      <c r="H21084" s="1" t="s">
        <v>75231</v>
      </c>
      <c r="I21084" s="1" t="s">
        <v>72972</v>
      </c>
      <c r="J21084" s="1" t="s">
        <v>75331</v>
      </c>
    </row>
    <row r="21085" spans="1:10" x14ac:dyDescent="0.35">
      <c r="A21085" s="1" t="s">
        <v>43767</v>
      </c>
      <c r="B21085" s="1" t="s">
        <v>72967</v>
      </c>
      <c r="C21085" s="1" t="s">
        <v>155</v>
      </c>
      <c r="D21085" s="1" t="s">
        <v>75332</v>
      </c>
      <c r="E21085" s="1" t="s">
        <v>75333</v>
      </c>
      <c r="F21085" s="1" t="s">
        <v>75334</v>
      </c>
      <c r="G21085" s="1" t="s">
        <v>75230</v>
      </c>
      <c r="H21085" s="1" t="s">
        <v>75231</v>
      </c>
      <c r="I21085" s="1" t="s">
        <v>72972</v>
      </c>
      <c r="J21085" s="1" t="s">
        <v>75335</v>
      </c>
    </row>
    <row r="21086" spans="1:10" x14ac:dyDescent="0.35">
      <c r="A21086" s="1" t="s">
        <v>43767</v>
      </c>
      <c r="B21086" s="1" t="s">
        <v>72967</v>
      </c>
      <c r="C21086" s="1" t="s">
        <v>160</v>
      </c>
      <c r="D21086" s="1" t="s">
        <v>45437</v>
      </c>
      <c r="E21086" s="1" t="s">
        <v>75336</v>
      </c>
      <c r="F21086" s="1" t="s">
        <v>75337</v>
      </c>
      <c r="G21086" s="1" t="s">
        <v>75230</v>
      </c>
      <c r="H21086" s="1" t="s">
        <v>75231</v>
      </c>
      <c r="I21086" s="1" t="s">
        <v>72972</v>
      </c>
      <c r="J21086" s="1" t="s">
        <v>75338</v>
      </c>
    </row>
    <row r="21087" spans="1:10" x14ac:dyDescent="0.35">
      <c r="A21087" s="1" t="s">
        <v>43767</v>
      </c>
      <c r="B21087" s="1" t="s">
        <v>72967</v>
      </c>
      <c r="C21087" s="1" t="s">
        <v>165</v>
      </c>
      <c r="D21087" s="1" t="s">
        <v>75339</v>
      </c>
      <c r="E21087" s="1" t="s">
        <v>75340</v>
      </c>
      <c r="F21087" s="1" t="s">
        <v>75341</v>
      </c>
      <c r="G21087" s="1" t="s">
        <v>75230</v>
      </c>
      <c r="H21087" s="1" t="s">
        <v>75231</v>
      </c>
      <c r="I21087" s="1" t="s">
        <v>72972</v>
      </c>
      <c r="J21087" s="1" t="s">
        <v>75342</v>
      </c>
    </row>
    <row r="21088" spans="1:10" x14ac:dyDescent="0.35">
      <c r="A21088" s="1" t="s">
        <v>43767</v>
      </c>
      <c r="B21088" s="1" t="s">
        <v>72967</v>
      </c>
      <c r="C21088" s="1" t="s">
        <v>170</v>
      </c>
      <c r="D21088" s="1" t="s">
        <v>75343</v>
      </c>
      <c r="E21088" s="1" t="s">
        <v>75344</v>
      </c>
      <c r="F21088" s="1" t="s">
        <v>75345</v>
      </c>
      <c r="G21088" s="1" t="s">
        <v>75230</v>
      </c>
      <c r="H21088" s="1" t="s">
        <v>75231</v>
      </c>
      <c r="I21088" s="1" t="s">
        <v>72972</v>
      </c>
      <c r="J21088" s="1" t="s">
        <v>75346</v>
      </c>
    </row>
    <row r="21089" spans="1:10" x14ac:dyDescent="0.35">
      <c r="A21089" s="1" t="s">
        <v>2245</v>
      </c>
      <c r="B21089" s="1" t="s">
        <v>72967</v>
      </c>
      <c r="C21089" s="1" t="s">
        <v>8</v>
      </c>
      <c r="D21089" s="1" t="s">
        <v>75347</v>
      </c>
      <c r="E21089" s="1" t="s">
        <v>75348</v>
      </c>
      <c r="F21089" s="1" t="s">
        <v>75349</v>
      </c>
      <c r="G21089" s="1" t="s">
        <v>75350</v>
      </c>
      <c r="H21089" s="1" t="s">
        <v>75351</v>
      </c>
      <c r="I21089" s="1" t="s">
        <v>72972</v>
      </c>
      <c r="J21089" s="1" t="s">
        <v>13</v>
      </c>
    </row>
    <row r="21090" spans="1:10" x14ac:dyDescent="0.35">
      <c r="A21090" s="1" t="s">
        <v>2245</v>
      </c>
      <c r="B21090" s="1" t="s">
        <v>72967</v>
      </c>
      <c r="C21090" s="1" t="s">
        <v>15</v>
      </c>
      <c r="D21090" s="1" t="s">
        <v>75352</v>
      </c>
      <c r="E21090" s="1" t="s">
        <v>75353</v>
      </c>
      <c r="F21090" s="1" t="s">
        <v>75354</v>
      </c>
      <c r="G21090" s="1" t="s">
        <v>75350</v>
      </c>
      <c r="H21090" s="1" t="s">
        <v>75351</v>
      </c>
      <c r="I21090" s="1" t="s">
        <v>72972</v>
      </c>
      <c r="J21090" s="1" t="s">
        <v>75355</v>
      </c>
    </row>
    <row r="21091" spans="1:10" x14ac:dyDescent="0.35">
      <c r="A21091" s="1" t="s">
        <v>2245</v>
      </c>
      <c r="B21091" s="1" t="s">
        <v>72967</v>
      </c>
      <c r="C21091" s="1" t="s">
        <v>20</v>
      </c>
      <c r="D21091" s="1" t="s">
        <v>75356</v>
      </c>
      <c r="E21091" s="1" t="s">
        <v>75357</v>
      </c>
      <c r="F21091" s="1" t="s">
        <v>75358</v>
      </c>
      <c r="G21091" s="1" t="s">
        <v>75350</v>
      </c>
      <c r="H21091" s="1" t="s">
        <v>75351</v>
      </c>
      <c r="I21091" s="1" t="s">
        <v>72972</v>
      </c>
      <c r="J21091" s="1" t="s">
        <v>75359</v>
      </c>
    </row>
    <row r="21092" spans="1:10" x14ac:dyDescent="0.35">
      <c r="A21092" s="1" t="s">
        <v>2245</v>
      </c>
      <c r="B21092" s="1" t="s">
        <v>72967</v>
      </c>
      <c r="C21092" s="1" t="s">
        <v>25</v>
      </c>
      <c r="D21092" s="1" t="s">
        <v>72230</v>
      </c>
      <c r="E21092" s="1" t="s">
        <v>75360</v>
      </c>
      <c r="F21092" s="1" t="s">
        <v>75361</v>
      </c>
      <c r="G21092" s="1" t="s">
        <v>75350</v>
      </c>
      <c r="H21092" s="1" t="s">
        <v>75351</v>
      </c>
      <c r="I21092" s="1" t="s">
        <v>72972</v>
      </c>
      <c r="J21092" s="1" t="s">
        <v>75362</v>
      </c>
    </row>
    <row r="21093" spans="1:10" x14ac:dyDescent="0.35">
      <c r="A21093" s="1" t="s">
        <v>2245</v>
      </c>
      <c r="B21093" s="1" t="s">
        <v>72967</v>
      </c>
      <c r="C21093" s="1" t="s">
        <v>30</v>
      </c>
      <c r="D21093" s="1" t="s">
        <v>34828</v>
      </c>
      <c r="E21093" s="1" t="s">
        <v>75363</v>
      </c>
      <c r="F21093" s="1" t="s">
        <v>75364</v>
      </c>
      <c r="G21093" s="1" t="s">
        <v>75350</v>
      </c>
      <c r="H21093" s="1" t="s">
        <v>75351</v>
      </c>
      <c r="I21093" s="1" t="s">
        <v>72972</v>
      </c>
      <c r="J21093" s="1" t="s">
        <v>75365</v>
      </c>
    </row>
    <row r="21094" spans="1:10" x14ac:dyDescent="0.35">
      <c r="A21094" s="1" t="s">
        <v>2245</v>
      </c>
      <c r="B21094" s="1" t="s">
        <v>72967</v>
      </c>
      <c r="C21094" s="1" t="s">
        <v>35</v>
      </c>
      <c r="D21094" s="1" t="s">
        <v>71874</v>
      </c>
      <c r="E21094" s="1" t="s">
        <v>75366</v>
      </c>
      <c r="F21094" s="1" t="s">
        <v>75367</v>
      </c>
      <c r="G21094" s="1" t="s">
        <v>75350</v>
      </c>
      <c r="H21094" s="1" t="s">
        <v>75351</v>
      </c>
      <c r="I21094" s="1" t="s">
        <v>72972</v>
      </c>
      <c r="J21094" s="1" t="s">
        <v>75368</v>
      </c>
    </row>
    <row r="21095" spans="1:10" x14ac:dyDescent="0.35">
      <c r="A21095" s="1" t="s">
        <v>2245</v>
      </c>
      <c r="B21095" s="1" t="s">
        <v>72967</v>
      </c>
      <c r="C21095" s="1" t="s">
        <v>40</v>
      </c>
      <c r="D21095" s="1" t="s">
        <v>75369</v>
      </c>
      <c r="E21095" s="1" t="s">
        <v>75370</v>
      </c>
      <c r="F21095" s="1" t="s">
        <v>75371</v>
      </c>
      <c r="G21095" s="1" t="s">
        <v>75350</v>
      </c>
      <c r="H21095" s="1" t="s">
        <v>75351</v>
      </c>
      <c r="I21095" s="1" t="s">
        <v>72972</v>
      </c>
      <c r="J21095" s="1" t="s">
        <v>75372</v>
      </c>
    </row>
    <row r="21096" spans="1:10" x14ac:dyDescent="0.35">
      <c r="A21096" s="1" t="s">
        <v>2245</v>
      </c>
      <c r="B21096" s="1" t="s">
        <v>72967</v>
      </c>
      <c r="C21096" s="1" t="s">
        <v>45</v>
      </c>
      <c r="D21096" s="1" t="s">
        <v>75373</v>
      </c>
      <c r="E21096" s="1" t="s">
        <v>75374</v>
      </c>
      <c r="F21096" s="1" t="s">
        <v>75375</v>
      </c>
      <c r="G21096" s="1" t="s">
        <v>75350</v>
      </c>
      <c r="H21096" s="1" t="s">
        <v>75351</v>
      </c>
      <c r="I21096" s="1" t="s">
        <v>72972</v>
      </c>
      <c r="J21096" s="1" t="s">
        <v>75376</v>
      </c>
    </row>
    <row r="21097" spans="1:10" x14ac:dyDescent="0.35">
      <c r="A21097" s="1" t="s">
        <v>2245</v>
      </c>
      <c r="B21097" s="1" t="s">
        <v>72967</v>
      </c>
      <c r="C21097" s="1" t="s">
        <v>50</v>
      </c>
      <c r="D21097" s="1" t="s">
        <v>75377</v>
      </c>
      <c r="E21097" s="1" t="s">
        <v>75378</v>
      </c>
      <c r="F21097" s="1" t="s">
        <v>75379</v>
      </c>
      <c r="G21097" s="1" t="s">
        <v>75350</v>
      </c>
      <c r="H21097" s="1" t="s">
        <v>75351</v>
      </c>
      <c r="I21097" s="1" t="s">
        <v>72972</v>
      </c>
      <c r="J21097" s="1" t="s">
        <v>75380</v>
      </c>
    </row>
    <row r="21098" spans="1:10" x14ac:dyDescent="0.35">
      <c r="A21098" s="1" t="s">
        <v>2245</v>
      </c>
      <c r="B21098" s="1" t="s">
        <v>72967</v>
      </c>
      <c r="C21098" s="1" t="s">
        <v>55</v>
      </c>
      <c r="D21098" s="1" t="s">
        <v>202</v>
      </c>
      <c r="E21098" s="1" t="s">
        <v>75381</v>
      </c>
      <c r="F21098" s="1" t="s">
        <v>75382</v>
      </c>
      <c r="G21098" s="1" t="s">
        <v>75350</v>
      </c>
      <c r="H21098" s="1" t="s">
        <v>75351</v>
      </c>
      <c r="I21098" s="1" t="s">
        <v>72972</v>
      </c>
      <c r="J21098" s="1" t="s">
        <v>75383</v>
      </c>
    </row>
    <row r="21099" spans="1:10" x14ac:dyDescent="0.35">
      <c r="A21099" s="1" t="s">
        <v>2245</v>
      </c>
      <c r="B21099" s="1" t="s">
        <v>72967</v>
      </c>
      <c r="C21099" s="1" t="s">
        <v>60</v>
      </c>
      <c r="D21099" s="1" t="s">
        <v>45400</v>
      </c>
      <c r="E21099" s="1" t="s">
        <v>75384</v>
      </c>
      <c r="F21099" s="1" t="s">
        <v>75385</v>
      </c>
      <c r="G21099" s="1" t="s">
        <v>75350</v>
      </c>
      <c r="H21099" s="1" t="s">
        <v>75351</v>
      </c>
      <c r="I21099" s="1" t="s">
        <v>72972</v>
      </c>
      <c r="J21099" s="1" t="s">
        <v>75386</v>
      </c>
    </row>
    <row r="21100" spans="1:10" x14ac:dyDescent="0.35">
      <c r="A21100" s="1" t="s">
        <v>2245</v>
      </c>
      <c r="B21100" s="1" t="s">
        <v>72967</v>
      </c>
      <c r="C21100" s="1" t="s">
        <v>65</v>
      </c>
      <c r="D21100" s="1" t="s">
        <v>50166</v>
      </c>
      <c r="E21100" s="1" t="s">
        <v>75387</v>
      </c>
      <c r="F21100" s="1" t="s">
        <v>75388</v>
      </c>
      <c r="G21100" s="1" t="s">
        <v>75350</v>
      </c>
      <c r="H21100" s="1" t="s">
        <v>75351</v>
      </c>
      <c r="I21100" s="1" t="s">
        <v>72972</v>
      </c>
      <c r="J21100" s="1" t="s">
        <v>75389</v>
      </c>
    </row>
    <row r="21101" spans="1:10" x14ac:dyDescent="0.35">
      <c r="A21101" s="1" t="s">
        <v>2245</v>
      </c>
      <c r="B21101" s="1" t="s">
        <v>72967</v>
      </c>
      <c r="C21101" s="1" t="s">
        <v>70</v>
      </c>
      <c r="D21101" s="1" t="s">
        <v>2374</v>
      </c>
      <c r="E21101" s="1" t="s">
        <v>75390</v>
      </c>
      <c r="F21101" s="1" t="s">
        <v>75391</v>
      </c>
      <c r="G21101" s="1" t="s">
        <v>75350</v>
      </c>
      <c r="H21101" s="1" t="s">
        <v>75351</v>
      </c>
      <c r="I21101" s="1" t="s">
        <v>72972</v>
      </c>
      <c r="J21101" s="1" t="s">
        <v>75392</v>
      </c>
    </row>
    <row r="21102" spans="1:10" x14ac:dyDescent="0.35">
      <c r="A21102" s="1" t="s">
        <v>2245</v>
      </c>
      <c r="B21102" s="1" t="s">
        <v>72967</v>
      </c>
      <c r="C21102" s="1" t="s">
        <v>75</v>
      </c>
      <c r="D21102" s="1" t="s">
        <v>49094</v>
      </c>
      <c r="E21102" s="1" t="s">
        <v>75393</v>
      </c>
      <c r="F21102" s="1" t="s">
        <v>75394</v>
      </c>
      <c r="G21102" s="1" t="s">
        <v>75350</v>
      </c>
      <c r="H21102" s="1" t="s">
        <v>75351</v>
      </c>
      <c r="I21102" s="1" t="s">
        <v>72972</v>
      </c>
      <c r="J21102" s="1" t="s">
        <v>75395</v>
      </c>
    </row>
    <row r="21103" spans="1:10" x14ac:dyDescent="0.35">
      <c r="A21103" s="1" t="s">
        <v>2245</v>
      </c>
      <c r="B21103" s="1" t="s">
        <v>72967</v>
      </c>
      <c r="C21103" s="1" t="s">
        <v>80</v>
      </c>
      <c r="D21103" s="1" t="s">
        <v>75396</v>
      </c>
      <c r="E21103" s="1" t="s">
        <v>75397</v>
      </c>
      <c r="F21103" s="1" t="s">
        <v>75398</v>
      </c>
      <c r="G21103" s="1" t="s">
        <v>75350</v>
      </c>
      <c r="H21103" s="1" t="s">
        <v>75351</v>
      </c>
      <c r="I21103" s="1" t="s">
        <v>72972</v>
      </c>
      <c r="J21103" s="1" t="s">
        <v>75399</v>
      </c>
    </row>
    <row r="21104" spans="1:10" x14ac:dyDescent="0.35">
      <c r="A21104" s="1" t="s">
        <v>2245</v>
      </c>
      <c r="B21104" s="1" t="s">
        <v>72967</v>
      </c>
      <c r="C21104" s="1" t="s">
        <v>85</v>
      </c>
      <c r="D21104" s="1" t="s">
        <v>49102</v>
      </c>
      <c r="E21104" s="1" t="s">
        <v>75400</v>
      </c>
      <c r="F21104" s="1" t="s">
        <v>75401</v>
      </c>
      <c r="G21104" s="1" t="s">
        <v>75350</v>
      </c>
      <c r="H21104" s="1" t="s">
        <v>75351</v>
      </c>
      <c r="I21104" s="1" t="s">
        <v>72972</v>
      </c>
      <c r="J21104" s="1" t="s">
        <v>75402</v>
      </c>
    </row>
    <row r="21105" spans="1:10" x14ac:dyDescent="0.35">
      <c r="A21105" s="1" t="s">
        <v>2245</v>
      </c>
      <c r="B21105" s="1" t="s">
        <v>72967</v>
      </c>
      <c r="C21105" s="1" t="s">
        <v>90</v>
      </c>
      <c r="D21105" s="1" t="s">
        <v>36089</v>
      </c>
      <c r="E21105" s="1" t="s">
        <v>75403</v>
      </c>
      <c r="F21105" s="1" t="s">
        <v>75404</v>
      </c>
      <c r="G21105" s="1" t="s">
        <v>75350</v>
      </c>
      <c r="H21105" s="1" t="s">
        <v>75351</v>
      </c>
      <c r="I21105" s="1" t="s">
        <v>72972</v>
      </c>
      <c r="J21105" s="1" t="s">
        <v>75405</v>
      </c>
    </row>
    <row r="21106" spans="1:10" x14ac:dyDescent="0.35">
      <c r="A21106" s="1" t="s">
        <v>2245</v>
      </c>
      <c r="B21106" s="1" t="s">
        <v>72967</v>
      </c>
      <c r="C21106" s="1" t="s">
        <v>95</v>
      </c>
      <c r="D21106" s="1" t="s">
        <v>18478</v>
      </c>
      <c r="E21106" s="1" t="s">
        <v>75406</v>
      </c>
      <c r="F21106" s="1" t="s">
        <v>75407</v>
      </c>
      <c r="G21106" s="1" t="s">
        <v>75350</v>
      </c>
      <c r="H21106" s="1" t="s">
        <v>75351</v>
      </c>
      <c r="I21106" s="1" t="s">
        <v>72972</v>
      </c>
      <c r="J21106" s="1" t="s">
        <v>75408</v>
      </c>
    </row>
    <row r="21107" spans="1:10" x14ac:dyDescent="0.35">
      <c r="A21107" s="1" t="s">
        <v>2245</v>
      </c>
      <c r="B21107" s="1" t="s">
        <v>72967</v>
      </c>
      <c r="C21107" s="1" t="s">
        <v>100</v>
      </c>
      <c r="D21107" s="1" t="s">
        <v>75409</v>
      </c>
      <c r="E21107" s="1" t="s">
        <v>75410</v>
      </c>
      <c r="F21107" s="1" t="s">
        <v>75411</v>
      </c>
      <c r="G21107" s="1" t="s">
        <v>75350</v>
      </c>
      <c r="H21107" s="1" t="s">
        <v>75351</v>
      </c>
      <c r="I21107" s="1" t="s">
        <v>72972</v>
      </c>
      <c r="J21107" s="1" t="s">
        <v>75412</v>
      </c>
    </row>
    <row r="21108" spans="1:10" x14ac:dyDescent="0.35">
      <c r="A21108" s="1" t="s">
        <v>2245</v>
      </c>
      <c r="B21108" s="1" t="s">
        <v>72967</v>
      </c>
      <c r="C21108" s="1" t="s">
        <v>105</v>
      </c>
      <c r="D21108" s="1" t="s">
        <v>75413</v>
      </c>
      <c r="E21108" s="1" t="s">
        <v>75414</v>
      </c>
      <c r="F21108" s="1" t="s">
        <v>75415</v>
      </c>
      <c r="G21108" s="1" t="s">
        <v>75350</v>
      </c>
      <c r="H21108" s="1" t="s">
        <v>75351</v>
      </c>
      <c r="I21108" s="1" t="s">
        <v>72972</v>
      </c>
      <c r="J21108" s="1" t="s">
        <v>75416</v>
      </c>
    </row>
    <row r="21109" spans="1:10" x14ac:dyDescent="0.35">
      <c r="A21109" s="1" t="s">
        <v>2245</v>
      </c>
      <c r="B21109" s="1" t="s">
        <v>72967</v>
      </c>
      <c r="C21109" s="1" t="s">
        <v>110</v>
      </c>
      <c r="D21109" s="1" t="s">
        <v>388</v>
      </c>
      <c r="E21109" s="1" t="s">
        <v>75417</v>
      </c>
      <c r="F21109" s="1" t="s">
        <v>75418</v>
      </c>
      <c r="G21109" s="1" t="s">
        <v>75350</v>
      </c>
      <c r="H21109" s="1" t="s">
        <v>75351</v>
      </c>
      <c r="I21109" s="1" t="s">
        <v>72972</v>
      </c>
      <c r="J21109" s="1" t="s">
        <v>75419</v>
      </c>
    </row>
    <row r="21110" spans="1:10" x14ac:dyDescent="0.35">
      <c r="A21110" s="1" t="s">
        <v>2245</v>
      </c>
      <c r="B21110" s="1" t="s">
        <v>72967</v>
      </c>
      <c r="C21110" s="1" t="s">
        <v>115</v>
      </c>
      <c r="D21110" s="1" t="s">
        <v>75420</v>
      </c>
      <c r="E21110" s="1" t="s">
        <v>75421</v>
      </c>
      <c r="F21110" s="1" t="s">
        <v>75422</v>
      </c>
      <c r="G21110" s="1" t="s">
        <v>75350</v>
      </c>
      <c r="H21110" s="1" t="s">
        <v>75351</v>
      </c>
      <c r="I21110" s="1" t="s">
        <v>72972</v>
      </c>
      <c r="J21110" s="1" t="s">
        <v>75423</v>
      </c>
    </row>
    <row r="21111" spans="1:10" x14ac:dyDescent="0.35">
      <c r="A21111" s="1" t="s">
        <v>2245</v>
      </c>
      <c r="B21111" s="1" t="s">
        <v>72967</v>
      </c>
      <c r="C21111" s="1" t="s">
        <v>120</v>
      </c>
      <c r="D21111" s="1" t="s">
        <v>73995</v>
      </c>
      <c r="E21111" s="1" t="s">
        <v>44756</v>
      </c>
      <c r="F21111" s="1" t="s">
        <v>75424</v>
      </c>
      <c r="G21111" s="1" t="s">
        <v>75350</v>
      </c>
      <c r="H21111" s="1" t="s">
        <v>75351</v>
      </c>
      <c r="I21111" s="1" t="s">
        <v>72972</v>
      </c>
      <c r="J21111" s="1" t="s">
        <v>75425</v>
      </c>
    </row>
    <row r="21112" spans="1:10" x14ac:dyDescent="0.35">
      <c r="A21112" s="1" t="s">
        <v>2245</v>
      </c>
      <c r="B21112" s="1" t="s">
        <v>72967</v>
      </c>
      <c r="C21112" s="1" t="s">
        <v>125</v>
      </c>
      <c r="D21112" s="1" t="s">
        <v>15420</v>
      </c>
      <c r="E21112" s="1" t="s">
        <v>75426</v>
      </c>
      <c r="F21112" s="1" t="s">
        <v>75427</v>
      </c>
      <c r="G21112" s="1" t="s">
        <v>75350</v>
      </c>
      <c r="H21112" s="1" t="s">
        <v>75351</v>
      </c>
      <c r="I21112" s="1" t="s">
        <v>72972</v>
      </c>
      <c r="J21112" s="1" t="s">
        <v>75428</v>
      </c>
    </row>
    <row r="21113" spans="1:10" x14ac:dyDescent="0.35">
      <c r="A21113" s="1" t="s">
        <v>2245</v>
      </c>
      <c r="B21113" s="1" t="s">
        <v>72967</v>
      </c>
      <c r="C21113" s="1" t="s">
        <v>130</v>
      </c>
      <c r="D21113" s="1" t="s">
        <v>16384</v>
      </c>
      <c r="E21113" s="1" t="s">
        <v>75429</v>
      </c>
      <c r="F21113" s="1" t="s">
        <v>75430</v>
      </c>
      <c r="G21113" s="1" t="s">
        <v>75350</v>
      </c>
      <c r="H21113" s="1" t="s">
        <v>75351</v>
      </c>
      <c r="I21113" s="1" t="s">
        <v>72972</v>
      </c>
      <c r="J21113" s="1" t="s">
        <v>75431</v>
      </c>
    </row>
    <row r="21114" spans="1:10" x14ac:dyDescent="0.35">
      <c r="A21114" s="1" t="s">
        <v>2245</v>
      </c>
      <c r="B21114" s="1" t="s">
        <v>72967</v>
      </c>
      <c r="C21114" s="1" t="s">
        <v>135</v>
      </c>
      <c r="D21114" s="1" t="s">
        <v>31584</v>
      </c>
      <c r="E21114" s="1" t="s">
        <v>75432</v>
      </c>
      <c r="F21114" s="1" t="s">
        <v>75433</v>
      </c>
      <c r="G21114" s="1" t="s">
        <v>75350</v>
      </c>
      <c r="H21114" s="1" t="s">
        <v>75351</v>
      </c>
      <c r="I21114" s="1" t="s">
        <v>72972</v>
      </c>
      <c r="J21114" s="1" t="s">
        <v>75434</v>
      </c>
    </row>
    <row r="21115" spans="1:10" x14ac:dyDescent="0.35">
      <c r="A21115" s="1" t="s">
        <v>2245</v>
      </c>
      <c r="B21115" s="1" t="s">
        <v>72967</v>
      </c>
      <c r="C21115" s="1" t="s">
        <v>140</v>
      </c>
      <c r="D21115" s="1" t="s">
        <v>75435</v>
      </c>
      <c r="E21115" s="1" t="s">
        <v>75436</v>
      </c>
      <c r="F21115" s="1" t="s">
        <v>75437</v>
      </c>
      <c r="G21115" s="1" t="s">
        <v>75350</v>
      </c>
      <c r="H21115" s="1" t="s">
        <v>75351</v>
      </c>
      <c r="I21115" s="1" t="s">
        <v>72972</v>
      </c>
      <c r="J21115" s="1" t="s">
        <v>75438</v>
      </c>
    </row>
    <row r="21116" spans="1:10" x14ac:dyDescent="0.35">
      <c r="A21116" s="1" t="s">
        <v>2245</v>
      </c>
      <c r="B21116" s="1" t="s">
        <v>72967</v>
      </c>
      <c r="C21116" s="1" t="s">
        <v>145</v>
      </c>
      <c r="D21116" s="1" t="s">
        <v>35513</v>
      </c>
      <c r="E21116" s="1" t="s">
        <v>75439</v>
      </c>
      <c r="F21116" s="1" t="s">
        <v>75440</v>
      </c>
      <c r="G21116" s="1" t="s">
        <v>75350</v>
      </c>
      <c r="H21116" s="1" t="s">
        <v>75351</v>
      </c>
      <c r="I21116" s="1" t="s">
        <v>72972</v>
      </c>
      <c r="J21116" s="1" t="s">
        <v>75441</v>
      </c>
    </row>
    <row r="21117" spans="1:10" x14ac:dyDescent="0.35">
      <c r="A21117" s="1" t="s">
        <v>2245</v>
      </c>
      <c r="B21117" s="1" t="s">
        <v>72967</v>
      </c>
      <c r="C21117" s="1" t="s">
        <v>150</v>
      </c>
      <c r="D21117" s="1" t="s">
        <v>75442</v>
      </c>
      <c r="E21117" s="1" t="s">
        <v>75443</v>
      </c>
      <c r="F21117" s="1" t="s">
        <v>75444</v>
      </c>
      <c r="G21117" s="1" t="s">
        <v>75350</v>
      </c>
      <c r="H21117" s="1" t="s">
        <v>75351</v>
      </c>
      <c r="I21117" s="1" t="s">
        <v>72972</v>
      </c>
      <c r="J21117" s="1" t="s">
        <v>75445</v>
      </c>
    </row>
    <row r="21118" spans="1:10" x14ac:dyDescent="0.35">
      <c r="A21118" s="1" t="s">
        <v>2245</v>
      </c>
      <c r="B21118" s="1" t="s">
        <v>72967</v>
      </c>
      <c r="C21118" s="1" t="s">
        <v>155</v>
      </c>
      <c r="D21118" s="1" t="s">
        <v>75446</v>
      </c>
      <c r="E21118" s="1" t="s">
        <v>75447</v>
      </c>
      <c r="F21118" s="1" t="s">
        <v>75448</v>
      </c>
      <c r="G21118" s="1" t="s">
        <v>75350</v>
      </c>
      <c r="H21118" s="1" t="s">
        <v>75351</v>
      </c>
      <c r="I21118" s="1" t="s">
        <v>72972</v>
      </c>
      <c r="J21118" s="1" t="s">
        <v>75449</v>
      </c>
    </row>
    <row r="21119" spans="1:10" x14ac:dyDescent="0.35">
      <c r="A21119" s="1" t="s">
        <v>2245</v>
      </c>
      <c r="B21119" s="1" t="s">
        <v>72967</v>
      </c>
      <c r="C21119" s="1" t="s">
        <v>160</v>
      </c>
      <c r="D21119" s="1" t="s">
        <v>5461</v>
      </c>
      <c r="E21119" s="1" t="s">
        <v>75450</v>
      </c>
      <c r="F21119" s="1" t="s">
        <v>75451</v>
      </c>
      <c r="G21119" s="1" t="s">
        <v>75350</v>
      </c>
      <c r="H21119" s="1" t="s">
        <v>75351</v>
      </c>
      <c r="I21119" s="1" t="s">
        <v>72972</v>
      </c>
      <c r="J21119" s="1" t="s">
        <v>75452</v>
      </c>
    </row>
    <row r="21120" spans="1:10" x14ac:dyDescent="0.35">
      <c r="A21120" s="1" t="s">
        <v>2245</v>
      </c>
      <c r="B21120" s="1" t="s">
        <v>72967</v>
      </c>
      <c r="C21120" s="1" t="s">
        <v>165</v>
      </c>
      <c r="D21120" s="1" t="s">
        <v>75453</v>
      </c>
      <c r="E21120" s="1" t="s">
        <v>75454</v>
      </c>
      <c r="F21120" s="1" t="s">
        <v>75455</v>
      </c>
      <c r="G21120" s="1" t="s">
        <v>75350</v>
      </c>
      <c r="H21120" s="1" t="s">
        <v>75351</v>
      </c>
      <c r="I21120" s="1" t="s">
        <v>72972</v>
      </c>
      <c r="J21120" s="1" t="s">
        <v>75456</v>
      </c>
    </row>
    <row r="21121" spans="1:10" x14ac:dyDescent="0.35">
      <c r="A21121" s="1" t="s">
        <v>2245</v>
      </c>
      <c r="B21121" s="1" t="s">
        <v>72967</v>
      </c>
      <c r="C21121" s="1" t="s">
        <v>170</v>
      </c>
      <c r="D21121" s="1" t="s">
        <v>75457</v>
      </c>
      <c r="E21121" s="1" t="s">
        <v>75458</v>
      </c>
      <c r="F21121" s="1" t="s">
        <v>75459</v>
      </c>
      <c r="G21121" s="1" t="s">
        <v>75350</v>
      </c>
      <c r="H21121" s="1" t="s">
        <v>75351</v>
      </c>
      <c r="I21121" s="1" t="s">
        <v>72972</v>
      </c>
      <c r="J21121" s="1" t="s">
        <v>75460</v>
      </c>
    </row>
    <row r="21122" spans="1:10" x14ac:dyDescent="0.35">
      <c r="A21122" s="1" t="s">
        <v>7256</v>
      </c>
      <c r="B21122" s="1" t="s">
        <v>75461</v>
      </c>
      <c r="C21122" s="1" t="s">
        <v>8</v>
      </c>
      <c r="D21122" s="1" t="s">
        <v>75462</v>
      </c>
      <c r="E21122" s="1" t="s">
        <v>75463</v>
      </c>
      <c r="F21122" s="1" t="s">
        <v>75464</v>
      </c>
      <c r="G21122" s="1" t="s">
        <v>75465</v>
      </c>
      <c r="H21122" s="1" t="s">
        <v>75466</v>
      </c>
      <c r="I21122" s="1" t="s">
        <v>75467</v>
      </c>
      <c r="J21122" s="1" t="s">
        <v>13</v>
      </c>
    </row>
    <row r="21123" spans="1:10" x14ac:dyDescent="0.35">
      <c r="A21123" s="1" t="s">
        <v>7256</v>
      </c>
      <c r="B21123" s="1" t="s">
        <v>75461</v>
      </c>
      <c r="C21123" s="1" t="s">
        <v>15</v>
      </c>
      <c r="D21123" s="1" t="s">
        <v>75468</v>
      </c>
      <c r="E21123" s="1" t="s">
        <v>75469</v>
      </c>
      <c r="F21123" s="1" t="s">
        <v>75470</v>
      </c>
      <c r="G21123" s="1" t="s">
        <v>75465</v>
      </c>
      <c r="H21123" s="1" t="s">
        <v>75466</v>
      </c>
      <c r="I21123" s="1" t="s">
        <v>75467</v>
      </c>
      <c r="J21123" s="1" t="s">
        <v>75471</v>
      </c>
    </row>
    <row r="21124" spans="1:10" x14ac:dyDescent="0.35">
      <c r="A21124" s="1" t="s">
        <v>7256</v>
      </c>
      <c r="B21124" s="1" t="s">
        <v>75461</v>
      </c>
      <c r="C21124" s="1" t="s">
        <v>20</v>
      </c>
      <c r="D21124" s="1" t="s">
        <v>75472</v>
      </c>
      <c r="E21124" s="1" t="s">
        <v>75473</v>
      </c>
      <c r="F21124" s="1" t="s">
        <v>75474</v>
      </c>
      <c r="G21124" s="1" t="s">
        <v>75465</v>
      </c>
      <c r="H21124" s="1" t="s">
        <v>75466</v>
      </c>
      <c r="I21124" s="1" t="s">
        <v>75467</v>
      </c>
      <c r="J21124" s="1" t="s">
        <v>75475</v>
      </c>
    </row>
    <row r="21125" spans="1:10" x14ac:dyDescent="0.35">
      <c r="A21125" s="1" t="s">
        <v>7256</v>
      </c>
      <c r="B21125" s="1" t="s">
        <v>75461</v>
      </c>
      <c r="C21125" s="1" t="s">
        <v>25</v>
      </c>
      <c r="D21125" s="1" t="s">
        <v>75476</v>
      </c>
      <c r="E21125" s="1" t="s">
        <v>75477</v>
      </c>
      <c r="F21125" s="1" t="s">
        <v>75478</v>
      </c>
      <c r="G21125" s="1" t="s">
        <v>75465</v>
      </c>
      <c r="H21125" s="1" t="s">
        <v>75466</v>
      </c>
      <c r="I21125" s="1" t="s">
        <v>75467</v>
      </c>
      <c r="J21125" s="1" t="s">
        <v>75479</v>
      </c>
    </row>
    <row r="21126" spans="1:10" x14ac:dyDescent="0.35">
      <c r="A21126" s="1" t="s">
        <v>7256</v>
      </c>
      <c r="B21126" s="1" t="s">
        <v>75461</v>
      </c>
      <c r="C21126" s="1" t="s">
        <v>30</v>
      </c>
      <c r="D21126" s="1" t="s">
        <v>75480</v>
      </c>
      <c r="E21126" s="1" t="s">
        <v>75481</v>
      </c>
      <c r="F21126" s="1" t="s">
        <v>75482</v>
      </c>
      <c r="G21126" s="1" t="s">
        <v>75465</v>
      </c>
      <c r="H21126" s="1" t="s">
        <v>75466</v>
      </c>
      <c r="I21126" s="1" t="s">
        <v>75467</v>
      </c>
      <c r="J21126" s="1" t="s">
        <v>75483</v>
      </c>
    </row>
    <row r="21127" spans="1:10" x14ac:dyDescent="0.35">
      <c r="A21127" s="1" t="s">
        <v>7256</v>
      </c>
      <c r="B21127" s="1" t="s">
        <v>75461</v>
      </c>
      <c r="C21127" s="1" t="s">
        <v>35</v>
      </c>
      <c r="D21127" s="1" t="s">
        <v>75484</v>
      </c>
      <c r="E21127" s="1" t="s">
        <v>75485</v>
      </c>
      <c r="F21127" s="1" t="s">
        <v>75486</v>
      </c>
      <c r="G21127" s="1" t="s">
        <v>75465</v>
      </c>
      <c r="H21127" s="1" t="s">
        <v>75466</v>
      </c>
      <c r="I21127" s="1" t="s">
        <v>75467</v>
      </c>
      <c r="J21127" s="1" t="s">
        <v>75487</v>
      </c>
    </row>
    <row r="21128" spans="1:10" x14ac:dyDescent="0.35">
      <c r="A21128" s="1" t="s">
        <v>7256</v>
      </c>
      <c r="B21128" s="1" t="s">
        <v>75461</v>
      </c>
      <c r="C21128" s="1" t="s">
        <v>40</v>
      </c>
      <c r="D21128" s="1" t="s">
        <v>75488</v>
      </c>
      <c r="E21128" s="1" t="s">
        <v>75489</v>
      </c>
      <c r="F21128" s="1" t="s">
        <v>75490</v>
      </c>
      <c r="G21128" s="1" t="s">
        <v>75465</v>
      </c>
      <c r="H21128" s="1" t="s">
        <v>75466</v>
      </c>
      <c r="I21128" s="1" t="s">
        <v>75467</v>
      </c>
      <c r="J21128" s="1" t="s">
        <v>75491</v>
      </c>
    </row>
    <row r="21129" spans="1:10" x14ac:dyDescent="0.35">
      <c r="A21129" s="1" t="s">
        <v>7256</v>
      </c>
      <c r="B21129" s="1" t="s">
        <v>75461</v>
      </c>
      <c r="C21129" s="1" t="s">
        <v>45</v>
      </c>
      <c r="D21129" s="1" t="s">
        <v>75492</v>
      </c>
      <c r="E21129" s="1" t="s">
        <v>75493</v>
      </c>
      <c r="F21129" s="1" t="s">
        <v>75494</v>
      </c>
      <c r="G21129" s="1" t="s">
        <v>75465</v>
      </c>
      <c r="H21129" s="1" t="s">
        <v>75466</v>
      </c>
      <c r="I21129" s="1" t="s">
        <v>75467</v>
      </c>
      <c r="J21129" s="1" t="s">
        <v>75495</v>
      </c>
    </row>
    <row r="21130" spans="1:10" x14ac:dyDescent="0.35">
      <c r="A21130" s="1" t="s">
        <v>7256</v>
      </c>
      <c r="B21130" s="1" t="s">
        <v>75461</v>
      </c>
      <c r="C21130" s="1" t="s">
        <v>50</v>
      </c>
      <c r="D21130" s="1" t="s">
        <v>52985</v>
      </c>
      <c r="E21130" s="1" t="s">
        <v>75496</v>
      </c>
      <c r="F21130" s="1" t="s">
        <v>75497</v>
      </c>
      <c r="G21130" s="1" t="s">
        <v>75465</v>
      </c>
      <c r="H21130" s="1" t="s">
        <v>75466</v>
      </c>
      <c r="I21130" s="1" t="s">
        <v>75467</v>
      </c>
      <c r="J21130" s="1" t="s">
        <v>75498</v>
      </c>
    </row>
    <row r="21131" spans="1:10" x14ac:dyDescent="0.35">
      <c r="A21131" s="1" t="s">
        <v>7256</v>
      </c>
      <c r="B21131" s="1" t="s">
        <v>75461</v>
      </c>
      <c r="C21131" s="1" t="s">
        <v>55</v>
      </c>
      <c r="D21131" s="1" t="s">
        <v>22503</v>
      </c>
      <c r="E21131" s="1" t="s">
        <v>75499</v>
      </c>
      <c r="F21131" s="1" t="s">
        <v>75500</v>
      </c>
      <c r="G21131" s="1" t="s">
        <v>75465</v>
      </c>
      <c r="H21131" s="1" t="s">
        <v>75466</v>
      </c>
      <c r="I21131" s="1" t="s">
        <v>75467</v>
      </c>
      <c r="J21131" s="1" t="s">
        <v>75501</v>
      </c>
    </row>
    <row r="21132" spans="1:10" x14ac:dyDescent="0.35">
      <c r="A21132" s="1" t="s">
        <v>7256</v>
      </c>
      <c r="B21132" s="1" t="s">
        <v>75461</v>
      </c>
      <c r="C21132" s="1" t="s">
        <v>60</v>
      </c>
      <c r="D21132" s="1" t="s">
        <v>75502</v>
      </c>
      <c r="E21132" s="1" t="s">
        <v>75503</v>
      </c>
      <c r="F21132" s="1" t="s">
        <v>75504</v>
      </c>
      <c r="G21132" s="1" t="s">
        <v>75465</v>
      </c>
      <c r="H21132" s="1" t="s">
        <v>75466</v>
      </c>
      <c r="I21132" s="1" t="s">
        <v>75467</v>
      </c>
      <c r="J21132" s="1" t="s">
        <v>75505</v>
      </c>
    </row>
    <row r="21133" spans="1:10" x14ac:dyDescent="0.35">
      <c r="A21133" s="1" t="s">
        <v>7256</v>
      </c>
      <c r="B21133" s="1" t="s">
        <v>75461</v>
      </c>
      <c r="C21133" s="1" t="s">
        <v>65</v>
      </c>
      <c r="D21133" s="1" t="s">
        <v>75506</v>
      </c>
      <c r="E21133" s="1" t="s">
        <v>75507</v>
      </c>
      <c r="F21133" s="1" t="s">
        <v>75508</v>
      </c>
      <c r="G21133" s="1" t="s">
        <v>75465</v>
      </c>
      <c r="H21133" s="1" t="s">
        <v>75466</v>
      </c>
      <c r="I21133" s="1" t="s">
        <v>75467</v>
      </c>
      <c r="J21133" s="1" t="s">
        <v>75509</v>
      </c>
    </row>
    <row r="21134" spans="1:10" x14ac:dyDescent="0.35">
      <c r="A21134" s="1" t="s">
        <v>7256</v>
      </c>
      <c r="B21134" s="1" t="s">
        <v>75461</v>
      </c>
      <c r="C21134" s="1" t="s">
        <v>70</v>
      </c>
      <c r="D21134" s="1" t="s">
        <v>75510</v>
      </c>
      <c r="E21134" s="1" t="s">
        <v>75511</v>
      </c>
      <c r="F21134" s="1" t="s">
        <v>75512</v>
      </c>
      <c r="G21134" s="1" t="s">
        <v>75465</v>
      </c>
      <c r="H21134" s="1" t="s">
        <v>75466</v>
      </c>
      <c r="I21134" s="1" t="s">
        <v>75467</v>
      </c>
      <c r="J21134" s="1" t="s">
        <v>75513</v>
      </c>
    </row>
    <row r="21135" spans="1:10" x14ac:dyDescent="0.35">
      <c r="A21135" s="1" t="s">
        <v>7256</v>
      </c>
      <c r="B21135" s="1" t="s">
        <v>75461</v>
      </c>
      <c r="C21135" s="1" t="s">
        <v>75</v>
      </c>
      <c r="D21135" s="1" t="s">
        <v>24069</v>
      </c>
      <c r="E21135" s="1" t="s">
        <v>75514</v>
      </c>
      <c r="F21135" s="1" t="s">
        <v>75515</v>
      </c>
      <c r="G21135" s="1" t="s">
        <v>75465</v>
      </c>
      <c r="H21135" s="1" t="s">
        <v>75466</v>
      </c>
      <c r="I21135" s="1" t="s">
        <v>75467</v>
      </c>
      <c r="J21135" s="1" t="s">
        <v>75516</v>
      </c>
    </row>
    <row r="21136" spans="1:10" x14ac:dyDescent="0.35">
      <c r="A21136" s="1" t="s">
        <v>7256</v>
      </c>
      <c r="B21136" s="1" t="s">
        <v>75461</v>
      </c>
      <c r="C21136" s="1" t="s">
        <v>80</v>
      </c>
      <c r="D21136" s="1" t="s">
        <v>65373</v>
      </c>
      <c r="E21136" s="1" t="s">
        <v>75517</v>
      </c>
      <c r="F21136" s="1" t="s">
        <v>75518</v>
      </c>
      <c r="G21136" s="1" t="s">
        <v>75465</v>
      </c>
      <c r="H21136" s="1" t="s">
        <v>75466</v>
      </c>
      <c r="I21136" s="1" t="s">
        <v>75467</v>
      </c>
      <c r="J21136" s="1" t="s">
        <v>75519</v>
      </c>
    </row>
    <row r="21137" spans="1:10" x14ac:dyDescent="0.35">
      <c r="A21137" s="1" t="s">
        <v>7256</v>
      </c>
      <c r="B21137" s="1" t="s">
        <v>75461</v>
      </c>
      <c r="C21137" s="1" t="s">
        <v>85</v>
      </c>
      <c r="D21137" s="1" t="s">
        <v>2714</v>
      </c>
      <c r="E21137" s="1" t="s">
        <v>75520</v>
      </c>
      <c r="F21137" s="1" t="s">
        <v>75521</v>
      </c>
      <c r="G21137" s="1" t="s">
        <v>75465</v>
      </c>
      <c r="H21137" s="1" t="s">
        <v>75466</v>
      </c>
      <c r="I21137" s="1" t="s">
        <v>75467</v>
      </c>
      <c r="J21137" s="1" t="s">
        <v>75522</v>
      </c>
    </row>
    <row r="21138" spans="1:10" x14ac:dyDescent="0.35">
      <c r="A21138" s="1" t="s">
        <v>7256</v>
      </c>
      <c r="B21138" s="1" t="s">
        <v>75461</v>
      </c>
      <c r="C21138" s="1" t="s">
        <v>90</v>
      </c>
      <c r="D21138" s="1" t="s">
        <v>75523</v>
      </c>
      <c r="E21138" s="1" t="s">
        <v>75524</v>
      </c>
      <c r="F21138" s="1" t="s">
        <v>75525</v>
      </c>
      <c r="G21138" s="1" t="s">
        <v>75465</v>
      </c>
      <c r="H21138" s="1" t="s">
        <v>75466</v>
      </c>
      <c r="I21138" s="1" t="s">
        <v>75467</v>
      </c>
      <c r="J21138" s="1" t="s">
        <v>75526</v>
      </c>
    </row>
    <row r="21139" spans="1:10" x14ac:dyDescent="0.35">
      <c r="A21139" s="1" t="s">
        <v>7256</v>
      </c>
      <c r="B21139" s="1" t="s">
        <v>75461</v>
      </c>
      <c r="C21139" s="1" t="s">
        <v>95</v>
      </c>
      <c r="D21139" s="1" t="s">
        <v>75527</v>
      </c>
      <c r="E21139" s="1" t="s">
        <v>75528</v>
      </c>
      <c r="F21139" s="1" t="s">
        <v>75529</v>
      </c>
      <c r="G21139" s="1" t="s">
        <v>75465</v>
      </c>
      <c r="H21139" s="1" t="s">
        <v>75466</v>
      </c>
      <c r="I21139" s="1" t="s">
        <v>75467</v>
      </c>
      <c r="J21139" s="1" t="s">
        <v>75530</v>
      </c>
    </row>
    <row r="21140" spans="1:10" x14ac:dyDescent="0.35">
      <c r="A21140" s="1" t="s">
        <v>7256</v>
      </c>
      <c r="B21140" s="1" t="s">
        <v>75461</v>
      </c>
      <c r="C21140" s="1" t="s">
        <v>100</v>
      </c>
      <c r="D21140" s="1" t="s">
        <v>75531</v>
      </c>
      <c r="E21140" s="1" t="s">
        <v>75532</v>
      </c>
      <c r="F21140" s="1" t="s">
        <v>75533</v>
      </c>
      <c r="G21140" s="1" t="s">
        <v>75465</v>
      </c>
      <c r="H21140" s="1" t="s">
        <v>75466</v>
      </c>
      <c r="I21140" s="1" t="s">
        <v>75467</v>
      </c>
      <c r="J21140" s="1" t="s">
        <v>75534</v>
      </c>
    </row>
    <row r="21141" spans="1:10" x14ac:dyDescent="0.35">
      <c r="A21141" s="1" t="s">
        <v>7256</v>
      </c>
      <c r="B21141" s="1" t="s">
        <v>75461</v>
      </c>
      <c r="C21141" s="1" t="s">
        <v>105</v>
      </c>
      <c r="D21141" s="1" t="s">
        <v>53370</v>
      </c>
      <c r="E21141" s="1" t="s">
        <v>75535</v>
      </c>
      <c r="F21141" s="1" t="s">
        <v>75536</v>
      </c>
      <c r="G21141" s="1" t="s">
        <v>75465</v>
      </c>
      <c r="H21141" s="1" t="s">
        <v>75466</v>
      </c>
      <c r="I21141" s="1" t="s">
        <v>75467</v>
      </c>
      <c r="J21141" s="1" t="s">
        <v>75537</v>
      </c>
    </row>
    <row r="21142" spans="1:10" x14ac:dyDescent="0.35">
      <c r="A21142" s="1" t="s">
        <v>7256</v>
      </c>
      <c r="B21142" s="1" t="s">
        <v>75461</v>
      </c>
      <c r="C21142" s="1" t="s">
        <v>110</v>
      </c>
      <c r="D21142" s="1" t="s">
        <v>75538</v>
      </c>
      <c r="E21142" s="1" t="s">
        <v>75539</v>
      </c>
      <c r="F21142" s="1" t="s">
        <v>75540</v>
      </c>
      <c r="G21142" s="1" t="s">
        <v>75465</v>
      </c>
      <c r="H21142" s="1" t="s">
        <v>75466</v>
      </c>
      <c r="I21142" s="1" t="s">
        <v>75467</v>
      </c>
      <c r="J21142" s="1" t="s">
        <v>75541</v>
      </c>
    </row>
    <row r="21143" spans="1:10" x14ac:dyDescent="0.35">
      <c r="A21143" s="1" t="s">
        <v>7256</v>
      </c>
      <c r="B21143" s="1" t="s">
        <v>75461</v>
      </c>
      <c r="C21143" s="1" t="s">
        <v>115</v>
      </c>
      <c r="D21143" s="1" t="s">
        <v>64544</v>
      </c>
      <c r="E21143" s="1" t="s">
        <v>75542</v>
      </c>
      <c r="F21143" s="1" t="s">
        <v>75543</v>
      </c>
      <c r="G21143" s="1" t="s">
        <v>75465</v>
      </c>
      <c r="H21143" s="1" t="s">
        <v>75466</v>
      </c>
      <c r="I21143" s="1" t="s">
        <v>75467</v>
      </c>
      <c r="J21143" s="1" t="s">
        <v>75544</v>
      </c>
    </row>
    <row r="21144" spans="1:10" x14ac:dyDescent="0.35">
      <c r="A21144" s="1" t="s">
        <v>7256</v>
      </c>
      <c r="B21144" s="1" t="s">
        <v>75461</v>
      </c>
      <c r="C21144" s="1" t="s">
        <v>120</v>
      </c>
      <c r="D21144" s="1" t="s">
        <v>75545</v>
      </c>
      <c r="E21144" s="1" t="s">
        <v>75546</v>
      </c>
      <c r="F21144" s="1" t="s">
        <v>75547</v>
      </c>
      <c r="G21144" s="1" t="s">
        <v>75465</v>
      </c>
      <c r="H21144" s="1" t="s">
        <v>75466</v>
      </c>
      <c r="I21144" s="1" t="s">
        <v>75467</v>
      </c>
      <c r="J21144" s="1" t="s">
        <v>75548</v>
      </c>
    </row>
    <row r="21145" spans="1:10" x14ac:dyDescent="0.35">
      <c r="A21145" s="1" t="s">
        <v>7256</v>
      </c>
      <c r="B21145" s="1" t="s">
        <v>75461</v>
      </c>
      <c r="C21145" s="1" t="s">
        <v>125</v>
      </c>
      <c r="D21145" s="1" t="s">
        <v>75549</v>
      </c>
      <c r="E21145" s="1" t="s">
        <v>75550</v>
      </c>
      <c r="F21145" s="1" t="s">
        <v>75551</v>
      </c>
      <c r="G21145" s="1" t="s">
        <v>75465</v>
      </c>
      <c r="H21145" s="1" t="s">
        <v>75466</v>
      </c>
      <c r="I21145" s="1" t="s">
        <v>75467</v>
      </c>
      <c r="J21145" s="1" t="s">
        <v>75552</v>
      </c>
    </row>
    <row r="21146" spans="1:10" x14ac:dyDescent="0.35">
      <c r="A21146" s="1" t="s">
        <v>7256</v>
      </c>
      <c r="B21146" s="1" t="s">
        <v>75461</v>
      </c>
      <c r="C21146" s="1" t="s">
        <v>130</v>
      </c>
      <c r="D21146" s="1" t="s">
        <v>66681</v>
      </c>
      <c r="E21146" s="1" t="s">
        <v>75553</v>
      </c>
      <c r="F21146" s="1" t="s">
        <v>75554</v>
      </c>
      <c r="G21146" s="1" t="s">
        <v>75465</v>
      </c>
      <c r="H21146" s="1" t="s">
        <v>75466</v>
      </c>
      <c r="I21146" s="1" t="s">
        <v>75467</v>
      </c>
      <c r="J21146" s="1" t="s">
        <v>75555</v>
      </c>
    </row>
    <row r="21147" spans="1:10" x14ac:dyDescent="0.35">
      <c r="A21147" s="1" t="s">
        <v>7256</v>
      </c>
      <c r="B21147" s="1" t="s">
        <v>75461</v>
      </c>
      <c r="C21147" s="1" t="s">
        <v>135</v>
      </c>
      <c r="D21147" s="1" t="s">
        <v>26429</v>
      </c>
      <c r="E21147" s="1" t="s">
        <v>75556</v>
      </c>
      <c r="F21147" s="1" t="s">
        <v>75557</v>
      </c>
      <c r="G21147" s="1" t="s">
        <v>75465</v>
      </c>
      <c r="H21147" s="1" t="s">
        <v>75466</v>
      </c>
      <c r="I21147" s="1" t="s">
        <v>75467</v>
      </c>
      <c r="J21147" s="1" t="s">
        <v>75558</v>
      </c>
    </row>
    <row r="21148" spans="1:10" x14ac:dyDescent="0.35">
      <c r="A21148" s="1" t="s">
        <v>7256</v>
      </c>
      <c r="B21148" s="1" t="s">
        <v>75461</v>
      </c>
      <c r="C21148" s="1" t="s">
        <v>140</v>
      </c>
      <c r="D21148" s="1" t="s">
        <v>75559</v>
      </c>
      <c r="E21148" s="1" t="s">
        <v>75560</v>
      </c>
      <c r="F21148" s="1" t="s">
        <v>75561</v>
      </c>
      <c r="G21148" s="1" t="s">
        <v>75465</v>
      </c>
      <c r="H21148" s="1" t="s">
        <v>75466</v>
      </c>
      <c r="I21148" s="1" t="s">
        <v>75467</v>
      </c>
      <c r="J21148" s="1" t="s">
        <v>75562</v>
      </c>
    </row>
    <row r="21149" spans="1:10" x14ac:dyDescent="0.35">
      <c r="A21149" s="1" t="s">
        <v>7256</v>
      </c>
      <c r="B21149" s="1" t="s">
        <v>75461</v>
      </c>
      <c r="C21149" s="1" t="s">
        <v>145</v>
      </c>
      <c r="D21149" s="1" t="s">
        <v>59924</v>
      </c>
      <c r="E21149" s="1" t="s">
        <v>75563</v>
      </c>
      <c r="F21149" s="1" t="s">
        <v>75564</v>
      </c>
      <c r="G21149" s="1" t="s">
        <v>75465</v>
      </c>
      <c r="H21149" s="1" t="s">
        <v>75466</v>
      </c>
      <c r="I21149" s="1" t="s">
        <v>75467</v>
      </c>
      <c r="J21149" s="1" t="s">
        <v>75565</v>
      </c>
    </row>
    <row r="21150" spans="1:10" x14ac:dyDescent="0.35">
      <c r="A21150" s="1" t="s">
        <v>7256</v>
      </c>
      <c r="B21150" s="1" t="s">
        <v>75461</v>
      </c>
      <c r="C21150" s="1" t="s">
        <v>150</v>
      </c>
      <c r="D21150" s="1" t="s">
        <v>75566</v>
      </c>
      <c r="E21150" s="1" t="s">
        <v>75567</v>
      </c>
      <c r="F21150" s="1" t="s">
        <v>75568</v>
      </c>
      <c r="G21150" s="1" t="s">
        <v>75465</v>
      </c>
      <c r="H21150" s="1" t="s">
        <v>75466</v>
      </c>
      <c r="I21150" s="1" t="s">
        <v>75467</v>
      </c>
      <c r="J21150" s="1" t="s">
        <v>75569</v>
      </c>
    </row>
    <row r="21151" spans="1:10" x14ac:dyDescent="0.35">
      <c r="A21151" s="1" t="s">
        <v>7256</v>
      </c>
      <c r="B21151" s="1" t="s">
        <v>75461</v>
      </c>
      <c r="C21151" s="1" t="s">
        <v>155</v>
      </c>
      <c r="D21151" s="1" t="s">
        <v>55224</v>
      </c>
      <c r="E21151" s="1" t="s">
        <v>75570</v>
      </c>
      <c r="F21151" s="1" t="s">
        <v>75571</v>
      </c>
      <c r="G21151" s="1" t="s">
        <v>75465</v>
      </c>
      <c r="H21151" s="1" t="s">
        <v>75466</v>
      </c>
      <c r="I21151" s="1" t="s">
        <v>75467</v>
      </c>
      <c r="J21151" s="1" t="s">
        <v>75572</v>
      </c>
    </row>
    <row r="21152" spans="1:10" x14ac:dyDescent="0.35">
      <c r="A21152" s="1" t="s">
        <v>7256</v>
      </c>
      <c r="B21152" s="1" t="s">
        <v>75461</v>
      </c>
      <c r="C21152" s="1" t="s">
        <v>160</v>
      </c>
      <c r="D21152" s="1" t="s">
        <v>53044</v>
      </c>
      <c r="E21152" s="1" t="s">
        <v>75573</v>
      </c>
      <c r="F21152" s="1" t="s">
        <v>75574</v>
      </c>
      <c r="G21152" s="1" t="s">
        <v>75465</v>
      </c>
      <c r="H21152" s="1" t="s">
        <v>75466</v>
      </c>
      <c r="I21152" s="1" t="s">
        <v>75467</v>
      </c>
      <c r="J21152" s="1" t="s">
        <v>75575</v>
      </c>
    </row>
    <row r="21153" spans="1:10" x14ac:dyDescent="0.35">
      <c r="A21153" s="1" t="s">
        <v>7256</v>
      </c>
      <c r="B21153" s="1" t="s">
        <v>75461</v>
      </c>
      <c r="C21153" s="1" t="s">
        <v>165</v>
      </c>
      <c r="D21153" s="1" t="s">
        <v>75576</v>
      </c>
      <c r="E21153" s="1" t="s">
        <v>75577</v>
      </c>
      <c r="F21153" s="1" t="s">
        <v>75578</v>
      </c>
      <c r="G21153" s="1" t="s">
        <v>75465</v>
      </c>
      <c r="H21153" s="1" t="s">
        <v>75466</v>
      </c>
      <c r="I21153" s="1" t="s">
        <v>75467</v>
      </c>
      <c r="J21153" s="1" t="s">
        <v>75579</v>
      </c>
    </row>
    <row r="21154" spans="1:10" x14ac:dyDescent="0.35">
      <c r="A21154" s="1" t="s">
        <v>7256</v>
      </c>
      <c r="B21154" s="1" t="s">
        <v>75461</v>
      </c>
      <c r="C21154" s="1" t="s">
        <v>170</v>
      </c>
      <c r="D21154" s="1" t="s">
        <v>15141</v>
      </c>
      <c r="E21154" s="1" t="s">
        <v>75580</v>
      </c>
      <c r="F21154" s="1" t="s">
        <v>75581</v>
      </c>
      <c r="G21154" s="1" t="s">
        <v>75465</v>
      </c>
      <c r="H21154" s="1" t="s">
        <v>75466</v>
      </c>
      <c r="I21154" s="1" t="s">
        <v>75467</v>
      </c>
      <c r="J21154" s="1" t="s">
        <v>75582</v>
      </c>
    </row>
    <row r="21155" spans="1:10" x14ac:dyDescent="0.35">
      <c r="A21155" s="1" t="s">
        <v>75583</v>
      </c>
      <c r="B21155" s="1" t="s">
        <v>75461</v>
      </c>
      <c r="C21155" s="1" t="s">
        <v>8</v>
      </c>
      <c r="D21155" s="1" t="s">
        <v>75584</v>
      </c>
      <c r="E21155" s="1" t="s">
        <v>75585</v>
      </c>
      <c r="F21155" s="1" t="s">
        <v>75586</v>
      </c>
      <c r="G21155" s="1" t="s">
        <v>75587</v>
      </c>
      <c r="H21155" s="1" t="s">
        <v>75588</v>
      </c>
      <c r="I21155" s="1" t="s">
        <v>75467</v>
      </c>
      <c r="J21155" s="1" t="s">
        <v>13</v>
      </c>
    </row>
    <row r="21156" spans="1:10" x14ac:dyDescent="0.35">
      <c r="A21156" s="1" t="s">
        <v>75583</v>
      </c>
      <c r="B21156" s="1" t="s">
        <v>75461</v>
      </c>
      <c r="C21156" s="1" t="s">
        <v>15</v>
      </c>
      <c r="D21156" s="1" t="s">
        <v>75589</v>
      </c>
      <c r="E21156" s="1" t="s">
        <v>75590</v>
      </c>
      <c r="F21156" s="1" t="s">
        <v>75591</v>
      </c>
      <c r="G21156" s="1" t="s">
        <v>75587</v>
      </c>
      <c r="H21156" s="1" t="s">
        <v>75588</v>
      </c>
      <c r="I21156" s="1" t="s">
        <v>75467</v>
      </c>
      <c r="J21156" s="1" t="s">
        <v>75592</v>
      </c>
    </row>
    <row r="21157" spans="1:10" x14ac:dyDescent="0.35">
      <c r="A21157" s="1" t="s">
        <v>75583</v>
      </c>
      <c r="B21157" s="1" t="s">
        <v>75461</v>
      </c>
      <c r="C21157" s="1" t="s">
        <v>20</v>
      </c>
      <c r="D21157" s="1" t="s">
        <v>75593</v>
      </c>
      <c r="E21157" s="1" t="s">
        <v>75594</v>
      </c>
      <c r="F21157" s="1" t="s">
        <v>75595</v>
      </c>
      <c r="G21157" s="1" t="s">
        <v>75587</v>
      </c>
      <c r="H21157" s="1" t="s">
        <v>75588</v>
      </c>
      <c r="I21157" s="1" t="s">
        <v>75467</v>
      </c>
      <c r="J21157" s="1" t="s">
        <v>75596</v>
      </c>
    </row>
    <row r="21158" spans="1:10" x14ac:dyDescent="0.35">
      <c r="A21158" s="1" t="s">
        <v>75583</v>
      </c>
      <c r="B21158" s="1" t="s">
        <v>75461</v>
      </c>
      <c r="C21158" s="1" t="s">
        <v>25</v>
      </c>
      <c r="D21158" s="1" t="s">
        <v>75597</v>
      </c>
      <c r="E21158" s="1" t="s">
        <v>75598</v>
      </c>
      <c r="F21158" s="1" t="s">
        <v>75599</v>
      </c>
      <c r="G21158" s="1" t="s">
        <v>75587</v>
      </c>
      <c r="H21158" s="1" t="s">
        <v>75588</v>
      </c>
      <c r="I21158" s="1" t="s">
        <v>75467</v>
      </c>
      <c r="J21158" s="1" t="s">
        <v>75600</v>
      </c>
    </row>
    <row r="21159" spans="1:10" x14ac:dyDescent="0.35">
      <c r="A21159" s="1" t="s">
        <v>75583</v>
      </c>
      <c r="B21159" s="1" t="s">
        <v>75461</v>
      </c>
      <c r="C21159" s="1" t="s">
        <v>30</v>
      </c>
      <c r="D21159" s="1" t="s">
        <v>56379</v>
      </c>
      <c r="E21159" s="1" t="s">
        <v>75601</v>
      </c>
      <c r="F21159" s="1" t="s">
        <v>75602</v>
      </c>
      <c r="G21159" s="1" t="s">
        <v>75587</v>
      </c>
      <c r="H21159" s="1" t="s">
        <v>75588</v>
      </c>
      <c r="I21159" s="1" t="s">
        <v>75467</v>
      </c>
      <c r="J21159" s="1" t="s">
        <v>75603</v>
      </c>
    </row>
    <row r="21160" spans="1:10" x14ac:dyDescent="0.35">
      <c r="A21160" s="1" t="s">
        <v>75583</v>
      </c>
      <c r="B21160" s="1" t="s">
        <v>75461</v>
      </c>
      <c r="C21160" s="1" t="s">
        <v>35</v>
      </c>
      <c r="D21160" s="1" t="s">
        <v>61274</v>
      </c>
      <c r="E21160" s="1" t="s">
        <v>75604</v>
      </c>
      <c r="F21160" s="1" t="s">
        <v>75605</v>
      </c>
      <c r="G21160" s="1" t="s">
        <v>75587</v>
      </c>
      <c r="H21160" s="1" t="s">
        <v>75588</v>
      </c>
      <c r="I21160" s="1" t="s">
        <v>75467</v>
      </c>
      <c r="J21160" s="1" t="s">
        <v>75606</v>
      </c>
    </row>
    <row r="21161" spans="1:10" x14ac:dyDescent="0.35">
      <c r="A21161" s="1" t="s">
        <v>75583</v>
      </c>
      <c r="B21161" s="1" t="s">
        <v>75461</v>
      </c>
      <c r="C21161" s="1" t="s">
        <v>40</v>
      </c>
      <c r="D21161" s="1" t="s">
        <v>69390</v>
      </c>
      <c r="E21161" s="1" t="s">
        <v>75607</v>
      </c>
      <c r="F21161" s="1" t="s">
        <v>75608</v>
      </c>
      <c r="G21161" s="1" t="s">
        <v>75587</v>
      </c>
      <c r="H21161" s="1" t="s">
        <v>75588</v>
      </c>
      <c r="I21161" s="1" t="s">
        <v>75467</v>
      </c>
      <c r="J21161" s="1" t="s">
        <v>75609</v>
      </c>
    </row>
    <row r="21162" spans="1:10" x14ac:dyDescent="0.35">
      <c r="A21162" s="1" t="s">
        <v>75583</v>
      </c>
      <c r="B21162" s="1" t="s">
        <v>75461</v>
      </c>
      <c r="C21162" s="1" t="s">
        <v>45</v>
      </c>
      <c r="D21162" s="1" t="s">
        <v>75610</v>
      </c>
      <c r="E21162" s="1" t="s">
        <v>75611</v>
      </c>
      <c r="F21162" s="1" t="s">
        <v>75612</v>
      </c>
      <c r="G21162" s="1" t="s">
        <v>75587</v>
      </c>
      <c r="H21162" s="1" t="s">
        <v>75588</v>
      </c>
      <c r="I21162" s="1" t="s">
        <v>75467</v>
      </c>
      <c r="J21162" s="1" t="s">
        <v>75613</v>
      </c>
    </row>
    <row r="21163" spans="1:10" x14ac:dyDescent="0.35">
      <c r="A21163" s="1" t="s">
        <v>75583</v>
      </c>
      <c r="B21163" s="1" t="s">
        <v>75461</v>
      </c>
      <c r="C21163" s="1" t="s">
        <v>50</v>
      </c>
      <c r="D21163" s="1" t="s">
        <v>75614</v>
      </c>
      <c r="E21163" s="1" t="s">
        <v>75615</v>
      </c>
      <c r="F21163" s="1" t="s">
        <v>75616</v>
      </c>
      <c r="G21163" s="1" t="s">
        <v>75587</v>
      </c>
      <c r="H21163" s="1" t="s">
        <v>75588</v>
      </c>
      <c r="I21163" s="1" t="s">
        <v>75467</v>
      </c>
      <c r="J21163" s="1" t="s">
        <v>75617</v>
      </c>
    </row>
    <row r="21164" spans="1:10" x14ac:dyDescent="0.35">
      <c r="A21164" s="1" t="s">
        <v>75583</v>
      </c>
      <c r="B21164" s="1" t="s">
        <v>75461</v>
      </c>
      <c r="C21164" s="1" t="s">
        <v>55</v>
      </c>
      <c r="D21164" s="1" t="s">
        <v>75618</v>
      </c>
      <c r="E21164" s="1" t="s">
        <v>75619</v>
      </c>
      <c r="F21164" s="1" t="s">
        <v>75620</v>
      </c>
      <c r="G21164" s="1" t="s">
        <v>75587</v>
      </c>
      <c r="H21164" s="1" t="s">
        <v>75588</v>
      </c>
      <c r="I21164" s="1" t="s">
        <v>75467</v>
      </c>
      <c r="J21164" s="1" t="s">
        <v>75621</v>
      </c>
    </row>
    <row r="21165" spans="1:10" x14ac:dyDescent="0.35">
      <c r="A21165" s="1" t="s">
        <v>75583</v>
      </c>
      <c r="B21165" s="1" t="s">
        <v>75461</v>
      </c>
      <c r="C21165" s="1" t="s">
        <v>60</v>
      </c>
      <c r="D21165" s="1" t="s">
        <v>36266</v>
      </c>
      <c r="E21165" s="1" t="s">
        <v>75622</v>
      </c>
      <c r="F21165" s="1" t="s">
        <v>75623</v>
      </c>
      <c r="G21165" s="1" t="s">
        <v>75587</v>
      </c>
      <c r="H21165" s="1" t="s">
        <v>75588</v>
      </c>
      <c r="I21165" s="1" t="s">
        <v>75467</v>
      </c>
      <c r="J21165" s="1" t="s">
        <v>75624</v>
      </c>
    </row>
    <row r="21166" spans="1:10" x14ac:dyDescent="0.35">
      <c r="A21166" s="1" t="s">
        <v>75583</v>
      </c>
      <c r="B21166" s="1" t="s">
        <v>75461</v>
      </c>
      <c r="C21166" s="1" t="s">
        <v>65</v>
      </c>
      <c r="D21166" s="1" t="s">
        <v>75625</v>
      </c>
      <c r="E21166" s="1" t="s">
        <v>75626</v>
      </c>
      <c r="F21166" s="1" t="s">
        <v>75627</v>
      </c>
      <c r="G21166" s="1" t="s">
        <v>75587</v>
      </c>
      <c r="H21166" s="1" t="s">
        <v>75588</v>
      </c>
      <c r="I21166" s="1" t="s">
        <v>75467</v>
      </c>
      <c r="J21166" s="1" t="s">
        <v>75628</v>
      </c>
    </row>
    <row r="21167" spans="1:10" x14ac:dyDescent="0.35">
      <c r="A21167" s="1" t="s">
        <v>75583</v>
      </c>
      <c r="B21167" s="1" t="s">
        <v>75461</v>
      </c>
      <c r="C21167" s="1" t="s">
        <v>70</v>
      </c>
      <c r="D21167" s="1" t="s">
        <v>75629</v>
      </c>
      <c r="E21167" s="1" t="s">
        <v>75630</v>
      </c>
      <c r="F21167" s="1" t="s">
        <v>75631</v>
      </c>
      <c r="G21167" s="1" t="s">
        <v>75587</v>
      </c>
      <c r="H21167" s="1" t="s">
        <v>75588</v>
      </c>
      <c r="I21167" s="1" t="s">
        <v>75467</v>
      </c>
      <c r="J21167" s="1" t="s">
        <v>75632</v>
      </c>
    </row>
    <row r="21168" spans="1:10" x14ac:dyDescent="0.35">
      <c r="A21168" s="1" t="s">
        <v>75583</v>
      </c>
      <c r="B21168" s="1" t="s">
        <v>75461</v>
      </c>
      <c r="C21168" s="1" t="s">
        <v>75</v>
      </c>
      <c r="D21168" s="1" t="s">
        <v>75633</v>
      </c>
      <c r="E21168" s="1" t="s">
        <v>75634</v>
      </c>
      <c r="F21168" s="1" t="s">
        <v>75635</v>
      </c>
      <c r="G21168" s="1" t="s">
        <v>75587</v>
      </c>
      <c r="H21168" s="1" t="s">
        <v>75588</v>
      </c>
      <c r="I21168" s="1" t="s">
        <v>75467</v>
      </c>
      <c r="J21168" s="1" t="s">
        <v>75636</v>
      </c>
    </row>
    <row r="21169" spans="1:10" x14ac:dyDescent="0.35">
      <c r="A21169" s="1" t="s">
        <v>75583</v>
      </c>
      <c r="B21169" s="1" t="s">
        <v>75461</v>
      </c>
      <c r="C21169" s="1" t="s">
        <v>80</v>
      </c>
      <c r="D21169" s="1" t="s">
        <v>52376</v>
      </c>
      <c r="E21169" s="1" t="s">
        <v>75637</v>
      </c>
      <c r="F21169" s="1" t="s">
        <v>75638</v>
      </c>
      <c r="G21169" s="1" t="s">
        <v>75587</v>
      </c>
      <c r="H21169" s="1" t="s">
        <v>75588</v>
      </c>
      <c r="I21169" s="1" t="s">
        <v>75467</v>
      </c>
      <c r="J21169" s="1" t="s">
        <v>75639</v>
      </c>
    </row>
    <row r="21170" spans="1:10" x14ac:dyDescent="0.35">
      <c r="A21170" s="1" t="s">
        <v>75583</v>
      </c>
      <c r="B21170" s="1" t="s">
        <v>75461</v>
      </c>
      <c r="C21170" s="1" t="s">
        <v>85</v>
      </c>
      <c r="D21170" s="1" t="s">
        <v>75640</v>
      </c>
      <c r="E21170" s="1" t="s">
        <v>75641</v>
      </c>
      <c r="F21170" s="1" t="s">
        <v>75642</v>
      </c>
      <c r="G21170" s="1" t="s">
        <v>75587</v>
      </c>
      <c r="H21170" s="1" t="s">
        <v>75588</v>
      </c>
      <c r="I21170" s="1" t="s">
        <v>75467</v>
      </c>
      <c r="J21170" s="1" t="s">
        <v>75643</v>
      </c>
    </row>
    <row r="21171" spans="1:10" x14ac:dyDescent="0.35">
      <c r="A21171" s="1" t="s">
        <v>75583</v>
      </c>
      <c r="B21171" s="1" t="s">
        <v>75461</v>
      </c>
      <c r="C21171" s="1" t="s">
        <v>90</v>
      </c>
      <c r="D21171" s="1" t="s">
        <v>55218</v>
      </c>
      <c r="E21171" s="1" t="s">
        <v>75644</v>
      </c>
      <c r="F21171" s="1" t="s">
        <v>75645</v>
      </c>
      <c r="G21171" s="1" t="s">
        <v>75587</v>
      </c>
      <c r="H21171" s="1" t="s">
        <v>75588</v>
      </c>
      <c r="I21171" s="1" t="s">
        <v>75467</v>
      </c>
      <c r="J21171" s="1" t="s">
        <v>75646</v>
      </c>
    </row>
    <row r="21172" spans="1:10" x14ac:dyDescent="0.35">
      <c r="A21172" s="1" t="s">
        <v>75583</v>
      </c>
      <c r="B21172" s="1" t="s">
        <v>75461</v>
      </c>
      <c r="C21172" s="1" t="s">
        <v>95</v>
      </c>
      <c r="D21172" s="1" t="s">
        <v>70524</v>
      </c>
      <c r="E21172" s="1" t="s">
        <v>75647</v>
      </c>
      <c r="F21172" s="1" t="s">
        <v>75648</v>
      </c>
      <c r="G21172" s="1" t="s">
        <v>75587</v>
      </c>
      <c r="H21172" s="1" t="s">
        <v>75588</v>
      </c>
      <c r="I21172" s="1" t="s">
        <v>75467</v>
      </c>
      <c r="J21172" s="1" t="s">
        <v>75649</v>
      </c>
    </row>
    <row r="21173" spans="1:10" x14ac:dyDescent="0.35">
      <c r="A21173" s="1" t="s">
        <v>75583</v>
      </c>
      <c r="B21173" s="1" t="s">
        <v>75461</v>
      </c>
      <c r="C21173" s="1" t="s">
        <v>100</v>
      </c>
      <c r="D21173" s="1" t="s">
        <v>75650</v>
      </c>
      <c r="E21173" s="1" t="s">
        <v>75651</v>
      </c>
      <c r="F21173" s="1" t="s">
        <v>75652</v>
      </c>
      <c r="G21173" s="1" t="s">
        <v>75587</v>
      </c>
      <c r="H21173" s="1" t="s">
        <v>75588</v>
      </c>
      <c r="I21173" s="1" t="s">
        <v>75467</v>
      </c>
      <c r="J21173" s="1" t="s">
        <v>75653</v>
      </c>
    </row>
    <row r="21174" spans="1:10" x14ac:dyDescent="0.35">
      <c r="A21174" s="1" t="s">
        <v>75583</v>
      </c>
      <c r="B21174" s="1" t="s">
        <v>75461</v>
      </c>
      <c r="C21174" s="1" t="s">
        <v>105</v>
      </c>
      <c r="D21174" s="1" t="s">
        <v>69321</v>
      </c>
      <c r="E21174" s="1" t="s">
        <v>75654</v>
      </c>
      <c r="F21174" s="1" t="s">
        <v>75655</v>
      </c>
      <c r="G21174" s="1" t="s">
        <v>75587</v>
      </c>
      <c r="H21174" s="1" t="s">
        <v>75588</v>
      </c>
      <c r="I21174" s="1" t="s">
        <v>75467</v>
      </c>
      <c r="J21174" s="1" t="s">
        <v>75656</v>
      </c>
    </row>
    <row r="21175" spans="1:10" x14ac:dyDescent="0.35">
      <c r="A21175" s="1" t="s">
        <v>75583</v>
      </c>
      <c r="B21175" s="1" t="s">
        <v>75461</v>
      </c>
      <c r="C21175" s="1" t="s">
        <v>110</v>
      </c>
      <c r="D21175" s="1" t="s">
        <v>75657</v>
      </c>
      <c r="E21175" s="1" t="s">
        <v>75658</v>
      </c>
      <c r="F21175" s="1" t="s">
        <v>75659</v>
      </c>
      <c r="G21175" s="1" t="s">
        <v>75587</v>
      </c>
      <c r="H21175" s="1" t="s">
        <v>75588</v>
      </c>
      <c r="I21175" s="1" t="s">
        <v>75467</v>
      </c>
      <c r="J21175" s="1" t="s">
        <v>75660</v>
      </c>
    </row>
    <row r="21176" spans="1:10" x14ac:dyDescent="0.35">
      <c r="A21176" s="1" t="s">
        <v>75583</v>
      </c>
      <c r="B21176" s="1" t="s">
        <v>75461</v>
      </c>
      <c r="C21176" s="1" t="s">
        <v>115</v>
      </c>
      <c r="D21176" s="1" t="s">
        <v>75661</v>
      </c>
      <c r="E21176" s="1" t="s">
        <v>75662</v>
      </c>
      <c r="F21176" s="1" t="s">
        <v>75663</v>
      </c>
      <c r="G21176" s="1" t="s">
        <v>75587</v>
      </c>
      <c r="H21176" s="1" t="s">
        <v>75588</v>
      </c>
      <c r="I21176" s="1" t="s">
        <v>75467</v>
      </c>
      <c r="J21176" s="1" t="s">
        <v>75664</v>
      </c>
    </row>
    <row r="21177" spans="1:10" x14ac:dyDescent="0.35">
      <c r="A21177" s="1" t="s">
        <v>75583</v>
      </c>
      <c r="B21177" s="1" t="s">
        <v>75461</v>
      </c>
      <c r="C21177" s="1" t="s">
        <v>120</v>
      </c>
      <c r="D21177" s="1" t="s">
        <v>20562</v>
      </c>
      <c r="E21177" s="1" t="s">
        <v>75665</v>
      </c>
      <c r="F21177" s="1" t="s">
        <v>75666</v>
      </c>
      <c r="G21177" s="1" t="s">
        <v>75587</v>
      </c>
      <c r="H21177" s="1" t="s">
        <v>75588</v>
      </c>
      <c r="I21177" s="1" t="s">
        <v>75467</v>
      </c>
      <c r="J21177" s="1" t="s">
        <v>75667</v>
      </c>
    </row>
    <row r="21178" spans="1:10" x14ac:dyDescent="0.35">
      <c r="A21178" s="1" t="s">
        <v>75583</v>
      </c>
      <c r="B21178" s="1" t="s">
        <v>75461</v>
      </c>
      <c r="C21178" s="1" t="s">
        <v>125</v>
      </c>
      <c r="D21178" s="1" t="s">
        <v>75668</v>
      </c>
      <c r="E21178" s="1" t="s">
        <v>75669</v>
      </c>
      <c r="F21178" s="1" t="s">
        <v>75670</v>
      </c>
      <c r="G21178" s="1" t="s">
        <v>75587</v>
      </c>
      <c r="H21178" s="1" t="s">
        <v>75588</v>
      </c>
      <c r="I21178" s="1" t="s">
        <v>75467</v>
      </c>
      <c r="J21178" s="1" t="s">
        <v>75671</v>
      </c>
    </row>
    <row r="21179" spans="1:10" x14ac:dyDescent="0.35">
      <c r="A21179" s="1" t="s">
        <v>75583</v>
      </c>
      <c r="B21179" s="1" t="s">
        <v>75461</v>
      </c>
      <c r="C21179" s="1" t="s">
        <v>130</v>
      </c>
      <c r="D21179" s="1" t="s">
        <v>75672</v>
      </c>
      <c r="E21179" s="1" t="s">
        <v>75673</v>
      </c>
      <c r="F21179" s="1" t="s">
        <v>75674</v>
      </c>
      <c r="G21179" s="1" t="s">
        <v>75587</v>
      </c>
      <c r="H21179" s="1" t="s">
        <v>75588</v>
      </c>
      <c r="I21179" s="1" t="s">
        <v>75467</v>
      </c>
      <c r="J21179" s="1" t="s">
        <v>75675</v>
      </c>
    </row>
    <row r="21180" spans="1:10" x14ac:dyDescent="0.35">
      <c r="A21180" s="1" t="s">
        <v>75583</v>
      </c>
      <c r="B21180" s="1" t="s">
        <v>75461</v>
      </c>
      <c r="C21180" s="1" t="s">
        <v>135</v>
      </c>
      <c r="D21180" s="1" t="s">
        <v>59540</v>
      </c>
      <c r="E21180" s="1" t="s">
        <v>75676</v>
      </c>
      <c r="F21180" s="1" t="s">
        <v>75677</v>
      </c>
      <c r="G21180" s="1" t="s">
        <v>75587</v>
      </c>
      <c r="H21180" s="1" t="s">
        <v>75588</v>
      </c>
      <c r="I21180" s="1" t="s">
        <v>75467</v>
      </c>
      <c r="J21180" s="1" t="s">
        <v>75678</v>
      </c>
    </row>
    <row r="21181" spans="1:10" x14ac:dyDescent="0.35">
      <c r="A21181" s="1" t="s">
        <v>75583</v>
      </c>
      <c r="B21181" s="1" t="s">
        <v>75461</v>
      </c>
      <c r="C21181" s="1" t="s">
        <v>140</v>
      </c>
      <c r="D21181" s="1" t="s">
        <v>75679</v>
      </c>
      <c r="E21181" s="1" t="s">
        <v>75680</v>
      </c>
      <c r="F21181" s="1" t="s">
        <v>75681</v>
      </c>
      <c r="G21181" s="1" t="s">
        <v>75587</v>
      </c>
      <c r="H21181" s="1" t="s">
        <v>75588</v>
      </c>
      <c r="I21181" s="1" t="s">
        <v>75467</v>
      </c>
      <c r="J21181" s="1" t="s">
        <v>75682</v>
      </c>
    </row>
    <row r="21182" spans="1:10" x14ac:dyDescent="0.35">
      <c r="A21182" s="1" t="s">
        <v>75583</v>
      </c>
      <c r="B21182" s="1" t="s">
        <v>75461</v>
      </c>
      <c r="C21182" s="1" t="s">
        <v>145</v>
      </c>
      <c r="D21182" s="1" t="s">
        <v>54812</v>
      </c>
      <c r="E21182" s="1" t="s">
        <v>75683</v>
      </c>
      <c r="F21182" s="1" t="s">
        <v>75684</v>
      </c>
      <c r="G21182" s="1" t="s">
        <v>75587</v>
      </c>
      <c r="H21182" s="1" t="s">
        <v>75588</v>
      </c>
      <c r="I21182" s="1" t="s">
        <v>75467</v>
      </c>
      <c r="J21182" s="1" t="s">
        <v>75685</v>
      </c>
    </row>
    <row r="21183" spans="1:10" x14ac:dyDescent="0.35">
      <c r="A21183" s="1" t="s">
        <v>75583</v>
      </c>
      <c r="B21183" s="1" t="s">
        <v>75461</v>
      </c>
      <c r="C21183" s="1" t="s">
        <v>150</v>
      </c>
      <c r="D21183" s="1" t="s">
        <v>75686</v>
      </c>
      <c r="E21183" s="1" t="s">
        <v>75687</v>
      </c>
      <c r="F21183" s="1" t="s">
        <v>75688</v>
      </c>
      <c r="G21183" s="1" t="s">
        <v>75587</v>
      </c>
      <c r="H21183" s="1" t="s">
        <v>75588</v>
      </c>
      <c r="I21183" s="1" t="s">
        <v>75467</v>
      </c>
      <c r="J21183" s="1" t="s">
        <v>75689</v>
      </c>
    </row>
    <row r="21184" spans="1:10" x14ac:dyDescent="0.35">
      <c r="A21184" s="1" t="s">
        <v>75583</v>
      </c>
      <c r="B21184" s="1" t="s">
        <v>75461</v>
      </c>
      <c r="C21184" s="1" t="s">
        <v>155</v>
      </c>
      <c r="D21184" s="1" t="s">
        <v>75690</v>
      </c>
      <c r="E21184" s="1" t="s">
        <v>75691</v>
      </c>
      <c r="F21184" s="1" t="s">
        <v>75692</v>
      </c>
      <c r="G21184" s="1" t="s">
        <v>75587</v>
      </c>
      <c r="H21184" s="1" t="s">
        <v>75588</v>
      </c>
      <c r="I21184" s="1" t="s">
        <v>75467</v>
      </c>
      <c r="J21184" s="1" t="s">
        <v>75693</v>
      </c>
    </row>
    <row r="21185" spans="1:10" x14ac:dyDescent="0.35">
      <c r="A21185" s="1" t="s">
        <v>75583</v>
      </c>
      <c r="B21185" s="1" t="s">
        <v>75461</v>
      </c>
      <c r="C21185" s="1" t="s">
        <v>160</v>
      </c>
      <c r="D21185" s="1" t="s">
        <v>75694</v>
      </c>
      <c r="E21185" s="1" t="s">
        <v>75695</v>
      </c>
      <c r="F21185" s="1" t="s">
        <v>75696</v>
      </c>
      <c r="G21185" s="1" t="s">
        <v>75587</v>
      </c>
      <c r="H21185" s="1" t="s">
        <v>75588</v>
      </c>
      <c r="I21185" s="1" t="s">
        <v>75467</v>
      </c>
      <c r="J21185" s="1" t="s">
        <v>75697</v>
      </c>
    </row>
    <row r="21186" spans="1:10" x14ac:dyDescent="0.35">
      <c r="A21186" s="1" t="s">
        <v>75583</v>
      </c>
      <c r="B21186" s="1" t="s">
        <v>75461</v>
      </c>
      <c r="C21186" s="1" t="s">
        <v>165</v>
      </c>
      <c r="D21186" s="1" t="s">
        <v>75698</v>
      </c>
      <c r="E21186" s="1" t="s">
        <v>75699</v>
      </c>
      <c r="F21186" s="1" t="s">
        <v>75700</v>
      </c>
      <c r="G21186" s="1" t="s">
        <v>75587</v>
      </c>
      <c r="H21186" s="1" t="s">
        <v>75588</v>
      </c>
      <c r="I21186" s="1" t="s">
        <v>75467</v>
      </c>
      <c r="J21186" s="1" t="s">
        <v>75701</v>
      </c>
    </row>
    <row r="21187" spans="1:10" x14ac:dyDescent="0.35">
      <c r="A21187" s="1" t="s">
        <v>75583</v>
      </c>
      <c r="B21187" s="1" t="s">
        <v>75461</v>
      </c>
      <c r="C21187" s="1" t="s">
        <v>170</v>
      </c>
      <c r="D21187" s="1" t="s">
        <v>75702</v>
      </c>
      <c r="E21187" s="1" t="s">
        <v>75703</v>
      </c>
      <c r="F21187" s="1" t="s">
        <v>75704</v>
      </c>
      <c r="G21187" s="1" t="s">
        <v>75587</v>
      </c>
      <c r="H21187" s="1" t="s">
        <v>75588</v>
      </c>
      <c r="I21187" s="1" t="s">
        <v>75467</v>
      </c>
      <c r="J21187" s="1" t="s">
        <v>75705</v>
      </c>
    </row>
    <row r="21188" spans="1:10" x14ac:dyDescent="0.35">
      <c r="A21188" s="1" t="s">
        <v>1926</v>
      </c>
      <c r="B21188" s="1" t="s">
        <v>75461</v>
      </c>
      <c r="C21188" s="1" t="s">
        <v>8</v>
      </c>
      <c r="D21188" s="1" t="s">
        <v>75706</v>
      </c>
      <c r="E21188" s="1" t="s">
        <v>75707</v>
      </c>
      <c r="F21188" s="1" t="s">
        <v>75708</v>
      </c>
      <c r="G21188" s="1" t="s">
        <v>75709</v>
      </c>
      <c r="H21188" s="1" t="s">
        <v>75710</v>
      </c>
      <c r="I21188" s="1" t="s">
        <v>75467</v>
      </c>
      <c r="J21188" s="1" t="s">
        <v>13</v>
      </c>
    </row>
    <row r="21189" spans="1:10" x14ac:dyDescent="0.35">
      <c r="A21189" s="1" t="s">
        <v>1926</v>
      </c>
      <c r="B21189" s="1" t="s">
        <v>75461</v>
      </c>
      <c r="C21189" s="1" t="s">
        <v>15</v>
      </c>
      <c r="D21189" s="1" t="s">
        <v>75711</v>
      </c>
      <c r="E21189" s="1" t="s">
        <v>75712</v>
      </c>
      <c r="F21189" s="1" t="s">
        <v>75713</v>
      </c>
      <c r="G21189" s="1" t="s">
        <v>75709</v>
      </c>
      <c r="H21189" s="1" t="s">
        <v>75710</v>
      </c>
      <c r="I21189" s="1" t="s">
        <v>75467</v>
      </c>
      <c r="J21189" s="1" t="s">
        <v>75714</v>
      </c>
    </row>
    <row r="21190" spans="1:10" x14ac:dyDescent="0.35">
      <c r="A21190" s="1" t="s">
        <v>1926</v>
      </c>
      <c r="B21190" s="1" t="s">
        <v>75461</v>
      </c>
      <c r="C21190" s="1" t="s">
        <v>20</v>
      </c>
      <c r="D21190" s="1" t="s">
        <v>15120</v>
      </c>
      <c r="E21190" s="1" t="s">
        <v>75715</v>
      </c>
      <c r="F21190" s="1" t="s">
        <v>75716</v>
      </c>
      <c r="G21190" s="1" t="s">
        <v>75709</v>
      </c>
      <c r="H21190" s="1" t="s">
        <v>75710</v>
      </c>
      <c r="I21190" s="1" t="s">
        <v>75467</v>
      </c>
      <c r="J21190" s="1" t="s">
        <v>75717</v>
      </c>
    </row>
    <row r="21191" spans="1:10" x14ac:dyDescent="0.35">
      <c r="A21191" s="1" t="s">
        <v>1926</v>
      </c>
      <c r="B21191" s="1" t="s">
        <v>75461</v>
      </c>
      <c r="C21191" s="1" t="s">
        <v>25</v>
      </c>
      <c r="D21191" s="1" t="s">
        <v>75718</v>
      </c>
      <c r="E21191" s="1" t="s">
        <v>75719</v>
      </c>
      <c r="F21191" s="1" t="s">
        <v>75720</v>
      </c>
      <c r="G21191" s="1" t="s">
        <v>75709</v>
      </c>
      <c r="H21191" s="1" t="s">
        <v>75710</v>
      </c>
      <c r="I21191" s="1" t="s">
        <v>75467</v>
      </c>
      <c r="J21191" s="1" t="s">
        <v>75721</v>
      </c>
    </row>
    <row r="21192" spans="1:10" x14ac:dyDescent="0.35">
      <c r="A21192" s="1" t="s">
        <v>1926</v>
      </c>
      <c r="B21192" s="1" t="s">
        <v>75461</v>
      </c>
      <c r="C21192" s="1" t="s">
        <v>30</v>
      </c>
      <c r="D21192" s="1" t="s">
        <v>75722</v>
      </c>
      <c r="E21192" s="1" t="s">
        <v>75723</v>
      </c>
      <c r="F21192" s="1" t="s">
        <v>75724</v>
      </c>
      <c r="G21192" s="1" t="s">
        <v>75709</v>
      </c>
      <c r="H21192" s="1" t="s">
        <v>75710</v>
      </c>
      <c r="I21192" s="1" t="s">
        <v>75467</v>
      </c>
      <c r="J21192" s="1" t="s">
        <v>75725</v>
      </c>
    </row>
    <row r="21193" spans="1:10" x14ac:dyDescent="0.35">
      <c r="A21193" s="1" t="s">
        <v>1926</v>
      </c>
      <c r="B21193" s="1" t="s">
        <v>75461</v>
      </c>
      <c r="C21193" s="1" t="s">
        <v>35</v>
      </c>
      <c r="D21193" s="1" t="s">
        <v>75726</v>
      </c>
      <c r="E21193" s="1" t="s">
        <v>75727</v>
      </c>
      <c r="F21193" s="1" t="s">
        <v>75728</v>
      </c>
      <c r="G21193" s="1" t="s">
        <v>75709</v>
      </c>
      <c r="H21193" s="1" t="s">
        <v>75710</v>
      </c>
      <c r="I21193" s="1" t="s">
        <v>75467</v>
      </c>
      <c r="J21193" s="1" t="s">
        <v>75729</v>
      </c>
    </row>
    <row r="21194" spans="1:10" x14ac:dyDescent="0.35">
      <c r="A21194" s="1" t="s">
        <v>1926</v>
      </c>
      <c r="B21194" s="1" t="s">
        <v>75461</v>
      </c>
      <c r="C21194" s="1" t="s">
        <v>40</v>
      </c>
      <c r="D21194" s="1" t="s">
        <v>53620</v>
      </c>
      <c r="E21194" s="1" t="s">
        <v>75730</v>
      </c>
      <c r="F21194" s="1" t="s">
        <v>75731</v>
      </c>
      <c r="G21194" s="1" t="s">
        <v>75709</v>
      </c>
      <c r="H21194" s="1" t="s">
        <v>75710</v>
      </c>
      <c r="I21194" s="1" t="s">
        <v>75467</v>
      </c>
      <c r="J21194" s="1" t="s">
        <v>75732</v>
      </c>
    </row>
    <row r="21195" spans="1:10" x14ac:dyDescent="0.35">
      <c r="A21195" s="1" t="s">
        <v>1926</v>
      </c>
      <c r="B21195" s="1" t="s">
        <v>75461</v>
      </c>
      <c r="C21195" s="1" t="s">
        <v>45</v>
      </c>
      <c r="D21195" s="1" t="s">
        <v>67987</v>
      </c>
      <c r="E21195" s="1" t="s">
        <v>75733</v>
      </c>
      <c r="F21195" s="1" t="s">
        <v>75734</v>
      </c>
      <c r="G21195" s="1" t="s">
        <v>75709</v>
      </c>
      <c r="H21195" s="1" t="s">
        <v>75710</v>
      </c>
      <c r="I21195" s="1" t="s">
        <v>75467</v>
      </c>
      <c r="J21195" s="1" t="s">
        <v>75735</v>
      </c>
    </row>
    <row r="21196" spans="1:10" x14ac:dyDescent="0.35">
      <c r="A21196" s="1" t="s">
        <v>1926</v>
      </c>
      <c r="B21196" s="1" t="s">
        <v>75461</v>
      </c>
      <c r="C21196" s="1" t="s">
        <v>50</v>
      </c>
      <c r="D21196" s="1" t="s">
        <v>57743</v>
      </c>
      <c r="E21196" s="1" t="s">
        <v>75736</v>
      </c>
      <c r="F21196" s="1" t="s">
        <v>75737</v>
      </c>
      <c r="G21196" s="1" t="s">
        <v>75709</v>
      </c>
      <c r="H21196" s="1" t="s">
        <v>75710</v>
      </c>
      <c r="I21196" s="1" t="s">
        <v>75467</v>
      </c>
      <c r="J21196" s="1" t="s">
        <v>75738</v>
      </c>
    </row>
    <row r="21197" spans="1:10" x14ac:dyDescent="0.35">
      <c r="A21197" s="1" t="s">
        <v>1926</v>
      </c>
      <c r="B21197" s="1" t="s">
        <v>75461</v>
      </c>
      <c r="C21197" s="1" t="s">
        <v>55</v>
      </c>
      <c r="D21197" s="1" t="s">
        <v>75739</v>
      </c>
      <c r="E21197" s="1" t="s">
        <v>75740</v>
      </c>
      <c r="F21197" s="1" t="s">
        <v>75741</v>
      </c>
      <c r="G21197" s="1" t="s">
        <v>75709</v>
      </c>
      <c r="H21197" s="1" t="s">
        <v>75710</v>
      </c>
      <c r="I21197" s="1" t="s">
        <v>75467</v>
      </c>
      <c r="J21197" s="1" t="s">
        <v>75742</v>
      </c>
    </row>
    <row r="21198" spans="1:10" x14ac:dyDescent="0.35">
      <c r="A21198" s="1" t="s">
        <v>1926</v>
      </c>
      <c r="B21198" s="1" t="s">
        <v>75461</v>
      </c>
      <c r="C21198" s="1" t="s">
        <v>60</v>
      </c>
      <c r="D21198" s="1" t="s">
        <v>53658</v>
      </c>
      <c r="E21198" s="1" t="s">
        <v>75743</v>
      </c>
      <c r="F21198" s="1" t="s">
        <v>75744</v>
      </c>
      <c r="G21198" s="1" t="s">
        <v>75709</v>
      </c>
      <c r="H21198" s="1" t="s">
        <v>75710</v>
      </c>
      <c r="I21198" s="1" t="s">
        <v>75467</v>
      </c>
      <c r="J21198" s="1" t="s">
        <v>75745</v>
      </c>
    </row>
    <row r="21199" spans="1:10" x14ac:dyDescent="0.35">
      <c r="A21199" s="1" t="s">
        <v>1926</v>
      </c>
      <c r="B21199" s="1" t="s">
        <v>75461</v>
      </c>
      <c r="C21199" s="1" t="s">
        <v>65</v>
      </c>
      <c r="D21199" s="1" t="s">
        <v>63185</v>
      </c>
      <c r="E21199" s="1" t="s">
        <v>75746</v>
      </c>
      <c r="F21199" s="1" t="s">
        <v>75747</v>
      </c>
      <c r="G21199" s="1" t="s">
        <v>75709</v>
      </c>
      <c r="H21199" s="1" t="s">
        <v>75710</v>
      </c>
      <c r="I21199" s="1" t="s">
        <v>75467</v>
      </c>
      <c r="J21199" s="1" t="s">
        <v>75748</v>
      </c>
    </row>
    <row r="21200" spans="1:10" x14ac:dyDescent="0.35">
      <c r="A21200" s="1" t="s">
        <v>1926</v>
      </c>
      <c r="B21200" s="1" t="s">
        <v>75461</v>
      </c>
      <c r="C21200" s="1" t="s">
        <v>70</v>
      </c>
      <c r="D21200" s="1" t="s">
        <v>59020</v>
      </c>
      <c r="E21200" s="1" t="s">
        <v>75749</v>
      </c>
      <c r="F21200" s="1" t="s">
        <v>75750</v>
      </c>
      <c r="G21200" s="1" t="s">
        <v>75709</v>
      </c>
      <c r="H21200" s="1" t="s">
        <v>75710</v>
      </c>
      <c r="I21200" s="1" t="s">
        <v>75467</v>
      </c>
      <c r="J21200" s="1" t="s">
        <v>75751</v>
      </c>
    </row>
    <row r="21201" spans="1:10" x14ac:dyDescent="0.35">
      <c r="A21201" s="1" t="s">
        <v>1926</v>
      </c>
      <c r="B21201" s="1" t="s">
        <v>75461</v>
      </c>
      <c r="C21201" s="1" t="s">
        <v>75</v>
      </c>
      <c r="D21201" s="1" t="s">
        <v>75752</v>
      </c>
      <c r="E21201" s="1" t="s">
        <v>75753</v>
      </c>
      <c r="F21201" s="1" t="s">
        <v>75754</v>
      </c>
      <c r="G21201" s="1" t="s">
        <v>75709</v>
      </c>
      <c r="H21201" s="1" t="s">
        <v>75710</v>
      </c>
      <c r="I21201" s="1" t="s">
        <v>75467</v>
      </c>
      <c r="J21201" s="1" t="s">
        <v>75755</v>
      </c>
    </row>
    <row r="21202" spans="1:10" x14ac:dyDescent="0.35">
      <c r="A21202" s="1" t="s">
        <v>1926</v>
      </c>
      <c r="B21202" s="1" t="s">
        <v>75461</v>
      </c>
      <c r="C21202" s="1" t="s">
        <v>80</v>
      </c>
      <c r="D21202" s="1" t="s">
        <v>75756</v>
      </c>
      <c r="E21202" s="1" t="s">
        <v>75757</v>
      </c>
      <c r="F21202" s="1" t="s">
        <v>75758</v>
      </c>
      <c r="G21202" s="1" t="s">
        <v>75709</v>
      </c>
      <c r="H21202" s="1" t="s">
        <v>75710</v>
      </c>
      <c r="I21202" s="1" t="s">
        <v>75467</v>
      </c>
      <c r="J21202" s="1" t="s">
        <v>75759</v>
      </c>
    </row>
    <row r="21203" spans="1:10" x14ac:dyDescent="0.35">
      <c r="A21203" s="1" t="s">
        <v>1926</v>
      </c>
      <c r="B21203" s="1" t="s">
        <v>75461</v>
      </c>
      <c r="C21203" s="1" t="s">
        <v>85</v>
      </c>
      <c r="D21203" s="1" t="s">
        <v>60619</v>
      </c>
      <c r="E21203" s="1" t="s">
        <v>75760</v>
      </c>
      <c r="F21203" s="1" t="s">
        <v>75761</v>
      </c>
      <c r="G21203" s="1" t="s">
        <v>75709</v>
      </c>
      <c r="H21203" s="1" t="s">
        <v>75710</v>
      </c>
      <c r="I21203" s="1" t="s">
        <v>75467</v>
      </c>
      <c r="J21203" s="1" t="s">
        <v>75762</v>
      </c>
    </row>
    <row r="21204" spans="1:10" x14ac:dyDescent="0.35">
      <c r="A21204" s="1" t="s">
        <v>1926</v>
      </c>
      <c r="B21204" s="1" t="s">
        <v>75461</v>
      </c>
      <c r="C21204" s="1" t="s">
        <v>90</v>
      </c>
      <c r="D21204" s="1" t="s">
        <v>75763</v>
      </c>
      <c r="E21204" s="1" t="s">
        <v>75764</v>
      </c>
      <c r="F21204" s="1" t="s">
        <v>75765</v>
      </c>
      <c r="G21204" s="1" t="s">
        <v>75709</v>
      </c>
      <c r="H21204" s="1" t="s">
        <v>75710</v>
      </c>
      <c r="I21204" s="1" t="s">
        <v>75467</v>
      </c>
      <c r="J21204" s="1" t="s">
        <v>75766</v>
      </c>
    </row>
    <row r="21205" spans="1:10" x14ac:dyDescent="0.35">
      <c r="A21205" s="1" t="s">
        <v>1926</v>
      </c>
      <c r="B21205" s="1" t="s">
        <v>75461</v>
      </c>
      <c r="C21205" s="1" t="s">
        <v>95</v>
      </c>
      <c r="D21205" s="1" t="s">
        <v>75767</v>
      </c>
      <c r="E21205" s="1" t="s">
        <v>75768</v>
      </c>
      <c r="F21205" s="1" t="s">
        <v>75769</v>
      </c>
      <c r="G21205" s="1" t="s">
        <v>75709</v>
      </c>
      <c r="H21205" s="1" t="s">
        <v>75710</v>
      </c>
      <c r="I21205" s="1" t="s">
        <v>75467</v>
      </c>
      <c r="J21205" s="1" t="s">
        <v>75770</v>
      </c>
    </row>
    <row r="21206" spans="1:10" x14ac:dyDescent="0.35">
      <c r="A21206" s="1" t="s">
        <v>1926</v>
      </c>
      <c r="B21206" s="1" t="s">
        <v>75461</v>
      </c>
      <c r="C21206" s="1" t="s">
        <v>100</v>
      </c>
      <c r="D21206" s="1" t="s">
        <v>75771</v>
      </c>
      <c r="E21206" s="1" t="s">
        <v>75772</v>
      </c>
      <c r="F21206" s="1" t="s">
        <v>75773</v>
      </c>
      <c r="G21206" s="1" t="s">
        <v>75709</v>
      </c>
      <c r="H21206" s="1" t="s">
        <v>75710</v>
      </c>
      <c r="I21206" s="1" t="s">
        <v>75467</v>
      </c>
      <c r="J21206" s="1" t="s">
        <v>75774</v>
      </c>
    </row>
    <row r="21207" spans="1:10" x14ac:dyDescent="0.35">
      <c r="A21207" s="1" t="s">
        <v>1926</v>
      </c>
      <c r="B21207" s="1" t="s">
        <v>75461</v>
      </c>
      <c r="C21207" s="1" t="s">
        <v>105</v>
      </c>
      <c r="D21207" s="1" t="s">
        <v>75775</v>
      </c>
      <c r="E21207" s="1" t="s">
        <v>75776</v>
      </c>
      <c r="F21207" s="1" t="s">
        <v>75777</v>
      </c>
      <c r="G21207" s="1" t="s">
        <v>75709</v>
      </c>
      <c r="H21207" s="1" t="s">
        <v>75710</v>
      </c>
      <c r="I21207" s="1" t="s">
        <v>75467</v>
      </c>
      <c r="J21207" s="1" t="s">
        <v>75778</v>
      </c>
    </row>
    <row r="21208" spans="1:10" x14ac:dyDescent="0.35">
      <c r="A21208" s="1" t="s">
        <v>1926</v>
      </c>
      <c r="B21208" s="1" t="s">
        <v>75461</v>
      </c>
      <c r="C21208" s="1" t="s">
        <v>110</v>
      </c>
      <c r="D21208" s="1" t="s">
        <v>75779</v>
      </c>
      <c r="E21208" s="1" t="s">
        <v>75780</v>
      </c>
      <c r="F21208" s="1" t="s">
        <v>75781</v>
      </c>
      <c r="G21208" s="1" t="s">
        <v>75709</v>
      </c>
      <c r="H21208" s="1" t="s">
        <v>75710</v>
      </c>
      <c r="I21208" s="1" t="s">
        <v>75467</v>
      </c>
      <c r="J21208" s="1" t="s">
        <v>75782</v>
      </c>
    </row>
    <row r="21209" spans="1:10" x14ac:dyDescent="0.35">
      <c r="A21209" s="1" t="s">
        <v>1926</v>
      </c>
      <c r="B21209" s="1" t="s">
        <v>75461</v>
      </c>
      <c r="C21209" s="1" t="s">
        <v>115</v>
      </c>
      <c r="D21209" s="1" t="s">
        <v>75783</v>
      </c>
      <c r="E21209" s="1" t="s">
        <v>75784</v>
      </c>
      <c r="F21209" s="1" t="s">
        <v>75785</v>
      </c>
      <c r="G21209" s="1" t="s">
        <v>75709</v>
      </c>
      <c r="H21209" s="1" t="s">
        <v>75710</v>
      </c>
      <c r="I21209" s="1" t="s">
        <v>75467</v>
      </c>
      <c r="J21209" s="1" t="s">
        <v>75786</v>
      </c>
    </row>
    <row r="21210" spans="1:10" x14ac:dyDescent="0.35">
      <c r="A21210" s="1" t="s">
        <v>1926</v>
      </c>
      <c r="B21210" s="1" t="s">
        <v>75461</v>
      </c>
      <c r="C21210" s="1" t="s">
        <v>120</v>
      </c>
      <c r="D21210" s="1" t="s">
        <v>75787</v>
      </c>
      <c r="E21210" s="1" t="s">
        <v>75788</v>
      </c>
      <c r="F21210" s="1" t="s">
        <v>75789</v>
      </c>
      <c r="G21210" s="1" t="s">
        <v>75709</v>
      </c>
      <c r="H21210" s="1" t="s">
        <v>75710</v>
      </c>
      <c r="I21210" s="1" t="s">
        <v>75467</v>
      </c>
      <c r="J21210" s="1" t="s">
        <v>75790</v>
      </c>
    </row>
    <row r="21211" spans="1:10" x14ac:dyDescent="0.35">
      <c r="A21211" s="1" t="s">
        <v>1926</v>
      </c>
      <c r="B21211" s="1" t="s">
        <v>75461</v>
      </c>
      <c r="C21211" s="1" t="s">
        <v>125</v>
      </c>
      <c r="D21211" s="1" t="s">
        <v>75791</v>
      </c>
      <c r="E21211" s="1" t="s">
        <v>75792</v>
      </c>
      <c r="F21211" s="1" t="s">
        <v>75793</v>
      </c>
      <c r="G21211" s="1" t="s">
        <v>75709</v>
      </c>
      <c r="H21211" s="1" t="s">
        <v>75710</v>
      </c>
      <c r="I21211" s="1" t="s">
        <v>75467</v>
      </c>
      <c r="J21211" s="1" t="s">
        <v>75794</v>
      </c>
    </row>
    <row r="21212" spans="1:10" x14ac:dyDescent="0.35">
      <c r="A21212" s="1" t="s">
        <v>1926</v>
      </c>
      <c r="B21212" s="1" t="s">
        <v>75461</v>
      </c>
      <c r="C21212" s="1" t="s">
        <v>130</v>
      </c>
      <c r="D21212" s="1" t="s">
        <v>75795</v>
      </c>
      <c r="E21212" s="1" t="s">
        <v>75796</v>
      </c>
      <c r="F21212" s="1" t="s">
        <v>75797</v>
      </c>
      <c r="G21212" s="1" t="s">
        <v>75709</v>
      </c>
      <c r="H21212" s="1" t="s">
        <v>75710</v>
      </c>
      <c r="I21212" s="1" t="s">
        <v>75467</v>
      </c>
      <c r="J21212" s="1" t="s">
        <v>75798</v>
      </c>
    </row>
    <row r="21213" spans="1:10" x14ac:dyDescent="0.35">
      <c r="A21213" s="1" t="s">
        <v>1926</v>
      </c>
      <c r="B21213" s="1" t="s">
        <v>75461</v>
      </c>
      <c r="C21213" s="1" t="s">
        <v>135</v>
      </c>
      <c r="D21213" s="1" t="s">
        <v>43122</v>
      </c>
      <c r="E21213" s="1" t="s">
        <v>75799</v>
      </c>
      <c r="F21213" s="1" t="s">
        <v>75800</v>
      </c>
      <c r="G21213" s="1" t="s">
        <v>75709</v>
      </c>
      <c r="H21213" s="1" t="s">
        <v>75710</v>
      </c>
      <c r="I21213" s="1" t="s">
        <v>75467</v>
      </c>
      <c r="J21213" s="1" t="s">
        <v>75801</v>
      </c>
    </row>
    <row r="21214" spans="1:10" x14ac:dyDescent="0.35">
      <c r="A21214" s="1" t="s">
        <v>1926</v>
      </c>
      <c r="B21214" s="1" t="s">
        <v>75461</v>
      </c>
      <c r="C21214" s="1" t="s">
        <v>140</v>
      </c>
      <c r="D21214" s="1" t="s">
        <v>75802</v>
      </c>
      <c r="E21214" s="1" t="s">
        <v>75803</v>
      </c>
      <c r="F21214" s="1" t="s">
        <v>75804</v>
      </c>
      <c r="G21214" s="1" t="s">
        <v>75709</v>
      </c>
      <c r="H21214" s="1" t="s">
        <v>75710</v>
      </c>
      <c r="I21214" s="1" t="s">
        <v>75467</v>
      </c>
      <c r="J21214" s="1" t="s">
        <v>75805</v>
      </c>
    </row>
    <row r="21215" spans="1:10" x14ac:dyDescent="0.35">
      <c r="A21215" s="1" t="s">
        <v>1926</v>
      </c>
      <c r="B21215" s="1" t="s">
        <v>75461</v>
      </c>
      <c r="C21215" s="1" t="s">
        <v>145</v>
      </c>
      <c r="D21215" s="1" t="s">
        <v>75806</v>
      </c>
      <c r="E21215" s="1" t="s">
        <v>75807</v>
      </c>
      <c r="F21215" s="1" t="s">
        <v>75808</v>
      </c>
      <c r="G21215" s="1" t="s">
        <v>75709</v>
      </c>
      <c r="H21215" s="1" t="s">
        <v>75710</v>
      </c>
      <c r="I21215" s="1" t="s">
        <v>75467</v>
      </c>
      <c r="J21215" s="1" t="s">
        <v>75809</v>
      </c>
    </row>
    <row r="21216" spans="1:10" x14ac:dyDescent="0.35">
      <c r="A21216" s="1" t="s">
        <v>1926</v>
      </c>
      <c r="B21216" s="1" t="s">
        <v>75461</v>
      </c>
      <c r="C21216" s="1" t="s">
        <v>150</v>
      </c>
      <c r="D21216" s="1" t="s">
        <v>56812</v>
      </c>
      <c r="E21216" s="1" t="s">
        <v>75810</v>
      </c>
      <c r="F21216" s="1" t="s">
        <v>75811</v>
      </c>
      <c r="G21216" s="1" t="s">
        <v>75709</v>
      </c>
      <c r="H21216" s="1" t="s">
        <v>75710</v>
      </c>
      <c r="I21216" s="1" t="s">
        <v>75467</v>
      </c>
      <c r="J21216" s="1" t="s">
        <v>75812</v>
      </c>
    </row>
    <row r="21217" spans="1:10" x14ac:dyDescent="0.35">
      <c r="A21217" s="1" t="s">
        <v>1926</v>
      </c>
      <c r="B21217" s="1" t="s">
        <v>75461</v>
      </c>
      <c r="C21217" s="1" t="s">
        <v>155</v>
      </c>
      <c r="D21217" s="1" t="s">
        <v>75813</v>
      </c>
      <c r="E21217" s="1" t="s">
        <v>75814</v>
      </c>
      <c r="F21217" s="1" t="s">
        <v>75815</v>
      </c>
      <c r="G21217" s="1" t="s">
        <v>75709</v>
      </c>
      <c r="H21217" s="1" t="s">
        <v>75710</v>
      </c>
      <c r="I21217" s="1" t="s">
        <v>75467</v>
      </c>
      <c r="J21217" s="1" t="s">
        <v>75816</v>
      </c>
    </row>
    <row r="21218" spans="1:10" x14ac:dyDescent="0.35">
      <c r="A21218" s="1" t="s">
        <v>1926</v>
      </c>
      <c r="B21218" s="1" t="s">
        <v>75461</v>
      </c>
      <c r="C21218" s="1" t="s">
        <v>160</v>
      </c>
      <c r="D21218" s="1" t="s">
        <v>75817</v>
      </c>
      <c r="E21218" s="1" t="s">
        <v>75818</v>
      </c>
      <c r="F21218" s="1" t="s">
        <v>75819</v>
      </c>
      <c r="G21218" s="1" t="s">
        <v>75709</v>
      </c>
      <c r="H21218" s="1" t="s">
        <v>75710</v>
      </c>
      <c r="I21218" s="1" t="s">
        <v>75467</v>
      </c>
      <c r="J21218" s="1" t="s">
        <v>75820</v>
      </c>
    </row>
    <row r="21219" spans="1:10" x14ac:dyDescent="0.35">
      <c r="A21219" s="1" t="s">
        <v>1926</v>
      </c>
      <c r="B21219" s="1" t="s">
        <v>75461</v>
      </c>
      <c r="C21219" s="1" t="s">
        <v>165</v>
      </c>
      <c r="D21219" s="1" t="s">
        <v>68399</v>
      </c>
      <c r="E21219" s="1" t="s">
        <v>75821</v>
      </c>
      <c r="F21219" s="1" t="s">
        <v>75822</v>
      </c>
      <c r="G21219" s="1" t="s">
        <v>75709</v>
      </c>
      <c r="H21219" s="1" t="s">
        <v>75710</v>
      </c>
      <c r="I21219" s="1" t="s">
        <v>75467</v>
      </c>
      <c r="J21219" s="1" t="s">
        <v>75823</v>
      </c>
    </row>
    <row r="21220" spans="1:10" x14ac:dyDescent="0.35">
      <c r="A21220" s="1" t="s">
        <v>1926</v>
      </c>
      <c r="B21220" s="1" t="s">
        <v>75461</v>
      </c>
      <c r="C21220" s="1" t="s">
        <v>170</v>
      </c>
      <c r="D21220" s="1" t="s">
        <v>75824</v>
      </c>
      <c r="E21220" s="1" t="s">
        <v>75825</v>
      </c>
      <c r="F21220" s="1" t="s">
        <v>75826</v>
      </c>
      <c r="G21220" s="1" t="s">
        <v>75709</v>
      </c>
      <c r="H21220" s="1" t="s">
        <v>75710</v>
      </c>
      <c r="I21220" s="1" t="s">
        <v>75467</v>
      </c>
      <c r="J21220" s="1" t="s">
        <v>75827</v>
      </c>
    </row>
    <row r="21221" spans="1:10" x14ac:dyDescent="0.35">
      <c r="A21221" s="1" t="s">
        <v>75828</v>
      </c>
      <c r="B21221" s="1" t="s">
        <v>75461</v>
      </c>
      <c r="C21221" s="1" t="s">
        <v>8</v>
      </c>
      <c r="D21221" s="1" t="s">
        <v>75829</v>
      </c>
      <c r="E21221" s="1" t="s">
        <v>75830</v>
      </c>
      <c r="F21221" s="1" t="s">
        <v>75831</v>
      </c>
      <c r="G21221" s="1" t="s">
        <v>75832</v>
      </c>
      <c r="H21221" s="1" t="s">
        <v>75833</v>
      </c>
      <c r="I21221" s="1" t="s">
        <v>75467</v>
      </c>
      <c r="J21221" s="1" t="s">
        <v>13</v>
      </c>
    </row>
    <row r="21222" spans="1:10" x14ac:dyDescent="0.35">
      <c r="A21222" s="1" t="s">
        <v>75828</v>
      </c>
      <c r="B21222" s="1" t="s">
        <v>75461</v>
      </c>
      <c r="C21222" s="1" t="s">
        <v>15</v>
      </c>
      <c r="D21222" s="1" t="s">
        <v>75834</v>
      </c>
      <c r="E21222" s="1" t="s">
        <v>75835</v>
      </c>
      <c r="F21222" s="1" t="s">
        <v>75836</v>
      </c>
      <c r="G21222" s="1" t="s">
        <v>75832</v>
      </c>
      <c r="H21222" s="1" t="s">
        <v>75833</v>
      </c>
      <c r="I21222" s="1" t="s">
        <v>75467</v>
      </c>
      <c r="J21222" s="1" t="s">
        <v>75837</v>
      </c>
    </row>
    <row r="21223" spans="1:10" x14ac:dyDescent="0.35">
      <c r="A21223" s="1" t="s">
        <v>75828</v>
      </c>
      <c r="B21223" s="1" t="s">
        <v>75461</v>
      </c>
      <c r="C21223" s="1" t="s">
        <v>20</v>
      </c>
      <c r="D21223" s="1" t="s">
        <v>64810</v>
      </c>
      <c r="E21223" s="1" t="s">
        <v>75838</v>
      </c>
      <c r="F21223" s="1" t="s">
        <v>75839</v>
      </c>
      <c r="G21223" s="1" t="s">
        <v>75832</v>
      </c>
      <c r="H21223" s="1" t="s">
        <v>75833</v>
      </c>
      <c r="I21223" s="1" t="s">
        <v>75467</v>
      </c>
      <c r="J21223" s="1" t="s">
        <v>75840</v>
      </c>
    </row>
    <row r="21224" spans="1:10" x14ac:dyDescent="0.35">
      <c r="A21224" s="1" t="s">
        <v>75828</v>
      </c>
      <c r="B21224" s="1" t="s">
        <v>75461</v>
      </c>
      <c r="C21224" s="1" t="s">
        <v>25</v>
      </c>
      <c r="D21224" s="1" t="s">
        <v>75841</v>
      </c>
      <c r="E21224" s="1" t="s">
        <v>75842</v>
      </c>
      <c r="F21224" s="1" t="s">
        <v>75843</v>
      </c>
      <c r="G21224" s="1" t="s">
        <v>75832</v>
      </c>
      <c r="H21224" s="1" t="s">
        <v>75833</v>
      </c>
      <c r="I21224" s="1" t="s">
        <v>75467</v>
      </c>
      <c r="J21224" s="1" t="s">
        <v>75844</v>
      </c>
    </row>
    <row r="21225" spans="1:10" x14ac:dyDescent="0.35">
      <c r="A21225" s="1" t="s">
        <v>75828</v>
      </c>
      <c r="B21225" s="1" t="s">
        <v>75461</v>
      </c>
      <c r="C21225" s="1" t="s">
        <v>30</v>
      </c>
      <c r="D21225" s="1" t="s">
        <v>75845</v>
      </c>
      <c r="E21225" s="1" t="s">
        <v>75846</v>
      </c>
      <c r="F21225" s="1" t="s">
        <v>75847</v>
      </c>
      <c r="G21225" s="1" t="s">
        <v>75832</v>
      </c>
      <c r="H21225" s="1" t="s">
        <v>75833</v>
      </c>
      <c r="I21225" s="1" t="s">
        <v>75467</v>
      </c>
      <c r="J21225" s="1" t="s">
        <v>75848</v>
      </c>
    </row>
    <row r="21226" spans="1:10" x14ac:dyDescent="0.35">
      <c r="A21226" s="1" t="s">
        <v>75828</v>
      </c>
      <c r="B21226" s="1" t="s">
        <v>75461</v>
      </c>
      <c r="C21226" s="1" t="s">
        <v>35</v>
      </c>
      <c r="D21226" s="1" t="s">
        <v>75849</v>
      </c>
      <c r="E21226" s="1" t="s">
        <v>75850</v>
      </c>
      <c r="F21226" s="1" t="s">
        <v>75851</v>
      </c>
      <c r="G21226" s="1" t="s">
        <v>75832</v>
      </c>
      <c r="H21226" s="1" t="s">
        <v>75833</v>
      </c>
      <c r="I21226" s="1" t="s">
        <v>75467</v>
      </c>
      <c r="J21226" s="1" t="s">
        <v>75852</v>
      </c>
    </row>
    <row r="21227" spans="1:10" x14ac:dyDescent="0.35">
      <c r="A21227" s="1" t="s">
        <v>75828</v>
      </c>
      <c r="B21227" s="1" t="s">
        <v>75461</v>
      </c>
      <c r="C21227" s="1" t="s">
        <v>40</v>
      </c>
      <c r="D21227" s="1" t="s">
        <v>75853</v>
      </c>
      <c r="E21227" s="1" t="s">
        <v>75854</v>
      </c>
      <c r="F21227" s="1" t="s">
        <v>75855</v>
      </c>
      <c r="G21227" s="1" t="s">
        <v>75832</v>
      </c>
      <c r="H21227" s="1" t="s">
        <v>75833</v>
      </c>
      <c r="I21227" s="1" t="s">
        <v>75467</v>
      </c>
      <c r="J21227" s="1" t="s">
        <v>75856</v>
      </c>
    </row>
    <row r="21228" spans="1:10" x14ac:dyDescent="0.35">
      <c r="A21228" s="1" t="s">
        <v>75828</v>
      </c>
      <c r="B21228" s="1" t="s">
        <v>75461</v>
      </c>
      <c r="C21228" s="1" t="s">
        <v>45</v>
      </c>
      <c r="D21228" s="1" t="s">
        <v>75857</v>
      </c>
      <c r="E21228" s="1" t="s">
        <v>75858</v>
      </c>
      <c r="F21228" s="1" t="s">
        <v>75859</v>
      </c>
      <c r="G21228" s="1" t="s">
        <v>75832</v>
      </c>
      <c r="H21228" s="1" t="s">
        <v>75833</v>
      </c>
      <c r="I21228" s="1" t="s">
        <v>75467</v>
      </c>
      <c r="J21228" s="1" t="s">
        <v>75860</v>
      </c>
    </row>
    <row r="21229" spans="1:10" x14ac:dyDescent="0.35">
      <c r="A21229" s="1" t="s">
        <v>75828</v>
      </c>
      <c r="B21229" s="1" t="s">
        <v>75461</v>
      </c>
      <c r="C21229" s="1" t="s">
        <v>50</v>
      </c>
      <c r="D21229" s="1" t="s">
        <v>75861</v>
      </c>
      <c r="E21229" s="1" t="s">
        <v>75862</v>
      </c>
      <c r="F21229" s="1" t="s">
        <v>75863</v>
      </c>
      <c r="G21229" s="1" t="s">
        <v>75832</v>
      </c>
      <c r="H21229" s="1" t="s">
        <v>75833</v>
      </c>
      <c r="I21229" s="1" t="s">
        <v>75467</v>
      </c>
      <c r="J21229" s="1" t="s">
        <v>75864</v>
      </c>
    </row>
    <row r="21230" spans="1:10" x14ac:dyDescent="0.35">
      <c r="A21230" s="1" t="s">
        <v>75828</v>
      </c>
      <c r="B21230" s="1" t="s">
        <v>75461</v>
      </c>
      <c r="C21230" s="1" t="s">
        <v>55</v>
      </c>
      <c r="D21230" s="1" t="s">
        <v>75865</v>
      </c>
      <c r="E21230" s="1" t="s">
        <v>75866</v>
      </c>
      <c r="F21230" s="1" t="s">
        <v>75867</v>
      </c>
      <c r="G21230" s="1" t="s">
        <v>75832</v>
      </c>
      <c r="H21230" s="1" t="s">
        <v>75833</v>
      </c>
      <c r="I21230" s="1" t="s">
        <v>75467</v>
      </c>
      <c r="J21230" s="1" t="s">
        <v>75868</v>
      </c>
    </row>
    <row r="21231" spans="1:10" x14ac:dyDescent="0.35">
      <c r="A21231" s="1" t="s">
        <v>75828</v>
      </c>
      <c r="B21231" s="1" t="s">
        <v>75461</v>
      </c>
      <c r="C21231" s="1" t="s">
        <v>60</v>
      </c>
      <c r="D21231" s="1" t="s">
        <v>75869</v>
      </c>
      <c r="E21231" s="1" t="s">
        <v>75870</v>
      </c>
      <c r="F21231" s="1" t="s">
        <v>75871</v>
      </c>
      <c r="G21231" s="1" t="s">
        <v>75832</v>
      </c>
      <c r="H21231" s="1" t="s">
        <v>75833</v>
      </c>
      <c r="I21231" s="1" t="s">
        <v>75467</v>
      </c>
      <c r="J21231" s="1" t="s">
        <v>75872</v>
      </c>
    </row>
    <row r="21232" spans="1:10" x14ac:dyDescent="0.35">
      <c r="A21232" s="1" t="s">
        <v>75828</v>
      </c>
      <c r="B21232" s="1" t="s">
        <v>75461</v>
      </c>
      <c r="C21232" s="1" t="s">
        <v>65</v>
      </c>
      <c r="D21232" s="1" t="s">
        <v>75873</v>
      </c>
      <c r="E21232" s="1" t="s">
        <v>75874</v>
      </c>
      <c r="F21232" s="1" t="s">
        <v>75875</v>
      </c>
      <c r="G21232" s="1" t="s">
        <v>75832</v>
      </c>
      <c r="H21232" s="1" t="s">
        <v>75833</v>
      </c>
      <c r="I21232" s="1" t="s">
        <v>75467</v>
      </c>
      <c r="J21232" s="1" t="s">
        <v>75876</v>
      </c>
    </row>
    <row r="21233" spans="1:10" x14ac:dyDescent="0.35">
      <c r="A21233" s="1" t="s">
        <v>75828</v>
      </c>
      <c r="B21233" s="1" t="s">
        <v>75461</v>
      </c>
      <c r="C21233" s="1" t="s">
        <v>70</v>
      </c>
      <c r="D21233" s="1" t="s">
        <v>75877</v>
      </c>
      <c r="E21233" s="1" t="s">
        <v>75878</v>
      </c>
      <c r="F21233" s="1" t="s">
        <v>75879</v>
      </c>
      <c r="G21233" s="1" t="s">
        <v>75832</v>
      </c>
      <c r="H21233" s="1" t="s">
        <v>75833</v>
      </c>
      <c r="I21233" s="1" t="s">
        <v>75467</v>
      </c>
      <c r="J21233" s="1" t="s">
        <v>75880</v>
      </c>
    </row>
    <row r="21234" spans="1:10" x14ac:dyDescent="0.35">
      <c r="A21234" s="1" t="s">
        <v>75828</v>
      </c>
      <c r="B21234" s="1" t="s">
        <v>75461</v>
      </c>
      <c r="C21234" s="1" t="s">
        <v>75</v>
      </c>
      <c r="D21234" s="1" t="s">
        <v>75881</v>
      </c>
      <c r="E21234" s="1" t="s">
        <v>75882</v>
      </c>
      <c r="F21234" s="1" t="s">
        <v>75883</v>
      </c>
      <c r="G21234" s="1" t="s">
        <v>75832</v>
      </c>
      <c r="H21234" s="1" t="s">
        <v>75833</v>
      </c>
      <c r="I21234" s="1" t="s">
        <v>75467</v>
      </c>
      <c r="J21234" s="1" t="s">
        <v>75884</v>
      </c>
    </row>
    <row r="21235" spans="1:10" x14ac:dyDescent="0.35">
      <c r="A21235" s="1" t="s">
        <v>75828</v>
      </c>
      <c r="B21235" s="1" t="s">
        <v>75461</v>
      </c>
      <c r="C21235" s="1" t="s">
        <v>80</v>
      </c>
      <c r="D21235" s="1" t="s">
        <v>18663</v>
      </c>
      <c r="E21235" s="1" t="s">
        <v>75885</v>
      </c>
      <c r="F21235" s="1" t="s">
        <v>75886</v>
      </c>
      <c r="G21235" s="1" t="s">
        <v>75832</v>
      </c>
      <c r="H21235" s="1" t="s">
        <v>75833</v>
      </c>
      <c r="I21235" s="1" t="s">
        <v>75467</v>
      </c>
      <c r="J21235" s="1" t="s">
        <v>75887</v>
      </c>
    </row>
    <row r="21236" spans="1:10" x14ac:dyDescent="0.35">
      <c r="A21236" s="1" t="s">
        <v>75828</v>
      </c>
      <c r="B21236" s="1" t="s">
        <v>75461</v>
      </c>
      <c r="C21236" s="1" t="s">
        <v>85</v>
      </c>
      <c r="D21236" s="1" t="s">
        <v>57605</v>
      </c>
      <c r="E21236" s="1" t="s">
        <v>75888</v>
      </c>
      <c r="F21236" s="1" t="s">
        <v>75889</v>
      </c>
      <c r="G21236" s="1" t="s">
        <v>75832</v>
      </c>
      <c r="H21236" s="1" t="s">
        <v>75833</v>
      </c>
      <c r="I21236" s="1" t="s">
        <v>75467</v>
      </c>
      <c r="J21236" s="1" t="s">
        <v>75890</v>
      </c>
    </row>
    <row r="21237" spans="1:10" x14ac:dyDescent="0.35">
      <c r="A21237" s="1" t="s">
        <v>75828</v>
      </c>
      <c r="B21237" s="1" t="s">
        <v>75461</v>
      </c>
      <c r="C21237" s="1" t="s">
        <v>90</v>
      </c>
      <c r="D21237" s="1" t="s">
        <v>75891</v>
      </c>
      <c r="E21237" s="1" t="s">
        <v>75892</v>
      </c>
      <c r="F21237" s="1" t="s">
        <v>75893</v>
      </c>
      <c r="G21237" s="1" t="s">
        <v>75832</v>
      </c>
      <c r="H21237" s="1" t="s">
        <v>75833</v>
      </c>
      <c r="I21237" s="1" t="s">
        <v>75467</v>
      </c>
      <c r="J21237" s="1" t="s">
        <v>75894</v>
      </c>
    </row>
    <row r="21238" spans="1:10" x14ac:dyDescent="0.35">
      <c r="A21238" s="1" t="s">
        <v>75828</v>
      </c>
      <c r="B21238" s="1" t="s">
        <v>75461</v>
      </c>
      <c r="C21238" s="1" t="s">
        <v>95</v>
      </c>
      <c r="D21238" s="1" t="s">
        <v>75895</v>
      </c>
      <c r="E21238" s="1" t="s">
        <v>75862</v>
      </c>
      <c r="F21238" s="1" t="s">
        <v>75896</v>
      </c>
      <c r="G21238" s="1" t="s">
        <v>75832</v>
      </c>
      <c r="H21238" s="1" t="s">
        <v>75833</v>
      </c>
      <c r="I21238" s="1" t="s">
        <v>75467</v>
      </c>
      <c r="J21238" s="1" t="s">
        <v>75897</v>
      </c>
    </row>
    <row r="21239" spans="1:10" x14ac:dyDescent="0.35">
      <c r="A21239" s="1" t="s">
        <v>75828</v>
      </c>
      <c r="B21239" s="1" t="s">
        <v>75461</v>
      </c>
      <c r="C21239" s="1" t="s">
        <v>100</v>
      </c>
      <c r="D21239" s="1" t="s">
        <v>75898</v>
      </c>
      <c r="E21239" s="1" t="s">
        <v>75899</v>
      </c>
      <c r="F21239" s="1" t="s">
        <v>75900</v>
      </c>
      <c r="G21239" s="1" t="s">
        <v>75832</v>
      </c>
      <c r="H21239" s="1" t="s">
        <v>75833</v>
      </c>
      <c r="I21239" s="1" t="s">
        <v>75467</v>
      </c>
      <c r="J21239" s="1" t="s">
        <v>75901</v>
      </c>
    </row>
    <row r="21240" spans="1:10" x14ac:dyDescent="0.35">
      <c r="A21240" s="1" t="s">
        <v>75828</v>
      </c>
      <c r="B21240" s="1" t="s">
        <v>75461</v>
      </c>
      <c r="C21240" s="1" t="s">
        <v>105</v>
      </c>
      <c r="D21240" s="1" t="s">
        <v>75902</v>
      </c>
      <c r="E21240" s="1" t="s">
        <v>75903</v>
      </c>
      <c r="F21240" s="1" t="s">
        <v>75904</v>
      </c>
      <c r="G21240" s="1" t="s">
        <v>75832</v>
      </c>
      <c r="H21240" s="1" t="s">
        <v>75833</v>
      </c>
      <c r="I21240" s="1" t="s">
        <v>75467</v>
      </c>
      <c r="J21240" s="1" t="s">
        <v>75905</v>
      </c>
    </row>
    <row r="21241" spans="1:10" x14ac:dyDescent="0.35">
      <c r="A21241" s="1" t="s">
        <v>75828</v>
      </c>
      <c r="B21241" s="1" t="s">
        <v>75461</v>
      </c>
      <c r="C21241" s="1" t="s">
        <v>110</v>
      </c>
      <c r="D21241" s="1" t="s">
        <v>75906</v>
      </c>
      <c r="E21241" s="1" t="s">
        <v>75907</v>
      </c>
      <c r="F21241" s="1" t="s">
        <v>75908</v>
      </c>
      <c r="G21241" s="1" t="s">
        <v>75832</v>
      </c>
      <c r="H21241" s="1" t="s">
        <v>75833</v>
      </c>
      <c r="I21241" s="1" t="s">
        <v>75467</v>
      </c>
      <c r="J21241" s="1" t="s">
        <v>75909</v>
      </c>
    </row>
    <row r="21242" spans="1:10" x14ac:dyDescent="0.35">
      <c r="A21242" s="1" t="s">
        <v>75828</v>
      </c>
      <c r="B21242" s="1" t="s">
        <v>75461</v>
      </c>
      <c r="C21242" s="1" t="s">
        <v>115</v>
      </c>
      <c r="D21242" s="1" t="s">
        <v>75910</v>
      </c>
      <c r="E21242" s="1" t="s">
        <v>75911</v>
      </c>
      <c r="F21242" s="1" t="s">
        <v>75912</v>
      </c>
      <c r="G21242" s="1" t="s">
        <v>75832</v>
      </c>
      <c r="H21242" s="1" t="s">
        <v>75833</v>
      </c>
      <c r="I21242" s="1" t="s">
        <v>75467</v>
      </c>
      <c r="J21242" s="1" t="s">
        <v>75913</v>
      </c>
    </row>
    <row r="21243" spans="1:10" x14ac:dyDescent="0.35">
      <c r="A21243" s="1" t="s">
        <v>75828</v>
      </c>
      <c r="B21243" s="1" t="s">
        <v>75461</v>
      </c>
      <c r="C21243" s="1" t="s">
        <v>120</v>
      </c>
      <c r="D21243" s="1" t="s">
        <v>75914</v>
      </c>
      <c r="E21243" s="1" t="s">
        <v>75915</v>
      </c>
      <c r="F21243" s="1" t="s">
        <v>75916</v>
      </c>
      <c r="G21243" s="1" t="s">
        <v>75832</v>
      </c>
      <c r="H21243" s="1" t="s">
        <v>75833</v>
      </c>
      <c r="I21243" s="1" t="s">
        <v>75467</v>
      </c>
      <c r="J21243" s="1" t="s">
        <v>75917</v>
      </c>
    </row>
    <row r="21244" spans="1:10" x14ac:dyDescent="0.35">
      <c r="A21244" s="1" t="s">
        <v>75828</v>
      </c>
      <c r="B21244" s="1" t="s">
        <v>75461</v>
      </c>
      <c r="C21244" s="1" t="s">
        <v>125</v>
      </c>
      <c r="D21244" s="1" t="s">
        <v>75918</v>
      </c>
      <c r="E21244" s="1" t="s">
        <v>75885</v>
      </c>
      <c r="F21244" s="1" t="s">
        <v>75919</v>
      </c>
      <c r="G21244" s="1" t="s">
        <v>75832</v>
      </c>
      <c r="H21244" s="1" t="s">
        <v>75833</v>
      </c>
      <c r="I21244" s="1" t="s">
        <v>75467</v>
      </c>
      <c r="J21244" s="1" t="s">
        <v>75920</v>
      </c>
    </row>
    <row r="21245" spans="1:10" x14ac:dyDescent="0.35">
      <c r="A21245" s="1" t="s">
        <v>75828</v>
      </c>
      <c r="B21245" s="1" t="s">
        <v>75461</v>
      </c>
      <c r="C21245" s="1" t="s">
        <v>130</v>
      </c>
      <c r="D21245" s="1" t="s">
        <v>75921</v>
      </c>
      <c r="E21245" s="1" t="s">
        <v>75922</v>
      </c>
      <c r="F21245" s="1" t="s">
        <v>75923</v>
      </c>
      <c r="G21245" s="1" t="s">
        <v>75832</v>
      </c>
      <c r="H21245" s="1" t="s">
        <v>75833</v>
      </c>
      <c r="I21245" s="1" t="s">
        <v>75467</v>
      </c>
      <c r="J21245" s="1" t="s">
        <v>75924</v>
      </c>
    </row>
    <row r="21246" spans="1:10" x14ac:dyDescent="0.35">
      <c r="A21246" s="1" t="s">
        <v>75828</v>
      </c>
      <c r="B21246" s="1" t="s">
        <v>75461</v>
      </c>
      <c r="C21246" s="1" t="s">
        <v>135</v>
      </c>
      <c r="D21246" s="1" t="s">
        <v>75925</v>
      </c>
      <c r="E21246" s="1" t="s">
        <v>75926</v>
      </c>
      <c r="F21246" s="1" t="s">
        <v>75927</v>
      </c>
      <c r="G21246" s="1" t="s">
        <v>75832</v>
      </c>
      <c r="H21246" s="1" t="s">
        <v>75833</v>
      </c>
      <c r="I21246" s="1" t="s">
        <v>75467</v>
      </c>
      <c r="J21246" s="1" t="s">
        <v>75928</v>
      </c>
    </row>
    <row r="21247" spans="1:10" x14ac:dyDescent="0.35">
      <c r="A21247" s="1" t="s">
        <v>75828</v>
      </c>
      <c r="B21247" s="1" t="s">
        <v>75461</v>
      </c>
      <c r="C21247" s="1" t="s">
        <v>140</v>
      </c>
      <c r="D21247" s="1" t="s">
        <v>41907</v>
      </c>
      <c r="E21247" s="1" t="s">
        <v>75929</v>
      </c>
      <c r="F21247" s="1" t="s">
        <v>75930</v>
      </c>
      <c r="G21247" s="1" t="s">
        <v>75832</v>
      </c>
      <c r="H21247" s="1" t="s">
        <v>75833</v>
      </c>
      <c r="I21247" s="1" t="s">
        <v>75467</v>
      </c>
      <c r="J21247" s="1" t="s">
        <v>75931</v>
      </c>
    </row>
    <row r="21248" spans="1:10" x14ac:dyDescent="0.35">
      <c r="A21248" s="1" t="s">
        <v>75828</v>
      </c>
      <c r="B21248" s="1" t="s">
        <v>75461</v>
      </c>
      <c r="C21248" s="1" t="s">
        <v>145</v>
      </c>
      <c r="D21248" s="1" t="s">
        <v>75932</v>
      </c>
      <c r="E21248" s="1" t="s">
        <v>75933</v>
      </c>
      <c r="F21248" s="1" t="s">
        <v>75934</v>
      </c>
      <c r="G21248" s="1" t="s">
        <v>75832</v>
      </c>
      <c r="H21248" s="1" t="s">
        <v>75833</v>
      </c>
      <c r="I21248" s="1" t="s">
        <v>75467</v>
      </c>
      <c r="J21248" s="1" t="s">
        <v>75935</v>
      </c>
    </row>
    <row r="21249" spans="1:10" x14ac:dyDescent="0.35">
      <c r="A21249" s="1" t="s">
        <v>75828</v>
      </c>
      <c r="B21249" s="1" t="s">
        <v>75461</v>
      </c>
      <c r="C21249" s="1" t="s">
        <v>150</v>
      </c>
      <c r="D21249" s="1" t="s">
        <v>75936</v>
      </c>
      <c r="E21249" s="1" t="s">
        <v>75937</v>
      </c>
      <c r="F21249" s="1" t="s">
        <v>75938</v>
      </c>
      <c r="G21249" s="1" t="s">
        <v>75832</v>
      </c>
      <c r="H21249" s="1" t="s">
        <v>75833</v>
      </c>
      <c r="I21249" s="1" t="s">
        <v>75467</v>
      </c>
      <c r="J21249" s="1" t="s">
        <v>75939</v>
      </c>
    </row>
    <row r="21250" spans="1:10" x14ac:dyDescent="0.35">
      <c r="A21250" s="1" t="s">
        <v>75828</v>
      </c>
      <c r="B21250" s="1" t="s">
        <v>75461</v>
      </c>
      <c r="C21250" s="1" t="s">
        <v>155</v>
      </c>
      <c r="D21250" s="1" t="s">
        <v>75940</v>
      </c>
      <c r="E21250" s="1" t="s">
        <v>75941</v>
      </c>
      <c r="F21250" s="1" t="s">
        <v>75942</v>
      </c>
      <c r="G21250" s="1" t="s">
        <v>75832</v>
      </c>
      <c r="H21250" s="1" t="s">
        <v>75833</v>
      </c>
      <c r="I21250" s="1" t="s">
        <v>75467</v>
      </c>
      <c r="J21250" s="1" t="s">
        <v>75943</v>
      </c>
    </row>
    <row r="21251" spans="1:10" x14ac:dyDescent="0.35">
      <c r="A21251" s="1" t="s">
        <v>75828</v>
      </c>
      <c r="B21251" s="1" t="s">
        <v>75461</v>
      </c>
      <c r="C21251" s="1" t="s">
        <v>160</v>
      </c>
      <c r="D21251" s="1" t="s">
        <v>75944</v>
      </c>
      <c r="E21251" s="1" t="s">
        <v>75945</v>
      </c>
      <c r="F21251" s="1" t="s">
        <v>75946</v>
      </c>
      <c r="G21251" s="1" t="s">
        <v>75832</v>
      </c>
      <c r="H21251" s="1" t="s">
        <v>75833</v>
      </c>
      <c r="I21251" s="1" t="s">
        <v>75467</v>
      </c>
      <c r="J21251" s="1" t="s">
        <v>75947</v>
      </c>
    </row>
    <row r="21252" spans="1:10" x14ac:dyDescent="0.35">
      <c r="A21252" s="1" t="s">
        <v>75828</v>
      </c>
      <c r="B21252" s="1" t="s">
        <v>75461</v>
      </c>
      <c r="C21252" s="1" t="s">
        <v>165</v>
      </c>
      <c r="D21252" s="1" t="s">
        <v>75948</v>
      </c>
      <c r="E21252" s="1" t="s">
        <v>75949</v>
      </c>
      <c r="F21252" s="1" t="s">
        <v>75950</v>
      </c>
      <c r="G21252" s="1" t="s">
        <v>75832</v>
      </c>
      <c r="H21252" s="1" t="s">
        <v>75833</v>
      </c>
      <c r="I21252" s="1" t="s">
        <v>75467</v>
      </c>
      <c r="J21252" s="1" t="s">
        <v>75951</v>
      </c>
    </row>
    <row r="21253" spans="1:10" x14ac:dyDescent="0.35">
      <c r="A21253" s="1" t="s">
        <v>75828</v>
      </c>
      <c r="B21253" s="1" t="s">
        <v>75461</v>
      </c>
      <c r="C21253" s="1" t="s">
        <v>170</v>
      </c>
      <c r="D21253" s="1" t="s">
        <v>19981</v>
      </c>
      <c r="E21253" s="1" t="s">
        <v>75952</v>
      </c>
      <c r="F21253" s="1" t="s">
        <v>75953</v>
      </c>
      <c r="G21253" s="1" t="s">
        <v>75832</v>
      </c>
      <c r="H21253" s="1" t="s">
        <v>75833</v>
      </c>
      <c r="I21253" s="1" t="s">
        <v>75467</v>
      </c>
      <c r="J21253" s="1" t="s">
        <v>75954</v>
      </c>
    </row>
    <row r="21254" spans="1:10" x14ac:dyDescent="0.35">
      <c r="A21254" s="1" t="s">
        <v>75955</v>
      </c>
      <c r="B21254" s="1" t="s">
        <v>75461</v>
      </c>
      <c r="C21254" s="1" t="s">
        <v>8</v>
      </c>
      <c r="D21254" s="1" t="s">
        <v>22017</v>
      </c>
      <c r="E21254" s="1" t="s">
        <v>75956</v>
      </c>
      <c r="F21254" s="1" t="s">
        <v>75957</v>
      </c>
      <c r="G21254" s="1" t="s">
        <v>75958</v>
      </c>
      <c r="H21254" s="1" t="s">
        <v>75959</v>
      </c>
      <c r="I21254" s="1" t="s">
        <v>75467</v>
      </c>
      <c r="J21254" s="1" t="s">
        <v>13</v>
      </c>
    </row>
    <row r="21255" spans="1:10" x14ac:dyDescent="0.35">
      <c r="A21255" s="1" t="s">
        <v>75955</v>
      </c>
      <c r="B21255" s="1" t="s">
        <v>75461</v>
      </c>
      <c r="C21255" s="1" t="s">
        <v>15</v>
      </c>
      <c r="D21255" s="1" t="s">
        <v>66180</v>
      </c>
      <c r="E21255" s="1" t="s">
        <v>75960</v>
      </c>
      <c r="F21255" s="1" t="s">
        <v>75961</v>
      </c>
      <c r="G21255" s="1" t="s">
        <v>75958</v>
      </c>
      <c r="H21255" s="1" t="s">
        <v>75959</v>
      </c>
      <c r="I21255" s="1" t="s">
        <v>75467</v>
      </c>
      <c r="J21255" s="1" t="s">
        <v>75962</v>
      </c>
    </row>
    <row r="21256" spans="1:10" x14ac:dyDescent="0.35">
      <c r="A21256" s="1" t="s">
        <v>75955</v>
      </c>
      <c r="B21256" s="1" t="s">
        <v>75461</v>
      </c>
      <c r="C21256" s="1" t="s">
        <v>20</v>
      </c>
      <c r="D21256" s="1" t="s">
        <v>75963</v>
      </c>
      <c r="E21256" s="1" t="s">
        <v>75964</v>
      </c>
      <c r="F21256" s="1" t="s">
        <v>75965</v>
      </c>
      <c r="G21256" s="1" t="s">
        <v>75958</v>
      </c>
      <c r="H21256" s="1" t="s">
        <v>75959</v>
      </c>
      <c r="I21256" s="1" t="s">
        <v>75467</v>
      </c>
      <c r="J21256" s="1" t="s">
        <v>75966</v>
      </c>
    </row>
    <row r="21257" spans="1:10" x14ac:dyDescent="0.35">
      <c r="A21257" s="1" t="s">
        <v>75955</v>
      </c>
      <c r="B21257" s="1" t="s">
        <v>75461</v>
      </c>
      <c r="C21257" s="1" t="s">
        <v>25</v>
      </c>
      <c r="D21257" s="1" t="s">
        <v>75967</v>
      </c>
      <c r="E21257" s="1" t="s">
        <v>75968</v>
      </c>
      <c r="F21257" s="1" t="s">
        <v>75969</v>
      </c>
      <c r="G21257" s="1" t="s">
        <v>75958</v>
      </c>
      <c r="H21257" s="1" t="s">
        <v>75959</v>
      </c>
      <c r="I21257" s="1" t="s">
        <v>75467</v>
      </c>
      <c r="J21257" s="1" t="s">
        <v>75970</v>
      </c>
    </row>
    <row r="21258" spans="1:10" x14ac:dyDescent="0.35">
      <c r="A21258" s="1" t="s">
        <v>75955</v>
      </c>
      <c r="B21258" s="1" t="s">
        <v>75461</v>
      </c>
      <c r="C21258" s="1" t="s">
        <v>30</v>
      </c>
      <c r="D21258" s="1" t="s">
        <v>75971</v>
      </c>
      <c r="E21258" s="1" t="s">
        <v>75972</v>
      </c>
      <c r="F21258" s="1" t="s">
        <v>75973</v>
      </c>
      <c r="G21258" s="1" t="s">
        <v>75958</v>
      </c>
      <c r="H21258" s="1" t="s">
        <v>75959</v>
      </c>
      <c r="I21258" s="1" t="s">
        <v>75467</v>
      </c>
      <c r="J21258" s="1" t="s">
        <v>75974</v>
      </c>
    </row>
    <row r="21259" spans="1:10" x14ac:dyDescent="0.35">
      <c r="A21259" s="1" t="s">
        <v>75955</v>
      </c>
      <c r="B21259" s="1" t="s">
        <v>75461</v>
      </c>
      <c r="C21259" s="1" t="s">
        <v>35</v>
      </c>
      <c r="D21259" s="1" t="s">
        <v>75975</v>
      </c>
      <c r="E21259" s="1" t="s">
        <v>75976</v>
      </c>
      <c r="F21259" s="1" t="s">
        <v>75977</v>
      </c>
      <c r="G21259" s="1" t="s">
        <v>75958</v>
      </c>
      <c r="H21259" s="1" t="s">
        <v>75959</v>
      </c>
      <c r="I21259" s="1" t="s">
        <v>75467</v>
      </c>
      <c r="J21259" s="1" t="s">
        <v>75978</v>
      </c>
    </row>
    <row r="21260" spans="1:10" x14ac:dyDescent="0.35">
      <c r="A21260" s="1" t="s">
        <v>75955</v>
      </c>
      <c r="B21260" s="1" t="s">
        <v>75461</v>
      </c>
      <c r="C21260" s="1" t="s">
        <v>40</v>
      </c>
      <c r="D21260" s="1" t="s">
        <v>75979</v>
      </c>
      <c r="E21260" s="1" t="s">
        <v>75980</v>
      </c>
      <c r="F21260" s="1" t="s">
        <v>75981</v>
      </c>
      <c r="G21260" s="1" t="s">
        <v>75958</v>
      </c>
      <c r="H21260" s="1" t="s">
        <v>75959</v>
      </c>
      <c r="I21260" s="1" t="s">
        <v>75467</v>
      </c>
      <c r="J21260" s="1" t="s">
        <v>75982</v>
      </c>
    </row>
    <row r="21261" spans="1:10" x14ac:dyDescent="0.35">
      <c r="A21261" s="1" t="s">
        <v>75955</v>
      </c>
      <c r="B21261" s="1" t="s">
        <v>75461</v>
      </c>
      <c r="C21261" s="1" t="s">
        <v>45</v>
      </c>
      <c r="D21261" s="1" t="s">
        <v>75983</v>
      </c>
      <c r="E21261" s="1" t="s">
        <v>75984</v>
      </c>
      <c r="F21261" s="1" t="s">
        <v>75985</v>
      </c>
      <c r="G21261" s="1" t="s">
        <v>75958</v>
      </c>
      <c r="H21261" s="1" t="s">
        <v>75959</v>
      </c>
      <c r="I21261" s="1" t="s">
        <v>75467</v>
      </c>
      <c r="J21261" s="1" t="s">
        <v>75986</v>
      </c>
    </row>
    <row r="21262" spans="1:10" x14ac:dyDescent="0.35">
      <c r="A21262" s="1" t="s">
        <v>75955</v>
      </c>
      <c r="B21262" s="1" t="s">
        <v>75461</v>
      </c>
      <c r="C21262" s="1" t="s">
        <v>50</v>
      </c>
      <c r="D21262" s="1" t="s">
        <v>75987</v>
      </c>
      <c r="E21262" s="1" t="s">
        <v>75988</v>
      </c>
      <c r="F21262" s="1" t="s">
        <v>75989</v>
      </c>
      <c r="G21262" s="1" t="s">
        <v>75958</v>
      </c>
      <c r="H21262" s="1" t="s">
        <v>75959</v>
      </c>
      <c r="I21262" s="1" t="s">
        <v>75467</v>
      </c>
      <c r="J21262" s="1" t="s">
        <v>75990</v>
      </c>
    </row>
    <row r="21263" spans="1:10" x14ac:dyDescent="0.35">
      <c r="A21263" s="1" t="s">
        <v>75955</v>
      </c>
      <c r="B21263" s="1" t="s">
        <v>75461</v>
      </c>
      <c r="C21263" s="1" t="s">
        <v>55</v>
      </c>
      <c r="D21263" s="1" t="s">
        <v>53811</v>
      </c>
      <c r="E21263" s="1" t="s">
        <v>75991</v>
      </c>
      <c r="F21263" s="1" t="s">
        <v>75992</v>
      </c>
      <c r="G21263" s="1" t="s">
        <v>75958</v>
      </c>
      <c r="H21263" s="1" t="s">
        <v>75959</v>
      </c>
      <c r="I21263" s="1" t="s">
        <v>75467</v>
      </c>
      <c r="J21263" s="1" t="s">
        <v>75993</v>
      </c>
    </row>
    <row r="21264" spans="1:10" x14ac:dyDescent="0.35">
      <c r="A21264" s="1" t="s">
        <v>75955</v>
      </c>
      <c r="B21264" s="1" t="s">
        <v>75461</v>
      </c>
      <c r="C21264" s="1" t="s">
        <v>60</v>
      </c>
      <c r="D21264" s="1" t="s">
        <v>75994</v>
      </c>
      <c r="E21264" s="1" t="s">
        <v>75995</v>
      </c>
      <c r="F21264" s="1" t="s">
        <v>75996</v>
      </c>
      <c r="G21264" s="1" t="s">
        <v>75958</v>
      </c>
      <c r="H21264" s="1" t="s">
        <v>75959</v>
      </c>
      <c r="I21264" s="1" t="s">
        <v>75467</v>
      </c>
      <c r="J21264" s="1" t="s">
        <v>75997</v>
      </c>
    </row>
    <row r="21265" spans="1:10" x14ac:dyDescent="0.35">
      <c r="A21265" s="1" t="s">
        <v>75955</v>
      </c>
      <c r="B21265" s="1" t="s">
        <v>75461</v>
      </c>
      <c r="C21265" s="1" t="s">
        <v>65</v>
      </c>
      <c r="D21265" s="1" t="s">
        <v>75998</v>
      </c>
      <c r="E21265" s="1" t="s">
        <v>75999</v>
      </c>
      <c r="F21265" s="1" t="s">
        <v>76000</v>
      </c>
      <c r="G21265" s="1" t="s">
        <v>75958</v>
      </c>
      <c r="H21265" s="1" t="s">
        <v>75959</v>
      </c>
      <c r="I21265" s="1" t="s">
        <v>75467</v>
      </c>
      <c r="J21265" s="1" t="s">
        <v>76001</v>
      </c>
    </row>
    <row r="21266" spans="1:10" x14ac:dyDescent="0.35">
      <c r="A21266" s="1" t="s">
        <v>75955</v>
      </c>
      <c r="B21266" s="1" t="s">
        <v>75461</v>
      </c>
      <c r="C21266" s="1" t="s">
        <v>70</v>
      </c>
      <c r="D21266" s="1" t="s">
        <v>54502</v>
      </c>
      <c r="E21266" s="1" t="s">
        <v>76002</v>
      </c>
      <c r="F21266" s="1" t="s">
        <v>76003</v>
      </c>
      <c r="G21266" s="1" t="s">
        <v>75958</v>
      </c>
      <c r="H21266" s="1" t="s">
        <v>75959</v>
      </c>
      <c r="I21266" s="1" t="s">
        <v>75467</v>
      </c>
      <c r="J21266" s="1" t="s">
        <v>76004</v>
      </c>
    </row>
    <row r="21267" spans="1:10" x14ac:dyDescent="0.35">
      <c r="A21267" s="1" t="s">
        <v>75955</v>
      </c>
      <c r="B21267" s="1" t="s">
        <v>75461</v>
      </c>
      <c r="C21267" s="1" t="s">
        <v>75</v>
      </c>
      <c r="D21267" s="1" t="s">
        <v>76005</v>
      </c>
      <c r="E21267" s="1" t="s">
        <v>76006</v>
      </c>
      <c r="F21267" s="1" t="s">
        <v>76007</v>
      </c>
      <c r="G21267" s="1" t="s">
        <v>75958</v>
      </c>
      <c r="H21267" s="1" t="s">
        <v>75959</v>
      </c>
      <c r="I21267" s="1" t="s">
        <v>75467</v>
      </c>
      <c r="J21267" s="1" t="s">
        <v>76008</v>
      </c>
    </row>
    <row r="21268" spans="1:10" x14ac:dyDescent="0.35">
      <c r="A21268" s="1" t="s">
        <v>75955</v>
      </c>
      <c r="B21268" s="1" t="s">
        <v>75461</v>
      </c>
      <c r="C21268" s="1" t="s">
        <v>80</v>
      </c>
      <c r="D21268" s="1" t="s">
        <v>76009</v>
      </c>
      <c r="E21268" s="1" t="s">
        <v>76010</v>
      </c>
      <c r="F21268" s="1" t="s">
        <v>76011</v>
      </c>
      <c r="G21268" s="1" t="s">
        <v>75958</v>
      </c>
      <c r="H21268" s="1" t="s">
        <v>75959</v>
      </c>
      <c r="I21268" s="1" t="s">
        <v>75467</v>
      </c>
      <c r="J21268" s="1" t="s">
        <v>76012</v>
      </c>
    </row>
    <row r="21269" spans="1:10" x14ac:dyDescent="0.35">
      <c r="A21269" s="1" t="s">
        <v>75955</v>
      </c>
      <c r="B21269" s="1" t="s">
        <v>75461</v>
      </c>
      <c r="C21269" s="1" t="s">
        <v>85</v>
      </c>
      <c r="D21269" s="1" t="s">
        <v>69062</v>
      </c>
      <c r="E21269" s="1" t="s">
        <v>76013</v>
      </c>
      <c r="F21269" s="1" t="s">
        <v>76014</v>
      </c>
      <c r="G21269" s="1" t="s">
        <v>75958</v>
      </c>
      <c r="H21269" s="1" t="s">
        <v>75959</v>
      </c>
      <c r="I21269" s="1" t="s">
        <v>75467</v>
      </c>
      <c r="J21269" s="1" t="s">
        <v>76015</v>
      </c>
    </row>
    <row r="21270" spans="1:10" x14ac:dyDescent="0.35">
      <c r="A21270" s="1" t="s">
        <v>75955</v>
      </c>
      <c r="B21270" s="1" t="s">
        <v>75461</v>
      </c>
      <c r="C21270" s="1" t="s">
        <v>90</v>
      </c>
      <c r="D21270" s="1" t="s">
        <v>26890</v>
      </c>
      <c r="E21270" s="1" t="s">
        <v>76016</v>
      </c>
      <c r="F21270" s="1" t="s">
        <v>76017</v>
      </c>
      <c r="G21270" s="1" t="s">
        <v>75958</v>
      </c>
      <c r="H21270" s="1" t="s">
        <v>75959</v>
      </c>
      <c r="I21270" s="1" t="s">
        <v>75467</v>
      </c>
      <c r="J21270" s="1" t="s">
        <v>76018</v>
      </c>
    </row>
    <row r="21271" spans="1:10" x14ac:dyDescent="0.35">
      <c r="A21271" s="1" t="s">
        <v>75955</v>
      </c>
      <c r="B21271" s="1" t="s">
        <v>75461</v>
      </c>
      <c r="C21271" s="1" t="s">
        <v>95</v>
      </c>
      <c r="D21271" s="1" t="s">
        <v>76019</v>
      </c>
      <c r="E21271" s="1" t="s">
        <v>76020</v>
      </c>
      <c r="F21271" s="1" t="s">
        <v>76021</v>
      </c>
      <c r="G21271" s="1" t="s">
        <v>75958</v>
      </c>
      <c r="H21271" s="1" t="s">
        <v>75959</v>
      </c>
      <c r="I21271" s="1" t="s">
        <v>75467</v>
      </c>
      <c r="J21271" s="1" t="s">
        <v>76022</v>
      </c>
    </row>
    <row r="21272" spans="1:10" x14ac:dyDescent="0.35">
      <c r="A21272" s="1" t="s">
        <v>75955</v>
      </c>
      <c r="B21272" s="1" t="s">
        <v>75461</v>
      </c>
      <c r="C21272" s="1" t="s">
        <v>100</v>
      </c>
      <c r="D21272" s="1" t="s">
        <v>24387</v>
      </c>
      <c r="E21272" s="1" t="s">
        <v>76023</v>
      </c>
      <c r="F21272" s="1" t="s">
        <v>76024</v>
      </c>
      <c r="G21272" s="1" t="s">
        <v>75958</v>
      </c>
      <c r="H21272" s="1" t="s">
        <v>75959</v>
      </c>
      <c r="I21272" s="1" t="s">
        <v>75467</v>
      </c>
      <c r="J21272" s="1" t="s">
        <v>76025</v>
      </c>
    </row>
    <row r="21273" spans="1:10" x14ac:dyDescent="0.35">
      <c r="A21273" s="1" t="s">
        <v>75955</v>
      </c>
      <c r="B21273" s="1" t="s">
        <v>75461</v>
      </c>
      <c r="C21273" s="1" t="s">
        <v>105</v>
      </c>
      <c r="D21273" s="1" t="s">
        <v>60961</v>
      </c>
      <c r="E21273" s="1" t="s">
        <v>76026</v>
      </c>
      <c r="F21273" s="1" t="s">
        <v>76027</v>
      </c>
      <c r="G21273" s="1" t="s">
        <v>75958</v>
      </c>
      <c r="H21273" s="1" t="s">
        <v>75959</v>
      </c>
      <c r="I21273" s="1" t="s">
        <v>75467</v>
      </c>
      <c r="J21273" s="1" t="s">
        <v>76028</v>
      </c>
    </row>
    <row r="21274" spans="1:10" x14ac:dyDescent="0.35">
      <c r="A21274" s="1" t="s">
        <v>75955</v>
      </c>
      <c r="B21274" s="1" t="s">
        <v>75461</v>
      </c>
      <c r="C21274" s="1" t="s">
        <v>110</v>
      </c>
      <c r="D21274" s="1" t="s">
        <v>76029</v>
      </c>
      <c r="E21274" s="1" t="s">
        <v>76030</v>
      </c>
      <c r="F21274" s="1" t="s">
        <v>76031</v>
      </c>
      <c r="G21274" s="1" t="s">
        <v>75958</v>
      </c>
      <c r="H21274" s="1" t="s">
        <v>75959</v>
      </c>
      <c r="I21274" s="1" t="s">
        <v>75467</v>
      </c>
      <c r="J21274" s="1" t="s">
        <v>76032</v>
      </c>
    </row>
    <row r="21275" spans="1:10" x14ac:dyDescent="0.35">
      <c r="A21275" s="1" t="s">
        <v>75955</v>
      </c>
      <c r="B21275" s="1" t="s">
        <v>75461</v>
      </c>
      <c r="C21275" s="1" t="s">
        <v>115</v>
      </c>
      <c r="D21275" s="1" t="s">
        <v>76033</v>
      </c>
      <c r="E21275" s="1" t="s">
        <v>76034</v>
      </c>
      <c r="F21275" s="1" t="s">
        <v>76035</v>
      </c>
      <c r="G21275" s="1" t="s">
        <v>75958</v>
      </c>
      <c r="H21275" s="1" t="s">
        <v>75959</v>
      </c>
      <c r="I21275" s="1" t="s">
        <v>75467</v>
      </c>
      <c r="J21275" s="1" t="s">
        <v>76036</v>
      </c>
    </row>
    <row r="21276" spans="1:10" x14ac:dyDescent="0.35">
      <c r="A21276" s="1" t="s">
        <v>75955</v>
      </c>
      <c r="B21276" s="1" t="s">
        <v>75461</v>
      </c>
      <c r="C21276" s="1" t="s">
        <v>120</v>
      </c>
      <c r="D21276" s="1" t="s">
        <v>12323</v>
      </c>
      <c r="E21276" s="1" t="s">
        <v>76037</v>
      </c>
      <c r="F21276" s="1" t="s">
        <v>76038</v>
      </c>
      <c r="G21276" s="1" t="s">
        <v>75958</v>
      </c>
      <c r="H21276" s="1" t="s">
        <v>75959</v>
      </c>
      <c r="I21276" s="1" t="s">
        <v>75467</v>
      </c>
      <c r="J21276" s="1" t="s">
        <v>76039</v>
      </c>
    </row>
    <row r="21277" spans="1:10" x14ac:dyDescent="0.35">
      <c r="A21277" s="1" t="s">
        <v>75955</v>
      </c>
      <c r="B21277" s="1" t="s">
        <v>75461</v>
      </c>
      <c r="C21277" s="1" t="s">
        <v>125</v>
      </c>
      <c r="D21277" s="1" t="s">
        <v>76040</v>
      </c>
      <c r="E21277" s="1" t="s">
        <v>76041</v>
      </c>
      <c r="F21277" s="1" t="s">
        <v>76042</v>
      </c>
      <c r="G21277" s="1" t="s">
        <v>75958</v>
      </c>
      <c r="H21277" s="1" t="s">
        <v>75959</v>
      </c>
      <c r="I21277" s="1" t="s">
        <v>75467</v>
      </c>
      <c r="J21277" s="1" t="s">
        <v>76043</v>
      </c>
    </row>
    <row r="21278" spans="1:10" x14ac:dyDescent="0.35">
      <c r="A21278" s="1" t="s">
        <v>75955</v>
      </c>
      <c r="B21278" s="1" t="s">
        <v>75461</v>
      </c>
      <c r="C21278" s="1" t="s">
        <v>130</v>
      </c>
      <c r="D21278" s="1" t="s">
        <v>76044</v>
      </c>
      <c r="E21278" s="1" t="s">
        <v>76045</v>
      </c>
      <c r="F21278" s="1" t="s">
        <v>76046</v>
      </c>
      <c r="G21278" s="1" t="s">
        <v>75958</v>
      </c>
      <c r="H21278" s="1" t="s">
        <v>75959</v>
      </c>
      <c r="I21278" s="1" t="s">
        <v>75467</v>
      </c>
      <c r="J21278" s="1" t="s">
        <v>76047</v>
      </c>
    </row>
    <row r="21279" spans="1:10" x14ac:dyDescent="0.35">
      <c r="A21279" s="1" t="s">
        <v>75955</v>
      </c>
      <c r="B21279" s="1" t="s">
        <v>75461</v>
      </c>
      <c r="C21279" s="1" t="s">
        <v>135</v>
      </c>
      <c r="D21279" s="1" t="s">
        <v>65839</v>
      </c>
      <c r="E21279" s="1" t="s">
        <v>76048</v>
      </c>
      <c r="F21279" s="1" t="s">
        <v>76049</v>
      </c>
      <c r="G21279" s="1" t="s">
        <v>75958</v>
      </c>
      <c r="H21279" s="1" t="s">
        <v>75959</v>
      </c>
      <c r="I21279" s="1" t="s">
        <v>75467</v>
      </c>
      <c r="J21279" s="1" t="s">
        <v>76050</v>
      </c>
    </row>
    <row r="21280" spans="1:10" x14ac:dyDescent="0.35">
      <c r="A21280" s="1" t="s">
        <v>75955</v>
      </c>
      <c r="B21280" s="1" t="s">
        <v>75461</v>
      </c>
      <c r="C21280" s="1" t="s">
        <v>140</v>
      </c>
      <c r="D21280" s="1" t="s">
        <v>52662</v>
      </c>
      <c r="E21280" s="1" t="s">
        <v>76051</v>
      </c>
      <c r="F21280" s="1" t="s">
        <v>76052</v>
      </c>
      <c r="G21280" s="1" t="s">
        <v>75958</v>
      </c>
      <c r="H21280" s="1" t="s">
        <v>75959</v>
      </c>
      <c r="I21280" s="1" t="s">
        <v>75467</v>
      </c>
      <c r="J21280" s="1" t="s">
        <v>76053</v>
      </c>
    </row>
    <row r="21281" spans="1:10" x14ac:dyDescent="0.35">
      <c r="A21281" s="1" t="s">
        <v>75955</v>
      </c>
      <c r="B21281" s="1" t="s">
        <v>75461</v>
      </c>
      <c r="C21281" s="1" t="s">
        <v>145</v>
      </c>
      <c r="D21281" s="1" t="s">
        <v>76054</v>
      </c>
      <c r="E21281" s="1" t="s">
        <v>76055</v>
      </c>
      <c r="F21281" s="1" t="s">
        <v>76056</v>
      </c>
      <c r="G21281" s="1" t="s">
        <v>75958</v>
      </c>
      <c r="H21281" s="1" t="s">
        <v>75959</v>
      </c>
      <c r="I21281" s="1" t="s">
        <v>75467</v>
      </c>
      <c r="J21281" s="1" t="s">
        <v>76057</v>
      </c>
    </row>
    <row r="21282" spans="1:10" x14ac:dyDescent="0.35">
      <c r="A21282" s="1" t="s">
        <v>75955</v>
      </c>
      <c r="B21282" s="1" t="s">
        <v>75461</v>
      </c>
      <c r="C21282" s="1" t="s">
        <v>150</v>
      </c>
      <c r="D21282" s="1" t="s">
        <v>76058</v>
      </c>
      <c r="E21282" s="1" t="s">
        <v>76059</v>
      </c>
      <c r="F21282" s="1" t="s">
        <v>76060</v>
      </c>
      <c r="G21282" s="1" t="s">
        <v>75958</v>
      </c>
      <c r="H21282" s="1" t="s">
        <v>75959</v>
      </c>
      <c r="I21282" s="1" t="s">
        <v>75467</v>
      </c>
      <c r="J21282" s="1" t="s">
        <v>76061</v>
      </c>
    </row>
    <row r="21283" spans="1:10" x14ac:dyDescent="0.35">
      <c r="A21283" s="1" t="s">
        <v>75955</v>
      </c>
      <c r="B21283" s="1" t="s">
        <v>75461</v>
      </c>
      <c r="C21283" s="1" t="s">
        <v>155</v>
      </c>
      <c r="D21283" s="1" t="s">
        <v>39381</v>
      </c>
      <c r="E21283" s="1" t="s">
        <v>76062</v>
      </c>
      <c r="F21283" s="1" t="s">
        <v>76063</v>
      </c>
      <c r="G21283" s="1" t="s">
        <v>75958</v>
      </c>
      <c r="H21283" s="1" t="s">
        <v>75959</v>
      </c>
      <c r="I21283" s="1" t="s">
        <v>75467</v>
      </c>
      <c r="J21283" s="1" t="s">
        <v>76064</v>
      </c>
    </row>
    <row r="21284" spans="1:10" x14ac:dyDescent="0.35">
      <c r="A21284" s="1" t="s">
        <v>75955</v>
      </c>
      <c r="B21284" s="1" t="s">
        <v>75461</v>
      </c>
      <c r="C21284" s="1" t="s">
        <v>160</v>
      </c>
      <c r="D21284" s="1" t="s">
        <v>66015</v>
      </c>
      <c r="E21284" s="1" t="s">
        <v>76065</v>
      </c>
      <c r="F21284" s="1" t="s">
        <v>76066</v>
      </c>
      <c r="G21284" s="1" t="s">
        <v>75958</v>
      </c>
      <c r="H21284" s="1" t="s">
        <v>75959</v>
      </c>
      <c r="I21284" s="1" t="s">
        <v>75467</v>
      </c>
      <c r="J21284" s="1" t="s">
        <v>76067</v>
      </c>
    </row>
    <row r="21285" spans="1:10" x14ac:dyDescent="0.35">
      <c r="A21285" s="1" t="s">
        <v>75955</v>
      </c>
      <c r="B21285" s="1" t="s">
        <v>75461</v>
      </c>
      <c r="C21285" s="1" t="s">
        <v>165</v>
      </c>
      <c r="D21285" s="1" t="s">
        <v>76068</v>
      </c>
      <c r="E21285" s="1" t="s">
        <v>76069</v>
      </c>
      <c r="F21285" s="1" t="s">
        <v>76070</v>
      </c>
      <c r="G21285" s="1" t="s">
        <v>75958</v>
      </c>
      <c r="H21285" s="1" t="s">
        <v>75959</v>
      </c>
      <c r="I21285" s="1" t="s">
        <v>75467</v>
      </c>
      <c r="J21285" s="1" t="s">
        <v>76071</v>
      </c>
    </row>
    <row r="21286" spans="1:10" x14ac:dyDescent="0.35">
      <c r="A21286" s="1" t="s">
        <v>75955</v>
      </c>
      <c r="B21286" s="1" t="s">
        <v>75461</v>
      </c>
      <c r="C21286" s="1" t="s">
        <v>170</v>
      </c>
      <c r="D21286" s="1" t="s">
        <v>76072</v>
      </c>
      <c r="E21286" s="1" t="s">
        <v>76073</v>
      </c>
      <c r="F21286" s="1" t="s">
        <v>76074</v>
      </c>
      <c r="G21286" s="1" t="s">
        <v>75958</v>
      </c>
      <c r="H21286" s="1" t="s">
        <v>75959</v>
      </c>
      <c r="I21286" s="1" t="s">
        <v>75467</v>
      </c>
      <c r="J21286" s="1" t="s">
        <v>76075</v>
      </c>
    </row>
    <row r="21287" spans="1:10" x14ac:dyDescent="0.35">
      <c r="A21287" s="1" t="s">
        <v>76076</v>
      </c>
      <c r="B21287" s="1" t="s">
        <v>75461</v>
      </c>
      <c r="C21287" s="1" t="s">
        <v>8</v>
      </c>
      <c r="D21287" s="1" t="s">
        <v>76077</v>
      </c>
      <c r="E21287" s="1" t="s">
        <v>76078</v>
      </c>
      <c r="F21287" s="1" t="s">
        <v>76079</v>
      </c>
      <c r="G21287" s="1" t="s">
        <v>76080</v>
      </c>
      <c r="H21287" s="1" t="s">
        <v>76081</v>
      </c>
      <c r="I21287" s="1" t="s">
        <v>75467</v>
      </c>
      <c r="J21287" s="1" t="s">
        <v>13</v>
      </c>
    </row>
    <row r="21288" spans="1:10" x14ac:dyDescent="0.35">
      <c r="A21288" s="1" t="s">
        <v>76076</v>
      </c>
      <c r="B21288" s="1" t="s">
        <v>75461</v>
      </c>
      <c r="C21288" s="1" t="s">
        <v>15</v>
      </c>
      <c r="D21288" s="1" t="s">
        <v>76082</v>
      </c>
      <c r="E21288" s="1" t="s">
        <v>76083</v>
      </c>
      <c r="F21288" s="1" t="s">
        <v>76084</v>
      </c>
      <c r="G21288" s="1" t="s">
        <v>76080</v>
      </c>
      <c r="H21288" s="1" t="s">
        <v>76081</v>
      </c>
      <c r="I21288" s="1" t="s">
        <v>75467</v>
      </c>
      <c r="J21288" s="1" t="s">
        <v>76085</v>
      </c>
    </row>
    <row r="21289" spans="1:10" x14ac:dyDescent="0.35">
      <c r="A21289" s="1" t="s">
        <v>76076</v>
      </c>
      <c r="B21289" s="1" t="s">
        <v>75461</v>
      </c>
      <c r="C21289" s="1" t="s">
        <v>20</v>
      </c>
      <c r="D21289" s="1" t="s">
        <v>76086</v>
      </c>
      <c r="E21289" s="1" t="s">
        <v>76087</v>
      </c>
      <c r="F21289" s="1" t="s">
        <v>76088</v>
      </c>
      <c r="G21289" s="1" t="s">
        <v>76080</v>
      </c>
      <c r="H21289" s="1" t="s">
        <v>76081</v>
      </c>
      <c r="I21289" s="1" t="s">
        <v>75467</v>
      </c>
      <c r="J21289" s="1" t="s">
        <v>76089</v>
      </c>
    </row>
    <row r="21290" spans="1:10" x14ac:dyDescent="0.35">
      <c r="A21290" s="1" t="s">
        <v>76076</v>
      </c>
      <c r="B21290" s="1" t="s">
        <v>75461</v>
      </c>
      <c r="C21290" s="1" t="s">
        <v>25</v>
      </c>
      <c r="D21290" s="1" t="s">
        <v>76090</v>
      </c>
      <c r="E21290" s="1" t="s">
        <v>76091</v>
      </c>
      <c r="F21290" s="1" t="s">
        <v>76092</v>
      </c>
      <c r="G21290" s="1" t="s">
        <v>76080</v>
      </c>
      <c r="H21290" s="1" t="s">
        <v>76081</v>
      </c>
      <c r="I21290" s="1" t="s">
        <v>75467</v>
      </c>
      <c r="J21290" s="1" t="s">
        <v>76093</v>
      </c>
    </row>
    <row r="21291" spans="1:10" x14ac:dyDescent="0.35">
      <c r="A21291" s="1" t="s">
        <v>76076</v>
      </c>
      <c r="B21291" s="1" t="s">
        <v>75461</v>
      </c>
      <c r="C21291" s="1" t="s">
        <v>30</v>
      </c>
      <c r="D21291" s="1" t="s">
        <v>76094</v>
      </c>
      <c r="E21291" s="1" t="s">
        <v>76095</v>
      </c>
      <c r="F21291" s="1" t="s">
        <v>76096</v>
      </c>
      <c r="G21291" s="1" t="s">
        <v>76080</v>
      </c>
      <c r="H21291" s="1" t="s">
        <v>76081</v>
      </c>
      <c r="I21291" s="1" t="s">
        <v>75467</v>
      </c>
      <c r="J21291" s="1" t="s">
        <v>76097</v>
      </c>
    </row>
    <row r="21292" spans="1:10" x14ac:dyDescent="0.35">
      <c r="A21292" s="1" t="s">
        <v>76076</v>
      </c>
      <c r="B21292" s="1" t="s">
        <v>75461</v>
      </c>
      <c r="C21292" s="1" t="s">
        <v>35</v>
      </c>
      <c r="D21292" s="1" t="s">
        <v>76098</v>
      </c>
      <c r="E21292" s="1" t="s">
        <v>76099</v>
      </c>
      <c r="F21292" s="1" t="s">
        <v>76100</v>
      </c>
      <c r="G21292" s="1" t="s">
        <v>76080</v>
      </c>
      <c r="H21292" s="1" t="s">
        <v>76081</v>
      </c>
      <c r="I21292" s="1" t="s">
        <v>75467</v>
      </c>
      <c r="J21292" s="1" t="s">
        <v>76101</v>
      </c>
    </row>
    <row r="21293" spans="1:10" x14ac:dyDescent="0.35">
      <c r="A21293" s="1" t="s">
        <v>76076</v>
      </c>
      <c r="B21293" s="1" t="s">
        <v>75461</v>
      </c>
      <c r="C21293" s="1" t="s">
        <v>40</v>
      </c>
      <c r="D21293" s="1" t="s">
        <v>76102</v>
      </c>
      <c r="E21293" s="1" t="s">
        <v>76103</v>
      </c>
      <c r="F21293" s="1" t="s">
        <v>76104</v>
      </c>
      <c r="G21293" s="1" t="s">
        <v>76080</v>
      </c>
      <c r="H21293" s="1" t="s">
        <v>76081</v>
      </c>
      <c r="I21293" s="1" t="s">
        <v>75467</v>
      </c>
      <c r="J21293" s="1" t="s">
        <v>76105</v>
      </c>
    </row>
    <row r="21294" spans="1:10" x14ac:dyDescent="0.35">
      <c r="A21294" s="1" t="s">
        <v>76076</v>
      </c>
      <c r="B21294" s="1" t="s">
        <v>75461</v>
      </c>
      <c r="C21294" s="1" t="s">
        <v>45</v>
      </c>
      <c r="D21294" s="1" t="s">
        <v>18354</v>
      </c>
      <c r="E21294" s="1" t="s">
        <v>76106</v>
      </c>
      <c r="F21294" s="1" t="s">
        <v>76107</v>
      </c>
      <c r="G21294" s="1" t="s">
        <v>76080</v>
      </c>
      <c r="H21294" s="1" t="s">
        <v>76081</v>
      </c>
      <c r="I21294" s="1" t="s">
        <v>75467</v>
      </c>
      <c r="J21294" s="1" t="s">
        <v>76108</v>
      </c>
    </row>
    <row r="21295" spans="1:10" x14ac:dyDescent="0.35">
      <c r="A21295" s="1" t="s">
        <v>76076</v>
      </c>
      <c r="B21295" s="1" t="s">
        <v>75461</v>
      </c>
      <c r="C21295" s="1" t="s">
        <v>50</v>
      </c>
      <c r="D21295" s="1" t="s">
        <v>76109</v>
      </c>
      <c r="E21295" s="1" t="s">
        <v>76110</v>
      </c>
      <c r="F21295" s="1" t="s">
        <v>76111</v>
      </c>
      <c r="G21295" s="1" t="s">
        <v>76080</v>
      </c>
      <c r="H21295" s="1" t="s">
        <v>76081</v>
      </c>
      <c r="I21295" s="1" t="s">
        <v>75467</v>
      </c>
      <c r="J21295" s="1" t="s">
        <v>76112</v>
      </c>
    </row>
    <row r="21296" spans="1:10" x14ac:dyDescent="0.35">
      <c r="A21296" s="1" t="s">
        <v>76076</v>
      </c>
      <c r="B21296" s="1" t="s">
        <v>75461</v>
      </c>
      <c r="C21296" s="1" t="s">
        <v>55</v>
      </c>
      <c r="D21296" s="1" t="s">
        <v>16838</v>
      </c>
      <c r="E21296" s="1" t="s">
        <v>76113</v>
      </c>
      <c r="F21296" s="1" t="s">
        <v>76114</v>
      </c>
      <c r="G21296" s="1" t="s">
        <v>76080</v>
      </c>
      <c r="H21296" s="1" t="s">
        <v>76081</v>
      </c>
      <c r="I21296" s="1" t="s">
        <v>75467</v>
      </c>
      <c r="J21296" s="1" t="s">
        <v>76115</v>
      </c>
    </row>
    <row r="21297" spans="1:10" x14ac:dyDescent="0.35">
      <c r="A21297" s="1" t="s">
        <v>76076</v>
      </c>
      <c r="B21297" s="1" t="s">
        <v>75461</v>
      </c>
      <c r="C21297" s="1" t="s">
        <v>60</v>
      </c>
      <c r="D21297" s="1" t="s">
        <v>76116</v>
      </c>
      <c r="E21297" s="1" t="s">
        <v>76117</v>
      </c>
      <c r="F21297" s="1" t="s">
        <v>76118</v>
      </c>
      <c r="G21297" s="1" t="s">
        <v>76080</v>
      </c>
      <c r="H21297" s="1" t="s">
        <v>76081</v>
      </c>
      <c r="I21297" s="1" t="s">
        <v>75467</v>
      </c>
      <c r="J21297" s="1" t="s">
        <v>76119</v>
      </c>
    </row>
    <row r="21298" spans="1:10" x14ac:dyDescent="0.35">
      <c r="A21298" s="1" t="s">
        <v>76076</v>
      </c>
      <c r="B21298" s="1" t="s">
        <v>75461</v>
      </c>
      <c r="C21298" s="1" t="s">
        <v>65</v>
      </c>
      <c r="D21298" s="1" t="s">
        <v>76120</v>
      </c>
      <c r="E21298" s="1" t="s">
        <v>76121</v>
      </c>
      <c r="F21298" s="1" t="s">
        <v>76122</v>
      </c>
      <c r="G21298" s="1" t="s">
        <v>76080</v>
      </c>
      <c r="H21298" s="1" t="s">
        <v>76081</v>
      </c>
      <c r="I21298" s="1" t="s">
        <v>75467</v>
      </c>
      <c r="J21298" s="1" t="s">
        <v>76123</v>
      </c>
    </row>
    <row r="21299" spans="1:10" x14ac:dyDescent="0.35">
      <c r="A21299" s="1" t="s">
        <v>76076</v>
      </c>
      <c r="B21299" s="1" t="s">
        <v>75461</v>
      </c>
      <c r="C21299" s="1" t="s">
        <v>70</v>
      </c>
      <c r="D21299" s="1" t="s">
        <v>76124</v>
      </c>
      <c r="E21299" s="1" t="s">
        <v>76125</v>
      </c>
      <c r="F21299" s="1" t="s">
        <v>76126</v>
      </c>
      <c r="G21299" s="1" t="s">
        <v>76080</v>
      </c>
      <c r="H21299" s="1" t="s">
        <v>76081</v>
      </c>
      <c r="I21299" s="1" t="s">
        <v>75467</v>
      </c>
      <c r="J21299" s="1" t="s">
        <v>76127</v>
      </c>
    </row>
    <row r="21300" spans="1:10" x14ac:dyDescent="0.35">
      <c r="A21300" s="1" t="s">
        <v>76076</v>
      </c>
      <c r="B21300" s="1" t="s">
        <v>75461</v>
      </c>
      <c r="C21300" s="1" t="s">
        <v>75</v>
      </c>
      <c r="D21300" s="1" t="s">
        <v>58991</v>
      </c>
      <c r="E21300" s="1" t="s">
        <v>76128</v>
      </c>
      <c r="F21300" s="1" t="s">
        <v>76129</v>
      </c>
      <c r="G21300" s="1" t="s">
        <v>76080</v>
      </c>
      <c r="H21300" s="1" t="s">
        <v>76081</v>
      </c>
      <c r="I21300" s="1" t="s">
        <v>75467</v>
      </c>
      <c r="J21300" s="1" t="s">
        <v>76130</v>
      </c>
    </row>
    <row r="21301" spans="1:10" x14ac:dyDescent="0.35">
      <c r="A21301" s="1" t="s">
        <v>76076</v>
      </c>
      <c r="B21301" s="1" t="s">
        <v>75461</v>
      </c>
      <c r="C21301" s="1" t="s">
        <v>80</v>
      </c>
      <c r="D21301" s="1" t="s">
        <v>76131</v>
      </c>
      <c r="E21301" s="1" t="s">
        <v>76132</v>
      </c>
      <c r="F21301" s="1" t="s">
        <v>76133</v>
      </c>
      <c r="G21301" s="1" t="s">
        <v>76080</v>
      </c>
      <c r="H21301" s="1" t="s">
        <v>76081</v>
      </c>
      <c r="I21301" s="1" t="s">
        <v>75467</v>
      </c>
      <c r="J21301" s="1" t="s">
        <v>76134</v>
      </c>
    </row>
    <row r="21302" spans="1:10" x14ac:dyDescent="0.35">
      <c r="A21302" s="1" t="s">
        <v>76076</v>
      </c>
      <c r="B21302" s="1" t="s">
        <v>75461</v>
      </c>
      <c r="C21302" s="1" t="s">
        <v>85</v>
      </c>
      <c r="D21302" s="1" t="s">
        <v>76135</v>
      </c>
      <c r="E21302" s="1" t="s">
        <v>76136</v>
      </c>
      <c r="F21302" s="1" t="s">
        <v>76137</v>
      </c>
      <c r="G21302" s="1" t="s">
        <v>76080</v>
      </c>
      <c r="H21302" s="1" t="s">
        <v>76081</v>
      </c>
      <c r="I21302" s="1" t="s">
        <v>75467</v>
      </c>
      <c r="J21302" s="1" t="s">
        <v>76138</v>
      </c>
    </row>
    <row r="21303" spans="1:10" x14ac:dyDescent="0.35">
      <c r="A21303" s="1" t="s">
        <v>76076</v>
      </c>
      <c r="B21303" s="1" t="s">
        <v>75461</v>
      </c>
      <c r="C21303" s="1" t="s">
        <v>90</v>
      </c>
      <c r="D21303" s="1" t="s">
        <v>52534</v>
      </c>
      <c r="E21303" s="1" t="s">
        <v>76139</v>
      </c>
      <c r="F21303" s="1" t="s">
        <v>76140</v>
      </c>
      <c r="G21303" s="1" t="s">
        <v>76080</v>
      </c>
      <c r="H21303" s="1" t="s">
        <v>76081</v>
      </c>
      <c r="I21303" s="1" t="s">
        <v>75467</v>
      </c>
      <c r="J21303" s="1" t="s">
        <v>76141</v>
      </c>
    </row>
    <row r="21304" spans="1:10" x14ac:dyDescent="0.35">
      <c r="A21304" s="1" t="s">
        <v>76076</v>
      </c>
      <c r="B21304" s="1" t="s">
        <v>75461</v>
      </c>
      <c r="C21304" s="1" t="s">
        <v>95</v>
      </c>
      <c r="D21304" s="1" t="s">
        <v>76142</v>
      </c>
      <c r="E21304" s="1" t="s">
        <v>76143</v>
      </c>
      <c r="F21304" s="1" t="s">
        <v>76144</v>
      </c>
      <c r="G21304" s="1" t="s">
        <v>76080</v>
      </c>
      <c r="H21304" s="1" t="s">
        <v>76081</v>
      </c>
      <c r="I21304" s="1" t="s">
        <v>75467</v>
      </c>
      <c r="J21304" s="1" t="s">
        <v>76145</v>
      </c>
    </row>
    <row r="21305" spans="1:10" x14ac:dyDescent="0.35">
      <c r="A21305" s="1" t="s">
        <v>76076</v>
      </c>
      <c r="B21305" s="1" t="s">
        <v>75461</v>
      </c>
      <c r="C21305" s="1" t="s">
        <v>100</v>
      </c>
      <c r="D21305" s="1" t="s">
        <v>43095</v>
      </c>
      <c r="E21305" s="1" t="s">
        <v>76146</v>
      </c>
      <c r="F21305" s="1" t="s">
        <v>76147</v>
      </c>
      <c r="G21305" s="1" t="s">
        <v>76080</v>
      </c>
      <c r="H21305" s="1" t="s">
        <v>76081</v>
      </c>
      <c r="I21305" s="1" t="s">
        <v>75467</v>
      </c>
      <c r="J21305" s="1" t="s">
        <v>76148</v>
      </c>
    </row>
    <row r="21306" spans="1:10" x14ac:dyDescent="0.35">
      <c r="A21306" s="1" t="s">
        <v>76076</v>
      </c>
      <c r="B21306" s="1" t="s">
        <v>75461</v>
      </c>
      <c r="C21306" s="1" t="s">
        <v>105</v>
      </c>
      <c r="D21306" s="1" t="s">
        <v>76149</v>
      </c>
      <c r="E21306" s="1" t="s">
        <v>76150</v>
      </c>
      <c r="F21306" s="1" t="s">
        <v>76151</v>
      </c>
      <c r="G21306" s="1" t="s">
        <v>76080</v>
      </c>
      <c r="H21306" s="1" t="s">
        <v>76081</v>
      </c>
      <c r="I21306" s="1" t="s">
        <v>75467</v>
      </c>
      <c r="J21306" s="1" t="s">
        <v>76152</v>
      </c>
    </row>
    <row r="21307" spans="1:10" x14ac:dyDescent="0.35">
      <c r="A21307" s="1" t="s">
        <v>76076</v>
      </c>
      <c r="B21307" s="1" t="s">
        <v>75461</v>
      </c>
      <c r="C21307" s="1" t="s">
        <v>110</v>
      </c>
      <c r="D21307" s="1" t="s">
        <v>75718</v>
      </c>
      <c r="E21307" s="1" t="s">
        <v>76153</v>
      </c>
      <c r="F21307" s="1" t="s">
        <v>76154</v>
      </c>
      <c r="G21307" s="1" t="s">
        <v>76080</v>
      </c>
      <c r="H21307" s="1" t="s">
        <v>76081</v>
      </c>
      <c r="I21307" s="1" t="s">
        <v>75467</v>
      </c>
      <c r="J21307" s="1" t="s">
        <v>76155</v>
      </c>
    </row>
    <row r="21308" spans="1:10" x14ac:dyDescent="0.35">
      <c r="A21308" s="1" t="s">
        <v>76076</v>
      </c>
      <c r="B21308" s="1" t="s">
        <v>75461</v>
      </c>
      <c r="C21308" s="1" t="s">
        <v>115</v>
      </c>
      <c r="D21308" s="1" t="s">
        <v>76156</v>
      </c>
      <c r="E21308" s="1" t="s">
        <v>76157</v>
      </c>
      <c r="F21308" s="1" t="s">
        <v>76158</v>
      </c>
      <c r="G21308" s="1" t="s">
        <v>76080</v>
      </c>
      <c r="H21308" s="1" t="s">
        <v>76081</v>
      </c>
      <c r="I21308" s="1" t="s">
        <v>75467</v>
      </c>
      <c r="J21308" s="1" t="s">
        <v>76159</v>
      </c>
    </row>
    <row r="21309" spans="1:10" x14ac:dyDescent="0.35">
      <c r="A21309" s="1" t="s">
        <v>76076</v>
      </c>
      <c r="B21309" s="1" t="s">
        <v>75461</v>
      </c>
      <c r="C21309" s="1" t="s">
        <v>120</v>
      </c>
      <c r="D21309" s="1" t="s">
        <v>76160</v>
      </c>
      <c r="E21309" s="1" t="s">
        <v>76161</v>
      </c>
      <c r="F21309" s="1" t="s">
        <v>76162</v>
      </c>
      <c r="G21309" s="1" t="s">
        <v>76080</v>
      </c>
      <c r="H21309" s="1" t="s">
        <v>76081</v>
      </c>
      <c r="I21309" s="1" t="s">
        <v>75467</v>
      </c>
      <c r="J21309" s="1" t="s">
        <v>76163</v>
      </c>
    </row>
    <row r="21310" spans="1:10" x14ac:dyDescent="0.35">
      <c r="A21310" s="1" t="s">
        <v>76076</v>
      </c>
      <c r="B21310" s="1" t="s">
        <v>75461</v>
      </c>
      <c r="C21310" s="1" t="s">
        <v>125</v>
      </c>
      <c r="D21310" s="1" t="s">
        <v>76164</v>
      </c>
      <c r="E21310" s="1" t="s">
        <v>76165</v>
      </c>
      <c r="F21310" s="1" t="s">
        <v>76166</v>
      </c>
      <c r="G21310" s="1" t="s">
        <v>76080</v>
      </c>
      <c r="H21310" s="1" t="s">
        <v>76081</v>
      </c>
      <c r="I21310" s="1" t="s">
        <v>75467</v>
      </c>
      <c r="J21310" s="1" t="s">
        <v>76167</v>
      </c>
    </row>
    <row r="21311" spans="1:10" x14ac:dyDescent="0.35">
      <c r="A21311" s="1" t="s">
        <v>76076</v>
      </c>
      <c r="B21311" s="1" t="s">
        <v>75461</v>
      </c>
      <c r="C21311" s="1" t="s">
        <v>130</v>
      </c>
      <c r="D21311" s="1" t="s">
        <v>76168</v>
      </c>
      <c r="E21311" s="1" t="s">
        <v>76169</v>
      </c>
      <c r="F21311" s="1" t="s">
        <v>76170</v>
      </c>
      <c r="G21311" s="1" t="s">
        <v>76080</v>
      </c>
      <c r="H21311" s="1" t="s">
        <v>76081</v>
      </c>
      <c r="I21311" s="1" t="s">
        <v>75467</v>
      </c>
      <c r="J21311" s="1" t="s">
        <v>76171</v>
      </c>
    </row>
    <row r="21312" spans="1:10" x14ac:dyDescent="0.35">
      <c r="A21312" s="1" t="s">
        <v>76076</v>
      </c>
      <c r="B21312" s="1" t="s">
        <v>75461</v>
      </c>
      <c r="C21312" s="1" t="s">
        <v>135</v>
      </c>
      <c r="D21312" s="1" t="s">
        <v>76172</v>
      </c>
      <c r="E21312" s="1" t="s">
        <v>76173</v>
      </c>
      <c r="F21312" s="1" t="s">
        <v>76174</v>
      </c>
      <c r="G21312" s="1" t="s">
        <v>76080</v>
      </c>
      <c r="H21312" s="1" t="s">
        <v>76081</v>
      </c>
      <c r="I21312" s="1" t="s">
        <v>75467</v>
      </c>
      <c r="J21312" s="1" t="s">
        <v>76175</v>
      </c>
    </row>
    <row r="21313" spans="1:10" x14ac:dyDescent="0.35">
      <c r="A21313" s="1" t="s">
        <v>76076</v>
      </c>
      <c r="B21313" s="1" t="s">
        <v>75461</v>
      </c>
      <c r="C21313" s="1" t="s">
        <v>140</v>
      </c>
      <c r="D21313" s="1" t="s">
        <v>56704</v>
      </c>
      <c r="E21313" s="1" t="s">
        <v>76176</v>
      </c>
      <c r="F21313" s="1" t="s">
        <v>76177</v>
      </c>
      <c r="G21313" s="1" t="s">
        <v>76080</v>
      </c>
      <c r="H21313" s="1" t="s">
        <v>76081</v>
      </c>
      <c r="I21313" s="1" t="s">
        <v>75467</v>
      </c>
      <c r="J21313" s="1" t="s">
        <v>76178</v>
      </c>
    </row>
    <row r="21314" spans="1:10" x14ac:dyDescent="0.35">
      <c r="A21314" s="1" t="s">
        <v>76076</v>
      </c>
      <c r="B21314" s="1" t="s">
        <v>75461</v>
      </c>
      <c r="C21314" s="1" t="s">
        <v>145</v>
      </c>
      <c r="D21314" s="1" t="s">
        <v>11107</v>
      </c>
      <c r="E21314" s="1" t="s">
        <v>76179</v>
      </c>
      <c r="F21314" s="1" t="s">
        <v>76180</v>
      </c>
      <c r="G21314" s="1" t="s">
        <v>76080</v>
      </c>
      <c r="H21314" s="1" t="s">
        <v>76081</v>
      </c>
      <c r="I21314" s="1" t="s">
        <v>75467</v>
      </c>
      <c r="J21314" s="1" t="s">
        <v>76181</v>
      </c>
    </row>
    <row r="21315" spans="1:10" x14ac:dyDescent="0.35">
      <c r="A21315" s="1" t="s">
        <v>76076</v>
      </c>
      <c r="B21315" s="1" t="s">
        <v>75461</v>
      </c>
      <c r="C21315" s="1" t="s">
        <v>150</v>
      </c>
      <c r="D21315" s="1" t="s">
        <v>76182</v>
      </c>
      <c r="E21315" s="1" t="s">
        <v>76183</v>
      </c>
      <c r="F21315" s="1" t="s">
        <v>76184</v>
      </c>
      <c r="G21315" s="1" t="s">
        <v>76080</v>
      </c>
      <c r="H21315" s="1" t="s">
        <v>76081</v>
      </c>
      <c r="I21315" s="1" t="s">
        <v>75467</v>
      </c>
      <c r="J21315" s="1" t="s">
        <v>76185</v>
      </c>
    </row>
    <row r="21316" spans="1:10" x14ac:dyDescent="0.35">
      <c r="A21316" s="1" t="s">
        <v>76076</v>
      </c>
      <c r="B21316" s="1" t="s">
        <v>75461</v>
      </c>
      <c r="C21316" s="1" t="s">
        <v>155</v>
      </c>
      <c r="D21316" s="1" t="s">
        <v>76186</v>
      </c>
      <c r="E21316" s="1" t="s">
        <v>76187</v>
      </c>
      <c r="F21316" s="1" t="s">
        <v>76188</v>
      </c>
      <c r="G21316" s="1" t="s">
        <v>76080</v>
      </c>
      <c r="H21316" s="1" t="s">
        <v>76081</v>
      </c>
      <c r="I21316" s="1" t="s">
        <v>75467</v>
      </c>
      <c r="J21316" s="1" t="s">
        <v>76189</v>
      </c>
    </row>
    <row r="21317" spans="1:10" x14ac:dyDescent="0.35">
      <c r="A21317" s="1" t="s">
        <v>76076</v>
      </c>
      <c r="B21317" s="1" t="s">
        <v>75461</v>
      </c>
      <c r="C21317" s="1" t="s">
        <v>160</v>
      </c>
      <c r="D21317" s="1" t="s">
        <v>12459</v>
      </c>
      <c r="E21317" s="1" t="s">
        <v>76190</v>
      </c>
      <c r="F21317" s="1" t="s">
        <v>76191</v>
      </c>
      <c r="G21317" s="1" t="s">
        <v>76080</v>
      </c>
      <c r="H21317" s="1" t="s">
        <v>76081</v>
      </c>
      <c r="I21317" s="1" t="s">
        <v>75467</v>
      </c>
      <c r="J21317" s="1" t="s">
        <v>76192</v>
      </c>
    </row>
    <row r="21318" spans="1:10" x14ac:dyDescent="0.35">
      <c r="A21318" s="1" t="s">
        <v>76076</v>
      </c>
      <c r="B21318" s="1" t="s">
        <v>75461</v>
      </c>
      <c r="C21318" s="1" t="s">
        <v>165</v>
      </c>
      <c r="D21318" s="1" t="s">
        <v>76193</v>
      </c>
      <c r="E21318" s="1" t="s">
        <v>76194</v>
      </c>
      <c r="F21318" s="1" t="s">
        <v>76195</v>
      </c>
      <c r="G21318" s="1" t="s">
        <v>76080</v>
      </c>
      <c r="H21318" s="1" t="s">
        <v>76081</v>
      </c>
      <c r="I21318" s="1" t="s">
        <v>75467</v>
      </c>
      <c r="J21318" s="1" t="s">
        <v>76196</v>
      </c>
    </row>
    <row r="21319" spans="1:10" x14ac:dyDescent="0.35">
      <c r="A21319" s="1" t="s">
        <v>76076</v>
      </c>
      <c r="B21319" s="1" t="s">
        <v>75461</v>
      </c>
      <c r="C21319" s="1" t="s">
        <v>170</v>
      </c>
      <c r="D21319" s="1" t="s">
        <v>69321</v>
      </c>
      <c r="E21319" s="1" t="s">
        <v>76197</v>
      </c>
      <c r="F21319" s="1" t="s">
        <v>76198</v>
      </c>
      <c r="G21319" s="1" t="s">
        <v>76080</v>
      </c>
      <c r="H21319" s="1" t="s">
        <v>76081</v>
      </c>
      <c r="I21319" s="1" t="s">
        <v>75467</v>
      </c>
      <c r="J21319" s="1" t="s">
        <v>76199</v>
      </c>
    </row>
    <row r="21320" spans="1:10" x14ac:dyDescent="0.35">
      <c r="A21320" s="1" t="s">
        <v>7267</v>
      </c>
      <c r="B21320" s="1" t="s">
        <v>75461</v>
      </c>
      <c r="C21320" s="1" t="s">
        <v>8</v>
      </c>
      <c r="D21320" s="1" t="s">
        <v>64301</v>
      </c>
      <c r="E21320" s="1" t="s">
        <v>76200</v>
      </c>
      <c r="F21320" s="1" t="s">
        <v>76201</v>
      </c>
      <c r="G21320" s="1" t="s">
        <v>76202</v>
      </c>
      <c r="H21320" s="1" t="s">
        <v>76203</v>
      </c>
      <c r="I21320" s="1" t="s">
        <v>75467</v>
      </c>
      <c r="J21320" s="1" t="s">
        <v>13</v>
      </c>
    </row>
    <row r="21321" spans="1:10" x14ac:dyDescent="0.35">
      <c r="A21321" s="1" t="s">
        <v>7267</v>
      </c>
      <c r="B21321" s="1" t="s">
        <v>75461</v>
      </c>
      <c r="C21321" s="1" t="s">
        <v>15</v>
      </c>
      <c r="D21321" s="1" t="s">
        <v>76204</v>
      </c>
      <c r="E21321" s="1" t="s">
        <v>76205</v>
      </c>
      <c r="F21321" s="1" t="s">
        <v>76206</v>
      </c>
      <c r="G21321" s="1" t="s">
        <v>76202</v>
      </c>
      <c r="H21321" s="1" t="s">
        <v>76203</v>
      </c>
      <c r="I21321" s="1" t="s">
        <v>75467</v>
      </c>
      <c r="J21321" s="1" t="s">
        <v>76207</v>
      </c>
    </row>
    <row r="21322" spans="1:10" x14ac:dyDescent="0.35">
      <c r="A21322" s="1" t="s">
        <v>7267</v>
      </c>
      <c r="B21322" s="1" t="s">
        <v>75461</v>
      </c>
      <c r="C21322" s="1" t="s">
        <v>20</v>
      </c>
      <c r="D21322" s="1" t="s">
        <v>53863</v>
      </c>
      <c r="E21322" s="1" t="s">
        <v>76208</v>
      </c>
      <c r="F21322" s="1" t="s">
        <v>76209</v>
      </c>
      <c r="G21322" s="1" t="s">
        <v>76202</v>
      </c>
      <c r="H21322" s="1" t="s">
        <v>76203</v>
      </c>
      <c r="I21322" s="1" t="s">
        <v>75467</v>
      </c>
      <c r="J21322" s="1" t="s">
        <v>76210</v>
      </c>
    </row>
    <row r="21323" spans="1:10" x14ac:dyDescent="0.35">
      <c r="A21323" s="1" t="s">
        <v>7267</v>
      </c>
      <c r="B21323" s="1" t="s">
        <v>75461</v>
      </c>
      <c r="C21323" s="1" t="s">
        <v>25</v>
      </c>
      <c r="D21323" s="1" t="s">
        <v>2730</v>
      </c>
      <c r="E21323" s="1" t="s">
        <v>76211</v>
      </c>
      <c r="F21323" s="1" t="s">
        <v>76212</v>
      </c>
      <c r="G21323" s="1" t="s">
        <v>76202</v>
      </c>
      <c r="H21323" s="1" t="s">
        <v>76203</v>
      </c>
      <c r="I21323" s="1" t="s">
        <v>75467</v>
      </c>
      <c r="J21323" s="1" t="s">
        <v>76213</v>
      </c>
    </row>
    <row r="21324" spans="1:10" x14ac:dyDescent="0.35">
      <c r="A21324" s="1" t="s">
        <v>7267</v>
      </c>
      <c r="B21324" s="1" t="s">
        <v>75461</v>
      </c>
      <c r="C21324" s="1" t="s">
        <v>30</v>
      </c>
      <c r="D21324" s="1" t="s">
        <v>76214</v>
      </c>
      <c r="E21324" s="1" t="s">
        <v>76215</v>
      </c>
      <c r="F21324" s="1" t="s">
        <v>76216</v>
      </c>
      <c r="G21324" s="1" t="s">
        <v>76202</v>
      </c>
      <c r="H21324" s="1" t="s">
        <v>76203</v>
      </c>
      <c r="I21324" s="1" t="s">
        <v>75467</v>
      </c>
      <c r="J21324" s="1" t="s">
        <v>76217</v>
      </c>
    </row>
    <row r="21325" spans="1:10" x14ac:dyDescent="0.35">
      <c r="A21325" s="1" t="s">
        <v>7267</v>
      </c>
      <c r="B21325" s="1" t="s">
        <v>75461</v>
      </c>
      <c r="C21325" s="1" t="s">
        <v>35</v>
      </c>
      <c r="D21325" s="1" t="s">
        <v>76218</v>
      </c>
      <c r="E21325" s="1" t="s">
        <v>76219</v>
      </c>
      <c r="F21325" s="1" t="s">
        <v>76220</v>
      </c>
      <c r="G21325" s="1" t="s">
        <v>76202</v>
      </c>
      <c r="H21325" s="1" t="s">
        <v>76203</v>
      </c>
      <c r="I21325" s="1" t="s">
        <v>75467</v>
      </c>
      <c r="J21325" s="1" t="s">
        <v>76221</v>
      </c>
    </row>
    <row r="21326" spans="1:10" x14ac:dyDescent="0.35">
      <c r="A21326" s="1" t="s">
        <v>7267</v>
      </c>
      <c r="B21326" s="1" t="s">
        <v>75461</v>
      </c>
      <c r="C21326" s="1" t="s">
        <v>40</v>
      </c>
      <c r="D21326" s="1" t="s">
        <v>76222</v>
      </c>
      <c r="E21326" s="1" t="s">
        <v>76223</v>
      </c>
      <c r="F21326" s="1" t="s">
        <v>76224</v>
      </c>
      <c r="G21326" s="1" t="s">
        <v>76202</v>
      </c>
      <c r="H21326" s="1" t="s">
        <v>76203</v>
      </c>
      <c r="I21326" s="1" t="s">
        <v>75467</v>
      </c>
      <c r="J21326" s="1" t="s">
        <v>76225</v>
      </c>
    </row>
    <row r="21327" spans="1:10" x14ac:dyDescent="0.35">
      <c r="A21327" s="1" t="s">
        <v>7267</v>
      </c>
      <c r="B21327" s="1" t="s">
        <v>75461</v>
      </c>
      <c r="C21327" s="1" t="s">
        <v>45</v>
      </c>
      <c r="D21327" s="1" t="s">
        <v>76226</v>
      </c>
      <c r="E21327" s="1" t="s">
        <v>76227</v>
      </c>
      <c r="F21327" s="1" t="s">
        <v>76228</v>
      </c>
      <c r="G21327" s="1" t="s">
        <v>76202</v>
      </c>
      <c r="H21327" s="1" t="s">
        <v>76203</v>
      </c>
      <c r="I21327" s="1" t="s">
        <v>75467</v>
      </c>
      <c r="J21327" s="1" t="s">
        <v>76229</v>
      </c>
    </row>
    <row r="21328" spans="1:10" x14ac:dyDescent="0.35">
      <c r="A21328" s="1" t="s">
        <v>7267</v>
      </c>
      <c r="B21328" s="1" t="s">
        <v>75461</v>
      </c>
      <c r="C21328" s="1" t="s">
        <v>50</v>
      </c>
      <c r="D21328" s="1" t="s">
        <v>76230</v>
      </c>
      <c r="E21328" s="1" t="s">
        <v>76231</v>
      </c>
      <c r="F21328" s="1" t="s">
        <v>76232</v>
      </c>
      <c r="G21328" s="1" t="s">
        <v>76202</v>
      </c>
      <c r="H21328" s="1" t="s">
        <v>76203</v>
      </c>
      <c r="I21328" s="1" t="s">
        <v>75467</v>
      </c>
      <c r="J21328" s="1" t="s">
        <v>76233</v>
      </c>
    </row>
    <row r="21329" spans="1:10" x14ac:dyDescent="0.35">
      <c r="A21329" s="1" t="s">
        <v>7267</v>
      </c>
      <c r="B21329" s="1" t="s">
        <v>75461</v>
      </c>
      <c r="C21329" s="1" t="s">
        <v>55</v>
      </c>
      <c r="D21329" s="1" t="s">
        <v>63015</v>
      </c>
      <c r="E21329" s="1" t="s">
        <v>76234</v>
      </c>
      <c r="F21329" s="1" t="s">
        <v>76235</v>
      </c>
      <c r="G21329" s="1" t="s">
        <v>76202</v>
      </c>
      <c r="H21329" s="1" t="s">
        <v>76203</v>
      </c>
      <c r="I21329" s="1" t="s">
        <v>75467</v>
      </c>
      <c r="J21329" s="1" t="s">
        <v>76236</v>
      </c>
    </row>
    <row r="21330" spans="1:10" x14ac:dyDescent="0.35">
      <c r="A21330" s="1" t="s">
        <v>7267</v>
      </c>
      <c r="B21330" s="1" t="s">
        <v>75461</v>
      </c>
      <c r="C21330" s="1" t="s">
        <v>60</v>
      </c>
      <c r="D21330" s="1" t="s">
        <v>76237</v>
      </c>
      <c r="E21330" s="1" t="s">
        <v>76238</v>
      </c>
      <c r="F21330" s="1" t="s">
        <v>76239</v>
      </c>
      <c r="G21330" s="1" t="s">
        <v>76202</v>
      </c>
      <c r="H21330" s="1" t="s">
        <v>76203</v>
      </c>
      <c r="I21330" s="1" t="s">
        <v>75467</v>
      </c>
      <c r="J21330" s="1" t="s">
        <v>76240</v>
      </c>
    </row>
    <row r="21331" spans="1:10" x14ac:dyDescent="0.35">
      <c r="A21331" s="1" t="s">
        <v>7267</v>
      </c>
      <c r="B21331" s="1" t="s">
        <v>75461</v>
      </c>
      <c r="C21331" s="1" t="s">
        <v>65</v>
      </c>
      <c r="D21331" s="1" t="s">
        <v>41550</v>
      </c>
      <c r="E21331" s="1" t="s">
        <v>76241</v>
      </c>
      <c r="F21331" s="1" t="s">
        <v>76242</v>
      </c>
      <c r="G21331" s="1" t="s">
        <v>76202</v>
      </c>
      <c r="H21331" s="1" t="s">
        <v>76203</v>
      </c>
      <c r="I21331" s="1" t="s">
        <v>75467</v>
      </c>
      <c r="J21331" s="1" t="s">
        <v>76243</v>
      </c>
    </row>
    <row r="21332" spans="1:10" x14ac:dyDescent="0.35">
      <c r="A21332" s="1" t="s">
        <v>7267</v>
      </c>
      <c r="B21332" s="1" t="s">
        <v>75461</v>
      </c>
      <c r="C21332" s="1" t="s">
        <v>70</v>
      </c>
      <c r="D21332" s="1" t="s">
        <v>76244</v>
      </c>
      <c r="E21332" s="1" t="s">
        <v>76245</v>
      </c>
      <c r="F21332" s="1" t="s">
        <v>76246</v>
      </c>
      <c r="G21332" s="1" t="s">
        <v>76202</v>
      </c>
      <c r="H21332" s="1" t="s">
        <v>76203</v>
      </c>
      <c r="I21332" s="1" t="s">
        <v>75467</v>
      </c>
      <c r="J21332" s="1" t="s">
        <v>76247</v>
      </c>
    </row>
    <row r="21333" spans="1:10" x14ac:dyDescent="0.35">
      <c r="A21333" s="1" t="s">
        <v>7267</v>
      </c>
      <c r="B21333" s="1" t="s">
        <v>75461</v>
      </c>
      <c r="C21333" s="1" t="s">
        <v>75</v>
      </c>
      <c r="D21333" s="1" t="s">
        <v>19927</v>
      </c>
      <c r="E21333" s="1" t="s">
        <v>76248</v>
      </c>
      <c r="F21333" s="1" t="s">
        <v>76249</v>
      </c>
      <c r="G21333" s="1" t="s">
        <v>76202</v>
      </c>
      <c r="H21333" s="1" t="s">
        <v>76203</v>
      </c>
      <c r="I21333" s="1" t="s">
        <v>75467</v>
      </c>
      <c r="J21333" s="1" t="s">
        <v>76250</v>
      </c>
    </row>
    <row r="21334" spans="1:10" x14ac:dyDescent="0.35">
      <c r="A21334" s="1" t="s">
        <v>7267</v>
      </c>
      <c r="B21334" s="1" t="s">
        <v>75461</v>
      </c>
      <c r="C21334" s="1" t="s">
        <v>80</v>
      </c>
      <c r="D21334" s="1" t="s">
        <v>471</v>
      </c>
      <c r="E21334" s="1" t="s">
        <v>76251</v>
      </c>
      <c r="F21334" s="1" t="s">
        <v>76252</v>
      </c>
      <c r="G21334" s="1" t="s">
        <v>76202</v>
      </c>
      <c r="H21334" s="1" t="s">
        <v>76203</v>
      </c>
      <c r="I21334" s="1" t="s">
        <v>75467</v>
      </c>
      <c r="J21334" s="1" t="s">
        <v>76253</v>
      </c>
    </row>
    <row r="21335" spans="1:10" x14ac:dyDescent="0.35">
      <c r="A21335" s="1" t="s">
        <v>7267</v>
      </c>
      <c r="B21335" s="1" t="s">
        <v>75461</v>
      </c>
      <c r="C21335" s="1" t="s">
        <v>85</v>
      </c>
      <c r="D21335" s="1" t="s">
        <v>76254</v>
      </c>
      <c r="E21335" s="1" t="s">
        <v>76255</v>
      </c>
      <c r="F21335" s="1" t="s">
        <v>76256</v>
      </c>
      <c r="G21335" s="1" t="s">
        <v>76202</v>
      </c>
      <c r="H21335" s="1" t="s">
        <v>76203</v>
      </c>
      <c r="I21335" s="1" t="s">
        <v>75467</v>
      </c>
      <c r="J21335" s="1" t="s">
        <v>76257</v>
      </c>
    </row>
    <row r="21336" spans="1:10" x14ac:dyDescent="0.35">
      <c r="A21336" s="1" t="s">
        <v>7267</v>
      </c>
      <c r="B21336" s="1" t="s">
        <v>75461</v>
      </c>
      <c r="C21336" s="1" t="s">
        <v>90</v>
      </c>
      <c r="D21336" s="1" t="s">
        <v>76258</v>
      </c>
      <c r="E21336" s="1" t="s">
        <v>76259</v>
      </c>
      <c r="F21336" s="1" t="s">
        <v>76260</v>
      </c>
      <c r="G21336" s="1" t="s">
        <v>76202</v>
      </c>
      <c r="H21336" s="1" t="s">
        <v>76203</v>
      </c>
      <c r="I21336" s="1" t="s">
        <v>75467</v>
      </c>
      <c r="J21336" s="1" t="s">
        <v>76261</v>
      </c>
    </row>
    <row r="21337" spans="1:10" x14ac:dyDescent="0.35">
      <c r="A21337" s="1" t="s">
        <v>7267</v>
      </c>
      <c r="B21337" s="1" t="s">
        <v>75461</v>
      </c>
      <c r="C21337" s="1" t="s">
        <v>95</v>
      </c>
      <c r="D21337" s="1" t="s">
        <v>76262</v>
      </c>
      <c r="E21337" s="1" t="s">
        <v>76263</v>
      </c>
      <c r="F21337" s="1" t="s">
        <v>76264</v>
      </c>
      <c r="G21337" s="1" t="s">
        <v>76202</v>
      </c>
      <c r="H21337" s="1" t="s">
        <v>76203</v>
      </c>
      <c r="I21337" s="1" t="s">
        <v>75467</v>
      </c>
      <c r="J21337" s="1" t="s">
        <v>76265</v>
      </c>
    </row>
    <row r="21338" spans="1:10" x14ac:dyDescent="0.35">
      <c r="A21338" s="1" t="s">
        <v>7267</v>
      </c>
      <c r="B21338" s="1" t="s">
        <v>75461</v>
      </c>
      <c r="C21338" s="1" t="s">
        <v>100</v>
      </c>
      <c r="D21338" s="1" t="s">
        <v>76266</v>
      </c>
      <c r="E21338" s="1" t="s">
        <v>76267</v>
      </c>
      <c r="F21338" s="1" t="s">
        <v>76268</v>
      </c>
      <c r="G21338" s="1" t="s">
        <v>76202</v>
      </c>
      <c r="H21338" s="1" t="s">
        <v>76203</v>
      </c>
      <c r="I21338" s="1" t="s">
        <v>75467</v>
      </c>
      <c r="J21338" s="1" t="s">
        <v>76269</v>
      </c>
    </row>
    <row r="21339" spans="1:10" x14ac:dyDescent="0.35">
      <c r="A21339" s="1" t="s">
        <v>7267</v>
      </c>
      <c r="B21339" s="1" t="s">
        <v>75461</v>
      </c>
      <c r="C21339" s="1" t="s">
        <v>105</v>
      </c>
      <c r="D21339" s="1" t="s">
        <v>76270</v>
      </c>
      <c r="E21339" s="1" t="s">
        <v>76271</v>
      </c>
      <c r="F21339" s="1" t="s">
        <v>76272</v>
      </c>
      <c r="G21339" s="1" t="s">
        <v>76202</v>
      </c>
      <c r="H21339" s="1" t="s">
        <v>76203</v>
      </c>
      <c r="I21339" s="1" t="s">
        <v>75467</v>
      </c>
      <c r="J21339" s="1" t="s">
        <v>76273</v>
      </c>
    </row>
    <row r="21340" spans="1:10" x14ac:dyDescent="0.35">
      <c r="A21340" s="1" t="s">
        <v>7267</v>
      </c>
      <c r="B21340" s="1" t="s">
        <v>75461</v>
      </c>
      <c r="C21340" s="1" t="s">
        <v>110</v>
      </c>
      <c r="D21340" s="1" t="s">
        <v>76274</v>
      </c>
      <c r="E21340" s="1" t="s">
        <v>76275</v>
      </c>
      <c r="F21340" s="1" t="s">
        <v>76276</v>
      </c>
      <c r="G21340" s="1" t="s">
        <v>76202</v>
      </c>
      <c r="H21340" s="1" t="s">
        <v>76203</v>
      </c>
      <c r="I21340" s="1" t="s">
        <v>75467</v>
      </c>
      <c r="J21340" s="1" t="s">
        <v>76277</v>
      </c>
    </row>
    <row r="21341" spans="1:10" x14ac:dyDescent="0.35">
      <c r="A21341" s="1" t="s">
        <v>7267</v>
      </c>
      <c r="B21341" s="1" t="s">
        <v>75461</v>
      </c>
      <c r="C21341" s="1" t="s">
        <v>115</v>
      </c>
      <c r="D21341" s="1" t="s">
        <v>20756</v>
      </c>
      <c r="E21341" s="1" t="s">
        <v>76278</v>
      </c>
      <c r="F21341" s="1" t="s">
        <v>76279</v>
      </c>
      <c r="G21341" s="1" t="s">
        <v>76202</v>
      </c>
      <c r="H21341" s="1" t="s">
        <v>76203</v>
      </c>
      <c r="I21341" s="1" t="s">
        <v>75467</v>
      </c>
      <c r="J21341" s="1" t="s">
        <v>76280</v>
      </c>
    </row>
    <row r="21342" spans="1:10" x14ac:dyDescent="0.35">
      <c r="A21342" s="1" t="s">
        <v>7267</v>
      </c>
      <c r="B21342" s="1" t="s">
        <v>75461</v>
      </c>
      <c r="C21342" s="1" t="s">
        <v>120</v>
      </c>
      <c r="D21342" s="1" t="s">
        <v>76281</v>
      </c>
      <c r="E21342" s="1" t="s">
        <v>76282</v>
      </c>
      <c r="F21342" s="1" t="s">
        <v>76283</v>
      </c>
      <c r="G21342" s="1" t="s">
        <v>76202</v>
      </c>
      <c r="H21342" s="1" t="s">
        <v>76203</v>
      </c>
      <c r="I21342" s="1" t="s">
        <v>75467</v>
      </c>
      <c r="J21342" s="1" t="s">
        <v>76284</v>
      </c>
    </row>
    <row r="21343" spans="1:10" x14ac:dyDescent="0.35">
      <c r="A21343" s="1" t="s">
        <v>7267</v>
      </c>
      <c r="B21343" s="1" t="s">
        <v>75461</v>
      </c>
      <c r="C21343" s="1" t="s">
        <v>125</v>
      </c>
      <c r="D21343" s="1" t="s">
        <v>76285</v>
      </c>
      <c r="E21343" s="1" t="s">
        <v>76286</v>
      </c>
      <c r="F21343" s="1" t="s">
        <v>76287</v>
      </c>
      <c r="G21343" s="1" t="s">
        <v>76202</v>
      </c>
      <c r="H21343" s="1" t="s">
        <v>76203</v>
      </c>
      <c r="I21343" s="1" t="s">
        <v>75467</v>
      </c>
      <c r="J21343" s="1" t="s">
        <v>76288</v>
      </c>
    </row>
    <row r="21344" spans="1:10" x14ac:dyDescent="0.35">
      <c r="A21344" s="1" t="s">
        <v>7267</v>
      </c>
      <c r="B21344" s="1" t="s">
        <v>75461</v>
      </c>
      <c r="C21344" s="1" t="s">
        <v>130</v>
      </c>
      <c r="D21344" s="1" t="s">
        <v>76289</v>
      </c>
      <c r="E21344" s="1" t="s">
        <v>76290</v>
      </c>
      <c r="F21344" s="1" t="s">
        <v>76291</v>
      </c>
      <c r="G21344" s="1" t="s">
        <v>76202</v>
      </c>
      <c r="H21344" s="1" t="s">
        <v>76203</v>
      </c>
      <c r="I21344" s="1" t="s">
        <v>75467</v>
      </c>
      <c r="J21344" s="1" t="s">
        <v>76292</v>
      </c>
    </row>
    <row r="21345" spans="1:10" x14ac:dyDescent="0.35">
      <c r="A21345" s="1" t="s">
        <v>7267</v>
      </c>
      <c r="B21345" s="1" t="s">
        <v>75461</v>
      </c>
      <c r="C21345" s="1" t="s">
        <v>135</v>
      </c>
      <c r="D21345" s="1" t="s">
        <v>76293</v>
      </c>
      <c r="E21345" s="1" t="s">
        <v>76294</v>
      </c>
      <c r="F21345" s="1" t="s">
        <v>76295</v>
      </c>
      <c r="G21345" s="1" t="s">
        <v>76202</v>
      </c>
      <c r="H21345" s="1" t="s">
        <v>76203</v>
      </c>
      <c r="I21345" s="1" t="s">
        <v>75467</v>
      </c>
      <c r="J21345" s="1" t="s">
        <v>76296</v>
      </c>
    </row>
    <row r="21346" spans="1:10" x14ac:dyDescent="0.35">
      <c r="A21346" s="1" t="s">
        <v>7267</v>
      </c>
      <c r="B21346" s="1" t="s">
        <v>75461</v>
      </c>
      <c r="C21346" s="1" t="s">
        <v>140</v>
      </c>
      <c r="D21346" s="1" t="s">
        <v>40422</v>
      </c>
      <c r="E21346" s="1" t="s">
        <v>76297</v>
      </c>
      <c r="F21346" s="1" t="s">
        <v>76298</v>
      </c>
      <c r="G21346" s="1" t="s">
        <v>76202</v>
      </c>
      <c r="H21346" s="1" t="s">
        <v>76203</v>
      </c>
      <c r="I21346" s="1" t="s">
        <v>75467</v>
      </c>
      <c r="J21346" s="1" t="s">
        <v>76299</v>
      </c>
    </row>
    <row r="21347" spans="1:10" x14ac:dyDescent="0.35">
      <c r="A21347" s="1" t="s">
        <v>7267</v>
      </c>
      <c r="B21347" s="1" t="s">
        <v>75461</v>
      </c>
      <c r="C21347" s="1" t="s">
        <v>145</v>
      </c>
      <c r="D21347" s="1" t="s">
        <v>76300</v>
      </c>
      <c r="E21347" s="1" t="s">
        <v>76301</v>
      </c>
      <c r="F21347" s="1" t="s">
        <v>76302</v>
      </c>
      <c r="G21347" s="1" t="s">
        <v>76202</v>
      </c>
      <c r="H21347" s="1" t="s">
        <v>76203</v>
      </c>
      <c r="I21347" s="1" t="s">
        <v>75467</v>
      </c>
      <c r="J21347" s="1" t="s">
        <v>76303</v>
      </c>
    </row>
    <row r="21348" spans="1:10" x14ac:dyDescent="0.35">
      <c r="A21348" s="1" t="s">
        <v>7267</v>
      </c>
      <c r="B21348" s="1" t="s">
        <v>75461</v>
      </c>
      <c r="C21348" s="1" t="s">
        <v>150</v>
      </c>
      <c r="D21348" s="1" t="s">
        <v>57578</v>
      </c>
      <c r="E21348" s="1" t="s">
        <v>76304</v>
      </c>
      <c r="F21348" s="1" t="s">
        <v>76305</v>
      </c>
      <c r="G21348" s="1" t="s">
        <v>76202</v>
      </c>
      <c r="H21348" s="1" t="s">
        <v>76203</v>
      </c>
      <c r="I21348" s="1" t="s">
        <v>75467</v>
      </c>
      <c r="J21348" s="1" t="s">
        <v>76306</v>
      </c>
    </row>
    <row r="21349" spans="1:10" x14ac:dyDescent="0.35">
      <c r="A21349" s="1" t="s">
        <v>7267</v>
      </c>
      <c r="B21349" s="1" t="s">
        <v>75461</v>
      </c>
      <c r="C21349" s="1" t="s">
        <v>155</v>
      </c>
      <c r="D21349" s="1" t="s">
        <v>76307</v>
      </c>
      <c r="E21349" s="1" t="s">
        <v>76308</v>
      </c>
      <c r="F21349" s="1" t="s">
        <v>76309</v>
      </c>
      <c r="G21349" s="1" t="s">
        <v>76202</v>
      </c>
      <c r="H21349" s="1" t="s">
        <v>76203</v>
      </c>
      <c r="I21349" s="1" t="s">
        <v>75467</v>
      </c>
      <c r="J21349" s="1" t="s">
        <v>76310</v>
      </c>
    </row>
    <row r="21350" spans="1:10" x14ac:dyDescent="0.35">
      <c r="A21350" s="1" t="s">
        <v>7267</v>
      </c>
      <c r="B21350" s="1" t="s">
        <v>75461</v>
      </c>
      <c r="C21350" s="1" t="s">
        <v>160</v>
      </c>
      <c r="D21350" s="1" t="s">
        <v>76311</v>
      </c>
      <c r="E21350" s="1" t="s">
        <v>76312</v>
      </c>
      <c r="F21350" s="1" t="s">
        <v>76313</v>
      </c>
      <c r="G21350" s="1" t="s">
        <v>76202</v>
      </c>
      <c r="H21350" s="1" t="s">
        <v>76203</v>
      </c>
      <c r="I21350" s="1" t="s">
        <v>75467</v>
      </c>
      <c r="J21350" s="1" t="s">
        <v>76314</v>
      </c>
    </row>
    <row r="21351" spans="1:10" x14ac:dyDescent="0.35">
      <c r="A21351" s="1" t="s">
        <v>7267</v>
      </c>
      <c r="B21351" s="1" t="s">
        <v>75461</v>
      </c>
      <c r="C21351" s="1" t="s">
        <v>165</v>
      </c>
      <c r="D21351" s="1" t="s">
        <v>76315</v>
      </c>
      <c r="E21351" s="1" t="s">
        <v>76316</v>
      </c>
      <c r="F21351" s="1" t="s">
        <v>76317</v>
      </c>
      <c r="G21351" s="1" t="s">
        <v>76202</v>
      </c>
      <c r="H21351" s="1" t="s">
        <v>76203</v>
      </c>
      <c r="I21351" s="1" t="s">
        <v>75467</v>
      </c>
      <c r="J21351" s="1" t="s">
        <v>76318</v>
      </c>
    </row>
    <row r="21352" spans="1:10" x14ac:dyDescent="0.35">
      <c r="A21352" s="1" t="s">
        <v>7267</v>
      </c>
      <c r="B21352" s="1" t="s">
        <v>75461</v>
      </c>
      <c r="C21352" s="1" t="s">
        <v>170</v>
      </c>
      <c r="D21352" s="1" t="s">
        <v>76319</v>
      </c>
      <c r="E21352" s="1" t="s">
        <v>76320</v>
      </c>
      <c r="F21352" s="1" t="s">
        <v>76321</v>
      </c>
      <c r="G21352" s="1" t="s">
        <v>76202</v>
      </c>
      <c r="H21352" s="1" t="s">
        <v>76203</v>
      </c>
      <c r="I21352" s="1" t="s">
        <v>75467</v>
      </c>
      <c r="J21352" s="1" t="s">
        <v>76322</v>
      </c>
    </row>
    <row r="21353" spans="1:10" x14ac:dyDescent="0.35">
      <c r="A21353" s="1" t="s">
        <v>76323</v>
      </c>
      <c r="B21353" s="1" t="s">
        <v>75461</v>
      </c>
      <c r="C21353" s="1" t="s">
        <v>8</v>
      </c>
      <c r="D21353" s="1" t="s">
        <v>62528</v>
      </c>
      <c r="E21353" s="1" t="s">
        <v>76324</v>
      </c>
      <c r="F21353" s="1" t="s">
        <v>76325</v>
      </c>
      <c r="G21353" s="1" t="s">
        <v>76326</v>
      </c>
      <c r="H21353" s="1" t="s">
        <v>76327</v>
      </c>
      <c r="I21353" s="1" t="s">
        <v>75467</v>
      </c>
      <c r="J21353" s="1" t="s">
        <v>13</v>
      </c>
    </row>
    <row r="21354" spans="1:10" x14ac:dyDescent="0.35">
      <c r="A21354" s="1" t="s">
        <v>76323</v>
      </c>
      <c r="B21354" s="1" t="s">
        <v>75461</v>
      </c>
      <c r="C21354" s="1" t="s">
        <v>15</v>
      </c>
      <c r="D21354" s="1" t="s">
        <v>76328</v>
      </c>
      <c r="E21354" s="1" t="s">
        <v>76329</v>
      </c>
      <c r="F21354" s="1" t="s">
        <v>65950</v>
      </c>
      <c r="G21354" s="1" t="s">
        <v>76326</v>
      </c>
      <c r="H21354" s="1" t="s">
        <v>76327</v>
      </c>
      <c r="I21354" s="1" t="s">
        <v>75467</v>
      </c>
      <c r="J21354" s="1" t="s">
        <v>76330</v>
      </c>
    </row>
    <row r="21355" spans="1:10" x14ac:dyDescent="0.35">
      <c r="A21355" s="1" t="s">
        <v>76323</v>
      </c>
      <c r="B21355" s="1" t="s">
        <v>75461</v>
      </c>
      <c r="C21355" s="1" t="s">
        <v>20</v>
      </c>
      <c r="D21355" s="1" t="s">
        <v>65659</v>
      </c>
      <c r="E21355" s="1" t="s">
        <v>76331</v>
      </c>
      <c r="F21355" s="1" t="s">
        <v>76332</v>
      </c>
      <c r="G21355" s="1" t="s">
        <v>76326</v>
      </c>
      <c r="H21355" s="1" t="s">
        <v>76327</v>
      </c>
      <c r="I21355" s="1" t="s">
        <v>75467</v>
      </c>
      <c r="J21355" s="1" t="s">
        <v>76333</v>
      </c>
    </row>
    <row r="21356" spans="1:10" x14ac:dyDescent="0.35">
      <c r="A21356" s="1" t="s">
        <v>76323</v>
      </c>
      <c r="B21356" s="1" t="s">
        <v>75461</v>
      </c>
      <c r="C21356" s="1" t="s">
        <v>25</v>
      </c>
      <c r="D21356" s="1" t="s">
        <v>55992</v>
      </c>
      <c r="E21356" s="1" t="s">
        <v>76334</v>
      </c>
      <c r="F21356" s="1" t="s">
        <v>76335</v>
      </c>
      <c r="G21356" s="1" t="s">
        <v>76326</v>
      </c>
      <c r="H21356" s="1" t="s">
        <v>76327</v>
      </c>
      <c r="I21356" s="1" t="s">
        <v>75467</v>
      </c>
      <c r="J21356" s="1" t="s">
        <v>76336</v>
      </c>
    </row>
    <row r="21357" spans="1:10" x14ac:dyDescent="0.35">
      <c r="A21357" s="1" t="s">
        <v>76323</v>
      </c>
      <c r="B21357" s="1" t="s">
        <v>75461</v>
      </c>
      <c r="C21357" s="1" t="s">
        <v>30</v>
      </c>
      <c r="D21357" s="1" t="s">
        <v>76337</v>
      </c>
      <c r="E21357" s="1" t="s">
        <v>30663</v>
      </c>
      <c r="F21357" s="1" t="s">
        <v>76338</v>
      </c>
      <c r="G21357" s="1" t="s">
        <v>76326</v>
      </c>
      <c r="H21357" s="1" t="s">
        <v>76327</v>
      </c>
      <c r="I21357" s="1" t="s">
        <v>75467</v>
      </c>
      <c r="J21357" s="1" t="s">
        <v>76339</v>
      </c>
    </row>
    <row r="21358" spans="1:10" x14ac:dyDescent="0.35">
      <c r="A21358" s="1" t="s">
        <v>76323</v>
      </c>
      <c r="B21358" s="1" t="s">
        <v>75461</v>
      </c>
      <c r="C21358" s="1" t="s">
        <v>35</v>
      </c>
      <c r="D21358" s="1" t="s">
        <v>76340</v>
      </c>
      <c r="E21358" s="1" t="s">
        <v>76341</v>
      </c>
      <c r="F21358" s="1" t="s">
        <v>76342</v>
      </c>
      <c r="G21358" s="1" t="s">
        <v>76326</v>
      </c>
      <c r="H21358" s="1" t="s">
        <v>76327</v>
      </c>
      <c r="I21358" s="1" t="s">
        <v>75467</v>
      </c>
      <c r="J21358" s="1" t="s">
        <v>76343</v>
      </c>
    </row>
    <row r="21359" spans="1:10" x14ac:dyDescent="0.35">
      <c r="A21359" s="1" t="s">
        <v>76323</v>
      </c>
      <c r="B21359" s="1" t="s">
        <v>75461</v>
      </c>
      <c r="C21359" s="1" t="s">
        <v>40</v>
      </c>
      <c r="D21359" s="1" t="s">
        <v>62640</v>
      </c>
      <c r="E21359" s="1" t="s">
        <v>32040</v>
      </c>
      <c r="F21359" s="1" t="s">
        <v>76344</v>
      </c>
      <c r="G21359" s="1" t="s">
        <v>76326</v>
      </c>
      <c r="H21359" s="1" t="s">
        <v>76327</v>
      </c>
      <c r="I21359" s="1" t="s">
        <v>75467</v>
      </c>
      <c r="J21359" s="1" t="s">
        <v>76345</v>
      </c>
    </row>
    <row r="21360" spans="1:10" x14ac:dyDescent="0.35">
      <c r="A21360" s="1" t="s">
        <v>76323</v>
      </c>
      <c r="B21360" s="1" t="s">
        <v>75461</v>
      </c>
      <c r="C21360" s="1" t="s">
        <v>45</v>
      </c>
      <c r="D21360" s="1" t="s">
        <v>76346</v>
      </c>
      <c r="E21360" s="1" t="s">
        <v>15991</v>
      </c>
      <c r="F21360" s="1" t="s">
        <v>76347</v>
      </c>
      <c r="G21360" s="1" t="s">
        <v>76326</v>
      </c>
      <c r="H21360" s="1" t="s">
        <v>76327</v>
      </c>
      <c r="I21360" s="1" t="s">
        <v>75467</v>
      </c>
      <c r="J21360" s="1" t="s">
        <v>76348</v>
      </c>
    </row>
    <row r="21361" spans="1:10" x14ac:dyDescent="0.35">
      <c r="A21361" s="1" t="s">
        <v>76323</v>
      </c>
      <c r="B21361" s="1" t="s">
        <v>75461</v>
      </c>
      <c r="C21361" s="1" t="s">
        <v>50</v>
      </c>
      <c r="D21361" s="1" t="s">
        <v>69228</v>
      </c>
      <c r="E21361" s="1" t="s">
        <v>76349</v>
      </c>
      <c r="F21361" s="1" t="s">
        <v>76350</v>
      </c>
      <c r="G21361" s="1" t="s">
        <v>76326</v>
      </c>
      <c r="H21361" s="1" t="s">
        <v>76327</v>
      </c>
      <c r="I21361" s="1" t="s">
        <v>75467</v>
      </c>
      <c r="J21361" s="1" t="s">
        <v>76351</v>
      </c>
    </row>
    <row r="21362" spans="1:10" x14ac:dyDescent="0.35">
      <c r="A21362" s="1" t="s">
        <v>76323</v>
      </c>
      <c r="B21362" s="1" t="s">
        <v>75461</v>
      </c>
      <c r="C21362" s="1" t="s">
        <v>55</v>
      </c>
      <c r="D21362" s="1" t="s">
        <v>76352</v>
      </c>
      <c r="E21362" s="1" t="s">
        <v>70904</v>
      </c>
      <c r="F21362" s="1" t="s">
        <v>76353</v>
      </c>
      <c r="G21362" s="1" t="s">
        <v>76326</v>
      </c>
      <c r="H21362" s="1" t="s">
        <v>76327</v>
      </c>
      <c r="I21362" s="1" t="s">
        <v>75467</v>
      </c>
      <c r="J21362" s="1" t="s">
        <v>76354</v>
      </c>
    </row>
    <row r="21363" spans="1:10" x14ac:dyDescent="0.35">
      <c r="A21363" s="1" t="s">
        <v>76323</v>
      </c>
      <c r="B21363" s="1" t="s">
        <v>75461</v>
      </c>
      <c r="C21363" s="1" t="s">
        <v>60</v>
      </c>
      <c r="D21363" s="1" t="s">
        <v>76355</v>
      </c>
      <c r="E21363" s="1" t="s">
        <v>76356</v>
      </c>
      <c r="F21363" s="1" t="s">
        <v>76357</v>
      </c>
      <c r="G21363" s="1" t="s">
        <v>76326</v>
      </c>
      <c r="H21363" s="1" t="s">
        <v>76327</v>
      </c>
      <c r="I21363" s="1" t="s">
        <v>75467</v>
      </c>
      <c r="J21363" s="1" t="s">
        <v>76358</v>
      </c>
    </row>
    <row r="21364" spans="1:10" x14ac:dyDescent="0.35">
      <c r="A21364" s="1" t="s">
        <v>76323</v>
      </c>
      <c r="B21364" s="1" t="s">
        <v>75461</v>
      </c>
      <c r="C21364" s="1" t="s">
        <v>65</v>
      </c>
      <c r="D21364" s="1" t="s">
        <v>76359</v>
      </c>
      <c r="E21364" s="1" t="s">
        <v>76349</v>
      </c>
      <c r="F21364" s="1" t="s">
        <v>76360</v>
      </c>
      <c r="G21364" s="1" t="s">
        <v>76326</v>
      </c>
      <c r="H21364" s="1" t="s">
        <v>76327</v>
      </c>
      <c r="I21364" s="1" t="s">
        <v>75467</v>
      </c>
      <c r="J21364" s="1" t="s">
        <v>76361</v>
      </c>
    </row>
    <row r="21365" spans="1:10" x14ac:dyDescent="0.35">
      <c r="A21365" s="1" t="s">
        <v>76323</v>
      </c>
      <c r="B21365" s="1" t="s">
        <v>75461</v>
      </c>
      <c r="C21365" s="1" t="s">
        <v>70</v>
      </c>
      <c r="D21365" s="1" t="s">
        <v>56157</v>
      </c>
      <c r="E21365" s="1" t="s">
        <v>73361</v>
      </c>
      <c r="F21365" s="1" t="s">
        <v>76362</v>
      </c>
      <c r="G21365" s="1" t="s">
        <v>76326</v>
      </c>
      <c r="H21365" s="1" t="s">
        <v>76327</v>
      </c>
      <c r="I21365" s="1" t="s">
        <v>75467</v>
      </c>
      <c r="J21365" s="1" t="s">
        <v>76363</v>
      </c>
    </row>
    <row r="21366" spans="1:10" x14ac:dyDescent="0.35">
      <c r="A21366" s="1" t="s">
        <v>76323</v>
      </c>
      <c r="B21366" s="1" t="s">
        <v>75461</v>
      </c>
      <c r="C21366" s="1" t="s">
        <v>75</v>
      </c>
      <c r="D21366" s="1" t="s">
        <v>76364</v>
      </c>
      <c r="E21366" s="1" t="s">
        <v>76365</v>
      </c>
      <c r="F21366" s="1" t="s">
        <v>76366</v>
      </c>
      <c r="G21366" s="1" t="s">
        <v>76326</v>
      </c>
      <c r="H21366" s="1" t="s">
        <v>76327</v>
      </c>
      <c r="I21366" s="1" t="s">
        <v>75467</v>
      </c>
      <c r="J21366" s="1" t="s">
        <v>76367</v>
      </c>
    </row>
    <row r="21367" spans="1:10" x14ac:dyDescent="0.35">
      <c r="A21367" s="1" t="s">
        <v>76323</v>
      </c>
      <c r="B21367" s="1" t="s">
        <v>75461</v>
      </c>
      <c r="C21367" s="1" t="s">
        <v>80</v>
      </c>
      <c r="D21367" s="1" t="s">
        <v>55096</v>
      </c>
      <c r="E21367" s="1" t="s">
        <v>76368</v>
      </c>
      <c r="F21367" s="1" t="s">
        <v>76369</v>
      </c>
      <c r="G21367" s="1" t="s">
        <v>76326</v>
      </c>
      <c r="H21367" s="1" t="s">
        <v>76327</v>
      </c>
      <c r="I21367" s="1" t="s">
        <v>75467</v>
      </c>
      <c r="J21367" s="1" t="s">
        <v>76370</v>
      </c>
    </row>
    <row r="21368" spans="1:10" x14ac:dyDescent="0.35">
      <c r="A21368" s="1" t="s">
        <v>76323</v>
      </c>
      <c r="B21368" s="1" t="s">
        <v>75461</v>
      </c>
      <c r="C21368" s="1" t="s">
        <v>85</v>
      </c>
      <c r="D21368" s="1" t="s">
        <v>76371</v>
      </c>
      <c r="E21368" s="1" t="s">
        <v>19960</v>
      </c>
      <c r="F21368" s="1" t="s">
        <v>76372</v>
      </c>
      <c r="G21368" s="1" t="s">
        <v>76326</v>
      </c>
      <c r="H21368" s="1" t="s">
        <v>76327</v>
      </c>
      <c r="I21368" s="1" t="s">
        <v>75467</v>
      </c>
      <c r="J21368" s="1" t="s">
        <v>76373</v>
      </c>
    </row>
    <row r="21369" spans="1:10" x14ac:dyDescent="0.35">
      <c r="A21369" s="1" t="s">
        <v>76323</v>
      </c>
      <c r="B21369" s="1" t="s">
        <v>75461</v>
      </c>
      <c r="C21369" s="1" t="s">
        <v>90</v>
      </c>
      <c r="D21369" s="1" t="s">
        <v>76374</v>
      </c>
      <c r="E21369" s="1" t="s">
        <v>76375</v>
      </c>
      <c r="F21369" s="1" t="s">
        <v>76376</v>
      </c>
      <c r="G21369" s="1" t="s">
        <v>76326</v>
      </c>
      <c r="H21369" s="1" t="s">
        <v>76327</v>
      </c>
      <c r="I21369" s="1" t="s">
        <v>75467</v>
      </c>
      <c r="J21369" s="1" t="s">
        <v>76377</v>
      </c>
    </row>
    <row r="21370" spans="1:10" x14ac:dyDescent="0.35">
      <c r="A21370" s="1" t="s">
        <v>76323</v>
      </c>
      <c r="B21370" s="1" t="s">
        <v>75461</v>
      </c>
      <c r="C21370" s="1" t="s">
        <v>95</v>
      </c>
      <c r="D21370" s="1" t="s">
        <v>76378</v>
      </c>
      <c r="E21370" s="1" t="s">
        <v>30656</v>
      </c>
      <c r="F21370" s="1" t="s">
        <v>76379</v>
      </c>
      <c r="G21370" s="1" t="s">
        <v>76326</v>
      </c>
      <c r="H21370" s="1" t="s">
        <v>76327</v>
      </c>
      <c r="I21370" s="1" t="s">
        <v>75467</v>
      </c>
      <c r="J21370" s="1" t="s">
        <v>76380</v>
      </c>
    </row>
    <row r="21371" spans="1:10" x14ac:dyDescent="0.35">
      <c r="A21371" s="1" t="s">
        <v>76323</v>
      </c>
      <c r="B21371" s="1" t="s">
        <v>75461</v>
      </c>
      <c r="C21371" s="1" t="s">
        <v>100</v>
      </c>
      <c r="D21371" s="1" t="s">
        <v>76381</v>
      </c>
      <c r="E21371" s="1" t="s">
        <v>76382</v>
      </c>
      <c r="F21371" s="1" t="s">
        <v>76383</v>
      </c>
      <c r="G21371" s="1" t="s">
        <v>76326</v>
      </c>
      <c r="H21371" s="1" t="s">
        <v>76327</v>
      </c>
      <c r="I21371" s="1" t="s">
        <v>75467</v>
      </c>
      <c r="J21371" s="1" t="s">
        <v>76384</v>
      </c>
    </row>
    <row r="21372" spans="1:10" x14ac:dyDescent="0.35">
      <c r="A21372" s="1" t="s">
        <v>76323</v>
      </c>
      <c r="B21372" s="1" t="s">
        <v>75461</v>
      </c>
      <c r="C21372" s="1" t="s">
        <v>105</v>
      </c>
      <c r="D21372" s="1" t="s">
        <v>76385</v>
      </c>
      <c r="E21372" s="1" t="s">
        <v>76386</v>
      </c>
      <c r="F21372" s="1" t="s">
        <v>76387</v>
      </c>
      <c r="G21372" s="1" t="s">
        <v>76326</v>
      </c>
      <c r="H21372" s="1" t="s">
        <v>76327</v>
      </c>
      <c r="I21372" s="1" t="s">
        <v>75467</v>
      </c>
      <c r="J21372" s="1" t="s">
        <v>76388</v>
      </c>
    </row>
    <row r="21373" spans="1:10" x14ac:dyDescent="0.35">
      <c r="A21373" s="1" t="s">
        <v>76323</v>
      </c>
      <c r="B21373" s="1" t="s">
        <v>75461</v>
      </c>
      <c r="C21373" s="1" t="s">
        <v>110</v>
      </c>
      <c r="D21373" s="1" t="s">
        <v>23698</v>
      </c>
      <c r="E21373" s="1" t="s">
        <v>76389</v>
      </c>
      <c r="F21373" s="1" t="s">
        <v>76390</v>
      </c>
      <c r="G21373" s="1" t="s">
        <v>76326</v>
      </c>
      <c r="H21373" s="1" t="s">
        <v>76327</v>
      </c>
      <c r="I21373" s="1" t="s">
        <v>75467</v>
      </c>
      <c r="J21373" s="1" t="s">
        <v>76391</v>
      </c>
    </row>
    <row r="21374" spans="1:10" x14ac:dyDescent="0.35">
      <c r="A21374" s="1" t="s">
        <v>76323</v>
      </c>
      <c r="B21374" s="1" t="s">
        <v>75461</v>
      </c>
      <c r="C21374" s="1" t="s">
        <v>115</v>
      </c>
      <c r="D21374" s="1" t="s">
        <v>76392</v>
      </c>
      <c r="E21374" s="1" t="s">
        <v>76393</v>
      </c>
      <c r="F21374" s="1" t="s">
        <v>76394</v>
      </c>
      <c r="G21374" s="1" t="s">
        <v>76326</v>
      </c>
      <c r="H21374" s="1" t="s">
        <v>76327</v>
      </c>
      <c r="I21374" s="1" t="s">
        <v>75467</v>
      </c>
      <c r="J21374" s="1" t="s">
        <v>76395</v>
      </c>
    </row>
    <row r="21375" spans="1:10" x14ac:dyDescent="0.35">
      <c r="A21375" s="1" t="s">
        <v>76323</v>
      </c>
      <c r="B21375" s="1" t="s">
        <v>75461</v>
      </c>
      <c r="C21375" s="1" t="s">
        <v>120</v>
      </c>
      <c r="D21375" s="1" t="s">
        <v>76396</v>
      </c>
      <c r="E21375" s="1" t="s">
        <v>76397</v>
      </c>
      <c r="F21375" s="1" t="s">
        <v>76398</v>
      </c>
      <c r="G21375" s="1" t="s">
        <v>76326</v>
      </c>
      <c r="H21375" s="1" t="s">
        <v>76327</v>
      </c>
      <c r="I21375" s="1" t="s">
        <v>75467</v>
      </c>
      <c r="J21375" s="1" t="s">
        <v>76399</v>
      </c>
    </row>
    <row r="21376" spans="1:10" x14ac:dyDescent="0.35">
      <c r="A21376" s="1" t="s">
        <v>76323</v>
      </c>
      <c r="B21376" s="1" t="s">
        <v>75461</v>
      </c>
      <c r="C21376" s="1" t="s">
        <v>125</v>
      </c>
      <c r="D21376" s="1" t="s">
        <v>76400</v>
      </c>
      <c r="E21376" s="1" t="s">
        <v>76401</v>
      </c>
      <c r="F21376" s="1" t="s">
        <v>76402</v>
      </c>
      <c r="G21376" s="1" t="s">
        <v>76326</v>
      </c>
      <c r="H21376" s="1" t="s">
        <v>76327</v>
      </c>
      <c r="I21376" s="1" t="s">
        <v>75467</v>
      </c>
      <c r="J21376" s="1" t="s">
        <v>76403</v>
      </c>
    </row>
    <row r="21377" spans="1:10" x14ac:dyDescent="0.35">
      <c r="A21377" s="1" t="s">
        <v>76323</v>
      </c>
      <c r="B21377" s="1" t="s">
        <v>75461</v>
      </c>
      <c r="C21377" s="1" t="s">
        <v>130</v>
      </c>
      <c r="D21377" s="1" t="s">
        <v>76404</v>
      </c>
      <c r="E21377" s="1" t="s">
        <v>76405</v>
      </c>
      <c r="F21377" s="1" t="s">
        <v>76406</v>
      </c>
      <c r="G21377" s="1" t="s">
        <v>76326</v>
      </c>
      <c r="H21377" s="1" t="s">
        <v>76327</v>
      </c>
      <c r="I21377" s="1" t="s">
        <v>75467</v>
      </c>
      <c r="J21377" s="1" t="s">
        <v>76407</v>
      </c>
    </row>
    <row r="21378" spans="1:10" x14ac:dyDescent="0.35">
      <c r="A21378" s="1" t="s">
        <v>76323</v>
      </c>
      <c r="B21378" s="1" t="s">
        <v>75461</v>
      </c>
      <c r="C21378" s="1" t="s">
        <v>135</v>
      </c>
      <c r="D21378" s="1" t="s">
        <v>76408</v>
      </c>
      <c r="E21378" s="1" t="s">
        <v>76409</v>
      </c>
      <c r="F21378" s="1" t="s">
        <v>76410</v>
      </c>
      <c r="G21378" s="1" t="s">
        <v>76326</v>
      </c>
      <c r="H21378" s="1" t="s">
        <v>76327</v>
      </c>
      <c r="I21378" s="1" t="s">
        <v>75467</v>
      </c>
      <c r="J21378" s="1" t="s">
        <v>76411</v>
      </c>
    </row>
    <row r="21379" spans="1:10" x14ac:dyDescent="0.35">
      <c r="A21379" s="1" t="s">
        <v>76323</v>
      </c>
      <c r="B21379" s="1" t="s">
        <v>75461</v>
      </c>
      <c r="C21379" s="1" t="s">
        <v>140</v>
      </c>
      <c r="D21379" s="1" t="s">
        <v>76412</v>
      </c>
      <c r="E21379" s="1" t="s">
        <v>76413</v>
      </c>
      <c r="F21379" s="1" t="s">
        <v>76414</v>
      </c>
      <c r="G21379" s="1" t="s">
        <v>76326</v>
      </c>
      <c r="H21379" s="1" t="s">
        <v>76327</v>
      </c>
      <c r="I21379" s="1" t="s">
        <v>75467</v>
      </c>
      <c r="J21379" s="1" t="s">
        <v>76415</v>
      </c>
    </row>
    <row r="21380" spans="1:10" x14ac:dyDescent="0.35">
      <c r="A21380" s="1" t="s">
        <v>76323</v>
      </c>
      <c r="B21380" s="1" t="s">
        <v>75461</v>
      </c>
      <c r="C21380" s="1" t="s">
        <v>145</v>
      </c>
      <c r="D21380" s="1" t="s">
        <v>76416</v>
      </c>
      <c r="E21380" s="1" t="s">
        <v>76417</v>
      </c>
      <c r="F21380" s="1" t="s">
        <v>41426</v>
      </c>
      <c r="G21380" s="1" t="s">
        <v>76326</v>
      </c>
      <c r="H21380" s="1" t="s">
        <v>76327</v>
      </c>
      <c r="I21380" s="1" t="s">
        <v>75467</v>
      </c>
      <c r="J21380" s="1" t="s">
        <v>76418</v>
      </c>
    </row>
    <row r="21381" spans="1:10" x14ac:dyDescent="0.35">
      <c r="A21381" s="1" t="s">
        <v>76323</v>
      </c>
      <c r="B21381" s="1" t="s">
        <v>75461</v>
      </c>
      <c r="C21381" s="1" t="s">
        <v>150</v>
      </c>
      <c r="D21381" s="1" t="s">
        <v>76419</v>
      </c>
      <c r="E21381" s="1" t="s">
        <v>76420</v>
      </c>
      <c r="F21381" s="1" t="s">
        <v>76421</v>
      </c>
      <c r="G21381" s="1" t="s">
        <v>76326</v>
      </c>
      <c r="H21381" s="1" t="s">
        <v>76327</v>
      </c>
      <c r="I21381" s="1" t="s">
        <v>75467</v>
      </c>
      <c r="J21381" s="1" t="s">
        <v>76422</v>
      </c>
    </row>
    <row r="21382" spans="1:10" x14ac:dyDescent="0.35">
      <c r="A21382" s="1" t="s">
        <v>76323</v>
      </c>
      <c r="B21382" s="1" t="s">
        <v>75461</v>
      </c>
      <c r="C21382" s="1" t="s">
        <v>155</v>
      </c>
      <c r="D21382" s="1" t="s">
        <v>76423</v>
      </c>
      <c r="E21382" s="1" t="s">
        <v>76405</v>
      </c>
      <c r="F21382" s="1" t="s">
        <v>76424</v>
      </c>
      <c r="G21382" s="1" t="s">
        <v>76326</v>
      </c>
      <c r="H21382" s="1" t="s">
        <v>76327</v>
      </c>
      <c r="I21382" s="1" t="s">
        <v>75467</v>
      </c>
      <c r="J21382" s="1" t="s">
        <v>76425</v>
      </c>
    </row>
    <row r="21383" spans="1:10" x14ac:dyDescent="0.35">
      <c r="A21383" s="1" t="s">
        <v>76323</v>
      </c>
      <c r="B21383" s="1" t="s">
        <v>75461</v>
      </c>
      <c r="C21383" s="1" t="s">
        <v>160</v>
      </c>
      <c r="D21383" s="1" t="s">
        <v>76426</v>
      </c>
      <c r="E21383" s="1" t="s">
        <v>76427</v>
      </c>
      <c r="F21383" s="1" t="s">
        <v>76428</v>
      </c>
      <c r="G21383" s="1" t="s">
        <v>76326</v>
      </c>
      <c r="H21383" s="1" t="s">
        <v>76327</v>
      </c>
      <c r="I21383" s="1" t="s">
        <v>75467</v>
      </c>
      <c r="J21383" s="1" t="s">
        <v>76429</v>
      </c>
    </row>
    <row r="21384" spans="1:10" x14ac:dyDescent="0.35">
      <c r="A21384" s="1" t="s">
        <v>76323</v>
      </c>
      <c r="B21384" s="1" t="s">
        <v>75461</v>
      </c>
      <c r="C21384" s="1" t="s">
        <v>165</v>
      </c>
      <c r="D21384" s="1" t="s">
        <v>76430</v>
      </c>
      <c r="E21384" s="1" t="s">
        <v>76431</v>
      </c>
      <c r="F21384" s="1" t="s">
        <v>76432</v>
      </c>
      <c r="G21384" s="1" t="s">
        <v>76326</v>
      </c>
      <c r="H21384" s="1" t="s">
        <v>76327</v>
      </c>
      <c r="I21384" s="1" t="s">
        <v>75467</v>
      </c>
      <c r="J21384" s="1" t="s">
        <v>76433</v>
      </c>
    </row>
    <row r="21385" spans="1:10" x14ac:dyDescent="0.35">
      <c r="A21385" s="1" t="s">
        <v>76323</v>
      </c>
      <c r="B21385" s="1" t="s">
        <v>75461</v>
      </c>
      <c r="C21385" s="1" t="s">
        <v>170</v>
      </c>
      <c r="D21385" s="1" t="s">
        <v>76434</v>
      </c>
      <c r="E21385" s="1" t="s">
        <v>76435</v>
      </c>
      <c r="F21385" s="1" t="s">
        <v>68240</v>
      </c>
      <c r="G21385" s="1" t="s">
        <v>76326</v>
      </c>
      <c r="H21385" s="1" t="s">
        <v>76327</v>
      </c>
      <c r="I21385" s="1" t="s">
        <v>75467</v>
      </c>
      <c r="J21385" s="1" t="s">
        <v>76436</v>
      </c>
    </row>
    <row r="21386" spans="1:10" x14ac:dyDescent="0.35">
      <c r="A21386" s="1" t="s">
        <v>51714</v>
      </c>
      <c r="B21386" s="1" t="s">
        <v>75461</v>
      </c>
      <c r="C21386" s="1" t="s">
        <v>8</v>
      </c>
      <c r="D21386" s="1" t="s">
        <v>76437</v>
      </c>
      <c r="E21386" s="1" t="s">
        <v>76438</v>
      </c>
      <c r="F21386" s="1" t="s">
        <v>76439</v>
      </c>
      <c r="G21386" s="1" t="s">
        <v>76440</v>
      </c>
      <c r="H21386" s="1" t="s">
        <v>76441</v>
      </c>
      <c r="I21386" s="1" t="s">
        <v>75467</v>
      </c>
      <c r="J21386" s="1" t="s">
        <v>13</v>
      </c>
    </row>
    <row r="21387" spans="1:10" x14ac:dyDescent="0.35">
      <c r="A21387" s="1" t="s">
        <v>51714</v>
      </c>
      <c r="B21387" s="1" t="s">
        <v>75461</v>
      </c>
      <c r="C21387" s="1" t="s">
        <v>15</v>
      </c>
      <c r="D21387" s="1" t="s">
        <v>59318</v>
      </c>
      <c r="E21387" s="1" t="s">
        <v>76442</v>
      </c>
      <c r="F21387" s="1" t="s">
        <v>76443</v>
      </c>
      <c r="G21387" s="1" t="s">
        <v>76440</v>
      </c>
      <c r="H21387" s="1" t="s">
        <v>76441</v>
      </c>
      <c r="I21387" s="1" t="s">
        <v>75467</v>
      </c>
      <c r="J21387" s="1" t="s">
        <v>76444</v>
      </c>
    </row>
    <row r="21388" spans="1:10" x14ac:dyDescent="0.35">
      <c r="A21388" s="1" t="s">
        <v>51714</v>
      </c>
      <c r="B21388" s="1" t="s">
        <v>75461</v>
      </c>
      <c r="C21388" s="1" t="s">
        <v>20</v>
      </c>
      <c r="D21388" s="1" t="s">
        <v>76445</v>
      </c>
      <c r="E21388" s="1" t="s">
        <v>76446</v>
      </c>
      <c r="F21388" s="1" t="s">
        <v>76447</v>
      </c>
      <c r="G21388" s="1" t="s">
        <v>76440</v>
      </c>
      <c r="H21388" s="1" t="s">
        <v>76441</v>
      </c>
      <c r="I21388" s="1" t="s">
        <v>75467</v>
      </c>
      <c r="J21388" s="1" t="s">
        <v>76448</v>
      </c>
    </row>
    <row r="21389" spans="1:10" x14ac:dyDescent="0.35">
      <c r="A21389" s="1" t="s">
        <v>51714</v>
      </c>
      <c r="B21389" s="1" t="s">
        <v>75461</v>
      </c>
      <c r="C21389" s="1" t="s">
        <v>25</v>
      </c>
      <c r="D21389" s="1" t="s">
        <v>76449</v>
      </c>
      <c r="E21389" s="1" t="s">
        <v>76450</v>
      </c>
      <c r="F21389" s="1" t="s">
        <v>76451</v>
      </c>
      <c r="G21389" s="1" t="s">
        <v>76440</v>
      </c>
      <c r="H21389" s="1" t="s">
        <v>76441</v>
      </c>
      <c r="I21389" s="1" t="s">
        <v>75467</v>
      </c>
      <c r="J21389" s="1" t="s">
        <v>76452</v>
      </c>
    </row>
    <row r="21390" spans="1:10" x14ac:dyDescent="0.35">
      <c r="A21390" s="1" t="s">
        <v>51714</v>
      </c>
      <c r="B21390" s="1" t="s">
        <v>75461</v>
      </c>
      <c r="C21390" s="1" t="s">
        <v>30</v>
      </c>
      <c r="D21390" s="1" t="s">
        <v>76453</v>
      </c>
      <c r="E21390" s="1" t="s">
        <v>76454</v>
      </c>
      <c r="F21390" s="1" t="s">
        <v>76455</v>
      </c>
      <c r="G21390" s="1" t="s">
        <v>76440</v>
      </c>
      <c r="H21390" s="1" t="s">
        <v>76441</v>
      </c>
      <c r="I21390" s="1" t="s">
        <v>75467</v>
      </c>
      <c r="J21390" s="1" t="s">
        <v>76456</v>
      </c>
    </row>
    <row r="21391" spans="1:10" x14ac:dyDescent="0.35">
      <c r="A21391" s="1" t="s">
        <v>51714</v>
      </c>
      <c r="B21391" s="1" t="s">
        <v>75461</v>
      </c>
      <c r="C21391" s="1" t="s">
        <v>35</v>
      </c>
      <c r="D21391" s="1" t="s">
        <v>76457</v>
      </c>
      <c r="E21391" s="1" t="s">
        <v>76458</v>
      </c>
      <c r="F21391" s="1" t="s">
        <v>76459</v>
      </c>
      <c r="G21391" s="1" t="s">
        <v>76440</v>
      </c>
      <c r="H21391" s="1" t="s">
        <v>76441</v>
      </c>
      <c r="I21391" s="1" t="s">
        <v>75467</v>
      </c>
      <c r="J21391" s="1" t="s">
        <v>76460</v>
      </c>
    </row>
    <row r="21392" spans="1:10" x14ac:dyDescent="0.35">
      <c r="A21392" s="1" t="s">
        <v>51714</v>
      </c>
      <c r="B21392" s="1" t="s">
        <v>75461</v>
      </c>
      <c r="C21392" s="1" t="s">
        <v>40</v>
      </c>
      <c r="D21392" s="1" t="s">
        <v>76461</v>
      </c>
      <c r="E21392" s="1" t="s">
        <v>76462</v>
      </c>
      <c r="F21392" s="1" t="s">
        <v>76463</v>
      </c>
      <c r="G21392" s="1" t="s">
        <v>76440</v>
      </c>
      <c r="H21392" s="1" t="s">
        <v>76441</v>
      </c>
      <c r="I21392" s="1" t="s">
        <v>75467</v>
      </c>
      <c r="J21392" s="1" t="s">
        <v>76464</v>
      </c>
    </row>
    <row r="21393" spans="1:10" x14ac:dyDescent="0.35">
      <c r="A21393" s="1" t="s">
        <v>51714</v>
      </c>
      <c r="B21393" s="1" t="s">
        <v>75461</v>
      </c>
      <c r="C21393" s="1" t="s">
        <v>45</v>
      </c>
      <c r="D21393" s="1" t="s">
        <v>4842</v>
      </c>
      <c r="E21393" s="1" t="s">
        <v>76465</v>
      </c>
      <c r="F21393" s="1" t="s">
        <v>76466</v>
      </c>
      <c r="G21393" s="1" t="s">
        <v>76440</v>
      </c>
      <c r="H21393" s="1" t="s">
        <v>76441</v>
      </c>
      <c r="I21393" s="1" t="s">
        <v>75467</v>
      </c>
      <c r="J21393" s="1" t="s">
        <v>76467</v>
      </c>
    </row>
    <row r="21394" spans="1:10" x14ac:dyDescent="0.35">
      <c r="A21394" s="1" t="s">
        <v>51714</v>
      </c>
      <c r="B21394" s="1" t="s">
        <v>75461</v>
      </c>
      <c r="C21394" s="1" t="s">
        <v>50</v>
      </c>
      <c r="D21394" s="1" t="s">
        <v>5827</v>
      </c>
      <c r="E21394" s="1" t="s">
        <v>76468</v>
      </c>
      <c r="F21394" s="1" t="s">
        <v>76469</v>
      </c>
      <c r="G21394" s="1" t="s">
        <v>76440</v>
      </c>
      <c r="H21394" s="1" t="s">
        <v>76441</v>
      </c>
      <c r="I21394" s="1" t="s">
        <v>75467</v>
      </c>
      <c r="J21394" s="1" t="s">
        <v>76470</v>
      </c>
    </row>
    <row r="21395" spans="1:10" x14ac:dyDescent="0.35">
      <c r="A21395" s="1" t="s">
        <v>51714</v>
      </c>
      <c r="B21395" s="1" t="s">
        <v>75461</v>
      </c>
      <c r="C21395" s="1" t="s">
        <v>55</v>
      </c>
      <c r="D21395" s="1" t="s">
        <v>76471</v>
      </c>
      <c r="E21395" s="1" t="s">
        <v>76472</v>
      </c>
      <c r="F21395" s="1" t="s">
        <v>76473</v>
      </c>
      <c r="G21395" s="1" t="s">
        <v>76440</v>
      </c>
      <c r="H21395" s="1" t="s">
        <v>76441</v>
      </c>
      <c r="I21395" s="1" t="s">
        <v>75467</v>
      </c>
      <c r="J21395" s="1" t="s">
        <v>76474</v>
      </c>
    </row>
    <row r="21396" spans="1:10" x14ac:dyDescent="0.35">
      <c r="A21396" s="1" t="s">
        <v>51714</v>
      </c>
      <c r="B21396" s="1" t="s">
        <v>75461</v>
      </c>
      <c r="C21396" s="1" t="s">
        <v>60</v>
      </c>
      <c r="D21396" s="1" t="s">
        <v>76475</v>
      </c>
      <c r="E21396" s="1" t="s">
        <v>76476</v>
      </c>
      <c r="F21396" s="1" t="s">
        <v>76477</v>
      </c>
      <c r="G21396" s="1" t="s">
        <v>76440</v>
      </c>
      <c r="H21396" s="1" t="s">
        <v>76441</v>
      </c>
      <c r="I21396" s="1" t="s">
        <v>75467</v>
      </c>
      <c r="J21396" s="1" t="s">
        <v>76478</v>
      </c>
    </row>
    <row r="21397" spans="1:10" x14ac:dyDescent="0.35">
      <c r="A21397" s="1" t="s">
        <v>51714</v>
      </c>
      <c r="B21397" s="1" t="s">
        <v>75461</v>
      </c>
      <c r="C21397" s="1" t="s">
        <v>65</v>
      </c>
      <c r="D21397" s="1" t="s">
        <v>58897</v>
      </c>
      <c r="E21397" s="1" t="s">
        <v>76479</v>
      </c>
      <c r="F21397" s="1" t="s">
        <v>76480</v>
      </c>
      <c r="G21397" s="1" t="s">
        <v>76440</v>
      </c>
      <c r="H21397" s="1" t="s">
        <v>76441</v>
      </c>
      <c r="I21397" s="1" t="s">
        <v>75467</v>
      </c>
      <c r="J21397" s="1" t="s">
        <v>76481</v>
      </c>
    </row>
    <row r="21398" spans="1:10" x14ac:dyDescent="0.35">
      <c r="A21398" s="1" t="s">
        <v>51714</v>
      </c>
      <c r="B21398" s="1" t="s">
        <v>75461</v>
      </c>
      <c r="C21398" s="1" t="s">
        <v>70</v>
      </c>
      <c r="D21398" s="1" t="s">
        <v>69796</v>
      </c>
      <c r="E21398" s="1" t="s">
        <v>76482</v>
      </c>
      <c r="F21398" s="1" t="s">
        <v>76483</v>
      </c>
      <c r="G21398" s="1" t="s">
        <v>76440</v>
      </c>
      <c r="H21398" s="1" t="s">
        <v>76441</v>
      </c>
      <c r="I21398" s="1" t="s">
        <v>75467</v>
      </c>
      <c r="J21398" s="1" t="s">
        <v>76484</v>
      </c>
    </row>
    <row r="21399" spans="1:10" x14ac:dyDescent="0.35">
      <c r="A21399" s="1" t="s">
        <v>51714</v>
      </c>
      <c r="B21399" s="1" t="s">
        <v>75461</v>
      </c>
      <c r="C21399" s="1" t="s">
        <v>75</v>
      </c>
      <c r="D21399" s="1" t="s">
        <v>22893</v>
      </c>
      <c r="E21399" s="1" t="s">
        <v>76485</v>
      </c>
      <c r="F21399" s="1" t="s">
        <v>76486</v>
      </c>
      <c r="G21399" s="1" t="s">
        <v>76440</v>
      </c>
      <c r="H21399" s="1" t="s">
        <v>76441</v>
      </c>
      <c r="I21399" s="1" t="s">
        <v>75467</v>
      </c>
      <c r="J21399" s="1" t="s">
        <v>76487</v>
      </c>
    </row>
    <row r="21400" spans="1:10" x14ac:dyDescent="0.35">
      <c r="A21400" s="1" t="s">
        <v>51714</v>
      </c>
      <c r="B21400" s="1" t="s">
        <v>75461</v>
      </c>
      <c r="C21400" s="1" t="s">
        <v>80</v>
      </c>
      <c r="D21400" s="1" t="s">
        <v>76488</v>
      </c>
      <c r="E21400" s="1" t="s">
        <v>76489</v>
      </c>
      <c r="F21400" s="1" t="s">
        <v>76490</v>
      </c>
      <c r="G21400" s="1" t="s">
        <v>76440</v>
      </c>
      <c r="H21400" s="1" t="s">
        <v>76441</v>
      </c>
      <c r="I21400" s="1" t="s">
        <v>75467</v>
      </c>
      <c r="J21400" s="1" t="s">
        <v>76491</v>
      </c>
    </row>
    <row r="21401" spans="1:10" x14ac:dyDescent="0.35">
      <c r="A21401" s="1" t="s">
        <v>51714</v>
      </c>
      <c r="B21401" s="1" t="s">
        <v>75461</v>
      </c>
      <c r="C21401" s="1" t="s">
        <v>85</v>
      </c>
      <c r="D21401" s="1" t="s">
        <v>76492</v>
      </c>
      <c r="E21401" s="1" t="s">
        <v>76493</v>
      </c>
      <c r="F21401" s="1" t="s">
        <v>76494</v>
      </c>
      <c r="G21401" s="1" t="s">
        <v>76440</v>
      </c>
      <c r="H21401" s="1" t="s">
        <v>76441</v>
      </c>
      <c r="I21401" s="1" t="s">
        <v>75467</v>
      </c>
      <c r="J21401" s="1" t="s">
        <v>76495</v>
      </c>
    </row>
    <row r="21402" spans="1:10" x14ac:dyDescent="0.35">
      <c r="A21402" s="1" t="s">
        <v>51714</v>
      </c>
      <c r="B21402" s="1" t="s">
        <v>75461</v>
      </c>
      <c r="C21402" s="1" t="s">
        <v>90</v>
      </c>
      <c r="D21402" s="1" t="s">
        <v>76496</v>
      </c>
      <c r="E21402" s="1" t="s">
        <v>76497</v>
      </c>
      <c r="F21402" s="1" t="s">
        <v>76498</v>
      </c>
      <c r="G21402" s="1" t="s">
        <v>76440</v>
      </c>
      <c r="H21402" s="1" t="s">
        <v>76441</v>
      </c>
      <c r="I21402" s="1" t="s">
        <v>75467</v>
      </c>
      <c r="J21402" s="1" t="s">
        <v>76499</v>
      </c>
    </row>
    <row r="21403" spans="1:10" x14ac:dyDescent="0.35">
      <c r="A21403" s="1" t="s">
        <v>51714</v>
      </c>
      <c r="B21403" s="1" t="s">
        <v>75461</v>
      </c>
      <c r="C21403" s="1" t="s">
        <v>95</v>
      </c>
      <c r="D21403" s="1" t="s">
        <v>76500</v>
      </c>
      <c r="E21403" s="1" t="s">
        <v>76501</v>
      </c>
      <c r="F21403" s="1" t="s">
        <v>76502</v>
      </c>
      <c r="G21403" s="1" t="s">
        <v>76440</v>
      </c>
      <c r="H21403" s="1" t="s">
        <v>76441</v>
      </c>
      <c r="I21403" s="1" t="s">
        <v>75467</v>
      </c>
      <c r="J21403" s="1" t="s">
        <v>76503</v>
      </c>
    </row>
    <row r="21404" spans="1:10" x14ac:dyDescent="0.35">
      <c r="A21404" s="1" t="s">
        <v>51714</v>
      </c>
      <c r="B21404" s="1" t="s">
        <v>75461</v>
      </c>
      <c r="C21404" s="1" t="s">
        <v>100</v>
      </c>
      <c r="D21404" s="1" t="s">
        <v>76504</v>
      </c>
      <c r="E21404" s="1" t="s">
        <v>76505</v>
      </c>
      <c r="F21404" s="1" t="s">
        <v>76506</v>
      </c>
      <c r="G21404" s="1" t="s">
        <v>76440</v>
      </c>
      <c r="H21404" s="1" t="s">
        <v>76441</v>
      </c>
      <c r="I21404" s="1" t="s">
        <v>75467</v>
      </c>
      <c r="J21404" s="1" t="s">
        <v>76507</v>
      </c>
    </row>
    <row r="21405" spans="1:10" x14ac:dyDescent="0.35">
      <c r="A21405" s="1" t="s">
        <v>51714</v>
      </c>
      <c r="B21405" s="1" t="s">
        <v>75461</v>
      </c>
      <c r="C21405" s="1" t="s">
        <v>105</v>
      </c>
      <c r="D21405" s="1" t="s">
        <v>76508</v>
      </c>
      <c r="E21405" s="1" t="s">
        <v>76509</v>
      </c>
      <c r="F21405" s="1" t="s">
        <v>76510</v>
      </c>
      <c r="G21405" s="1" t="s">
        <v>76440</v>
      </c>
      <c r="H21405" s="1" t="s">
        <v>76441</v>
      </c>
      <c r="I21405" s="1" t="s">
        <v>75467</v>
      </c>
      <c r="J21405" s="1" t="s">
        <v>76511</v>
      </c>
    </row>
    <row r="21406" spans="1:10" x14ac:dyDescent="0.35">
      <c r="A21406" s="1" t="s">
        <v>51714</v>
      </c>
      <c r="B21406" s="1" t="s">
        <v>75461</v>
      </c>
      <c r="C21406" s="1" t="s">
        <v>110</v>
      </c>
      <c r="D21406" s="1" t="s">
        <v>32379</v>
      </c>
      <c r="E21406" s="1" t="s">
        <v>76512</v>
      </c>
      <c r="F21406" s="1" t="s">
        <v>76513</v>
      </c>
      <c r="G21406" s="1" t="s">
        <v>76440</v>
      </c>
      <c r="H21406" s="1" t="s">
        <v>76441</v>
      </c>
      <c r="I21406" s="1" t="s">
        <v>75467</v>
      </c>
      <c r="J21406" s="1" t="s">
        <v>76514</v>
      </c>
    </row>
    <row r="21407" spans="1:10" x14ac:dyDescent="0.35">
      <c r="A21407" s="1" t="s">
        <v>51714</v>
      </c>
      <c r="B21407" s="1" t="s">
        <v>75461</v>
      </c>
      <c r="C21407" s="1" t="s">
        <v>115</v>
      </c>
      <c r="D21407" s="1" t="s">
        <v>76515</v>
      </c>
      <c r="E21407" s="1" t="s">
        <v>76516</v>
      </c>
      <c r="F21407" s="1" t="s">
        <v>76517</v>
      </c>
      <c r="G21407" s="1" t="s">
        <v>76440</v>
      </c>
      <c r="H21407" s="1" t="s">
        <v>76441</v>
      </c>
      <c r="I21407" s="1" t="s">
        <v>75467</v>
      </c>
      <c r="J21407" s="1" t="s">
        <v>76518</v>
      </c>
    </row>
    <row r="21408" spans="1:10" x14ac:dyDescent="0.35">
      <c r="A21408" s="1" t="s">
        <v>51714</v>
      </c>
      <c r="B21408" s="1" t="s">
        <v>75461</v>
      </c>
      <c r="C21408" s="1" t="s">
        <v>120</v>
      </c>
      <c r="D21408" s="1" t="s">
        <v>76519</v>
      </c>
      <c r="E21408" s="1" t="s">
        <v>76520</v>
      </c>
      <c r="F21408" s="1" t="s">
        <v>76521</v>
      </c>
      <c r="G21408" s="1" t="s">
        <v>76440</v>
      </c>
      <c r="H21408" s="1" t="s">
        <v>76441</v>
      </c>
      <c r="I21408" s="1" t="s">
        <v>75467</v>
      </c>
      <c r="J21408" s="1" t="s">
        <v>76522</v>
      </c>
    </row>
    <row r="21409" spans="1:10" x14ac:dyDescent="0.35">
      <c r="A21409" s="1" t="s">
        <v>51714</v>
      </c>
      <c r="B21409" s="1" t="s">
        <v>75461</v>
      </c>
      <c r="C21409" s="1" t="s">
        <v>125</v>
      </c>
      <c r="D21409" s="1" t="s">
        <v>76523</v>
      </c>
      <c r="E21409" s="1" t="s">
        <v>76524</v>
      </c>
      <c r="F21409" s="1" t="s">
        <v>76525</v>
      </c>
      <c r="G21409" s="1" t="s">
        <v>76440</v>
      </c>
      <c r="H21409" s="1" t="s">
        <v>76441</v>
      </c>
      <c r="I21409" s="1" t="s">
        <v>75467</v>
      </c>
      <c r="J21409" s="1" t="s">
        <v>76526</v>
      </c>
    </row>
    <row r="21410" spans="1:10" x14ac:dyDescent="0.35">
      <c r="A21410" s="1" t="s">
        <v>51714</v>
      </c>
      <c r="B21410" s="1" t="s">
        <v>75461</v>
      </c>
      <c r="C21410" s="1" t="s">
        <v>130</v>
      </c>
      <c r="D21410" s="1" t="s">
        <v>24005</v>
      </c>
      <c r="E21410" s="1" t="s">
        <v>76527</v>
      </c>
      <c r="F21410" s="1" t="s">
        <v>76528</v>
      </c>
      <c r="G21410" s="1" t="s">
        <v>76440</v>
      </c>
      <c r="H21410" s="1" t="s">
        <v>76441</v>
      </c>
      <c r="I21410" s="1" t="s">
        <v>75467</v>
      </c>
      <c r="J21410" s="1" t="s">
        <v>76529</v>
      </c>
    </row>
    <row r="21411" spans="1:10" x14ac:dyDescent="0.35">
      <c r="A21411" s="1" t="s">
        <v>51714</v>
      </c>
      <c r="B21411" s="1" t="s">
        <v>75461</v>
      </c>
      <c r="C21411" s="1" t="s">
        <v>135</v>
      </c>
      <c r="D21411" s="1" t="s">
        <v>76530</v>
      </c>
      <c r="E21411" s="1" t="s">
        <v>76531</v>
      </c>
      <c r="F21411" s="1" t="s">
        <v>76532</v>
      </c>
      <c r="G21411" s="1" t="s">
        <v>76440</v>
      </c>
      <c r="H21411" s="1" t="s">
        <v>76441</v>
      </c>
      <c r="I21411" s="1" t="s">
        <v>75467</v>
      </c>
      <c r="J21411" s="1" t="s">
        <v>76533</v>
      </c>
    </row>
    <row r="21412" spans="1:10" x14ac:dyDescent="0.35">
      <c r="A21412" s="1" t="s">
        <v>51714</v>
      </c>
      <c r="B21412" s="1" t="s">
        <v>75461</v>
      </c>
      <c r="C21412" s="1" t="s">
        <v>140</v>
      </c>
      <c r="D21412" s="1" t="s">
        <v>76534</v>
      </c>
      <c r="E21412" s="1" t="s">
        <v>76535</v>
      </c>
      <c r="F21412" s="1" t="s">
        <v>76536</v>
      </c>
      <c r="G21412" s="1" t="s">
        <v>76440</v>
      </c>
      <c r="H21412" s="1" t="s">
        <v>76441</v>
      </c>
      <c r="I21412" s="1" t="s">
        <v>75467</v>
      </c>
      <c r="J21412" s="1" t="s">
        <v>76537</v>
      </c>
    </row>
    <row r="21413" spans="1:10" x14ac:dyDescent="0.35">
      <c r="A21413" s="1" t="s">
        <v>51714</v>
      </c>
      <c r="B21413" s="1" t="s">
        <v>75461</v>
      </c>
      <c r="C21413" s="1" t="s">
        <v>145</v>
      </c>
      <c r="D21413" s="1" t="s">
        <v>76538</v>
      </c>
      <c r="E21413" s="1" t="s">
        <v>76539</v>
      </c>
      <c r="F21413" s="1" t="s">
        <v>76540</v>
      </c>
      <c r="G21413" s="1" t="s">
        <v>76440</v>
      </c>
      <c r="H21413" s="1" t="s">
        <v>76441</v>
      </c>
      <c r="I21413" s="1" t="s">
        <v>75467</v>
      </c>
      <c r="J21413" s="1" t="s">
        <v>76541</v>
      </c>
    </row>
    <row r="21414" spans="1:10" x14ac:dyDescent="0.35">
      <c r="A21414" s="1" t="s">
        <v>51714</v>
      </c>
      <c r="B21414" s="1" t="s">
        <v>75461</v>
      </c>
      <c r="C21414" s="1" t="s">
        <v>150</v>
      </c>
      <c r="D21414" s="1" t="s">
        <v>76542</v>
      </c>
      <c r="E21414" s="1" t="s">
        <v>76543</v>
      </c>
      <c r="F21414" s="1" t="s">
        <v>76544</v>
      </c>
      <c r="G21414" s="1" t="s">
        <v>76440</v>
      </c>
      <c r="H21414" s="1" t="s">
        <v>76441</v>
      </c>
      <c r="I21414" s="1" t="s">
        <v>75467</v>
      </c>
      <c r="J21414" s="1" t="s">
        <v>76545</v>
      </c>
    </row>
    <row r="21415" spans="1:10" x14ac:dyDescent="0.35">
      <c r="A21415" s="1" t="s">
        <v>51714</v>
      </c>
      <c r="B21415" s="1" t="s">
        <v>75461</v>
      </c>
      <c r="C21415" s="1" t="s">
        <v>155</v>
      </c>
      <c r="D21415" s="1" t="s">
        <v>55295</v>
      </c>
      <c r="E21415" s="1" t="s">
        <v>76546</v>
      </c>
      <c r="F21415" s="1" t="s">
        <v>76547</v>
      </c>
      <c r="G21415" s="1" t="s">
        <v>76440</v>
      </c>
      <c r="H21415" s="1" t="s">
        <v>76441</v>
      </c>
      <c r="I21415" s="1" t="s">
        <v>75467</v>
      </c>
      <c r="J21415" s="1" t="s">
        <v>76548</v>
      </c>
    </row>
    <row r="21416" spans="1:10" x14ac:dyDescent="0.35">
      <c r="A21416" s="1" t="s">
        <v>51714</v>
      </c>
      <c r="B21416" s="1" t="s">
        <v>75461</v>
      </c>
      <c r="C21416" s="1" t="s">
        <v>160</v>
      </c>
      <c r="D21416" s="1" t="s">
        <v>76549</v>
      </c>
      <c r="E21416" s="1" t="s">
        <v>76550</v>
      </c>
      <c r="F21416" s="1" t="s">
        <v>76551</v>
      </c>
      <c r="G21416" s="1" t="s">
        <v>76440</v>
      </c>
      <c r="H21416" s="1" t="s">
        <v>76441</v>
      </c>
      <c r="I21416" s="1" t="s">
        <v>75467</v>
      </c>
      <c r="J21416" s="1" t="s">
        <v>76552</v>
      </c>
    </row>
    <row r="21417" spans="1:10" x14ac:dyDescent="0.35">
      <c r="A21417" s="1" t="s">
        <v>51714</v>
      </c>
      <c r="B21417" s="1" t="s">
        <v>75461</v>
      </c>
      <c r="C21417" s="1" t="s">
        <v>165</v>
      </c>
      <c r="D21417" s="1" t="s">
        <v>76553</v>
      </c>
      <c r="E21417" s="1" t="s">
        <v>76554</v>
      </c>
      <c r="F21417" s="1" t="s">
        <v>76555</v>
      </c>
      <c r="G21417" s="1" t="s">
        <v>76440</v>
      </c>
      <c r="H21417" s="1" t="s">
        <v>76441</v>
      </c>
      <c r="I21417" s="1" t="s">
        <v>75467</v>
      </c>
      <c r="J21417" s="1" t="s">
        <v>76556</v>
      </c>
    </row>
    <row r="21418" spans="1:10" x14ac:dyDescent="0.35">
      <c r="A21418" s="1" t="s">
        <v>51714</v>
      </c>
      <c r="B21418" s="1" t="s">
        <v>75461</v>
      </c>
      <c r="C21418" s="1" t="s">
        <v>170</v>
      </c>
      <c r="D21418" s="1" t="s">
        <v>76557</v>
      </c>
      <c r="E21418" s="1" t="s">
        <v>76558</v>
      </c>
      <c r="F21418" s="1" t="s">
        <v>76559</v>
      </c>
      <c r="G21418" s="1" t="s">
        <v>76440</v>
      </c>
      <c r="H21418" s="1" t="s">
        <v>76441</v>
      </c>
      <c r="I21418" s="1" t="s">
        <v>75467</v>
      </c>
      <c r="J21418" s="1" t="s">
        <v>76560</v>
      </c>
    </row>
    <row r="21419" spans="1:10" x14ac:dyDescent="0.35">
      <c r="A21419" s="1" t="s">
        <v>7279</v>
      </c>
      <c r="B21419" s="1" t="s">
        <v>75461</v>
      </c>
      <c r="C21419" s="1" t="s">
        <v>8</v>
      </c>
      <c r="D21419" s="1" t="s">
        <v>76561</v>
      </c>
      <c r="E21419" s="1" t="s">
        <v>76562</v>
      </c>
      <c r="F21419" s="1" t="s">
        <v>76563</v>
      </c>
      <c r="G21419" s="1" t="s">
        <v>76564</v>
      </c>
      <c r="H21419" s="1" t="s">
        <v>76565</v>
      </c>
      <c r="I21419" s="1" t="s">
        <v>75467</v>
      </c>
      <c r="J21419" s="1" t="s">
        <v>13</v>
      </c>
    </row>
    <row r="21420" spans="1:10" x14ac:dyDescent="0.35">
      <c r="A21420" s="1" t="s">
        <v>7279</v>
      </c>
      <c r="B21420" s="1" t="s">
        <v>75461</v>
      </c>
      <c r="C21420" s="1" t="s">
        <v>15</v>
      </c>
      <c r="D21420" s="1" t="s">
        <v>76566</v>
      </c>
      <c r="E21420" s="1" t="s">
        <v>76567</v>
      </c>
      <c r="F21420" s="1" t="s">
        <v>76568</v>
      </c>
      <c r="G21420" s="1" t="s">
        <v>76564</v>
      </c>
      <c r="H21420" s="1" t="s">
        <v>76565</v>
      </c>
      <c r="I21420" s="1" t="s">
        <v>75467</v>
      </c>
      <c r="J21420" s="1" t="s">
        <v>76569</v>
      </c>
    </row>
    <row r="21421" spans="1:10" x14ac:dyDescent="0.35">
      <c r="A21421" s="1" t="s">
        <v>7279</v>
      </c>
      <c r="B21421" s="1" t="s">
        <v>75461</v>
      </c>
      <c r="C21421" s="1" t="s">
        <v>20</v>
      </c>
      <c r="D21421" s="1" t="s">
        <v>12307</v>
      </c>
      <c r="E21421" s="1" t="s">
        <v>76570</v>
      </c>
      <c r="F21421" s="1" t="s">
        <v>76571</v>
      </c>
      <c r="G21421" s="1" t="s">
        <v>76564</v>
      </c>
      <c r="H21421" s="1" t="s">
        <v>76565</v>
      </c>
      <c r="I21421" s="1" t="s">
        <v>75467</v>
      </c>
      <c r="J21421" s="1" t="s">
        <v>76572</v>
      </c>
    </row>
    <row r="21422" spans="1:10" x14ac:dyDescent="0.35">
      <c r="A21422" s="1" t="s">
        <v>7279</v>
      </c>
      <c r="B21422" s="1" t="s">
        <v>75461</v>
      </c>
      <c r="C21422" s="1" t="s">
        <v>25</v>
      </c>
      <c r="D21422" s="1" t="s">
        <v>76573</v>
      </c>
      <c r="E21422" s="1" t="s">
        <v>76574</v>
      </c>
      <c r="F21422" s="1" t="s">
        <v>76575</v>
      </c>
      <c r="G21422" s="1" t="s">
        <v>76564</v>
      </c>
      <c r="H21422" s="1" t="s">
        <v>76565</v>
      </c>
      <c r="I21422" s="1" t="s">
        <v>75467</v>
      </c>
      <c r="J21422" s="1" t="s">
        <v>76576</v>
      </c>
    </row>
    <row r="21423" spans="1:10" x14ac:dyDescent="0.35">
      <c r="A21423" s="1" t="s">
        <v>7279</v>
      </c>
      <c r="B21423" s="1" t="s">
        <v>75461</v>
      </c>
      <c r="C21423" s="1" t="s">
        <v>30</v>
      </c>
      <c r="D21423" s="1" t="s">
        <v>76577</v>
      </c>
      <c r="E21423" s="1" t="s">
        <v>76578</v>
      </c>
      <c r="F21423" s="1" t="s">
        <v>76579</v>
      </c>
      <c r="G21423" s="1" t="s">
        <v>76564</v>
      </c>
      <c r="H21423" s="1" t="s">
        <v>76565</v>
      </c>
      <c r="I21423" s="1" t="s">
        <v>75467</v>
      </c>
      <c r="J21423" s="1" t="s">
        <v>76580</v>
      </c>
    </row>
    <row r="21424" spans="1:10" x14ac:dyDescent="0.35">
      <c r="A21424" s="1" t="s">
        <v>7279</v>
      </c>
      <c r="B21424" s="1" t="s">
        <v>75461</v>
      </c>
      <c r="C21424" s="1" t="s">
        <v>35</v>
      </c>
      <c r="D21424" s="1" t="s">
        <v>76581</v>
      </c>
      <c r="E21424" s="1" t="s">
        <v>76582</v>
      </c>
      <c r="F21424" s="1" t="s">
        <v>76583</v>
      </c>
      <c r="G21424" s="1" t="s">
        <v>76564</v>
      </c>
      <c r="H21424" s="1" t="s">
        <v>76565</v>
      </c>
      <c r="I21424" s="1" t="s">
        <v>75467</v>
      </c>
      <c r="J21424" s="1" t="s">
        <v>76584</v>
      </c>
    </row>
    <row r="21425" spans="1:10" x14ac:dyDescent="0.35">
      <c r="A21425" s="1" t="s">
        <v>7279</v>
      </c>
      <c r="B21425" s="1" t="s">
        <v>75461</v>
      </c>
      <c r="C21425" s="1" t="s">
        <v>40</v>
      </c>
      <c r="D21425" s="1" t="s">
        <v>67966</v>
      </c>
      <c r="E21425" s="1" t="s">
        <v>76585</v>
      </c>
      <c r="F21425" s="1" t="s">
        <v>76586</v>
      </c>
      <c r="G21425" s="1" t="s">
        <v>76564</v>
      </c>
      <c r="H21425" s="1" t="s">
        <v>76565</v>
      </c>
      <c r="I21425" s="1" t="s">
        <v>75467</v>
      </c>
      <c r="J21425" s="1" t="s">
        <v>76587</v>
      </c>
    </row>
    <row r="21426" spans="1:10" x14ac:dyDescent="0.35">
      <c r="A21426" s="1" t="s">
        <v>7279</v>
      </c>
      <c r="B21426" s="1" t="s">
        <v>75461</v>
      </c>
      <c r="C21426" s="1" t="s">
        <v>45</v>
      </c>
      <c r="D21426" s="1" t="s">
        <v>76588</v>
      </c>
      <c r="E21426" s="1" t="s">
        <v>76589</v>
      </c>
      <c r="F21426" s="1" t="s">
        <v>76590</v>
      </c>
      <c r="G21426" s="1" t="s">
        <v>76564</v>
      </c>
      <c r="H21426" s="1" t="s">
        <v>76565</v>
      </c>
      <c r="I21426" s="1" t="s">
        <v>75467</v>
      </c>
      <c r="J21426" s="1" t="s">
        <v>76591</v>
      </c>
    </row>
    <row r="21427" spans="1:10" x14ac:dyDescent="0.35">
      <c r="A21427" s="1" t="s">
        <v>7279</v>
      </c>
      <c r="B21427" s="1" t="s">
        <v>75461</v>
      </c>
      <c r="C21427" s="1" t="s">
        <v>50</v>
      </c>
      <c r="D21427" s="1" t="s">
        <v>76592</v>
      </c>
      <c r="E21427" s="1" t="s">
        <v>76593</v>
      </c>
      <c r="F21427" s="1" t="s">
        <v>76594</v>
      </c>
      <c r="G21427" s="1" t="s">
        <v>76564</v>
      </c>
      <c r="H21427" s="1" t="s">
        <v>76565</v>
      </c>
      <c r="I21427" s="1" t="s">
        <v>75467</v>
      </c>
      <c r="J21427" s="1" t="s">
        <v>76595</v>
      </c>
    </row>
    <row r="21428" spans="1:10" x14ac:dyDescent="0.35">
      <c r="A21428" s="1" t="s">
        <v>7279</v>
      </c>
      <c r="B21428" s="1" t="s">
        <v>75461</v>
      </c>
      <c r="C21428" s="1" t="s">
        <v>55</v>
      </c>
      <c r="D21428" s="1" t="s">
        <v>76596</v>
      </c>
      <c r="E21428" s="1" t="s">
        <v>76597</v>
      </c>
      <c r="F21428" s="1" t="s">
        <v>76598</v>
      </c>
      <c r="G21428" s="1" t="s">
        <v>76564</v>
      </c>
      <c r="H21428" s="1" t="s">
        <v>76565</v>
      </c>
      <c r="I21428" s="1" t="s">
        <v>75467</v>
      </c>
      <c r="J21428" s="1" t="s">
        <v>76599</v>
      </c>
    </row>
    <row r="21429" spans="1:10" x14ac:dyDescent="0.35">
      <c r="A21429" s="1" t="s">
        <v>7279</v>
      </c>
      <c r="B21429" s="1" t="s">
        <v>75461</v>
      </c>
      <c r="C21429" s="1" t="s">
        <v>60</v>
      </c>
      <c r="D21429" s="1" t="s">
        <v>76600</v>
      </c>
      <c r="E21429" s="1" t="s">
        <v>76601</v>
      </c>
      <c r="F21429" s="1" t="s">
        <v>76602</v>
      </c>
      <c r="G21429" s="1" t="s">
        <v>76564</v>
      </c>
      <c r="H21429" s="1" t="s">
        <v>76565</v>
      </c>
      <c r="I21429" s="1" t="s">
        <v>75467</v>
      </c>
      <c r="J21429" s="1" t="s">
        <v>76603</v>
      </c>
    </row>
    <row r="21430" spans="1:10" x14ac:dyDescent="0.35">
      <c r="A21430" s="1" t="s">
        <v>7279</v>
      </c>
      <c r="B21430" s="1" t="s">
        <v>75461</v>
      </c>
      <c r="C21430" s="1" t="s">
        <v>65</v>
      </c>
      <c r="D21430" s="1" t="s">
        <v>69343</v>
      </c>
      <c r="E21430" s="1" t="s">
        <v>76604</v>
      </c>
      <c r="F21430" s="1" t="s">
        <v>76605</v>
      </c>
      <c r="G21430" s="1" t="s">
        <v>76564</v>
      </c>
      <c r="H21430" s="1" t="s">
        <v>76565</v>
      </c>
      <c r="I21430" s="1" t="s">
        <v>75467</v>
      </c>
      <c r="J21430" s="1" t="s">
        <v>76606</v>
      </c>
    </row>
    <row r="21431" spans="1:10" x14ac:dyDescent="0.35">
      <c r="A21431" s="1" t="s">
        <v>7279</v>
      </c>
      <c r="B21431" s="1" t="s">
        <v>75461</v>
      </c>
      <c r="C21431" s="1" t="s">
        <v>70</v>
      </c>
      <c r="D21431" s="1" t="s">
        <v>76607</v>
      </c>
      <c r="E21431" s="1" t="s">
        <v>76608</v>
      </c>
      <c r="F21431" s="1" t="s">
        <v>76609</v>
      </c>
      <c r="G21431" s="1" t="s">
        <v>76564</v>
      </c>
      <c r="H21431" s="1" t="s">
        <v>76565</v>
      </c>
      <c r="I21431" s="1" t="s">
        <v>75467</v>
      </c>
      <c r="J21431" s="1" t="s">
        <v>76610</v>
      </c>
    </row>
    <row r="21432" spans="1:10" x14ac:dyDescent="0.35">
      <c r="A21432" s="1" t="s">
        <v>7279</v>
      </c>
      <c r="B21432" s="1" t="s">
        <v>75461</v>
      </c>
      <c r="C21432" s="1" t="s">
        <v>75</v>
      </c>
      <c r="D21432" s="1" t="s">
        <v>76611</v>
      </c>
      <c r="E21432" s="1" t="s">
        <v>76612</v>
      </c>
      <c r="F21432" s="1" t="s">
        <v>76613</v>
      </c>
      <c r="G21432" s="1" t="s">
        <v>76564</v>
      </c>
      <c r="H21432" s="1" t="s">
        <v>76565</v>
      </c>
      <c r="I21432" s="1" t="s">
        <v>75467</v>
      </c>
      <c r="J21432" s="1" t="s">
        <v>76614</v>
      </c>
    </row>
    <row r="21433" spans="1:10" x14ac:dyDescent="0.35">
      <c r="A21433" s="1" t="s">
        <v>7279</v>
      </c>
      <c r="B21433" s="1" t="s">
        <v>75461</v>
      </c>
      <c r="C21433" s="1" t="s">
        <v>80</v>
      </c>
      <c r="D21433" s="1" t="s">
        <v>76615</v>
      </c>
      <c r="E21433" s="1" t="s">
        <v>76616</v>
      </c>
      <c r="F21433" s="1" t="s">
        <v>76617</v>
      </c>
      <c r="G21433" s="1" t="s">
        <v>76564</v>
      </c>
      <c r="H21433" s="1" t="s">
        <v>76565</v>
      </c>
      <c r="I21433" s="1" t="s">
        <v>75467</v>
      </c>
      <c r="J21433" s="1" t="s">
        <v>76618</v>
      </c>
    </row>
    <row r="21434" spans="1:10" x14ac:dyDescent="0.35">
      <c r="A21434" s="1" t="s">
        <v>7279</v>
      </c>
      <c r="B21434" s="1" t="s">
        <v>75461</v>
      </c>
      <c r="C21434" s="1" t="s">
        <v>85</v>
      </c>
      <c r="D21434" s="1" t="s">
        <v>76619</v>
      </c>
      <c r="E21434" s="1" t="s">
        <v>76620</v>
      </c>
      <c r="F21434" s="1" t="s">
        <v>76621</v>
      </c>
      <c r="G21434" s="1" t="s">
        <v>76564</v>
      </c>
      <c r="H21434" s="1" t="s">
        <v>76565</v>
      </c>
      <c r="I21434" s="1" t="s">
        <v>75467</v>
      </c>
      <c r="J21434" s="1" t="s">
        <v>76622</v>
      </c>
    </row>
    <row r="21435" spans="1:10" x14ac:dyDescent="0.35">
      <c r="A21435" s="1" t="s">
        <v>7279</v>
      </c>
      <c r="B21435" s="1" t="s">
        <v>75461</v>
      </c>
      <c r="C21435" s="1" t="s">
        <v>90</v>
      </c>
      <c r="D21435" s="1" t="s">
        <v>76623</v>
      </c>
      <c r="E21435" s="1" t="s">
        <v>76624</v>
      </c>
      <c r="F21435" s="1" t="s">
        <v>76625</v>
      </c>
      <c r="G21435" s="1" t="s">
        <v>76564</v>
      </c>
      <c r="H21435" s="1" t="s">
        <v>76565</v>
      </c>
      <c r="I21435" s="1" t="s">
        <v>75467</v>
      </c>
      <c r="J21435" s="1" t="s">
        <v>76626</v>
      </c>
    </row>
    <row r="21436" spans="1:10" x14ac:dyDescent="0.35">
      <c r="A21436" s="1" t="s">
        <v>7279</v>
      </c>
      <c r="B21436" s="1" t="s">
        <v>75461</v>
      </c>
      <c r="C21436" s="1" t="s">
        <v>95</v>
      </c>
      <c r="D21436" s="1" t="s">
        <v>67831</v>
      </c>
      <c r="E21436" s="1" t="s">
        <v>76627</v>
      </c>
      <c r="F21436" s="1" t="s">
        <v>76628</v>
      </c>
      <c r="G21436" s="1" t="s">
        <v>76564</v>
      </c>
      <c r="H21436" s="1" t="s">
        <v>76565</v>
      </c>
      <c r="I21436" s="1" t="s">
        <v>75467</v>
      </c>
      <c r="J21436" s="1" t="s">
        <v>76629</v>
      </c>
    </row>
    <row r="21437" spans="1:10" x14ac:dyDescent="0.35">
      <c r="A21437" s="1" t="s">
        <v>7279</v>
      </c>
      <c r="B21437" s="1" t="s">
        <v>75461</v>
      </c>
      <c r="C21437" s="1" t="s">
        <v>100</v>
      </c>
      <c r="D21437" s="1" t="s">
        <v>76630</v>
      </c>
      <c r="E21437" s="1" t="s">
        <v>76631</v>
      </c>
      <c r="F21437" s="1" t="s">
        <v>76632</v>
      </c>
      <c r="G21437" s="1" t="s">
        <v>76564</v>
      </c>
      <c r="H21437" s="1" t="s">
        <v>76565</v>
      </c>
      <c r="I21437" s="1" t="s">
        <v>75467</v>
      </c>
      <c r="J21437" s="1" t="s">
        <v>76633</v>
      </c>
    </row>
    <row r="21438" spans="1:10" x14ac:dyDescent="0.35">
      <c r="A21438" s="1" t="s">
        <v>7279</v>
      </c>
      <c r="B21438" s="1" t="s">
        <v>75461</v>
      </c>
      <c r="C21438" s="1" t="s">
        <v>105</v>
      </c>
      <c r="D21438" s="1" t="s">
        <v>76634</v>
      </c>
      <c r="E21438" s="1" t="s">
        <v>76635</v>
      </c>
      <c r="F21438" s="1" t="s">
        <v>76636</v>
      </c>
      <c r="G21438" s="1" t="s">
        <v>76564</v>
      </c>
      <c r="H21438" s="1" t="s">
        <v>76565</v>
      </c>
      <c r="I21438" s="1" t="s">
        <v>75467</v>
      </c>
      <c r="J21438" s="1" t="s">
        <v>76637</v>
      </c>
    </row>
    <row r="21439" spans="1:10" x14ac:dyDescent="0.35">
      <c r="A21439" s="1" t="s">
        <v>7279</v>
      </c>
      <c r="B21439" s="1" t="s">
        <v>75461</v>
      </c>
      <c r="C21439" s="1" t="s">
        <v>110</v>
      </c>
      <c r="D21439" s="1" t="s">
        <v>76638</v>
      </c>
      <c r="E21439" s="1" t="s">
        <v>76639</v>
      </c>
      <c r="F21439" s="1" t="s">
        <v>76640</v>
      </c>
      <c r="G21439" s="1" t="s">
        <v>76564</v>
      </c>
      <c r="H21439" s="1" t="s">
        <v>76565</v>
      </c>
      <c r="I21439" s="1" t="s">
        <v>75467</v>
      </c>
      <c r="J21439" s="1" t="s">
        <v>76641</v>
      </c>
    </row>
    <row r="21440" spans="1:10" x14ac:dyDescent="0.35">
      <c r="A21440" s="1" t="s">
        <v>7279</v>
      </c>
      <c r="B21440" s="1" t="s">
        <v>75461</v>
      </c>
      <c r="C21440" s="1" t="s">
        <v>115</v>
      </c>
      <c r="D21440" s="1" t="s">
        <v>76642</v>
      </c>
      <c r="E21440" s="1" t="s">
        <v>76643</v>
      </c>
      <c r="F21440" s="1" t="s">
        <v>76644</v>
      </c>
      <c r="G21440" s="1" t="s">
        <v>76564</v>
      </c>
      <c r="H21440" s="1" t="s">
        <v>76565</v>
      </c>
      <c r="I21440" s="1" t="s">
        <v>75467</v>
      </c>
      <c r="J21440" s="1" t="s">
        <v>76645</v>
      </c>
    </row>
    <row r="21441" spans="1:10" x14ac:dyDescent="0.35">
      <c r="A21441" s="1" t="s">
        <v>7279</v>
      </c>
      <c r="B21441" s="1" t="s">
        <v>75461</v>
      </c>
      <c r="C21441" s="1" t="s">
        <v>120</v>
      </c>
      <c r="D21441" s="1" t="s">
        <v>76646</v>
      </c>
      <c r="E21441" s="1" t="s">
        <v>76647</v>
      </c>
      <c r="F21441" s="1" t="s">
        <v>76648</v>
      </c>
      <c r="G21441" s="1" t="s">
        <v>76564</v>
      </c>
      <c r="H21441" s="1" t="s">
        <v>76565</v>
      </c>
      <c r="I21441" s="1" t="s">
        <v>75467</v>
      </c>
      <c r="J21441" s="1" t="s">
        <v>76649</v>
      </c>
    </row>
    <row r="21442" spans="1:10" x14ac:dyDescent="0.35">
      <c r="A21442" s="1" t="s">
        <v>7279</v>
      </c>
      <c r="B21442" s="1" t="s">
        <v>75461</v>
      </c>
      <c r="C21442" s="1" t="s">
        <v>125</v>
      </c>
      <c r="D21442" s="1" t="s">
        <v>76650</v>
      </c>
      <c r="E21442" s="1" t="s">
        <v>76651</v>
      </c>
      <c r="F21442" s="1" t="s">
        <v>76652</v>
      </c>
      <c r="G21442" s="1" t="s">
        <v>76564</v>
      </c>
      <c r="H21442" s="1" t="s">
        <v>76565</v>
      </c>
      <c r="I21442" s="1" t="s">
        <v>75467</v>
      </c>
      <c r="J21442" s="1" t="s">
        <v>76653</v>
      </c>
    </row>
    <row r="21443" spans="1:10" x14ac:dyDescent="0.35">
      <c r="A21443" s="1" t="s">
        <v>7279</v>
      </c>
      <c r="B21443" s="1" t="s">
        <v>75461</v>
      </c>
      <c r="C21443" s="1" t="s">
        <v>130</v>
      </c>
      <c r="D21443" s="1" t="s">
        <v>76654</v>
      </c>
      <c r="E21443" s="1" t="s">
        <v>76655</v>
      </c>
      <c r="F21443" s="1" t="s">
        <v>76656</v>
      </c>
      <c r="G21443" s="1" t="s">
        <v>76564</v>
      </c>
      <c r="H21443" s="1" t="s">
        <v>76565</v>
      </c>
      <c r="I21443" s="1" t="s">
        <v>75467</v>
      </c>
      <c r="J21443" s="1" t="s">
        <v>76657</v>
      </c>
    </row>
    <row r="21444" spans="1:10" x14ac:dyDescent="0.35">
      <c r="A21444" s="1" t="s">
        <v>7279</v>
      </c>
      <c r="B21444" s="1" t="s">
        <v>75461</v>
      </c>
      <c r="C21444" s="1" t="s">
        <v>135</v>
      </c>
      <c r="D21444" s="1" t="s">
        <v>55526</v>
      </c>
      <c r="E21444" s="1" t="s">
        <v>76658</v>
      </c>
      <c r="F21444" s="1" t="s">
        <v>76659</v>
      </c>
      <c r="G21444" s="1" t="s">
        <v>76564</v>
      </c>
      <c r="H21444" s="1" t="s">
        <v>76565</v>
      </c>
      <c r="I21444" s="1" t="s">
        <v>75467</v>
      </c>
      <c r="J21444" s="1" t="s">
        <v>76660</v>
      </c>
    </row>
    <row r="21445" spans="1:10" x14ac:dyDescent="0.35">
      <c r="A21445" s="1" t="s">
        <v>7279</v>
      </c>
      <c r="B21445" s="1" t="s">
        <v>75461</v>
      </c>
      <c r="C21445" s="1" t="s">
        <v>140</v>
      </c>
      <c r="D21445" s="1" t="s">
        <v>76661</v>
      </c>
      <c r="E21445" s="1" t="s">
        <v>76662</v>
      </c>
      <c r="F21445" s="1" t="s">
        <v>76663</v>
      </c>
      <c r="G21445" s="1" t="s">
        <v>76564</v>
      </c>
      <c r="H21445" s="1" t="s">
        <v>76565</v>
      </c>
      <c r="I21445" s="1" t="s">
        <v>75467</v>
      </c>
      <c r="J21445" s="1" t="s">
        <v>76664</v>
      </c>
    </row>
    <row r="21446" spans="1:10" x14ac:dyDescent="0.35">
      <c r="A21446" s="1" t="s">
        <v>7279</v>
      </c>
      <c r="B21446" s="1" t="s">
        <v>75461</v>
      </c>
      <c r="C21446" s="1" t="s">
        <v>145</v>
      </c>
      <c r="D21446" s="1" t="s">
        <v>76665</v>
      </c>
      <c r="E21446" s="1" t="s">
        <v>76666</v>
      </c>
      <c r="F21446" s="1" t="s">
        <v>76667</v>
      </c>
      <c r="G21446" s="1" t="s">
        <v>76564</v>
      </c>
      <c r="H21446" s="1" t="s">
        <v>76565</v>
      </c>
      <c r="I21446" s="1" t="s">
        <v>75467</v>
      </c>
      <c r="J21446" s="1" t="s">
        <v>76668</v>
      </c>
    </row>
    <row r="21447" spans="1:10" x14ac:dyDescent="0.35">
      <c r="A21447" s="1" t="s">
        <v>7279</v>
      </c>
      <c r="B21447" s="1" t="s">
        <v>75461</v>
      </c>
      <c r="C21447" s="1" t="s">
        <v>150</v>
      </c>
      <c r="D21447" s="1" t="s">
        <v>76669</v>
      </c>
      <c r="E21447" s="1" t="s">
        <v>76670</v>
      </c>
      <c r="F21447" s="1" t="s">
        <v>76671</v>
      </c>
      <c r="G21447" s="1" t="s">
        <v>76564</v>
      </c>
      <c r="H21447" s="1" t="s">
        <v>76565</v>
      </c>
      <c r="I21447" s="1" t="s">
        <v>75467</v>
      </c>
      <c r="J21447" s="1" t="s">
        <v>76672</v>
      </c>
    </row>
    <row r="21448" spans="1:10" x14ac:dyDescent="0.35">
      <c r="A21448" s="1" t="s">
        <v>7279</v>
      </c>
      <c r="B21448" s="1" t="s">
        <v>75461</v>
      </c>
      <c r="C21448" s="1" t="s">
        <v>155</v>
      </c>
      <c r="D21448" s="1" t="s">
        <v>76673</v>
      </c>
      <c r="E21448" s="1" t="s">
        <v>76674</v>
      </c>
      <c r="F21448" s="1" t="s">
        <v>76675</v>
      </c>
      <c r="G21448" s="1" t="s">
        <v>76564</v>
      </c>
      <c r="H21448" s="1" t="s">
        <v>76565</v>
      </c>
      <c r="I21448" s="1" t="s">
        <v>75467</v>
      </c>
      <c r="J21448" s="1" t="s">
        <v>76676</v>
      </c>
    </row>
    <row r="21449" spans="1:10" x14ac:dyDescent="0.35">
      <c r="A21449" s="1" t="s">
        <v>7279</v>
      </c>
      <c r="B21449" s="1" t="s">
        <v>75461</v>
      </c>
      <c r="C21449" s="1" t="s">
        <v>160</v>
      </c>
      <c r="D21449" s="1" t="s">
        <v>76677</v>
      </c>
      <c r="E21449" s="1" t="s">
        <v>76678</v>
      </c>
      <c r="F21449" s="1" t="s">
        <v>76679</v>
      </c>
      <c r="G21449" s="1" t="s">
        <v>76564</v>
      </c>
      <c r="H21449" s="1" t="s">
        <v>76565</v>
      </c>
      <c r="I21449" s="1" t="s">
        <v>75467</v>
      </c>
      <c r="J21449" s="1" t="s">
        <v>76680</v>
      </c>
    </row>
    <row r="21450" spans="1:10" x14ac:dyDescent="0.35">
      <c r="A21450" s="1" t="s">
        <v>7279</v>
      </c>
      <c r="B21450" s="1" t="s">
        <v>75461</v>
      </c>
      <c r="C21450" s="1" t="s">
        <v>165</v>
      </c>
      <c r="D21450" s="1" t="s">
        <v>76681</v>
      </c>
      <c r="E21450" s="1" t="s">
        <v>76682</v>
      </c>
      <c r="F21450" s="1" t="s">
        <v>76683</v>
      </c>
      <c r="G21450" s="1" t="s">
        <v>76564</v>
      </c>
      <c r="H21450" s="1" t="s">
        <v>76565</v>
      </c>
      <c r="I21450" s="1" t="s">
        <v>75467</v>
      </c>
      <c r="J21450" s="1" t="s">
        <v>76684</v>
      </c>
    </row>
    <row r="21451" spans="1:10" x14ac:dyDescent="0.35">
      <c r="A21451" s="1" t="s">
        <v>7279</v>
      </c>
      <c r="B21451" s="1" t="s">
        <v>75461</v>
      </c>
      <c r="C21451" s="1" t="s">
        <v>170</v>
      </c>
      <c r="D21451" s="1" t="s">
        <v>76685</v>
      </c>
      <c r="E21451" s="1" t="s">
        <v>76686</v>
      </c>
      <c r="F21451" s="1" t="s">
        <v>76687</v>
      </c>
      <c r="G21451" s="1" t="s">
        <v>76564</v>
      </c>
      <c r="H21451" s="1" t="s">
        <v>76565</v>
      </c>
      <c r="I21451" s="1" t="s">
        <v>75467</v>
      </c>
      <c r="J21451" s="1" t="s">
        <v>76688</v>
      </c>
    </row>
    <row r="21452" spans="1:10" x14ac:dyDescent="0.35">
      <c r="A21452" s="1" t="s">
        <v>1256</v>
      </c>
      <c r="B21452" s="1" t="s">
        <v>75461</v>
      </c>
      <c r="C21452" s="1" t="s">
        <v>8</v>
      </c>
      <c r="D21452" s="1" t="s">
        <v>76689</v>
      </c>
      <c r="E21452" s="1" t="s">
        <v>76690</v>
      </c>
      <c r="F21452" s="1" t="s">
        <v>76691</v>
      </c>
      <c r="G21452" s="1" t="s">
        <v>76692</v>
      </c>
      <c r="H21452" s="1" t="s">
        <v>76693</v>
      </c>
      <c r="I21452" s="1" t="s">
        <v>75467</v>
      </c>
      <c r="J21452" s="1" t="s">
        <v>13</v>
      </c>
    </row>
    <row r="21453" spans="1:10" x14ac:dyDescent="0.35">
      <c r="A21453" s="1" t="s">
        <v>1256</v>
      </c>
      <c r="B21453" s="1" t="s">
        <v>75461</v>
      </c>
      <c r="C21453" s="1" t="s">
        <v>15</v>
      </c>
      <c r="D21453" s="1" t="s">
        <v>76694</v>
      </c>
      <c r="E21453" s="1" t="s">
        <v>76695</v>
      </c>
      <c r="F21453" s="1" t="s">
        <v>76696</v>
      </c>
      <c r="G21453" s="1" t="s">
        <v>76692</v>
      </c>
      <c r="H21453" s="1" t="s">
        <v>76693</v>
      </c>
      <c r="I21453" s="1" t="s">
        <v>75467</v>
      </c>
      <c r="J21453" s="1" t="s">
        <v>76697</v>
      </c>
    </row>
    <row r="21454" spans="1:10" x14ac:dyDescent="0.35">
      <c r="A21454" s="1" t="s">
        <v>1256</v>
      </c>
      <c r="B21454" s="1" t="s">
        <v>75461</v>
      </c>
      <c r="C21454" s="1" t="s">
        <v>20</v>
      </c>
      <c r="D21454" s="1" t="s">
        <v>22563</v>
      </c>
      <c r="E21454" s="1" t="s">
        <v>76698</v>
      </c>
      <c r="F21454" s="1" t="s">
        <v>76699</v>
      </c>
      <c r="G21454" s="1" t="s">
        <v>76692</v>
      </c>
      <c r="H21454" s="1" t="s">
        <v>76693</v>
      </c>
      <c r="I21454" s="1" t="s">
        <v>75467</v>
      </c>
      <c r="J21454" s="1" t="s">
        <v>76700</v>
      </c>
    </row>
    <row r="21455" spans="1:10" x14ac:dyDescent="0.35">
      <c r="A21455" s="1" t="s">
        <v>1256</v>
      </c>
      <c r="B21455" s="1" t="s">
        <v>75461</v>
      </c>
      <c r="C21455" s="1" t="s">
        <v>25</v>
      </c>
      <c r="D21455" s="1" t="s">
        <v>12720</v>
      </c>
      <c r="E21455" s="1" t="s">
        <v>76701</v>
      </c>
      <c r="F21455" s="1" t="s">
        <v>76702</v>
      </c>
      <c r="G21455" s="1" t="s">
        <v>76692</v>
      </c>
      <c r="H21455" s="1" t="s">
        <v>76693</v>
      </c>
      <c r="I21455" s="1" t="s">
        <v>75467</v>
      </c>
      <c r="J21455" s="1" t="s">
        <v>76703</v>
      </c>
    </row>
    <row r="21456" spans="1:10" x14ac:dyDescent="0.35">
      <c r="A21456" s="1" t="s">
        <v>1256</v>
      </c>
      <c r="B21456" s="1" t="s">
        <v>75461</v>
      </c>
      <c r="C21456" s="1" t="s">
        <v>30</v>
      </c>
      <c r="D21456" s="1" t="s">
        <v>76704</v>
      </c>
      <c r="E21456" s="1" t="s">
        <v>76705</v>
      </c>
      <c r="F21456" s="1" t="s">
        <v>76706</v>
      </c>
      <c r="G21456" s="1" t="s">
        <v>76692</v>
      </c>
      <c r="H21456" s="1" t="s">
        <v>76693</v>
      </c>
      <c r="I21456" s="1" t="s">
        <v>75467</v>
      </c>
      <c r="J21456" s="1" t="s">
        <v>76707</v>
      </c>
    </row>
    <row r="21457" spans="1:10" x14ac:dyDescent="0.35">
      <c r="A21457" s="1" t="s">
        <v>1256</v>
      </c>
      <c r="B21457" s="1" t="s">
        <v>75461</v>
      </c>
      <c r="C21457" s="1" t="s">
        <v>35</v>
      </c>
      <c r="D21457" s="1" t="s">
        <v>76708</v>
      </c>
      <c r="E21457" s="1" t="s">
        <v>76709</v>
      </c>
      <c r="F21457" s="1" t="s">
        <v>76710</v>
      </c>
      <c r="G21457" s="1" t="s">
        <v>76692</v>
      </c>
      <c r="H21457" s="1" t="s">
        <v>76693</v>
      </c>
      <c r="I21457" s="1" t="s">
        <v>75467</v>
      </c>
      <c r="J21457" s="1" t="s">
        <v>76711</v>
      </c>
    </row>
    <row r="21458" spans="1:10" x14ac:dyDescent="0.35">
      <c r="A21458" s="1" t="s">
        <v>1256</v>
      </c>
      <c r="B21458" s="1" t="s">
        <v>75461</v>
      </c>
      <c r="C21458" s="1" t="s">
        <v>40</v>
      </c>
      <c r="D21458" s="1" t="s">
        <v>76712</v>
      </c>
      <c r="E21458" s="1" t="s">
        <v>76713</v>
      </c>
      <c r="F21458" s="1" t="s">
        <v>76714</v>
      </c>
      <c r="G21458" s="1" t="s">
        <v>76692</v>
      </c>
      <c r="H21458" s="1" t="s">
        <v>76693</v>
      </c>
      <c r="I21458" s="1" t="s">
        <v>75467</v>
      </c>
      <c r="J21458" s="1" t="s">
        <v>76715</v>
      </c>
    </row>
    <row r="21459" spans="1:10" x14ac:dyDescent="0.35">
      <c r="A21459" s="1" t="s">
        <v>1256</v>
      </c>
      <c r="B21459" s="1" t="s">
        <v>75461</v>
      </c>
      <c r="C21459" s="1" t="s">
        <v>45</v>
      </c>
      <c r="D21459" s="1" t="s">
        <v>7488</v>
      </c>
      <c r="E21459" s="1" t="s">
        <v>76716</v>
      </c>
      <c r="F21459" s="1" t="s">
        <v>76717</v>
      </c>
      <c r="G21459" s="1" t="s">
        <v>76692</v>
      </c>
      <c r="H21459" s="1" t="s">
        <v>76693</v>
      </c>
      <c r="I21459" s="1" t="s">
        <v>75467</v>
      </c>
      <c r="J21459" s="1" t="s">
        <v>76718</v>
      </c>
    </row>
    <row r="21460" spans="1:10" x14ac:dyDescent="0.35">
      <c r="A21460" s="1" t="s">
        <v>1256</v>
      </c>
      <c r="B21460" s="1" t="s">
        <v>75461</v>
      </c>
      <c r="C21460" s="1" t="s">
        <v>50</v>
      </c>
      <c r="D21460" s="1" t="s">
        <v>76719</v>
      </c>
      <c r="E21460" s="1" t="s">
        <v>76720</v>
      </c>
      <c r="F21460" s="1" t="s">
        <v>76721</v>
      </c>
      <c r="G21460" s="1" t="s">
        <v>76692</v>
      </c>
      <c r="H21460" s="1" t="s">
        <v>76693</v>
      </c>
      <c r="I21460" s="1" t="s">
        <v>75467</v>
      </c>
      <c r="J21460" s="1" t="s">
        <v>76722</v>
      </c>
    </row>
    <row r="21461" spans="1:10" x14ac:dyDescent="0.35">
      <c r="A21461" s="1" t="s">
        <v>1256</v>
      </c>
      <c r="B21461" s="1" t="s">
        <v>75461</v>
      </c>
      <c r="C21461" s="1" t="s">
        <v>55</v>
      </c>
      <c r="D21461" s="1" t="s">
        <v>76723</v>
      </c>
      <c r="E21461" s="1" t="s">
        <v>76724</v>
      </c>
      <c r="F21461" s="1" t="s">
        <v>76725</v>
      </c>
      <c r="G21461" s="1" t="s">
        <v>76692</v>
      </c>
      <c r="H21461" s="1" t="s">
        <v>76693</v>
      </c>
      <c r="I21461" s="1" t="s">
        <v>75467</v>
      </c>
      <c r="J21461" s="1" t="s">
        <v>76726</v>
      </c>
    </row>
    <row r="21462" spans="1:10" x14ac:dyDescent="0.35">
      <c r="A21462" s="1" t="s">
        <v>1256</v>
      </c>
      <c r="B21462" s="1" t="s">
        <v>75461</v>
      </c>
      <c r="C21462" s="1" t="s">
        <v>60</v>
      </c>
      <c r="D21462" s="1" t="s">
        <v>76727</v>
      </c>
      <c r="E21462" s="1" t="s">
        <v>76728</v>
      </c>
      <c r="F21462" s="1" t="s">
        <v>76729</v>
      </c>
      <c r="G21462" s="1" t="s">
        <v>76692</v>
      </c>
      <c r="H21462" s="1" t="s">
        <v>76693</v>
      </c>
      <c r="I21462" s="1" t="s">
        <v>75467</v>
      </c>
      <c r="J21462" s="1" t="s">
        <v>76730</v>
      </c>
    </row>
    <row r="21463" spans="1:10" x14ac:dyDescent="0.35">
      <c r="A21463" s="1" t="s">
        <v>1256</v>
      </c>
      <c r="B21463" s="1" t="s">
        <v>75461</v>
      </c>
      <c r="C21463" s="1" t="s">
        <v>65</v>
      </c>
      <c r="D21463" s="1" t="s">
        <v>76731</v>
      </c>
      <c r="E21463" s="1" t="s">
        <v>76732</v>
      </c>
      <c r="F21463" s="1" t="s">
        <v>76733</v>
      </c>
      <c r="G21463" s="1" t="s">
        <v>76692</v>
      </c>
      <c r="H21463" s="1" t="s">
        <v>76693</v>
      </c>
      <c r="I21463" s="1" t="s">
        <v>75467</v>
      </c>
      <c r="J21463" s="1" t="s">
        <v>76734</v>
      </c>
    </row>
    <row r="21464" spans="1:10" x14ac:dyDescent="0.35">
      <c r="A21464" s="1" t="s">
        <v>1256</v>
      </c>
      <c r="B21464" s="1" t="s">
        <v>75461</v>
      </c>
      <c r="C21464" s="1" t="s">
        <v>70</v>
      </c>
      <c r="D21464" s="1" t="s">
        <v>12589</v>
      </c>
      <c r="E21464" s="1" t="s">
        <v>76735</v>
      </c>
      <c r="F21464" s="1" t="s">
        <v>76736</v>
      </c>
      <c r="G21464" s="1" t="s">
        <v>76692</v>
      </c>
      <c r="H21464" s="1" t="s">
        <v>76693</v>
      </c>
      <c r="I21464" s="1" t="s">
        <v>75467</v>
      </c>
      <c r="J21464" s="1" t="s">
        <v>76737</v>
      </c>
    </row>
    <row r="21465" spans="1:10" x14ac:dyDescent="0.35">
      <c r="A21465" s="1" t="s">
        <v>1256</v>
      </c>
      <c r="B21465" s="1" t="s">
        <v>75461</v>
      </c>
      <c r="C21465" s="1" t="s">
        <v>75</v>
      </c>
      <c r="D21465" s="1" t="s">
        <v>76738</v>
      </c>
      <c r="E21465" s="1" t="s">
        <v>76739</v>
      </c>
      <c r="F21465" s="1" t="s">
        <v>76740</v>
      </c>
      <c r="G21465" s="1" t="s">
        <v>76692</v>
      </c>
      <c r="H21465" s="1" t="s">
        <v>76693</v>
      </c>
      <c r="I21465" s="1" t="s">
        <v>75467</v>
      </c>
      <c r="J21465" s="1" t="s">
        <v>76741</v>
      </c>
    </row>
    <row r="21466" spans="1:10" x14ac:dyDescent="0.35">
      <c r="A21466" s="1" t="s">
        <v>1256</v>
      </c>
      <c r="B21466" s="1" t="s">
        <v>75461</v>
      </c>
      <c r="C21466" s="1" t="s">
        <v>80</v>
      </c>
      <c r="D21466" s="1" t="s">
        <v>40324</v>
      </c>
      <c r="E21466" s="1" t="s">
        <v>76742</v>
      </c>
      <c r="F21466" s="1" t="s">
        <v>76743</v>
      </c>
      <c r="G21466" s="1" t="s">
        <v>76692</v>
      </c>
      <c r="H21466" s="1" t="s">
        <v>76693</v>
      </c>
      <c r="I21466" s="1" t="s">
        <v>75467</v>
      </c>
      <c r="J21466" s="1" t="s">
        <v>76744</v>
      </c>
    </row>
    <row r="21467" spans="1:10" x14ac:dyDescent="0.35">
      <c r="A21467" s="1" t="s">
        <v>1256</v>
      </c>
      <c r="B21467" s="1" t="s">
        <v>75461</v>
      </c>
      <c r="C21467" s="1" t="s">
        <v>85</v>
      </c>
      <c r="D21467" s="1" t="s">
        <v>76745</v>
      </c>
      <c r="E21467" s="1" t="s">
        <v>76746</v>
      </c>
      <c r="F21467" s="1" t="s">
        <v>76747</v>
      </c>
      <c r="G21467" s="1" t="s">
        <v>76692</v>
      </c>
      <c r="H21467" s="1" t="s">
        <v>76693</v>
      </c>
      <c r="I21467" s="1" t="s">
        <v>75467</v>
      </c>
      <c r="J21467" s="1" t="s">
        <v>76748</v>
      </c>
    </row>
    <row r="21468" spans="1:10" x14ac:dyDescent="0.35">
      <c r="A21468" s="1" t="s">
        <v>1256</v>
      </c>
      <c r="B21468" s="1" t="s">
        <v>75461</v>
      </c>
      <c r="C21468" s="1" t="s">
        <v>90</v>
      </c>
      <c r="D21468" s="1" t="s">
        <v>76749</v>
      </c>
      <c r="E21468" s="1" t="s">
        <v>76750</v>
      </c>
      <c r="F21468" s="1" t="s">
        <v>76751</v>
      </c>
      <c r="G21468" s="1" t="s">
        <v>76692</v>
      </c>
      <c r="H21468" s="1" t="s">
        <v>76693</v>
      </c>
      <c r="I21468" s="1" t="s">
        <v>75467</v>
      </c>
      <c r="J21468" s="1" t="s">
        <v>76752</v>
      </c>
    </row>
    <row r="21469" spans="1:10" x14ac:dyDescent="0.35">
      <c r="A21469" s="1" t="s">
        <v>1256</v>
      </c>
      <c r="B21469" s="1" t="s">
        <v>75461</v>
      </c>
      <c r="C21469" s="1" t="s">
        <v>95</v>
      </c>
      <c r="D21469" s="1" t="s">
        <v>76753</v>
      </c>
      <c r="E21469" s="1" t="s">
        <v>76754</v>
      </c>
      <c r="F21469" s="1" t="s">
        <v>76755</v>
      </c>
      <c r="G21469" s="1" t="s">
        <v>76692</v>
      </c>
      <c r="H21469" s="1" t="s">
        <v>76693</v>
      </c>
      <c r="I21469" s="1" t="s">
        <v>75467</v>
      </c>
      <c r="J21469" s="1" t="s">
        <v>76756</v>
      </c>
    </row>
    <row r="21470" spans="1:10" x14ac:dyDescent="0.35">
      <c r="A21470" s="1" t="s">
        <v>1256</v>
      </c>
      <c r="B21470" s="1" t="s">
        <v>75461</v>
      </c>
      <c r="C21470" s="1" t="s">
        <v>100</v>
      </c>
      <c r="D21470" s="1" t="s">
        <v>26657</v>
      </c>
      <c r="E21470" s="1" t="s">
        <v>76757</v>
      </c>
      <c r="F21470" s="1" t="s">
        <v>76758</v>
      </c>
      <c r="G21470" s="1" t="s">
        <v>76692</v>
      </c>
      <c r="H21470" s="1" t="s">
        <v>76693</v>
      </c>
      <c r="I21470" s="1" t="s">
        <v>75467</v>
      </c>
      <c r="J21470" s="1" t="s">
        <v>76759</v>
      </c>
    </row>
    <row r="21471" spans="1:10" x14ac:dyDescent="0.35">
      <c r="A21471" s="1" t="s">
        <v>1256</v>
      </c>
      <c r="B21471" s="1" t="s">
        <v>75461</v>
      </c>
      <c r="C21471" s="1" t="s">
        <v>105</v>
      </c>
      <c r="D21471" s="1" t="s">
        <v>55795</v>
      </c>
      <c r="E21471" s="1" t="s">
        <v>76760</v>
      </c>
      <c r="F21471" s="1" t="s">
        <v>76761</v>
      </c>
      <c r="G21471" s="1" t="s">
        <v>76692</v>
      </c>
      <c r="H21471" s="1" t="s">
        <v>76693</v>
      </c>
      <c r="I21471" s="1" t="s">
        <v>75467</v>
      </c>
      <c r="J21471" s="1" t="s">
        <v>76762</v>
      </c>
    </row>
    <row r="21472" spans="1:10" x14ac:dyDescent="0.35">
      <c r="A21472" s="1" t="s">
        <v>1256</v>
      </c>
      <c r="B21472" s="1" t="s">
        <v>75461</v>
      </c>
      <c r="C21472" s="1" t="s">
        <v>110</v>
      </c>
      <c r="D21472" s="1" t="s">
        <v>22463</v>
      </c>
      <c r="E21472" s="1" t="s">
        <v>76763</v>
      </c>
      <c r="F21472" s="1" t="s">
        <v>76764</v>
      </c>
      <c r="G21472" s="1" t="s">
        <v>76692</v>
      </c>
      <c r="H21472" s="1" t="s">
        <v>76693</v>
      </c>
      <c r="I21472" s="1" t="s">
        <v>75467</v>
      </c>
      <c r="J21472" s="1" t="s">
        <v>76765</v>
      </c>
    </row>
    <row r="21473" spans="1:10" x14ac:dyDescent="0.35">
      <c r="A21473" s="1" t="s">
        <v>1256</v>
      </c>
      <c r="B21473" s="1" t="s">
        <v>75461</v>
      </c>
      <c r="C21473" s="1" t="s">
        <v>115</v>
      </c>
      <c r="D21473" s="1" t="s">
        <v>22583</v>
      </c>
      <c r="E21473" s="1" t="s">
        <v>76766</v>
      </c>
      <c r="F21473" s="1" t="s">
        <v>76767</v>
      </c>
      <c r="G21473" s="1" t="s">
        <v>76692</v>
      </c>
      <c r="H21473" s="1" t="s">
        <v>76693</v>
      </c>
      <c r="I21473" s="1" t="s">
        <v>75467</v>
      </c>
      <c r="J21473" s="1" t="s">
        <v>76768</v>
      </c>
    </row>
    <row r="21474" spans="1:10" x14ac:dyDescent="0.35">
      <c r="A21474" s="1" t="s">
        <v>1256</v>
      </c>
      <c r="B21474" s="1" t="s">
        <v>75461</v>
      </c>
      <c r="C21474" s="1" t="s">
        <v>120</v>
      </c>
      <c r="D21474" s="1" t="s">
        <v>56926</v>
      </c>
      <c r="E21474" s="1" t="s">
        <v>76769</v>
      </c>
      <c r="F21474" s="1" t="s">
        <v>76770</v>
      </c>
      <c r="G21474" s="1" t="s">
        <v>76692</v>
      </c>
      <c r="H21474" s="1" t="s">
        <v>76693</v>
      </c>
      <c r="I21474" s="1" t="s">
        <v>75467</v>
      </c>
      <c r="J21474" s="1" t="s">
        <v>76771</v>
      </c>
    </row>
    <row r="21475" spans="1:10" x14ac:dyDescent="0.35">
      <c r="A21475" s="1" t="s">
        <v>1256</v>
      </c>
      <c r="B21475" s="1" t="s">
        <v>75461</v>
      </c>
      <c r="C21475" s="1" t="s">
        <v>125</v>
      </c>
      <c r="D21475" s="1" t="s">
        <v>76772</v>
      </c>
      <c r="E21475" s="1" t="s">
        <v>76773</v>
      </c>
      <c r="F21475" s="1" t="s">
        <v>76774</v>
      </c>
      <c r="G21475" s="1" t="s">
        <v>76692</v>
      </c>
      <c r="H21475" s="1" t="s">
        <v>76693</v>
      </c>
      <c r="I21475" s="1" t="s">
        <v>75467</v>
      </c>
      <c r="J21475" s="1" t="s">
        <v>76775</v>
      </c>
    </row>
    <row r="21476" spans="1:10" x14ac:dyDescent="0.35">
      <c r="A21476" s="1" t="s">
        <v>1256</v>
      </c>
      <c r="B21476" s="1" t="s">
        <v>75461</v>
      </c>
      <c r="C21476" s="1" t="s">
        <v>130</v>
      </c>
      <c r="D21476" s="1" t="s">
        <v>76776</v>
      </c>
      <c r="E21476" s="1" t="s">
        <v>76777</v>
      </c>
      <c r="F21476" s="1" t="s">
        <v>76778</v>
      </c>
      <c r="G21476" s="1" t="s">
        <v>76692</v>
      </c>
      <c r="H21476" s="1" t="s">
        <v>76693</v>
      </c>
      <c r="I21476" s="1" t="s">
        <v>75467</v>
      </c>
      <c r="J21476" s="1" t="s">
        <v>76779</v>
      </c>
    </row>
    <row r="21477" spans="1:10" x14ac:dyDescent="0.35">
      <c r="A21477" s="1" t="s">
        <v>1256</v>
      </c>
      <c r="B21477" s="1" t="s">
        <v>75461</v>
      </c>
      <c r="C21477" s="1" t="s">
        <v>135</v>
      </c>
      <c r="D21477" s="1" t="s">
        <v>24393</v>
      </c>
      <c r="E21477" s="1" t="s">
        <v>76780</v>
      </c>
      <c r="F21477" s="1" t="s">
        <v>76781</v>
      </c>
      <c r="G21477" s="1" t="s">
        <v>76692</v>
      </c>
      <c r="H21477" s="1" t="s">
        <v>76693</v>
      </c>
      <c r="I21477" s="1" t="s">
        <v>75467</v>
      </c>
      <c r="J21477" s="1" t="s">
        <v>76782</v>
      </c>
    </row>
    <row r="21478" spans="1:10" x14ac:dyDescent="0.35">
      <c r="A21478" s="1" t="s">
        <v>1256</v>
      </c>
      <c r="B21478" s="1" t="s">
        <v>75461</v>
      </c>
      <c r="C21478" s="1" t="s">
        <v>140</v>
      </c>
      <c r="D21478" s="1" t="s">
        <v>76783</v>
      </c>
      <c r="E21478" s="1" t="s">
        <v>76784</v>
      </c>
      <c r="F21478" s="1" t="s">
        <v>76785</v>
      </c>
      <c r="G21478" s="1" t="s">
        <v>76692</v>
      </c>
      <c r="H21478" s="1" t="s">
        <v>76693</v>
      </c>
      <c r="I21478" s="1" t="s">
        <v>75467</v>
      </c>
      <c r="J21478" s="1" t="s">
        <v>76786</v>
      </c>
    </row>
    <row r="21479" spans="1:10" x14ac:dyDescent="0.35">
      <c r="A21479" s="1" t="s">
        <v>1256</v>
      </c>
      <c r="B21479" s="1" t="s">
        <v>75461</v>
      </c>
      <c r="C21479" s="1" t="s">
        <v>145</v>
      </c>
      <c r="D21479" s="1" t="s">
        <v>76787</v>
      </c>
      <c r="E21479" s="1" t="s">
        <v>76788</v>
      </c>
      <c r="F21479" s="1" t="s">
        <v>76789</v>
      </c>
      <c r="G21479" s="1" t="s">
        <v>76692</v>
      </c>
      <c r="H21479" s="1" t="s">
        <v>76693</v>
      </c>
      <c r="I21479" s="1" t="s">
        <v>75467</v>
      </c>
      <c r="J21479" s="1" t="s">
        <v>76790</v>
      </c>
    </row>
    <row r="21480" spans="1:10" x14ac:dyDescent="0.35">
      <c r="A21480" s="1" t="s">
        <v>1256</v>
      </c>
      <c r="B21480" s="1" t="s">
        <v>75461</v>
      </c>
      <c r="C21480" s="1" t="s">
        <v>150</v>
      </c>
      <c r="D21480" s="1" t="s">
        <v>76791</v>
      </c>
      <c r="E21480" s="1" t="s">
        <v>76792</v>
      </c>
      <c r="F21480" s="1" t="s">
        <v>76793</v>
      </c>
      <c r="G21480" s="1" t="s">
        <v>76692</v>
      </c>
      <c r="H21480" s="1" t="s">
        <v>76693</v>
      </c>
      <c r="I21480" s="1" t="s">
        <v>75467</v>
      </c>
      <c r="J21480" s="1" t="s">
        <v>76794</v>
      </c>
    </row>
    <row r="21481" spans="1:10" x14ac:dyDescent="0.35">
      <c r="A21481" s="1" t="s">
        <v>1256</v>
      </c>
      <c r="B21481" s="1" t="s">
        <v>75461</v>
      </c>
      <c r="C21481" s="1" t="s">
        <v>155</v>
      </c>
      <c r="D21481" s="1" t="s">
        <v>76795</v>
      </c>
      <c r="E21481" s="1" t="s">
        <v>76796</v>
      </c>
      <c r="F21481" s="1" t="s">
        <v>76797</v>
      </c>
      <c r="G21481" s="1" t="s">
        <v>76692</v>
      </c>
      <c r="H21481" s="1" t="s">
        <v>76693</v>
      </c>
      <c r="I21481" s="1" t="s">
        <v>75467</v>
      </c>
      <c r="J21481" s="1" t="s">
        <v>76798</v>
      </c>
    </row>
    <row r="21482" spans="1:10" x14ac:dyDescent="0.35">
      <c r="A21482" s="1" t="s">
        <v>1256</v>
      </c>
      <c r="B21482" s="1" t="s">
        <v>75461</v>
      </c>
      <c r="C21482" s="1" t="s">
        <v>160</v>
      </c>
      <c r="D21482" s="1" t="s">
        <v>65687</v>
      </c>
      <c r="E21482" s="1" t="s">
        <v>76799</v>
      </c>
      <c r="F21482" s="1" t="s">
        <v>76800</v>
      </c>
      <c r="G21482" s="1" t="s">
        <v>76692</v>
      </c>
      <c r="H21482" s="1" t="s">
        <v>76693</v>
      </c>
      <c r="I21482" s="1" t="s">
        <v>75467</v>
      </c>
      <c r="J21482" s="1" t="s">
        <v>76801</v>
      </c>
    </row>
    <row r="21483" spans="1:10" x14ac:dyDescent="0.35">
      <c r="A21483" s="1" t="s">
        <v>1256</v>
      </c>
      <c r="B21483" s="1" t="s">
        <v>75461</v>
      </c>
      <c r="C21483" s="1" t="s">
        <v>165</v>
      </c>
      <c r="D21483" s="1" t="s">
        <v>56997</v>
      </c>
      <c r="E21483" s="1" t="s">
        <v>76802</v>
      </c>
      <c r="F21483" s="1" t="s">
        <v>76803</v>
      </c>
      <c r="G21483" s="1" t="s">
        <v>76692</v>
      </c>
      <c r="H21483" s="1" t="s">
        <v>76693</v>
      </c>
      <c r="I21483" s="1" t="s">
        <v>75467</v>
      </c>
      <c r="J21483" s="1" t="s">
        <v>76804</v>
      </c>
    </row>
    <row r="21484" spans="1:10" x14ac:dyDescent="0.35">
      <c r="A21484" s="1" t="s">
        <v>1256</v>
      </c>
      <c r="B21484" s="1" t="s">
        <v>75461</v>
      </c>
      <c r="C21484" s="1" t="s">
        <v>170</v>
      </c>
      <c r="D21484" s="1" t="s">
        <v>76805</v>
      </c>
      <c r="E21484" s="1" t="s">
        <v>76806</v>
      </c>
      <c r="F21484" s="1" t="s">
        <v>76807</v>
      </c>
      <c r="G21484" s="1" t="s">
        <v>76692</v>
      </c>
      <c r="H21484" s="1" t="s">
        <v>76693</v>
      </c>
      <c r="I21484" s="1" t="s">
        <v>75467</v>
      </c>
      <c r="J21484" s="1" t="s">
        <v>76808</v>
      </c>
    </row>
    <row r="21485" spans="1:10" x14ac:dyDescent="0.35">
      <c r="A21485" s="1" t="s">
        <v>76809</v>
      </c>
      <c r="B21485" s="1" t="s">
        <v>75461</v>
      </c>
      <c r="C21485" s="1" t="s">
        <v>8</v>
      </c>
      <c r="D21485" s="1" t="s">
        <v>7624</v>
      </c>
      <c r="E21485" s="1" t="s">
        <v>76810</v>
      </c>
      <c r="F21485" s="1" t="s">
        <v>76811</v>
      </c>
      <c r="G21485" s="1" t="s">
        <v>76812</v>
      </c>
      <c r="H21485" s="1" t="s">
        <v>76813</v>
      </c>
      <c r="I21485" s="1" t="s">
        <v>75467</v>
      </c>
      <c r="J21485" s="1" t="s">
        <v>13</v>
      </c>
    </row>
    <row r="21486" spans="1:10" x14ac:dyDescent="0.35">
      <c r="A21486" s="1" t="s">
        <v>76809</v>
      </c>
      <c r="B21486" s="1" t="s">
        <v>75461</v>
      </c>
      <c r="C21486" s="1" t="s">
        <v>15</v>
      </c>
      <c r="D21486" s="1" t="s">
        <v>57879</v>
      </c>
      <c r="E21486" s="1" t="s">
        <v>76814</v>
      </c>
      <c r="F21486" s="1" t="s">
        <v>76815</v>
      </c>
      <c r="G21486" s="1" t="s">
        <v>76812</v>
      </c>
      <c r="H21486" s="1" t="s">
        <v>76813</v>
      </c>
      <c r="I21486" s="1" t="s">
        <v>75467</v>
      </c>
      <c r="J21486" s="1" t="s">
        <v>76816</v>
      </c>
    </row>
    <row r="21487" spans="1:10" x14ac:dyDescent="0.35">
      <c r="A21487" s="1" t="s">
        <v>76809</v>
      </c>
      <c r="B21487" s="1" t="s">
        <v>75461</v>
      </c>
      <c r="C21487" s="1" t="s">
        <v>20</v>
      </c>
      <c r="D21487" s="1" t="s">
        <v>76817</v>
      </c>
      <c r="E21487" s="1" t="s">
        <v>76818</v>
      </c>
      <c r="F21487" s="1" t="s">
        <v>76819</v>
      </c>
      <c r="G21487" s="1" t="s">
        <v>76812</v>
      </c>
      <c r="H21487" s="1" t="s">
        <v>76813</v>
      </c>
      <c r="I21487" s="1" t="s">
        <v>75467</v>
      </c>
      <c r="J21487" s="1" t="s">
        <v>76820</v>
      </c>
    </row>
    <row r="21488" spans="1:10" x14ac:dyDescent="0.35">
      <c r="A21488" s="1" t="s">
        <v>76809</v>
      </c>
      <c r="B21488" s="1" t="s">
        <v>75461</v>
      </c>
      <c r="C21488" s="1" t="s">
        <v>25</v>
      </c>
      <c r="D21488" s="1" t="s">
        <v>76821</v>
      </c>
      <c r="E21488" s="1" t="s">
        <v>76822</v>
      </c>
      <c r="F21488" s="1" t="s">
        <v>76823</v>
      </c>
      <c r="G21488" s="1" t="s">
        <v>76812</v>
      </c>
      <c r="H21488" s="1" t="s">
        <v>76813</v>
      </c>
      <c r="I21488" s="1" t="s">
        <v>75467</v>
      </c>
      <c r="J21488" s="1" t="s">
        <v>76824</v>
      </c>
    </row>
    <row r="21489" spans="1:10" x14ac:dyDescent="0.35">
      <c r="A21489" s="1" t="s">
        <v>76809</v>
      </c>
      <c r="B21489" s="1" t="s">
        <v>75461</v>
      </c>
      <c r="C21489" s="1" t="s">
        <v>30</v>
      </c>
      <c r="D21489" s="1" t="s">
        <v>76825</v>
      </c>
      <c r="E21489" s="1" t="s">
        <v>76826</v>
      </c>
      <c r="F21489" s="1" t="s">
        <v>76827</v>
      </c>
      <c r="G21489" s="1" t="s">
        <v>76812</v>
      </c>
      <c r="H21489" s="1" t="s">
        <v>76813</v>
      </c>
      <c r="I21489" s="1" t="s">
        <v>75467</v>
      </c>
      <c r="J21489" s="1" t="s">
        <v>76828</v>
      </c>
    </row>
    <row r="21490" spans="1:10" x14ac:dyDescent="0.35">
      <c r="A21490" s="1" t="s">
        <v>76809</v>
      </c>
      <c r="B21490" s="1" t="s">
        <v>75461</v>
      </c>
      <c r="C21490" s="1" t="s">
        <v>35</v>
      </c>
      <c r="D21490" s="1" t="s">
        <v>53693</v>
      </c>
      <c r="E21490" s="1" t="s">
        <v>76829</v>
      </c>
      <c r="F21490" s="1" t="s">
        <v>76830</v>
      </c>
      <c r="G21490" s="1" t="s">
        <v>76812</v>
      </c>
      <c r="H21490" s="1" t="s">
        <v>76813</v>
      </c>
      <c r="I21490" s="1" t="s">
        <v>75467</v>
      </c>
      <c r="J21490" s="1" t="s">
        <v>76831</v>
      </c>
    </row>
    <row r="21491" spans="1:10" x14ac:dyDescent="0.35">
      <c r="A21491" s="1" t="s">
        <v>76809</v>
      </c>
      <c r="B21491" s="1" t="s">
        <v>75461</v>
      </c>
      <c r="C21491" s="1" t="s">
        <v>40</v>
      </c>
      <c r="D21491" s="1" t="s">
        <v>76832</v>
      </c>
      <c r="E21491" s="1" t="s">
        <v>76833</v>
      </c>
      <c r="F21491" s="1" t="s">
        <v>76834</v>
      </c>
      <c r="G21491" s="1" t="s">
        <v>76812</v>
      </c>
      <c r="H21491" s="1" t="s">
        <v>76813</v>
      </c>
      <c r="I21491" s="1" t="s">
        <v>75467</v>
      </c>
      <c r="J21491" s="1" t="s">
        <v>76835</v>
      </c>
    </row>
    <row r="21492" spans="1:10" x14ac:dyDescent="0.35">
      <c r="A21492" s="1" t="s">
        <v>76809</v>
      </c>
      <c r="B21492" s="1" t="s">
        <v>75461</v>
      </c>
      <c r="C21492" s="1" t="s">
        <v>45</v>
      </c>
      <c r="D21492" s="1" t="s">
        <v>76836</v>
      </c>
      <c r="E21492" s="1" t="s">
        <v>76837</v>
      </c>
      <c r="F21492" s="1" t="s">
        <v>76838</v>
      </c>
      <c r="G21492" s="1" t="s">
        <v>76812</v>
      </c>
      <c r="H21492" s="1" t="s">
        <v>76813</v>
      </c>
      <c r="I21492" s="1" t="s">
        <v>75467</v>
      </c>
      <c r="J21492" s="1" t="s">
        <v>76839</v>
      </c>
    </row>
    <row r="21493" spans="1:10" x14ac:dyDescent="0.35">
      <c r="A21493" s="1" t="s">
        <v>76809</v>
      </c>
      <c r="B21493" s="1" t="s">
        <v>75461</v>
      </c>
      <c r="C21493" s="1" t="s">
        <v>50</v>
      </c>
      <c r="D21493" s="1" t="s">
        <v>62815</v>
      </c>
      <c r="E21493" s="1" t="s">
        <v>76840</v>
      </c>
      <c r="F21493" s="1" t="s">
        <v>76841</v>
      </c>
      <c r="G21493" s="1" t="s">
        <v>76812</v>
      </c>
      <c r="H21493" s="1" t="s">
        <v>76813</v>
      </c>
      <c r="I21493" s="1" t="s">
        <v>75467</v>
      </c>
      <c r="J21493" s="1" t="s">
        <v>76842</v>
      </c>
    </row>
    <row r="21494" spans="1:10" x14ac:dyDescent="0.35">
      <c r="A21494" s="1" t="s">
        <v>76809</v>
      </c>
      <c r="B21494" s="1" t="s">
        <v>75461</v>
      </c>
      <c r="C21494" s="1" t="s">
        <v>55</v>
      </c>
      <c r="D21494" s="1" t="s">
        <v>76843</v>
      </c>
      <c r="E21494" s="1" t="s">
        <v>76844</v>
      </c>
      <c r="F21494" s="1" t="s">
        <v>76845</v>
      </c>
      <c r="G21494" s="1" t="s">
        <v>76812</v>
      </c>
      <c r="H21494" s="1" t="s">
        <v>76813</v>
      </c>
      <c r="I21494" s="1" t="s">
        <v>75467</v>
      </c>
      <c r="J21494" s="1" t="s">
        <v>76846</v>
      </c>
    </row>
    <row r="21495" spans="1:10" x14ac:dyDescent="0.35">
      <c r="A21495" s="1" t="s">
        <v>76809</v>
      </c>
      <c r="B21495" s="1" t="s">
        <v>75461</v>
      </c>
      <c r="C21495" s="1" t="s">
        <v>60</v>
      </c>
      <c r="D21495" s="1" t="s">
        <v>76847</v>
      </c>
      <c r="E21495" s="1" t="s">
        <v>76848</v>
      </c>
      <c r="F21495" s="1" t="s">
        <v>76849</v>
      </c>
      <c r="G21495" s="1" t="s">
        <v>76812</v>
      </c>
      <c r="H21495" s="1" t="s">
        <v>76813</v>
      </c>
      <c r="I21495" s="1" t="s">
        <v>75467</v>
      </c>
      <c r="J21495" s="1" t="s">
        <v>76850</v>
      </c>
    </row>
    <row r="21496" spans="1:10" x14ac:dyDescent="0.35">
      <c r="A21496" s="1" t="s">
        <v>76809</v>
      </c>
      <c r="B21496" s="1" t="s">
        <v>75461</v>
      </c>
      <c r="C21496" s="1" t="s">
        <v>65</v>
      </c>
      <c r="D21496" s="1" t="s">
        <v>76851</v>
      </c>
      <c r="E21496" s="1" t="s">
        <v>76852</v>
      </c>
      <c r="F21496" s="1" t="s">
        <v>76853</v>
      </c>
      <c r="G21496" s="1" t="s">
        <v>76812</v>
      </c>
      <c r="H21496" s="1" t="s">
        <v>76813</v>
      </c>
      <c r="I21496" s="1" t="s">
        <v>75467</v>
      </c>
      <c r="J21496" s="1" t="s">
        <v>76854</v>
      </c>
    </row>
    <row r="21497" spans="1:10" x14ac:dyDescent="0.35">
      <c r="A21497" s="1" t="s">
        <v>76809</v>
      </c>
      <c r="B21497" s="1" t="s">
        <v>75461</v>
      </c>
      <c r="C21497" s="1" t="s">
        <v>70</v>
      </c>
      <c r="D21497" s="1" t="s">
        <v>76855</v>
      </c>
      <c r="E21497" s="1" t="s">
        <v>76856</v>
      </c>
      <c r="F21497" s="1" t="s">
        <v>76857</v>
      </c>
      <c r="G21497" s="1" t="s">
        <v>76812</v>
      </c>
      <c r="H21497" s="1" t="s">
        <v>76813</v>
      </c>
      <c r="I21497" s="1" t="s">
        <v>75467</v>
      </c>
      <c r="J21497" s="1" t="s">
        <v>76858</v>
      </c>
    </row>
    <row r="21498" spans="1:10" x14ac:dyDescent="0.35">
      <c r="A21498" s="1" t="s">
        <v>76809</v>
      </c>
      <c r="B21498" s="1" t="s">
        <v>75461</v>
      </c>
      <c r="C21498" s="1" t="s">
        <v>75</v>
      </c>
      <c r="D21498" s="1" t="s">
        <v>17092</v>
      </c>
      <c r="E21498" s="1" t="s">
        <v>76859</v>
      </c>
      <c r="F21498" s="1" t="s">
        <v>76860</v>
      </c>
      <c r="G21498" s="1" t="s">
        <v>76812</v>
      </c>
      <c r="H21498" s="1" t="s">
        <v>76813</v>
      </c>
      <c r="I21498" s="1" t="s">
        <v>75467</v>
      </c>
      <c r="J21498" s="1" t="s">
        <v>76861</v>
      </c>
    </row>
    <row r="21499" spans="1:10" x14ac:dyDescent="0.35">
      <c r="A21499" s="1" t="s">
        <v>76809</v>
      </c>
      <c r="B21499" s="1" t="s">
        <v>75461</v>
      </c>
      <c r="C21499" s="1" t="s">
        <v>80</v>
      </c>
      <c r="D21499" s="1" t="s">
        <v>76862</v>
      </c>
      <c r="E21499" s="1" t="s">
        <v>76863</v>
      </c>
      <c r="F21499" s="1" t="s">
        <v>76864</v>
      </c>
      <c r="G21499" s="1" t="s">
        <v>76812</v>
      </c>
      <c r="H21499" s="1" t="s">
        <v>76813</v>
      </c>
      <c r="I21499" s="1" t="s">
        <v>75467</v>
      </c>
      <c r="J21499" s="1" t="s">
        <v>76865</v>
      </c>
    </row>
    <row r="21500" spans="1:10" x14ac:dyDescent="0.35">
      <c r="A21500" s="1" t="s">
        <v>76809</v>
      </c>
      <c r="B21500" s="1" t="s">
        <v>75461</v>
      </c>
      <c r="C21500" s="1" t="s">
        <v>85</v>
      </c>
      <c r="D21500" s="1" t="s">
        <v>76866</v>
      </c>
      <c r="E21500" s="1" t="s">
        <v>76867</v>
      </c>
      <c r="F21500" s="1" t="s">
        <v>76868</v>
      </c>
      <c r="G21500" s="1" t="s">
        <v>76812</v>
      </c>
      <c r="H21500" s="1" t="s">
        <v>76813</v>
      </c>
      <c r="I21500" s="1" t="s">
        <v>75467</v>
      </c>
      <c r="J21500" s="1" t="s">
        <v>76869</v>
      </c>
    </row>
    <row r="21501" spans="1:10" x14ac:dyDescent="0.35">
      <c r="A21501" s="1" t="s">
        <v>76809</v>
      </c>
      <c r="B21501" s="1" t="s">
        <v>75461</v>
      </c>
      <c r="C21501" s="1" t="s">
        <v>90</v>
      </c>
      <c r="D21501" s="1" t="s">
        <v>76870</v>
      </c>
      <c r="E21501" s="1" t="s">
        <v>76871</v>
      </c>
      <c r="F21501" s="1" t="s">
        <v>76872</v>
      </c>
      <c r="G21501" s="1" t="s">
        <v>76812</v>
      </c>
      <c r="H21501" s="1" t="s">
        <v>76813</v>
      </c>
      <c r="I21501" s="1" t="s">
        <v>75467</v>
      </c>
      <c r="J21501" s="1" t="s">
        <v>76873</v>
      </c>
    </row>
    <row r="21502" spans="1:10" x14ac:dyDescent="0.35">
      <c r="A21502" s="1" t="s">
        <v>76809</v>
      </c>
      <c r="B21502" s="1" t="s">
        <v>75461</v>
      </c>
      <c r="C21502" s="1" t="s">
        <v>95</v>
      </c>
      <c r="D21502" s="1" t="s">
        <v>76874</v>
      </c>
      <c r="E21502" s="1" t="s">
        <v>76875</v>
      </c>
      <c r="F21502" s="1" t="s">
        <v>76876</v>
      </c>
      <c r="G21502" s="1" t="s">
        <v>76812</v>
      </c>
      <c r="H21502" s="1" t="s">
        <v>76813</v>
      </c>
      <c r="I21502" s="1" t="s">
        <v>75467</v>
      </c>
      <c r="J21502" s="1" t="s">
        <v>76877</v>
      </c>
    </row>
    <row r="21503" spans="1:10" x14ac:dyDescent="0.35">
      <c r="A21503" s="1" t="s">
        <v>76809</v>
      </c>
      <c r="B21503" s="1" t="s">
        <v>75461</v>
      </c>
      <c r="C21503" s="1" t="s">
        <v>100</v>
      </c>
      <c r="D21503" s="1" t="s">
        <v>58791</v>
      </c>
      <c r="E21503" s="1" t="s">
        <v>76878</v>
      </c>
      <c r="F21503" s="1" t="s">
        <v>76879</v>
      </c>
      <c r="G21503" s="1" t="s">
        <v>76812</v>
      </c>
      <c r="H21503" s="1" t="s">
        <v>76813</v>
      </c>
      <c r="I21503" s="1" t="s">
        <v>75467</v>
      </c>
      <c r="J21503" s="1" t="s">
        <v>76880</v>
      </c>
    </row>
    <row r="21504" spans="1:10" x14ac:dyDescent="0.35">
      <c r="A21504" s="1" t="s">
        <v>76809</v>
      </c>
      <c r="B21504" s="1" t="s">
        <v>75461</v>
      </c>
      <c r="C21504" s="1" t="s">
        <v>105</v>
      </c>
      <c r="D21504" s="1" t="s">
        <v>76881</v>
      </c>
      <c r="E21504" s="1" t="s">
        <v>76882</v>
      </c>
      <c r="F21504" s="1" t="s">
        <v>76883</v>
      </c>
      <c r="G21504" s="1" t="s">
        <v>76812</v>
      </c>
      <c r="H21504" s="1" t="s">
        <v>76813</v>
      </c>
      <c r="I21504" s="1" t="s">
        <v>75467</v>
      </c>
      <c r="J21504" s="1" t="s">
        <v>76884</v>
      </c>
    </row>
    <row r="21505" spans="1:10" x14ac:dyDescent="0.35">
      <c r="A21505" s="1" t="s">
        <v>76809</v>
      </c>
      <c r="B21505" s="1" t="s">
        <v>75461</v>
      </c>
      <c r="C21505" s="1" t="s">
        <v>110</v>
      </c>
      <c r="D21505" s="1" t="s">
        <v>76885</v>
      </c>
      <c r="E21505" s="1" t="s">
        <v>76886</v>
      </c>
      <c r="F21505" s="1" t="s">
        <v>76887</v>
      </c>
      <c r="G21505" s="1" t="s">
        <v>76812</v>
      </c>
      <c r="H21505" s="1" t="s">
        <v>76813</v>
      </c>
      <c r="I21505" s="1" t="s">
        <v>75467</v>
      </c>
      <c r="J21505" s="1" t="s">
        <v>76888</v>
      </c>
    </row>
    <row r="21506" spans="1:10" x14ac:dyDescent="0.35">
      <c r="A21506" s="1" t="s">
        <v>76809</v>
      </c>
      <c r="B21506" s="1" t="s">
        <v>75461</v>
      </c>
      <c r="C21506" s="1" t="s">
        <v>115</v>
      </c>
      <c r="D21506" s="1" t="s">
        <v>60120</v>
      </c>
      <c r="E21506" s="1" t="s">
        <v>76889</v>
      </c>
      <c r="F21506" s="1" t="s">
        <v>76890</v>
      </c>
      <c r="G21506" s="1" t="s">
        <v>76812</v>
      </c>
      <c r="H21506" s="1" t="s">
        <v>76813</v>
      </c>
      <c r="I21506" s="1" t="s">
        <v>75467</v>
      </c>
      <c r="J21506" s="1" t="s">
        <v>76891</v>
      </c>
    </row>
    <row r="21507" spans="1:10" x14ac:dyDescent="0.35">
      <c r="A21507" s="1" t="s">
        <v>76809</v>
      </c>
      <c r="B21507" s="1" t="s">
        <v>75461</v>
      </c>
      <c r="C21507" s="1" t="s">
        <v>120</v>
      </c>
      <c r="D21507" s="1" t="s">
        <v>66555</v>
      </c>
      <c r="E21507" s="1" t="s">
        <v>76892</v>
      </c>
      <c r="F21507" s="1" t="s">
        <v>76893</v>
      </c>
      <c r="G21507" s="1" t="s">
        <v>76812</v>
      </c>
      <c r="H21507" s="1" t="s">
        <v>76813</v>
      </c>
      <c r="I21507" s="1" t="s">
        <v>75467</v>
      </c>
      <c r="J21507" s="1" t="s">
        <v>76894</v>
      </c>
    </row>
    <row r="21508" spans="1:10" x14ac:dyDescent="0.35">
      <c r="A21508" s="1" t="s">
        <v>76809</v>
      </c>
      <c r="B21508" s="1" t="s">
        <v>75461</v>
      </c>
      <c r="C21508" s="1" t="s">
        <v>125</v>
      </c>
      <c r="D21508" s="1" t="s">
        <v>76895</v>
      </c>
      <c r="E21508" s="1" t="s">
        <v>76896</v>
      </c>
      <c r="F21508" s="1" t="s">
        <v>76897</v>
      </c>
      <c r="G21508" s="1" t="s">
        <v>76812</v>
      </c>
      <c r="H21508" s="1" t="s">
        <v>76813</v>
      </c>
      <c r="I21508" s="1" t="s">
        <v>75467</v>
      </c>
      <c r="J21508" s="1" t="s">
        <v>76898</v>
      </c>
    </row>
    <row r="21509" spans="1:10" x14ac:dyDescent="0.35">
      <c r="A21509" s="1" t="s">
        <v>76809</v>
      </c>
      <c r="B21509" s="1" t="s">
        <v>75461</v>
      </c>
      <c r="C21509" s="1" t="s">
        <v>130</v>
      </c>
      <c r="D21509" s="1" t="s">
        <v>76899</v>
      </c>
      <c r="E21509" s="1" t="s">
        <v>76900</v>
      </c>
      <c r="F21509" s="1" t="s">
        <v>76901</v>
      </c>
      <c r="G21509" s="1" t="s">
        <v>76812</v>
      </c>
      <c r="H21509" s="1" t="s">
        <v>76813</v>
      </c>
      <c r="I21509" s="1" t="s">
        <v>75467</v>
      </c>
      <c r="J21509" s="1" t="s">
        <v>76902</v>
      </c>
    </row>
    <row r="21510" spans="1:10" x14ac:dyDescent="0.35">
      <c r="A21510" s="1" t="s">
        <v>76809</v>
      </c>
      <c r="B21510" s="1" t="s">
        <v>75461</v>
      </c>
      <c r="C21510" s="1" t="s">
        <v>135</v>
      </c>
      <c r="D21510" s="1" t="s">
        <v>54957</v>
      </c>
      <c r="E21510" s="1" t="s">
        <v>76903</v>
      </c>
      <c r="F21510" s="1" t="s">
        <v>76904</v>
      </c>
      <c r="G21510" s="1" t="s">
        <v>76812</v>
      </c>
      <c r="H21510" s="1" t="s">
        <v>76813</v>
      </c>
      <c r="I21510" s="1" t="s">
        <v>75467</v>
      </c>
      <c r="J21510" s="1" t="s">
        <v>76905</v>
      </c>
    </row>
    <row r="21511" spans="1:10" x14ac:dyDescent="0.35">
      <c r="A21511" s="1" t="s">
        <v>76809</v>
      </c>
      <c r="B21511" s="1" t="s">
        <v>75461</v>
      </c>
      <c r="C21511" s="1" t="s">
        <v>140</v>
      </c>
      <c r="D21511" s="1" t="s">
        <v>76906</v>
      </c>
      <c r="E21511" s="1" t="s">
        <v>76907</v>
      </c>
      <c r="F21511" s="1" t="s">
        <v>76908</v>
      </c>
      <c r="G21511" s="1" t="s">
        <v>76812</v>
      </c>
      <c r="H21511" s="1" t="s">
        <v>76813</v>
      </c>
      <c r="I21511" s="1" t="s">
        <v>75467</v>
      </c>
      <c r="J21511" s="1" t="s">
        <v>76909</v>
      </c>
    </row>
    <row r="21512" spans="1:10" x14ac:dyDescent="0.35">
      <c r="A21512" s="1" t="s">
        <v>76809</v>
      </c>
      <c r="B21512" s="1" t="s">
        <v>75461</v>
      </c>
      <c r="C21512" s="1" t="s">
        <v>145</v>
      </c>
      <c r="D21512" s="1" t="s">
        <v>67812</v>
      </c>
      <c r="E21512" s="1" t="s">
        <v>76910</v>
      </c>
      <c r="F21512" s="1" t="s">
        <v>76911</v>
      </c>
      <c r="G21512" s="1" t="s">
        <v>76812</v>
      </c>
      <c r="H21512" s="1" t="s">
        <v>76813</v>
      </c>
      <c r="I21512" s="1" t="s">
        <v>75467</v>
      </c>
      <c r="J21512" s="1" t="s">
        <v>76912</v>
      </c>
    </row>
    <row r="21513" spans="1:10" x14ac:dyDescent="0.35">
      <c r="A21513" s="1" t="s">
        <v>76809</v>
      </c>
      <c r="B21513" s="1" t="s">
        <v>75461</v>
      </c>
      <c r="C21513" s="1" t="s">
        <v>150</v>
      </c>
      <c r="D21513" s="1" t="s">
        <v>76913</v>
      </c>
      <c r="E21513" s="1" t="s">
        <v>76914</v>
      </c>
      <c r="F21513" s="1" t="s">
        <v>76915</v>
      </c>
      <c r="G21513" s="1" t="s">
        <v>76812</v>
      </c>
      <c r="H21513" s="1" t="s">
        <v>76813</v>
      </c>
      <c r="I21513" s="1" t="s">
        <v>75467</v>
      </c>
      <c r="J21513" s="1" t="s">
        <v>76916</v>
      </c>
    </row>
    <row r="21514" spans="1:10" x14ac:dyDescent="0.35">
      <c r="A21514" s="1" t="s">
        <v>76809</v>
      </c>
      <c r="B21514" s="1" t="s">
        <v>75461</v>
      </c>
      <c r="C21514" s="1" t="s">
        <v>155</v>
      </c>
      <c r="D21514" s="1" t="s">
        <v>41680</v>
      </c>
      <c r="E21514" s="1" t="s">
        <v>76917</v>
      </c>
      <c r="F21514" s="1" t="s">
        <v>76918</v>
      </c>
      <c r="G21514" s="1" t="s">
        <v>76812</v>
      </c>
      <c r="H21514" s="1" t="s">
        <v>76813</v>
      </c>
      <c r="I21514" s="1" t="s">
        <v>75467</v>
      </c>
      <c r="J21514" s="1" t="s">
        <v>76919</v>
      </c>
    </row>
    <row r="21515" spans="1:10" x14ac:dyDescent="0.35">
      <c r="A21515" s="1" t="s">
        <v>76809</v>
      </c>
      <c r="B21515" s="1" t="s">
        <v>75461</v>
      </c>
      <c r="C21515" s="1" t="s">
        <v>160</v>
      </c>
      <c r="D21515" s="1" t="s">
        <v>76920</v>
      </c>
      <c r="E21515" s="1" t="s">
        <v>76921</v>
      </c>
      <c r="F21515" s="1" t="s">
        <v>76922</v>
      </c>
      <c r="G21515" s="1" t="s">
        <v>76812</v>
      </c>
      <c r="H21515" s="1" t="s">
        <v>76813</v>
      </c>
      <c r="I21515" s="1" t="s">
        <v>75467</v>
      </c>
      <c r="J21515" s="1" t="s">
        <v>76923</v>
      </c>
    </row>
    <row r="21516" spans="1:10" x14ac:dyDescent="0.35">
      <c r="A21516" s="1" t="s">
        <v>76809</v>
      </c>
      <c r="B21516" s="1" t="s">
        <v>75461</v>
      </c>
      <c r="C21516" s="1" t="s">
        <v>165</v>
      </c>
      <c r="D21516" s="1" t="s">
        <v>76924</v>
      </c>
      <c r="E21516" s="1" t="s">
        <v>76925</v>
      </c>
      <c r="F21516" s="1" t="s">
        <v>76926</v>
      </c>
      <c r="G21516" s="1" t="s">
        <v>76812</v>
      </c>
      <c r="H21516" s="1" t="s">
        <v>76813</v>
      </c>
      <c r="I21516" s="1" t="s">
        <v>75467</v>
      </c>
      <c r="J21516" s="1" t="s">
        <v>76927</v>
      </c>
    </row>
    <row r="21517" spans="1:10" x14ac:dyDescent="0.35">
      <c r="A21517" s="1" t="s">
        <v>76809</v>
      </c>
      <c r="B21517" s="1" t="s">
        <v>75461</v>
      </c>
      <c r="C21517" s="1" t="s">
        <v>170</v>
      </c>
      <c r="D21517" s="1" t="s">
        <v>14446</v>
      </c>
      <c r="E21517" s="1" t="s">
        <v>76928</v>
      </c>
      <c r="F21517" s="1" t="s">
        <v>76929</v>
      </c>
      <c r="G21517" s="1" t="s">
        <v>76812</v>
      </c>
      <c r="H21517" s="1" t="s">
        <v>76813</v>
      </c>
      <c r="I21517" s="1" t="s">
        <v>75467</v>
      </c>
      <c r="J21517" s="1" t="s">
        <v>76930</v>
      </c>
    </row>
    <row r="21518" spans="1:10" x14ac:dyDescent="0.35">
      <c r="A21518" s="1" t="s">
        <v>13794</v>
      </c>
      <c r="B21518" s="1" t="s">
        <v>75461</v>
      </c>
      <c r="C21518" s="1" t="s">
        <v>8</v>
      </c>
      <c r="D21518" s="1" t="s">
        <v>76931</v>
      </c>
      <c r="E21518" s="1" t="s">
        <v>76932</v>
      </c>
      <c r="F21518" s="1" t="s">
        <v>76933</v>
      </c>
      <c r="G21518" s="1" t="s">
        <v>76934</v>
      </c>
      <c r="H21518" s="1" t="s">
        <v>48622</v>
      </c>
      <c r="I21518" s="1" t="s">
        <v>75467</v>
      </c>
      <c r="J21518" s="1" t="s">
        <v>13</v>
      </c>
    </row>
    <row r="21519" spans="1:10" x14ac:dyDescent="0.35">
      <c r="A21519" s="1" t="s">
        <v>13794</v>
      </c>
      <c r="B21519" s="1" t="s">
        <v>75461</v>
      </c>
      <c r="C21519" s="1" t="s">
        <v>15</v>
      </c>
      <c r="D21519" s="1" t="s">
        <v>76935</v>
      </c>
      <c r="E21519" s="1" t="s">
        <v>76936</v>
      </c>
      <c r="F21519" s="1" t="s">
        <v>76937</v>
      </c>
      <c r="G21519" s="1" t="s">
        <v>76934</v>
      </c>
      <c r="H21519" s="1" t="s">
        <v>48622</v>
      </c>
      <c r="I21519" s="1" t="s">
        <v>75467</v>
      </c>
      <c r="J21519" s="1" t="s">
        <v>76938</v>
      </c>
    </row>
    <row r="21520" spans="1:10" x14ac:dyDescent="0.35">
      <c r="A21520" s="1" t="s">
        <v>13794</v>
      </c>
      <c r="B21520" s="1" t="s">
        <v>75461</v>
      </c>
      <c r="C21520" s="1" t="s">
        <v>20</v>
      </c>
      <c r="D21520" s="1" t="s">
        <v>76939</v>
      </c>
      <c r="E21520" s="1" t="s">
        <v>76940</v>
      </c>
      <c r="F21520" s="1" t="s">
        <v>76941</v>
      </c>
      <c r="G21520" s="1" t="s">
        <v>76934</v>
      </c>
      <c r="H21520" s="1" t="s">
        <v>48622</v>
      </c>
      <c r="I21520" s="1" t="s">
        <v>75467</v>
      </c>
      <c r="J21520" s="1" t="s">
        <v>76942</v>
      </c>
    </row>
    <row r="21521" spans="1:10" x14ac:dyDescent="0.35">
      <c r="A21521" s="1" t="s">
        <v>13794</v>
      </c>
      <c r="B21521" s="1" t="s">
        <v>75461</v>
      </c>
      <c r="C21521" s="1" t="s">
        <v>25</v>
      </c>
      <c r="D21521" s="1" t="s">
        <v>11369</v>
      </c>
      <c r="E21521" s="1" t="s">
        <v>76943</v>
      </c>
      <c r="F21521" s="1" t="s">
        <v>76944</v>
      </c>
      <c r="G21521" s="1" t="s">
        <v>76934</v>
      </c>
      <c r="H21521" s="1" t="s">
        <v>48622</v>
      </c>
      <c r="I21521" s="1" t="s">
        <v>75467</v>
      </c>
      <c r="J21521" s="1" t="s">
        <v>76945</v>
      </c>
    </row>
    <row r="21522" spans="1:10" x14ac:dyDescent="0.35">
      <c r="A21522" s="1" t="s">
        <v>13794</v>
      </c>
      <c r="B21522" s="1" t="s">
        <v>75461</v>
      </c>
      <c r="C21522" s="1" t="s">
        <v>30</v>
      </c>
      <c r="D21522" s="1" t="s">
        <v>76946</v>
      </c>
      <c r="E21522" s="1" t="s">
        <v>76947</v>
      </c>
      <c r="F21522" s="1" t="s">
        <v>76948</v>
      </c>
      <c r="G21522" s="1" t="s">
        <v>76934</v>
      </c>
      <c r="H21522" s="1" t="s">
        <v>48622</v>
      </c>
      <c r="I21522" s="1" t="s">
        <v>75467</v>
      </c>
      <c r="J21522" s="1" t="s">
        <v>76949</v>
      </c>
    </row>
    <row r="21523" spans="1:10" x14ac:dyDescent="0.35">
      <c r="A21523" s="1" t="s">
        <v>13794</v>
      </c>
      <c r="B21523" s="1" t="s">
        <v>75461</v>
      </c>
      <c r="C21523" s="1" t="s">
        <v>35</v>
      </c>
      <c r="D21523" s="1" t="s">
        <v>76950</v>
      </c>
      <c r="E21523" s="1" t="s">
        <v>76951</v>
      </c>
      <c r="F21523" s="1" t="s">
        <v>76952</v>
      </c>
      <c r="G21523" s="1" t="s">
        <v>76934</v>
      </c>
      <c r="H21523" s="1" t="s">
        <v>48622</v>
      </c>
      <c r="I21523" s="1" t="s">
        <v>75467</v>
      </c>
      <c r="J21523" s="1" t="s">
        <v>76953</v>
      </c>
    </row>
    <row r="21524" spans="1:10" x14ac:dyDescent="0.35">
      <c r="A21524" s="1" t="s">
        <v>13794</v>
      </c>
      <c r="B21524" s="1" t="s">
        <v>75461</v>
      </c>
      <c r="C21524" s="1" t="s">
        <v>40</v>
      </c>
      <c r="D21524" s="1" t="s">
        <v>76954</v>
      </c>
      <c r="E21524" s="1" t="s">
        <v>76955</v>
      </c>
      <c r="F21524" s="1" t="s">
        <v>76956</v>
      </c>
      <c r="G21524" s="1" t="s">
        <v>76934</v>
      </c>
      <c r="H21524" s="1" t="s">
        <v>48622</v>
      </c>
      <c r="I21524" s="1" t="s">
        <v>75467</v>
      </c>
      <c r="J21524" s="1" t="s">
        <v>76957</v>
      </c>
    </row>
    <row r="21525" spans="1:10" x14ac:dyDescent="0.35">
      <c r="A21525" s="1" t="s">
        <v>13794</v>
      </c>
      <c r="B21525" s="1" t="s">
        <v>75461</v>
      </c>
      <c r="C21525" s="1" t="s">
        <v>45</v>
      </c>
      <c r="D21525" s="1" t="s">
        <v>76958</v>
      </c>
      <c r="E21525" s="1" t="s">
        <v>76959</v>
      </c>
      <c r="F21525" s="1" t="s">
        <v>76960</v>
      </c>
      <c r="G21525" s="1" t="s">
        <v>76934</v>
      </c>
      <c r="H21525" s="1" t="s">
        <v>48622</v>
      </c>
      <c r="I21525" s="1" t="s">
        <v>75467</v>
      </c>
      <c r="J21525" s="1" t="s">
        <v>76961</v>
      </c>
    </row>
    <row r="21526" spans="1:10" x14ac:dyDescent="0.35">
      <c r="A21526" s="1" t="s">
        <v>13794</v>
      </c>
      <c r="B21526" s="1" t="s">
        <v>75461</v>
      </c>
      <c r="C21526" s="1" t="s">
        <v>50</v>
      </c>
      <c r="D21526" s="1" t="s">
        <v>76962</v>
      </c>
      <c r="E21526" s="1" t="s">
        <v>76963</v>
      </c>
      <c r="F21526" s="1" t="s">
        <v>76964</v>
      </c>
      <c r="G21526" s="1" t="s">
        <v>76934</v>
      </c>
      <c r="H21526" s="1" t="s">
        <v>48622</v>
      </c>
      <c r="I21526" s="1" t="s">
        <v>75467</v>
      </c>
      <c r="J21526" s="1" t="s">
        <v>76965</v>
      </c>
    </row>
    <row r="21527" spans="1:10" x14ac:dyDescent="0.35">
      <c r="A21527" s="1" t="s">
        <v>13794</v>
      </c>
      <c r="B21527" s="1" t="s">
        <v>75461</v>
      </c>
      <c r="C21527" s="1" t="s">
        <v>55</v>
      </c>
      <c r="D21527" s="1" t="s">
        <v>76966</v>
      </c>
      <c r="E21527" s="1" t="s">
        <v>76967</v>
      </c>
      <c r="F21527" s="1" t="s">
        <v>76968</v>
      </c>
      <c r="G21527" s="1" t="s">
        <v>76934</v>
      </c>
      <c r="H21527" s="1" t="s">
        <v>48622</v>
      </c>
      <c r="I21527" s="1" t="s">
        <v>75467</v>
      </c>
      <c r="J21527" s="1" t="s">
        <v>76969</v>
      </c>
    </row>
    <row r="21528" spans="1:10" x14ac:dyDescent="0.35">
      <c r="A21528" s="1" t="s">
        <v>13794</v>
      </c>
      <c r="B21528" s="1" t="s">
        <v>75461</v>
      </c>
      <c r="C21528" s="1" t="s">
        <v>60</v>
      </c>
      <c r="D21528" s="1" t="s">
        <v>32276</v>
      </c>
      <c r="E21528" s="1" t="s">
        <v>76970</v>
      </c>
      <c r="F21528" s="1" t="s">
        <v>76971</v>
      </c>
      <c r="G21528" s="1" t="s">
        <v>76934</v>
      </c>
      <c r="H21528" s="1" t="s">
        <v>48622</v>
      </c>
      <c r="I21528" s="1" t="s">
        <v>75467</v>
      </c>
      <c r="J21528" s="1" t="s">
        <v>76972</v>
      </c>
    </row>
    <row r="21529" spans="1:10" x14ac:dyDescent="0.35">
      <c r="A21529" s="1" t="s">
        <v>13794</v>
      </c>
      <c r="B21529" s="1" t="s">
        <v>75461</v>
      </c>
      <c r="C21529" s="1" t="s">
        <v>65</v>
      </c>
      <c r="D21529" s="1" t="s">
        <v>69299</v>
      </c>
      <c r="E21529" s="1" t="s">
        <v>76973</v>
      </c>
      <c r="F21529" s="1" t="s">
        <v>76974</v>
      </c>
      <c r="G21529" s="1" t="s">
        <v>76934</v>
      </c>
      <c r="H21529" s="1" t="s">
        <v>48622</v>
      </c>
      <c r="I21529" s="1" t="s">
        <v>75467</v>
      </c>
      <c r="J21529" s="1" t="s">
        <v>76975</v>
      </c>
    </row>
    <row r="21530" spans="1:10" x14ac:dyDescent="0.35">
      <c r="A21530" s="1" t="s">
        <v>13794</v>
      </c>
      <c r="B21530" s="1" t="s">
        <v>75461</v>
      </c>
      <c r="C21530" s="1" t="s">
        <v>70</v>
      </c>
      <c r="D21530" s="1" t="s">
        <v>76976</v>
      </c>
      <c r="E21530" s="1" t="s">
        <v>76977</v>
      </c>
      <c r="F21530" s="1" t="s">
        <v>76978</v>
      </c>
      <c r="G21530" s="1" t="s">
        <v>76934</v>
      </c>
      <c r="H21530" s="1" t="s">
        <v>48622</v>
      </c>
      <c r="I21530" s="1" t="s">
        <v>75467</v>
      </c>
      <c r="J21530" s="1" t="s">
        <v>76979</v>
      </c>
    </row>
    <row r="21531" spans="1:10" x14ac:dyDescent="0.35">
      <c r="A21531" s="1" t="s">
        <v>13794</v>
      </c>
      <c r="B21531" s="1" t="s">
        <v>75461</v>
      </c>
      <c r="C21531" s="1" t="s">
        <v>75</v>
      </c>
      <c r="D21531" s="1" t="s">
        <v>3272</v>
      </c>
      <c r="E21531" s="1" t="s">
        <v>76980</v>
      </c>
      <c r="F21531" s="1" t="s">
        <v>76981</v>
      </c>
      <c r="G21531" s="1" t="s">
        <v>76934</v>
      </c>
      <c r="H21531" s="1" t="s">
        <v>48622</v>
      </c>
      <c r="I21531" s="1" t="s">
        <v>75467</v>
      </c>
      <c r="J21531" s="1" t="s">
        <v>76982</v>
      </c>
    </row>
    <row r="21532" spans="1:10" x14ac:dyDescent="0.35">
      <c r="A21532" s="1" t="s">
        <v>13794</v>
      </c>
      <c r="B21532" s="1" t="s">
        <v>75461</v>
      </c>
      <c r="C21532" s="1" t="s">
        <v>80</v>
      </c>
      <c r="D21532" s="1" t="s">
        <v>76983</v>
      </c>
      <c r="E21532" s="1" t="s">
        <v>76984</v>
      </c>
      <c r="F21532" s="1" t="s">
        <v>76985</v>
      </c>
      <c r="G21532" s="1" t="s">
        <v>76934</v>
      </c>
      <c r="H21532" s="1" t="s">
        <v>48622</v>
      </c>
      <c r="I21532" s="1" t="s">
        <v>75467</v>
      </c>
      <c r="J21532" s="1" t="s">
        <v>76986</v>
      </c>
    </row>
    <row r="21533" spans="1:10" x14ac:dyDescent="0.35">
      <c r="A21533" s="1" t="s">
        <v>13794</v>
      </c>
      <c r="B21533" s="1" t="s">
        <v>75461</v>
      </c>
      <c r="C21533" s="1" t="s">
        <v>85</v>
      </c>
      <c r="D21533" s="1" t="s">
        <v>76987</v>
      </c>
      <c r="E21533" s="1" t="s">
        <v>76988</v>
      </c>
      <c r="F21533" s="1" t="s">
        <v>76989</v>
      </c>
      <c r="G21533" s="1" t="s">
        <v>76934</v>
      </c>
      <c r="H21533" s="1" t="s">
        <v>48622</v>
      </c>
      <c r="I21533" s="1" t="s">
        <v>75467</v>
      </c>
      <c r="J21533" s="1" t="s">
        <v>76990</v>
      </c>
    </row>
    <row r="21534" spans="1:10" x14ac:dyDescent="0.35">
      <c r="A21534" s="1" t="s">
        <v>13794</v>
      </c>
      <c r="B21534" s="1" t="s">
        <v>75461</v>
      </c>
      <c r="C21534" s="1" t="s">
        <v>90</v>
      </c>
      <c r="D21534" s="1" t="s">
        <v>62947</v>
      </c>
      <c r="E21534" s="1" t="s">
        <v>76991</v>
      </c>
      <c r="F21534" s="1" t="s">
        <v>76992</v>
      </c>
      <c r="G21534" s="1" t="s">
        <v>76934</v>
      </c>
      <c r="H21534" s="1" t="s">
        <v>48622</v>
      </c>
      <c r="I21534" s="1" t="s">
        <v>75467</v>
      </c>
      <c r="J21534" s="1" t="s">
        <v>76993</v>
      </c>
    </row>
    <row r="21535" spans="1:10" x14ac:dyDescent="0.35">
      <c r="A21535" s="1" t="s">
        <v>13794</v>
      </c>
      <c r="B21535" s="1" t="s">
        <v>75461</v>
      </c>
      <c r="C21535" s="1" t="s">
        <v>95</v>
      </c>
      <c r="D21535" s="1" t="s">
        <v>76994</v>
      </c>
      <c r="E21535" s="1" t="s">
        <v>76995</v>
      </c>
      <c r="F21535" s="1" t="s">
        <v>76996</v>
      </c>
      <c r="G21535" s="1" t="s">
        <v>76934</v>
      </c>
      <c r="H21535" s="1" t="s">
        <v>48622</v>
      </c>
      <c r="I21535" s="1" t="s">
        <v>75467</v>
      </c>
      <c r="J21535" s="1" t="s">
        <v>76997</v>
      </c>
    </row>
    <row r="21536" spans="1:10" x14ac:dyDescent="0.35">
      <c r="A21536" s="1" t="s">
        <v>13794</v>
      </c>
      <c r="B21536" s="1" t="s">
        <v>75461</v>
      </c>
      <c r="C21536" s="1" t="s">
        <v>100</v>
      </c>
      <c r="D21536" s="1" t="s">
        <v>76998</v>
      </c>
      <c r="E21536" s="1" t="s">
        <v>76999</v>
      </c>
      <c r="F21536" s="1" t="s">
        <v>77000</v>
      </c>
      <c r="G21536" s="1" t="s">
        <v>76934</v>
      </c>
      <c r="H21536" s="1" t="s">
        <v>48622</v>
      </c>
      <c r="I21536" s="1" t="s">
        <v>75467</v>
      </c>
      <c r="J21536" s="1" t="s">
        <v>77001</v>
      </c>
    </row>
    <row r="21537" spans="1:10" x14ac:dyDescent="0.35">
      <c r="A21537" s="1" t="s">
        <v>13794</v>
      </c>
      <c r="B21537" s="1" t="s">
        <v>75461</v>
      </c>
      <c r="C21537" s="1" t="s">
        <v>105</v>
      </c>
      <c r="D21537" s="1" t="s">
        <v>56280</v>
      </c>
      <c r="E21537" s="1" t="s">
        <v>77002</v>
      </c>
      <c r="F21537" s="1" t="s">
        <v>77003</v>
      </c>
      <c r="G21537" s="1" t="s">
        <v>76934</v>
      </c>
      <c r="H21537" s="1" t="s">
        <v>48622</v>
      </c>
      <c r="I21537" s="1" t="s">
        <v>75467</v>
      </c>
      <c r="J21537" s="1" t="s">
        <v>77004</v>
      </c>
    </row>
    <row r="21538" spans="1:10" x14ac:dyDescent="0.35">
      <c r="A21538" s="1" t="s">
        <v>13794</v>
      </c>
      <c r="B21538" s="1" t="s">
        <v>75461</v>
      </c>
      <c r="C21538" s="1" t="s">
        <v>110</v>
      </c>
      <c r="D21538" s="1" t="s">
        <v>77005</v>
      </c>
      <c r="E21538" s="1" t="s">
        <v>77006</v>
      </c>
      <c r="F21538" s="1" t="s">
        <v>77007</v>
      </c>
      <c r="G21538" s="1" t="s">
        <v>76934</v>
      </c>
      <c r="H21538" s="1" t="s">
        <v>48622</v>
      </c>
      <c r="I21538" s="1" t="s">
        <v>75467</v>
      </c>
      <c r="J21538" s="1" t="s">
        <v>77008</v>
      </c>
    </row>
    <row r="21539" spans="1:10" x14ac:dyDescent="0.35">
      <c r="A21539" s="1" t="s">
        <v>13794</v>
      </c>
      <c r="B21539" s="1" t="s">
        <v>75461</v>
      </c>
      <c r="C21539" s="1" t="s">
        <v>115</v>
      </c>
      <c r="D21539" s="1" t="s">
        <v>62932</v>
      </c>
      <c r="E21539" s="1" t="s">
        <v>77009</v>
      </c>
      <c r="F21539" s="1" t="s">
        <v>77010</v>
      </c>
      <c r="G21539" s="1" t="s">
        <v>76934</v>
      </c>
      <c r="H21539" s="1" t="s">
        <v>48622</v>
      </c>
      <c r="I21539" s="1" t="s">
        <v>75467</v>
      </c>
      <c r="J21539" s="1" t="s">
        <v>77011</v>
      </c>
    </row>
    <row r="21540" spans="1:10" x14ac:dyDescent="0.35">
      <c r="A21540" s="1" t="s">
        <v>13794</v>
      </c>
      <c r="B21540" s="1" t="s">
        <v>75461</v>
      </c>
      <c r="C21540" s="1" t="s">
        <v>120</v>
      </c>
      <c r="D21540" s="1" t="s">
        <v>77012</v>
      </c>
      <c r="E21540" s="1" t="s">
        <v>77013</v>
      </c>
      <c r="F21540" s="1" t="s">
        <v>77014</v>
      </c>
      <c r="G21540" s="1" t="s">
        <v>76934</v>
      </c>
      <c r="H21540" s="1" t="s">
        <v>48622</v>
      </c>
      <c r="I21540" s="1" t="s">
        <v>75467</v>
      </c>
      <c r="J21540" s="1" t="s">
        <v>77015</v>
      </c>
    </row>
    <row r="21541" spans="1:10" x14ac:dyDescent="0.35">
      <c r="A21541" s="1" t="s">
        <v>13794</v>
      </c>
      <c r="B21541" s="1" t="s">
        <v>75461</v>
      </c>
      <c r="C21541" s="1" t="s">
        <v>125</v>
      </c>
      <c r="D21541" s="1" t="s">
        <v>77016</v>
      </c>
      <c r="E21541" s="1" t="s">
        <v>77017</v>
      </c>
      <c r="F21541" s="1" t="s">
        <v>77018</v>
      </c>
      <c r="G21541" s="1" t="s">
        <v>76934</v>
      </c>
      <c r="H21541" s="1" t="s">
        <v>48622</v>
      </c>
      <c r="I21541" s="1" t="s">
        <v>75467</v>
      </c>
      <c r="J21541" s="1" t="s">
        <v>77019</v>
      </c>
    </row>
    <row r="21542" spans="1:10" x14ac:dyDescent="0.35">
      <c r="A21542" s="1" t="s">
        <v>13794</v>
      </c>
      <c r="B21542" s="1" t="s">
        <v>75461</v>
      </c>
      <c r="C21542" s="1" t="s">
        <v>130</v>
      </c>
      <c r="D21542" s="1" t="s">
        <v>77020</v>
      </c>
      <c r="E21542" s="1" t="s">
        <v>77021</v>
      </c>
      <c r="F21542" s="1" t="s">
        <v>77022</v>
      </c>
      <c r="G21542" s="1" t="s">
        <v>76934</v>
      </c>
      <c r="H21542" s="1" t="s">
        <v>48622</v>
      </c>
      <c r="I21542" s="1" t="s">
        <v>75467</v>
      </c>
      <c r="J21542" s="1" t="s">
        <v>77023</v>
      </c>
    </row>
    <row r="21543" spans="1:10" x14ac:dyDescent="0.35">
      <c r="A21543" s="1" t="s">
        <v>13794</v>
      </c>
      <c r="B21543" s="1" t="s">
        <v>75461</v>
      </c>
      <c r="C21543" s="1" t="s">
        <v>135</v>
      </c>
      <c r="D21543" s="1" t="s">
        <v>77024</v>
      </c>
      <c r="E21543" s="1" t="s">
        <v>77025</v>
      </c>
      <c r="F21543" s="1" t="s">
        <v>77026</v>
      </c>
      <c r="G21543" s="1" t="s">
        <v>76934</v>
      </c>
      <c r="H21543" s="1" t="s">
        <v>48622</v>
      </c>
      <c r="I21543" s="1" t="s">
        <v>75467</v>
      </c>
      <c r="J21543" s="1" t="s">
        <v>77027</v>
      </c>
    </row>
    <row r="21544" spans="1:10" x14ac:dyDescent="0.35">
      <c r="A21544" s="1" t="s">
        <v>13794</v>
      </c>
      <c r="B21544" s="1" t="s">
        <v>75461</v>
      </c>
      <c r="C21544" s="1" t="s">
        <v>140</v>
      </c>
      <c r="D21544" s="1" t="s">
        <v>77028</v>
      </c>
      <c r="E21544" s="1" t="s">
        <v>77029</v>
      </c>
      <c r="F21544" s="1" t="s">
        <v>77030</v>
      </c>
      <c r="G21544" s="1" t="s">
        <v>76934</v>
      </c>
      <c r="H21544" s="1" t="s">
        <v>48622</v>
      </c>
      <c r="I21544" s="1" t="s">
        <v>75467</v>
      </c>
      <c r="J21544" s="1" t="s">
        <v>77031</v>
      </c>
    </row>
    <row r="21545" spans="1:10" x14ac:dyDescent="0.35">
      <c r="A21545" s="1" t="s">
        <v>13794</v>
      </c>
      <c r="B21545" s="1" t="s">
        <v>75461</v>
      </c>
      <c r="C21545" s="1" t="s">
        <v>145</v>
      </c>
      <c r="D21545" s="1" t="s">
        <v>77032</v>
      </c>
      <c r="E21545" s="1" t="s">
        <v>77033</v>
      </c>
      <c r="F21545" s="1" t="s">
        <v>77034</v>
      </c>
      <c r="G21545" s="1" t="s">
        <v>76934</v>
      </c>
      <c r="H21545" s="1" t="s">
        <v>48622</v>
      </c>
      <c r="I21545" s="1" t="s">
        <v>75467</v>
      </c>
      <c r="J21545" s="1" t="s">
        <v>77035</v>
      </c>
    </row>
    <row r="21546" spans="1:10" x14ac:dyDescent="0.35">
      <c r="A21546" s="1" t="s">
        <v>13794</v>
      </c>
      <c r="B21546" s="1" t="s">
        <v>75461</v>
      </c>
      <c r="C21546" s="1" t="s">
        <v>150</v>
      </c>
      <c r="D21546" s="1" t="s">
        <v>64710</v>
      </c>
      <c r="E21546" s="1" t="s">
        <v>77036</v>
      </c>
      <c r="F21546" s="1" t="s">
        <v>77037</v>
      </c>
      <c r="G21546" s="1" t="s">
        <v>76934</v>
      </c>
      <c r="H21546" s="1" t="s">
        <v>48622</v>
      </c>
      <c r="I21546" s="1" t="s">
        <v>75467</v>
      </c>
      <c r="J21546" s="1" t="s">
        <v>77038</v>
      </c>
    </row>
    <row r="21547" spans="1:10" x14ac:dyDescent="0.35">
      <c r="A21547" s="1" t="s">
        <v>13794</v>
      </c>
      <c r="B21547" s="1" t="s">
        <v>75461</v>
      </c>
      <c r="C21547" s="1" t="s">
        <v>155</v>
      </c>
      <c r="D21547" s="1" t="s">
        <v>77039</v>
      </c>
      <c r="E21547" s="1" t="s">
        <v>77040</v>
      </c>
      <c r="F21547" s="1" t="s">
        <v>77041</v>
      </c>
      <c r="G21547" s="1" t="s">
        <v>76934</v>
      </c>
      <c r="H21547" s="1" t="s">
        <v>48622</v>
      </c>
      <c r="I21547" s="1" t="s">
        <v>75467</v>
      </c>
      <c r="J21547" s="1" t="s">
        <v>77042</v>
      </c>
    </row>
    <row r="21548" spans="1:10" x14ac:dyDescent="0.35">
      <c r="A21548" s="1" t="s">
        <v>13794</v>
      </c>
      <c r="B21548" s="1" t="s">
        <v>75461</v>
      </c>
      <c r="C21548" s="1" t="s">
        <v>160</v>
      </c>
      <c r="D21548" s="1" t="s">
        <v>77043</v>
      </c>
      <c r="E21548" s="1" t="s">
        <v>77044</v>
      </c>
      <c r="F21548" s="1" t="s">
        <v>77045</v>
      </c>
      <c r="G21548" s="1" t="s">
        <v>76934</v>
      </c>
      <c r="H21548" s="1" t="s">
        <v>48622</v>
      </c>
      <c r="I21548" s="1" t="s">
        <v>75467</v>
      </c>
      <c r="J21548" s="1" t="s">
        <v>77046</v>
      </c>
    </row>
    <row r="21549" spans="1:10" x14ac:dyDescent="0.35">
      <c r="A21549" s="1" t="s">
        <v>13794</v>
      </c>
      <c r="B21549" s="1" t="s">
        <v>75461</v>
      </c>
      <c r="C21549" s="1" t="s">
        <v>165</v>
      </c>
      <c r="D21549" s="1" t="s">
        <v>77047</v>
      </c>
      <c r="E21549" s="1" t="s">
        <v>77048</v>
      </c>
      <c r="F21549" s="1" t="s">
        <v>77049</v>
      </c>
      <c r="G21549" s="1" t="s">
        <v>76934</v>
      </c>
      <c r="H21549" s="1" t="s">
        <v>48622</v>
      </c>
      <c r="I21549" s="1" t="s">
        <v>75467</v>
      </c>
      <c r="J21549" s="1" t="s">
        <v>77050</v>
      </c>
    </row>
    <row r="21550" spans="1:10" x14ac:dyDescent="0.35">
      <c r="A21550" s="1" t="s">
        <v>13794</v>
      </c>
      <c r="B21550" s="1" t="s">
        <v>75461</v>
      </c>
      <c r="C21550" s="1" t="s">
        <v>170</v>
      </c>
      <c r="D21550" s="1" t="s">
        <v>62329</v>
      </c>
      <c r="E21550" s="1" t="s">
        <v>77051</v>
      </c>
      <c r="F21550" s="1" t="s">
        <v>77052</v>
      </c>
      <c r="G21550" s="1" t="s">
        <v>76934</v>
      </c>
      <c r="H21550" s="1" t="s">
        <v>48622</v>
      </c>
      <c r="I21550" s="1" t="s">
        <v>75467</v>
      </c>
      <c r="J21550" s="1" t="s">
        <v>77053</v>
      </c>
    </row>
    <row r="21551" spans="1:10" x14ac:dyDescent="0.35">
      <c r="A21551" s="1" t="s">
        <v>7297</v>
      </c>
      <c r="B21551" s="1" t="s">
        <v>75461</v>
      </c>
      <c r="C21551" s="1" t="s">
        <v>8</v>
      </c>
      <c r="D21551" s="1" t="s">
        <v>77054</v>
      </c>
      <c r="E21551" s="1" t="s">
        <v>77055</v>
      </c>
      <c r="F21551" s="1" t="s">
        <v>77056</v>
      </c>
      <c r="G21551" s="1" t="s">
        <v>77057</v>
      </c>
      <c r="H21551" s="1" t="s">
        <v>77058</v>
      </c>
      <c r="I21551" s="1" t="s">
        <v>75467</v>
      </c>
      <c r="J21551" s="1" t="s">
        <v>13</v>
      </c>
    </row>
    <row r="21552" spans="1:10" x14ac:dyDescent="0.35">
      <c r="A21552" s="1" t="s">
        <v>7297</v>
      </c>
      <c r="B21552" s="1" t="s">
        <v>75461</v>
      </c>
      <c r="C21552" s="1" t="s">
        <v>15</v>
      </c>
      <c r="D21552" s="1" t="s">
        <v>77059</v>
      </c>
      <c r="E21552" s="1" t="s">
        <v>77060</v>
      </c>
      <c r="F21552" s="1" t="s">
        <v>77061</v>
      </c>
      <c r="G21552" s="1" t="s">
        <v>77057</v>
      </c>
      <c r="H21552" s="1" t="s">
        <v>77058</v>
      </c>
      <c r="I21552" s="1" t="s">
        <v>75467</v>
      </c>
      <c r="J21552" s="1" t="s">
        <v>77062</v>
      </c>
    </row>
    <row r="21553" spans="1:10" x14ac:dyDescent="0.35">
      <c r="A21553" s="1" t="s">
        <v>7297</v>
      </c>
      <c r="B21553" s="1" t="s">
        <v>75461</v>
      </c>
      <c r="C21553" s="1" t="s">
        <v>20</v>
      </c>
      <c r="D21553" s="1" t="s">
        <v>77063</v>
      </c>
      <c r="E21553" s="1" t="s">
        <v>77064</v>
      </c>
      <c r="F21553" s="1" t="s">
        <v>77065</v>
      </c>
      <c r="G21553" s="1" t="s">
        <v>77057</v>
      </c>
      <c r="H21553" s="1" t="s">
        <v>77058</v>
      </c>
      <c r="I21553" s="1" t="s">
        <v>75467</v>
      </c>
      <c r="J21553" s="1" t="s">
        <v>77066</v>
      </c>
    </row>
    <row r="21554" spans="1:10" x14ac:dyDescent="0.35">
      <c r="A21554" s="1" t="s">
        <v>7297</v>
      </c>
      <c r="B21554" s="1" t="s">
        <v>75461</v>
      </c>
      <c r="C21554" s="1" t="s">
        <v>25</v>
      </c>
      <c r="D21554" s="1" t="s">
        <v>77067</v>
      </c>
      <c r="E21554" s="1" t="s">
        <v>77068</v>
      </c>
      <c r="F21554" s="1" t="s">
        <v>77069</v>
      </c>
      <c r="G21554" s="1" t="s">
        <v>77057</v>
      </c>
      <c r="H21554" s="1" t="s">
        <v>77058</v>
      </c>
      <c r="I21554" s="1" t="s">
        <v>75467</v>
      </c>
      <c r="J21554" s="1" t="s">
        <v>77070</v>
      </c>
    </row>
    <row r="21555" spans="1:10" x14ac:dyDescent="0.35">
      <c r="A21555" s="1" t="s">
        <v>7297</v>
      </c>
      <c r="B21555" s="1" t="s">
        <v>75461</v>
      </c>
      <c r="C21555" s="1" t="s">
        <v>30</v>
      </c>
      <c r="D21555" s="1" t="s">
        <v>77071</v>
      </c>
      <c r="E21555" s="1" t="s">
        <v>77072</v>
      </c>
      <c r="F21555" s="1" t="s">
        <v>77073</v>
      </c>
      <c r="G21555" s="1" t="s">
        <v>77057</v>
      </c>
      <c r="H21555" s="1" t="s">
        <v>77058</v>
      </c>
      <c r="I21555" s="1" t="s">
        <v>75467</v>
      </c>
      <c r="J21555" s="1" t="s">
        <v>77074</v>
      </c>
    </row>
    <row r="21556" spans="1:10" x14ac:dyDescent="0.35">
      <c r="A21556" s="1" t="s">
        <v>7297</v>
      </c>
      <c r="B21556" s="1" t="s">
        <v>75461</v>
      </c>
      <c r="C21556" s="1" t="s">
        <v>35</v>
      </c>
      <c r="D21556" s="1" t="s">
        <v>68647</v>
      </c>
      <c r="E21556" s="1" t="s">
        <v>77075</v>
      </c>
      <c r="F21556" s="1" t="s">
        <v>77076</v>
      </c>
      <c r="G21556" s="1" t="s">
        <v>77057</v>
      </c>
      <c r="H21556" s="1" t="s">
        <v>77058</v>
      </c>
      <c r="I21556" s="1" t="s">
        <v>75467</v>
      </c>
      <c r="J21556" s="1" t="s">
        <v>77077</v>
      </c>
    </row>
    <row r="21557" spans="1:10" x14ac:dyDescent="0.35">
      <c r="A21557" s="1" t="s">
        <v>7297</v>
      </c>
      <c r="B21557" s="1" t="s">
        <v>75461</v>
      </c>
      <c r="C21557" s="1" t="s">
        <v>40</v>
      </c>
      <c r="D21557" s="1" t="s">
        <v>77078</v>
      </c>
      <c r="E21557" s="1" t="s">
        <v>77079</v>
      </c>
      <c r="F21557" s="1" t="s">
        <v>77080</v>
      </c>
      <c r="G21557" s="1" t="s">
        <v>77057</v>
      </c>
      <c r="H21557" s="1" t="s">
        <v>77058</v>
      </c>
      <c r="I21557" s="1" t="s">
        <v>75467</v>
      </c>
      <c r="J21557" s="1" t="s">
        <v>77081</v>
      </c>
    </row>
    <row r="21558" spans="1:10" x14ac:dyDescent="0.35">
      <c r="A21558" s="1" t="s">
        <v>7297</v>
      </c>
      <c r="B21558" s="1" t="s">
        <v>75461</v>
      </c>
      <c r="C21558" s="1" t="s">
        <v>45</v>
      </c>
      <c r="D21558" s="1" t="s">
        <v>77082</v>
      </c>
      <c r="E21558" s="1" t="s">
        <v>77083</v>
      </c>
      <c r="F21558" s="1" t="s">
        <v>77084</v>
      </c>
      <c r="G21558" s="1" t="s">
        <v>77057</v>
      </c>
      <c r="H21558" s="1" t="s">
        <v>77058</v>
      </c>
      <c r="I21558" s="1" t="s">
        <v>75467</v>
      </c>
      <c r="J21558" s="1" t="s">
        <v>77085</v>
      </c>
    </row>
    <row r="21559" spans="1:10" x14ac:dyDescent="0.35">
      <c r="A21559" s="1" t="s">
        <v>7297</v>
      </c>
      <c r="B21559" s="1" t="s">
        <v>75461</v>
      </c>
      <c r="C21559" s="1" t="s">
        <v>50</v>
      </c>
      <c r="D21559" s="1" t="s">
        <v>59264</v>
      </c>
      <c r="E21559" s="1" t="s">
        <v>77086</v>
      </c>
      <c r="F21559" s="1" t="s">
        <v>77087</v>
      </c>
      <c r="G21559" s="1" t="s">
        <v>77057</v>
      </c>
      <c r="H21559" s="1" t="s">
        <v>77058</v>
      </c>
      <c r="I21559" s="1" t="s">
        <v>75467</v>
      </c>
      <c r="J21559" s="1" t="s">
        <v>77088</v>
      </c>
    </row>
    <row r="21560" spans="1:10" x14ac:dyDescent="0.35">
      <c r="A21560" s="1" t="s">
        <v>7297</v>
      </c>
      <c r="B21560" s="1" t="s">
        <v>75461</v>
      </c>
      <c r="C21560" s="1" t="s">
        <v>55</v>
      </c>
      <c r="D21560" s="1" t="s">
        <v>77089</v>
      </c>
      <c r="E21560" s="1" t="s">
        <v>77090</v>
      </c>
      <c r="F21560" s="1" t="s">
        <v>77091</v>
      </c>
      <c r="G21560" s="1" t="s">
        <v>77057</v>
      </c>
      <c r="H21560" s="1" t="s">
        <v>77058</v>
      </c>
      <c r="I21560" s="1" t="s">
        <v>75467</v>
      </c>
      <c r="J21560" s="1" t="s">
        <v>77092</v>
      </c>
    </row>
    <row r="21561" spans="1:10" x14ac:dyDescent="0.35">
      <c r="A21561" s="1" t="s">
        <v>7297</v>
      </c>
      <c r="B21561" s="1" t="s">
        <v>75461</v>
      </c>
      <c r="C21561" s="1" t="s">
        <v>60</v>
      </c>
      <c r="D21561" s="1" t="s">
        <v>77093</v>
      </c>
      <c r="E21561" s="1" t="s">
        <v>77094</v>
      </c>
      <c r="F21561" s="1" t="s">
        <v>77095</v>
      </c>
      <c r="G21561" s="1" t="s">
        <v>77057</v>
      </c>
      <c r="H21561" s="1" t="s">
        <v>77058</v>
      </c>
      <c r="I21561" s="1" t="s">
        <v>75467</v>
      </c>
      <c r="J21561" s="1" t="s">
        <v>77096</v>
      </c>
    </row>
    <row r="21562" spans="1:10" x14ac:dyDescent="0.35">
      <c r="A21562" s="1" t="s">
        <v>7297</v>
      </c>
      <c r="B21562" s="1" t="s">
        <v>75461</v>
      </c>
      <c r="C21562" s="1" t="s">
        <v>65</v>
      </c>
      <c r="D21562" s="1" t="s">
        <v>77097</v>
      </c>
      <c r="E21562" s="1" t="s">
        <v>77098</v>
      </c>
      <c r="F21562" s="1" t="s">
        <v>77099</v>
      </c>
      <c r="G21562" s="1" t="s">
        <v>77057</v>
      </c>
      <c r="H21562" s="1" t="s">
        <v>77058</v>
      </c>
      <c r="I21562" s="1" t="s">
        <v>75467</v>
      </c>
      <c r="J21562" s="1" t="s">
        <v>77100</v>
      </c>
    </row>
    <row r="21563" spans="1:10" x14ac:dyDescent="0.35">
      <c r="A21563" s="1" t="s">
        <v>7297</v>
      </c>
      <c r="B21563" s="1" t="s">
        <v>75461</v>
      </c>
      <c r="C21563" s="1" t="s">
        <v>70</v>
      </c>
      <c r="D21563" s="1" t="s">
        <v>77101</v>
      </c>
      <c r="E21563" s="1" t="s">
        <v>77102</v>
      </c>
      <c r="F21563" s="1" t="s">
        <v>77103</v>
      </c>
      <c r="G21563" s="1" t="s">
        <v>77057</v>
      </c>
      <c r="H21563" s="1" t="s">
        <v>77058</v>
      </c>
      <c r="I21563" s="1" t="s">
        <v>75467</v>
      </c>
      <c r="J21563" s="1" t="s">
        <v>77104</v>
      </c>
    </row>
    <row r="21564" spans="1:10" x14ac:dyDescent="0.35">
      <c r="A21564" s="1" t="s">
        <v>7297</v>
      </c>
      <c r="B21564" s="1" t="s">
        <v>75461</v>
      </c>
      <c r="C21564" s="1" t="s">
        <v>75</v>
      </c>
      <c r="D21564" s="1" t="s">
        <v>77105</v>
      </c>
      <c r="E21564" s="1" t="s">
        <v>77106</v>
      </c>
      <c r="F21564" s="1" t="s">
        <v>77107</v>
      </c>
      <c r="G21564" s="1" t="s">
        <v>77057</v>
      </c>
      <c r="H21564" s="1" t="s">
        <v>77058</v>
      </c>
      <c r="I21564" s="1" t="s">
        <v>75467</v>
      </c>
      <c r="J21564" s="1" t="s">
        <v>77108</v>
      </c>
    </row>
    <row r="21565" spans="1:10" x14ac:dyDescent="0.35">
      <c r="A21565" s="1" t="s">
        <v>7297</v>
      </c>
      <c r="B21565" s="1" t="s">
        <v>75461</v>
      </c>
      <c r="C21565" s="1" t="s">
        <v>80</v>
      </c>
      <c r="D21565" s="1" t="s">
        <v>77109</v>
      </c>
      <c r="E21565" s="1" t="s">
        <v>77110</v>
      </c>
      <c r="F21565" s="1" t="s">
        <v>77111</v>
      </c>
      <c r="G21565" s="1" t="s">
        <v>77057</v>
      </c>
      <c r="H21565" s="1" t="s">
        <v>77058</v>
      </c>
      <c r="I21565" s="1" t="s">
        <v>75467</v>
      </c>
      <c r="J21565" s="1" t="s">
        <v>77112</v>
      </c>
    </row>
    <row r="21566" spans="1:10" x14ac:dyDescent="0.35">
      <c r="A21566" s="1" t="s">
        <v>7297</v>
      </c>
      <c r="B21566" s="1" t="s">
        <v>75461</v>
      </c>
      <c r="C21566" s="1" t="s">
        <v>85</v>
      </c>
      <c r="D21566" s="1" t="s">
        <v>57739</v>
      </c>
      <c r="E21566" s="1" t="s">
        <v>77113</v>
      </c>
      <c r="F21566" s="1" t="s">
        <v>77114</v>
      </c>
      <c r="G21566" s="1" t="s">
        <v>77057</v>
      </c>
      <c r="H21566" s="1" t="s">
        <v>77058</v>
      </c>
      <c r="I21566" s="1" t="s">
        <v>75467</v>
      </c>
      <c r="J21566" s="1" t="s">
        <v>77115</v>
      </c>
    </row>
    <row r="21567" spans="1:10" x14ac:dyDescent="0.35">
      <c r="A21567" s="1" t="s">
        <v>7297</v>
      </c>
      <c r="B21567" s="1" t="s">
        <v>75461</v>
      </c>
      <c r="C21567" s="1" t="s">
        <v>90</v>
      </c>
      <c r="D21567" s="1" t="s">
        <v>77116</v>
      </c>
      <c r="E21567" s="1" t="s">
        <v>77117</v>
      </c>
      <c r="F21567" s="1" t="s">
        <v>77118</v>
      </c>
      <c r="G21567" s="1" t="s">
        <v>77057</v>
      </c>
      <c r="H21567" s="1" t="s">
        <v>77058</v>
      </c>
      <c r="I21567" s="1" t="s">
        <v>75467</v>
      </c>
      <c r="J21567" s="1" t="s">
        <v>77119</v>
      </c>
    </row>
    <row r="21568" spans="1:10" x14ac:dyDescent="0.35">
      <c r="A21568" s="1" t="s">
        <v>7297</v>
      </c>
      <c r="B21568" s="1" t="s">
        <v>75461</v>
      </c>
      <c r="C21568" s="1" t="s">
        <v>95</v>
      </c>
      <c r="D21568" s="1" t="s">
        <v>77120</v>
      </c>
      <c r="E21568" s="1" t="s">
        <v>77121</v>
      </c>
      <c r="F21568" s="1" t="s">
        <v>77122</v>
      </c>
      <c r="G21568" s="1" t="s">
        <v>77057</v>
      </c>
      <c r="H21568" s="1" t="s">
        <v>77058</v>
      </c>
      <c r="I21568" s="1" t="s">
        <v>75467</v>
      </c>
      <c r="J21568" s="1" t="s">
        <v>77123</v>
      </c>
    </row>
    <row r="21569" spans="1:10" x14ac:dyDescent="0.35">
      <c r="A21569" s="1" t="s">
        <v>7297</v>
      </c>
      <c r="B21569" s="1" t="s">
        <v>75461</v>
      </c>
      <c r="C21569" s="1" t="s">
        <v>100</v>
      </c>
      <c r="D21569" s="1" t="s">
        <v>77124</v>
      </c>
      <c r="E21569" s="1" t="s">
        <v>77125</v>
      </c>
      <c r="F21569" s="1" t="s">
        <v>77126</v>
      </c>
      <c r="G21569" s="1" t="s">
        <v>77057</v>
      </c>
      <c r="H21569" s="1" t="s">
        <v>77058</v>
      </c>
      <c r="I21569" s="1" t="s">
        <v>75467</v>
      </c>
      <c r="J21569" s="1" t="s">
        <v>77127</v>
      </c>
    </row>
    <row r="21570" spans="1:10" x14ac:dyDescent="0.35">
      <c r="A21570" s="1" t="s">
        <v>7297</v>
      </c>
      <c r="B21570" s="1" t="s">
        <v>75461</v>
      </c>
      <c r="C21570" s="1" t="s">
        <v>105</v>
      </c>
      <c r="D21570" s="1" t="s">
        <v>77128</v>
      </c>
      <c r="E21570" s="1" t="s">
        <v>77129</v>
      </c>
      <c r="F21570" s="1" t="s">
        <v>77130</v>
      </c>
      <c r="G21570" s="1" t="s">
        <v>77057</v>
      </c>
      <c r="H21570" s="1" t="s">
        <v>77058</v>
      </c>
      <c r="I21570" s="1" t="s">
        <v>75467</v>
      </c>
      <c r="J21570" s="1" t="s">
        <v>77131</v>
      </c>
    </row>
    <row r="21571" spans="1:10" x14ac:dyDescent="0.35">
      <c r="A21571" s="1" t="s">
        <v>7297</v>
      </c>
      <c r="B21571" s="1" t="s">
        <v>75461</v>
      </c>
      <c r="C21571" s="1" t="s">
        <v>110</v>
      </c>
      <c r="D21571" s="1" t="s">
        <v>77132</v>
      </c>
      <c r="E21571" s="1" t="s">
        <v>77133</v>
      </c>
      <c r="F21571" s="1" t="s">
        <v>77134</v>
      </c>
      <c r="G21571" s="1" t="s">
        <v>77057</v>
      </c>
      <c r="H21571" s="1" t="s">
        <v>77058</v>
      </c>
      <c r="I21571" s="1" t="s">
        <v>75467</v>
      </c>
      <c r="J21571" s="1" t="s">
        <v>77135</v>
      </c>
    </row>
    <row r="21572" spans="1:10" x14ac:dyDescent="0.35">
      <c r="A21572" s="1" t="s">
        <v>7297</v>
      </c>
      <c r="B21572" s="1" t="s">
        <v>75461</v>
      </c>
      <c r="C21572" s="1" t="s">
        <v>115</v>
      </c>
      <c r="D21572" s="1" t="s">
        <v>52372</v>
      </c>
      <c r="E21572" s="1" t="s">
        <v>77136</v>
      </c>
      <c r="F21572" s="1" t="s">
        <v>77137</v>
      </c>
      <c r="G21572" s="1" t="s">
        <v>77057</v>
      </c>
      <c r="H21572" s="1" t="s">
        <v>77058</v>
      </c>
      <c r="I21572" s="1" t="s">
        <v>75467</v>
      </c>
      <c r="J21572" s="1" t="s">
        <v>77138</v>
      </c>
    </row>
    <row r="21573" spans="1:10" x14ac:dyDescent="0.35">
      <c r="A21573" s="1" t="s">
        <v>7297</v>
      </c>
      <c r="B21573" s="1" t="s">
        <v>75461</v>
      </c>
      <c r="C21573" s="1" t="s">
        <v>120</v>
      </c>
      <c r="D21573" s="1" t="s">
        <v>77139</v>
      </c>
      <c r="E21573" s="1" t="s">
        <v>77140</v>
      </c>
      <c r="F21573" s="1" t="s">
        <v>77141</v>
      </c>
      <c r="G21573" s="1" t="s">
        <v>77057</v>
      </c>
      <c r="H21573" s="1" t="s">
        <v>77058</v>
      </c>
      <c r="I21573" s="1" t="s">
        <v>75467</v>
      </c>
      <c r="J21573" s="1" t="s">
        <v>77142</v>
      </c>
    </row>
    <row r="21574" spans="1:10" x14ac:dyDescent="0.35">
      <c r="A21574" s="1" t="s">
        <v>7297</v>
      </c>
      <c r="B21574" s="1" t="s">
        <v>75461</v>
      </c>
      <c r="C21574" s="1" t="s">
        <v>125</v>
      </c>
      <c r="D21574" s="1" t="s">
        <v>77143</v>
      </c>
      <c r="E21574" s="1" t="s">
        <v>77144</v>
      </c>
      <c r="F21574" s="1" t="s">
        <v>77145</v>
      </c>
      <c r="G21574" s="1" t="s">
        <v>77057</v>
      </c>
      <c r="H21574" s="1" t="s">
        <v>77058</v>
      </c>
      <c r="I21574" s="1" t="s">
        <v>75467</v>
      </c>
      <c r="J21574" s="1" t="s">
        <v>77146</v>
      </c>
    </row>
    <row r="21575" spans="1:10" x14ac:dyDescent="0.35">
      <c r="A21575" s="1" t="s">
        <v>7297</v>
      </c>
      <c r="B21575" s="1" t="s">
        <v>75461</v>
      </c>
      <c r="C21575" s="1" t="s">
        <v>130</v>
      </c>
      <c r="D21575" s="1" t="s">
        <v>77147</v>
      </c>
      <c r="E21575" s="1" t="s">
        <v>77148</v>
      </c>
      <c r="F21575" s="1" t="s">
        <v>77149</v>
      </c>
      <c r="G21575" s="1" t="s">
        <v>77057</v>
      </c>
      <c r="H21575" s="1" t="s">
        <v>77058</v>
      </c>
      <c r="I21575" s="1" t="s">
        <v>75467</v>
      </c>
      <c r="J21575" s="1" t="s">
        <v>77150</v>
      </c>
    </row>
    <row r="21576" spans="1:10" x14ac:dyDescent="0.35">
      <c r="A21576" s="1" t="s">
        <v>7297</v>
      </c>
      <c r="B21576" s="1" t="s">
        <v>75461</v>
      </c>
      <c r="C21576" s="1" t="s">
        <v>135</v>
      </c>
      <c r="D21576" s="1" t="s">
        <v>52648</v>
      </c>
      <c r="E21576" s="1" t="s">
        <v>77151</v>
      </c>
      <c r="F21576" s="1" t="s">
        <v>77152</v>
      </c>
      <c r="G21576" s="1" t="s">
        <v>77057</v>
      </c>
      <c r="H21576" s="1" t="s">
        <v>77058</v>
      </c>
      <c r="I21576" s="1" t="s">
        <v>75467</v>
      </c>
      <c r="J21576" s="1" t="s">
        <v>77153</v>
      </c>
    </row>
    <row r="21577" spans="1:10" x14ac:dyDescent="0.35">
      <c r="A21577" s="1" t="s">
        <v>7297</v>
      </c>
      <c r="B21577" s="1" t="s">
        <v>75461</v>
      </c>
      <c r="C21577" s="1" t="s">
        <v>140</v>
      </c>
      <c r="D21577" s="1" t="s">
        <v>77154</v>
      </c>
      <c r="E21577" s="1" t="s">
        <v>77155</v>
      </c>
      <c r="F21577" s="1" t="s">
        <v>77156</v>
      </c>
      <c r="G21577" s="1" t="s">
        <v>77057</v>
      </c>
      <c r="H21577" s="1" t="s">
        <v>77058</v>
      </c>
      <c r="I21577" s="1" t="s">
        <v>75467</v>
      </c>
      <c r="J21577" s="1" t="s">
        <v>77157</v>
      </c>
    </row>
    <row r="21578" spans="1:10" x14ac:dyDescent="0.35">
      <c r="A21578" s="1" t="s">
        <v>7297</v>
      </c>
      <c r="B21578" s="1" t="s">
        <v>75461</v>
      </c>
      <c r="C21578" s="1" t="s">
        <v>145</v>
      </c>
      <c r="D21578" s="1" t="s">
        <v>23799</v>
      </c>
      <c r="E21578" s="1" t="s">
        <v>77158</v>
      </c>
      <c r="F21578" s="1" t="s">
        <v>77159</v>
      </c>
      <c r="G21578" s="1" t="s">
        <v>77057</v>
      </c>
      <c r="H21578" s="1" t="s">
        <v>77058</v>
      </c>
      <c r="I21578" s="1" t="s">
        <v>75467</v>
      </c>
      <c r="J21578" s="1" t="s">
        <v>77160</v>
      </c>
    </row>
    <row r="21579" spans="1:10" x14ac:dyDescent="0.35">
      <c r="A21579" s="1" t="s">
        <v>7297</v>
      </c>
      <c r="B21579" s="1" t="s">
        <v>75461</v>
      </c>
      <c r="C21579" s="1" t="s">
        <v>150</v>
      </c>
      <c r="D21579" s="1" t="s">
        <v>77161</v>
      </c>
      <c r="E21579" s="1" t="s">
        <v>77162</v>
      </c>
      <c r="F21579" s="1" t="s">
        <v>77163</v>
      </c>
      <c r="G21579" s="1" t="s">
        <v>77057</v>
      </c>
      <c r="H21579" s="1" t="s">
        <v>77058</v>
      </c>
      <c r="I21579" s="1" t="s">
        <v>75467</v>
      </c>
      <c r="J21579" s="1" t="s">
        <v>77164</v>
      </c>
    </row>
    <row r="21580" spans="1:10" x14ac:dyDescent="0.35">
      <c r="A21580" s="1" t="s">
        <v>7297</v>
      </c>
      <c r="B21580" s="1" t="s">
        <v>75461</v>
      </c>
      <c r="C21580" s="1" t="s">
        <v>155</v>
      </c>
      <c r="D21580" s="1" t="s">
        <v>77165</v>
      </c>
      <c r="E21580" s="1" t="s">
        <v>77166</v>
      </c>
      <c r="F21580" s="1" t="s">
        <v>77167</v>
      </c>
      <c r="G21580" s="1" t="s">
        <v>77057</v>
      </c>
      <c r="H21580" s="1" t="s">
        <v>77058</v>
      </c>
      <c r="I21580" s="1" t="s">
        <v>75467</v>
      </c>
      <c r="J21580" s="1" t="s">
        <v>77168</v>
      </c>
    </row>
    <row r="21581" spans="1:10" x14ac:dyDescent="0.35">
      <c r="A21581" s="1" t="s">
        <v>7297</v>
      </c>
      <c r="B21581" s="1" t="s">
        <v>75461</v>
      </c>
      <c r="C21581" s="1" t="s">
        <v>160</v>
      </c>
      <c r="D21581" s="1" t="s">
        <v>77169</v>
      </c>
      <c r="E21581" s="1" t="s">
        <v>77170</v>
      </c>
      <c r="F21581" s="1" t="s">
        <v>77171</v>
      </c>
      <c r="G21581" s="1" t="s">
        <v>77057</v>
      </c>
      <c r="H21581" s="1" t="s">
        <v>77058</v>
      </c>
      <c r="I21581" s="1" t="s">
        <v>75467</v>
      </c>
      <c r="J21581" s="1" t="s">
        <v>77172</v>
      </c>
    </row>
    <row r="21582" spans="1:10" x14ac:dyDescent="0.35">
      <c r="A21582" s="1" t="s">
        <v>7297</v>
      </c>
      <c r="B21582" s="1" t="s">
        <v>75461</v>
      </c>
      <c r="C21582" s="1" t="s">
        <v>165</v>
      </c>
      <c r="D21582" s="1" t="s">
        <v>65639</v>
      </c>
      <c r="E21582" s="1" t="s">
        <v>77173</v>
      </c>
      <c r="F21582" s="1" t="s">
        <v>77174</v>
      </c>
      <c r="G21582" s="1" t="s">
        <v>77057</v>
      </c>
      <c r="H21582" s="1" t="s">
        <v>77058</v>
      </c>
      <c r="I21582" s="1" t="s">
        <v>75467</v>
      </c>
      <c r="J21582" s="1" t="s">
        <v>77175</v>
      </c>
    </row>
    <row r="21583" spans="1:10" x14ac:dyDescent="0.35">
      <c r="A21583" s="1" t="s">
        <v>7297</v>
      </c>
      <c r="B21583" s="1" t="s">
        <v>75461</v>
      </c>
      <c r="C21583" s="1" t="s">
        <v>170</v>
      </c>
      <c r="D21583" s="1" t="s">
        <v>77176</v>
      </c>
      <c r="E21583" s="1" t="s">
        <v>77177</v>
      </c>
      <c r="F21583" s="1" t="s">
        <v>77178</v>
      </c>
      <c r="G21583" s="1" t="s">
        <v>77057</v>
      </c>
      <c r="H21583" s="1" t="s">
        <v>77058</v>
      </c>
      <c r="I21583" s="1" t="s">
        <v>75467</v>
      </c>
      <c r="J21583" s="1" t="s">
        <v>77179</v>
      </c>
    </row>
    <row r="21584" spans="1:10" x14ac:dyDescent="0.35">
      <c r="A21584" s="1" t="s">
        <v>77180</v>
      </c>
      <c r="B21584" s="1" t="s">
        <v>75461</v>
      </c>
      <c r="C21584" s="1" t="s">
        <v>8</v>
      </c>
      <c r="D21584" s="1" t="s">
        <v>18752</v>
      </c>
      <c r="E21584" s="1" t="s">
        <v>77181</v>
      </c>
      <c r="F21584" s="1" t="s">
        <v>77182</v>
      </c>
      <c r="G21584" s="1" t="s">
        <v>77183</v>
      </c>
      <c r="H21584" s="1" t="s">
        <v>77184</v>
      </c>
      <c r="I21584" s="1" t="s">
        <v>75467</v>
      </c>
      <c r="J21584" s="1" t="s">
        <v>13</v>
      </c>
    </row>
    <row r="21585" spans="1:10" x14ac:dyDescent="0.35">
      <c r="A21585" s="1" t="s">
        <v>77180</v>
      </c>
      <c r="B21585" s="1" t="s">
        <v>75461</v>
      </c>
      <c r="C21585" s="1" t="s">
        <v>15</v>
      </c>
      <c r="D21585" s="1" t="s">
        <v>77185</v>
      </c>
      <c r="E21585" s="1" t="s">
        <v>77186</v>
      </c>
      <c r="F21585" s="1" t="s">
        <v>77187</v>
      </c>
      <c r="G21585" s="1" t="s">
        <v>77183</v>
      </c>
      <c r="H21585" s="1" t="s">
        <v>77184</v>
      </c>
      <c r="I21585" s="1" t="s">
        <v>75467</v>
      </c>
      <c r="J21585" s="1" t="s">
        <v>77188</v>
      </c>
    </row>
    <row r="21586" spans="1:10" x14ac:dyDescent="0.35">
      <c r="A21586" s="1" t="s">
        <v>77180</v>
      </c>
      <c r="B21586" s="1" t="s">
        <v>75461</v>
      </c>
      <c r="C21586" s="1" t="s">
        <v>20</v>
      </c>
      <c r="D21586" s="1" t="s">
        <v>77189</v>
      </c>
      <c r="E21586" s="1" t="s">
        <v>77190</v>
      </c>
      <c r="F21586" s="1" t="s">
        <v>77191</v>
      </c>
      <c r="G21586" s="1" t="s">
        <v>77183</v>
      </c>
      <c r="H21586" s="1" t="s">
        <v>77184</v>
      </c>
      <c r="I21586" s="1" t="s">
        <v>75467</v>
      </c>
      <c r="J21586" s="1" t="s">
        <v>77192</v>
      </c>
    </row>
    <row r="21587" spans="1:10" x14ac:dyDescent="0.35">
      <c r="A21587" s="1" t="s">
        <v>77180</v>
      </c>
      <c r="B21587" s="1" t="s">
        <v>75461</v>
      </c>
      <c r="C21587" s="1" t="s">
        <v>25</v>
      </c>
      <c r="D21587" s="1" t="s">
        <v>77193</v>
      </c>
      <c r="E21587" s="1" t="s">
        <v>77194</v>
      </c>
      <c r="F21587" s="1" t="s">
        <v>77195</v>
      </c>
      <c r="G21587" s="1" t="s">
        <v>77183</v>
      </c>
      <c r="H21587" s="1" t="s">
        <v>77184</v>
      </c>
      <c r="I21587" s="1" t="s">
        <v>75467</v>
      </c>
      <c r="J21587" s="1" t="s">
        <v>77196</v>
      </c>
    </row>
    <row r="21588" spans="1:10" x14ac:dyDescent="0.35">
      <c r="A21588" s="1" t="s">
        <v>77180</v>
      </c>
      <c r="B21588" s="1" t="s">
        <v>75461</v>
      </c>
      <c r="C21588" s="1" t="s">
        <v>30</v>
      </c>
      <c r="D21588" s="1" t="s">
        <v>77197</v>
      </c>
      <c r="E21588" s="1" t="s">
        <v>77198</v>
      </c>
      <c r="F21588" s="1" t="s">
        <v>77199</v>
      </c>
      <c r="G21588" s="1" t="s">
        <v>77183</v>
      </c>
      <c r="H21588" s="1" t="s">
        <v>77184</v>
      </c>
      <c r="I21588" s="1" t="s">
        <v>75467</v>
      </c>
      <c r="J21588" s="1" t="s">
        <v>77200</v>
      </c>
    </row>
    <row r="21589" spans="1:10" x14ac:dyDescent="0.35">
      <c r="A21589" s="1" t="s">
        <v>77180</v>
      </c>
      <c r="B21589" s="1" t="s">
        <v>75461</v>
      </c>
      <c r="C21589" s="1" t="s">
        <v>35</v>
      </c>
      <c r="D21589" s="1" t="s">
        <v>77201</v>
      </c>
      <c r="E21589" s="1" t="s">
        <v>77202</v>
      </c>
      <c r="F21589" s="1" t="s">
        <v>77203</v>
      </c>
      <c r="G21589" s="1" t="s">
        <v>77183</v>
      </c>
      <c r="H21589" s="1" t="s">
        <v>77184</v>
      </c>
      <c r="I21589" s="1" t="s">
        <v>75467</v>
      </c>
      <c r="J21589" s="1" t="s">
        <v>77204</v>
      </c>
    </row>
    <row r="21590" spans="1:10" x14ac:dyDescent="0.35">
      <c r="A21590" s="1" t="s">
        <v>77180</v>
      </c>
      <c r="B21590" s="1" t="s">
        <v>75461</v>
      </c>
      <c r="C21590" s="1" t="s">
        <v>40</v>
      </c>
      <c r="D21590" s="1" t="s">
        <v>77205</v>
      </c>
      <c r="E21590" s="1" t="s">
        <v>77206</v>
      </c>
      <c r="F21590" s="1" t="s">
        <v>77207</v>
      </c>
      <c r="G21590" s="1" t="s">
        <v>77183</v>
      </c>
      <c r="H21590" s="1" t="s">
        <v>77184</v>
      </c>
      <c r="I21590" s="1" t="s">
        <v>75467</v>
      </c>
      <c r="J21590" s="1" t="s">
        <v>77208</v>
      </c>
    </row>
    <row r="21591" spans="1:10" x14ac:dyDescent="0.35">
      <c r="A21591" s="1" t="s">
        <v>77180</v>
      </c>
      <c r="B21591" s="1" t="s">
        <v>75461</v>
      </c>
      <c r="C21591" s="1" t="s">
        <v>45</v>
      </c>
      <c r="D21591" s="1" t="s">
        <v>77209</v>
      </c>
      <c r="E21591" s="1" t="s">
        <v>77210</v>
      </c>
      <c r="F21591" s="1" t="s">
        <v>77211</v>
      </c>
      <c r="G21591" s="1" t="s">
        <v>77183</v>
      </c>
      <c r="H21591" s="1" t="s">
        <v>77184</v>
      </c>
      <c r="I21591" s="1" t="s">
        <v>75467</v>
      </c>
      <c r="J21591" s="1" t="s">
        <v>77212</v>
      </c>
    </row>
    <row r="21592" spans="1:10" x14ac:dyDescent="0.35">
      <c r="A21592" s="1" t="s">
        <v>77180</v>
      </c>
      <c r="B21592" s="1" t="s">
        <v>75461</v>
      </c>
      <c r="C21592" s="1" t="s">
        <v>50</v>
      </c>
      <c r="D21592" s="1" t="s">
        <v>77213</v>
      </c>
      <c r="E21592" s="1" t="s">
        <v>77214</v>
      </c>
      <c r="F21592" s="1" t="s">
        <v>77215</v>
      </c>
      <c r="G21592" s="1" t="s">
        <v>77183</v>
      </c>
      <c r="H21592" s="1" t="s">
        <v>77184</v>
      </c>
      <c r="I21592" s="1" t="s">
        <v>75467</v>
      </c>
      <c r="J21592" s="1" t="s">
        <v>77216</v>
      </c>
    </row>
    <row r="21593" spans="1:10" x14ac:dyDescent="0.35">
      <c r="A21593" s="1" t="s">
        <v>77180</v>
      </c>
      <c r="B21593" s="1" t="s">
        <v>75461</v>
      </c>
      <c r="C21593" s="1" t="s">
        <v>55</v>
      </c>
      <c r="D21593" s="1" t="s">
        <v>77217</v>
      </c>
      <c r="E21593" s="1" t="s">
        <v>77218</v>
      </c>
      <c r="F21593" s="1" t="s">
        <v>77219</v>
      </c>
      <c r="G21593" s="1" t="s">
        <v>77183</v>
      </c>
      <c r="H21593" s="1" t="s">
        <v>77184</v>
      </c>
      <c r="I21593" s="1" t="s">
        <v>75467</v>
      </c>
      <c r="J21593" s="1" t="s">
        <v>77220</v>
      </c>
    </row>
    <row r="21594" spans="1:10" x14ac:dyDescent="0.35">
      <c r="A21594" s="1" t="s">
        <v>77180</v>
      </c>
      <c r="B21594" s="1" t="s">
        <v>75461</v>
      </c>
      <c r="C21594" s="1" t="s">
        <v>60</v>
      </c>
      <c r="D21594" s="1" t="s">
        <v>77221</v>
      </c>
      <c r="E21594" s="1" t="s">
        <v>77222</v>
      </c>
      <c r="F21594" s="1" t="s">
        <v>77223</v>
      </c>
      <c r="G21594" s="1" t="s">
        <v>77183</v>
      </c>
      <c r="H21594" s="1" t="s">
        <v>77184</v>
      </c>
      <c r="I21594" s="1" t="s">
        <v>75467</v>
      </c>
      <c r="J21594" s="1" t="s">
        <v>77224</v>
      </c>
    </row>
    <row r="21595" spans="1:10" x14ac:dyDescent="0.35">
      <c r="A21595" s="1" t="s">
        <v>77180</v>
      </c>
      <c r="B21595" s="1" t="s">
        <v>75461</v>
      </c>
      <c r="C21595" s="1" t="s">
        <v>65</v>
      </c>
      <c r="D21595" s="1" t="s">
        <v>77225</v>
      </c>
      <c r="E21595" s="1" t="s">
        <v>77226</v>
      </c>
      <c r="F21595" s="1" t="s">
        <v>77227</v>
      </c>
      <c r="G21595" s="1" t="s">
        <v>77183</v>
      </c>
      <c r="H21595" s="1" t="s">
        <v>77184</v>
      </c>
      <c r="I21595" s="1" t="s">
        <v>75467</v>
      </c>
      <c r="J21595" s="1" t="s">
        <v>77228</v>
      </c>
    </row>
    <row r="21596" spans="1:10" x14ac:dyDescent="0.35">
      <c r="A21596" s="1" t="s">
        <v>77180</v>
      </c>
      <c r="B21596" s="1" t="s">
        <v>75461</v>
      </c>
      <c r="C21596" s="1" t="s">
        <v>70</v>
      </c>
      <c r="D21596" s="1" t="s">
        <v>77229</v>
      </c>
      <c r="E21596" s="1" t="s">
        <v>77230</v>
      </c>
      <c r="F21596" s="1" t="s">
        <v>77231</v>
      </c>
      <c r="G21596" s="1" t="s">
        <v>77183</v>
      </c>
      <c r="H21596" s="1" t="s">
        <v>77184</v>
      </c>
      <c r="I21596" s="1" t="s">
        <v>75467</v>
      </c>
      <c r="J21596" s="1" t="s">
        <v>77232</v>
      </c>
    </row>
    <row r="21597" spans="1:10" x14ac:dyDescent="0.35">
      <c r="A21597" s="1" t="s">
        <v>77180</v>
      </c>
      <c r="B21597" s="1" t="s">
        <v>75461</v>
      </c>
      <c r="C21597" s="1" t="s">
        <v>75</v>
      </c>
      <c r="D21597" s="1" t="s">
        <v>77233</v>
      </c>
      <c r="E21597" s="1" t="s">
        <v>77234</v>
      </c>
      <c r="F21597" s="1" t="s">
        <v>77235</v>
      </c>
      <c r="G21597" s="1" t="s">
        <v>77183</v>
      </c>
      <c r="H21597" s="1" t="s">
        <v>77184</v>
      </c>
      <c r="I21597" s="1" t="s">
        <v>75467</v>
      </c>
      <c r="J21597" s="1" t="s">
        <v>77236</v>
      </c>
    </row>
    <row r="21598" spans="1:10" x14ac:dyDescent="0.35">
      <c r="A21598" s="1" t="s">
        <v>77180</v>
      </c>
      <c r="B21598" s="1" t="s">
        <v>75461</v>
      </c>
      <c r="C21598" s="1" t="s">
        <v>80</v>
      </c>
      <c r="D21598" s="1" t="s">
        <v>77237</v>
      </c>
      <c r="E21598" s="1" t="s">
        <v>77238</v>
      </c>
      <c r="F21598" s="1" t="s">
        <v>77239</v>
      </c>
      <c r="G21598" s="1" t="s">
        <v>77183</v>
      </c>
      <c r="H21598" s="1" t="s">
        <v>77184</v>
      </c>
      <c r="I21598" s="1" t="s">
        <v>75467</v>
      </c>
      <c r="J21598" s="1" t="s">
        <v>77240</v>
      </c>
    </row>
    <row r="21599" spans="1:10" x14ac:dyDescent="0.35">
      <c r="A21599" s="1" t="s">
        <v>77180</v>
      </c>
      <c r="B21599" s="1" t="s">
        <v>75461</v>
      </c>
      <c r="C21599" s="1" t="s">
        <v>85</v>
      </c>
      <c r="D21599" s="1" t="s">
        <v>77241</v>
      </c>
      <c r="E21599" s="1" t="s">
        <v>77242</v>
      </c>
      <c r="F21599" s="1" t="s">
        <v>77243</v>
      </c>
      <c r="G21599" s="1" t="s">
        <v>77183</v>
      </c>
      <c r="H21599" s="1" t="s">
        <v>77184</v>
      </c>
      <c r="I21599" s="1" t="s">
        <v>75467</v>
      </c>
      <c r="J21599" s="1" t="s">
        <v>77244</v>
      </c>
    </row>
    <row r="21600" spans="1:10" x14ac:dyDescent="0.35">
      <c r="A21600" s="1" t="s">
        <v>77180</v>
      </c>
      <c r="B21600" s="1" t="s">
        <v>75461</v>
      </c>
      <c r="C21600" s="1" t="s">
        <v>90</v>
      </c>
      <c r="D21600" s="1" t="s">
        <v>69534</v>
      </c>
      <c r="E21600" s="1" t="s">
        <v>77245</v>
      </c>
      <c r="F21600" s="1" t="s">
        <v>77246</v>
      </c>
      <c r="G21600" s="1" t="s">
        <v>77183</v>
      </c>
      <c r="H21600" s="1" t="s">
        <v>77184</v>
      </c>
      <c r="I21600" s="1" t="s">
        <v>75467</v>
      </c>
      <c r="J21600" s="1" t="s">
        <v>77247</v>
      </c>
    </row>
    <row r="21601" spans="1:10" x14ac:dyDescent="0.35">
      <c r="A21601" s="1" t="s">
        <v>77180</v>
      </c>
      <c r="B21601" s="1" t="s">
        <v>75461</v>
      </c>
      <c r="C21601" s="1" t="s">
        <v>95</v>
      </c>
      <c r="D21601" s="1" t="s">
        <v>77248</v>
      </c>
      <c r="E21601" s="1" t="s">
        <v>77249</v>
      </c>
      <c r="F21601" s="1" t="s">
        <v>77250</v>
      </c>
      <c r="G21601" s="1" t="s">
        <v>77183</v>
      </c>
      <c r="H21601" s="1" t="s">
        <v>77184</v>
      </c>
      <c r="I21601" s="1" t="s">
        <v>75467</v>
      </c>
      <c r="J21601" s="1" t="s">
        <v>77251</v>
      </c>
    </row>
    <row r="21602" spans="1:10" x14ac:dyDescent="0.35">
      <c r="A21602" s="1" t="s">
        <v>77180</v>
      </c>
      <c r="B21602" s="1" t="s">
        <v>75461</v>
      </c>
      <c r="C21602" s="1" t="s">
        <v>100</v>
      </c>
      <c r="D21602" s="1" t="s">
        <v>77252</v>
      </c>
      <c r="E21602" s="1" t="s">
        <v>77253</v>
      </c>
      <c r="F21602" s="1" t="s">
        <v>77254</v>
      </c>
      <c r="G21602" s="1" t="s">
        <v>77183</v>
      </c>
      <c r="H21602" s="1" t="s">
        <v>77184</v>
      </c>
      <c r="I21602" s="1" t="s">
        <v>75467</v>
      </c>
      <c r="J21602" s="1" t="s">
        <v>77255</v>
      </c>
    </row>
    <row r="21603" spans="1:10" x14ac:dyDescent="0.35">
      <c r="A21603" s="1" t="s">
        <v>77180</v>
      </c>
      <c r="B21603" s="1" t="s">
        <v>75461</v>
      </c>
      <c r="C21603" s="1" t="s">
        <v>105</v>
      </c>
      <c r="D21603" s="1" t="s">
        <v>77256</v>
      </c>
      <c r="E21603" s="1" t="s">
        <v>77257</v>
      </c>
      <c r="F21603" s="1" t="s">
        <v>77258</v>
      </c>
      <c r="G21603" s="1" t="s">
        <v>77183</v>
      </c>
      <c r="H21603" s="1" t="s">
        <v>77184</v>
      </c>
      <c r="I21603" s="1" t="s">
        <v>75467</v>
      </c>
      <c r="J21603" s="1" t="s">
        <v>77259</v>
      </c>
    </row>
    <row r="21604" spans="1:10" x14ac:dyDescent="0.35">
      <c r="A21604" s="1" t="s">
        <v>77180</v>
      </c>
      <c r="B21604" s="1" t="s">
        <v>75461</v>
      </c>
      <c r="C21604" s="1" t="s">
        <v>110</v>
      </c>
      <c r="D21604" s="1" t="s">
        <v>77260</v>
      </c>
      <c r="E21604" s="1" t="s">
        <v>77261</v>
      </c>
      <c r="F21604" s="1" t="s">
        <v>77262</v>
      </c>
      <c r="G21604" s="1" t="s">
        <v>77183</v>
      </c>
      <c r="H21604" s="1" t="s">
        <v>77184</v>
      </c>
      <c r="I21604" s="1" t="s">
        <v>75467</v>
      </c>
      <c r="J21604" s="1" t="s">
        <v>77263</v>
      </c>
    </row>
    <row r="21605" spans="1:10" x14ac:dyDescent="0.35">
      <c r="A21605" s="1" t="s">
        <v>77180</v>
      </c>
      <c r="B21605" s="1" t="s">
        <v>75461</v>
      </c>
      <c r="C21605" s="1" t="s">
        <v>115</v>
      </c>
      <c r="D21605" s="1" t="s">
        <v>77264</v>
      </c>
      <c r="E21605" s="1" t="s">
        <v>77265</v>
      </c>
      <c r="F21605" s="1" t="s">
        <v>77266</v>
      </c>
      <c r="G21605" s="1" t="s">
        <v>77183</v>
      </c>
      <c r="H21605" s="1" t="s">
        <v>77184</v>
      </c>
      <c r="I21605" s="1" t="s">
        <v>75467</v>
      </c>
      <c r="J21605" s="1" t="s">
        <v>77267</v>
      </c>
    </row>
    <row r="21606" spans="1:10" x14ac:dyDescent="0.35">
      <c r="A21606" s="1" t="s">
        <v>77180</v>
      </c>
      <c r="B21606" s="1" t="s">
        <v>75461</v>
      </c>
      <c r="C21606" s="1" t="s">
        <v>120</v>
      </c>
      <c r="D21606" s="1" t="s">
        <v>77268</v>
      </c>
      <c r="E21606" s="1" t="s">
        <v>77269</v>
      </c>
      <c r="F21606" s="1" t="s">
        <v>77270</v>
      </c>
      <c r="G21606" s="1" t="s">
        <v>77183</v>
      </c>
      <c r="H21606" s="1" t="s">
        <v>77184</v>
      </c>
      <c r="I21606" s="1" t="s">
        <v>75467</v>
      </c>
      <c r="J21606" s="1" t="s">
        <v>77271</v>
      </c>
    </row>
    <row r="21607" spans="1:10" x14ac:dyDescent="0.35">
      <c r="A21607" s="1" t="s">
        <v>77180</v>
      </c>
      <c r="B21607" s="1" t="s">
        <v>75461</v>
      </c>
      <c r="C21607" s="1" t="s">
        <v>125</v>
      </c>
      <c r="D21607" s="1" t="s">
        <v>77272</v>
      </c>
      <c r="E21607" s="1" t="s">
        <v>77273</v>
      </c>
      <c r="F21607" s="1" t="s">
        <v>77274</v>
      </c>
      <c r="G21607" s="1" t="s">
        <v>77183</v>
      </c>
      <c r="H21607" s="1" t="s">
        <v>77184</v>
      </c>
      <c r="I21607" s="1" t="s">
        <v>75467</v>
      </c>
      <c r="J21607" s="1" t="s">
        <v>77275</v>
      </c>
    </row>
    <row r="21608" spans="1:10" x14ac:dyDescent="0.35">
      <c r="A21608" s="1" t="s">
        <v>77180</v>
      </c>
      <c r="B21608" s="1" t="s">
        <v>75461</v>
      </c>
      <c r="C21608" s="1" t="s">
        <v>130</v>
      </c>
      <c r="D21608" s="1" t="s">
        <v>20545</v>
      </c>
      <c r="E21608" s="1" t="s">
        <v>77276</v>
      </c>
      <c r="F21608" s="1" t="s">
        <v>77277</v>
      </c>
      <c r="G21608" s="1" t="s">
        <v>77183</v>
      </c>
      <c r="H21608" s="1" t="s">
        <v>77184</v>
      </c>
      <c r="I21608" s="1" t="s">
        <v>75467</v>
      </c>
      <c r="J21608" s="1" t="s">
        <v>77278</v>
      </c>
    </row>
    <row r="21609" spans="1:10" x14ac:dyDescent="0.35">
      <c r="A21609" s="1" t="s">
        <v>77180</v>
      </c>
      <c r="B21609" s="1" t="s">
        <v>75461</v>
      </c>
      <c r="C21609" s="1" t="s">
        <v>135</v>
      </c>
      <c r="D21609" s="1" t="s">
        <v>77279</v>
      </c>
      <c r="E21609" s="1" t="s">
        <v>77280</v>
      </c>
      <c r="F21609" s="1" t="s">
        <v>77281</v>
      </c>
      <c r="G21609" s="1" t="s">
        <v>77183</v>
      </c>
      <c r="H21609" s="1" t="s">
        <v>77184</v>
      </c>
      <c r="I21609" s="1" t="s">
        <v>75467</v>
      </c>
      <c r="J21609" s="1" t="s">
        <v>77282</v>
      </c>
    </row>
    <row r="21610" spans="1:10" x14ac:dyDescent="0.35">
      <c r="A21610" s="1" t="s">
        <v>77180</v>
      </c>
      <c r="B21610" s="1" t="s">
        <v>75461</v>
      </c>
      <c r="C21610" s="1" t="s">
        <v>140</v>
      </c>
      <c r="D21610" s="1" t="s">
        <v>77283</v>
      </c>
      <c r="E21610" s="1" t="s">
        <v>77284</v>
      </c>
      <c r="F21610" s="1" t="s">
        <v>77285</v>
      </c>
      <c r="G21610" s="1" t="s">
        <v>77183</v>
      </c>
      <c r="H21610" s="1" t="s">
        <v>77184</v>
      </c>
      <c r="I21610" s="1" t="s">
        <v>75467</v>
      </c>
      <c r="J21610" s="1" t="s">
        <v>77286</v>
      </c>
    </row>
    <row r="21611" spans="1:10" x14ac:dyDescent="0.35">
      <c r="A21611" s="1" t="s">
        <v>77180</v>
      </c>
      <c r="B21611" s="1" t="s">
        <v>75461</v>
      </c>
      <c r="C21611" s="1" t="s">
        <v>145</v>
      </c>
      <c r="D21611" s="1" t="s">
        <v>77287</v>
      </c>
      <c r="E21611" s="1" t="s">
        <v>77288</v>
      </c>
      <c r="F21611" s="1" t="s">
        <v>77289</v>
      </c>
      <c r="G21611" s="1" t="s">
        <v>77183</v>
      </c>
      <c r="H21611" s="1" t="s">
        <v>77184</v>
      </c>
      <c r="I21611" s="1" t="s">
        <v>75467</v>
      </c>
      <c r="J21611" s="1" t="s">
        <v>77290</v>
      </c>
    </row>
    <row r="21612" spans="1:10" x14ac:dyDescent="0.35">
      <c r="A21612" s="1" t="s">
        <v>77180</v>
      </c>
      <c r="B21612" s="1" t="s">
        <v>75461</v>
      </c>
      <c r="C21612" s="1" t="s">
        <v>150</v>
      </c>
      <c r="D21612" s="1" t="s">
        <v>53846</v>
      </c>
      <c r="E21612" s="1" t="s">
        <v>77291</v>
      </c>
      <c r="F21612" s="1" t="s">
        <v>77292</v>
      </c>
      <c r="G21612" s="1" t="s">
        <v>77183</v>
      </c>
      <c r="H21612" s="1" t="s">
        <v>77184</v>
      </c>
      <c r="I21612" s="1" t="s">
        <v>75467</v>
      </c>
      <c r="J21612" s="1" t="s">
        <v>77293</v>
      </c>
    </row>
    <row r="21613" spans="1:10" x14ac:dyDescent="0.35">
      <c r="A21613" s="1" t="s">
        <v>77180</v>
      </c>
      <c r="B21613" s="1" t="s">
        <v>75461</v>
      </c>
      <c r="C21613" s="1" t="s">
        <v>155</v>
      </c>
      <c r="D21613" s="1" t="s">
        <v>77294</v>
      </c>
      <c r="E21613" s="1" t="s">
        <v>77295</v>
      </c>
      <c r="F21613" s="1" t="s">
        <v>77296</v>
      </c>
      <c r="G21613" s="1" t="s">
        <v>77183</v>
      </c>
      <c r="H21613" s="1" t="s">
        <v>77184</v>
      </c>
      <c r="I21613" s="1" t="s">
        <v>75467</v>
      </c>
      <c r="J21613" s="1" t="s">
        <v>77297</v>
      </c>
    </row>
    <row r="21614" spans="1:10" x14ac:dyDescent="0.35">
      <c r="A21614" s="1" t="s">
        <v>77180</v>
      </c>
      <c r="B21614" s="1" t="s">
        <v>75461</v>
      </c>
      <c r="C21614" s="1" t="s">
        <v>160</v>
      </c>
      <c r="D21614" s="1" t="s">
        <v>77298</v>
      </c>
      <c r="E21614" s="1" t="s">
        <v>77299</v>
      </c>
      <c r="F21614" s="1" t="s">
        <v>77300</v>
      </c>
      <c r="G21614" s="1" t="s">
        <v>77183</v>
      </c>
      <c r="H21614" s="1" t="s">
        <v>77184</v>
      </c>
      <c r="I21614" s="1" t="s">
        <v>75467</v>
      </c>
      <c r="J21614" s="1" t="s">
        <v>77301</v>
      </c>
    </row>
    <row r="21615" spans="1:10" x14ac:dyDescent="0.35">
      <c r="A21615" s="1" t="s">
        <v>77180</v>
      </c>
      <c r="B21615" s="1" t="s">
        <v>75461</v>
      </c>
      <c r="C21615" s="1" t="s">
        <v>165</v>
      </c>
      <c r="D21615" s="1" t="s">
        <v>56245</v>
      </c>
      <c r="E21615" s="1" t="s">
        <v>77302</v>
      </c>
      <c r="F21615" s="1" t="s">
        <v>77303</v>
      </c>
      <c r="G21615" s="1" t="s">
        <v>77183</v>
      </c>
      <c r="H21615" s="1" t="s">
        <v>77184</v>
      </c>
      <c r="I21615" s="1" t="s">
        <v>75467</v>
      </c>
      <c r="J21615" s="1" t="s">
        <v>77304</v>
      </c>
    </row>
    <row r="21616" spans="1:10" x14ac:dyDescent="0.35">
      <c r="A21616" s="1" t="s">
        <v>77180</v>
      </c>
      <c r="B21616" s="1" t="s">
        <v>75461</v>
      </c>
      <c r="C21616" s="1" t="s">
        <v>170</v>
      </c>
      <c r="D21616" s="1" t="s">
        <v>63335</v>
      </c>
      <c r="E21616" s="1" t="s">
        <v>77305</v>
      </c>
      <c r="F21616" s="1" t="s">
        <v>77306</v>
      </c>
      <c r="G21616" s="1" t="s">
        <v>77183</v>
      </c>
      <c r="H21616" s="1" t="s">
        <v>77184</v>
      </c>
      <c r="I21616" s="1" t="s">
        <v>75467</v>
      </c>
      <c r="J21616" s="1" t="s">
        <v>77307</v>
      </c>
    </row>
    <row r="21617" spans="1:10" x14ac:dyDescent="0.35">
      <c r="A21617" s="1" t="s">
        <v>7006</v>
      </c>
      <c r="B21617" s="1" t="s">
        <v>75461</v>
      </c>
      <c r="C21617" s="1" t="s">
        <v>8</v>
      </c>
      <c r="D21617" s="1" t="s">
        <v>77308</v>
      </c>
      <c r="E21617" s="1" t="s">
        <v>77309</v>
      </c>
      <c r="F21617" s="1" t="s">
        <v>77310</v>
      </c>
      <c r="G21617" s="1" t="s">
        <v>77311</v>
      </c>
      <c r="H21617" s="1" t="s">
        <v>77312</v>
      </c>
      <c r="I21617" s="1" t="s">
        <v>75467</v>
      </c>
      <c r="J21617" s="1" t="s">
        <v>13</v>
      </c>
    </row>
    <row r="21618" spans="1:10" x14ac:dyDescent="0.35">
      <c r="A21618" s="1" t="s">
        <v>7006</v>
      </c>
      <c r="B21618" s="1" t="s">
        <v>75461</v>
      </c>
      <c r="C21618" s="1" t="s">
        <v>15</v>
      </c>
      <c r="D21618" s="1" t="s">
        <v>77313</v>
      </c>
      <c r="E21618" s="1" t="s">
        <v>77314</v>
      </c>
      <c r="F21618" s="1" t="s">
        <v>77315</v>
      </c>
      <c r="G21618" s="1" t="s">
        <v>77311</v>
      </c>
      <c r="H21618" s="1" t="s">
        <v>77312</v>
      </c>
      <c r="I21618" s="1" t="s">
        <v>75467</v>
      </c>
      <c r="J21618" s="1" t="s">
        <v>77316</v>
      </c>
    </row>
    <row r="21619" spans="1:10" x14ac:dyDescent="0.35">
      <c r="A21619" s="1" t="s">
        <v>7006</v>
      </c>
      <c r="B21619" s="1" t="s">
        <v>75461</v>
      </c>
      <c r="C21619" s="1" t="s">
        <v>20</v>
      </c>
      <c r="D21619" s="1" t="s">
        <v>60300</v>
      </c>
      <c r="E21619" s="1" t="s">
        <v>77317</v>
      </c>
      <c r="F21619" s="1" t="s">
        <v>77318</v>
      </c>
      <c r="G21619" s="1" t="s">
        <v>77311</v>
      </c>
      <c r="H21619" s="1" t="s">
        <v>77312</v>
      </c>
      <c r="I21619" s="1" t="s">
        <v>75467</v>
      </c>
      <c r="J21619" s="1" t="s">
        <v>77319</v>
      </c>
    </row>
    <row r="21620" spans="1:10" x14ac:dyDescent="0.35">
      <c r="A21620" s="1" t="s">
        <v>7006</v>
      </c>
      <c r="B21620" s="1" t="s">
        <v>75461</v>
      </c>
      <c r="C21620" s="1" t="s">
        <v>25</v>
      </c>
      <c r="D21620" s="1" t="s">
        <v>77320</v>
      </c>
      <c r="E21620" s="1" t="s">
        <v>77321</v>
      </c>
      <c r="F21620" s="1" t="s">
        <v>77322</v>
      </c>
      <c r="G21620" s="1" t="s">
        <v>77311</v>
      </c>
      <c r="H21620" s="1" t="s">
        <v>77312</v>
      </c>
      <c r="I21620" s="1" t="s">
        <v>75467</v>
      </c>
      <c r="J21620" s="1" t="s">
        <v>77323</v>
      </c>
    </row>
    <row r="21621" spans="1:10" x14ac:dyDescent="0.35">
      <c r="A21621" s="1" t="s">
        <v>7006</v>
      </c>
      <c r="B21621" s="1" t="s">
        <v>75461</v>
      </c>
      <c r="C21621" s="1" t="s">
        <v>30</v>
      </c>
      <c r="D21621" s="1" t="s">
        <v>3320</v>
      </c>
      <c r="E21621" s="1" t="s">
        <v>77324</v>
      </c>
      <c r="F21621" s="1" t="s">
        <v>77325</v>
      </c>
      <c r="G21621" s="1" t="s">
        <v>77311</v>
      </c>
      <c r="H21621" s="1" t="s">
        <v>77312</v>
      </c>
      <c r="I21621" s="1" t="s">
        <v>75467</v>
      </c>
      <c r="J21621" s="1" t="s">
        <v>77326</v>
      </c>
    </row>
    <row r="21622" spans="1:10" x14ac:dyDescent="0.35">
      <c r="A21622" s="1" t="s">
        <v>7006</v>
      </c>
      <c r="B21622" s="1" t="s">
        <v>75461</v>
      </c>
      <c r="C21622" s="1" t="s">
        <v>35</v>
      </c>
      <c r="D21622" s="1" t="s">
        <v>77327</v>
      </c>
      <c r="E21622" s="1" t="s">
        <v>77328</v>
      </c>
      <c r="F21622" s="1" t="s">
        <v>77329</v>
      </c>
      <c r="G21622" s="1" t="s">
        <v>77311</v>
      </c>
      <c r="H21622" s="1" t="s">
        <v>77312</v>
      </c>
      <c r="I21622" s="1" t="s">
        <v>75467</v>
      </c>
      <c r="J21622" s="1" t="s">
        <v>77330</v>
      </c>
    </row>
    <row r="21623" spans="1:10" x14ac:dyDescent="0.35">
      <c r="A21623" s="1" t="s">
        <v>7006</v>
      </c>
      <c r="B21623" s="1" t="s">
        <v>75461</v>
      </c>
      <c r="C21623" s="1" t="s">
        <v>40</v>
      </c>
      <c r="D21623" s="1" t="s">
        <v>77331</v>
      </c>
      <c r="E21623" s="1" t="s">
        <v>77332</v>
      </c>
      <c r="F21623" s="1" t="s">
        <v>77333</v>
      </c>
      <c r="G21623" s="1" t="s">
        <v>77311</v>
      </c>
      <c r="H21623" s="1" t="s">
        <v>77312</v>
      </c>
      <c r="I21623" s="1" t="s">
        <v>75467</v>
      </c>
      <c r="J21623" s="1" t="s">
        <v>77334</v>
      </c>
    </row>
    <row r="21624" spans="1:10" x14ac:dyDescent="0.35">
      <c r="A21624" s="1" t="s">
        <v>7006</v>
      </c>
      <c r="B21624" s="1" t="s">
        <v>75461</v>
      </c>
      <c r="C21624" s="1" t="s">
        <v>45</v>
      </c>
      <c r="D21624" s="1" t="s">
        <v>77335</v>
      </c>
      <c r="E21624" s="1" t="s">
        <v>77336</v>
      </c>
      <c r="F21624" s="1" t="s">
        <v>77337</v>
      </c>
      <c r="G21624" s="1" t="s">
        <v>77311</v>
      </c>
      <c r="H21624" s="1" t="s">
        <v>77312</v>
      </c>
      <c r="I21624" s="1" t="s">
        <v>75467</v>
      </c>
      <c r="J21624" s="1" t="s">
        <v>77338</v>
      </c>
    </row>
    <row r="21625" spans="1:10" x14ac:dyDescent="0.35">
      <c r="A21625" s="1" t="s">
        <v>7006</v>
      </c>
      <c r="B21625" s="1" t="s">
        <v>75461</v>
      </c>
      <c r="C21625" s="1" t="s">
        <v>50</v>
      </c>
      <c r="D21625" s="1" t="s">
        <v>77339</v>
      </c>
      <c r="E21625" s="1" t="s">
        <v>77340</v>
      </c>
      <c r="F21625" s="1" t="s">
        <v>77341</v>
      </c>
      <c r="G21625" s="1" t="s">
        <v>77311</v>
      </c>
      <c r="H21625" s="1" t="s">
        <v>77312</v>
      </c>
      <c r="I21625" s="1" t="s">
        <v>75467</v>
      </c>
      <c r="J21625" s="1" t="s">
        <v>77342</v>
      </c>
    </row>
    <row r="21626" spans="1:10" x14ac:dyDescent="0.35">
      <c r="A21626" s="1" t="s">
        <v>7006</v>
      </c>
      <c r="B21626" s="1" t="s">
        <v>75461</v>
      </c>
      <c r="C21626" s="1" t="s">
        <v>55</v>
      </c>
      <c r="D21626" s="1" t="s">
        <v>77343</v>
      </c>
      <c r="E21626" s="1" t="s">
        <v>77344</v>
      </c>
      <c r="F21626" s="1" t="s">
        <v>77345</v>
      </c>
      <c r="G21626" s="1" t="s">
        <v>77311</v>
      </c>
      <c r="H21626" s="1" t="s">
        <v>77312</v>
      </c>
      <c r="I21626" s="1" t="s">
        <v>75467</v>
      </c>
      <c r="J21626" s="1" t="s">
        <v>77346</v>
      </c>
    </row>
    <row r="21627" spans="1:10" x14ac:dyDescent="0.35">
      <c r="A21627" s="1" t="s">
        <v>7006</v>
      </c>
      <c r="B21627" s="1" t="s">
        <v>75461</v>
      </c>
      <c r="C21627" s="1" t="s">
        <v>60</v>
      </c>
      <c r="D21627" s="1" t="s">
        <v>77347</v>
      </c>
      <c r="E21627" s="1" t="s">
        <v>77348</v>
      </c>
      <c r="F21627" s="1" t="s">
        <v>77349</v>
      </c>
      <c r="G21627" s="1" t="s">
        <v>77311</v>
      </c>
      <c r="H21627" s="1" t="s">
        <v>77312</v>
      </c>
      <c r="I21627" s="1" t="s">
        <v>75467</v>
      </c>
      <c r="J21627" s="1" t="s">
        <v>77350</v>
      </c>
    </row>
    <row r="21628" spans="1:10" x14ac:dyDescent="0.35">
      <c r="A21628" s="1" t="s">
        <v>7006</v>
      </c>
      <c r="B21628" s="1" t="s">
        <v>75461</v>
      </c>
      <c r="C21628" s="1" t="s">
        <v>65</v>
      </c>
      <c r="D21628" s="1" t="s">
        <v>77351</v>
      </c>
      <c r="E21628" s="1" t="s">
        <v>77352</v>
      </c>
      <c r="F21628" s="1" t="s">
        <v>77353</v>
      </c>
      <c r="G21628" s="1" t="s">
        <v>77311</v>
      </c>
      <c r="H21628" s="1" t="s">
        <v>77312</v>
      </c>
      <c r="I21628" s="1" t="s">
        <v>75467</v>
      </c>
      <c r="J21628" s="1" t="s">
        <v>77354</v>
      </c>
    </row>
    <row r="21629" spans="1:10" x14ac:dyDescent="0.35">
      <c r="A21629" s="1" t="s">
        <v>7006</v>
      </c>
      <c r="B21629" s="1" t="s">
        <v>75461</v>
      </c>
      <c r="C21629" s="1" t="s">
        <v>70</v>
      </c>
      <c r="D21629" s="1" t="s">
        <v>77355</v>
      </c>
      <c r="E21629" s="1" t="s">
        <v>77356</v>
      </c>
      <c r="F21629" s="1" t="s">
        <v>77357</v>
      </c>
      <c r="G21629" s="1" t="s">
        <v>77311</v>
      </c>
      <c r="H21629" s="1" t="s">
        <v>77312</v>
      </c>
      <c r="I21629" s="1" t="s">
        <v>75467</v>
      </c>
      <c r="J21629" s="1" t="s">
        <v>77358</v>
      </c>
    </row>
    <row r="21630" spans="1:10" x14ac:dyDescent="0.35">
      <c r="A21630" s="1" t="s">
        <v>7006</v>
      </c>
      <c r="B21630" s="1" t="s">
        <v>75461</v>
      </c>
      <c r="C21630" s="1" t="s">
        <v>75</v>
      </c>
      <c r="D21630" s="1" t="s">
        <v>59741</v>
      </c>
      <c r="E21630" s="1" t="s">
        <v>77359</v>
      </c>
      <c r="F21630" s="1" t="s">
        <v>77360</v>
      </c>
      <c r="G21630" s="1" t="s">
        <v>77311</v>
      </c>
      <c r="H21630" s="1" t="s">
        <v>77312</v>
      </c>
      <c r="I21630" s="1" t="s">
        <v>75467</v>
      </c>
      <c r="J21630" s="1" t="s">
        <v>77361</v>
      </c>
    </row>
    <row r="21631" spans="1:10" x14ac:dyDescent="0.35">
      <c r="A21631" s="1" t="s">
        <v>7006</v>
      </c>
      <c r="B21631" s="1" t="s">
        <v>75461</v>
      </c>
      <c r="C21631" s="1" t="s">
        <v>80</v>
      </c>
      <c r="D21631" s="1" t="s">
        <v>77362</v>
      </c>
      <c r="E21631" s="1" t="s">
        <v>77363</v>
      </c>
      <c r="F21631" s="1" t="s">
        <v>77364</v>
      </c>
      <c r="G21631" s="1" t="s">
        <v>77311</v>
      </c>
      <c r="H21631" s="1" t="s">
        <v>77312</v>
      </c>
      <c r="I21631" s="1" t="s">
        <v>75467</v>
      </c>
      <c r="J21631" s="1" t="s">
        <v>77365</v>
      </c>
    </row>
    <row r="21632" spans="1:10" x14ac:dyDescent="0.35">
      <c r="A21632" s="1" t="s">
        <v>7006</v>
      </c>
      <c r="B21632" s="1" t="s">
        <v>75461</v>
      </c>
      <c r="C21632" s="1" t="s">
        <v>85</v>
      </c>
      <c r="D21632" s="1" t="s">
        <v>77366</v>
      </c>
      <c r="E21632" s="1" t="s">
        <v>77367</v>
      </c>
      <c r="F21632" s="1" t="s">
        <v>77368</v>
      </c>
      <c r="G21632" s="1" t="s">
        <v>77311</v>
      </c>
      <c r="H21632" s="1" t="s">
        <v>77312</v>
      </c>
      <c r="I21632" s="1" t="s">
        <v>75467</v>
      </c>
      <c r="J21632" s="1" t="s">
        <v>77369</v>
      </c>
    </row>
    <row r="21633" spans="1:10" x14ac:dyDescent="0.35">
      <c r="A21633" s="1" t="s">
        <v>7006</v>
      </c>
      <c r="B21633" s="1" t="s">
        <v>75461</v>
      </c>
      <c r="C21633" s="1" t="s">
        <v>90</v>
      </c>
      <c r="D21633" s="1" t="s">
        <v>77370</v>
      </c>
      <c r="E21633" s="1" t="s">
        <v>77371</v>
      </c>
      <c r="F21633" s="1" t="s">
        <v>77372</v>
      </c>
      <c r="G21633" s="1" t="s">
        <v>77311</v>
      </c>
      <c r="H21633" s="1" t="s">
        <v>77312</v>
      </c>
      <c r="I21633" s="1" t="s">
        <v>75467</v>
      </c>
      <c r="J21633" s="1" t="s">
        <v>77373</v>
      </c>
    </row>
    <row r="21634" spans="1:10" x14ac:dyDescent="0.35">
      <c r="A21634" s="1" t="s">
        <v>7006</v>
      </c>
      <c r="B21634" s="1" t="s">
        <v>75461</v>
      </c>
      <c r="C21634" s="1" t="s">
        <v>95</v>
      </c>
      <c r="D21634" s="1" t="s">
        <v>5254</v>
      </c>
      <c r="E21634" s="1" t="s">
        <v>77374</v>
      </c>
      <c r="F21634" s="1" t="s">
        <v>77375</v>
      </c>
      <c r="G21634" s="1" t="s">
        <v>77311</v>
      </c>
      <c r="H21634" s="1" t="s">
        <v>77312</v>
      </c>
      <c r="I21634" s="1" t="s">
        <v>75467</v>
      </c>
      <c r="J21634" s="1" t="s">
        <v>77376</v>
      </c>
    </row>
    <row r="21635" spans="1:10" x14ac:dyDescent="0.35">
      <c r="A21635" s="1" t="s">
        <v>7006</v>
      </c>
      <c r="B21635" s="1" t="s">
        <v>75461</v>
      </c>
      <c r="C21635" s="1" t="s">
        <v>100</v>
      </c>
      <c r="D21635" s="1" t="s">
        <v>77377</v>
      </c>
      <c r="E21635" s="1" t="s">
        <v>77378</v>
      </c>
      <c r="F21635" s="1" t="s">
        <v>77379</v>
      </c>
      <c r="G21635" s="1" t="s">
        <v>77311</v>
      </c>
      <c r="H21635" s="1" t="s">
        <v>77312</v>
      </c>
      <c r="I21635" s="1" t="s">
        <v>75467</v>
      </c>
      <c r="J21635" s="1" t="s">
        <v>77380</v>
      </c>
    </row>
    <row r="21636" spans="1:10" x14ac:dyDescent="0.35">
      <c r="A21636" s="1" t="s">
        <v>7006</v>
      </c>
      <c r="B21636" s="1" t="s">
        <v>75461</v>
      </c>
      <c r="C21636" s="1" t="s">
        <v>105</v>
      </c>
      <c r="D21636" s="1" t="s">
        <v>5851</v>
      </c>
      <c r="E21636" s="1" t="s">
        <v>77381</v>
      </c>
      <c r="F21636" s="1" t="s">
        <v>77382</v>
      </c>
      <c r="G21636" s="1" t="s">
        <v>77311</v>
      </c>
      <c r="H21636" s="1" t="s">
        <v>77312</v>
      </c>
      <c r="I21636" s="1" t="s">
        <v>75467</v>
      </c>
      <c r="J21636" s="1" t="s">
        <v>77383</v>
      </c>
    </row>
    <row r="21637" spans="1:10" x14ac:dyDescent="0.35">
      <c r="A21637" s="1" t="s">
        <v>7006</v>
      </c>
      <c r="B21637" s="1" t="s">
        <v>75461</v>
      </c>
      <c r="C21637" s="1" t="s">
        <v>110</v>
      </c>
      <c r="D21637" s="1" t="s">
        <v>77384</v>
      </c>
      <c r="E21637" s="1" t="s">
        <v>77385</v>
      </c>
      <c r="F21637" s="1" t="s">
        <v>77386</v>
      </c>
      <c r="G21637" s="1" t="s">
        <v>77311</v>
      </c>
      <c r="H21637" s="1" t="s">
        <v>77312</v>
      </c>
      <c r="I21637" s="1" t="s">
        <v>75467</v>
      </c>
      <c r="J21637" s="1" t="s">
        <v>77387</v>
      </c>
    </row>
    <row r="21638" spans="1:10" x14ac:dyDescent="0.35">
      <c r="A21638" s="1" t="s">
        <v>7006</v>
      </c>
      <c r="B21638" s="1" t="s">
        <v>75461</v>
      </c>
      <c r="C21638" s="1" t="s">
        <v>115</v>
      </c>
      <c r="D21638" s="1" t="s">
        <v>56396</v>
      </c>
      <c r="E21638" s="1" t="s">
        <v>77388</v>
      </c>
      <c r="F21638" s="1" t="s">
        <v>77389</v>
      </c>
      <c r="G21638" s="1" t="s">
        <v>77311</v>
      </c>
      <c r="H21638" s="1" t="s">
        <v>77312</v>
      </c>
      <c r="I21638" s="1" t="s">
        <v>75467</v>
      </c>
      <c r="J21638" s="1" t="s">
        <v>77390</v>
      </c>
    </row>
    <row r="21639" spans="1:10" x14ac:dyDescent="0.35">
      <c r="A21639" s="1" t="s">
        <v>7006</v>
      </c>
      <c r="B21639" s="1" t="s">
        <v>75461</v>
      </c>
      <c r="C21639" s="1" t="s">
        <v>120</v>
      </c>
      <c r="D21639" s="1" t="s">
        <v>77391</v>
      </c>
      <c r="E21639" s="1" t="s">
        <v>77392</v>
      </c>
      <c r="F21639" s="1" t="s">
        <v>77393</v>
      </c>
      <c r="G21639" s="1" t="s">
        <v>77311</v>
      </c>
      <c r="H21639" s="1" t="s">
        <v>77312</v>
      </c>
      <c r="I21639" s="1" t="s">
        <v>75467</v>
      </c>
      <c r="J21639" s="1" t="s">
        <v>77394</v>
      </c>
    </row>
    <row r="21640" spans="1:10" x14ac:dyDescent="0.35">
      <c r="A21640" s="1" t="s">
        <v>7006</v>
      </c>
      <c r="B21640" s="1" t="s">
        <v>75461</v>
      </c>
      <c r="C21640" s="1" t="s">
        <v>125</v>
      </c>
      <c r="D21640" s="1" t="s">
        <v>77395</v>
      </c>
      <c r="E21640" s="1" t="s">
        <v>77396</v>
      </c>
      <c r="F21640" s="1" t="s">
        <v>77397</v>
      </c>
      <c r="G21640" s="1" t="s">
        <v>77311</v>
      </c>
      <c r="H21640" s="1" t="s">
        <v>77312</v>
      </c>
      <c r="I21640" s="1" t="s">
        <v>75467</v>
      </c>
      <c r="J21640" s="1" t="s">
        <v>77398</v>
      </c>
    </row>
    <row r="21641" spans="1:10" x14ac:dyDescent="0.35">
      <c r="A21641" s="1" t="s">
        <v>7006</v>
      </c>
      <c r="B21641" s="1" t="s">
        <v>75461</v>
      </c>
      <c r="C21641" s="1" t="s">
        <v>130</v>
      </c>
      <c r="D21641" s="1" t="s">
        <v>77399</v>
      </c>
      <c r="E21641" s="1" t="s">
        <v>77400</v>
      </c>
      <c r="F21641" s="1" t="s">
        <v>77401</v>
      </c>
      <c r="G21641" s="1" t="s">
        <v>77311</v>
      </c>
      <c r="H21641" s="1" t="s">
        <v>77312</v>
      </c>
      <c r="I21641" s="1" t="s">
        <v>75467</v>
      </c>
      <c r="J21641" s="1" t="s">
        <v>77402</v>
      </c>
    </row>
    <row r="21642" spans="1:10" x14ac:dyDescent="0.35">
      <c r="A21642" s="1" t="s">
        <v>7006</v>
      </c>
      <c r="B21642" s="1" t="s">
        <v>75461</v>
      </c>
      <c r="C21642" s="1" t="s">
        <v>135</v>
      </c>
      <c r="D21642" s="1" t="s">
        <v>77403</v>
      </c>
      <c r="E21642" s="1" t="s">
        <v>77404</v>
      </c>
      <c r="F21642" s="1" t="s">
        <v>77405</v>
      </c>
      <c r="G21642" s="1" t="s">
        <v>77311</v>
      </c>
      <c r="H21642" s="1" t="s">
        <v>77312</v>
      </c>
      <c r="I21642" s="1" t="s">
        <v>75467</v>
      </c>
      <c r="J21642" s="1" t="s">
        <v>77406</v>
      </c>
    </row>
    <row r="21643" spans="1:10" x14ac:dyDescent="0.35">
      <c r="A21643" s="1" t="s">
        <v>7006</v>
      </c>
      <c r="B21643" s="1" t="s">
        <v>75461</v>
      </c>
      <c r="C21643" s="1" t="s">
        <v>140</v>
      </c>
      <c r="D21643" s="1" t="s">
        <v>68577</v>
      </c>
      <c r="E21643" s="1" t="s">
        <v>77407</v>
      </c>
      <c r="F21643" s="1" t="s">
        <v>77408</v>
      </c>
      <c r="G21643" s="1" t="s">
        <v>77311</v>
      </c>
      <c r="H21643" s="1" t="s">
        <v>77312</v>
      </c>
      <c r="I21643" s="1" t="s">
        <v>75467</v>
      </c>
      <c r="J21643" s="1" t="s">
        <v>77409</v>
      </c>
    </row>
    <row r="21644" spans="1:10" x14ac:dyDescent="0.35">
      <c r="A21644" s="1" t="s">
        <v>7006</v>
      </c>
      <c r="B21644" s="1" t="s">
        <v>75461</v>
      </c>
      <c r="C21644" s="1" t="s">
        <v>145</v>
      </c>
      <c r="D21644" s="1" t="s">
        <v>26551</v>
      </c>
      <c r="E21644" s="1" t="s">
        <v>77410</v>
      </c>
      <c r="F21644" s="1" t="s">
        <v>77411</v>
      </c>
      <c r="G21644" s="1" t="s">
        <v>77311</v>
      </c>
      <c r="H21644" s="1" t="s">
        <v>77312</v>
      </c>
      <c r="I21644" s="1" t="s">
        <v>75467</v>
      </c>
      <c r="J21644" s="1" t="s">
        <v>77412</v>
      </c>
    </row>
    <row r="21645" spans="1:10" x14ac:dyDescent="0.35">
      <c r="A21645" s="1" t="s">
        <v>7006</v>
      </c>
      <c r="B21645" s="1" t="s">
        <v>75461</v>
      </c>
      <c r="C21645" s="1" t="s">
        <v>150</v>
      </c>
      <c r="D21645" s="1" t="s">
        <v>77413</v>
      </c>
      <c r="E21645" s="1" t="s">
        <v>77414</v>
      </c>
      <c r="F21645" s="1" t="s">
        <v>77415</v>
      </c>
      <c r="G21645" s="1" t="s">
        <v>77311</v>
      </c>
      <c r="H21645" s="1" t="s">
        <v>77312</v>
      </c>
      <c r="I21645" s="1" t="s">
        <v>75467</v>
      </c>
      <c r="J21645" s="1" t="s">
        <v>77416</v>
      </c>
    </row>
    <row r="21646" spans="1:10" x14ac:dyDescent="0.35">
      <c r="A21646" s="1" t="s">
        <v>7006</v>
      </c>
      <c r="B21646" s="1" t="s">
        <v>75461</v>
      </c>
      <c r="C21646" s="1" t="s">
        <v>155</v>
      </c>
      <c r="D21646" s="1" t="s">
        <v>77417</v>
      </c>
      <c r="E21646" s="1" t="s">
        <v>77418</v>
      </c>
      <c r="F21646" s="1" t="s">
        <v>77419</v>
      </c>
      <c r="G21646" s="1" t="s">
        <v>77311</v>
      </c>
      <c r="H21646" s="1" t="s">
        <v>77312</v>
      </c>
      <c r="I21646" s="1" t="s">
        <v>75467</v>
      </c>
      <c r="J21646" s="1" t="s">
        <v>77420</v>
      </c>
    </row>
    <row r="21647" spans="1:10" x14ac:dyDescent="0.35">
      <c r="A21647" s="1" t="s">
        <v>7006</v>
      </c>
      <c r="B21647" s="1" t="s">
        <v>75461</v>
      </c>
      <c r="C21647" s="1" t="s">
        <v>160</v>
      </c>
      <c r="D21647" s="1" t="s">
        <v>68670</v>
      </c>
      <c r="E21647" s="1" t="s">
        <v>77421</v>
      </c>
      <c r="F21647" s="1" t="s">
        <v>77422</v>
      </c>
      <c r="G21647" s="1" t="s">
        <v>77311</v>
      </c>
      <c r="H21647" s="1" t="s">
        <v>77312</v>
      </c>
      <c r="I21647" s="1" t="s">
        <v>75467</v>
      </c>
      <c r="J21647" s="1" t="s">
        <v>77423</v>
      </c>
    </row>
    <row r="21648" spans="1:10" x14ac:dyDescent="0.35">
      <c r="A21648" s="1" t="s">
        <v>7006</v>
      </c>
      <c r="B21648" s="1" t="s">
        <v>75461</v>
      </c>
      <c r="C21648" s="1" t="s">
        <v>165</v>
      </c>
      <c r="D21648" s="1" t="s">
        <v>77424</v>
      </c>
      <c r="E21648" s="1" t="s">
        <v>77425</v>
      </c>
      <c r="F21648" s="1" t="s">
        <v>77426</v>
      </c>
      <c r="G21648" s="1" t="s">
        <v>77311</v>
      </c>
      <c r="H21648" s="1" t="s">
        <v>77312</v>
      </c>
      <c r="I21648" s="1" t="s">
        <v>75467</v>
      </c>
      <c r="J21648" s="1" t="s">
        <v>77427</v>
      </c>
    </row>
    <row r="21649" spans="1:10" x14ac:dyDescent="0.35">
      <c r="A21649" s="1" t="s">
        <v>7006</v>
      </c>
      <c r="B21649" s="1" t="s">
        <v>75461</v>
      </c>
      <c r="C21649" s="1" t="s">
        <v>170</v>
      </c>
      <c r="D21649" s="1" t="s">
        <v>77428</v>
      </c>
      <c r="E21649" s="1" t="s">
        <v>77429</v>
      </c>
      <c r="F21649" s="1" t="s">
        <v>77430</v>
      </c>
      <c r="G21649" s="1" t="s">
        <v>77311</v>
      </c>
      <c r="H21649" s="1" t="s">
        <v>77312</v>
      </c>
      <c r="I21649" s="1" t="s">
        <v>75467</v>
      </c>
      <c r="J21649" s="1" t="s">
        <v>77431</v>
      </c>
    </row>
    <row r="21650" spans="1:10" x14ac:dyDescent="0.35">
      <c r="A21650" s="1" t="s">
        <v>7293</v>
      </c>
      <c r="B21650" s="1" t="s">
        <v>75461</v>
      </c>
      <c r="C21650" s="1" t="s">
        <v>8</v>
      </c>
      <c r="D21650" s="1" t="s">
        <v>77432</v>
      </c>
      <c r="E21650" s="1" t="s">
        <v>70759</v>
      </c>
      <c r="F21650" s="1" t="s">
        <v>77433</v>
      </c>
      <c r="G21650" s="1" t="s">
        <v>77434</v>
      </c>
      <c r="H21650" s="1" t="s">
        <v>77435</v>
      </c>
      <c r="I21650" s="1" t="s">
        <v>75467</v>
      </c>
      <c r="J21650" s="1" t="s">
        <v>13</v>
      </c>
    </row>
    <row r="21651" spans="1:10" x14ac:dyDescent="0.35">
      <c r="A21651" s="1" t="s">
        <v>7293</v>
      </c>
      <c r="B21651" s="1" t="s">
        <v>75461</v>
      </c>
      <c r="C21651" s="1" t="s">
        <v>15</v>
      </c>
      <c r="D21651" s="1" t="s">
        <v>61566</v>
      </c>
      <c r="E21651" s="1" t="s">
        <v>77436</v>
      </c>
      <c r="F21651" s="1" t="s">
        <v>77437</v>
      </c>
      <c r="G21651" s="1" t="s">
        <v>77434</v>
      </c>
      <c r="H21651" s="1" t="s">
        <v>77435</v>
      </c>
      <c r="I21651" s="1" t="s">
        <v>75467</v>
      </c>
      <c r="J21651" s="1" t="s">
        <v>77438</v>
      </c>
    </row>
    <row r="21652" spans="1:10" x14ac:dyDescent="0.35">
      <c r="A21652" s="1" t="s">
        <v>7293</v>
      </c>
      <c r="B21652" s="1" t="s">
        <v>75461</v>
      </c>
      <c r="C21652" s="1" t="s">
        <v>20</v>
      </c>
      <c r="D21652" s="1" t="s">
        <v>77439</v>
      </c>
      <c r="E21652" s="1" t="s">
        <v>77440</v>
      </c>
      <c r="F21652" s="1" t="s">
        <v>77441</v>
      </c>
      <c r="G21652" s="1" t="s">
        <v>77434</v>
      </c>
      <c r="H21652" s="1" t="s">
        <v>77435</v>
      </c>
      <c r="I21652" s="1" t="s">
        <v>75467</v>
      </c>
      <c r="J21652" s="1" t="s">
        <v>77442</v>
      </c>
    </row>
    <row r="21653" spans="1:10" x14ac:dyDescent="0.35">
      <c r="A21653" s="1" t="s">
        <v>7293</v>
      </c>
      <c r="B21653" s="1" t="s">
        <v>75461</v>
      </c>
      <c r="C21653" s="1" t="s">
        <v>25</v>
      </c>
      <c r="D21653" s="1" t="s">
        <v>65419</v>
      </c>
      <c r="E21653" s="1" t="s">
        <v>77443</v>
      </c>
      <c r="F21653" s="1" t="s">
        <v>77444</v>
      </c>
      <c r="G21653" s="1" t="s">
        <v>77434</v>
      </c>
      <c r="H21653" s="1" t="s">
        <v>77435</v>
      </c>
      <c r="I21653" s="1" t="s">
        <v>75467</v>
      </c>
      <c r="J21653" s="1" t="s">
        <v>77445</v>
      </c>
    </row>
    <row r="21654" spans="1:10" x14ac:dyDescent="0.35">
      <c r="A21654" s="1" t="s">
        <v>7293</v>
      </c>
      <c r="B21654" s="1" t="s">
        <v>75461</v>
      </c>
      <c r="C21654" s="1" t="s">
        <v>30</v>
      </c>
      <c r="D21654" s="1" t="s">
        <v>77446</v>
      </c>
      <c r="E21654" s="1" t="s">
        <v>77447</v>
      </c>
      <c r="F21654" s="1" t="s">
        <v>77448</v>
      </c>
      <c r="G21654" s="1" t="s">
        <v>77434</v>
      </c>
      <c r="H21654" s="1" t="s">
        <v>77435</v>
      </c>
      <c r="I21654" s="1" t="s">
        <v>75467</v>
      </c>
      <c r="J21654" s="1" t="s">
        <v>77449</v>
      </c>
    </row>
    <row r="21655" spans="1:10" x14ac:dyDescent="0.35">
      <c r="A21655" s="1" t="s">
        <v>7293</v>
      </c>
      <c r="B21655" s="1" t="s">
        <v>75461</v>
      </c>
      <c r="C21655" s="1" t="s">
        <v>35</v>
      </c>
      <c r="D21655" s="1" t="s">
        <v>77450</v>
      </c>
      <c r="E21655" s="1" t="s">
        <v>77451</v>
      </c>
      <c r="F21655" s="1" t="s">
        <v>77452</v>
      </c>
      <c r="G21655" s="1" t="s">
        <v>77434</v>
      </c>
      <c r="H21655" s="1" t="s">
        <v>77435</v>
      </c>
      <c r="I21655" s="1" t="s">
        <v>75467</v>
      </c>
      <c r="J21655" s="1" t="s">
        <v>77453</v>
      </c>
    </row>
    <row r="21656" spans="1:10" x14ac:dyDescent="0.35">
      <c r="A21656" s="1" t="s">
        <v>7293</v>
      </c>
      <c r="B21656" s="1" t="s">
        <v>75461</v>
      </c>
      <c r="C21656" s="1" t="s">
        <v>40</v>
      </c>
      <c r="D21656" s="1" t="s">
        <v>56015</v>
      </c>
      <c r="E21656" s="1" t="s">
        <v>77454</v>
      </c>
      <c r="F21656" s="1" t="s">
        <v>77455</v>
      </c>
      <c r="G21656" s="1" t="s">
        <v>77434</v>
      </c>
      <c r="H21656" s="1" t="s">
        <v>77435</v>
      </c>
      <c r="I21656" s="1" t="s">
        <v>75467</v>
      </c>
      <c r="J21656" s="1" t="s">
        <v>77456</v>
      </c>
    </row>
    <row r="21657" spans="1:10" x14ac:dyDescent="0.35">
      <c r="A21657" s="1" t="s">
        <v>7293</v>
      </c>
      <c r="B21657" s="1" t="s">
        <v>75461</v>
      </c>
      <c r="C21657" s="1" t="s">
        <v>45</v>
      </c>
      <c r="D21657" s="1" t="s">
        <v>77457</v>
      </c>
      <c r="E21657" s="1" t="s">
        <v>77458</v>
      </c>
      <c r="F21657" s="1" t="s">
        <v>77459</v>
      </c>
      <c r="G21657" s="1" t="s">
        <v>77434</v>
      </c>
      <c r="H21657" s="1" t="s">
        <v>77435</v>
      </c>
      <c r="I21657" s="1" t="s">
        <v>75467</v>
      </c>
      <c r="J21657" s="1" t="s">
        <v>77460</v>
      </c>
    </row>
    <row r="21658" spans="1:10" x14ac:dyDescent="0.35">
      <c r="A21658" s="1" t="s">
        <v>7293</v>
      </c>
      <c r="B21658" s="1" t="s">
        <v>75461</v>
      </c>
      <c r="C21658" s="1" t="s">
        <v>50</v>
      </c>
      <c r="D21658" s="1" t="s">
        <v>77461</v>
      </c>
      <c r="E21658" s="1" t="s">
        <v>77462</v>
      </c>
      <c r="F21658" s="1" t="s">
        <v>77463</v>
      </c>
      <c r="G21658" s="1" t="s">
        <v>77434</v>
      </c>
      <c r="H21658" s="1" t="s">
        <v>77435</v>
      </c>
      <c r="I21658" s="1" t="s">
        <v>75467</v>
      </c>
      <c r="J21658" s="1" t="s">
        <v>77464</v>
      </c>
    </row>
    <row r="21659" spans="1:10" x14ac:dyDescent="0.35">
      <c r="A21659" s="1" t="s">
        <v>7293</v>
      </c>
      <c r="B21659" s="1" t="s">
        <v>75461</v>
      </c>
      <c r="C21659" s="1" t="s">
        <v>55</v>
      </c>
      <c r="D21659" s="1" t="s">
        <v>77465</v>
      </c>
      <c r="E21659" s="1" t="s">
        <v>77466</v>
      </c>
      <c r="F21659" s="1" t="s">
        <v>77467</v>
      </c>
      <c r="G21659" s="1" t="s">
        <v>77434</v>
      </c>
      <c r="H21659" s="1" t="s">
        <v>77435</v>
      </c>
      <c r="I21659" s="1" t="s">
        <v>75467</v>
      </c>
      <c r="J21659" s="1" t="s">
        <v>77468</v>
      </c>
    </row>
    <row r="21660" spans="1:10" x14ac:dyDescent="0.35">
      <c r="A21660" s="1" t="s">
        <v>7293</v>
      </c>
      <c r="B21660" s="1" t="s">
        <v>75461</v>
      </c>
      <c r="C21660" s="1" t="s">
        <v>60</v>
      </c>
      <c r="D21660" s="1" t="s">
        <v>77469</v>
      </c>
      <c r="E21660" s="1" t="s">
        <v>77470</v>
      </c>
      <c r="F21660" s="1" t="s">
        <v>77471</v>
      </c>
      <c r="G21660" s="1" t="s">
        <v>77434</v>
      </c>
      <c r="H21660" s="1" t="s">
        <v>77435</v>
      </c>
      <c r="I21660" s="1" t="s">
        <v>75467</v>
      </c>
      <c r="J21660" s="1" t="s">
        <v>77472</v>
      </c>
    </row>
    <row r="21661" spans="1:10" x14ac:dyDescent="0.35">
      <c r="A21661" s="1" t="s">
        <v>7293</v>
      </c>
      <c r="B21661" s="1" t="s">
        <v>75461</v>
      </c>
      <c r="C21661" s="1" t="s">
        <v>65</v>
      </c>
      <c r="D21661" s="1" t="s">
        <v>77473</v>
      </c>
      <c r="E21661" s="1" t="s">
        <v>77474</v>
      </c>
      <c r="F21661" s="1" t="s">
        <v>77475</v>
      </c>
      <c r="G21661" s="1" t="s">
        <v>77434</v>
      </c>
      <c r="H21661" s="1" t="s">
        <v>77435</v>
      </c>
      <c r="I21661" s="1" t="s">
        <v>75467</v>
      </c>
      <c r="J21661" s="1" t="s">
        <v>77476</v>
      </c>
    </row>
    <row r="21662" spans="1:10" x14ac:dyDescent="0.35">
      <c r="A21662" s="1" t="s">
        <v>7293</v>
      </c>
      <c r="B21662" s="1" t="s">
        <v>75461</v>
      </c>
      <c r="C21662" s="1" t="s">
        <v>70</v>
      </c>
      <c r="D21662" s="1" t="s">
        <v>77477</v>
      </c>
      <c r="E21662" s="1" t="s">
        <v>77478</v>
      </c>
      <c r="F21662" s="1" t="s">
        <v>77479</v>
      </c>
      <c r="G21662" s="1" t="s">
        <v>77434</v>
      </c>
      <c r="H21662" s="1" t="s">
        <v>77435</v>
      </c>
      <c r="I21662" s="1" t="s">
        <v>75467</v>
      </c>
      <c r="J21662" s="1" t="s">
        <v>77480</v>
      </c>
    </row>
    <row r="21663" spans="1:10" x14ac:dyDescent="0.35">
      <c r="A21663" s="1" t="s">
        <v>7293</v>
      </c>
      <c r="B21663" s="1" t="s">
        <v>75461</v>
      </c>
      <c r="C21663" s="1" t="s">
        <v>75</v>
      </c>
      <c r="D21663" s="1" t="s">
        <v>77481</v>
      </c>
      <c r="E21663" s="1" t="s">
        <v>72979</v>
      </c>
      <c r="F21663" s="1" t="s">
        <v>77482</v>
      </c>
      <c r="G21663" s="1" t="s">
        <v>77434</v>
      </c>
      <c r="H21663" s="1" t="s">
        <v>77435</v>
      </c>
      <c r="I21663" s="1" t="s">
        <v>75467</v>
      </c>
      <c r="J21663" s="1" t="s">
        <v>77483</v>
      </c>
    </row>
    <row r="21664" spans="1:10" x14ac:dyDescent="0.35">
      <c r="A21664" s="1" t="s">
        <v>7293</v>
      </c>
      <c r="B21664" s="1" t="s">
        <v>75461</v>
      </c>
      <c r="C21664" s="1" t="s">
        <v>80</v>
      </c>
      <c r="D21664" s="1" t="s">
        <v>57570</v>
      </c>
      <c r="E21664" s="1" t="s">
        <v>77484</v>
      </c>
      <c r="F21664" s="1" t="s">
        <v>77485</v>
      </c>
      <c r="G21664" s="1" t="s">
        <v>77434</v>
      </c>
      <c r="H21664" s="1" t="s">
        <v>77435</v>
      </c>
      <c r="I21664" s="1" t="s">
        <v>75467</v>
      </c>
      <c r="J21664" s="1" t="s">
        <v>77486</v>
      </c>
    </row>
    <row r="21665" spans="1:10" x14ac:dyDescent="0.35">
      <c r="A21665" s="1" t="s">
        <v>7293</v>
      </c>
      <c r="B21665" s="1" t="s">
        <v>75461</v>
      </c>
      <c r="C21665" s="1" t="s">
        <v>85</v>
      </c>
      <c r="D21665" s="1" t="s">
        <v>77487</v>
      </c>
      <c r="E21665" s="1" t="s">
        <v>70826</v>
      </c>
      <c r="F21665" s="1" t="s">
        <v>77488</v>
      </c>
      <c r="G21665" s="1" t="s">
        <v>77434</v>
      </c>
      <c r="H21665" s="1" t="s">
        <v>77435</v>
      </c>
      <c r="I21665" s="1" t="s">
        <v>75467</v>
      </c>
      <c r="J21665" s="1" t="s">
        <v>77489</v>
      </c>
    </row>
    <row r="21666" spans="1:10" x14ac:dyDescent="0.35">
      <c r="A21666" s="1" t="s">
        <v>7293</v>
      </c>
      <c r="B21666" s="1" t="s">
        <v>75461</v>
      </c>
      <c r="C21666" s="1" t="s">
        <v>90</v>
      </c>
      <c r="D21666" s="1" t="s">
        <v>20182</v>
      </c>
      <c r="E21666" s="1" t="s">
        <v>73626</v>
      </c>
      <c r="F21666" s="1" t="s">
        <v>77490</v>
      </c>
      <c r="G21666" s="1" t="s">
        <v>77434</v>
      </c>
      <c r="H21666" s="1" t="s">
        <v>77435</v>
      </c>
      <c r="I21666" s="1" t="s">
        <v>75467</v>
      </c>
      <c r="J21666" s="1" t="s">
        <v>77491</v>
      </c>
    </row>
    <row r="21667" spans="1:10" x14ac:dyDescent="0.35">
      <c r="A21667" s="1" t="s">
        <v>7293</v>
      </c>
      <c r="B21667" s="1" t="s">
        <v>75461</v>
      </c>
      <c r="C21667" s="1" t="s">
        <v>95</v>
      </c>
      <c r="D21667" s="1" t="s">
        <v>11139</v>
      </c>
      <c r="E21667" s="1" t="s">
        <v>77492</v>
      </c>
      <c r="F21667" s="1" t="s">
        <v>77493</v>
      </c>
      <c r="G21667" s="1" t="s">
        <v>77434</v>
      </c>
      <c r="H21667" s="1" t="s">
        <v>77435</v>
      </c>
      <c r="I21667" s="1" t="s">
        <v>75467</v>
      </c>
      <c r="J21667" s="1" t="s">
        <v>77494</v>
      </c>
    </row>
    <row r="21668" spans="1:10" x14ac:dyDescent="0.35">
      <c r="A21668" s="1" t="s">
        <v>7293</v>
      </c>
      <c r="B21668" s="1" t="s">
        <v>75461</v>
      </c>
      <c r="C21668" s="1" t="s">
        <v>100</v>
      </c>
      <c r="D21668" s="1" t="s">
        <v>39794</v>
      </c>
      <c r="E21668" s="1" t="s">
        <v>77495</v>
      </c>
      <c r="F21668" s="1" t="s">
        <v>77496</v>
      </c>
      <c r="G21668" s="1" t="s">
        <v>77434</v>
      </c>
      <c r="H21668" s="1" t="s">
        <v>77435</v>
      </c>
      <c r="I21668" s="1" t="s">
        <v>75467</v>
      </c>
      <c r="J21668" s="1" t="s">
        <v>77497</v>
      </c>
    </row>
    <row r="21669" spans="1:10" x14ac:dyDescent="0.35">
      <c r="A21669" s="1" t="s">
        <v>7293</v>
      </c>
      <c r="B21669" s="1" t="s">
        <v>75461</v>
      </c>
      <c r="C21669" s="1" t="s">
        <v>105</v>
      </c>
      <c r="D21669" s="1" t="s">
        <v>77498</v>
      </c>
      <c r="E21669" s="1" t="s">
        <v>77499</v>
      </c>
      <c r="F21669" s="1" t="s">
        <v>77500</v>
      </c>
      <c r="G21669" s="1" t="s">
        <v>77434</v>
      </c>
      <c r="H21669" s="1" t="s">
        <v>77435</v>
      </c>
      <c r="I21669" s="1" t="s">
        <v>75467</v>
      </c>
      <c r="J21669" s="1" t="s">
        <v>77501</v>
      </c>
    </row>
    <row r="21670" spans="1:10" x14ac:dyDescent="0.35">
      <c r="A21670" s="1" t="s">
        <v>7293</v>
      </c>
      <c r="B21670" s="1" t="s">
        <v>75461</v>
      </c>
      <c r="C21670" s="1" t="s">
        <v>110</v>
      </c>
      <c r="D21670" s="1" t="s">
        <v>20311</v>
      </c>
      <c r="E21670" s="1" t="s">
        <v>77502</v>
      </c>
      <c r="F21670" s="1" t="s">
        <v>77503</v>
      </c>
      <c r="G21670" s="1" t="s">
        <v>77434</v>
      </c>
      <c r="H21670" s="1" t="s">
        <v>77435</v>
      </c>
      <c r="I21670" s="1" t="s">
        <v>75467</v>
      </c>
      <c r="J21670" s="1" t="s">
        <v>77504</v>
      </c>
    </row>
    <row r="21671" spans="1:10" x14ac:dyDescent="0.35">
      <c r="A21671" s="1" t="s">
        <v>7293</v>
      </c>
      <c r="B21671" s="1" t="s">
        <v>75461</v>
      </c>
      <c r="C21671" s="1" t="s">
        <v>115</v>
      </c>
      <c r="D21671" s="1" t="s">
        <v>77505</v>
      </c>
      <c r="E21671" s="1" t="s">
        <v>70852</v>
      </c>
      <c r="F21671" s="1" t="s">
        <v>77506</v>
      </c>
      <c r="G21671" s="1" t="s">
        <v>77434</v>
      </c>
      <c r="H21671" s="1" t="s">
        <v>77435</v>
      </c>
      <c r="I21671" s="1" t="s">
        <v>75467</v>
      </c>
      <c r="J21671" s="1" t="s">
        <v>77507</v>
      </c>
    </row>
    <row r="21672" spans="1:10" x14ac:dyDescent="0.35">
      <c r="A21672" s="1" t="s">
        <v>7293</v>
      </c>
      <c r="B21672" s="1" t="s">
        <v>75461</v>
      </c>
      <c r="C21672" s="1" t="s">
        <v>120</v>
      </c>
      <c r="D21672" s="1" t="s">
        <v>66250</v>
      </c>
      <c r="E21672" s="1" t="s">
        <v>77508</v>
      </c>
      <c r="F21672" s="1" t="s">
        <v>77509</v>
      </c>
      <c r="G21672" s="1" t="s">
        <v>77434</v>
      </c>
      <c r="H21672" s="1" t="s">
        <v>77435</v>
      </c>
      <c r="I21672" s="1" t="s">
        <v>75467</v>
      </c>
      <c r="J21672" s="1" t="s">
        <v>77510</v>
      </c>
    </row>
    <row r="21673" spans="1:10" x14ac:dyDescent="0.35">
      <c r="A21673" s="1" t="s">
        <v>7293</v>
      </c>
      <c r="B21673" s="1" t="s">
        <v>75461</v>
      </c>
      <c r="C21673" s="1" t="s">
        <v>125</v>
      </c>
      <c r="D21673" s="1" t="s">
        <v>77511</v>
      </c>
      <c r="E21673" s="1" t="s">
        <v>73019</v>
      </c>
      <c r="F21673" s="1" t="s">
        <v>77512</v>
      </c>
      <c r="G21673" s="1" t="s">
        <v>77434</v>
      </c>
      <c r="H21673" s="1" t="s">
        <v>77435</v>
      </c>
      <c r="I21673" s="1" t="s">
        <v>75467</v>
      </c>
      <c r="J21673" s="1" t="s">
        <v>77513</v>
      </c>
    </row>
    <row r="21674" spans="1:10" x14ac:dyDescent="0.35">
      <c r="A21674" s="1" t="s">
        <v>7293</v>
      </c>
      <c r="B21674" s="1" t="s">
        <v>75461</v>
      </c>
      <c r="C21674" s="1" t="s">
        <v>130</v>
      </c>
      <c r="D21674" s="1" t="s">
        <v>77514</v>
      </c>
      <c r="E21674" s="1" t="s">
        <v>72979</v>
      </c>
      <c r="F21674" s="1" t="s">
        <v>524</v>
      </c>
      <c r="G21674" s="1" t="s">
        <v>77434</v>
      </c>
      <c r="H21674" s="1" t="s">
        <v>77435</v>
      </c>
      <c r="I21674" s="1" t="s">
        <v>75467</v>
      </c>
      <c r="J21674" s="1" t="s">
        <v>77515</v>
      </c>
    </row>
    <row r="21675" spans="1:10" x14ac:dyDescent="0.35">
      <c r="A21675" s="1" t="s">
        <v>7293</v>
      </c>
      <c r="B21675" s="1" t="s">
        <v>75461</v>
      </c>
      <c r="C21675" s="1" t="s">
        <v>135</v>
      </c>
      <c r="D21675" s="1" t="s">
        <v>3284</v>
      </c>
      <c r="E21675" s="1" t="s">
        <v>77516</v>
      </c>
      <c r="F21675" s="1" t="s">
        <v>77517</v>
      </c>
      <c r="G21675" s="1" t="s">
        <v>77434</v>
      </c>
      <c r="H21675" s="1" t="s">
        <v>77435</v>
      </c>
      <c r="I21675" s="1" t="s">
        <v>75467</v>
      </c>
      <c r="J21675" s="1" t="s">
        <v>77518</v>
      </c>
    </row>
    <row r="21676" spans="1:10" x14ac:dyDescent="0.35">
      <c r="A21676" s="1" t="s">
        <v>7293</v>
      </c>
      <c r="B21676" s="1" t="s">
        <v>75461</v>
      </c>
      <c r="C21676" s="1" t="s">
        <v>140</v>
      </c>
      <c r="D21676" s="1" t="s">
        <v>77519</v>
      </c>
      <c r="E21676" s="1" t="s">
        <v>73429</v>
      </c>
      <c r="F21676" s="1" t="s">
        <v>77520</v>
      </c>
      <c r="G21676" s="1" t="s">
        <v>77434</v>
      </c>
      <c r="H21676" s="1" t="s">
        <v>77435</v>
      </c>
      <c r="I21676" s="1" t="s">
        <v>75467</v>
      </c>
      <c r="J21676" s="1" t="s">
        <v>77521</v>
      </c>
    </row>
    <row r="21677" spans="1:10" x14ac:dyDescent="0.35">
      <c r="A21677" s="1" t="s">
        <v>7293</v>
      </c>
      <c r="B21677" s="1" t="s">
        <v>75461</v>
      </c>
      <c r="C21677" s="1" t="s">
        <v>145</v>
      </c>
      <c r="D21677" s="1" t="s">
        <v>77522</v>
      </c>
      <c r="E21677" s="1" t="s">
        <v>73669</v>
      </c>
      <c r="F21677" s="1" t="s">
        <v>77523</v>
      </c>
      <c r="G21677" s="1" t="s">
        <v>77434</v>
      </c>
      <c r="H21677" s="1" t="s">
        <v>77435</v>
      </c>
      <c r="I21677" s="1" t="s">
        <v>75467</v>
      </c>
      <c r="J21677" s="1" t="s">
        <v>77524</v>
      </c>
    </row>
    <row r="21678" spans="1:10" x14ac:dyDescent="0.35">
      <c r="A21678" s="1" t="s">
        <v>7293</v>
      </c>
      <c r="B21678" s="1" t="s">
        <v>75461</v>
      </c>
      <c r="C21678" s="1" t="s">
        <v>150</v>
      </c>
      <c r="D21678" s="1" t="s">
        <v>77525</v>
      </c>
      <c r="E21678" s="1" t="s">
        <v>77526</v>
      </c>
      <c r="F21678" s="1" t="s">
        <v>77527</v>
      </c>
      <c r="G21678" s="1" t="s">
        <v>77434</v>
      </c>
      <c r="H21678" s="1" t="s">
        <v>77435</v>
      </c>
      <c r="I21678" s="1" t="s">
        <v>75467</v>
      </c>
      <c r="J21678" s="1" t="s">
        <v>77528</v>
      </c>
    </row>
    <row r="21679" spans="1:10" x14ac:dyDescent="0.35">
      <c r="A21679" s="1" t="s">
        <v>7293</v>
      </c>
      <c r="B21679" s="1" t="s">
        <v>75461</v>
      </c>
      <c r="C21679" s="1" t="s">
        <v>155</v>
      </c>
      <c r="D21679" s="1" t="s">
        <v>58084</v>
      </c>
      <c r="E21679" s="1" t="s">
        <v>73429</v>
      </c>
      <c r="F21679" s="1" t="s">
        <v>77529</v>
      </c>
      <c r="G21679" s="1" t="s">
        <v>77434</v>
      </c>
      <c r="H21679" s="1" t="s">
        <v>77435</v>
      </c>
      <c r="I21679" s="1" t="s">
        <v>75467</v>
      </c>
      <c r="J21679" s="1" t="s">
        <v>77530</v>
      </c>
    </row>
    <row r="21680" spans="1:10" x14ac:dyDescent="0.35">
      <c r="A21680" s="1" t="s">
        <v>7293</v>
      </c>
      <c r="B21680" s="1" t="s">
        <v>75461</v>
      </c>
      <c r="C21680" s="1" t="s">
        <v>160</v>
      </c>
      <c r="D21680" s="1" t="s">
        <v>77531</v>
      </c>
      <c r="E21680" s="1" t="s">
        <v>77532</v>
      </c>
      <c r="F21680" s="1" t="s">
        <v>77533</v>
      </c>
      <c r="G21680" s="1" t="s">
        <v>77434</v>
      </c>
      <c r="H21680" s="1" t="s">
        <v>77435</v>
      </c>
      <c r="I21680" s="1" t="s">
        <v>75467</v>
      </c>
      <c r="J21680" s="1" t="s">
        <v>77534</v>
      </c>
    </row>
    <row r="21681" spans="1:10" x14ac:dyDescent="0.35">
      <c r="A21681" s="1" t="s">
        <v>7293</v>
      </c>
      <c r="B21681" s="1" t="s">
        <v>75461</v>
      </c>
      <c r="C21681" s="1" t="s">
        <v>165</v>
      </c>
      <c r="D21681" s="1" t="s">
        <v>77535</v>
      </c>
      <c r="E21681" s="1" t="s">
        <v>73013</v>
      </c>
      <c r="F21681" s="1" t="s">
        <v>77536</v>
      </c>
      <c r="G21681" s="1" t="s">
        <v>77434</v>
      </c>
      <c r="H21681" s="1" t="s">
        <v>77435</v>
      </c>
      <c r="I21681" s="1" t="s">
        <v>75467</v>
      </c>
      <c r="J21681" s="1" t="s">
        <v>77537</v>
      </c>
    </row>
    <row r="21682" spans="1:10" x14ac:dyDescent="0.35">
      <c r="A21682" s="1" t="s">
        <v>7293</v>
      </c>
      <c r="B21682" s="1" t="s">
        <v>75461</v>
      </c>
      <c r="C21682" s="1" t="s">
        <v>170</v>
      </c>
      <c r="D21682" s="1" t="s">
        <v>77538</v>
      </c>
      <c r="E21682" s="1" t="s">
        <v>77539</v>
      </c>
      <c r="F21682" s="1" t="s">
        <v>77540</v>
      </c>
      <c r="G21682" s="1" t="s">
        <v>77434</v>
      </c>
      <c r="H21682" s="1" t="s">
        <v>77435</v>
      </c>
      <c r="I21682" s="1" t="s">
        <v>75467</v>
      </c>
      <c r="J21682" s="1" t="s">
        <v>77541</v>
      </c>
    </row>
    <row r="21683" spans="1:10" x14ac:dyDescent="0.35">
      <c r="A21683" s="1" t="s">
        <v>47155</v>
      </c>
      <c r="B21683" s="1" t="s">
        <v>75461</v>
      </c>
      <c r="C21683" s="1" t="s">
        <v>8</v>
      </c>
      <c r="D21683" s="1" t="s">
        <v>7476</v>
      </c>
      <c r="E21683" s="1" t="s">
        <v>77542</v>
      </c>
      <c r="F21683" s="1" t="s">
        <v>77543</v>
      </c>
      <c r="G21683" s="1" t="s">
        <v>77544</v>
      </c>
      <c r="H21683" s="1" t="s">
        <v>77545</v>
      </c>
      <c r="I21683" s="1" t="s">
        <v>75467</v>
      </c>
      <c r="J21683" s="1" t="s">
        <v>13</v>
      </c>
    </row>
    <row r="21684" spans="1:10" x14ac:dyDescent="0.35">
      <c r="A21684" s="1" t="s">
        <v>47155</v>
      </c>
      <c r="B21684" s="1" t="s">
        <v>75461</v>
      </c>
      <c r="C21684" s="1" t="s">
        <v>15</v>
      </c>
      <c r="D21684" s="1" t="s">
        <v>68955</v>
      </c>
      <c r="E21684" s="1" t="s">
        <v>77546</v>
      </c>
      <c r="F21684" s="1" t="s">
        <v>77547</v>
      </c>
      <c r="G21684" s="1" t="s">
        <v>77544</v>
      </c>
      <c r="H21684" s="1" t="s">
        <v>77545</v>
      </c>
      <c r="I21684" s="1" t="s">
        <v>75467</v>
      </c>
      <c r="J21684" s="1" t="s">
        <v>77548</v>
      </c>
    </row>
    <row r="21685" spans="1:10" x14ac:dyDescent="0.35">
      <c r="A21685" s="1" t="s">
        <v>47155</v>
      </c>
      <c r="B21685" s="1" t="s">
        <v>75461</v>
      </c>
      <c r="C21685" s="1" t="s">
        <v>20</v>
      </c>
      <c r="D21685" s="1" t="s">
        <v>26874</v>
      </c>
      <c r="E21685" s="1" t="s">
        <v>77549</v>
      </c>
      <c r="F21685" s="1" t="s">
        <v>77550</v>
      </c>
      <c r="G21685" s="1" t="s">
        <v>77544</v>
      </c>
      <c r="H21685" s="1" t="s">
        <v>77545</v>
      </c>
      <c r="I21685" s="1" t="s">
        <v>75467</v>
      </c>
      <c r="J21685" s="1" t="s">
        <v>77551</v>
      </c>
    </row>
    <row r="21686" spans="1:10" x14ac:dyDescent="0.35">
      <c r="A21686" s="1" t="s">
        <v>47155</v>
      </c>
      <c r="B21686" s="1" t="s">
        <v>75461</v>
      </c>
      <c r="C21686" s="1" t="s">
        <v>25</v>
      </c>
      <c r="D21686" s="1" t="s">
        <v>77552</v>
      </c>
      <c r="E21686" s="1" t="s">
        <v>77553</v>
      </c>
      <c r="F21686" s="1" t="s">
        <v>77554</v>
      </c>
      <c r="G21686" s="1" t="s">
        <v>77544</v>
      </c>
      <c r="H21686" s="1" t="s">
        <v>77545</v>
      </c>
      <c r="I21686" s="1" t="s">
        <v>75467</v>
      </c>
      <c r="J21686" s="1" t="s">
        <v>77555</v>
      </c>
    </row>
    <row r="21687" spans="1:10" x14ac:dyDescent="0.35">
      <c r="A21687" s="1" t="s">
        <v>47155</v>
      </c>
      <c r="B21687" s="1" t="s">
        <v>75461</v>
      </c>
      <c r="C21687" s="1" t="s">
        <v>30</v>
      </c>
      <c r="D21687" s="1" t="s">
        <v>77556</v>
      </c>
      <c r="E21687" s="1" t="s">
        <v>77557</v>
      </c>
      <c r="F21687" s="1" t="s">
        <v>77558</v>
      </c>
      <c r="G21687" s="1" t="s">
        <v>77544</v>
      </c>
      <c r="H21687" s="1" t="s">
        <v>77545</v>
      </c>
      <c r="I21687" s="1" t="s">
        <v>75467</v>
      </c>
      <c r="J21687" s="1" t="s">
        <v>77559</v>
      </c>
    </row>
    <row r="21688" spans="1:10" x14ac:dyDescent="0.35">
      <c r="A21688" s="1" t="s">
        <v>47155</v>
      </c>
      <c r="B21688" s="1" t="s">
        <v>75461</v>
      </c>
      <c r="C21688" s="1" t="s">
        <v>35</v>
      </c>
      <c r="D21688" s="1" t="s">
        <v>77560</v>
      </c>
      <c r="E21688" s="1" t="s">
        <v>77561</v>
      </c>
      <c r="F21688" s="1" t="s">
        <v>77562</v>
      </c>
      <c r="G21688" s="1" t="s">
        <v>77544</v>
      </c>
      <c r="H21688" s="1" t="s">
        <v>77545</v>
      </c>
      <c r="I21688" s="1" t="s">
        <v>75467</v>
      </c>
      <c r="J21688" s="1" t="s">
        <v>77563</v>
      </c>
    </row>
    <row r="21689" spans="1:10" x14ac:dyDescent="0.35">
      <c r="A21689" s="1" t="s">
        <v>47155</v>
      </c>
      <c r="B21689" s="1" t="s">
        <v>75461</v>
      </c>
      <c r="C21689" s="1" t="s">
        <v>40</v>
      </c>
      <c r="D21689" s="1" t="s">
        <v>77564</v>
      </c>
      <c r="E21689" s="1" t="s">
        <v>77565</v>
      </c>
      <c r="F21689" s="1" t="s">
        <v>77566</v>
      </c>
      <c r="G21689" s="1" t="s">
        <v>77544</v>
      </c>
      <c r="H21689" s="1" t="s">
        <v>77545</v>
      </c>
      <c r="I21689" s="1" t="s">
        <v>75467</v>
      </c>
      <c r="J21689" s="1" t="s">
        <v>77567</v>
      </c>
    </row>
    <row r="21690" spans="1:10" x14ac:dyDescent="0.35">
      <c r="A21690" s="1" t="s">
        <v>47155</v>
      </c>
      <c r="B21690" s="1" t="s">
        <v>75461</v>
      </c>
      <c r="C21690" s="1" t="s">
        <v>45</v>
      </c>
      <c r="D21690" s="1" t="s">
        <v>77568</v>
      </c>
      <c r="E21690" s="1" t="s">
        <v>77569</v>
      </c>
      <c r="F21690" s="1" t="s">
        <v>77570</v>
      </c>
      <c r="G21690" s="1" t="s">
        <v>77544</v>
      </c>
      <c r="H21690" s="1" t="s">
        <v>77545</v>
      </c>
      <c r="I21690" s="1" t="s">
        <v>75467</v>
      </c>
      <c r="J21690" s="1" t="s">
        <v>77571</v>
      </c>
    </row>
    <row r="21691" spans="1:10" x14ac:dyDescent="0.35">
      <c r="A21691" s="1" t="s">
        <v>47155</v>
      </c>
      <c r="B21691" s="1" t="s">
        <v>75461</v>
      </c>
      <c r="C21691" s="1" t="s">
        <v>50</v>
      </c>
      <c r="D21691" s="1" t="s">
        <v>77572</v>
      </c>
      <c r="E21691" s="1" t="s">
        <v>77573</v>
      </c>
      <c r="F21691" s="1" t="s">
        <v>77574</v>
      </c>
      <c r="G21691" s="1" t="s">
        <v>77544</v>
      </c>
      <c r="H21691" s="1" t="s">
        <v>77545</v>
      </c>
      <c r="I21691" s="1" t="s">
        <v>75467</v>
      </c>
      <c r="J21691" s="1" t="s">
        <v>77575</v>
      </c>
    </row>
    <row r="21692" spans="1:10" x14ac:dyDescent="0.35">
      <c r="A21692" s="1" t="s">
        <v>47155</v>
      </c>
      <c r="B21692" s="1" t="s">
        <v>75461</v>
      </c>
      <c r="C21692" s="1" t="s">
        <v>55</v>
      </c>
      <c r="D21692" s="1" t="s">
        <v>66919</v>
      </c>
      <c r="E21692" s="1" t="s">
        <v>77576</v>
      </c>
      <c r="F21692" s="1" t="s">
        <v>77577</v>
      </c>
      <c r="G21692" s="1" t="s">
        <v>77544</v>
      </c>
      <c r="H21692" s="1" t="s">
        <v>77545</v>
      </c>
      <c r="I21692" s="1" t="s">
        <v>75467</v>
      </c>
      <c r="J21692" s="1" t="s">
        <v>75993</v>
      </c>
    </row>
    <row r="21693" spans="1:10" x14ac:dyDescent="0.35">
      <c r="A21693" s="1" t="s">
        <v>47155</v>
      </c>
      <c r="B21693" s="1" t="s">
        <v>75461</v>
      </c>
      <c r="C21693" s="1" t="s">
        <v>60</v>
      </c>
      <c r="D21693" s="1" t="s">
        <v>59586</v>
      </c>
      <c r="E21693" s="1" t="s">
        <v>77578</v>
      </c>
      <c r="F21693" s="1" t="s">
        <v>77579</v>
      </c>
      <c r="G21693" s="1" t="s">
        <v>77544</v>
      </c>
      <c r="H21693" s="1" t="s">
        <v>77545</v>
      </c>
      <c r="I21693" s="1" t="s">
        <v>75467</v>
      </c>
      <c r="J21693" s="1" t="s">
        <v>77580</v>
      </c>
    </row>
    <row r="21694" spans="1:10" x14ac:dyDescent="0.35">
      <c r="A21694" s="1" t="s">
        <v>47155</v>
      </c>
      <c r="B21694" s="1" t="s">
        <v>75461</v>
      </c>
      <c r="C21694" s="1" t="s">
        <v>65</v>
      </c>
      <c r="D21694" s="1" t="s">
        <v>77581</v>
      </c>
      <c r="E21694" s="1" t="s">
        <v>77582</v>
      </c>
      <c r="F21694" s="1" t="s">
        <v>77583</v>
      </c>
      <c r="G21694" s="1" t="s">
        <v>77544</v>
      </c>
      <c r="H21694" s="1" t="s">
        <v>77545</v>
      </c>
      <c r="I21694" s="1" t="s">
        <v>75467</v>
      </c>
      <c r="J21694" s="1" t="s">
        <v>77584</v>
      </c>
    </row>
    <row r="21695" spans="1:10" x14ac:dyDescent="0.35">
      <c r="A21695" s="1" t="s">
        <v>47155</v>
      </c>
      <c r="B21695" s="1" t="s">
        <v>75461</v>
      </c>
      <c r="C21695" s="1" t="s">
        <v>70</v>
      </c>
      <c r="D21695" s="1" t="s">
        <v>77585</v>
      </c>
      <c r="E21695" s="1" t="s">
        <v>77586</v>
      </c>
      <c r="F21695" s="1" t="s">
        <v>77587</v>
      </c>
      <c r="G21695" s="1" t="s">
        <v>77544</v>
      </c>
      <c r="H21695" s="1" t="s">
        <v>77545</v>
      </c>
      <c r="I21695" s="1" t="s">
        <v>75467</v>
      </c>
      <c r="J21695" s="1" t="s">
        <v>77588</v>
      </c>
    </row>
    <row r="21696" spans="1:10" x14ac:dyDescent="0.35">
      <c r="A21696" s="1" t="s">
        <v>47155</v>
      </c>
      <c r="B21696" s="1" t="s">
        <v>75461</v>
      </c>
      <c r="C21696" s="1" t="s">
        <v>75</v>
      </c>
      <c r="D21696" s="1" t="s">
        <v>77589</v>
      </c>
      <c r="E21696" s="1" t="s">
        <v>77590</v>
      </c>
      <c r="F21696" s="1" t="s">
        <v>77591</v>
      </c>
      <c r="G21696" s="1" t="s">
        <v>77544</v>
      </c>
      <c r="H21696" s="1" t="s">
        <v>77545</v>
      </c>
      <c r="I21696" s="1" t="s">
        <v>75467</v>
      </c>
      <c r="J21696" s="1" t="s">
        <v>77592</v>
      </c>
    </row>
    <row r="21697" spans="1:10" x14ac:dyDescent="0.35">
      <c r="A21697" s="1" t="s">
        <v>47155</v>
      </c>
      <c r="B21697" s="1" t="s">
        <v>75461</v>
      </c>
      <c r="C21697" s="1" t="s">
        <v>80</v>
      </c>
      <c r="D21697" s="1" t="s">
        <v>77593</v>
      </c>
      <c r="E21697" s="1" t="s">
        <v>77594</v>
      </c>
      <c r="F21697" s="1" t="s">
        <v>77595</v>
      </c>
      <c r="G21697" s="1" t="s">
        <v>77544</v>
      </c>
      <c r="H21697" s="1" t="s">
        <v>77545</v>
      </c>
      <c r="I21697" s="1" t="s">
        <v>75467</v>
      </c>
      <c r="J21697" s="1" t="s">
        <v>77596</v>
      </c>
    </row>
    <row r="21698" spans="1:10" x14ac:dyDescent="0.35">
      <c r="A21698" s="1" t="s">
        <v>47155</v>
      </c>
      <c r="B21698" s="1" t="s">
        <v>75461</v>
      </c>
      <c r="C21698" s="1" t="s">
        <v>85</v>
      </c>
      <c r="D21698" s="1" t="s">
        <v>77597</v>
      </c>
      <c r="E21698" s="1" t="s">
        <v>77598</v>
      </c>
      <c r="F21698" s="1" t="s">
        <v>77599</v>
      </c>
      <c r="G21698" s="1" t="s">
        <v>77544</v>
      </c>
      <c r="H21698" s="1" t="s">
        <v>77545</v>
      </c>
      <c r="I21698" s="1" t="s">
        <v>75467</v>
      </c>
      <c r="J21698" s="1" t="s">
        <v>77600</v>
      </c>
    </row>
    <row r="21699" spans="1:10" x14ac:dyDescent="0.35">
      <c r="A21699" s="1" t="s">
        <v>47155</v>
      </c>
      <c r="B21699" s="1" t="s">
        <v>75461</v>
      </c>
      <c r="C21699" s="1" t="s">
        <v>90</v>
      </c>
      <c r="D21699" s="1" t="s">
        <v>77601</v>
      </c>
      <c r="E21699" s="1" t="s">
        <v>77602</v>
      </c>
      <c r="F21699" s="1" t="s">
        <v>77603</v>
      </c>
      <c r="G21699" s="1" t="s">
        <v>77544</v>
      </c>
      <c r="H21699" s="1" t="s">
        <v>77545</v>
      </c>
      <c r="I21699" s="1" t="s">
        <v>75467</v>
      </c>
      <c r="J21699" s="1" t="s">
        <v>77604</v>
      </c>
    </row>
    <row r="21700" spans="1:10" x14ac:dyDescent="0.35">
      <c r="A21700" s="1" t="s">
        <v>47155</v>
      </c>
      <c r="B21700" s="1" t="s">
        <v>75461</v>
      </c>
      <c r="C21700" s="1" t="s">
        <v>95</v>
      </c>
      <c r="D21700" s="1" t="s">
        <v>77605</v>
      </c>
      <c r="E21700" s="1" t="s">
        <v>77606</v>
      </c>
      <c r="F21700" s="1" t="s">
        <v>77607</v>
      </c>
      <c r="G21700" s="1" t="s">
        <v>77544</v>
      </c>
      <c r="H21700" s="1" t="s">
        <v>77545</v>
      </c>
      <c r="I21700" s="1" t="s">
        <v>75467</v>
      </c>
      <c r="J21700" s="1" t="s">
        <v>77608</v>
      </c>
    </row>
    <row r="21701" spans="1:10" x14ac:dyDescent="0.35">
      <c r="A21701" s="1" t="s">
        <v>47155</v>
      </c>
      <c r="B21701" s="1" t="s">
        <v>75461</v>
      </c>
      <c r="C21701" s="1" t="s">
        <v>100</v>
      </c>
      <c r="D21701" s="1" t="s">
        <v>77609</v>
      </c>
      <c r="E21701" s="1" t="s">
        <v>77610</v>
      </c>
      <c r="F21701" s="1" t="s">
        <v>77611</v>
      </c>
      <c r="G21701" s="1" t="s">
        <v>77544</v>
      </c>
      <c r="H21701" s="1" t="s">
        <v>77545</v>
      </c>
      <c r="I21701" s="1" t="s">
        <v>75467</v>
      </c>
      <c r="J21701" s="1" t="s">
        <v>77612</v>
      </c>
    </row>
    <row r="21702" spans="1:10" x14ac:dyDescent="0.35">
      <c r="A21702" s="1" t="s">
        <v>47155</v>
      </c>
      <c r="B21702" s="1" t="s">
        <v>75461</v>
      </c>
      <c r="C21702" s="1" t="s">
        <v>105</v>
      </c>
      <c r="D21702" s="1" t="s">
        <v>77613</v>
      </c>
      <c r="E21702" s="1" t="s">
        <v>77614</v>
      </c>
      <c r="F21702" s="1" t="s">
        <v>77615</v>
      </c>
      <c r="G21702" s="1" t="s">
        <v>77544</v>
      </c>
      <c r="H21702" s="1" t="s">
        <v>77545</v>
      </c>
      <c r="I21702" s="1" t="s">
        <v>75467</v>
      </c>
      <c r="J21702" s="1" t="s">
        <v>77616</v>
      </c>
    </row>
    <row r="21703" spans="1:10" x14ac:dyDescent="0.35">
      <c r="A21703" s="1" t="s">
        <v>47155</v>
      </c>
      <c r="B21703" s="1" t="s">
        <v>75461</v>
      </c>
      <c r="C21703" s="1" t="s">
        <v>110</v>
      </c>
      <c r="D21703" s="1" t="s">
        <v>77617</v>
      </c>
      <c r="E21703" s="1" t="s">
        <v>77618</v>
      </c>
      <c r="F21703" s="1" t="s">
        <v>77619</v>
      </c>
      <c r="G21703" s="1" t="s">
        <v>77544</v>
      </c>
      <c r="H21703" s="1" t="s">
        <v>77545</v>
      </c>
      <c r="I21703" s="1" t="s">
        <v>75467</v>
      </c>
      <c r="J21703" s="1" t="s">
        <v>77620</v>
      </c>
    </row>
    <row r="21704" spans="1:10" x14ac:dyDescent="0.35">
      <c r="A21704" s="1" t="s">
        <v>47155</v>
      </c>
      <c r="B21704" s="1" t="s">
        <v>75461</v>
      </c>
      <c r="C21704" s="1" t="s">
        <v>115</v>
      </c>
      <c r="D21704" s="1" t="s">
        <v>77621</v>
      </c>
      <c r="E21704" s="1" t="s">
        <v>77622</v>
      </c>
      <c r="F21704" s="1" t="s">
        <v>77623</v>
      </c>
      <c r="G21704" s="1" t="s">
        <v>77544</v>
      </c>
      <c r="H21704" s="1" t="s">
        <v>77545</v>
      </c>
      <c r="I21704" s="1" t="s">
        <v>75467</v>
      </c>
      <c r="J21704" s="1" t="s">
        <v>77624</v>
      </c>
    </row>
    <row r="21705" spans="1:10" x14ac:dyDescent="0.35">
      <c r="A21705" s="1" t="s">
        <v>47155</v>
      </c>
      <c r="B21705" s="1" t="s">
        <v>75461</v>
      </c>
      <c r="C21705" s="1" t="s">
        <v>120</v>
      </c>
      <c r="D21705" s="1" t="s">
        <v>77625</v>
      </c>
      <c r="E21705" s="1" t="s">
        <v>77626</v>
      </c>
      <c r="F21705" s="1" t="s">
        <v>77627</v>
      </c>
      <c r="G21705" s="1" t="s">
        <v>77544</v>
      </c>
      <c r="H21705" s="1" t="s">
        <v>77545</v>
      </c>
      <c r="I21705" s="1" t="s">
        <v>75467</v>
      </c>
      <c r="J21705" s="1" t="s">
        <v>77628</v>
      </c>
    </row>
    <row r="21706" spans="1:10" x14ac:dyDescent="0.35">
      <c r="A21706" s="1" t="s">
        <v>47155</v>
      </c>
      <c r="B21706" s="1" t="s">
        <v>75461</v>
      </c>
      <c r="C21706" s="1" t="s">
        <v>125</v>
      </c>
      <c r="D21706" s="1" t="s">
        <v>77629</v>
      </c>
      <c r="E21706" s="1" t="s">
        <v>77630</v>
      </c>
      <c r="F21706" s="1" t="s">
        <v>77631</v>
      </c>
      <c r="G21706" s="1" t="s">
        <v>77544</v>
      </c>
      <c r="H21706" s="1" t="s">
        <v>77545</v>
      </c>
      <c r="I21706" s="1" t="s">
        <v>75467</v>
      </c>
      <c r="J21706" s="1" t="s">
        <v>77632</v>
      </c>
    </row>
    <row r="21707" spans="1:10" x14ac:dyDescent="0.35">
      <c r="A21707" s="1" t="s">
        <v>47155</v>
      </c>
      <c r="B21707" s="1" t="s">
        <v>75461</v>
      </c>
      <c r="C21707" s="1" t="s">
        <v>130</v>
      </c>
      <c r="D21707" s="1" t="s">
        <v>77633</v>
      </c>
      <c r="E21707" s="1" t="s">
        <v>77634</v>
      </c>
      <c r="F21707" s="1" t="s">
        <v>77635</v>
      </c>
      <c r="G21707" s="1" t="s">
        <v>77544</v>
      </c>
      <c r="H21707" s="1" t="s">
        <v>77545</v>
      </c>
      <c r="I21707" s="1" t="s">
        <v>75467</v>
      </c>
      <c r="J21707" s="1" t="s">
        <v>77636</v>
      </c>
    </row>
    <row r="21708" spans="1:10" x14ac:dyDescent="0.35">
      <c r="A21708" s="1" t="s">
        <v>47155</v>
      </c>
      <c r="B21708" s="1" t="s">
        <v>75461</v>
      </c>
      <c r="C21708" s="1" t="s">
        <v>135</v>
      </c>
      <c r="D21708" s="1" t="s">
        <v>77637</v>
      </c>
      <c r="E21708" s="1" t="s">
        <v>77638</v>
      </c>
      <c r="F21708" s="1" t="s">
        <v>77639</v>
      </c>
      <c r="G21708" s="1" t="s">
        <v>77544</v>
      </c>
      <c r="H21708" s="1" t="s">
        <v>77545</v>
      </c>
      <c r="I21708" s="1" t="s">
        <v>75467</v>
      </c>
      <c r="J21708" s="1" t="s">
        <v>77640</v>
      </c>
    </row>
    <row r="21709" spans="1:10" x14ac:dyDescent="0.35">
      <c r="A21709" s="1" t="s">
        <v>47155</v>
      </c>
      <c r="B21709" s="1" t="s">
        <v>75461</v>
      </c>
      <c r="C21709" s="1" t="s">
        <v>140</v>
      </c>
      <c r="D21709" s="1" t="s">
        <v>77641</v>
      </c>
      <c r="E21709" s="1" t="s">
        <v>77642</v>
      </c>
      <c r="F21709" s="1" t="s">
        <v>77643</v>
      </c>
      <c r="G21709" s="1" t="s">
        <v>77544</v>
      </c>
      <c r="H21709" s="1" t="s">
        <v>77545</v>
      </c>
      <c r="I21709" s="1" t="s">
        <v>75467</v>
      </c>
      <c r="J21709" s="1" t="s">
        <v>77644</v>
      </c>
    </row>
    <row r="21710" spans="1:10" x14ac:dyDescent="0.35">
      <c r="A21710" s="1" t="s">
        <v>47155</v>
      </c>
      <c r="B21710" s="1" t="s">
        <v>75461</v>
      </c>
      <c r="C21710" s="1" t="s">
        <v>145</v>
      </c>
      <c r="D21710" s="1" t="s">
        <v>77645</v>
      </c>
      <c r="E21710" s="1" t="s">
        <v>77646</v>
      </c>
      <c r="F21710" s="1" t="s">
        <v>77647</v>
      </c>
      <c r="G21710" s="1" t="s">
        <v>77544</v>
      </c>
      <c r="H21710" s="1" t="s">
        <v>77545</v>
      </c>
      <c r="I21710" s="1" t="s">
        <v>75467</v>
      </c>
      <c r="J21710" s="1" t="s">
        <v>77648</v>
      </c>
    </row>
    <row r="21711" spans="1:10" x14ac:dyDescent="0.35">
      <c r="A21711" s="1" t="s">
        <v>47155</v>
      </c>
      <c r="B21711" s="1" t="s">
        <v>75461</v>
      </c>
      <c r="C21711" s="1" t="s">
        <v>150</v>
      </c>
      <c r="D21711" s="1" t="s">
        <v>77649</v>
      </c>
      <c r="E21711" s="1" t="s">
        <v>77650</v>
      </c>
      <c r="F21711" s="1" t="s">
        <v>77651</v>
      </c>
      <c r="G21711" s="1" t="s">
        <v>77544</v>
      </c>
      <c r="H21711" s="1" t="s">
        <v>77545</v>
      </c>
      <c r="I21711" s="1" t="s">
        <v>75467</v>
      </c>
      <c r="J21711" s="1" t="s">
        <v>77652</v>
      </c>
    </row>
    <row r="21712" spans="1:10" x14ac:dyDescent="0.35">
      <c r="A21712" s="1" t="s">
        <v>47155</v>
      </c>
      <c r="B21712" s="1" t="s">
        <v>75461</v>
      </c>
      <c r="C21712" s="1" t="s">
        <v>155</v>
      </c>
      <c r="D21712" s="1" t="s">
        <v>40354</v>
      </c>
      <c r="E21712" s="1" t="s">
        <v>77653</v>
      </c>
      <c r="F21712" s="1" t="s">
        <v>77654</v>
      </c>
      <c r="G21712" s="1" t="s">
        <v>77544</v>
      </c>
      <c r="H21712" s="1" t="s">
        <v>77545</v>
      </c>
      <c r="I21712" s="1" t="s">
        <v>75467</v>
      </c>
      <c r="J21712" s="1" t="s">
        <v>77655</v>
      </c>
    </row>
    <row r="21713" spans="1:10" x14ac:dyDescent="0.35">
      <c r="A21713" s="1" t="s">
        <v>47155</v>
      </c>
      <c r="B21713" s="1" t="s">
        <v>75461</v>
      </c>
      <c r="C21713" s="1" t="s">
        <v>160</v>
      </c>
      <c r="D21713" s="1" t="s">
        <v>77656</v>
      </c>
      <c r="E21713" s="1" t="s">
        <v>77657</v>
      </c>
      <c r="F21713" s="1" t="s">
        <v>77658</v>
      </c>
      <c r="G21713" s="1" t="s">
        <v>77544</v>
      </c>
      <c r="H21713" s="1" t="s">
        <v>77545</v>
      </c>
      <c r="I21713" s="1" t="s">
        <v>75467</v>
      </c>
      <c r="J21713" s="1" t="s">
        <v>77659</v>
      </c>
    </row>
    <row r="21714" spans="1:10" x14ac:dyDescent="0.35">
      <c r="A21714" s="1" t="s">
        <v>47155</v>
      </c>
      <c r="B21714" s="1" t="s">
        <v>75461</v>
      </c>
      <c r="C21714" s="1" t="s">
        <v>165</v>
      </c>
      <c r="D21714" s="1" t="s">
        <v>77660</v>
      </c>
      <c r="E21714" s="1" t="s">
        <v>77661</v>
      </c>
      <c r="F21714" s="1" t="s">
        <v>77662</v>
      </c>
      <c r="G21714" s="1" t="s">
        <v>77544</v>
      </c>
      <c r="H21714" s="1" t="s">
        <v>77545</v>
      </c>
      <c r="I21714" s="1" t="s">
        <v>75467</v>
      </c>
      <c r="J21714" s="1" t="s">
        <v>77663</v>
      </c>
    </row>
    <row r="21715" spans="1:10" x14ac:dyDescent="0.35">
      <c r="A21715" s="1" t="s">
        <v>47155</v>
      </c>
      <c r="B21715" s="1" t="s">
        <v>75461</v>
      </c>
      <c r="C21715" s="1" t="s">
        <v>170</v>
      </c>
      <c r="D21715" s="1" t="s">
        <v>77664</v>
      </c>
      <c r="E21715" s="1" t="s">
        <v>77665</v>
      </c>
      <c r="F21715" s="1" t="s">
        <v>77666</v>
      </c>
      <c r="G21715" s="1" t="s">
        <v>77544</v>
      </c>
      <c r="H21715" s="1" t="s">
        <v>77545</v>
      </c>
      <c r="I21715" s="1" t="s">
        <v>75467</v>
      </c>
      <c r="J21715" s="1" t="s">
        <v>77667</v>
      </c>
    </row>
    <row r="21716" spans="1:10" x14ac:dyDescent="0.35">
      <c r="A21716" s="1" t="s">
        <v>77668</v>
      </c>
      <c r="B21716" s="1" t="s">
        <v>75461</v>
      </c>
      <c r="C21716" s="1" t="s">
        <v>8</v>
      </c>
      <c r="D21716" s="1" t="s">
        <v>77669</v>
      </c>
      <c r="E21716" s="1" t="s">
        <v>76349</v>
      </c>
      <c r="F21716" s="1" t="s">
        <v>77670</v>
      </c>
      <c r="G21716" s="1" t="s">
        <v>77671</v>
      </c>
      <c r="H21716" s="1" t="s">
        <v>77672</v>
      </c>
      <c r="I21716" s="1" t="s">
        <v>75467</v>
      </c>
      <c r="J21716" s="1" t="s">
        <v>13</v>
      </c>
    </row>
    <row r="21717" spans="1:10" x14ac:dyDescent="0.35">
      <c r="A21717" s="1" t="s">
        <v>77668</v>
      </c>
      <c r="B21717" s="1" t="s">
        <v>75461</v>
      </c>
      <c r="C21717" s="1" t="s">
        <v>15</v>
      </c>
      <c r="D21717" s="1" t="s">
        <v>77673</v>
      </c>
      <c r="E21717" s="1" t="s">
        <v>77674</v>
      </c>
      <c r="F21717" s="1" t="s">
        <v>77675</v>
      </c>
      <c r="G21717" s="1" t="s">
        <v>77671</v>
      </c>
      <c r="H21717" s="1" t="s">
        <v>77672</v>
      </c>
      <c r="I21717" s="1" t="s">
        <v>75467</v>
      </c>
      <c r="J21717" s="1" t="s">
        <v>77676</v>
      </c>
    </row>
    <row r="21718" spans="1:10" x14ac:dyDescent="0.35">
      <c r="A21718" s="1" t="s">
        <v>77668</v>
      </c>
      <c r="B21718" s="1" t="s">
        <v>75461</v>
      </c>
      <c r="C21718" s="1" t="s">
        <v>20</v>
      </c>
      <c r="D21718" s="1" t="s">
        <v>63086</v>
      </c>
      <c r="E21718" s="1" t="s">
        <v>19924</v>
      </c>
      <c r="F21718" s="1" t="s">
        <v>77677</v>
      </c>
      <c r="G21718" s="1" t="s">
        <v>77671</v>
      </c>
      <c r="H21718" s="1" t="s">
        <v>77672</v>
      </c>
      <c r="I21718" s="1" t="s">
        <v>75467</v>
      </c>
      <c r="J21718" s="1" t="s">
        <v>77678</v>
      </c>
    </row>
    <row r="21719" spans="1:10" x14ac:dyDescent="0.35">
      <c r="A21719" s="1" t="s">
        <v>77668</v>
      </c>
      <c r="B21719" s="1" t="s">
        <v>75461</v>
      </c>
      <c r="C21719" s="1" t="s">
        <v>25</v>
      </c>
      <c r="D21719" s="1" t="s">
        <v>77679</v>
      </c>
      <c r="E21719" s="1" t="s">
        <v>77680</v>
      </c>
      <c r="F21719" s="1" t="s">
        <v>77681</v>
      </c>
      <c r="G21719" s="1" t="s">
        <v>77671</v>
      </c>
      <c r="H21719" s="1" t="s">
        <v>77672</v>
      </c>
      <c r="I21719" s="1" t="s">
        <v>75467</v>
      </c>
      <c r="J21719" s="1" t="s">
        <v>77682</v>
      </c>
    </row>
    <row r="21720" spans="1:10" x14ac:dyDescent="0.35">
      <c r="A21720" s="1" t="s">
        <v>77668</v>
      </c>
      <c r="B21720" s="1" t="s">
        <v>75461</v>
      </c>
      <c r="C21720" s="1" t="s">
        <v>30</v>
      </c>
      <c r="D21720" s="1" t="s">
        <v>77683</v>
      </c>
      <c r="E21720" s="1" t="s">
        <v>77684</v>
      </c>
      <c r="F21720" s="1" t="s">
        <v>77685</v>
      </c>
      <c r="G21720" s="1" t="s">
        <v>77671</v>
      </c>
      <c r="H21720" s="1" t="s">
        <v>77672</v>
      </c>
      <c r="I21720" s="1" t="s">
        <v>75467</v>
      </c>
      <c r="J21720" s="1" t="s">
        <v>77686</v>
      </c>
    </row>
    <row r="21721" spans="1:10" x14ac:dyDescent="0.35">
      <c r="A21721" s="1" t="s">
        <v>77668</v>
      </c>
      <c r="B21721" s="1" t="s">
        <v>75461</v>
      </c>
      <c r="C21721" s="1" t="s">
        <v>35</v>
      </c>
      <c r="D21721" s="1" t="s">
        <v>77687</v>
      </c>
      <c r="E21721" s="1" t="s">
        <v>76375</v>
      </c>
      <c r="F21721" s="1" t="s">
        <v>77688</v>
      </c>
      <c r="G21721" s="1" t="s">
        <v>77671</v>
      </c>
      <c r="H21721" s="1" t="s">
        <v>77672</v>
      </c>
      <c r="I21721" s="1" t="s">
        <v>75467</v>
      </c>
      <c r="J21721" s="1" t="s">
        <v>77689</v>
      </c>
    </row>
    <row r="21722" spans="1:10" x14ac:dyDescent="0.35">
      <c r="A21722" s="1" t="s">
        <v>77668</v>
      </c>
      <c r="B21722" s="1" t="s">
        <v>75461</v>
      </c>
      <c r="C21722" s="1" t="s">
        <v>40</v>
      </c>
      <c r="D21722" s="1" t="s">
        <v>77690</v>
      </c>
      <c r="E21722" s="1" t="s">
        <v>19882</v>
      </c>
      <c r="F21722" s="1" t="s">
        <v>77691</v>
      </c>
      <c r="G21722" s="1" t="s">
        <v>77671</v>
      </c>
      <c r="H21722" s="1" t="s">
        <v>77672</v>
      </c>
      <c r="I21722" s="1" t="s">
        <v>75467</v>
      </c>
      <c r="J21722" s="1" t="s">
        <v>77692</v>
      </c>
    </row>
    <row r="21723" spans="1:10" x14ac:dyDescent="0.35">
      <c r="A21723" s="1" t="s">
        <v>77668</v>
      </c>
      <c r="B21723" s="1" t="s">
        <v>75461</v>
      </c>
      <c r="C21723" s="1" t="s">
        <v>45</v>
      </c>
      <c r="D21723" s="1" t="s">
        <v>77693</v>
      </c>
      <c r="E21723" s="1" t="s">
        <v>77694</v>
      </c>
      <c r="F21723" s="1" t="s">
        <v>77695</v>
      </c>
      <c r="G21723" s="1" t="s">
        <v>77671</v>
      </c>
      <c r="H21723" s="1" t="s">
        <v>77672</v>
      </c>
      <c r="I21723" s="1" t="s">
        <v>75467</v>
      </c>
      <c r="J21723" s="1" t="s">
        <v>77696</v>
      </c>
    </row>
    <row r="21724" spans="1:10" x14ac:dyDescent="0.35">
      <c r="A21724" s="1" t="s">
        <v>77668</v>
      </c>
      <c r="B21724" s="1" t="s">
        <v>75461</v>
      </c>
      <c r="C21724" s="1" t="s">
        <v>50</v>
      </c>
      <c r="D21724" s="1" t="s">
        <v>77697</v>
      </c>
      <c r="E21724" s="1" t="s">
        <v>77698</v>
      </c>
      <c r="F21724" s="1" t="s">
        <v>77699</v>
      </c>
      <c r="G21724" s="1" t="s">
        <v>77671</v>
      </c>
      <c r="H21724" s="1" t="s">
        <v>77672</v>
      </c>
      <c r="I21724" s="1" t="s">
        <v>75467</v>
      </c>
      <c r="J21724" s="1" t="s">
        <v>77700</v>
      </c>
    </row>
    <row r="21725" spans="1:10" x14ac:dyDescent="0.35">
      <c r="A21725" s="1" t="s">
        <v>77668</v>
      </c>
      <c r="B21725" s="1" t="s">
        <v>75461</v>
      </c>
      <c r="C21725" s="1" t="s">
        <v>55</v>
      </c>
      <c r="D21725" s="1" t="s">
        <v>77701</v>
      </c>
      <c r="E21725" s="1" t="s">
        <v>77702</v>
      </c>
      <c r="F21725" s="1" t="s">
        <v>77703</v>
      </c>
      <c r="G21725" s="1" t="s">
        <v>77671</v>
      </c>
      <c r="H21725" s="1" t="s">
        <v>77672</v>
      </c>
      <c r="I21725" s="1" t="s">
        <v>75467</v>
      </c>
      <c r="J21725" s="1" t="s">
        <v>77704</v>
      </c>
    </row>
    <row r="21726" spans="1:10" x14ac:dyDescent="0.35">
      <c r="A21726" s="1" t="s">
        <v>77668</v>
      </c>
      <c r="B21726" s="1" t="s">
        <v>75461</v>
      </c>
      <c r="C21726" s="1" t="s">
        <v>60</v>
      </c>
      <c r="D21726" s="1" t="s">
        <v>77705</v>
      </c>
      <c r="E21726" s="1" t="s">
        <v>77706</v>
      </c>
      <c r="F21726" s="1" t="s">
        <v>77707</v>
      </c>
      <c r="G21726" s="1" t="s">
        <v>77671</v>
      </c>
      <c r="H21726" s="1" t="s">
        <v>77672</v>
      </c>
      <c r="I21726" s="1" t="s">
        <v>75467</v>
      </c>
      <c r="J21726" s="1" t="s">
        <v>77708</v>
      </c>
    </row>
    <row r="21727" spans="1:10" x14ac:dyDescent="0.35">
      <c r="A21727" s="1" t="s">
        <v>77668</v>
      </c>
      <c r="B21727" s="1" t="s">
        <v>75461</v>
      </c>
      <c r="C21727" s="1" t="s">
        <v>65</v>
      </c>
      <c r="D21727" s="1" t="s">
        <v>77709</v>
      </c>
      <c r="E21727" s="1" t="s">
        <v>77710</v>
      </c>
      <c r="F21727" s="1" t="s">
        <v>77711</v>
      </c>
      <c r="G21727" s="1" t="s">
        <v>77671</v>
      </c>
      <c r="H21727" s="1" t="s">
        <v>77672</v>
      </c>
      <c r="I21727" s="1" t="s">
        <v>75467</v>
      </c>
      <c r="J21727" s="1" t="s">
        <v>77712</v>
      </c>
    </row>
    <row r="21728" spans="1:10" x14ac:dyDescent="0.35">
      <c r="A21728" s="1" t="s">
        <v>77668</v>
      </c>
      <c r="B21728" s="1" t="s">
        <v>75461</v>
      </c>
      <c r="C21728" s="1" t="s">
        <v>70</v>
      </c>
      <c r="D21728" s="1" t="s">
        <v>63128</v>
      </c>
      <c r="E21728" s="1" t="s">
        <v>19960</v>
      </c>
      <c r="F21728" s="1" t="s">
        <v>77713</v>
      </c>
      <c r="G21728" s="1" t="s">
        <v>77671</v>
      </c>
      <c r="H21728" s="1" t="s">
        <v>77672</v>
      </c>
      <c r="I21728" s="1" t="s">
        <v>75467</v>
      </c>
      <c r="J21728" s="1" t="s">
        <v>77714</v>
      </c>
    </row>
    <row r="21729" spans="1:10" x14ac:dyDescent="0.35">
      <c r="A21729" s="1" t="s">
        <v>77668</v>
      </c>
      <c r="B21729" s="1" t="s">
        <v>75461</v>
      </c>
      <c r="C21729" s="1" t="s">
        <v>75</v>
      </c>
      <c r="D21729" s="1" t="s">
        <v>77593</v>
      </c>
      <c r="E21729" s="1" t="s">
        <v>15959</v>
      </c>
      <c r="F21729" s="1" t="s">
        <v>77715</v>
      </c>
      <c r="G21729" s="1" t="s">
        <v>77671</v>
      </c>
      <c r="H21729" s="1" t="s">
        <v>77672</v>
      </c>
      <c r="I21729" s="1" t="s">
        <v>75467</v>
      </c>
      <c r="J21729" s="1" t="s">
        <v>77716</v>
      </c>
    </row>
    <row r="21730" spans="1:10" x14ac:dyDescent="0.35">
      <c r="A21730" s="1" t="s">
        <v>77668</v>
      </c>
      <c r="B21730" s="1" t="s">
        <v>75461</v>
      </c>
      <c r="C21730" s="1" t="s">
        <v>80</v>
      </c>
      <c r="D21730" s="1" t="s">
        <v>77717</v>
      </c>
      <c r="E21730" s="1" t="s">
        <v>77718</v>
      </c>
      <c r="F21730" s="1" t="s">
        <v>77719</v>
      </c>
      <c r="G21730" s="1" t="s">
        <v>77671</v>
      </c>
      <c r="H21730" s="1" t="s">
        <v>77672</v>
      </c>
      <c r="I21730" s="1" t="s">
        <v>75467</v>
      </c>
      <c r="J21730" s="1" t="s">
        <v>77720</v>
      </c>
    </row>
    <row r="21731" spans="1:10" x14ac:dyDescent="0.35">
      <c r="A21731" s="1" t="s">
        <v>77668</v>
      </c>
      <c r="B21731" s="1" t="s">
        <v>75461</v>
      </c>
      <c r="C21731" s="1" t="s">
        <v>85</v>
      </c>
      <c r="D21731" s="1" t="s">
        <v>77721</v>
      </c>
      <c r="E21731" s="1" t="s">
        <v>77722</v>
      </c>
      <c r="F21731" s="1" t="s">
        <v>77723</v>
      </c>
      <c r="G21731" s="1" t="s">
        <v>77671</v>
      </c>
      <c r="H21731" s="1" t="s">
        <v>77672</v>
      </c>
      <c r="I21731" s="1" t="s">
        <v>75467</v>
      </c>
      <c r="J21731" s="1" t="s">
        <v>77724</v>
      </c>
    </row>
    <row r="21732" spans="1:10" x14ac:dyDescent="0.35">
      <c r="A21732" s="1" t="s">
        <v>77668</v>
      </c>
      <c r="B21732" s="1" t="s">
        <v>75461</v>
      </c>
      <c r="C21732" s="1" t="s">
        <v>90</v>
      </c>
      <c r="D21732" s="1" t="s">
        <v>77725</v>
      </c>
      <c r="E21732" s="1" t="s">
        <v>77726</v>
      </c>
      <c r="F21732" s="1" t="s">
        <v>77727</v>
      </c>
      <c r="G21732" s="1" t="s">
        <v>77671</v>
      </c>
      <c r="H21732" s="1" t="s">
        <v>77672</v>
      </c>
      <c r="I21732" s="1" t="s">
        <v>75467</v>
      </c>
      <c r="J21732" s="1" t="s">
        <v>77728</v>
      </c>
    </row>
    <row r="21733" spans="1:10" x14ac:dyDescent="0.35">
      <c r="A21733" s="1" t="s">
        <v>77668</v>
      </c>
      <c r="B21733" s="1" t="s">
        <v>75461</v>
      </c>
      <c r="C21733" s="1" t="s">
        <v>95</v>
      </c>
      <c r="D21733" s="1" t="s">
        <v>77729</v>
      </c>
      <c r="E21733" s="1" t="s">
        <v>77730</v>
      </c>
      <c r="F21733" s="1" t="s">
        <v>77731</v>
      </c>
      <c r="G21733" s="1" t="s">
        <v>77671</v>
      </c>
      <c r="H21733" s="1" t="s">
        <v>77672</v>
      </c>
      <c r="I21733" s="1" t="s">
        <v>75467</v>
      </c>
      <c r="J21733" s="1" t="s">
        <v>77732</v>
      </c>
    </row>
    <row r="21734" spans="1:10" x14ac:dyDescent="0.35">
      <c r="A21734" s="1" t="s">
        <v>77668</v>
      </c>
      <c r="B21734" s="1" t="s">
        <v>75461</v>
      </c>
      <c r="C21734" s="1" t="s">
        <v>100</v>
      </c>
      <c r="D21734" s="1" t="s">
        <v>77733</v>
      </c>
      <c r="E21734" s="1" t="s">
        <v>77734</v>
      </c>
      <c r="F21734" s="1" t="s">
        <v>77735</v>
      </c>
      <c r="G21734" s="1" t="s">
        <v>77671</v>
      </c>
      <c r="H21734" s="1" t="s">
        <v>77672</v>
      </c>
      <c r="I21734" s="1" t="s">
        <v>75467</v>
      </c>
      <c r="J21734" s="1" t="s">
        <v>77736</v>
      </c>
    </row>
    <row r="21735" spans="1:10" x14ac:dyDescent="0.35">
      <c r="A21735" s="1" t="s">
        <v>77668</v>
      </c>
      <c r="B21735" s="1" t="s">
        <v>75461</v>
      </c>
      <c r="C21735" s="1" t="s">
        <v>105</v>
      </c>
      <c r="D21735" s="1" t="s">
        <v>77737</v>
      </c>
      <c r="E21735" s="1" t="s">
        <v>77738</v>
      </c>
      <c r="F21735" s="1" t="s">
        <v>77739</v>
      </c>
      <c r="G21735" s="1" t="s">
        <v>77671</v>
      </c>
      <c r="H21735" s="1" t="s">
        <v>77672</v>
      </c>
      <c r="I21735" s="1" t="s">
        <v>75467</v>
      </c>
      <c r="J21735" s="1" t="s">
        <v>77740</v>
      </c>
    </row>
    <row r="21736" spans="1:10" x14ac:dyDescent="0.35">
      <c r="A21736" s="1" t="s">
        <v>77668</v>
      </c>
      <c r="B21736" s="1" t="s">
        <v>75461</v>
      </c>
      <c r="C21736" s="1" t="s">
        <v>110</v>
      </c>
      <c r="D21736" s="1" t="s">
        <v>19939</v>
      </c>
      <c r="E21736" s="1" t="s">
        <v>77741</v>
      </c>
      <c r="F21736" s="1" t="s">
        <v>77742</v>
      </c>
      <c r="G21736" s="1" t="s">
        <v>77671</v>
      </c>
      <c r="H21736" s="1" t="s">
        <v>77672</v>
      </c>
      <c r="I21736" s="1" t="s">
        <v>75467</v>
      </c>
      <c r="J21736" s="1" t="s">
        <v>77743</v>
      </c>
    </row>
    <row r="21737" spans="1:10" x14ac:dyDescent="0.35">
      <c r="A21737" s="1" t="s">
        <v>77668</v>
      </c>
      <c r="B21737" s="1" t="s">
        <v>75461</v>
      </c>
      <c r="C21737" s="1" t="s">
        <v>115</v>
      </c>
      <c r="D21737" s="1" t="s">
        <v>77744</v>
      </c>
      <c r="E21737" s="1" t="s">
        <v>77745</v>
      </c>
      <c r="F21737" s="1" t="s">
        <v>26258</v>
      </c>
      <c r="G21737" s="1" t="s">
        <v>77671</v>
      </c>
      <c r="H21737" s="1" t="s">
        <v>77672</v>
      </c>
      <c r="I21737" s="1" t="s">
        <v>75467</v>
      </c>
      <c r="J21737" s="1" t="s">
        <v>77746</v>
      </c>
    </row>
    <row r="21738" spans="1:10" x14ac:dyDescent="0.35">
      <c r="A21738" s="1" t="s">
        <v>77668</v>
      </c>
      <c r="B21738" s="1" t="s">
        <v>75461</v>
      </c>
      <c r="C21738" s="1" t="s">
        <v>120</v>
      </c>
      <c r="D21738" s="1" t="s">
        <v>77747</v>
      </c>
      <c r="E21738" s="1" t="s">
        <v>15695</v>
      </c>
      <c r="F21738" s="1" t="s">
        <v>77748</v>
      </c>
      <c r="G21738" s="1" t="s">
        <v>77671</v>
      </c>
      <c r="H21738" s="1" t="s">
        <v>77672</v>
      </c>
      <c r="I21738" s="1" t="s">
        <v>75467</v>
      </c>
      <c r="J21738" s="1" t="s">
        <v>77749</v>
      </c>
    </row>
    <row r="21739" spans="1:10" x14ac:dyDescent="0.35">
      <c r="A21739" s="1" t="s">
        <v>77668</v>
      </c>
      <c r="B21739" s="1" t="s">
        <v>75461</v>
      </c>
      <c r="C21739" s="1" t="s">
        <v>125</v>
      </c>
      <c r="D21739" s="1" t="s">
        <v>58850</v>
      </c>
      <c r="E21739" s="1" t="s">
        <v>70904</v>
      </c>
      <c r="F21739" s="1" t="s">
        <v>77750</v>
      </c>
      <c r="G21739" s="1" t="s">
        <v>77671</v>
      </c>
      <c r="H21739" s="1" t="s">
        <v>77672</v>
      </c>
      <c r="I21739" s="1" t="s">
        <v>75467</v>
      </c>
      <c r="J21739" s="1" t="s">
        <v>77751</v>
      </c>
    </row>
    <row r="21740" spans="1:10" x14ac:dyDescent="0.35">
      <c r="A21740" s="1" t="s">
        <v>77668</v>
      </c>
      <c r="B21740" s="1" t="s">
        <v>75461</v>
      </c>
      <c r="C21740" s="1" t="s">
        <v>130</v>
      </c>
      <c r="D21740" s="1" t="s">
        <v>77752</v>
      </c>
      <c r="E21740" s="1" t="s">
        <v>77753</v>
      </c>
      <c r="F21740" s="1" t="s">
        <v>77754</v>
      </c>
      <c r="G21740" s="1" t="s">
        <v>77671</v>
      </c>
      <c r="H21740" s="1" t="s">
        <v>77672</v>
      </c>
      <c r="I21740" s="1" t="s">
        <v>75467</v>
      </c>
      <c r="J21740" s="1" t="s">
        <v>77755</v>
      </c>
    </row>
    <row r="21741" spans="1:10" x14ac:dyDescent="0.35">
      <c r="A21741" s="1" t="s">
        <v>77668</v>
      </c>
      <c r="B21741" s="1" t="s">
        <v>75461</v>
      </c>
      <c r="C21741" s="1" t="s">
        <v>135</v>
      </c>
      <c r="D21741" s="1" t="s">
        <v>77756</v>
      </c>
      <c r="E21741" s="1" t="s">
        <v>77694</v>
      </c>
      <c r="F21741" s="1" t="s">
        <v>77757</v>
      </c>
      <c r="G21741" s="1" t="s">
        <v>77671</v>
      </c>
      <c r="H21741" s="1" t="s">
        <v>77672</v>
      </c>
      <c r="I21741" s="1" t="s">
        <v>75467</v>
      </c>
      <c r="J21741" s="1" t="s">
        <v>77758</v>
      </c>
    </row>
    <row r="21742" spans="1:10" x14ac:dyDescent="0.35">
      <c r="A21742" s="1" t="s">
        <v>77668</v>
      </c>
      <c r="B21742" s="1" t="s">
        <v>75461</v>
      </c>
      <c r="C21742" s="1" t="s">
        <v>140</v>
      </c>
      <c r="D21742" s="1" t="s">
        <v>77759</v>
      </c>
      <c r="E21742" s="1" t="s">
        <v>15969</v>
      </c>
      <c r="F21742" s="1" t="s">
        <v>70964</v>
      </c>
      <c r="G21742" s="1" t="s">
        <v>77671</v>
      </c>
      <c r="H21742" s="1" t="s">
        <v>77672</v>
      </c>
      <c r="I21742" s="1" t="s">
        <v>75467</v>
      </c>
      <c r="J21742" s="1" t="s">
        <v>77760</v>
      </c>
    </row>
    <row r="21743" spans="1:10" x14ac:dyDescent="0.35">
      <c r="A21743" s="1" t="s">
        <v>77668</v>
      </c>
      <c r="B21743" s="1" t="s">
        <v>75461</v>
      </c>
      <c r="C21743" s="1" t="s">
        <v>145</v>
      </c>
      <c r="D21743" s="1" t="s">
        <v>77761</v>
      </c>
      <c r="E21743" s="1" t="s">
        <v>77762</v>
      </c>
      <c r="F21743" s="1" t="s">
        <v>77763</v>
      </c>
      <c r="G21743" s="1" t="s">
        <v>77671</v>
      </c>
      <c r="H21743" s="1" t="s">
        <v>77672</v>
      </c>
      <c r="I21743" s="1" t="s">
        <v>75467</v>
      </c>
      <c r="J21743" s="1" t="s">
        <v>77764</v>
      </c>
    </row>
    <row r="21744" spans="1:10" x14ac:dyDescent="0.35">
      <c r="A21744" s="1" t="s">
        <v>77668</v>
      </c>
      <c r="B21744" s="1" t="s">
        <v>75461</v>
      </c>
      <c r="C21744" s="1" t="s">
        <v>150</v>
      </c>
      <c r="D21744" s="1" t="s">
        <v>77765</v>
      </c>
      <c r="E21744" s="1" t="s">
        <v>77710</v>
      </c>
      <c r="F21744" s="1" t="s">
        <v>77766</v>
      </c>
      <c r="G21744" s="1" t="s">
        <v>77671</v>
      </c>
      <c r="H21744" s="1" t="s">
        <v>77672</v>
      </c>
      <c r="I21744" s="1" t="s">
        <v>75467</v>
      </c>
      <c r="J21744" s="1" t="s">
        <v>77767</v>
      </c>
    </row>
    <row r="21745" spans="1:10" x14ac:dyDescent="0.35">
      <c r="A21745" s="1" t="s">
        <v>77668</v>
      </c>
      <c r="B21745" s="1" t="s">
        <v>75461</v>
      </c>
      <c r="C21745" s="1" t="s">
        <v>155</v>
      </c>
      <c r="D21745" s="1" t="s">
        <v>77768</v>
      </c>
      <c r="E21745" s="1" t="s">
        <v>77769</v>
      </c>
      <c r="F21745" s="1" t="s">
        <v>77770</v>
      </c>
      <c r="G21745" s="1" t="s">
        <v>77671</v>
      </c>
      <c r="H21745" s="1" t="s">
        <v>77672</v>
      </c>
      <c r="I21745" s="1" t="s">
        <v>75467</v>
      </c>
      <c r="J21745" s="1" t="s">
        <v>77771</v>
      </c>
    </row>
    <row r="21746" spans="1:10" x14ac:dyDescent="0.35">
      <c r="A21746" s="1" t="s">
        <v>77668</v>
      </c>
      <c r="B21746" s="1" t="s">
        <v>75461</v>
      </c>
      <c r="C21746" s="1" t="s">
        <v>160</v>
      </c>
      <c r="D21746" s="1" t="s">
        <v>77772</v>
      </c>
      <c r="E21746" s="1" t="s">
        <v>77773</v>
      </c>
      <c r="F21746" s="1" t="s">
        <v>77774</v>
      </c>
      <c r="G21746" s="1" t="s">
        <v>77671</v>
      </c>
      <c r="H21746" s="1" t="s">
        <v>77672</v>
      </c>
      <c r="I21746" s="1" t="s">
        <v>75467</v>
      </c>
      <c r="J21746" s="1" t="s">
        <v>77775</v>
      </c>
    </row>
    <row r="21747" spans="1:10" x14ac:dyDescent="0.35">
      <c r="A21747" s="1" t="s">
        <v>77668</v>
      </c>
      <c r="B21747" s="1" t="s">
        <v>75461</v>
      </c>
      <c r="C21747" s="1" t="s">
        <v>165</v>
      </c>
      <c r="D21747" s="1" t="s">
        <v>77776</v>
      </c>
      <c r="E21747" s="1" t="s">
        <v>77777</v>
      </c>
      <c r="F21747" s="1" t="s">
        <v>77778</v>
      </c>
      <c r="G21747" s="1" t="s">
        <v>77671</v>
      </c>
      <c r="H21747" s="1" t="s">
        <v>77672</v>
      </c>
      <c r="I21747" s="1" t="s">
        <v>75467</v>
      </c>
      <c r="J21747" s="1" t="s">
        <v>77779</v>
      </c>
    </row>
    <row r="21748" spans="1:10" x14ac:dyDescent="0.35">
      <c r="A21748" s="1" t="s">
        <v>77668</v>
      </c>
      <c r="B21748" s="1" t="s">
        <v>75461</v>
      </c>
      <c r="C21748" s="1" t="s">
        <v>170</v>
      </c>
      <c r="D21748" s="1" t="s">
        <v>77780</v>
      </c>
      <c r="E21748" s="1" t="s">
        <v>77781</v>
      </c>
      <c r="F21748" s="1" t="s">
        <v>77782</v>
      </c>
      <c r="G21748" s="1" t="s">
        <v>77671</v>
      </c>
      <c r="H21748" s="1" t="s">
        <v>77672</v>
      </c>
      <c r="I21748" s="1" t="s">
        <v>75467</v>
      </c>
      <c r="J21748" s="1" t="s">
        <v>77783</v>
      </c>
    </row>
    <row r="21749" spans="1:10" x14ac:dyDescent="0.35">
      <c r="A21749" s="1" t="s">
        <v>25084</v>
      </c>
      <c r="B21749" s="1" t="s">
        <v>75461</v>
      </c>
      <c r="C21749" s="1" t="s">
        <v>8</v>
      </c>
      <c r="D21749" s="1" t="s">
        <v>52892</v>
      </c>
      <c r="E21749" s="1" t="s">
        <v>77784</v>
      </c>
      <c r="F21749" s="1" t="s">
        <v>77785</v>
      </c>
      <c r="G21749" s="1" t="s">
        <v>77786</v>
      </c>
      <c r="H21749" s="1" t="s">
        <v>77787</v>
      </c>
      <c r="I21749" s="1" t="s">
        <v>75467</v>
      </c>
      <c r="J21749" s="1" t="s">
        <v>13</v>
      </c>
    </row>
    <row r="21750" spans="1:10" x14ac:dyDescent="0.35">
      <c r="A21750" s="1" t="s">
        <v>25084</v>
      </c>
      <c r="B21750" s="1" t="s">
        <v>75461</v>
      </c>
      <c r="C21750" s="1" t="s">
        <v>15</v>
      </c>
      <c r="D21750" s="1" t="s">
        <v>77788</v>
      </c>
      <c r="E21750" s="1" t="s">
        <v>77789</v>
      </c>
      <c r="F21750" s="1" t="s">
        <v>77790</v>
      </c>
      <c r="G21750" s="1" t="s">
        <v>77786</v>
      </c>
      <c r="H21750" s="1" t="s">
        <v>77787</v>
      </c>
      <c r="I21750" s="1" t="s">
        <v>75467</v>
      </c>
      <c r="J21750" s="1" t="s">
        <v>77791</v>
      </c>
    </row>
    <row r="21751" spans="1:10" x14ac:dyDescent="0.35">
      <c r="A21751" s="1" t="s">
        <v>25084</v>
      </c>
      <c r="B21751" s="1" t="s">
        <v>75461</v>
      </c>
      <c r="C21751" s="1" t="s">
        <v>20</v>
      </c>
      <c r="D21751" s="1" t="s">
        <v>62457</v>
      </c>
      <c r="E21751" s="1" t="s">
        <v>77792</v>
      </c>
      <c r="F21751" s="1" t="s">
        <v>77793</v>
      </c>
      <c r="G21751" s="1" t="s">
        <v>77786</v>
      </c>
      <c r="H21751" s="1" t="s">
        <v>77787</v>
      </c>
      <c r="I21751" s="1" t="s">
        <v>75467</v>
      </c>
      <c r="J21751" s="1" t="s">
        <v>77794</v>
      </c>
    </row>
    <row r="21752" spans="1:10" x14ac:dyDescent="0.35">
      <c r="A21752" s="1" t="s">
        <v>25084</v>
      </c>
      <c r="B21752" s="1" t="s">
        <v>75461</v>
      </c>
      <c r="C21752" s="1" t="s">
        <v>25</v>
      </c>
      <c r="D21752" s="1" t="s">
        <v>77795</v>
      </c>
      <c r="E21752" s="1" t="s">
        <v>77796</v>
      </c>
      <c r="F21752" s="1" t="s">
        <v>77797</v>
      </c>
      <c r="G21752" s="1" t="s">
        <v>77786</v>
      </c>
      <c r="H21752" s="1" t="s">
        <v>77787</v>
      </c>
      <c r="I21752" s="1" t="s">
        <v>75467</v>
      </c>
      <c r="J21752" s="1" t="s">
        <v>77798</v>
      </c>
    </row>
    <row r="21753" spans="1:10" x14ac:dyDescent="0.35">
      <c r="A21753" s="1" t="s">
        <v>25084</v>
      </c>
      <c r="B21753" s="1" t="s">
        <v>75461</v>
      </c>
      <c r="C21753" s="1" t="s">
        <v>30</v>
      </c>
      <c r="D21753" s="1" t="s">
        <v>77799</v>
      </c>
      <c r="E21753" s="1" t="s">
        <v>77800</v>
      </c>
      <c r="F21753" s="1" t="s">
        <v>77801</v>
      </c>
      <c r="G21753" s="1" t="s">
        <v>77786</v>
      </c>
      <c r="H21753" s="1" t="s">
        <v>77787</v>
      </c>
      <c r="I21753" s="1" t="s">
        <v>75467</v>
      </c>
      <c r="J21753" s="1" t="s">
        <v>77802</v>
      </c>
    </row>
    <row r="21754" spans="1:10" x14ac:dyDescent="0.35">
      <c r="A21754" s="1" t="s">
        <v>25084</v>
      </c>
      <c r="B21754" s="1" t="s">
        <v>75461</v>
      </c>
      <c r="C21754" s="1" t="s">
        <v>35</v>
      </c>
      <c r="D21754" s="1" t="s">
        <v>77803</v>
      </c>
      <c r="E21754" s="1" t="s">
        <v>77804</v>
      </c>
      <c r="F21754" s="1" t="s">
        <v>77805</v>
      </c>
      <c r="G21754" s="1" t="s">
        <v>77786</v>
      </c>
      <c r="H21754" s="1" t="s">
        <v>77787</v>
      </c>
      <c r="I21754" s="1" t="s">
        <v>75467</v>
      </c>
      <c r="J21754" s="1" t="s">
        <v>77806</v>
      </c>
    </row>
    <row r="21755" spans="1:10" x14ac:dyDescent="0.35">
      <c r="A21755" s="1" t="s">
        <v>25084</v>
      </c>
      <c r="B21755" s="1" t="s">
        <v>75461</v>
      </c>
      <c r="C21755" s="1" t="s">
        <v>40</v>
      </c>
      <c r="D21755" s="1" t="s">
        <v>77807</v>
      </c>
      <c r="E21755" s="1" t="s">
        <v>77808</v>
      </c>
      <c r="F21755" s="1" t="s">
        <v>77809</v>
      </c>
      <c r="G21755" s="1" t="s">
        <v>77786</v>
      </c>
      <c r="H21755" s="1" t="s">
        <v>77787</v>
      </c>
      <c r="I21755" s="1" t="s">
        <v>75467</v>
      </c>
      <c r="J21755" s="1" t="s">
        <v>77810</v>
      </c>
    </row>
    <row r="21756" spans="1:10" x14ac:dyDescent="0.35">
      <c r="A21756" s="1" t="s">
        <v>25084</v>
      </c>
      <c r="B21756" s="1" t="s">
        <v>75461</v>
      </c>
      <c r="C21756" s="1" t="s">
        <v>45</v>
      </c>
      <c r="D21756" s="1" t="s">
        <v>77811</v>
      </c>
      <c r="E21756" s="1" t="s">
        <v>77812</v>
      </c>
      <c r="F21756" s="1" t="s">
        <v>77813</v>
      </c>
      <c r="G21756" s="1" t="s">
        <v>77786</v>
      </c>
      <c r="H21756" s="1" t="s">
        <v>77787</v>
      </c>
      <c r="I21756" s="1" t="s">
        <v>75467</v>
      </c>
      <c r="J21756" s="1" t="s">
        <v>77814</v>
      </c>
    </row>
    <row r="21757" spans="1:10" x14ac:dyDescent="0.35">
      <c r="A21757" s="1" t="s">
        <v>25084</v>
      </c>
      <c r="B21757" s="1" t="s">
        <v>75461</v>
      </c>
      <c r="C21757" s="1" t="s">
        <v>50</v>
      </c>
      <c r="D21757" s="1" t="s">
        <v>77815</v>
      </c>
      <c r="E21757" s="1" t="s">
        <v>77816</v>
      </c>
      <c r="F21757" s="1" t="s">
        <v>77817</v>
      </c>
      <c r="G21757" s="1" t="s">
        <v>77786</v>
      </c>
      <c r="H21757" s="1" t="s">
        <v>77787</v>
      </c>
      <c r="I21757" s="1" t="s">
        <v>75467</v>
      </c>
      <c r="J21757" s="1" t="s">
        <v>77818</v>
      </c>
    </row>
    <row r="21758" spans="1:10" x14ac:dyDescent="0.35">
      <c r="A21758" s="1" t="s">
        <v>25084</v>
      </c>
      <c r="B21758" s="1" t="s">
        <v>75461</v>
      </c>
      <c r="C21758" s="1" t="s">
        <v>55</v>
      </c>
      <c r="D21758" s="1" t="s">
        <v>54282</v>
      </c>
      <c r="E21758" s="1" t="s">
        <v>77819</v>
      </c>
      <c r="F21758" s="1" t="s">
        <v>77820</v>
      </c>
      <c r="G21758" s="1" t="s">
        <v>77786</v>
      </c>
      <c r="H21758" s="1" t="s">
        <v>77787</v>
      </c>
      <c r="I21758" s="1" t="s">
        <v>75467</v>
      </c>
      <c r="J21758" s="1" t="s">
        <v>77821</v>
      </c>
    </row>
    <row r="21759" spans="1:10" x14ac:dyDescent="0.35">
      <c r="A21759" s="1" t="s">
        <v>25084</v>
      </c>
      <c r="B21759" s="1" t="s">
        <v>75461</v>
      </c>
      <c r="C21759" s="1" t="s">
        <v>60</v>
      </c>
      <c r="D21759" s="1" t="s">
        <v>56427</v>
      </c>
      <c r="E21759" s="1" t="s">
        <v>70807</v>
      </c>
      <c r="F21759" s="1" t="s">
        <v>77822</v>
      </c>
      <c r="G21759" s="1" t="s">
        <v>77786</v>
      </c>
      <c r="H21759" s="1" t="s">
        <v>77787</v>
      </c>
      <c r="I21759" s="1" t="s">
        <v>75467</v>
      </c>
      <c r="J21759" s="1" t="s">
        <v>77823</v>
      </c>
    </row>
    <row r="21760" spans="1:10" x14ac:dyDescent="0.35">
      <c r="A21760" s="1" t="s">
        <v>25084</v>
      </c>
      <c r="B21760" s="1" t="s">
        <v>75461</v>
      </c>
      <c r="C21760" s="1" t="s">
        <v>65</v>
      </c>
      <c r="D21760" s="1" t="s">
        <v>77824</v>
      </c>
      <c r="E21760" s="1" t="s">
        <v>77825</v>
      </c>
      <c r="F21760" s="1" t="s">
        <v>77826</v>
      </c>
      <c r="G21760" s="1" t="s">
        <v>77786</v>
      </c>
      <c r="H21760" s="1" t="s">
        <v>77787</v>
      </c>
      <c r="I21760" s="1" t="s">
        <v>75467</v>
      </c>
      <c r="J21760" s="1" t="s">
        <v>77827</v>
      </c>
    </row>
    <row r="21761" spans="1:10" x14ac:dyDescent="0.35">
      <c r="A21761" s="1" t="s">
        <v>25084</v>
      </c>
      <c r="B21761" s="1" t="s">
        <v>75461</v>
      </c>
      <c r="C21761" s="1" t="s">
        <v>70</v>
      </c>
      <c r="D21761" s="1" t="s">
        <v>77828</v>
      </c>
      <c r="E21761" s="1" t="s">
        <v>77829</v>
      </c>
      <c r="F21761" s="1" t="s">
        <v>77830</v>
      </c>
      <c r="G21761" s="1" t="s">
        <v>77786</v>
      </c>
      <c r="H21761" s="1" t="s">
        <v>77787</v>
      </c>
      <c r="I21761" s="1" t="s">
        <v>75467</v>
      </c>
      <c r="J21761" s="1" t="s">
        <v>77831</v>
      </c>
    </row>
    <row r="21762" spans="1:10" x14ac:dyDescent="0.35">
      <c r="A21762" s="1" t="s">
        <v>25084</v>
      </c>
      <c r="B21762" s="1" t="s">
        <v>75461</v>
      </c>
      <c r="C21762" s="1" t="s">
        <v>75</v>
      </c>
      <c r="D21762" s="1" t="s">
        <v>77832</v>
      </c>
      <c r="E21762" s="1" t="s">
        <v>77833</v>
      </c>
      <c r="F21762" s="1" t="s">
        <v>77834</v>
      </c>
      <c r="G21762" s="1" t="s">
        <v>77786</v>
      </c>
      <c r="H21762" s="1" t="s">
        <v>77787</v>
      </c>
      <c r="I21762" s="1" t="s">
        <v>75467</v>
      </c>
      <c r="J21762" s="1" t="s">
        <v>77835</v>
      </c>
    </row>
    <row r="21763" spans="1:10" x14ac:dyDescent="0.35">
      <c r="A21763" s="1" t="s">
        <v>25084</v>
      </c>
      <c r="B21763" s="1" t="s">
        <v>75461</v>
      </c>
      <c r="C21763" s="1" t="s">
        <v>80</v>
      </c>
      <c r="D21763" s="1" t="s">
        <v>77836</v>
      </c>
      <c r="E21763" s="1" t="s">
        <v>77837</v>
      </c>
      <c r="F21763" s="1" t="s">
        <v>77838</v>
      </c>
      <c r="G21763" s="1" t="s">
        <v>77786</v>
      </c>
      <c r="H21763" s="1" t="s">
        <v>77787</v>
      </c>
      <c r="I21763" s="1" t="s">
        <v>75467</v>
      </c>
      <c r="J21763" s="1" t="s">
        <v>77839</v>
      </c>
    </row>
    <row r="21764" spans="1:10" x14ac:dyDescent="0.35">
      <c r="A21764" s="1" t="s">
        <v>25084</v>
      </c>
      <c r="B21764" s="1" t="s">
        <v>75461</v>
      </c>
      <c r="C21764" s="1" t="s">
        <v>85</v>
      </c>
      <c r="D21764" s="1" t="s">
        <v>77840</v>
      </c>
      <c r="E21764" s="1" t="s">
        <v>77841</v>
      </c>
      <c r="F21764" s="1" t="s">
        <v>77842</v>
      </c>
      <c r="G21764" s="1" t="s">
        <v>77786</v>
      </c>
      <c r="H21764" s="1" t="s">
        <v>77787</v>
      </c>
      <c r="I21764" s="1" t="s">
        <v>75467</v>
      </c>
      <c r="J21764" s="1" t="s">
        <v>77843</v>
      </c>
    </row>
    <row r="21765" spans="1:10" x14ac:dyDescent="0.35">
      <c r="A21765" s="1" t="s">
        <v>25084</v>
      </c>
      <c r="B21765" s="1" t="s">
        <v>75461</v>
      </c>
      <c r="C21765" s="1" t="s">
        <v>90</v>
      </c>
      <c r="D21765" s="1" t="s">
        <v>77844</v>
      </c>
      <c r="E21765" s="1" t="s">
        <v>77845</v>
      </c>
      <c r="F21765" s="1" t="s">
        <v>77846</v>
      </c>
      <c r="G21765" s="1" t="s">
        <v>77786</v>
      </c>
      <c r="H21765" s="1" t="s">
        <v>77787</v>
      </c>
      <c r="I21765" s="1" t="s">
        <v>75467</v>
      </c>
      <c r="J21765" s="1" t="s">
        <v>77847</v>
      </c>
    </row>
    <row r="21766" spans="1:10" x14ac:dyDescent="0.35">
      <c r="A21766" s="1" t="s">
        <v>25084</v>
      </c>
      <c r="B21766" s="1" t="s">
        <v>75461</v>
      </c>
      <c r="C21766" s="1" t="s">
        <v>95</v>
      </c>
      <c r="D21766" s="1" t="s">
        <v>77848</v>
      </c>
      <c r="E21766" s="1" t="s">
        <v>77849</v>
      </c>
      <c r="F21766" s="1" t="s">
        <v>77850</v>
      </c>
      <c r="G21766" s="1" t="s">
        <v>77786</v>
      </c>
      <c r="H21766" s="1" t="s">
        <v>77787</v>
      </c>
      <c r="I21766" s="1" t="s">
        <v>75467</v>
      </c>
      <c r="J21766" s="1" t="s">
        <v>77851</v>
      </c>
    </row>
    <row r="21767" spans="1:10" x14ac:dyDescent="0.35">
      <c r="A21767" s="1" t="s">
        <v>25084</v>
      </c>
      <c r="B21767" s="1" t="s">
        <v>75461</v>
      </c>
      <c r="C21767" s="1" t="s">
        <v>100</v>
      </c>
      <c r="D21767" s="1" t="s">
        <v>77852</v>
      </c>
      <c r="E21767" s="1" t="s">
        <v>77853</v>
      </c>
      <c r="F21767" s="1" t="s">
        <v>77854</v>
      </c>
      <c r="G21767" s="1" t="s">
        <v>77786</v>
      </c>
      <c r="H21767" s="1" t="s">
        <v>77787</v>
      </c>
      <c r="I21767" s="1" t="s">
        <v>75467</v>
      </c>
      <c r="J21767" s="1" t="s">
        <v>77855</v>
      </c>
    </row>
    <row r="21768" spans="1:10" x14ac:dyDescent="0.35">
      <c r="A21768" s="1" t="s">
        <v>25084</v>
      </c>
      <c r="B21768" s="1" t="s">
        <v>75461</v>
      </c>
      <c r="C21768" s="1" t="s">
        <v>105</v>
      </c>
      <c r="D21768" s="1" t="s">
        <v>77856</v>
      </c>
      <c r="E21768" s="1" t="s">
        <v>77857</v>
      </c>
      <c r="F21768" s="1" t="s">
        <v>77858</v>
      </c>
      <c r="G21768" s="1" t="s">
        <v>77786</v>
      </c>
      <c r="H21768" s="1" t="s">
        <v>77787</v>
      </c>
      <c r="I21768" s="1" t="s">
        <v>75467</v>
      </c>
      <c r="J21768" s="1" t="s">
        <v>77859</v>
      </c>
    </row>
    <row r="21769" spans="1:10" x14ac:dyDescent="0.35">
      <c r="A21769" s="1" t="s">
        <v>25084</v>
      </c>
      <c r="B21769" s="1" t="s">
        <v>75461</v>
      </c>
      <c r="C21769" s="1" t="s">
        <v>110</v>
      </c>
      <c r="D21769" s="1" t="s">
        <v>77860</v>
      </c>
      <c r="E21769" s="1" t="s">
        <v>77861</v>
      </c>
      <c r="F21769" s="1" t="s">
        <v>77862</v>
      </c>
      <c r="G21769" s="1" t="s">
        <v>77786</v>
      </c>
      <c r="H21769" s="1" t="s">
        <v>77787</v>
      </c>
      <c r="I21769" s="1" t="s">
        <v>75467</v>
      </c>
      <c r="J21769" s="1" t="s">
        <v>77863</v>
      </c>
    </row>
    <row r="21770" spans="1:10" x14ac:dyDescent="0.35">
      <c r="A21770" s="1" t="s">
        <v>25084</v>
      </c>
      <c r="B21770" s="1" t="s">
        <v>75461</v>
      </c>
      <c r="C21770" s="1" t="s">
        <v>115</v>
      </c>
      <c r="D21770" s="1" t="s">
        <v>77864</v>
      </c>
      <c r="E21770" s="1" t="s">
        <v>77865</v>
      </c>
      <c r="F21770" s="1" t="s">
        <v>77866</v>
      </c>
      <c r="G21770" s="1" t="s">
        <v>77786</v>
      </c>
      <c r="H21770" s="1" t="s">
        <v>77787</v>
      </c>
      <c r="I21770" s="1" t="s">
        <v>75467</v>
      </c>
      <c r="J21770" s="1" t="s">
        <v>77867</v>
      </c>
    </row>
    <row r="21771" spans="1:10" x14ac:dyDescent="0.35">
      <c r="A21771" s="1" t="s">
        <v>25084</v>
      </c>
      <c r="B21771" s="1" t="s">
        <v>75461</v>
      </c>
      <c r="C21771" s="1" t="s">
        <v>120</v>
      </c>
      <c r="D21771" s="1" t="s">
        <v>77868</v>
      </c>
      <c r="E21771" s="1" t="s">
        <v>77869</v>
      </c>
      <c r="F21771" s="1" t="s">
        <v>77870</v>
      </c>
      <c r="G21771" s="1" t="s">
        <v>77786</v>
      </c>
      <c r="H21771" s="1" t="s">
        <v>77787</v>
      </c>
      <c r="I21771" s="1" t="s">
        <v>75467</v>
      </c>
      <c r="J21771" s="1" t="s">
        <v>77871</v>
      </c>
    </row>
    <row r="21772" spans="1:10" x14ac:dyDescent="0.35">
      <c r="A21772" s="1" t="s">
        <v>25084</v>
      </c>
      <c r="B21772" s="1" t="s">
        <v>75461</v>
      </c>
      <c r="C21772" s="1" t="s">
        <v>125</v>
      </c>
      <c r="D21772" s="1" t="s">
        <v>77872</v>
      </c>
      <c r="E21772" s="1" t="s">
        <v>70859</v>
      </c>
      <c r="F21772" s="1" t="s">
        <v>77873</v>
      </c>
      <c r="G21772" s="1" t="s">
        <v>77786</v>
      </c>
      <c r="H21772" s="1" t="s">
        <v>77787</v>
      </c>
      <c r="I21772" s="1" t="s">
        <v>75467</v>
      </c>
      <c r="J21772" s="1" t="s">
        <v>77874</v>
      </c>
    </row>
    <row r="21773" spans="1:10" x14ac:dyDescent="0.35">
      <c r="A21773" s="1" t="s">
        <v>25084</v>
      </c>
      <c r="B21773" s="1" t="s">
        <v>75461</v>
      </c>
      <c r="C21773" s="1" t="s">
        <v>130</v>
      </c>
      <c r="D21773" s="1" t="s">
        <v>66375</v>
      </c>
      <c r="E21773" s="1" t="s">
        <v>77436</v>
      </c>
      <c r="F21773" s="1" t="s">
        <v>77875</v>
      </c>
      <c r="G21773" s="1" t="s">
        <v>77786</v>
      </c>
      <c r="H21773" s="1" t="s">
        <v>77787</v>
      </c>
      <c r="I21773" s="1" t="s">
        <v>75467</v>
      </c>
      <c r="J21773" s="1" t="s">
        <v>77876</v>
      </c>
    </row>
    <row r="21774" spans="1:10" x14ac:dyDescent="0.35">
      <c r="A21774" s="1" t="s">
        <v>25084</v>
      </c>
      <c r="B21774" s="1" t="s">
        <v>75461</v>
      </c>
      <c r="C21774" s="1" t="s">
        <v>135</v>
      </c>
      <c r="D21774" s="1" t="s">
        <v>77877</v>
      </c>
      <c r="E21774" s="1" t="s">
        <v>77878</v>
      </c>
      <c r="F21774" s="1" t="s">
        <v>77879</v>
      </c>
      <c r="G21774" s="1" t="s">
        <v>77786</v>
      </c>
      <c r="H21774" s="1" t="s">
        <v>77787</v>
      </c>
      <c r="I21774" s="1" t="s">
        <v>75467</v>
      </c>
      <c r="J21774" s="1" t="s">
        <v>77880</v>
      </c>
    </row>
    <row r="21775" spans="1:10" x14ac:dyDescent="0.35">
      <c r="A21775" s="1" t="s">
        <v>25084</v>
      </c>
      <c r="B21775" s="1" t="s">
        <v>75461</v>
      </c>
      <c r="C21775" s="1" t="s">
        <v>140</v>
      </c>
      <c r="D21775" s="1" t="s">
        <v>77881</v>
      </c>
      <c r="E21775" s="1" t="s">
        <v>77882</v>
      </c>
      <c r="F21775" s="1" t="s">
        <v>77883</v>
      </c>
      <c r="G21775" s="1" t="s">
        <v>77786</v>
      </c>
      <c r="H21775" s="1" t="s">
        <v>77787</v>
      </c>
      <c r="I21775" s="1" t="s">
        <v>75467</v>
      </c>
      <c r="J21775" s="1" t="s">
        <v>77884</v>
      </c>
    </row>
    <row r="21776" spans="1:10" x14ac:dyDescent="0.35">
      <c r="A21776" s="1" t="s">
        <v>25084</v>
      </c>
      <c r="B21776" s="1" t="s">
        <v>75461</v>
      </c>
      <c r="C21776" s="1" t="s">
        <v>145</v>
      </c>
      <c r="D21776" s="1" t="s">
        <v>77885</v>
      </c>
      <c r="E21776" s="1" t="s">
        <v>77886</v>
      </c>
      <c r="F21776" s="1" t="s">
        <v>77887</v>
      </c>
      <c r="G21776" s="1" t="s">
        <v>77786</v>
      </c>
      <c r="H21776" s="1" t="s">
        <v>77787</v>
      </c>
      <c r="I21776" s="1" t="s">
        <v>75467</v>
      </c>
      <c r="J21776" s="1" t="s">
        <v>77888</v>
      </c>
    </row>
    <row r="21777" spans="1:10" x14ac:dyDescent="0.35">
      <c r="A21777" s="1" t="s">
        <v>25084</v>
      </c>
      <c r="B21777" s="1" t="s">
        <v>75461</v>
      </c>
      <c r="C21777" s="1" t="s">
        <v>150</v>
      </c>
      <c r="D21777" s="1" t="s">
        <v>77889</v>
      </c>
      <c r="E21777" s="1" t="s">
        <v>77890</v>
      </c>
      <c r="F21777" s="1" t="s">
        <v>77891</v>
      </c>
      <c r="G21777" s="1" t="s">
        <v>77786</v>
      </c>
      <c r="H21777" s="1" t="s">
        <v>77787</v>
      </c>
      <c r="I21777" s="1" t="s">
        <v>75467</v>
      </c>
      <c r="J21777" s="1" t="s">
        <v>77892</v>
      </c>
    </row>
    <row r="21778" spans="1:10" x14ac:dyDescent="0.35">
      <c r="A21778" s="1" t="s">
        <v>25084</v>
      </c>
      <c r="B21778" s="1" t="s">
        <v>75461</v>
      </c>
      <c r="C21778" s="1" t="s">
        <v>155</v>
      </c>
      <c r="D21778" s="1" t="s">
        <v>77893</v>
      </c>
      <c r="E21778" s="1" t="s">
        <v>77894</v>
      </c>
      <c r="F21778" s="1" t="s">
        <v>77895</v>
      </c>
      <c r="G21778" s="1" t="s">
        <v>77786</v>
      </c>
      <c r="H21778" s="1" t="s">
        <v>77787</v>
      </c>
      <c r="I21778" s="1" t="s">
        <v>75467</v>
      </c>
      <c r="J21778" s="1" t="s">
        <v>77896</v>
      </c>
    </row>
    <row r="21779" spans="1:10" x14ac:dyDescent="0.35">
      <c r="A21779" s="1" t="s">
        <v>25084</v>
      </c>
      <c r="B21779" s="1" t="s">
        <v>75461</v>
      </c>
      <c r="C21779" s="1" t="s">
        <v>160</v>
      </c>
      <c r="D21779" s="1" t="s">
        <v>77897</v>
      </c>
      <c r="E21779" s="1" t="s">
        <v>77898</v>
      </c>
      <c r="F21779" s="1" t="s">
        <v>77899</v>
      </c>
      <c r="G21779" s="1" t="s">
        <v>77786</v>
      </c>
      <c r="H21779" s="1" t="s">
        <v>77787</v>
      </c>
      <c r="I21779" s="1" t="s">
        <v>75467</v>
      </c>
      <c r="J21779" s="1" t="s">
        <v>77900</v>
      </c>
    </row>
    <row r="21780" spans="1:10" x14ac:dyDescent="0.35">
      <c r="A21780" s="1" t="s">
        <v>25084</v>
      </c>
      <c r="B21780" s="1" t="s">
        <v>75461</v>
      </c>
      <c r="C21780" s="1" t="s">
        <v>165</v>
      </c>
      <c r="D21780" s="1" t="s">
        <v>77901</v>
      </c>
      <c r="E21780" s="1" t="s">
        <v>77902</v>
      </c>
      <c r="F21780" s="1" t="s">
        <v>77903</v>
      </c>
      <c r="G21780" s="1" t="s">
        <v>77786</v>
      </c>
      <c r="H21780" s="1" t="s">
        <v>77787</v>
      </c>
      <c r="I21780" s="1" t="s">
        <v>75467</v>
      </c>
      <c r="J21780" s="1" t="s">
        <v>77904</v>
      </c>
    </row>
    <row r="21781" spans="1:10" x14ac:dyDescent="0.35">
      <c r="A21781" s="1" t="s">
        <v>25084</v>
      </c>
      <c r="B21781" s="1" t="s">
        <v>75461</v>
      </c>
      <c r="C21781" s="1" t="s">
        <v>170</v>
      </c>
      <c r="D21781" s="1" t="s">
        <v>77905</v>
      </c>
      <c r="E21781" s="1" t="s">
        <v>77526</v>
      </c>
      <c r="F21781" s="1" t="s">
        <v>77906</v>
      </c>
      <c r="G21781" s="1" t="s">
        <v>77786</v>
      </c>
      <c r="H21781" s="1" t="s">
        <v>77787</v>
      </c>
      <c r="I21781" s="1" t="s">
        <v>75467</v>
      </c>
      <c r="J21781" s="1" t="s">
        <v>77907</v>
      </c>
    </row>
    <row r="21782" spans="1:10" x14ac:dyDescent="0.35">
      <c r="A21782" s="1" t="s">
        <v>45590</v>
      </c>
      <c r="B21782" s="1" t="s">
        <v>75461</v>
      </c>
      <c r="C21782" s="1" t="s">
        <v>8</v>
      </c>
      <c r="D21782" s="1" t="s">
        <v>77908</v>
      </c>
      <c r="E21782" s="1" t="s">
        <v>77909</v>
      </c>
      <c r="F21782" s="1" t="s">
        <v>77910</v>
      </c>
      <c r="G21782" s="1" t="s">
        <v>77911</v>
      </c>
      <c r="H21782" s="1" t="s">
        <v>77912</v>
      </c>
      <c r="I21782" s="1" t="s">
        <v>75467</v>
      </c>
      <c r="J21782" s="1" t="s">
        <v>13</v>
      </c>
    </row>
    <row r="21783" spans="1:10" x14ac:dyDescent="0.35">
      <c r="A21783" s="1" t="s">
        <v>45590</v>
      </c>
      <c r="B21783" s="1" t="s">
        <v>75461</v>
      </c>
      <c r="C21783" s="1" t="s">
        <v>15</v>
      </c>
      <c r="D21783" s="1" t="s">
        <v>77913</v>
      </c>
      <c r="E21783" s="1" t="s">
        <v>77914</v>
      </c>
      <c r="F21783" s="1" t="s">
        <v>77915</v>
      </c>
      <c r="G21783" s="1" t="s">
        <v>77911</v>
      </c>
      <c r="H21783" s="1" t="s">
        <v>77912</v>
      </c>
      <c r="I21783" s="1" t="s">
        <v>75467</v>
      </c>
      <c r="J21783" s="1" t="s">
        <v>77916</v>
      </c>
    </row>
    <row r="21784" spans="1:10" x14ac:dyDescent="0.35">
      <c r="A21784" s="1" t="s">
        <v>45590</v>
      </c>
      <c r="B21784" s="1" t="s">
        <v>75461</v>
      </c>
      <c r="C21784" s="1" t="s">
        <v>20</v>
      </c>
      <c r="D21784" s="1" t="s">
        <v>77917</v>
      </c>
      <c r="E21784" s="1" t="s">
        <v>77918</v>
      </c>
      <c r="F21784" s="1" t="s">
        <v>77919</v>
      </c>
      <c r="G21784" s="1" t="s">
        <v>77911</v>
      </c>
      <c r="H21784" s="1" t="s">
        <v>77912</v>
      </c>
      <c r="I21784" s="1" t="s">
        <v>75467</v>
      </c>
      <c r="J21784" s="1" t="s">
        <v>77920</v>
      </c>
    </row>
    <row r="21785" spans="1:10" x14ac:dyDescent="0.35">
      <c r="A21785" s="1" t="s">
        <v>45590</v>
      </c>
      <c r="B21785" s="1" t="s">
        <v>75461</v>
      </c>
      <c r="C21785" s="1" t="s">
        <v>25</v>
      </c>
      <c r="D21785" s="1" t="s">
        <v>77921</v>
      </c>
      <c r="E21785" s="1" t="s">
        <v>77922</v>
      </c>
      <c r="F21785" s="1" t="s">
        <v>77923</v>
      </c>
      <c r="G21785" s="1" t="s">
        <v>77911</v>
      </c>
      <c r="H21785" s="1" t="s">
        <v>77912</v>
      </c>
      <c r="I21785" s="1" t="s">
        <v>75467</v>
      </c>
      <c r="J21785" s="1" t="s">
        <v>77924</v>
      </c>
    </row>
    <row r="21786" spans="1:10" x14ac:dyDescent="0.35">
      <c r="A21786" s="1" t="s">
        <v>45590</v>
      </c>
      <c r="B21786" s="1" t="s">
        <v>75461</v>
      </c>
      <c r="C21786" s="1" t="s">
        <v>30</v>
      </c>
      <c r="D21786" s="1" t="s">
        <v>77925</v>
      </c>
      <c r="E21786" s="1" t="s">
        <v>77926</v>
      </c>
      <c r="F21786" s="1" t="s">
        <v>77927</v>
      </c>
      <c r="G21786" s="1" t="s">
        <v>77911</v>
      </c>
      <c r="H21786" s="1" t="s">
        <v>77912</v>
      </c>
      <c r="I21786" s="1" t="s">
        <v>75467</v>
      </c>
      <c r="J21786" s="1" t="s">
        <v>77928</v>
      </c>
    </row>
    <row r="21787" spans="1:10" x14ac:dyDescent="0.35">
      <c r="A21787" s="1" t="s">
        <v>45590</v>
      </c>
      <c r="B21787" s="1" t="s">
        <v>75461</v>
      </c>
      <c r="C21787" s="1" t="s">
        <v>35</v>
      </c>
      <c r="D21787" s="1" t="s">
        <v>77929</v>
      </c>
      <c r="E21787" s="1" t="s">
        <v>77930</v>
      </c>
      <c r="F21787" s="1" t="s">
        <v>77931</v>
      </c>
      <c r="G21787" s="1" t="s">
        <v>77911</v>
      </c>
      <c r="H21787" s="1" t="s">
        <v>77912</v>
      </c>
      <c r="I21787" s="1" t="s">
        <v>75467</v>
      </c>
      <c r="J21787" s="1" t="s">
        <v>77932</v>
      </c>
    </row>
    <row r="21788" spans="1:10" x14ac:dyDescent="0.35">
      <c r="A21788" s="1" t="s">
        <v>45590</v>
      </c>
      <c r="B21788" s="1" t="s">
        <v>75461</v>
      </c>
      <c r="C21788" s="1" t="s">
        <v>40</v>
      </c>
      <c r="D21788" s="1" t="s">
        <v>77933</v>
      </c>
      <c r="E21788" s="1" t="s">
        <v>77934</v>
      </c>
      <c r="F21788" s="1" t="s">
        <v>77935</v>
      </c>
      <c r="G21788" s="1" t="s">
        <v>77911</v>
      </c>
      <c r="H21788" s="1" t="s">
        <v>77912</v>
      </c>
      <c r="I21788" s="1" t="s">
        <v>75467</v>
      </c>
      <c r="J21788" s="1" t="s">
        <v>77936</v>
      </c>
    </row>
    <row r="21789" spans="1:10" x14ac:dyDescent="0.35">
      <c r="A21789" s="1" t="s">
        <v>45590</v>
      </c>
      <c r="B21789" s="1" t="s">
        <v>75461</v>
      </c>
      <c r="C21789" s="1" t="s">
        <v>45</v>
      </c>
      <c r="D21789" s="1" t="s">
        <v>77937</v>
      </c>
      <c r="E21789" s="1" t="s">
        <v>77938</v>
      </c>
      <c r="F21789" s="1" t="s">
        <v>77939</v>
      </c>
      <c r="G21789" s="1" t="s">
        <v>77911</v>
      </c>
      <c r="H21789" s="1" t="s">
        <v>77912</v>
      </c>
      <c r="I21789" s="1" t="s">
        <v>75467</v>
      </c>
      <c r="J21789" s="1" t="s">
        <v>77940</v>
      </c>
    </row>
    <row r="21790" spans="1:10" x14ac:dyDescent="0.35">
      <c r="A21790" s="1" t="s">
        <v>45590</v>
      </c>
      <c r="B21790" s="1" t="s">
        <v>75461</v>
      </c>
      <c r="C21790" s="1" t="s">
        <v>50</v>
      </c>
      <c r="D21790" s="1" t="s">
        <v>77941</v>
      </c>
      <c r="E21790" s="1" t="s">
        <v>77942</v>
      </c>
      <c r="F21790" s="1" t="s">
        <v>77943</v>
      </c>
      <c r="G21790" s="1" t="s">
        <v>77911</v>
      </c>
      <c r="H21790" s="1" t="s">
        <v>77912</v>
      </c>
      <c r="I21790" s="1" t="s">
        <v>75467</v>
      </c>
      <c r="J21790" s="1" t="s">
        <v>77944</v>
      </c>
    </row>
    <row r="21791" spans="1:10" x14ac:dyDescent="0.35">
      <c r="A21791" s="1" t="s">
        <v>45590</v>
      </c>
      <c r="B21791" s="1" t="s">
        <v>75461</v>
      </c>
      <c r="C21791" s="1" t="s">
        <v>55</v>
      </c>
      <c r="D21791" s="1" t="s">
        <v>77945</v>
      </c>
      <c r="E21791" s="1" t="s">
        <v>77946</v>
      </c>
      <c r="F21791" s="1" t="s">
        <v>77947</v>
      </c>
      <c r="G21791" s="1" t="s">
        <v>77911</v>
      </c>
      <c r="H21791" s="1" t="s">
        <v>77912</v>
      </c>
      <c r="I21791" s="1" t="s">
        <v>75467</v>
      </c>
      <c r="J21791" s="1" t="s">
        <v>77948</v>
      </c>
    </row>
    <row r="21792" spans="1:10" x14ac:dyDescent="0.35">
      <c r="A21792" s="1" t="s">
        <v>45590</v>
      </c>
      <c r="B21792" s="1" t="s">
        <v>75461</v>
      </c>
      <c r="C21792" s="1" t="s">
        <v>60</v>
      </c>
      <c r="D21792" s="1" t="s">
        <v>77949</v>
      </c>
      <c r="E21792" s="1" t="s">
        <v>77950</v>
      </c>
      <c r="F21792" s="1" t="s">
        <v>77951</v>
      </c>
      <c r="G21792" s="1" t="s">
        <v>77911</v>
      </c>
      <c r="H21792" s="1" t="s">
        <v>77912</v>
      </c>
      <c r="I21792" s="1" t="s">
        <v>75467</v>
      </c>
      <c r="J21792" s="1" t="s">
        <v>77952</v>
      </c>
    </row>
    <row r="21793" spans="1:10" x14ac:dyDescent="0.35">
      <c r="A21793" s="1" t="s">
        <v>45590</v>
      </c>
      <c r="B21793" s="1" t="s">
        <v>75461</v>
      </c>
      <c r="C21793" s="1" t="s">
        <v>65</v>
      </c>
      <c r="D21793" s="1" t="s">
        <v>77953</v>
      </c>
      <c r="E21793" s="1" t="s">
        <v>77954</v>
      </c>
      <c r="F21793" s="1" t="s">
        <v>77955</v>
      </c>
      <c r="G21793" s="1" t="s">
        <v>77911</v>
      </c>
      <c r="H21793" s="1" t="s">
        <v>77912</v>
      </c>
      <c r="I21793" s="1" t="s">
        <v>75467</v>
      </c>
      <c r="J21793" s="1" t="s">
        <v>77956</v>
      </c>
    </row>
    <row r="21794" spans="1:10" x14ac:dyDescent="0.35">
      <c r="A21794" s="1" t="s">
        <v>45590</v>
      </c>
      <c r="B21794" s="1" t="s">
        <v>75461</v>
      </c>
      <c r="C21794" s="1" t="s">
        <v>70</v>
      </c>
      <c r="D21794" s="1" t="s">
        <v>63989</v>
      </c>
      <c r="E21794" s="1" t="s">
        <v>77957</v>
      </c>
      <c r="F21794" s="1" t="s">
        <v>77958</v>
      </c>
      <c r="G21794" s="1" t="s">
        <v>77911</v>
      </c>
      <c r="H21794" s="1" t="s">
        <v>77912</v>
      </c>
      <c r="I21794" s="1" t="s">
        <v>75467</v>
      </c>
      <c r="J21794" s="1" t="s">
        <v>77959</v>
      </c>
    </row>
    <row r="21795" spans="1:10" x14ac:dyDescent="0.35">
      <c r="A21795" s="1" t="s">
        <v>45590</v>
      </c>
      <c r="B21795" s="1" t="s">
        <v>75461</v>
      </c>
      <c r="C21795" s="1" t="s">
        <v>75</v>
      </c>
      <c r="D21795" s="1" t="s">
        <v>77960</v>
      </c>
      <c r="E21795" s="1" t="s">
        <v>77961</v>
      </c>
      <c r="F21795" s="1" t="s">
        <v>77962</v>
      </c>
      <c r="G21795" s="1" t="s">
        <v>77911</v>
      </c>
      <c r="H21795" s="1" t="s">
        <v>77912</v>
      </c>
      <c r="I21795" s="1" t="s">
        <v>75467</v>
      </c>
      <c r="J21795" s="1" t="s">
        <v>77963</v>
      </c>
    </row>
    <row r="21796" spans="1:10" x14ac:dyDescent="0.35">
      <c r="A21796" s="1" t="s">
        <v>45590</v>
      </c>
      <c r="B21796" s="1" t="s">
        <v>75461</v>
      </c>
      <c r="C21796" s="1" t="s">
        <v>80</v>
      </c>
      <c r="D21796" s="1" t="s">
        <v>23434</v>
      </c>
      <c r="E21796" s="1" t="s">
        <v>77964</v>
      </c>
      <c r="F21796" s="1" t="s">
        <v>77965</v>
      </c>
      <c r="G21796" s="1" t="s">
        <v>77911</v>
      </c>
      <c r="H21796" s="1" t="s">
        <v>77912</v>
      </c>
      <c r="I21796" s="1" t="s">
        <v>75467</v>
      </c>
      <c r="J21796" s="1" t="s">
        <v>77966</v>
      </c>
    </row>
    <row r="21797" spans="1:10" x14ac:dyDescent="0.35">
      <c r="A21797" s="1" t="s">
        <v>45590</v>
      </c>
      <c r="B21797" s="1" t="s">
        <v>75461</v>
      </c>
      <c r="C21797" s="1" t="s">
        <v>85</v>
      </c>
      <c r="D21797" s="1" t="s">
        <v>77967</v>
      </c>
      <c r="E21797" s="1" t="s">
        <v>77968</v>
      </c>
      <c r="F21797" s="1" t="s">
        <v>77969</v>
      </c>
      <c r="G21797" s="1" t="s">
        <v>77911</v>
      </c>
      <c r="H21797" s="1" t="s">
        <v>77912</v>
      </c>
      <c r="I21797" s="1" t="s">
        <v>75467</v>
      </c>
      <c r="J21797" s="1" t="s">
        <v>77970</v>
      </c>
    </row>
    <row r="21798" spans="1:10" x14ac:dyDescent="0.35">
      <c r="A21798" s="1" t="s">
        <v>45590</v>
      </c>
      <c r="B21798" s="1" t="s">
        <v>75461</v>
      </c>
      <c r="C21798" s="1" t="s">
        <v>90</v>
      </c>
      <c r="D21798" s="1" t="s">
        <v>77971</v>
      </c>
      <c r="E21798" s="1" t="s">
        <v>77972</v>
      </c>
      <c r="F21798" s="1" t="s">
        <v>77973</v>
      </c>
      <c r="G21798" s="1" t="s">
        <v>77911</v>
      </c>
      <c r="H21798" s="1" t="s">
        <v>77912</v>
      </c>
      <c r="I21798" s="1" t="s">
        <v>75467</v>
      </c>
      <c r="J21798" s="1" t="s">
        <v>77974</v>
      </c>
    </row>
    <row r="21799" spans="1:10" x14ac:dyDescent="0.35">
      <c r="A21799" s="1" t="s">
        <v>45590</v>
      </c>
      <c r="B21799" s="1" t="s">
        <v>75461</v>
      </c>
      <c r="C21799" s="1" t="s">
        <v>95</v>
      </c>
      <c r="D21799" s="1" t="s">
        <v>66696</v>
      </c>
      <c r="E21799" s="1" t="s">
        <v>77975</v>
      </c>
      <c r="F21799" s="1" t="s">
        <v>77976</v>
      </c>
      <c r="G21799" s="1" t="s">
        <v>77911</v>
      </c>
      <c r="H21799" s="1" t="s">
        <v>77912</v>
      </c>
      <c r="I21799" s="1" t="s">
        <v>75467</v>
      </c>
      <c r="J21799" s="1" t="s">
        <v>77977</v>
      </c>
    </row>
    <row r="21800" spans="1:10" x14ac:dyDescent="0.35">
      <c r="A21800" s="1" t="s">
        <v>45590</v>
      </c>
      <c r="B21800" s="1" t="s">
        <v>75461</v>
      </c>
      <c r="C21800" s="1" t="s">
        <v>100</v>
      </c>
      <c r="D21800" s="1" t="s">
        <v>20283</v>
      </c>
      <c r="E21800" s="1" t="s">
        <v>77978</v>
      </c>
      <c r="F21800" s="1" t="s">
        <v>77979</v>
      </c>
      <c r="G21800" s="1" t="s">
        <v>77911</v>
      </c>
      <c r="H21800" s="1" t="s">
        <v>77912</v>
      </c>
      <c r="I21800" s="1" t="s">
        <v>75467</v>
      </c>
      <c r="J21800" s="1" t="s">
        <v>77980</v>
      </c>
    </row>
    <row r="21801" spans="1:10" x14ac:dyDescent="0.35">
      <c r="A21801" s="1" t="s">
        <v>45590</v>
      </c>
      <c r="B21801" s="1" t="s">
        <v>75461</v>
      </c>
      <c r="C21801" s="1" t="s">
        <v>105</v>
      </c>
      <c r="D21801" s="1" t="s">
        <v>57475</v>
      </c>
      <c r="E21801" s="1" t="s">
        <v>77981</v>
      </c>
      <c r="F21801" s="1" t="s">
        <v>77982</v>
      </c>
      <c r="G21801" s="1" t="s">
        <v>77911</v>
      </c>
      <c r="H21801" s="1" t="s">
        <v>77912</v>
      </c>
      <c r="I21801" s="1" t="s">
        <v>75467</v>
      </c>
      <c r="J21801" s="1" t="s">
        <v>77983</v>
      </c>
    </row>
    <row r="21802" spans="1:10" x14ac:dyDescent="0.35">
      <c r="A21802" s="1" t="s">
        <v>45590</v>
      </c>
      <c r="B21802" s="1" t="s">
        <v>75461</v>
      </c>
      <c r="C21802" s="1" t="s">
        <v>110</v>
      </c>
      <c r="D21802" s="1" t="s">
        <v>58282</v>
      </c>
      <c r="E21802" s="1" t="s">
        <v>77984</v>
      </c>
      <c r="F21802" s="1" t="s">
        <v>77985</v>
      </c>
      <c r="G21802" s="1" t="s">
        <v>77911</v>
      </c>
      <c r="H21802" s="1" t="s">
        <v>77912</v>
      </c>
      <c r="I21802" s="1" t="s">
        <v>75467</v>
      </c>
      <c r="J21802" s="1" t="s">
        <v>77986</v>
      </c>
    </row>
    <row r="21803" spans="1:10" x14ac:dyDescent="0.35">
      <c r="A21803" s="1" t="s">
        <v>45590</v>
      </c>
      <c r="B21803" s="1" t="s">
        <v>75461</v>
      </c>
      <c r="C21803" s="1" t="s">
        <v>115</v>
      </c>
      <c r="D21803" s="1" t="s">
        <v>77987</v>
      </c>
      <c r="E21803" s="1" t="s">
        <v>77988</v>
      </c>
      <c r="F21803" s="1" t="s">
        <v>77989</v>
      </c>
      <c r="G21803" s="1" t="s">
        <v>77911</v>
      </c>
      <c r="H21803" s="1" t="s">
        <v>77912</v>
      </c>
      <c r="I21803" s="1" t="s">
        <v>75467</v>
      </c>
      <c r="J21803" s="1" t="s">
        <v>77990</v>
      </c>
    </row>
    <row r="21804" spans="1:10" x14ac:dyDescent="0.35">
      <c r="A21804" s="1" t="s">
        <v>45590</v>
      </c>
      <c r="B21804" s="1" t="s">
        <v>75461</v>
      </c>
      <c r="C21804" s="1" t="s">
        <v>120</v>
      </c>
      <c r="D21804" s="1" t="s">
        <v>52491</v>
      </c>
      <c r="E21804" s="1" t="s">
        <v>77991</v>
      </c>
      <c r="F21804" s="1" t="s">
        <v>77992</v>
      </c>
      <c r="G21804" s="1" t="s">
        <v>77911</v>
      </c>
      <c r="H21804" s="1" t="s">
        <v>77912</v>
      </c>
      <c r="I21804" s="1" t="s">
        <v>75467</v>
      </c>
      <c r="J21804" s="1" t="s">
        <v>77993</v>
      </c>
    </row>
    <row r="21805" spans="1:10" x14ac:dyDescent="0.35">
      <c r="A21805" s="1" t="s">
        <v>45590</v>
      </c>
      <c r="B21805" s="1" t="s">
        <v>75461</v>
      </c>
      <c r="C21805" s="1" t="s">
        <v>125</v>
      </c>
      <c r="D21805" s="1" t="s">
        <v>77994</v>
      </c>
      <c r="E21805" s="1" t="s">
        <v>77995</v>
      </c>
      <c r="F21805" s="1" t="s">
        <v>77996</v>
      </c>
      <c r="G21805" s="1" t="s">
        <v>77911</v>
      </c>
      <c r="H21805" s="1" t="s">
        <v>77912</v>
      </c>
      <c r="I21805" s="1" t="s">
        <v>75467</v>
      </c>
      <c r="J21805" s="1" t="s">
        <v>77997</v>
      </c>
    </row>
    <row r="21806" spans="1:10" x14ac:dyDescent="0.35">
      <c r="A21806" s="1" t="s">
        <v>45590</v>
      </c>
      <c r="B21806" s="1" t="s">
        <v>75461</v>
      </c>
      <c r="C21806" s="1" t="s">
        <v>130</v>
      </c>
      <c r="D21806" s="1" t="s">
        <v>77998</v>
      </c>
      <c r="E21806" s="1" t="s">
        <v>77999</v>
      </c>
      <c r="F21806" s="1" t="s">
        <v>78000</v>
      </c>
      <c r="G21806" s="1" t="s">
        <v>77911</v>
      </c>
      <c r="H21806" s="1" t="s">
        <v>77912</v>
      </c>
      <c r="I21806" s="1" t="s">
        <v>75467</v>
      </c>
      <c r="J21806" s="1" t="s">
        <v>78001</v>
      </c>
    </row>
    <row r="21807" spans="1:10" x14ac:dyDescent="0.35">
      <c r="A21807" s="1" t="s">
        <v>45590</v>
      </c>
      <c r="B21807" s="1" t="s">
        <v>75461</v>
      </c>
      <c r="C21807" s="1" t="s">
        <v>135</v>
      </c>
      <c r="D21807" s="1" t="s">
        <v>26697</v>
      </c>
      <c r="E21807" s="1" t="s">
        <v>78002</v>
      </c>
      <c r="F21807" s="1" t="s">
        <v>78003</v>
      </c>
      <c r="G21807" s="1" t="s">
        <v>77911</v>
      </c>
      <c r="H21807" s="1" t="s">
        <v>77912</v>
      </c>
      <c r="I21807" s="1" t="s">
        <v>75467</v>
      </c>
      <c r="J21807" s="1" t="s">
        <v>78004</v>
      </c>
    </row>
    <row r="21808" spans="1:10" x14ac:dyDescent="0.35">
      <c r="A21808" s="1" t="s">
        <v>45590</v>
      </c>
      <c r="B21808" s="1" t="s">
        <v>75461</v>
      </c>
      <c r="C21808" s="1" t="s">
        <v>140</v>
      </c>
      <c r="D21808" s="1" t="s">
        <v>75787</v>
      </c>
      <c r="E21808" s="1" t="s">
        <v>78005</v>
      </c>
      <c r="F21808" s="1" t="s">
        <v>78006</v>
      </c>
      <c r="G21808" s="1" t="s">
        <v>77911</v>
      </c>
      <c r="H21808" s="1" t="s">
        <v>77912</v>
      </c>
      <c r="I21808" s="1" t="s">
        <v>75467</v>
      </c>
      <c r="J21808" s="1" t="s">
        <v>78007</v>
      </c>
    </row>
    <row r="21809" spans="1:10" x14ac:dyDescent="0.35">
      <c r="A21809" s="1" t="s">
        <v>45590</v>
      </c>
      <c r="B21809" s="1" t="s">
        <v>75461</v>
      </c>
      <c r="C21809" s="1" t="s">
        <v>145</v>
      </c>
      <c r="D21809" s="1" t="s">
        <v>78008</v>
      </c>
      <c r="E21809" s="1" t="s">
        <v>78009</v>
      </c>
      <c r="F21809" s="1" t="s">
        <v>78010</v>
      </c>
      <c r="G21809" s="1" t="s">
        <v>77911</v>
      </c>
      <c r="H21809" s="1" t="s">
        <v>77912</v>
      </c>
      <c r="I21809" s="1" t="s">
        <v>75467</v>
      </c>
      <c r="J21809" s="1" t="s">
        <v>78011</v>
      </c>
    </row>
    <row r="21810" spans="1:10" x14ac:dyDescent="0.35">
      <c r="A21810" s="1" t="s">
        <v>45590</v>
      </c>
      <c r="B21810" s="1" t="s">
        <v>75461</v>
      </c>
      <c r="C21810" s="1" t="s">
        <v>150</v>
      </c>
      <c r="D21810" s="1" t="s">
        <v>78012</v>
      </c>
      <c r="E21810" s="1" t="s">
        <v>78013</v>
      </c>
      <c r="F21810" s="1" t="s">
        <v>78014</v>
      </c>
      <c r="G21810" s="1" t="s">
        <v>77911</v>
      </c>
      <c r="H21810" s="1" t="s">
        <v>77912</v>
      </c>
      <c r="I21810" s="1" t="s">
        <v>75467</v>
      </c>
      <c r="J21810" s="1" t="s">
        <v>78015</v>
      </c>
    </row>
    <row r="21811" spans="1:10" x14ac:dyDescent="0.35">
      <c r="A21811" s="1" t="s">
        <v>45590</v>
      </c>
      <c r="B21811" s="1" t="s">
        <v>75461</v>
      </c>
      <c r="C21811" s="1" t="s">
        <v>155</v>
      </c>
      <c r="D21811" s="1" t="s">
        <v>78016</v>
      </c>
      <c r="E21811" s="1" t="s">
        <v>78017</v>
      </c>
      <c r="F21811" s="1" t="s">
        <v>78018</v>
      </c>
      <c r="G21811" s="1" t="s">
        <v>77911</v>
      </c>
      <c r="H21811" s="1" t="s">
        <v>77912</v>
      </c>
      <c r="I21811" s="1" t="s">
        <v>75467</v>
      </c>
      <c r="J21811" s="1" t="s">
        <v>78019</v>
      </c>
    </row>
    <row r="21812" spans="1:10" x14ac:dyDescent="0.35">
      <c r="A21812" s="1" t="s">
        <v>45590</v>
      </c>
      <c r="B21812" s="1" t="s">
        <v>75461</v>
      </c>
      <c r="C21812" s="1" t="s">
        <v>160</v>
      </c>
      <c r="D21812" s="1" t="s">
        <v>78020</v>
      </c>
      <c r="E21812" s="1" t="s">
        <v>78021</v>
      </c>
      <c r="F21812" s="1" t="s">
        <v>78022</v>
      </c>
      <c r="G21812" s="1" t="s">
        <v>77911</v>
      </c>
      <c r="H21812" s="1" t="s">
        <v>77912</v>
      </c>
      <c r="I21812" s="1" t="s">
        <v>75467</v>
      </c>
      <c r="J21812" s="1" t="s">
        <v>78023</v>
      </c>
    </row>
    <row r="21813" spans="1:10" x14ac:dyDescent="0.35">
      <c r="A21813" s="1" t="s">
        <v>45590</v>
      </c>
      <c r="B21813" s="1" t="s">
        <v>75461</v>
      </c>
      <c r="C21813" s="1" t="s">
        <v>165</v>
      </c>
      <c r="D21813" s="1" t="s">
        <v>78024</v>
      </c>
      <c r="E21813" s="1" t="s">
        <v>78025</v>
      </c>
      <c r="F21813" s="1" t="s">
        <v>78026</v>
      </c>
      <c r="G21813" s="1" t="s">
        <v>77911</v>
      </c>
      <c r="H21813" s="1" t="s">
        <v>77912</v>
      </c>
      <c r="I21813" s="1" t="s">
        <v>75467</v>
      </c>
      <c r="J21813" s="1" t="s">
        <v>78027</v>
      </c>
    </row>
    <row r="21814" spans="1:10" x14ac:dyDescent="0.35">
      <c r="A21814" s="1" t="s">
        <v>45590</v>
      </c>
      <c r="B21814" s="1" t="s">
        <v>75461</v>
      </c>
      <c r="C21814" s="1" t="s">
        <v>170</v>
      </c>
      <c r="D21814" s="1" t="s">
        <v>43476</v>
      </c>
      <c r="E21814" s="1" t="s">
        <v>78028</v>
      </c>
      <c r="F21814" s="1" t="s">
        <v>78029</v>
      </c>
      <c r="G21814" s="1" t="s">
        <v>77911</v>
      </c>
      <c r="H21814" s="1" t="s">
        <v>77912</v>
      </c>
      <c r="I21814" s="1" t="s">
        <v>75467</v>
      </c>
      <c r="J21814" s="1" t="s">
        <v>78030</v>
      </c>
    </row>
    <row r="21815" spans="1:10" x14ac:dyDescent="0.35">
      <c r="A21815" s="1" t="s">
        <v>2179</v>
      </c>
      <c r="B21815" s="1" t="s">
        <v>75461</v>
      </c>
      <c r="C21815" s="1" t="s">
        <v>8</v>
      </c>
      <c r="D21815" s="1" t="s">
        <v>78031</v>
      </c>
      <c r="E21815" s="1" t="s">
        <v>78032</v>
      </c>
      <c r="F21815" s="1" t="s">
        <v>78033</v>
      </c>
      <c r="G21815" s="1" t="s">
        <v>78034</v>
      </c>
      <c r="H21815" s="1" t="s">
        <v>78035</v>
      </c>
      <c r="I21815" s="1" t="s">
        <v>75467</v>
      </c>
      <c r="J21815" s="1" t="s">
        <v>13</v>
      </c>
    </row>
    <row r="21816" spans="1:10" x14ac:dyDescent="0.35">
      <c r="A21816" s="1" t="s">
        <v>2179</v>
      </c>
      <c r="B21816" s="1" t="s">
        <v>75461</v>
      </c>
      <c r="C21816" s="1" t="s">
        <v>15</v>
      </c>
      <c r="D21816" s="1" t="s">
        <v>78036</v>
      </c>
      <c r="E21816" s="1" t="s">
        <v>78037</v>
      </c>
      <c r="F21816" s="1" t="s">
        <v>78038</v>
      </c>
      <c r="G21816" s="1" t="s">
        <v>78034</v>
      </c>
      <c r="H21816" s="1" t="s">
        <v>78035</v>
      </c>
      <c r="I21816" s="1" t="s">
        <v>75467</v>
      </c>
      <c r="J21816" s="1" t="s">
        <v>78039</v>
      </c>
    </row>
    <row r="21817" spans="1:10" x14ac:dyDescent="0.35">
      <c r="A21817" s="1" t="s">
        <v>2179</v>
      </c>
      <c r="B21817" s="1" t="s">
        <v>75461</v>
      </c>
      <c r="C21817" s="1" t="s">
        <v>20</v>
      </c>
      <c r="D21817" s="1" t="s">
        <v>78040</v>
      </c>
      <c r="E21817" s="1" t="s">
        <v>78041</v>
      </c>
      <c r="F21817" s="1" t="s">
        <v>78042</v>
      </c>
      <c r="G21817" s="1" t="s">
        <v>78034</v>
      </c>
      <c r="H21817" s="1" t="s">
        <v>78035</v>
      </c>
      <c r="I21817" s="1" t="s">
        <v>75467</v>
      </c>
      <c r="J21817" s="1" t="s">
        <v>78043</v>
      </c>
    </row>
    <row r="21818" spans="1:10" x14ac:dyDescent="0.35">
      <c r="A21818" s="1" t="s">
        <v>2179</v>
      </c>
      <c r="B21818" s="1" t="s">
        <v>75461</v>
      </c>
      <c r="C21818" s="1" t="s">
        <v>25</v>
      </c>
      <c r="D21818" s="1" t="s">
        <v>78044</v>
      </c>
      <c r="E21818" s="1" t="s">
        <v>78045</v>
      </c>
      <c r="F21818" s="1" t="s">
        <v>78046</v>
      </c>
      <c r="G21818" s="1" t="s">
        <v>78034</v>
      </c>
      <c r="H21818" s="1" t="s">
        <v>78035</v>
      </c>
      <c r="I21818" s="1" t="s">
        <v>75467</v>
      </c>
      <c r="J21818" s="1" t="s">
        <v>78047</v>
      </c>
    </row>
    <row r="21819" spans="1:10" x14ac:dyDescent="0.35">
      <c r="A21819" s="1" t="s">
        <v>2179</v>
      </c>
      <c r="B21819" s="1" t="s">
        <v>75461</v>
      </c>
      <c r="C21819" s="1" t="s">
        <v>30</v>
      </c>
      <c r="D21819" s="1" t="s">
        <v>78048</v>
      </c>
      <c r="E21819" s="1" t="s">
        <v>78049</v>
      </c>
      <c r="F21819" s="1" t="s">
        <v>78050</v>
      </c>
      <c r="G21819" s="1" t="s">
        <v>78034</v>
      </c>
      <c r="H21819" s="1" t="s">
        <v>78035</v>
      </c>
      <c r="I21819" s="1" t="s">
        <v>75467</v>
      </c>
      <c r="J21819" s="1" t="s">
        <v>78051</v>
      </c>
    </row>
    <row r="21820" spans="1:10" x14ac:dyDescent="0.35">
      <c r="A21820" s="1" t="s">
        <v>2179</v>
      </c>
      <c r="B21820" s="1" t="s">
        <v>75461</v>
      </c>
      <c r="C21820" s="1" t="s">
        <v>35</v>
      </c>
      <c r="D21820" s="1" t="s">
        <v>78052</v>
      </c>
      <c r="E21820" s="1" t="s">
        <v>78053</v>
      </c>
      <c r="F21820" s="1" t="s">
        <v>78054</v>
      </c>
      <c r="G21820" s="1" t="s">
        <v>78034</v>
      </c>
      <c r="H21820" s="1" t="s">
        <v>78035</v>
      </c>
      <c r="I21820" s="1" t="s">
        <v>75467</v>
      </c>
      <c r="J21820" s="1" t="s">
        <v>78055</v>
      </c>
    </row>
    <row r="21821" spans="1:10" x14ac:dyDescent="0.35">
      <c r="A21821" s="1" t="s">
        <v>2179</v>
      </c>
      <c r="B21821" s="1" t="s">
        <v>75461</v>
      </c>
      <c r="C21821" s="1" t="s">
        <v>40</v>
      </c>
      <c r="D21821" s="1" t="s">
        <v>78056</v>
      </c>
      <c r="E21821" s="1" t="s">
        <v>78057</v>
      </c>
      <c r="F21821" s="1" t="s">
        <v>78058</v>
      </c>
      <c r="G21821" s="1" t="s">
        <v>78034</v>
      </c>
      <c r="H21821" s="1" t="s">
        <v>78035</v>
      </c>
      <c r="I21821" s="1" t="s">
        <v>75467</v>
      </c>
      <c r="J21821" s="1" t="s">
        <v>78059</v>
      </c>
    </row>
    <row r="21822" spans="1:10" x14ac:dyDescent="0.35">
      <c r="A21822" s="1" t="s">
        <v>2179</v>
      </c>
      <c r="B21822" s="1" t="s">
        <v>75461</v>
      </c>
      <c r="C21822" s="1" t="s">
        <v>45</v>
      </c>
      <c r="D21822" s="1" t="s">
        <v>78060</v>
      </c>
      <c r="E21822" s="1" t="s">
        <v>78061</v>
      </c>
      <c r="F21822" s="1" t="s">
        <v>78062</v>
      </c>
      <c r="G21822" s="1" t="s">
        <v>78034</v>
      </c>
      <c r="H21822" s="1" t="s">
        <v>78035</v>
      </c>
      <c r="I21822" s="1" t="s">
        <v>75467</v>
      </c>
      <c r="J21822" s="1" t="s">
        <v>78063</v>
      </c>
    </row>
    <row r="21823" spans="1:10" x14ac:dyDescent="0.35">
      <c r="A21823" s="1" t="s">
        <v>2179</v>
      </c>
      <c r="B21823" s="1" t="s">
        <v>75461</v>
      </c>
      <c r="C21823" s="1" t="s">
        <v>50</v>
      </c>
      <c r="D21823" s="1" t="s">
        <v>39476</v>
      </c>
      <c r="E21823" s="1" t="s">
        <v>78064</v>
      </c>
      <c r="F21823" s="1" t="s">
        <v>78065</v>
      </c>
      <c r="G21823" s="1" t="s">
        <v>78034</v>
      </c>
      <c r="H21823" s="1" t="s">
        <v>78035</v>
      </c>
      <c r="I21823" s="1" t="s">
        <v>75467</v>
      </c>
      <c r="J21823" s="1" t="s">
        <v>78066</v>
      </c>
    </row>
    <row r="21824" spans="1:10" x14ac:dyDescent="0.35">
      <c r="A21824" s="1" t="s">
        <v>2179</v>
      </c>
      <c r="B21824" s="1" t="s">
        <v>75461</v>
      </c>
      <c r="C21824" s="1" t="s">
        <v>55</v>
      </c>
      <c r="D21824" s="1" t="s">
        <v>53366</v>
      </c>
      <c r="E21824" s="1" t="s">
        <v>78067</v>
      </c>
      <c r="F21824" s="1" t="s">
        <v>78068</v>
      </c>
      <c r="G21824" s="1" t="s">
        <v>78034</v>
      </c>
      <c r="H21824" s="1" t="s">
        <v>78035</v>
      </c>
      <c r="I21824" s="1" t="s">
        <v>75467</v>
      </c>
      <c r="J21824" s="1" t="s">
        <v>78069</v>
      </c>
    </row>
    <row r="21825" spans="1:10" x14ac:dyDescent="0.35">
      <c r="A21825" s="1" t="s">
        <v>2179</v>
      </c>
      <c r="B21825" s="1" t="s">
        <v>75461</v>
      </c>
      <c r="C21825" s="1" t="s">
        <v>60</v>
      </c>
      <c r="D21825" s="1" t="s">
        <v>78070</v>
      </c>
      <c r="E21825" s="1" t="s">
        <v>78071</v>
      </c>
      <c r="F21825" s="1" t="s">
        <v>78072</v>
      </c>
      <c r="G21825" s="1" t="s">
        <v>78034</v>
      </c>
      <c r="H21825" s="1" t="s">
        <v>78035</v>
      </c>
      <c r="I21825" s="1" t="s">
        <v>75467</v>
      </c>
      <c r="J21825" s="1" t="s">
        <v>78073</v>
      </c>
    </row>
    <row r="21826" spans="1:10" x14ac:dyDescent="0.35">
      <c r="A21826" s="1" t="s">
        <v>2179</v>
      </c>
      <c r="B21826" s="1" t="s">
        <v>75461</v>
      </c>
      <c r="C21826" s="1" t="s">
        <v>65</v>
      </c>
      <c r="D21826" s="1" t="s">
        <v>22068</v>
      </c>
      <c r="E21826" s="1" t="s">
        <v>78074</v>
      </c>
      <c r="F21826" s="1" t="s">
        <v>78075</v>
      </c>
      <c r="G21826" s="1" t="s">
        <v>78034</v>
      </c>
      <c r="H21826" s="1" t="s">
        <v>78035</v>
      </c>
      <c r="I21826" s="1" t="s">
        <v>75467</v>
      </c>
      <c r="J21826" s="1" t="s">
        <v>78076</v>
      </c>
    </row>
    <row r="21827" spans="1:10" x14ac:dyDescent="0.35">
      <c r="A21827" s="1" t="s">
        <v>2179</v>
      </c>
      <c r="B21827" s="1" t="s">
        <v>75461</v>
      </c>
      <c r="C21827" s="1" t="s">
        <v>70</v>
      </c>
      <c r="D21827" s="1" t="s">
        <v>78077</v>
      </c>
      <c r="E21827" s="1" t="s">
        <v>78078</v>
      </c>
      <c r="F21827" s="1" t="s">
        <v>78079</v>
      </c>
      <c r="G21827" s="1" t="s">
        <v>78034</v>
      </c>
      <c r="H21827" s="1" t="s">
        <v>78035</v>
      </c>
      <c r="I21827" s="1" t="s">
        <v>75467</v>
      </c>
      <c r="J21827" s="1" t="s">
        <v>78080</v>
      </c>
    </row>
    <row r="21828" spans="1:10" x14ac:dyDescent="0.35">
      <c r="A21828" s="1" t="s">
        <v>2179</v>
      </c>
      <c r="B21828" s="1" t="s">
        <v>75461</v>
      </c>
      <c r="C21828" s="1" t="s">
        <v>75</v>
      </c>
      <c r="D21828" s="1" t="s">
        <v>54974</v>
      </c>
      <c r="E21828" s="1" t="s">
        <v>78081</v>
      </c>
      <c r="F21828" s="1" t="s">
        <v>78082</v>
      </c>
      <c r="G21828" s="1" t="s">
        <v>78034</v>
      </c>
      <c r="H21828" s="1" t="s">
        <v>78035</v>
      </c>
      <c r="I21828" s="1" t="s">
        <v>75467</v>
      </c>
      <c r="J21828" s="1" t="s">
        <v>78083</v>
      </c>
    </row>
    <row r="21829" spans="1:10" x14ac:dyDescent="0.35">
      <c r="A21829" s="1" t="s">
        <v>2179</v>
      </c>
      <c r="B21829" s="1" t="s">
        <v>75461</v>
      </c>
      <c r="C21829" s="1" t="s">
        <v>80</v>
      </c>
      <c r="D21829" s="1" t="s">
        <v>33363</v>
      </c>
      <c r="E21829" s="1" t="s">
        <v>78084</v>
      </c>
      <c r="F21829" s="1" t="s">
        <v>78085</v>
      </c>
      <c r="G21829" s="1" t="s">
        <v>78034</v>
      </c>
      <c r="H21829" s="1" t="s">
        <v>78035</v>
      </c>
      <c r="I21829" s="1" t="s">
        <v>75467</v>
      </c>
      <c r="J21829" s="1" t="s">
        <v>78086</v>
      </c>
    </row>
    <row r="21830" spans="1:10" x14ac:dyDescent="0.35">
      <c r="A21830" s="1" t="s">
        <v>2179</v>
      </c>
      <c r="B21830" s="1" t="s">
        <v>75461</v>
      </c>
      <c r="C21830" s="1" t="s">
        <v>85</v>
      </c>
      <c r="D21830" s="1" t="s">
        <v>78087</v>
      </c>
      <c r="E21830" s="1" t="s">
        <v>78088</v>
      </c>
      <c r="F21830" s="1" t="s">
        <v>78089</v>
      </c>
      <c r="G21830" s="1" t="s">
        <v>78034</v>
      </c>
      <c r="H21830" s="1" t="s">
        <v>78035</v>
      </c>
      <c r="I21830" s="1" t="s">
        <v>75467</v>
      </c>
      <c r="J21830" s="1" t="s">
        <v>78090</v>
      </c>
    </row>
    <row r="21831" spans="1:10" x14ac:dyDescent="0.35">
      <c r="A21831" s="1" t="s">
        <v>2179</v>
      </c>
      <c r="B21831" s="1" t="s">
        <v>75461</v>
      </c>
      <c r="C21831" s="1" t="s">
        <v>90</v>
      </c>
      <c r="D21831" s="1" t="s">
        <v>78091</v>
      </c>
      <c r="E21831" s="1" t="s">
        <v>78092</v>
      </c>
      <c r="F21831" s="1" t="s">
        <v>78093</v>
      </c>
      <c r="G21831" s="1" t="s">
        <v>78034</v>
      </c>
      <c r="H21831" s="1" t="s">
        <v>78035</v>
      </c>
      <c r="I21831" s="1" t="s">
        <v>75467</v>
      </c>
      <c r="J21831" s="1" t="s">
        <v>78094</v>
      </c>
    </row>
    <row r="21832" spans="1:10" x14ac:dyDescent="0.35">
      <c r="A21832" s="1" t="s">
        <v>2179</v>
      </c>
      <c r="B21832" s="1" t="s">
        <v>75461</v>
      </c>
      <c r="C21832" s="1" t="s">
        <v>95</v>
      </c>
      <c r="D21832" s="1" t="s">
        <v>23963</v>
      </c>
      <c r="E21832" s="1" t="s">
        <v>78095</v>
      </c>
      <c r="F21832" s="1" t="s">
        <v>78096</v>
      </c>
      <c r="G21832" s="1" t="s">
        <v>78034</v>
      </c>
      <c r="H21832" s="1" t="s">
        <v>78035</v>
      </c>
      <c r="I21832" s="1" t="s">
        <v>75467</v>
      </c>
      <c r="J21832" s="1" t="s">
        <v>78097</v>
      </c>
    </row>
    <row r="21833" spans="1:10" x14ac:dyDescent="0.35">
      <c r="A21833" s="1" t="s">
        <v>2179</v>
      </c>
      <c r="B21833" s="1" t="s">
        <v>75461</v>
      </c>
      <c r="C21833" s="1" t="s">
        <v>100</v>
      </c>
      <c r="D21833" s="1" t="s">
        <v>56004</v>
      </c>
      <c r="E21833" s="1" t="s">
        <v>78098</v>
      </c>
      <c r="F21833" s="1" t="s">
        <v>78099</v>
      </c>
      <c r="G21833" s="1" t="s">
        <v>78034</v>
      </c>
      <c r="H21833" s="1" t="s">
        <v>78035</v>
      </c>
      <c r="I21833" s="1" t="s">
        <v>75467</v>
      </c>
      <c r="J21833" s="1" t="s">
        <v>78100</v>
      </c>
    </row>
    <row r="21834" spans="1:10" x14ac:dyDescent="0.35">
      <c r="A21834" s="1" t="s">
        <v>2179</v>
      </c>
      <c r="B21834" s="1" t="s">
        <v>75461</v>
      </c>
      <c r="C21834" s="1" t="s">
        <v>105</v>
      </c>
      <c r="D21834" s="1" t="s">
        <v>78101</v>
      </c>
      <c r="E21834" s="1" t="s">
        <v>78102</v>
      </c>
      <c r="F21834" s="1" t="s">
        <v>78103</v>
      </c>
      <c r="G21834" s="1" t="s">
        <v>78034</v>
      </c>
      <c r="H21834" s="1" t="s">
        <v>78035</v>
      </c>
      <c r="I21834" s="1" t="s">
        <v>75467</v>
      </c>
      <c r="J21834" s="1" t="s">
        <v>78104</v>
      </c>
    </row>
    <row r="21835" spans="1:10" x14ac:dyDescent="0.35">
      <c r="A21835" s="1" t="s">
        <v>2179</v>
      </c>
      <c r="B21835" s="1" t="s">
        <v>75461</v>
      </c>
      <c r="C21835" s="1" t="s">
        <v>110</v>
      </c>
      <c r="D21835" s="1" t="s">
        <v>78105</v>
      </c>
      <c r="E21835" s="1" t="s">
        <v>78106</v>
      </c>
      <c r="F21835" s="1" t="s">
        <v>78107</v>
      </c>
      <c r="G21835" s="1" t="s">
        <v>78034</v>
      </c>
      <c r="H21835" s="1" t="s">
        <v>78035</v>
      </c>
      <c r="I21835" s="1" t="s">
        <v>75467</v>
      </c>
      <c r="J21835" s="1" t="s">
        <v>78108</v>
      </c>
    </row>
    <row r="21836" spans="1:10" x14ac:dyDescent="0.35">
      <c r="A21836" s="1" t="s">
        <v>2179</v>
      </c>
      <c r="B21836" s="1" t="s">
        <v>75461</v>
      </c>
      <c r="C21836" s="1" t="s">
        <v>115</v>
      </c>
      <c r="D21836" s="1" t="s">
        <v>78109</v>
      </c>
      <c r="E21836" s="1" t="s">
        <v>78110</v>
      </c>
      <c r="F21836" s="1" t="s">
        <v>78111</v>
      </c>
      <c r="G21836" s="1" t="s">
        <v>78034</v>
      </c>
      <c r="H21836" s="1" t="s">
        <v>78035</v>
      </c>
      <c r="I21836" s="1" t="s">
        <v>75467</v>
      </c>
      <c r="J21836" s="1" t="s">
        <v>78112</v>
      </c>
    </row>
    <row r="21837" spans="1:10" x14ac:dyDescent="0.35">
      <c r="A21837" s="1" t="s">
        <v>2179</v>
      </c>
      <c r="B21837" s="1" t="s">
        <v>75461</v>
      </c>
      <c r="C21837" s="1" t="s">
        <v>120</v>
      </c>
      <c r="D21837" s="1" t="s">
        <v>78113</v>
      </c>
      <c r="E21837" s="1" t="s">
        <v>78114</v>
      </c>
      <c r="F21837" s="1" t="s">
        <v>78115</v>
      </c>
      <c r="G21837" s="1" t="s">
        <v>78034</v>
      </c>
      <c r="H21837" s="1" t="s">
        <v>78035</v>
      </c>
      <c r="I21837" s="1" t="s">
        <v>75467</v>
      </c>
      <c r="J21837" s="1" t="s">
        <v>78116</v>
      </c>
    </row>
    <row r="21838" spans="1:10" x14ac:dyDescent="0.35">
      <c r="A21838" s="1" t="s">
        <v>2179</v>
      </c>
      <c r="B21838" s="1" t="s">
        <v>75461</v>
      </c>
      <c r="C21838" s="1" t="s">
        <v>125</v>
      </c>
      <c r="D21838" s="1" t="s">
        <v>64919</v>
      </c>
      <c r="E21838" s="1" t="s">
        <v>78117</v>
      </c>
      <c r="F21838" s="1" t="s">
        <v>78118</v>
      </c>
      <c r="G21838" s="1" t="s">
        <v>78034</v>
      </c>
      <c r="H21838" s="1" t="s">
        <v>78035</v>
      </c>
      <c r="I21838" s="1" t="s">
        <v>75467</v>
      </c>
      <c r="J21838" s="1" t="s">
        <v>78119</v>
      </c>
    </row>
    <row r="21839" spans="1:10" x14ac:dyDescent="0.35">
      <c r="A21839" s="1" t="s">
        <v>2179</v>
      </c>
      <c r="B21839" s="1" t="s">
        <v>75461</v>
      </c>
      <c r="C21839" s="1" t="s">
        <v>130</v>
      </c>
      <c r="D21839" s="1" t="s">
        <v>54243</v>
      </c>
      <c r="E21839" s="1" t="s">
        <v>78120</v>
      </c>
      <c r="F21839" s="1" t="s">
        <v>78121</v>
      </c>
      <c r="G21839" s="1" t="s">
        <v>78034</v>
      </c>
      <c r="H21839" s="1" t="s">
        <v>78035</v>
      </c>
      <c r="I21839" s="1" t="s">
        <v>75467</v>
      </c>
      <c r="J21839" s="1" t="s">
        <v>78122</v>
      </c>
    </row>
    <row r="21840" spans="1:10" x14ac:dyDescent="0.35">
      <c r="A21840" s="1" t="s">
        <v>2179</v>
      </c>
      <c r="B21840" s="1" t="s">
        <v>75461</v>
      </c>
      <c r="C21840" s="1" t="s">
        <v>135</v>
      </c>
      <c r="D21840" s="1" t="s">
        <v>61707</v>
      </c>
      <c r="E21840" s="1" t="s">
        <v>78123</v>
      </c>
      <c r="F21840" s="1" t="s">
        <v>78124</v>
      </c>
      <c r="G21840" s="1" t="s">
        <v>78034</v>
      </c>
      <c r="H21840" s="1" t="s">
        <v>78035</v>
      </c>
      <c r="I21840" s="1" t="s">
        <v>75467</v>
      </c>
      <c r="J21840" s="1" t="s">
        <v>78125</v>
      </c>
    </row>
    <row r="21841" spans="1:10" x14ac:dyDescent="0.35">
      <c r="A21841" s="1" t="s">
        <v>2179</v>
      </c>
      <c r="B21841" s="1" t="s">
        <v>75461</v>
      </c>
      <c r="C21841" s="1" t="s">
        <v>140</v>
      </c>
      <c r="D21841" s="1" t="s">
        <v>56421</v>
      </c>
      <c r="E21841" s="1" t="s">
        <v>78126</v>
      </c>
      <c r="F21841" s="1" t="s">
        <v>78127</v>
      </c>
      <c r="G21841" s="1" t="s">
        <v>78034</v>
      </c>
      <c r="H21841" s="1" t="s">
        <v>78035</v>
      </c>
      <c r="I21841" s="1" t="s">
        <v>75467</v>
      </c>
      <c r="J21841" s="1" t="s">
        <v>78128</v>
      </c>
    </row>
    <row r="21842" spans="1:10" x14ac:dyDescent="0.35">
      <c r="A21842" s="1" t="s">
        <v>2179</v>
      </c>
      <c r="B21842" s="1" t="s">
        <v>75461</v>
      </c>
      <c r="C21842" s="1" t="s">
        <v>145</v>
      </c>
      <c r="D21842" s="1" t="s">
        <v>78129</v>
      </c>
      <c r="E21842" s="1" t="s">
        <v>78130</v>
      </c>
      <c r="F21842" s="1" t="s">
        <v>78131</v>
      </c>
      <c r="G21842" s="1" t="s">
        <v>78034</v>
      </c>
      <c r="H21842" s="1" t="s">
        <v>78035</v>
      </c>
      <c r="I21842" s="1" t="s">
        <v>75467</v>
      </c>
      <c r="J21842" s="1" t="s">
        <v>78132</v>
      </c>
    </row>
    <row r="21843" spans="1:10" x14ac:dyDescent="0.35">
      <c r="A21843" s="1" t="s">
        <v>2179</v>
      </c>
      <c r="B21843" s="1" t="s">
        <v>75461</v>
      </c>
      <c r="C21843" s="1" t="s">
        <v>150</v>
      </c>
      <c r="D21843" s="1" t="s">
        <v>78133</v>
      </c>
      <c r="E21843" s="1" t="s">
        <v>78134</v>
      </c>
      <c r="F21843" s="1" t="s">
        <v>78135</v>
      </c>
      <c r="G21843" s="1" t="s">
        <v>78034</v>
      </c>
      <c r="H21843" s="1" t="s">
        <v>78035</v>
      </c>
      <c r="I21843" s="1" t="s">
        <v>75467</v>
      </c>
      <c r="J21843" s="1" t="s">
        <v>78136</v>
      </c>
    </row>
    <row r="21844" spans="1:10" x14ac:dyDescent="0.35">
      <c r="A21844" s="1" t="s">
        <v>2179</v>
      </c>
      <c r="B21844" s="1" t="s">
        <v>75461</v>
      </c>
      <c r="C21844" s="1" t="s">
        <v>155</v>
      </c>
      <c r="D21844" s="1" t="s">
        <v>78137</v>
      </c>
      <c r="E21844" s="1" t="s">
        <v>78138</v>
      </c>
      <c r="F21844" s="1" t="s">
        <v>78139</v>
      </c>
      <c r="G21844" s="1" t="s">
        <v>78034</v>
      </c>
      <c r="H21844" s="1" t="s">
        <v>78035</v>
      </c>
      <c r="I21844" s="1" t="s">
        <v>75467</v>
      </c>
      <c r="J21844" s="1" t="s">
        <v>78140</v>
      </c>
    </row>
    <row r="21845" spans="1:10" x14ac:dyDescent="0.35">
      <c r="A21845" s="1" t="s">
        <v>2179</v>
      </c>
      <c r="B21845" s="1" t="s">
        <v>75461</v>
      </c>
      <c r="C21845" s="1" t="s">
        <v>160</v>
      </c>
      <c r="D21845" s="1" t="s">
        <v>53821</v>
      </c>
      <c r="E21845" s="1" t="s">
        <v>78141</v>
      </c>
      <c r="F21845" s="1" t="s">
        <v>78142</v>
      </c>
      <c r="G21845" s="1" t="s">
        <v>78034</v>
      </c>
      <c r="H21845" s="1" t="s">
        <v>78035</v>
      </c>
      <c r="I21845" s="1" t="s">
        <v>75467</v>
      </c>
      <c r="J21845" s="1" t="s">
        <v>78143</v>
      </c>
    </row>
    <row r="21846" spans="1:10" x14ac:dyDescent="0.35">
      <c r="A21846" s="1" t="s">
        <v>2179</v>
      </c>
      <c r="B21846" s="1" t="s">
        <v>75461</v>
      </c>
      <c r="C21846" s="1" t="s">
        <v>165</v>
      </c>
      <c r="D21846" s="1" t="s">
        <v>78144</v>
      </c>
      <c r="E21846" s="1" t="s">
        <v>78145</v>
      </c>
      <c r="F21846" s="1" t="s">
        <v>78146</v>
      </c>
      <c r="G21846" s="1" t="s">
        <v>78034</v>
      </c>
      <c r="H21846" s="1" t="s">
        <v>78035</v>
      </c>
      <c r="I21846" s="1" t="s">
        <v>75467</v>
      </c>
      <c r="J21846" s="1" t="s">
        <v>78147</v>
      </c>
    </row>
    <row r="21847" spans="1:10" x14ac:dyDescent="0.35">
      <c r="A21847" s="1" t="s">
        <v>2179</v>
      </c>
      <c r="B21847" s="1" t="s">
        <v>75461</v>
      </c>
      <c r="C21847" s="1" t="s">
        <v>170</v>
      </c>
      <c r="D21847" s="1" t="s">
        <v>78148</v>
      </c>
      <c r="E21847" s="1" t="s">
        <v>78149</v>
      </c>
      <c r="F21847" s="1" t="s">
        <v>78150</v>
      </c>
      <c r="G21847" s="1" t="s">
        <v>78034</v>
      </c>
      <c r="H21847" s="1" t="s">
        <v>78035</v>
      </c>
      <c r="I21847" s="1" t="s">
        <v>75467</v>
      </c>
      <c r="J21847" s="1" t="s">
        <v>78151</v>
      </c>
    </row>
    <row r="21848" spans="1:10" x14ac:dyDescent="0.35">
      <c r="A21848" s="1" t="s">
        <v>78152</v>
      </c>
      <c r="B21848" s="1" t="s">
        <v>75461</v>
      </c>
      <c r="C21848" s="1" t="s">
        <v>8</v>
      </c>
      <c r="D21848" s="1" t="s">
        <v>78153</v>
      </c>
      <c r="E21848" s="1" t="s">
        <v>78154</v>
      </c>
      <c r="F21848" s="1" t="s">
        <v>78155</v>
      </c>
      <c r="G21848" s="1" t="s">
        <v>78156</v>
      </c>
      <c r="H21848" s="1" t="s">
        <v>78157</v>
      </c>
      <c r="I21848" s="1" t="s">
        <v>75467</v>
      </c>
      <c r="J21848" s="1" t="s">
        <v>13</v>
      </c>
    </row>
    <row r="21849" spans="1:10" x14ac:dyDescent="0.35">
      <c r="A21849" s="1" t="s">
        <v>78152</v>
      </c>
      <c r="B21849" s="1" t="s">
        <v>75461</v>
      </c>
      <c r="C21849" s="1" t="s">
        <v>15</v>
      </c>
      <c r="D21849" s="1" t="s">
        <v>68748</v>
      </c>
      <c r="E21849" s="1" t="s">
        <v>78158</v>
      </c>
      <c r="F21849" s="1" t="s">
        <v>78159</v>
      </c>
      <c r="G21849" s="1" t="s">
        <v>78156</v>
      </c>
      <c r="H21849" s="1" t="s">
        <v>78157</v>
      </c>
      <c r="I21849" s="1" t="s">
        <v>75467</v>
      </c>
      <c r="J21849" s="1" t="s">
        <v>78160</v>
      </c>
    </row>
    <row r="21850" spans="1:10" x14ac:dyDescent="0.35">
      <c r="A21850" s="1" t="s">
        <v>78152</v>
      </c>
      <c r="B21850" s="1" t="s">
        <v>75461</v>
      </c>
      <c r="C21850" s="1" t="s">
        <v>20</v>
      </c>
      <c r="D21850" s="1" t="s">
        <v>78161</v>
      </c>
      <c r="E21850" s="1" t="s">
        <v>78162</v>
      </c>
      <c r="F21850" s="1" t="s">
        <v>78163</v>
      </c>
      <c r="G21850" s="1" t="s">
        <v>78156</v>
      </c>
      <c r="H21850" s="1" t="s">
        <v>78157</v>
      </c>
      <c r="I21850" s="1" t="s">
        <v>75467</v>
      </c>
      <c r="J21850" s="1" t="s">
        <v>78164</v>
      </c>
    </row>
    <row r="21851" spans="1:10" x14ac:dyDescent="0.35">
      <c r="A21851" s="1" t="s">
        <v>78152</v>
      </c>
      <c r="B21851" s="1" t="s">
        <v>75461</v>
      </c>
      <c r="C21851" s="1" t="s">
        <v>25</v>
      </c>
      <c r="D21851" s="1" t="s">
        <v>61627</v>
      </c>
      <c r="E21851" s="1" t="s">
        <v>78165</v>
      </c>
      <c r="F21851" s="1" t="s">
        <v>78166</v>
      </c>
      <c r="G21851" s="1" t="s">
        <v>78156</v>
      </c>
      <c r="H21851" s="1" t="s">
        <v>78157</v>
      </c>
      <c r="I21851" s="1" t="s">
        <v>75467</v>
      </c>
      <c r="J21851" s="1" t="s">
        <v>78167</v>
      </c>
    </row>
    <row r="21852" spans="1:10" x14ac:dyDescent="0.35">
      <c r="A21852" s="1" t="s">
        <v>78152</v>
      </c>
      <c r="B21852" s="1" t="s">
        <v>75461</v>
      </c>
      <c r="C21852" s="1" t="s">
        <v>30</v>
      </c>
      <c r="D21852" s="1" t="s">
        <v>78168</v>
      </c>
      <c r="E21852" s="1" t="s">
        <v>78169</v>
      </c>
      <c r="F21852" s="1" t="s">
        <v>78170</v>
      </c>
      <c r="G21852" s="1" t="s">
        <v>78156</v>
      </c>
      <c r="H21852" s="1" t="s">
        <v>78157</v>
      </c>
      <c r="I21852" s="1" t="s">
        <v>75467</v>
      </c>
      <c r="J21852" s="1" t="s">
        <v>78171</v>
      </c>
    </row>
    <row r="21853" spans="1:10" x14ac:dyDescent="0.35">
      <c r="A21853" s="1" t="s">
        <v>78152</v>
      </c>
      <c r="B21853" s="1" t="s">
        <v>75461</v>
      </c>
      <c r="C21853" s="1" t="s">
        <v>35</v>
      </c>
      <c r="D21853" s="1" t="s">
        <v>69299</v>
      </c>
      <c r="E21853" s="1" t="s">
        <v>78172</v>
      </c>
      <c r="F21853" s="1" t="s">
        <v>78173</v>
      </c>
      <c r="G21853" s="1" t="s">
        <v>78156</v>
      </c>
      <c r="H21853" s="1" t="s">
        <v>78157</v>
      </c>
      <c r="I21853" s="1" t="s">
        <v>75467</v>
      </c>
      <c r="J21853" s="1" t="s">
        <v>78174</v>
      </c>
    </row>
    <row r="21854" spans="1:10" x14ac:dyDescent="0.35">
      <c r="A21854" s="1" t="s">
        <v>78152</v>
      </c>
      <c r="B21854" s="1" t="s">
        <v>75461</v>
      </c>
      <c r="C21854" s="1" t="s">
        <v>40</v>
      </c>
      <c r="D21854" s="1" t="s">
        <v>78175</v>
      </c>
      <c r="E21854" s="1" t="s">
        <v>78176</v>
      </c>
      <c r="F21854" s="1" t="s">
        <v>78177</v>
      </c>
      <c r="G21854" s="1" t="s">
        <v>78156</v>
      </c>
      <c r="H21854" s="1" t="s">
        <v>78157</v>
      </c>
      <c r="I21854" s="1" t="s">
        <v>75467</v>
      </c>
      <c r="J21854" s="1" t="s">
        <v>78178</v>
      </c>
    </row>
    <row r="21855" spans="1:10" x14ac:dyDescent="0.35">
      <c r="A21855" s="1" t="s">
        <v>78152</v>
      </c>
      <c r="B21855" s="1" t="s">
        <v>75461</v>
      </c>
      <c r="C21855" s="1" t="s">
        <v>45</v>
      </c>
      <c r="D21855" s="1" t="s">
        <v>78179</v>
      </c>
      <c r="E21855" s="1" t="s">
        <v>78180</v>
      </c>
      <c r="F21855" s="1" t="s">
        <v>78181</v>
      </c>
      <c r="G21855" s="1" t="s">
        <v>78156</v>
      </c>
      <c r="H21855" s="1" t="s">
        <v>78157</v>
      </c>
      <c r="I21855" s="1" t="s">
        <v>75467</v>
      </c>
      <c r="J21855" s="1" t="s">
        <v>78182</v>
      </c>
    </row>
    <row r="21856" spans="1:10" x14ac:dyDescent="0.35">
      <c r="A21856" s="1" t="s">
        <v>78152</v>
      </c>
      <c r="B21856" s="1" t="s">
        <v>75461</v>
      </c>
      <c r="C21856" s="1" t="s">
        <v>50</v>
      </c>
      <c r="D21856" s="1" t="s">
        <v>78183</v>
      </c>
      <c r="E21856" s="1" t="s">
        <v>78184</v>
      </c>
      <c r="F21856" s="1" t="s">
        <v>78185</v>
      </c>
      <c r="G21856" s="1" t="s">
        <v>78156</v>
      </c>
      <c r="H21856" s="1" t="s">
        <v>78157</v>
      </c>
      <c r="I21856" s="1" t="s">
        <v>75467</v>
      </c>
      <c r="J21856" s="1" t="s">
        <v>78186</v>
      </c>
    </row>
    <row r="21857" spans="1:10" x14ac:dyDescent="0.35">
      <c r="A21857" s="1" t="s">
        <v>78152</v>
      </c>
      <c r="B21857" s="1" t="s">
        <v>75461</v>
      </c>
      <c r="C21857" s="1" t="s">
        <v>55</v>
      </c>
      <c r="D21857" s="1" t="s">
        <v>67074</v>
      </c>
      <c r="E21857" s="1" t="s">
        <v>78187</v>
      </c>
      <c r="F21857" s="1" t="s">
        <v>78188</v>
      </c>
      <c r="G21857" s="1" t="s">
        <v>78156</v>
      </c>
      <c r="H21857" s="1" t="s">
        <v>78157</v>
      </c>
      <c r="I21857" s="1" t="s">
        <v>75467</v>
      </c>
      <c r="J21857" s="1" t="s">
        <v>78189</v>
      </c>
    </row>
    <row r="21858" spans="1:10" x14ac:dyDescent="0.35">
      <c r="A21858" s="1" t="s">
        <v>78152</v>
      </c>
      <c r="B21858" s="1" t="s">
        <v>75461</v>
      </c>
      <c r="C21858" s="1" t="s">
        <v>60</v>
      </c>
      <c r="D21858" s="1" t="s">
        <v>78190</v>
      </c>
      <c r="E21858" s="1" t="s">
        <v>78191</v>
      </c>
      <c r="F21858" s="1" t="s">
        <v>78192</v>
      </c>
      <c r="G21858" s="1" t="s">
        <v>78156</v>
      </c>
      <c r="H21858" s="1" t="s">
        <v>78157</v>
      </c>
      <c r="I21858" s="1" t="s">
        <v>75467</v>
      </c>
      <c r="J21858" s="1" t="s">
        <v>78193</v>
      </c>
    </row>
    <row r="21859" spans="1:10" x14ac:dyDescent="0.35">
      <c r="A21859" s="1" t="s">
        <v>78152</v>
      </c>
      <c r="B21859" s="1" t="s">
        <v>75461</v>
      </c>
      <c r="C21859" s="1" t="s">
        <v>65</v>
      </c>
      <c r="D21859" s="1" t="s">
        <v>78194</v>
      </c>
      <c r="E21859" s="1" t="s">
        <v>78195</v>
      </c>
      <c r="F21859" s="1" t="s">
        <v>78196</v>
      </c>
      <c r="G21859" s="1" t="s">
        <v>78156</v>
      </c>
      <c r="H21859" s="1" t="s">
        <v>78157</v>
      </c>
      <c r="I21859" s="1" t="s">
        <v>75467</v>
      </c>
      <c r="J21859" s="1" t="s">
        <v>78197</v>
      </c>
    </row>
    <row r="21860" spans="1:10" x14ac:dyDescent="0.35">
      <c r="A21860" s="1" t="s">
        <v>78152</v>
      </c>
      <c r="B21860" s="1" t="s">
        <v>75461</v>
      </c>
      <c r="C21860" s="1" t="s">
        <v>70</v>
      </c>
      <c r="D21860" s="1" t="s">
        <v>23943</v>
      </c>
      <c r="E21860" s="1" t="s">
        <v>78198</v>
      </c>
      <c r="F21860" s="1" t="s">
        <v>78199</v>
      </c>
      <c r="G21860" s="1" t="s">
        <v>78156</v>
      </c>
      <c r="H21860" s="1" t="s">
        <v>78157</v>
      </c>
      <c r="I21860" s="1" t="s">
        <v>75467</v>
      </c>
      <c r="J21860" s="1" t="s">
        <v>78200</v>
      </c>
    </row>
    <row r="21861" spans="1:10" x14ac:dyDescent="0.35">
      <c r="A21861" s="1" t="s">
        <v>78152</v>
      </c>
      <c r="B21861" s="1" t="s">
        <v>75461</v>
      </c>
      <c r="C21861" s="1" t="s">
        <v>75</v>
      </c>
      <c r="D21861" s="1" t="s">
        <v>78201</v>
      </c>
      <c r="E21861" s="1" t="s">
        <v>78202</v>
      </c>
      <c r="F21861" s="1" t="s">
        <v>78203</v>
      </c>
      <c r="G21861" s="1" t="s">
        <v>78156</v>
      </c>
      <c r="H21861" s="1" t="s">
        <v>78157</v>
      </c>
      <c r="I21861" s="1" t="s">
        <v>75467</v>
      </c>
      <c r="J21861" s="1" t="s">
        <v>78204</v>
      </c>
    </row>
    <row r="21862" spans="1:10" x14ac:dyDescent="0.35">
      <c r="A21862" s="1" t="s">
        <v>78152</v>
      </c>
      <c r="B21862" s="1" t="s">
        <v>75461</v>
      </c>
      <c r="C21862" s="1" t="s">
        <v>80</v>
      </c>
      <c r="D21862" s="1" t="s">
        <v>78205</v>
      </c>
      <c r="E21862" s="1" t="s">
        <v>78206</v>
      </c>
      <c r="F21862" s="1" t="s">
        <v>78207</v>
      </c>
      <c r="G21862" s="1" t="s">
        <v>78156</v>
      </c>
      <c r="H21862" s="1" t="s">
        <v>78157</v>
      </c>
      <c r="I21862" s="1" t="s">
        <v>75467</v>
      </c>
      <c r="J21862" s="1" t="s">
        <v>78208</v>
      </c>
    </row>
    <row r="21863" spans="1:10" x14ac:dyDescent="0.35">
      <c r="A21863" s="1" t="s">
        <v>78152</v>
      </c>
      <c r="B21863" s="1" t="s">
        <v>75461</v>
      </c>
      <c r="C21863" s="1" t="s">
        <v>85</v>
      </c>
      <c r="D21863" s="1" t="s">
        <v>78209</v>
      </c>
      <c r="E21863" s="1" t="s">
        <v>78210</v>
      </c>
      <c r="F21863" s="1" t="s">
        <v>78211</v>
      </c>
      <c r="G21863" s="1" t="s">
        <v>78156</v>
      </c>
      <c r="H21863" s="1" t="s">
        <v>78157</v>
      </c>
      <c r="I21863" s="1" t="s">
        <v>75467</v>
      </c>
      <c r="J21863" s="1" t="s">
        <v>78212</v>
      </c>
    </row>
    <row r="21864" spans="1:10" x14ac:dyDescent="0.35">
      <c r="A21864" s="1" t="s">
        <v>78152</v>
      </c>
      <c r="B21864" s="1" t="s">
        <v>75461</v>
      </c>
      <c r="C21864" s="1" t="s">
        <v>90</v>
      </c>
      <c r="D21864" s="1" t="s">
        <v>22551</v>
      </c>
      <c r="E21864" s="1" t="s">
        <v>78213</v>
      </c>
      <c r="F21864" s="1" t="s">
        <v>78214</v>
      </c>
      <c r="G21864" s="1" t="s">
        <v>78156</v>
      </c>
      <c r="H21864" s="1" t="s">
        <v>78157</v>
      </c>
      <c r="I21864" s="1" t="s">
        <v>75467</v>
      </c>
      <c r="J21864" s="1" t="s">
        <v>78215</v>
      </c>
    </row>
    <row r="21865" spans="1:10" x14ac:dyDescent="0.35">
      <c r="A21865" s="1" t="s">
        <v>78152</v>
      </c>
      <c r="B21865" s="1" t="s">
        <v>75461</v>
      </c>
      <c r="C21865" s="1" t="s">
        <v>95</v>
      </c>
      <c r="D21865" s="1" t="s">
        <v>15138</v>
      </c>
      <c r="E21865" s="1" t="s">
        <v>78216</v>
      </c>
      <c r="F21865" s="1" t="s">
        <v>78217</v>
      </c>
      <c r="G21865" s="1" t="s">
        <v>78156</v>
      </c>
      <c r="H21865" s="1" t="s">
        <v>78157</v>
      </c>
      <c r="I21865" s="1" t="s">
        <v>75467</v>
      </c>
      <c r="J21865" s="1" t="s">
        <v>78218</v>
      </c>
    </row>
    <row r="21866" spans="1:10" x14ac:dyDescent="0.35">
      <c r="A21866" s="1" t="s">
        <v>78152</v>
      </c>
      <c r="B21866" s="1" t="s">
        <v>75461</v>
      </c>
      <c r="C21866" s="1" t="s">
        <v>100</v>
      </c>
      <c r="D21866" s="1" t="s">
        <v>78219</v>
      </c>
      <c r="E21866" s="1" t="s">
        <v>78220</v>
      </c>
      <c r="F21866" s="1" t="s">
        <v>78221</v>
      </c>
      <c r="G21866" s="1" t="s">
        <v>78156</v>
      </c>
      <c r="H21866" s="1" t="s">
        <v>78157</v>
      </c>
      <c r="I21866" s="1" t="s">
        <v>75467</v>
      </c>
      <c r="J21866" s="1" t="s">
        <v>78222</v>
      </c>
    </row>
    <row r="21867" spans="1:10" x14ac:dyDescent="0.35">
      <c r="A21867" s="1" t="s">
        <v>78152</v>
      </c>
      <c r="B21867" s="1" t="s">
        <v>75461</v>
      </c>
      <c r="C21867" s="1" t="s">
        <v>105</v>
      </c>
      <c r="D21867" s="1" t="s">
        <v>78223</v>
      </c>
      <c r="E21867" s="1" t="s">
        <v>78224</v>
      </c>
      <c r="F21867" s="1" t="s">
        <v>78225</v>
      </c>
      <c r="G21867" s="1" t="s">
        <v>78156</v>
      </c>
      <c r="H21867" s="1" t="s">
        <v>78157</v>
      </c>
      <c r="I21867" s="1" t="s">
        <v>75467</v>
      </c>
      <c r="J21867" s="1" t="s">
        <v>78226</v>
      </c>
    </row>
    <row r="21868" spans="1:10" x14ac:dyDescent="0.35">
      <c r="A21868" s="1" t="s">
        <v>78152</v>
      </c>
      <c r="B21868" s="1" t="s">
        <v>75461</v>
      </c>
      <c r="C21868" s="1" t="s">
        <v>110</v>
      </c>
      <c r="D21868" s="1" t="s">
        <v>78227</v>
      </c>
      <c r="E21868" s="1" t="s">
        <v>78228</v>
      </c>
      <c r="F21868" s="1" t="s">
        <v>78229</v>
      </c>
      <c r="G21868" s="1" t="s">
        <v>78156</v>
      </c>
      <c r="H21868" s="1" t="s">
        <v>78157</v>
      </c>
      <c r="I21868" s="1" t="s">
        <v>75467</v>
      </c>
      <c r="J21868" s="1" t="s">
        <v>78230</v>
      </c>
    </row>
    <row r="21869" spans="1:10" x14ac:dyDescent="0.35">
      <c r="A21869" s="1" t="s">
        <v>78152</v>
      </c>
      <c r="B21869" s="1" t="s">
        <v>75461</v>
      </c>
      <c r="C21869" s="1" t="s">
        <v>115</v>
      </c>
      <c r="D21869" s="1" t="s">
        <v>52255</v>
      </c>
      <c r="E21869" s="1" t="s">
        <v>78231</v>
      </c>
      <c r="F21869" s="1" t="s">
        <v>78232</v>
      </c>
      <c r="G21869" s="1" t="s">
        <v>78156</v>
      </c>
      <c r="H21869" s="1" t="s">
        <v>78157</v>
      </c>
      <c r="I21869" s="1" t="s">
        <v>75467</v>
      </c>
      <c r="J21869" s="1" t="s">
        <v>78233</v>
      </c>
    </row>
    <row r="21870" spans="1:10" x14ac:dyDescent="0.35">
      <c r="A21870" s="1" t="s">
        <v>78152</v>
      </c>
      <c r="B21870" s="1" t="s">
        <v>75461</v>
      </c>
      <c r="C21870" s="1" t="s">
        <v>120</v>
      </c>
      <c r="D21870" s="1" t="s">
        <v>78234</v>
      </c>
      <c r="E21870" s="1" t="s">
        <v>78235</v>
      </c>
      <c r="F21870" s="1" t="s">
        <v>78236</v>
      </c>
      <c r="G21870" s="1" t="s">
        <v>78156</v>
      </c>
      <c r="H21870" s="1" t="s">
        <v>78157</v>
      </c>
      <c r="I21870" s="1" t="s">
        <v>75467</v>
      </c>
      <c r="J21870" s="1" t="s">
        <v>78237</v>
      </c>
    </row>
    <row r="21871" spans="1:10" x14ac:dyDescent="0.35">
      <c r="A21871" s="1" t="s">
        <v>78152</v>
      </c>
      <c r="B21871" s="1" t="s">
        <v>75461</v>
      </c>
      <c r="C21871" s="1" t="s">
        <v>125</v>
      </c>
      <c r="D21871" s="1" t="s">
        <v>78238</v>
      </c>
      <c r="E21871" s="1" t="s">
        <v>78239</v>
      </c>
      <c r="F21871" s="1" t="s">
        <v>78240</v>
      </c>
      <c r="G21871" s="1" t="s">
        <v>78156</v>
      </c>
      <c r="H21871" s="1" t="s">
        <v>78157</v>
      </c>
      <c r="I21871" s="1" t="s">
        <v>75467</v>
      </c>
      <c r="J21871" s="1" t="s">
        <v>78241</v>
      </c>
    </row>
    <row r="21872" spans="1:10" x14ac:dyDescent="0.35">
      <c r="A21872" s="1" t="s">
        <v>78152</v>
      </c>
      <c r="B21872" s="1" t="s">
        <v>75461</v>
      </c>
      <c r="C21872" s="1" t="s">
        <v>130</v>
      </c>
      <c r="D21872" s="1" t="s">
        <v>78242</v>
      </c>
      <c r="E21872" s="1" t="s">
        <v>78243</v>
      </c>
      <c r="F21872" s="1" t="s">
        <v>78244</v>
      </c>
      <c r="G21872" s="1" t="s">
        <v>78156</v>
      </c>
      <c r="H21872" s="1" t="s">
        <v>78157</v>
      </c>
      <c r="I21872" s="1" t="s">
        <v>75467</v>
      </c>
      <c r="J21872" s="1" t="s">
        <v>78245</v>
      </c>
    </row>
    <row r="21873" spans="1:10" x14ac:dyDescent="0.35">
      <c r="A21873" s="1" t="s">
        <v>78152</v>
      </c>
      <c r="B21873" s="1" t="s">
        <v>75461</v>
      </c>
      <c r="C21873" s="1" t="s">
        <v>135</v>
      </c>
      <c r="D21873" s="1" t="s">
        <v>78246</v>
      </c>
      <c r="E21873" s="1" t="s">
        <v>78247</v>
      </c>
      <c r="F21873" s="1" t="s">
        <v>78248</v>
      </c>
      <c r="G21873" s="1" t="s">
        <v>78156</v>
      </c>
      <c r="H21873" s="1" t="s">
        <v>78157</v>
      </c>
      <c r="I21873" s="1" t="s">
        <v>75467</v>
      </c>
      <c r="J21873" s="1" t="s">
        <v>78249</v>
      </c>
    </row>
    <row r="21874" spans="1:10" x14ac:dyDescent="0.35">
      <c r="A21874" s="1" t="s">
        <v>78152</v>
      </c>
      <c r="B21874" s="1" t="s">
        <v>75461</v>
      </c>
      <c r="C21874" s="1" t="s">
        <v>140</v>
      </c>
      <c r="D21874" s="1" t="s">
        <v>78250</v>
      </c>
      <c r="E21874" s="1" t="s">
        <v>78251</v>
      </c>
      <c r="F21874" s="1" t="s">
        <v>78252</v>
      </c>
      <c r="G21874" s="1" t="s">
        <v>78156</v>
      </c>
      <c r="H21874" s="1" t="s">
        <v>78157</v>
      </c>
      <c r="I21874" s="1" t="s">
        <v>75467</v>
      </c>
      <c r="J21874" s="1" t="s">
        <v>78253</v>
      </c>
    </row>
    <row r="21875" spans="1:10" x14ac:dyDescent="0.35">
      <c r="A21875" s="1" t="s">
        <v>78152</v>
      </c>
      <c r="B21875" s="1" t="s">
        <v>75461</v>
      </c>
      <c r="C21875" s="1" t="s">
        <v>145</v>
      </c>
      <c r="D21875" s="1" t="s">
        <v>78254</v>
      </c>
      <c r="E21875" s="1" t="s">
        <v>78255</v>
      </c>
      <c r="F21875" s="1" t="s">
        <v>78256</v>
      </c>
      <c r="G21875" s="1" t="s">
        <v>78156</v>
      </c>
      <c r="H21875" s="1" t="s">
        <v>78157</v>
      </c>
      <c r="I21875" s="1" t="s">
        <v>75467</v>
      </c>
      <c r="J21875" s="1" t="s">
        <v>78257</v>
      </c>
    </row>
    <row r="21876" spans="1:10" x14ac:dyDescent="0.35">
      <c r="A21876" s="1" t="s">
        <v>78152</v>
      </c>
      <c r="B21876" s="1" t="s">
        <v>75461</v>
      </c>
      <c r="C21876" s="1" t="s">
        <v>150</v>
      </c>
      <c r="D21876" s="1" t="s">
        <v>78258</v>
      </c>
      <c r="E21876" s="1" t="s">
        <v>78259</v>
      </c>
      <c r="F21876" s="1" t="s">
        <v>78260</v>
      </c>
      <c r="G21876" s="1" t="s">
        <v>78156</v>
      </c>
      <c r="H21876" s="1" t="s">
        <v>78157</v>
      </c>
      <c r="I21876" s="1" t="s">
        <v>75467</v>
      </c>
      <c r="J21876" s="1" t="s">
        <v>78261</v>
      </c>
    </row>
    <row r="21877" spans="1:10" x14ac:dyDescent="0.35">
      <c r="A21877" s="1" t="s">
        <v>78152</v>
      </c>
      <c r="B21877" s="1" t="s">
        <v>75461</v>
      </c>
      <c r="C21877" s="1" t="s">
        <v>155</v>
      </c>
      <c r="D21877" s="1" t="s">
        <v>22543</v>
      </c>
      <c r="E21877" s="1" t="s">
        <v>78262</v>
      </c>
      <c r="F21877" s="1" t="s">
        <v>78263</v>
      </c>
      <c r="G21877" s="1" t="s">
        <v>78156</v>
      </c>
      <c r="H21877" s="1" t="s">
        <v>78157</v>
      </c>
      <c r="I21877" s="1" t="s">
        <v>75467</v>
      </c>
      <c r="J21877" s="1" t="s">
        <v>78264</v>
      </c>
    </row>
    <row r="21878" spans="1:10" x14ac:dyDescent="0.35">
      <c r="A21878" s="1" t="s">
        <v>78152</v>
      </c>
      <c r="B21878" s="1" t="s">
        <v>75461</v>
      </c>
      <c r="C21878" s="1" t="s">
        <v>160</v>
      </c>
      <c r="D21878" s="1" t="s">
        <v>24253</v>
      </c>
      <c r="E21878" s="1" t="s">
        <v>78265</v>
      </c>
      <c r="F21878" s="1" t="s">
        <v>78266</v>
      </c>
      <c r="G21878" s="1" t="s">
        <v>78156</v>
      </c>
      <c r="H21878" s="1" t="s">
        <v>78157</v>
      </c>
      <c r="I21878" s="1" t="s">
        <v>75467</v>
      </c>
      <c r="J21878" s="1" t="s">
        <v>78267</v>
      </c>
    </row>
    <row r="21879" spans="1:10" x14ac:dyDescent="0.35">
      <c r="A21879" s="1" t="s">
        <v>78152</v>
      </c>
      <c r="B21879" s="1" t="s">
        <v>75461</v>
      </c>
      <c r="C21879" s="1" t="s">
        <v>165</v>
      </c>
      <c r="D21879" s="1" t="s">
        <v>26822</v>
      </c>
      <c r="E21879" s="1" t="s">
        <v>78268</v>
      </c>
      <c r="F21879" s="1" t="s">
        <v>78269</v>
      </c>
      <c r="G21879" s="1" t="s">
        <v>78156</v>
      </c>
      <c r="H21879" s="1" t="s">
        <v>78157</v>
      </c>
      <c r="I21879" s="1" t="s">
        <v>75467</v>
      </c>
      <c r="J21879" s="1" t="s">
        <v>78270</v>
      </c>
    </row>
    <row r="21880" spans="1:10" x14ac:dyDescent="0.35">
      <c r="A21880" s="1" t="s">
        <v>78152</v>
      </c>
      <c r="B21880" s="1" t="s">
        <v>75461</v>
      </c>
      <c r="C21880" s="1" t="s">
        <v>170</v>
      </c>
      <c r="D21880" s="1" t="s">
        <v>78271</v>
      </c>
      <c r="E21880" s="1" t="s">
        <v>78272</v>
      </c>
      <c r="F21880" s="1" t="s">
        <v>78273</v>
      </c>
      <c r="G21880" s="1" t="s">
        <v>78156</v>
      </c>
      <c r="H21880" s="1" t="s">
        <v>78157</v>
      </c>
      <c r="I21880" s="1" t="s">
        <v>75467</v>
      </c>
      <c r="J21880" s="1" t="s">
        <v>78274</v>
      </c>
    </row>
    <row r="21881" spans="1:10" x14ac:dyDescent="0.35">
      <c r="A21881" s="1" t="s">
        <v>46799</v>
      </c>
      <c r="B21881" s="1" t="s">
        <v>75461</v>
      </c>
      <c r="C21881" s="1" t="s">
        <v>8</v>
      </c>
      <c r="D21881" s="1" t="s">
        <v>78275</v>
      </c>
      <c r="E21881" s="1" t="s">
        <v>78276</v>
      </c>
      <c r="F21881" s="1" t="s">
        <v>78277</v>
      </c>
      <c r="G21881" s="1" t="s">
        <v>78278</v>
      </c>
      <c r="H21881" s="1" t="s">
        <v>78279</v>
      </c>
      <c r="I21881" s="1" t="s">
        <v>75467</v>
      </c>
      <c r="J21881" s="1" t="s">
        <v>13</v>
      </c>
    </row>
    <row r="21882" spans="1:10" x14ac:dyDescent="0.35">
      <c r="A21882" s="1" t="s">
        <v>46799</v>
      </c>
      <c r="B21882" s="1" t="s">
        <v>75461</v>
      </c>
      <c r="C21882" s="1" t="s">
        <v>15</v>
      </c>
      <c r="D21882" s="1" t="s">
        <v>61900</v>
      </c>
      <c r="E21882" s="1" t="s">
        <v>78280</v>
      </c>
      <c r="F21882" s="1" t="s">
        <v>78281</v>
      </c>
      <c r="G21882" s="1" t="s">
        <v>78278</v>
      </c>
      <c r="H21882" s="1" t="s">
        <v>78279</v>
      </c>
      <c r="I21882" s="1" t="s">
        <v>75467</v>
      </c>
      <c r="J21882" s="1" t="s">
        <v>78282</v>
      </c>
    </row>
    <row r="21883" spans="1:10" x14ac:dyDescent="0.35">
      <c r="A21883" s="1" t="s">
        <v>46799</v>
      </c>
      <c r="B21883" s="1" t="s">
        <v>75461</v>
      </c>
      <c r="C21883" s="1" t="s">
        <v>20</v>
      </c>
      <c r="D21883" s="1" t="s">
        <v>78283</v>
      </c>
      <c r="E21883" s="1" t="s">
        <v>78284</v>
      </c>
      <c r="F21883" s="1" t="s">
        <v>78285</v>
      </c>
      <c r="G21883" s="1" t="s">
        <v>78278</v>
      </c>
      <c r="H21883" s="1" t="s">
        <v>78279</v>
      </c>
      <c r="I21883" s="1" t="s">
        <v>75467</v>
      </c>
      <c r="J21883" s="1" t="s">
        <v>78286</v>
      </c>
    </row>
    <row r="21884" spans="1:10" x14ac:dyDescent="0.35">
      <c r="A21884" s="1" t="s">
        <v>46799</v>
      </c>
      <c r="B21884" s="1" t="s">
        <v>75461</v>
      </c>
      <c r="C21884" s="1" t="s">
        <v>25</v>
      </c>
      <c r="D21884" s="1" t="s">
        <v>78287</v>
      </c>
      <c r="E21884" s="1" t="s">
        <v>78288</v>
      </c>
      <c r="F21884" s="1" t="s">
        <v>78289</v>
      </c>
      <c r="G21884" s="1" t="s">
        <v>78278</v>
      </c>
      <c r="H21884" s="1" t="s">
        <v>78279</v>
      </c>
      <c r="I21884" s="1" t="s">
        <v>75467</v>
      </c>
      <c r="J21884" s="1" t="s">
        <v>78290</v>
      </c>
    </row>
    <row r="21885" spans="1:10" x14ac:dyDescent="0.35">
      <c r="A21885" s="1" t="s">
        <v>46799</v>
      </c>
      <c r="B21885" s="1" t="s">
        <v>75461</v>
      </c>
      <c r="C21885" s="1" t="s">
        <v>30</v>
      </c>
      <c r="D21885" s="1" t="s">
        <v>78291</v>
      </c>
      <c r="E21885" s="1" t="s">
        <v>78292</v>
      </c>
      <c r="F21885" s="1" t="s">
        <v>78293</v>
      </c>
      <c r="G21885" s="1" t="s">
        <v>78278</v>
      </c>
      <c r="H21885" s="1" t="s">
        <v>78279</v>
      </c>
      <c r="I21885" s="1" t="s">
        <v>75467</v>
      </c>
      <c r="J21885" s="1" t="s">
        <v>78294</v>
      </c>
    </row>
    <row r="21886" spans="1:10" x14ac:dyDescent="0.35">
      <c r="A21886" s="1" t="s">
        <v>46799</v>
      </c>
      <c r="B21886" s="1" t="s">
        <v>75461</v>
      </c>
      <c r="C21886" s="1" t="s">
        <v>35</v>
      </c>
      <c r="D21886" s="1" t="s">
        <v>26826</v>
      </c>
      <c r="E21886" s="1" t="s">
        <v>78295</v>
      </c>
      <c r="F21886" s="1" t="s">
        <v>78296</v>
      </c>
      <c r="G21886" s="1" t="s">
        <v>78278</v>
      </c>
      <c r="H21886" s="1" t="s">
        <v>78279</v>
      </c>
      <c r="I21886" s="1" t="s">
        <v>75467</v>
      </c>
      <c r="J21886" s="1" t="s">
        <v>78297</v>
      </c>
    </row>
    <row r="21887" spans="1:10" x14ac:dyDescent="0.35">
      <c r="A21887" s="1" t="s">
        <v>46799</v>
      </c>
      <c r="B21887" s="1" t="s">
        <v>75461</v>
      </c>
      <c r="C21887" s="1" t="s">
        <v>40</v>
      </c>
      <c r="D21887" s="1" t="s">
        <v>78298</v>
      </c>
      <c r="E21887" s="1" t="s">
        <v>78299</v>
      </c>
      <c r="F21887" s="1" t="s">
        <v>78300</v>
      </c>
      <c r="G21887" s="1" t="s">
        <v>78278</v>
      </c>
      <c r="H21887" s="1" t="s">
        <v>78279</v>
      </c>
      <c r="I21887" s="1" t="s">
        <v>75467</v>
      </c>
      <c r="J21887" s="1" t="s">
        <v>78301</v>
      </c>
    </row>
    <row r="21888" spans="1:10" x14ac:dyDescent="0.35">
      <c r="A21888" s="1" t="s">
        <v>46799</v>
      </c>
      <c r="B21888" s="1" t="s">
        <v>75461</v>
      </c>
      <c r="C21888" s="1" t="s">
        <v>45</v>
      </c>
      <c r="D21888" s="1" t="s">
        <v>59438</v>
      </c>
      <c r="E21888" s="1" t="s">
        <v>78302</v>
      </c>
      <c r="F21888" s="1" t="s">
        <v>78303</v>
      </c>
      <c r="G21888" s="1" t="s">
        <v>78278</v>
      </c>
      <c r="H21888" s="1" t="s">
        <v>78279</v>
      </c>
      <c r="I21888" s="1" t="s">
        <v>75467</v>
      </c>
      <c r="J21888" s="1" t="s">
        <v>78304</v>
      </c>
    </row>
    <row r="21889" spans="1:10" x14ac:dyDescent="0.35">
      <c r="A21889" s="1" t="s">
        <v>46799</v>
      </c>
      <c r="B21889" s="1" t="s">
        <v>75461</v>
      </c>
      <c r="C21889" s="1" t="s">
        <v>50</v>
      </c>
      <c r="D21889" s="1" t="s">
        <v>78305</v>
      </c>
      <c r="E21889" s="1" t="s">
        <v>78306</v>
      </c>
      <c r="F21889" s="1" t="s">
        <v>78307</v>
      </c>
      <c r="G21889" s="1" t="s">
        <v>78278</v>
      </c>
      <c r="H21889" s="1" t="s">
        <v>78279</v>
      </c>
      <c r="I21889" s="1" t="s">
        <v>75467</v>
      </c>
      <c r="J21889" s="1" t="s">
        <v>78308</v>
      </c>
    </row>
    <row r="21890" spans="1:10" x14ac:dyDescent="0.35">
      <c r="A21890" s="1" t="s">
        <v>46799</v>
      </c>
      <c r="B21890" s="1" t="s">
        <v>75461</v>
      </c>
      <c r="C21890" s="1" t="s">
        <v>55</v>
      </c>
      <c r="D21890" s="1" t="s">
        <v>78309</v>
      </c>
      <c r="E21890" s="1" t="s">
        <v>78310</v>
      </c>
      <c r="F21890" s="1" t="s">
        <v>78311</v>
      </c>
      <c r="G21890" s="1" t="s">
        <v>78278</v>
      </c>
      <c r="H21890" s="1" t="s">
        <v>78279</v>
      </c>
      <c r="I21890" s="1" t="s">
        <v>75467</v>
      </c>
      <c r="J21890" s="1" t="s">
        <v>78312</v>
      </c>
    </row>
    <row r="21891" spans="1:10" x14ac:dyDescent="0.35">
      <c r="A21891" s="1" t="s">
        <v>46799</v>
      </c>
      <c r="B21891" s="1" t="s">
        <v>75461</v>
      </c>
      <c r="C21891" s="1" t="s">
        <v>60</v>
      </c>
      <c r="D21891" s="1" t="s">
        <v>78313</v>
      </c>
      <c r="E21891" s="1" t="s">
        <v>78314</v>
      </c>
      <c r="F21891" s="1" t="s">
        <v>78315</v>
      </c>
      <c r="G21891" s="1" t="s">
        <v>78278</v>
      </c>
      <c r="H21891" s="1" t="s">
        <v>78279</v>
      </c>
      <c r="I21891" s="1" t="s">
        <v>75467</v>
      </c>
      <c r="J21891" s="1" t="s">
        <v>78316</v>
      </c>
    </row>
    <row r="21892" spans="1:10" x14ac:dyDescent="0.35">
      <c r="A21892" s="1" t="s">
        <v>46799</v>
      </c>
      <c r="B21892" s="1" t="s">
        <v>75461</v>
      </c>
      <c r="C21892" s="1" t="s">
        <v>65</v>
      </c>
      <c r="D21892" s="1" t="s">
        <v>78317</v>
      </c>
      <c r="E21892" s="1" t="s">
        <v>78318</v>
      </c>
      <c r="F21892" s="1" t="s">
        <v>78319</v>
      </c>
      <c r="G21892" s="1" t="s">
        <v>78278</v>
      </c>
      <c r="H21892" s="1" t="s">
        <v>78279</v>
      </c>
      <c r="I21892" s="1" t="s">
        <v>75467</v>
      </c>
      <c r="J21892" s="1" t="s">
        <v>78320</v>
      </c>
    </row>
    <row r="21893" spans="1:10" x14ac:dyDescent="0.35">
      <c r="A21893" s="1" t="s">
        <v>46799</v>
      </c>
      <c r="B21893" s="1" t="s">
        <v>75461</v>
      </c>
      <c r="C21893" s="1" t="s">
        <v>70</v>
      </c>
      <c r="D21893" s="1" t="s">
        <v>78321</v>
      </c>
      <c r="E21893" s="1" t="s">
        <v>78322</v>
      </c>
      <c r="F21893" s="1" t="s">
        <v>78323</v>
      </c>
      <c r="G21893" s="1" t="s">
        <v>78278</v>
      </c>
      <c r="H21893" s="1" t="s">
        <v>78279</v>
      </c>
      <c r="I21893" s="1" t="s">
        <v>75467</v>
      </c>
      <c r="J21893" s="1" t="s">
        <v>78324</v>
      </c>
    </row>
    <row r="21894" spans="1:10" x14ac:dyDescent="0.35">
      <c r="A21894" s="1" t="s">
        <v>46799</v>
      </c>
      <c r="B21894" s="1" t="s">
        <v>75461</v>
      </c>
      <c r="C21894" s="1" t="s">
        <v>75</v>
      </c>
      <c r="D21894" s="1" t="s">
        <v>78325</v>
      </c>
      <c r="E21894" s="1" t="s">
        <v>78326</v>
      </c>
      <c r="F21894" s="1" t="s">
        <v>78327</v>
      </c>
      <c r="G21894" s="1" t="s">
        <v>78278</v>
      </c>
      <c r="H21894" s="1" t="s">
        <v>78279</v>
      </c>
      <c r="I21894" s="1" t="s">
        <v>75467</v>
      </c>
      <c r="J21894" s="1" t="s">
        <v>78328</v>
      </c>
    </row>
    <row r="21895" spans="1:10" x14ac:dyDescent="0.35">
      <c r="A21895" s="1" t="s">
        <v>46799</v>
      </c>
      <c r="B21895" s="1" t="s">
        <v>75461</v>
      </c>
      <c r="C21895" s="1" t="s">
        <v>80</v>
      </c>
      <c r="D21895" s="1" t="s">
        <v>78329</v>
      </c>
      <c r="E21895" s="1" t="s">
        <v>78330</v>
      </c>
      <c r="F21895" s="1" t="s">
        <v>78331</v>
      </c>
      <c r="G21895" s="1" t="s">
        <v>78278</v>
      </c>
      <c r="H21895" s="1" t="s">
        <v>78279</v>
      </c>
      <c r="I21895" s="1" t="s">
        <v>75467</v>
      </c>
      <c r="J21895" s="1" t="s">
        <v>78332</v>
      </c>
    </row>
    <row r="21896" spans="1:10" x14ac:dyDescent="0.35">
      <c r="A21896" s="1" t="s">
        <v>46799</v>
      </c>
      <c r="B21896" s="1" t="s">
        <v>75461</v>
      </c>
      <c r="C21896" s="1" t="s">
        <v>85</v>
      </c>
      <c r="D21896" s="1" t="s">
        <v>78333</v>
      </c>
      <c r="E21896" s="1" t="s">
        <v>78334</v>
      </c>
      <c r="F21896" s="1" t="s">
        <v>78335</v>
      </c>
      <c r="G21896" s="1" t="s">
        <v>78278</v>
      </c>
      <c r="H21896" s="1" t="s">
        <v>78279</v>
      </c>
      <c r="I21896" s="1" t="s">
        <v>75467</v>
      </c>
      <c r="J21896" s="1" t="s">
        <v>78336</v>
      </c>
    </row>
    <row r="21897" spans="1:10" x14ac:dyDescent="0.35">
      <c r="A21897" s="1" t="s">
        <v>46799</v>
      </c>
      <c r="B21897" s="1" t="s">
        <v>75461</v>
      </c>
      <c r="C21897" s="1" t="s">
        <v>90</v>
      </c>
      <c r="D21897" s="1" t="s">
        <v>78337</v>
      </c>
      <c r="E21897" s="1" t="s">
        <v>78338</v>
      </c>
      <c r="F21897" s="1" t="s">
        <v>78339</v>
      </c>
      <c r="G21897" s="1" t="s">
        <v>78278</v>
      </c>
      <c r="H21897" s="1" t="s">
        <v>78279</v>
      </c>
      <c r="I21897" s="1" t="s">
        <v>75467</v>
      </c>
      <c r="J21897" s="1" t="s">
        <v>78340</v>
      </c>
    </row>
    <row r="21898" spans="1:10" x14ac:dyDescent="0.35">
      <c r="A21898" s="1" t="s">
        <v>46799</v>
      </c>
      <c r="B21898" s="1" t="s">
        <v>75461</v>
      </c>
      <c r="C21898" s="1" t="s">
        <v>95</v>
      </c>
      <c r="D21898" s="1" t="s">
        <v>78341</v>
      </c>
      <c r="E21898" s="1" t="s">
        <v>78342</v>
      </c>
      <c r="F21898" s="1" t="s">
        <v>78343</v>
      </c>
      <c r="G21898" s="1" t="s">
        <v>78278</v>
      </c>
      <c r="H21898" s="1" t="s">
        <v>78279</v>
      </c>
      <c r="I21898" s="1" t="s">
        <v>75467</v>
      </c>
      <c r="J21898" s="1" t="s">
        <v>78344</v>
      </c>
    </row>
    <row r="21899" spans="1:10" x14ac:dyDescent="0.35">
      <c r="A21899" s="1" t="s">
        <v>46799</v>
      </c>
      <c r="B21899" s="1" t="s">
        <v>75461</v>
      </c>
      <c r="C21899" s="1" t="s">
        <v>100</v>
      </c>
      <c r="D21899" s="1" t="s">
        <v>78345</v>
      </c>
      <c r="E21899" s="1" t="s">
        <v>78346</v>
      </c>
      <c r="F21899" s="1" t="s">
        <v>78347</v>
      </c>
      <c r="G21899" s="1" t="s">
        <v>78278</v>
      </c>
      <c r="H21899" s="1" t="s">
        <v>78279</v>
      </c>
      <c r="I21899" s="1" t="s">
        <v>75467</v>
      </c>
      <c r="J21899" s="1" t="s">
        <v>78348</v>
      </c>
    </row>
    <row r="21900" spans="1:10" x14ac:dyDescent="0.35">
      <c r="A21900" s="1" t="s">
        <v>46799</v>
      </c>
      <c r="B21900" s="1" t="s">
        <v>75461</v>
      </c>
      <c r="C21900" s="1" t="s">
        <v>105</v>
      </c>
      <c r="D21900" s="1" t="s">
        <v>78349</v>
      </c>
      <c r="E21900" s="1" t="s">
        <v>78350</v>
      </c>
      <c r="F21900" s="1" t="s">
        <v>78351</v>
      </c>
      <c r="G21900" s="1" t="s">
        <v>78278</v>
      </c>
      <c r="H21900" s="1" t="s">
        <v>78279</v>
      </c>
      <c r="I21900" s="1" t="s">
        <v>75467</v>
      </c>
      <c r="J21900" s="1" t="s">
        <v>78352</v>
      </c>
    </row>
    <row r="21901" spans="1:10" x14ac:dyDescent="0.35">
      <c r="A21901" s="1" t="s">
        <v>46799</v>
      </c>
      <c r="B21901" s="1" t="s">
        <v>75461</v>
      </c>
      <c r="C21901" s="1" t="s">
        <v>110</v>
      </c>
      <c r="D21901" s="1" t="s">
        <v>78353</v>
      </c>
      <c r="E21901" s="1" t="s">
        <v>78354</v>
      </c>
      <c r="F21901" s="1" t="s">
        <v>78355</v>
      </c>
      <c r="G21901" s="1" t="s">
        <v>78278</v>
      </c>
      <c r="H21901" s="1" t="s">
        <v>78279</v>
      </c>
      <c r="I21901" s="1" t="s">
        <v>75467</v>
      </c>
      <c r="J21901" s="1" t="s">
        <v>78356</v>
      </c>
    </row>
    <row r="21902" spans="1:10" x14ac:dyDescent="0.35">
      <c r="A21902" s="1" t="s">
        <v>46799</v>
      </c>
      <c r="B21902" s="1" t="s">
        <v>75461</v>
      </c>
      <c r="C21902" s="1" t="s">
        <v>115</v>
      </c>
      <c r="D21902" s="1" t="s">
        <v>67665</v>
      </c>
      <c r="E21902" s="1" t="s">
        <v>78357</v>
      </c>
      <c r="F21902" s="1" t="s">
        <v>78358</v>
      </c>
      <c r="G21902" s="1" t="s">
        <v>78278</v>
      </c>
      <c r="H21902" s="1" t="s">
        <v>78279</v>
      </c>
      <c r="I21902" s="1" t="s">
        <v>75467</v>
      </c>
      <c r="J21902" s="1" t="s">
        <v>78359</v>
      </c>
    </row>
    <row r="21903" spans="1:10" x14ac:dyDescent="0.35">
      <c r="A21903" s="1" t="s">
        <v>46799</v>
      </c>
      <c r="B21903" s="1" t="s">
        <v>75461</v>
      </c>
      <c r="C21903" s="1" t="s">
        <v>120</v>
      </c>
      <c r="D21903" s="1" t="s">
        <v>78360</v>
      </c>
      <c r="E21903" s="1" t="s">
        <v>78361</v>
      </c>
      <c r="F21903" s="1" t="s">
        <v>78362</v>
      </c>
      <c r="G21903" s="1" t="s">
        <v>78278</v>
      </c>
      <c r="H21903" s="1" t="s">
        <v>78279</v>
      </c>
      <c r="I21903" s="1" t="s">
        <v>75467</v>
      </c>
      <c r="J21903" s="1" t="s">
        <v>78363</v>
      </c>
    </row>
    <row r="21904" spans="1:10" x14ac:dyDescent="0.35">
      <c r="A21904" s="1" t="s">
        <v>46799</v>
      </c>
      <c r="B21904" s="1" t="s">
        <v>75461</v>
      </c>
      <c r="C21904" s="1" t="s">
        <v>125</v>
      </c>
      <c r="D21904" s="1" t="s">
        <v>20145</v>
      </c>
      <c r="E21904" s="1" t="s">
        <v>78364</v>
      </c>
      <c r="F21904" s="1" t="s">
        <v>78365</v>
      </c>
      <c r="G21904" s="1" t="s">
        <v>78278</v>
      </c>
      <c r="H21904" s="1" t="s">
        <v>78279</v>
      </c>
      <c r="I21904" s="1" t="s">
        <v>75467</v>
      </c>
      <c r="J21904" s="1" t="s">
        <v>78366</v>
      </c>
    </row>
    <row r="21905" spans="1:10" x14ac:dyDescent="0.35">
      <c r="A21905" s="1" t="s">
        <v>46799</v>
      </c>
      <c r="B21905" s="1" t="s">
        <v>75461</v>
      </c>
      <c r="C21905" s="1" t="s">
        <v>130</v>
      </c>
      <c r="D21905" s="1" t="s">
        <v>78367</v>
      </c>
      <c r="E21905" s="1" t="s">
        <v>78368</v>
      </c>
      <c r="F21905" s="1" t="s">
        <v>78369</v>
      </c>
      <c r="G21905" s="1" t="s">
        <v>78278</v>
      </c>
      <c r="H21905" s="1" t="s">
        <v>78279</v>
      </c>
      <c r="I21905" s="1" t="s">
        <v>75467</v>
      </c>
      <c r="J21905" s="1" t="s">
        <v>78370</v>
      </c>
    </row>
    <row r="21906" spans="1:10" x14ac:dyDescent="0.35">
      <c r="A21906" s="1" t="s">
        <v>46799</v>
      </c>
      <c r="B21906" s="1" t="s">
        <v>75461</v>
      </c>
      <c r="C21906" s="1" t="s">
        <v>135</v>
      </c>
      <c r="D21906" s="1" t="s">
        <v>64278</v>
      </c>
      <c r="E21906" s="1" t="s">
        <v>78371</v>
      </c>
      <c r="F21906" s="1" t="s">
        <v>78372</v>
      </c>
      <c r="G21906" s="1" t="s">
        <v>78278</v>
      </c>
      <c r="H21906" s="1" t="s">
        <v>78279</v>
      </c>
      <c r="I21906" s="1" t="s">
        <v>75467</v>
      </c>
      <c r="J21906" s="1" t="s">
        <v>78373</v>
      </c>
    </row>
    <row r="21907" spans="1:10" x14ac:dyDescent="0.35">
      <c r="A21907" s="1" t="s">
        <v>46799</v>
      </c>
      <c r="B21907" s="1" t="s">
        <v>75461</v>
      </c>
      <c r="C21907" s="1" t="s">
        <v>140</v>
      </c>
      <c r="D21907" s="1" t="s">
        <v>78374</v>
      </c>
      <c r="E21907" s="1" t="s">
        <v>78375</v>
      </c>
      <c r="F21907" s="1" t="s">
        <v>78376</v>
      </c>
      <c r="G21907" s="1" t="s">
        <v>78278</v>
      </c>
      <c r="H21907" s="1" t="s">
        <v>78279</v>
      </c>
      <c r="I21907" s="1" t="s">
        <v>75467</v>
      </c>
      <c r="J21907" s="1" t="s">
        <v>78377</v>
      </c>
    </row>
    <row r="21908" spans="1:10" x14ac:dyDescent="0.35">
      <c r="A21908" s="1" t="s">
        <v>46799</v>
      </c>
      <c r="B21908" s="1" t="s">
        <v>75461</v>
      </c>
      <c r="C21908" s="1" t="s">
        <v>145</v>
      </c>
      <c r="D21908" s="1" t="s">
        <v>78378</v>
      </c>
      <c r="E21908" s="1" t="s">
        <v>78379</v>
      </c>
      <c r="F21908" s="1" t="s">
        <v>78380</v>
      </c>
      <c r="G21908" s="1" t="s">
        <v>78278</v>
      </c>
      <c r="H21908" s="1" t="s">
        <v>78279</v>
      </c>
      <c r="I21908" s="1" t="s">
        <v>75467</v>
      </c>
      <c r="J21908" s="1" t="s">
        <v>78381</v>
      </c>
    </row>
    <row r="21909" spans="1:10" x14ac:dyDescent="0.35">
      <c r="A21909" s="1" t="s">
        <v>46799</v>
      </c>
      <c r="B21909" s="1" t="s">
        <v>75461</v>
      </c>
      <c r="C21909" s="1" t="s">
        <v>150</v>
      </c>
      <c r="D21909" s="1" t="s">
        <v>78382</v>
      </c>
      <c r="E21909" s="1" t="s">
        <v>78383</v>
      </c>
      <c r="F21909" s="1" t="s">
        <v>78384</v>
      </c>
      <c r="G21909" s="1" t="s">
        <v>78278</v>
      </c>
      <c r="H21909" s="1" t="s">
        <v>78279</v>
      </c>
      <c r="I21909" s="1" t="s">
        <v>75467</v>
      </c>
      <c r="J21909" s="1" t="s">
        <v>78385</v>
      </c>
    </row>
    <row r="21910" spans="1:10" x14ac:dyDescent="0.35">
      <c r="A21910" s="1" t="s">
        <v>46799</v>
      </c>
      <c r="B21910" s="1" t="s">
        <v>75461</v>
      </c>
      <c r="C21910" s="1" t="s">
        <v>155</v>
      </c>
      <c r="D21910" s="1" t="s">
        <v>78386</v>
      </c>
      <c r="E21910" s="1" t="s">
        <v>78387</v>
      </c>
      <c r="F21910" s="1" t="s">
        <v>78388</v>
      </c>
      <c r="G21910" s="1" t="s">
        <v>78278</v>
      </c>
      <c r="H21910" s="1" t="s">
        <v>78279</v>
      </c>
      <c r="I21910" s="1" t="s">
        <v>75467</v>
      </c>
      <c r="J21910" s="1" t="s">
        <v>78389</v>
      </c>
    </row>
    <row r="21911" spans="1:10" x14ac:dyDescent="0.35">
      <c r="A21911" s="1" t="s">
        <v>46799</v>
      </c>
      <c r="B21911" s="1" t="s">
        <v>75461</v>
      </c>
      <c r="C21911" s="1" t="s">
        <v>160</v>
      </c>
      <c r="D21911" s="1" t="s">
        <v>78390</v>
      </c>
      <c r="E21911" s="1" t="s">
        <v>78391</v>
      </c>
      <c r="F21911" s="1" t="s">
        <v>78392</v>
      </c>
      <c r="G21911" s="1" t="s">
        <v>78278</v>
      </c>
      <c r="H21911" s="1" t="s">
        <v>78279</v>
      </c>
      <c r="I21911" s="1" t="s">
        <v>75467</v>
      </c>
      <c r="J21911" s="1" t="s">
        <v>78393</v>
      </c>
    </row>
    <row r="21912" spans="1:10" x14ac:dyDescent="0.35">
      <c r="A21912" s="1" t="s">
        <v>46799</v>
      </c>
      <c r="B21912" s="1" t="s">
        <v>75461</v>
      </c>
      <c r="C21912" s="1" t="s">
        <v>165</v>
      </c>
      <c r="D21912" s="1" t="s">
        <v>78394</v>
      </c>
      <c r="E21912" s="1" t="s">
        <v>78395</v>
      </c>
      <c r="F21912" s="1" t="s">
        <v>78396</v>
      </c>
      <c r="G21912" s="1" t="s">
        <v>78278</v>
      </c>
      <c r="H21912" s="1" t="s">
        <v>78279</v>
      </c>
      <c r="I21912" s="1" t="s">
        <v>75467</v>
      </c>
      <c r="J21912" s="1" t="s">
        <v>78397</v>
      </c>
    </row>
    <row r="21913" spans="1:10" x14ac:dyDescent="0.35">
      <c r="A21913" s="1" t="s">
        <v>46799</v>
      </c>
      <c r="B21913" s="1" t="s">
        <v>75461</v>
      </c>
      <c r="C21913" s="1" t="s">
        <v>170</v>
      </c>
      <c r="D21913" s="1" t="s">
        <v>57998</v>
      </c>
      <c r="E21913" s="1" t="s">
        <v>78398</v>
      </c>
      <c r="F21913" s="1" t="s">
        <v>78399</v>
      </c>
      <c r="G21913" s="1" t="s">
        <v>78278</v>
      </c>
      <c r="H21913" s="1" t="s">
        <v>78279</v>
      </c>
      <c r="I21913" s="1" t="s">
        <v>75467</v>
      </c>
      <c r="J21913" s="1" t="s">
        <v>78400</v>
      </c>
    </row>
    <row r="21914" spans="1:10" x14ac:dyDescent="0.35">
      <c r="A21914" s="1" t="s">
        <v>25823</v>
      </c>
      <c r="B21914" s="1" t="s">
        <v>75461</v>
      </c>
      <c r="C21914" s="1" t="s">
        <v>8</v>
      </c>
      <c r="D21914" s="1" t="s">
        <v>78401</v>
      </c>
      <c r="E21914" s="1" t="s">
        <v>78402</v>
      </c>
      <c r="F21914" s="1" t="s">
        <v>78403</v>
      </c>
      <c r="G21914" s="1" t="s">
        <v>78404</v>
      </c>
      <c r="H21914" s="1" t="s">
        <v>78405</v>
      </c>
      <c r="I21914" s="1" t="s">
        <v>75467</v>
      </c>
      <c r="J21914" s="1" t="s">
        <v>13</v>
      </c>
    </row>
    <row r="21915" spans="1:10" x14ac:dyDescent="0.35">
      <c r="A21915" s="1" t="s">
        <v>25823</v>
      </c>
      <c r="B21915" s="1" t="s">
        <v>75461</v>
      </c>
      <c r="C21915" s="1" t="s">
        <v>15</v>
      </c>
      <c r="D21915" s="1" t="s">
        <v>78406</v>
      </c>
      <c r="E21915" s="1" t="s">
        <v>78407</v>
      </c>
      <c r="F21915" s="1" t="s">
        <v>78408</v>
      </c>
      <c r="G21915" s="1" t="s">
        <v>78404</v>
      </c>
      <c r="H21915" s="1" t="s">
        <v>78405</v>
      </c>
      <c r="I21915" s="1" t="s">
        <v>75467</v>
      </c>
      <c r="J21915" s="1" t="s">
        <v>78409</v>
      </c>
    </row>
    <row r="21916" spans="1:10" x14ac:dyDescent="0.35">
      <c r="A21916" s="1" t="s">
        <v>25823</v>
      </c>
      <c r="B21916" s="1" t="s">
        <v>75461</v>
      </c>
      <c r="C21916" s="1" t="s">
        <v>20</v>
      </c>
      <c r="D21916" s="1" t="s">
        <v>11656</v>
      </c>
      <c r="E21916" s="1" t="s">
        <v>78410</v>
      </c>
      <c r="F21916" s="1" t="s">
        <v>78411</v>
      </c>
      <c r="G21916" s="1" t="s">
        <v>78404</v>
      </c>
      <c r="H21916" s="1" t="s">
        <v>78405</v>
      </c>
      <c r="I21916" s="1" t="s">
        <v>75467</v>
      </c>
      <c r="J21916" s="1" t="s">
        <v>78412</v>
      </c>
    </row>
    <row r="21917" spans="1:10" x14ac:dyDescent="0.35">
      <c r="A21917" s="1" t="s">
        <v>25823</v>
      </c>
      <c r="B21917" s="1" t="s">
        <v>75461</v>
      </c>
      <c r="C21917" s="1" t="s">
        <v>25</v>
      </c>
      <c r="D21917" s="1" t="s">
        <v>78413</v>
      </c>
      <c r="E21917" s="1" t="s">
        <v>78414</v>
      </c>
      <c r="F21917" s="1" t="s">
        <v>78415</v>
      </c>
      <c r="G21917" s="1" t="s">
        <v>78404</v>
      </c>
      <c r="H21917" s="1" t="s">
        <v>78405</v>
      </c>
      <c r="I21917" s="1" t="s">
        <v>75467</v>
      </c>
      <c r="J21917" s="1" t="s">
        <v>78416</v>
      </c>
    </row>
    <row r="21918" spans="1:10" x14ac:dyDescent="0.35">
      <c r="A21918" s="1" t="s">
        <v>25823</v>
      </c>
      <c r="B21918" s="1" t="s">
        <v>75461</v>
      </c>
      <c r="C21918" s="1" t="s">
        <v>30</v>
      </c>
      <c r="D21918" s="1" t="s">
        <v>78417</v>
      </c>
      <c r="E21918" s="1" t="s">
        <v>78418</v>
      </c>
      <c r="F21918" s="1" t="s">
        <v>78419</v>
      </c>
      <c r="G21918" s="1" t="s">
        <v>78404</v>
      </c>
      <c r="H21918" s="1" t="s">
        <v>78405</v>
      </c>
      <c r="I21918" s="1" t="s">
        <v>75467</v>
      </c>
      <c r="J21918" s="1" t="s">
        <v>78420</v>
      </c>
    </row>
    <row r="21919" spans="1:10" x14ac:dyDescent="0.35">
      <c r="A21919" s="1" t="s">
        <v>25823</v>
      </c>
      <c r="B21919" s="1" t="s">
        <v>75461</v>
      </c>
      <c r="C21919" s="1" t="s">
        <v>35</v>
      </c>
      <c r="D21919" s="1" t="s">
        <v>78421</v>
      </c>
      <c r="E21919" s="1" t="s">
        <v>78422</v>
      </c>
      <c r="F21919" s="1" t="s">
        <v>78423</v>
      </c>
      <c r="G21919" s="1" t="s">
        <v>78404</v>
      </c>
      <c r="H21919" s="1" t="s">
        <v>78405</v>
      </c>
      <c r="I21919" s="1" t="s">
        <v>75467</v>
      </c>
      <c r="J21919" s="1" t="s">
        <v>78424</v>
      </c>
    </row>
    <row r="21920" spans="1:10" x14ac:dyDescent="0.35">
      <c r="A21920" s="1" t="s">
        <v>25823</v>
      </c>
      <c r="B21920" s="1" t="s">
        <v>75461</v>
      </c>
      <c r="C21920" s="1" t="s">
        <v>40</v>
      </c>
      <c r="D21920" s="1" t="s">
        <v>78425</v>
      </c>
      <c r="E21920" s="1" t="s">
        <v>78426</v>
      </c>
      <c r="F21920" s="1" t="s">
        <v>78427</v>
      </c>
      <c r="G21920" s="1" t="s">
        <v>78404</v>
      </c>
      <c r="H21920" s="1" t="s">
        <v>78405</v>
      </c>
      <c r="I21920" s="1" t="s">
        <v>75467</v>
      </c>
      <c r="J21920" s="1" t="s">
        <v>78428</v>
      </c>
    </row>
    <row r="21921" spans="1:10" x14ac:dyDescent="0.35">
      <c r="A21921" s="1" t="s">
        <v>25823</v>
      </c>
      <c r="B21921" s="1" t="s">
        <v>75461</v>
      </c>
      <c r="C21921" s="1" t="s">
        <v>45</v>
      </c>
      <c r="D21921" s="1" t="s">
        <v>52705</v>
      </c>
      <c r="E21921" s="1" t="s">
        <v>78429</v>
      </c>
      <c r="F21921" s="1" t="s">
        <v>78430</v>
      </c>
      <c r="G21921" s="1" t="s">
        <v>78404</v>
      </c>
      <c r="H21921" s="1" t="s">
        <v>78405</v>
      </c>
      <c r="I21921" s="1" t="s">
        <v>75467</v>
      </c>
      <c r="J21921" s="1" t="s">
        <v>78431</v>
      </c>
    </row>
    <row r="21922" spans="1:10" x14ac:dyDescent="0.35">
      <c r="A21922" s="1" t="s">
        <v>25823</v>
      </c>
      <c r="B21922" s="1" t="s">
        <v>75461</v>
      </c>
      <c r="C21922" s="1" t="s">
        <v>50</v>
      </c>
      <c r="D21922" s="1" t="s">
        <v>78432</v>
      </c>
      <c r="E21922" s="1" t="s">
        <v>78433</v>
      </c>
      <c r="F21922" s="1" t="s">
        <v>78434</v>
      </c>
      <c r="G21922" s="1" t="s">
        <v>78404</v>
      </c>
      <c r="H21922" s="1" t="s">
        <v>78405</v>
      </c>
      <c r="I21922" s="1" t="s">
        <v>75467</v>
      </c>
      <c r="J21922" s="1" t="s">
        <v>78435</v>
      </c>
    </row>
    <row r="21923" spans="1:10" x14ac:dyDescent="0.35">
      <c r="A21923" s="1" t="s">
        <v>25823</v>
      </c>
      <c r="B21923" s="1" t="s">
        <v>75461</v>
      </c>
      <c r="C21923" s="1" t="s">
        <v>55</v>
      </c>
      <c r="D21923" s="1" t="s">
        <v>78436</v>
      </c>
      <c r="E21923" s="1" t="s">
        <v>78437</v>
      </c>
      <c r="F21923" s="1" t="s">
        <v>78438</v>
      </c>
      <c r="G21923" s="1" t="s">
        <v>78404</v>
      </c>
      <c r="H21923" s="1" t="s">
        <v>78405</v>
      </c>
      <c r="I21923" s="1" t="s">
        <v>75467</v>
      </c>
      <c r="J21923" s="1" t="s">
        <v>78439</v>
      </c>
    </row>
    <row r="21924" spans="1:10" x14ac:dyDescent="0.35">
      <c r="A21924" s="1" t="s">
        <v>25823</v>
      </c>
      <c r="B21924" s="1" t="s">
        <v>75461</v>
      </c>
      <c r="C21924" s="1" t="s">
        <v>60</v>
      </c>
      <c r="D21924" s="1" t="s">
        <v>78440</v>
      </c>
      <c r="E21924" s="1" t="s">
        <v>78441</v>
      </c>
      <c r="F21924" s="1" t="s">
        <v>78442</v>
      </c>
      <c r="G21924" s="1" t="s">
        <v>78404</v>
      </c>
      <c r="H21924" s="1" t="s">
        <v>78405</v>
      </c>
      <c r="I21924" s="1" t="s">
        <v>75467</v>
      </c>
      <c r="J21924" s="1" t="s">
        <v>78443</v>
      </c>
    </row>
    <row r="21925" spans="1:10" x14ac:dyDescent="0.35">
      <c r="A21925" s="1" t="s">
        <v>25823</v>
      </c>
      <c r="B21925" s="1" t="s">
        <v>75461</v>
      </c>
      <c r="C21925" s="1" t="s">
        <v>65</v>
      </c>
      <c r="D21925" s="1" t="s">
        <v>78444</v>
      </c>
      <c r="E21925" s="1" t="s">
        <v>78445</v>
      </c>
      <c r="F21925" s="1" t="s">
        <v>78446</v>
      </c>
      <c r="G21925" s="1" t="s">
        <v>78404</v>
      </c>
      <c r="H21925" s="1" t="s">
        <v>78405</v>
      </c>
      <c r="I21925" s="1" t="s">
        <v>75467</v>
      </c>
      <c r="J21925" s="1" t="s">
        <v>78447</v>
      </c>
    </row>
    <row r="21926" spans="1:10" x14ac:dyDescent="0.35">
      <c r="A21926" s="1" t="s">
        <v>25823</v>
      </c>
      <c r="B21926" s="1" t="s">
        <v>75461</v>
      </c>
      <c r="C21926" s="1" t="s">
        <v>70</v>
      </c>
      <c r="D21926" s="1" t="s">
        <v>78448</v>
      </c>
      <c r="E21926" s="1" t="s">
        <v>78449</v>
      </c>
      <c r="F21926" s="1" t="s">
        <v>78450</v>
      </c>
      <c r="G21926" s="1" t="s">
        <v>78404</v>
      </c>
      <c r="H21926" s="1" t="s">
        <v>78405</v>
      </c>
      <c r="I21926" s="1" t="s">
        <v>75467</v>
      </c>
      <c r="J21926" s="1" t="s">
        <v>78451</v>
      </c>
    </row>
    <row r="21927" spans="1:10" x14ac:dyDescent="0.35">
      <c r="A21927" s="1" t="s">
        <v>25823</v>
      </c>
      <c r="B21927" s="1" t="s">
        <v>75461</v>
      </c>
      <c r="C21927" s="1" t="s">
        <v>75</v>
      </c>
      <c r="D21927" s="1" t="s">
        <v>22035</v>
      </c>
      <c r="E21927" s="1" t="s">
        <v>78452</v>
      </c>
      <c r="F21927" s="1" t="s">
        <v>78453</v>
      </c>
      <c r="G21927" s="1" t="s">
        <v>78404</v>
      </c>
      <c r="H21927" s="1" t="s">
        <v>78405</v>
      </c>
      <c r="I21927" s="1" t="s">
        <v>75467</v>
      </c>
      <c r="J21927" s="1" t="s">
        <v>78454</v>
      </c>
    </row>
    <row r="21928" spans="1:10" x14ac:dyDescent="0.35">
      <c r="A21928" s="1" t="s">
        <v>25823</v>
      </c>
      <c r="B21928" s="1" t="s">
        <v>75461</v>
      </c>
      <c r="C21928" s="1" t="s">
        <v>80</v>
      </c>
      <c r="D21928" s="1" t="s">
        <v>78455</v>
      </c>
      <c r="E21928" s="1" t="s">
        <v>78456</v>
      </c>
      <c r="F21928" s="1" t="s">
        <v>78457</v>
      </c>
      <c r="G21928" s="1" t="s">
        <v>78404</v>
      </c>
      <c r="H21928" s="1" t="s">
        <v>78405</v>
      </c>
      <c r="I21928" s="1" t="s">
        <v>75467</v>
      </c>
      <c r="J21928" s="1" t="s">
        <v>78458</v>
      </c>
    </row>
    <row r="21929" spans="1:10" x14ac:dyDescent="0.35">
      <c r="A21929" s="1" t="s">
        <v>25823</v>
      </c>
      <c r="B21929" s="1" t="s">
        <v>75461</v>
      </c>
      <c r="C21929" s="1" t="s">
        <v>85</v>
      </c>
      <c r="D21929" s="1" t="s">
        <v>78459</v>
      </c>
      <c r="E21929" s="1" t="s">
        <v>78460</v>
      </c>
      <c r="F21929" s="1" t="s">
        <v>78461</v>
      </c>
      <c r="G21929" s="1" t="s">
        <v>78404</v>
      </c>
      <c r="H21929" s="1" t="s">
        <v>78405</v>
      </c>
      <c r="I21929" s="1" t="s">
        <v>75467</v>
      </c>
      <c r="J21929" s="1" t="s">
        <v>78462</v>
      </c>
    </row>
    <row r="21930" spans="1:10" x14ac:dyDescent="0.35">
      <c r="A21930" s="1" t="s">
        <v>25823</v>
      </c>
      <c r="B21930" s="1" t="s">
        <v>75461</v>
      </c>
      <c r="C21930" s="1" t="s">
        <v>90</v>
      </c>
      <c r="D21930" s="1" t="s">
        <v>78463</v>
      </c>
      <c r="E21930" s="1" t="s">
        <v>78464</v>
      </c>
      <c r="F21930" s="1" t="s">
        <v>78465</v>
      </c>
      <c r="G21930" s="1" t="s">
        <v>78404</v>
      </c>
      <c r="H21930" s="1" t="s">
        <v>78405</v>
      </c>
      <c r="I21930" s="1" t="s">
        <v>75467</v>
      </c>
      <c r="J21930" s="1" t="s">
        <v>78466</v>
      </c>
    </row>
    <row r="21931" spans="1:10" x14ac:dyDescent="0.35">
      <c r="A21931" s="1" t="s">
        <v>25823</v>
      </c>
      <c r="B21931" s="1" t="s">
        <v>75461</v>
      </c>
      <c r="C21931" s="1" t="s">
        <v>95</v>
      </c>
      <c r="D21931" s="1" t="s">
        <v>60775</v>
      </c>
      <c r="E21931" s="1" t="s">
        <v>78467</v>
      </c>
      <c r="F21931" s="1" t="s">
        <v>78468</v>
      </c>
      <c r="G21931" s="1" t="s">
        <v>78404</v>
      </c>
      <c r="H21931" s="1" t="s">
        <v>78405</v>
      </c>
      <c r="I21931" s="1" t="s">
        <v>75467</v>
      </c>
      <c r="J21931" s="1" t="s">
        <v>78469</v>
      </c>
    </row>
    <row r="21932" spans="1:10" x14ac:dyDescent="0.35">
      <c r="A21932" s="1" t="s">
        <v>25823</v>
      </c>
      <c r="B21932" s="1" t="s">
        <v>75461</v>
      </c>
      <c r="C21932" s="1" t="s">
        <v>100</v>
      </c>
      <c r="D21932" s="1" t="s">
        <v>78470</v>
      </c>
      <c r="E21932" s="1" t="s">
        <v>78471</v>
      </c>
      <c r="F21932" s="1" t="s">
        <v>78472</v>
      </c>
      <c r="G21932" s="1" t="s">
        <v>78404</v>
      </c>
      <c r="H21932" s="1" t="s">
        <v>78405</v>
      </c>
      <c r="I21932" s="1" t="s">
        <v>75467</v>
      </c>
      <c r="J21932" s="1" t="s">
        <v>78473</v>
      </c>
    </row>
    <row r="21933" spans="1:10" x14ac:dyDescent="0.35">
      <c r="A21933" s="1" t="s">
        <v>25823</v>
      </c>
      <c r="B21933" s="1" t="s">
        <v>75461</v>
      </c>
      <c r="C21933" s="1" t="s">
        <v>105</v>
      </c>
      <c r="D21933" s="1" t="s">
        <v>78474</v>
      </c>
      <c r="E21933" s="1" t="s">
        <v>78475</v>
      </c>
      <c r="F21933" s="1" t="s">
        <v>78476</v>
      </c>
      <c r="G21933" s="1" t="s">
        <v>78404</v>
      </c>
      <c r="H21933" s="1" t="s">
        <v>78405</v>
      </c>
      <c r="I21933" s="1" t="s">
        <v>75467</v>
      </c>
      <c r="J21933" s="1" t="s">
        <v>78477</v>
      </c>
    </row>
    <row r="21934" spans="1:10" x14ac:dyDescent="0.35">
      <c r="A21934" s="1" t="s">
        <v>25823</v>
      </c>
      <c r="B21934" s="1" t="s">
        <v>75461</v>
      </c>
      <c r="C21934" s="1" t="s">
        <v>110</v>
      </c>
      <c r="D21934" s="1" t="s">
        <v>78478</v>
      </c>
      <c r="E21934" s="1" t="s">
        <v>78479</v>
      </c>
      <c r="F21934" s="1" t="s">
        <v>78480</v>
      </c>
      <c r="G21934" s="1" t="s">
        <v>78404</v>
      </c>
      <c r="H21934" s="1" t="s">
        <v>78405</v>
      </c>
      <c r="I21934" s="1" t="s">
        <v>75467</v>
      </c>
      <c r="J21934" s="1" t="s">
        <v>78481</v>
      </c>
    </row>
    <row r="21935" spans="1:10" x14ac:dyDescent="0.35">
      <c r="A21935" s="1" t="s">
        <v>25823</v>
      </c>
      <c r="B21935" s="1" t="s">
        <v>75461</v>
      </c>
      <c r="C21935" s="1" t="s">
        <v>115</v>
      </c>
      <c r="D21935" s="1" t="s">
        <v>78482</v>
      </c>
      <c r="E21935" s="1" t="s">
        <v>78483</v>
      </c>
      <c r="F21935" s="1" t="s">
        <v>78484</v>
      </c>
      <c r="G21935" s="1" t="s">
        <v>78404</v>
      </c>
      <c r="H21935" s="1" t="s">
        <v>78405</v>
      </c>
      <c r="I21935" s="1" t="s">
        <v>75467</v>
      </c>
      <c r="J21935" s="1" t="s">
        <v>78485</v>
      </c>
    </row>
    <row r="21936" spans="1:10" x14ac:dyDescent="0.35">
      <c r="A21936" s="1" t="s">
        <v>25823</v>
      </c>
      <c r="B21936" s="1" t="s">
        <v>75461</v>
      </c>
      <c r="C21936" s="1" t="s">
        <v>120</v>
      </c>
      <c r="D21936" s="1" t="s">
        <v>78486</v>
      </c>
      <c r="E21936" s="1" t="s">
        <v>78487</v>
      </c>
      <c r="F21936" s="1" t="s">
        <v>78488</v>
      </c>
      <c r="G21936" s="1" t="s">
        <v>78404</v>
      </c>
      <c r="H21936" s="1" t="s">
        <v>78405</v>
      </c>
      <c r="I21936" s="1" t="s">
        <v>75467</v>
      </c>
      <c r="J21936" s="1" t="s">
        <v>78489</v>
      </c>
    </row>
    <row r="21937" spans="1:10" x14ac:dyDescent="0.35">
      <c r="A21937" s="1" t="s">
        <v>25823</v>
      </c>
      <c r="B21937" s="1" t="s">
        <v>75461</v>
      </c>
      <c r="C21937" s="1" t="s">
        <v>125</v>
      </c>
      <c r="D21937" s="1" t="s">
        <v>78490</v>
      </c>
      <c r="E21937" s="1" t="s">
        <v>78491</v>
      </c>
      <c r="F21937" s="1" t="s">
        <v>78492</v>
      </c>
      <c r="G21937" s="1" t="s">
        <v>78404</v>
      </c>
      <c r="H21937" s="1" t="s">
        <v>78405</v>
      </c>
      <c r="I21937" s="1" t="s">
        <v>75467</v>
      </c>
      <c r="J21937" s="1" t="s">
        <v>78493</v>
      </c>
    </row>
    <row r="21938" spans="1:10" x14ac:dyDescent="0.35">
      <c r="A21938" s="1" t="s">
        <v>25823</v>
      </c>
      <c r="B21938" s="1" t="s">
        <v>75461</v>
      </c>
      <c r="C21938" s="1" t="s">
        <v>130</v>
      </c>
      <c r="D21938" s="1" t="s">
        <v>68667</v>
      </c>
      <c r="E21938" s="1" t="s">
        <v>78494</v>
      </c>
      <c r="F21938" s="1" t="s">
        <v>78495</v>
      </c>
      <c r="G21938" s="1" t="s">
        <v>78404</v>
      </c>
      <c r="H21938" s="1" t="s">
        <v>78405</v>
      </c>
      <c r="I21938" s="1" t="s">
        <v>75467</v>
      </c>
      <c r="J21938" s="1" t="s">
        <v>78496</v>
      </c>
    </row>
    <row r="21939" spans="1:10" x14ac:dyDescent="0.35">
      <c r="A21939" s="1" t="s">
        <v>25823</v>
      </c>
      <c r="B21939" s="1" t="s">
        <v>75461</v>
      </c>
      <c r="C21939" s="1" t="s">
        <v>135</v>
      </c>
      <c r="D21939" s="1" t="s">
        <v>78497</v>
      </c>
      <c r="E21939" s="1" t="s">
        <v>78498</v>
      </c>
      <c r="F21939" s="1" t="s">
        <v>78499</v>
      </c>
      <c r="G21939" s="1" t="s">
        <v>78404</v>
      </c>
      <c r="H21939" s="1" t="s">
        <v>78405</v>
      </c>
      <c r="I21939" s="1" t="s">
        <v>75467</v>
      </c>
      <c r="J21939" s="1" t="s">
        <v>78500</v>
      </c>
    </row>
    <row r="21940" spans="1:10" x14ac:dyDescent="0.35">
      <c r="A21940" s="1" t="s">
        <v>25823</v>
      </c>
      <c r="B21940" s="1" t="s">
        <v>75461</v>
      </c>
      <c r="C21940" s="1" t="s">
        <v>140</v>
      </c>
      <c r="D21940" s="1" t="s">
        <v>78501</v>
      </c>
      <c r="E21940" s="1" t="s">
        <v>78502</v>
      </c>
      <c r="F21940" s="1" t="s">
        <v>78503</v>
      </c>
      <c r="G21940" s="1" t="s">
        <v>78404</v>
      </c>
      <c r="H21940" s="1" t="s">
        <v>78405</v>
      </c>
      <c r="I21940" s="1" t="s">
        <v>75467</v>
      </c>
      <c r="J21940" s="1" t="s">
        <v>78504</v>
      </c>
    </row>
    <row r="21941" spans="1:10" x14ac:dyDescent="0.35">
      <c r="A21941" s="1" t="s">
        <v>25823</v>
      </c>
      <c r="B21941" s="1" t="s">
        <v>75461</v>
      </c>
      <c r="C21941" s="1" t="s">
        <v>145</v>
      </c>
      <c r="D21941" s="1" t="s">
        <v>56396</v>
      </c>
      <c r="E21941" s="1" t="s">
        <v>78505</v>
      </c>
      <c r="F21941" s="1" t="s">
        <v>78506</v>
      </c>
      <c r="G21941" s="1" t="s">
        <v>78404</v>
      </c>
      <c r="H21941" s="1" t="s">
        <v>78405</v>
      </c>
      <c r="I21941" s="1" t="s">
        <v>75467</v>
      </c>
      <c r="J21941" s="1" t="s">
        <v>78507</v>
      </c>
    </row>
    <row r="21942" spans="1:10" x14ac:dyDescent="0.35">
      <c r="A21942" s="1" t="s">
        <v>25823</v>
      </c>
      <c r="B21942" s="1" t="s">
        <v>75461</v>
      </c>
      <c r="C21942" s="1" t="s">
        <v>150</v>
      </c>
      <c r="D21942" s="1" t="s">
        <v>78508</v>
      </c>
      <c r="E21942" s="1" t="s">
        <v>78509</v>
      </c>
      <c r="F21942" s="1" t="s">
        <v>78510</v>
      </c>
      <c r="G21942" s="1" t="s">
        <v>78404</v>
      </c>
      <c r="H21942" s="1" t="s">
        <v>78405</v>
      </c>
      <c r="I21942" s="1" t="s">
        <v>75467</v>
      </c>
      <c r="J21942" s="1" t="s">
        <v>78511</v>
      </c>
    </row>
    <row r="21943" spans="1:10" x14ac:dyDescent="0.35">
      <c r="A21943" s="1" t="s">
        <v>25823</v>
      </c>
      <c r="B21943" s="1" t="s">
        <v>75461</v>
      </c>
      <c r="C21943" s="1" t="s">
        <v>155</v>
      </c>
      <c r="D21943" s="1" t="s">
        <v>78512</v>
      </c>
      <c r="E21943" s="1" t="s">
        <v>78513</v>
      </c>
      <c r="F21943" s="1" t="s">
        <v>78514</v>
      </c>
      <c r="G21943" s="1" t="s">
        <v>78404</v>
      </c>
      <c r="H21943" s="1" t="s">
        <v>78405</v>
      </c>
      <c r="I21943" s="1" t="s">
        <v>75467</v>
      </c>
      <c r="J21943" s="1" t="s">
        <v>78515</v>
      </c>
    </row>
    <row r="21944" spans="1:10" x14ac:dyDescent="0.35">
      <c r="A21944" s="1" t="s">
        <v>25823</v>
      </c>
      <c r="B21944" s="1" t="s">
        <v>75461</v>
      </c>
      <c r="C21944" s="1" t="s">
        <v>160</v>
      </c>
      <c r="D21944" s="1" t="s">
        <v>78516</v>
      </c>
      <c r="E21944" s="1" t="s">
        <v>78517</v>
      </c>
      <c r="F21944" s="1" t="s">
        <v>78518</v>
      </c>
      <c r="G21944" s="1" t="s">
        <v>78404</v>
      </c>
      <c r="H21944" s="1" t="s">
        <v>78405</v>
      </c>
      <c r="I21944" s="1" t="s">
        <v>75467</v>
      </c>
      <c r="J21944" s="1" t="s">
        <v>78519</v>
      </c>
    </row>
    <row r="21945" spans="1:10" x14ac:dyDescent="0.35">
      <c r="A21945" s="1" t="s">
        <v>25823</v>
      </c>
      <c r="B21945" s="1" t="s">
        <v>75461</v>
      </c>
      <c r="C21945" s="1" t="s">
        <v>165</v>
      </c>
      <c r="D21945" s="1" t="s">
        <v>78520</v>
      </c>
      <c r="E21945" s="1" t="s">
        <v>78521</v>
      </c>
      <c r="F21945" s="1" t="s">
        <v>78522</v>
      </c>
      <c r="G21945" s="1" t="s">
        <v>78404</v>
      </c>
      <c r="H21945" s="1" t="s">
        <v>78405</v>
      </c>
      <c r="I21945" s="1" t="s">
        <v>75467</v>
      </c>
      <c r="J21945" s="1" t="s">
        <v>78523</v>
      </c>
    </row>
    <row r="21946" spans="1:10" x14ac:dyDescent="0.35">
      <c r="A21946" s="1" t="s">
        <v>25823</v>
      </c>
      <c r="B21946" s="1" t="s">
        <v>75461</v>
      </c>
      <c r="C21946" s="1" t="s">
        <v>170</v>
      </c>
      <c r="D21946" s="1" t="s">
        <v>78524</v>
      </c>
      <c r="E21946" s="1" t="s">
        <v>45344</v>
      </c>
      <c r="F21946" s="1" t="s">
        <v>78525</v>
      </c>
      <c r="G21946" s="1" t="s">
        <v>78404</v>
      </c>
      <c r="H21946" s="1" t="s">
        <v>78405</v>
      </c>
      <c r="I21946" s="1" t="s">
        <v>75467</v>
      </c>
      <c r="J21946" s="1" t="s">
        <v>78526</v>
      </c>
    </row>
    <row r="21947" spans="1:10" x14ac:dyDescent="0.35">
      <c r="A21947" s="1" t="s">
        <v>78527</v>
      </c>
      <c r="B21947" s="1" t="s">
        <v>75461</v>
      </c>
      <c r="C21947" s="1" t="s">
        <v>8</v>
      </c>
      <c r="D21947" s="1" t="s">
        <v>78528</v>
      </c>
      <c r="E21947" s="1" t="s">
        <v>78529</v>
      </c>
      <c r="F21947" s="1" t="s">
        <v>78530</v>
      </c>
      <c r="G21947" s="1" t="s">
        <v>78531</v>
      </c>
      <c r="H21947" s="1" t="s">
        <v>78532</v>
      </c>
      <c r="I21947" s="1" t="s">
        <v>75467</v>
      </c>
      <c r="J21947" s="1" t="s">
        <v>13</v>
      </c>
    </row>
    <row r="21948" spans="1:10" x14ac:dyDescent="0.35">
      <c r="A21948" s="1" t="s">
        <v>78527</v>
      </c>
      <c r="B21948" s="1" t="s">
        <v>75461</v>
      </c>
      <c r="C21948" s="1" t="s">
        <v>15</v>
      </c>
      <c r="D21948" s="1" t="s">
        <v>78533</v>
      </c>
      <c r="E21948" s="1" t="s">
        <v>78534</v>
      </c>
      <c r="F21948" s="1" t="s">
        <v>78535</v>
      </c>
      <c r="G21948" s="1" t="s">
        <v>78531</v>
      </c>
      <c r="H21948" s="1" t="s">
        <v>78532</v>
      </c>
      <c r="I21948" s="1" t="s">
        <v>75467</v>
      </c>
      <c r="J21948" s="1" t="s">
        <v>78536</v>
      </c>
    </row>
    <row r="21949" spans="1:10" x14ac:dyDescent="0.35">
      <c r="A21949" s="1" t="s">
        <v>78527</v>
      </c>
      <c r="B21949" s="1" t="s">
        <v>75461</v>
      </c>
      <c r="C21949" s="1" t="s">
        <v>20</v>
      </c>
      <c r="D21949" s="1" t="s">
        <v>78537</v>
      </c>
      <c r="E21949" s="1" t="s">
        <v>78538</v>
      </c>
      <c r="F21949" s="1" t="s">
        <v>78539</v>
      </c>
      <c r="G21949" s="1" t="s">
        <v>78531</v>
      </c>
      <c r="H21949" s="1" t="s">
        <v>78532</v>
      </c>
      <c r="I21949" s="1" t="s">
        <v>75467</v>
      </c>
      <c r="J21949" s="1" t="s">
        <v>78540</v>
      </c>
    </row>
    <row r="21950" spans="1:10" x14ac:dyDescent="0.35">
      <c r="A21950" s="1" t="s">
        <v>78527</v>
      </c>
      <c r="B21950" s="1" t="s">
        <v>75461</v>
      </c>
      <c r="C21950" s="1" t="s">
        <v>25</v>
      </c>
      <c r="D21950" s="1" t="s">
        <v>78541</v>
      </c>
      <c r="E21950" s="1" t="s">
        <v>78542</v>
      </c>
      <c r="F21950" s="1" t="s">
        <v>78543</v>
      </c>
      <c r="G21950" s="1" t="s">
        <v>78531</v>
      </c>
      <c r="H21950" s="1" t="s">
        <v>78532</v>
      </c>
      <c r="I21950" s="1" t="s">
        <v>75467</v>
      </c>
      <c r="J21950" s="1" t="s">
        <v>78544</v>
      </c>
    </row>
    <row r="21951" spans="1:10" x14ac:dyDescent="0.35">
      <c r="A21951" s="1" t="s">
        <v>78527</v>
      </c>
      <c r="B21951" s="1" t="s">
        <v>75461</v>
      </c>
      <c r="C21951" s="1" t="s">
        <v>30</v>
      </c>
      <c r="D21951" s="1" t="s">
        <v>78545</v>
      </c>
      <c r="E21951" s="1" t="s">
        <v>78546</v>
      </c>
      <c r="F21951" s="1" t="s">
        <v>78547</v>
      </c>
      <c r="G21951" s="1" t="s">
        <v>78531</v>
      </c>
      <c r="H21951" s="1" t="s">
        <v>78532</v>
      </c>
      <c r="I21951" s="1" t="s">
        <v>75467</v>
      </c>
      <c r="J21951" s="1" t="s">
        <v>78548</v>
      </c>
    </row>
    <row r="21952" spans="1:10" x14ac:dyDescent="0.35">
      <c r="A21952" s="1" t="s">
        <v>78527</v>
      </c>
      <c r="B21952" s="1" t="s">
        <v>75461</v>
      </c>
      <c r="C21952" s="1" t="s">
        <v>35</v>
      </c>
      <c r="D21952" s="1" t="s">
        <v>78549</v>
      </c>
      <c r="E21952" s="1" t="s">
        <v>78550</v>
      </c>
      <c r="F21952" s="1" t="s">
        <v>78551</v>
      </c>
      <c r="G21952" s="1" t="s">
        <v>78531</v>
      </c>
      <c r="H21952" s="1" t="s">
        <v>78532</v>
      </c>
      <c r="I21952" s="1" t="s">
        <v>75467</v>
      </c>
      <c r="J21952" s="1" t="s">
        <v>78552</v>
      </c>
    </row>
    <row r="21953" spans="1:10" x14ac:dyDescent="0.35">
      <c r="A21953" s="1" t="s">
        <v>78527</v>
      </c>
      <c r="B21953" s="1" t="s">
        <v>75461</v>
      </c>
      <c r="C21953" s="1" t="s">
        <v>40</v>
      </c>
      <c r="D21953" s="1" t="s">
        <v>78553</v>
      </c>
      <c r="E21953" s="1" t="s">
        <v>78554</v>
      </c>
      <c r="F21953" s="1" t="s">
        <v>78555</v>
      </c>
      <c r="G21953" s="1" t="s">
        <v>78531</v>
      </c>
      <c r="H21953" s="1" t="s">
        <v>78532</v>
      </c>
      <c r="I21953" s="1" t="s">
        <v>75467</v>
      </c>
      <c r="J21953" s="1" t="s">
        <v>78556</v>
      </c>
    </row>
    <row r="21954" spans="1:10" x14ac:dyDescent="0.35">
      <c r="A21954" s="1" t="s">
        <v>78527</v>
      </c>
      <c r="B21954" s="1" t="s">
        <v>75461</v>
      </c>
      <c r="C21954" s="1" t="s">
        <v>45</v>
      </c>
      <c r="D21954" s="1" t="s">
        <v>78557</v>
      </c>
      <c r="E21954" s="1" t="s">
        <v>78558</v>
      </c>
      <c r="F21954" s="1" t="s">
        <v>78559</v>
      </c>
      <c r="G21954" s="1" t="s">
        <v>78531</v>
      </c>
      <c r="H21954" s="1" t="s">
        <v>78532</v>
      </c>
      <c r="I21954" s="1" t="s">
        <v>75467</v>
      </c>
      <c r="J21954" s="1" t="s">
        <v>78560</v>
      </c>
    </row>
    <row r="21955" spans="1:10" x14ac:dyDescent="0.35">
      <c r="A21955" s="1" t="s">
        <v>78527</v>
      </c>
      <c r="B21955" s="1" t="s">
        <v>75461</v>
      </c>
      <c r="C21955" s="1" t="s">
        <v>50</v>
      </c>
      <c r="D21955" s="1" t="s">
        <v>78561</v>
      </c>
      <c r="E21955" s="1" t="s">
        <v>78562</v>
      </c>
      <c r="F21955" s="1" t="s">
        <v>78563</v>
      </c>
      <c r="G21955" s="1" t="s">
        <v>78531</v>
      </c>
      <c r="H21955" s="1" t="s">
        <v>78532</v>
      </c>
      <c r="I21955" s="1" t="s">
        <v>75467</v>
      </c>
      <c r="J21955" s="1" t="s">
        <v>78564</v>
      </c>
    </row>
    <row r="21956" spans="1:10" x14ac:dyDescent="0.35">
      <c r="A21956" s="1" t="s">
        <v>78527</v>
      </c>
      <c r="B21956" s="1" t="s">
        <v>75461</v>
      </c>
      <c r="C21956" s="1" t="s">
        <v>55</v>
      </c>
      <c r="D21956" s="1" t="s">
        <v>39729</v>
      </c>
      <c r="E21956" s="1" t="s">
        <v>78565</v>
      </c>
      <c r="F21956" s="1" t="s">
        <v>78566</v>
      </c>
      <c r="G21956" s="1" t="s">
        <v>78531</v>
      </c>
      <c r="H21956" s="1" t="s">
        <v>78532</v>
      </c>
      <c r="I21956" s="1" t="s">
        <v>75467</v>
      </c>
      <c r="J21956" s="1" t="s">
        <v>78567</v>
      </c>
    </row>
    <row r="21957" spans="1:10" x14ac:dyDescent="0.35">
      <c r="A21957" s="1" t="s">
        <v>78527</v>
      </c>
      <c r="B21957" s="1" t="s">
        <v>75461</v>
      </c>
      <c r="C21957" s="1" t="s">
        <v>60</v>
      </c>
      <c r="D21957" s="1" t="s">
        <v>78568</v>
      </c>
      <c r="E21957" s="1" t="s">
        <v>78569</v>
      </c>
      <c r="F21957" s="1" t="s">
        <v>78570</v>
      </c>
      <c r="G21957" s="1" t="s">
        <v>78531</v>
      </c>
      <c r="H21957" s="1" t="s">
        <v>78532</v>
      </c>
      <c r="I21957" s="1" t="s">
        <v>75467</v>
      </c>
      <c r="J21957" s="1" t="s">
        <v>78571</v>
      </c>
    </row>
    <row r="21958" spans="1:10" x14ac:dyDescent="0.35">
      <c r="A21958" s="1" t="s">
        <v>78527</v>
      </c>
      <c r="B21958" s="1" t="s">
        <v>75461</v>
      </c>
      <c r="C21958" s="1" t="s">
        <v>65</v>
      </c>
      <c r="D21958" s="1" t="s">
        <v>78572</v>
      </c>
      <c r="E21958" s="1" t="s">
        <v>78573</v>
      </c>
      <c r="F21958" s="1" t="s">
        <v>78574</v>
      </c>
      <c r="G21958" s="1" t="s">
        <v>78531</v>
      </c>
      <c r="H21958" s="1" t="s">
        <v>78532</v>
      </c>
      <c r="I21958" s="1" t="s">
        <v>75467</v>
      </c>
      <c r="J21958" s="1" t="s">
        <v>78575</v>
      </c>
    </row>
    <row r="21959" spans="1:10" x14ac:dyDescent="0.35">
      <c r="A21959" s="1" t="s">
        <v>78527</v>
      </c>
      <c r="B21959" s="1" t="s">
        <v>75461</v>
      </c>
      <c r="C21959" s="1" t="s">
        <v>70</v>
      </c>
      <c r="D21959" s="1" t="s">
        <v>26441</v>
      </c>
      <c r="E21959" s="1" t="s">
        <v>78576</v>
      </c>
      <c r="F21959" s="1" t="s">
        <v>78577</v>
      </c>
      <c r="G21959" s="1" t="s">
        <v>78531</v>
      </c>
      <c r="H21959" s="1" t="s">
        <v>78532</v>
      </c>
      <c r="I21959" s="1" t="s">
        <v>75467</v>
      </c>
      <c r="J21959" s="1" t="s">
        <v>78578</v>
      </c>
    </row>
    <row r="21960" spans="1:10" x14ac:dyDescent="0.35">
      <c r="A21960" s="1" t="s">
        <v>78527</v>
      </c>
      <c r="B21960" s="1" t="s">
        <v>75461</v>
      </c>
      <c r="C21960" s="1" t="s">
        <v>75</v>
      </c>
      <c r="D21960" s="1" t="s">
        <v>78579</v>
      </c>
      <c r="E21960" s="1" t="s">
        <v>78580</v>
      </c>
      <c r="F21960" s="1" t="s">
        <v>78581</v>
      </c>
      <c r="G21960" s="1" t="s">
        <v>78531</v>
      </c>
      <c r="H21960" s="1" t="s">
        <v>78532</v>
      </c>
      <c r="I21960" s="1" t="s">
        <v>75467</v>
      </c>
      <c r="J21960" s="1" t="s">
        <v>78582</v>
      </c>
    </row>
    <row r="21961" spans="1:10" x14ac:dyDescent="0.35">
      <c r="A21961" s="1" t="s">
        <v>78527</v>
      </c>
      <c r="B21961" s="1" t="s">
        <v>75461</v>
      </c>
      <c r="C21961" s="1" t="s">
        <v>80</v>
      </c>
      <c r="D21961" s="1" t="s">
        <v>78583</v>
      </c>
      <c r="E21961" s="1" t="s">
        <v>78584</v>
      </c>
      <c r="F21961" s="1" t="s">
        <v>78585</v>
      </c>
      <c r="G21961" s="1" t="s">
        <v>78531</v>
      </c>
      <c r="H21961" s="1" t="s">
        <v>78532</v>
      </c>
      <c r="I21961" s="1" t="s">
        <v>75467</v>
      </c>
      <c r="J21961" s="1" t="s">
        <v>78586</v>
      </c>
    </row>
    <row r="21962" spans="1:10" x14ac:dyDescent="0.35">
      <c r="A21962" s="1" t="s">
        <v>78527</v>
      </c>
      <c r="B21962" s="1" t="s">
        <v>75461</v>
      </c>
      <c r="C21962" s="1" t="s">
        <v>85</v>
      </c>
      <c r="D21962" s="1" t="s">
        <v>43605</v>
      </c>
      <c r="E21962" s="1" t="s">
        <v>78587</v>
      </c>
      <c r="F21962" s="1" t="s">
        <v>78588</v>
      </c>
      <c r="G21962" s="1" t="s">
        <v>78531</v>
      </c>
      <c r="H21962" s="1" t="s">
        <v>78532</v>
      </c>
      <c r="I21962" s="1" t="s">
        <v>75467</v>
      </c>
      <c r="J21962" s="1" t="s">
        <v>78589</v>
      </c>
    </row>
    <row r="21963" spans="1:10" x14ac:dyDescent="0.35">
      <c r="A21963" s="1" t="s">
        <v>78527</v>
      </c>
      <c r="B21963" s="1" t="s">
        <v>75461</v>
      </c>
      <c r="C21963" s="1" t="s">
        <v>90</v>
      </c>
      <c r="D21963" s="1" t="s">
        <v>78590</v>
      </c>
      <c r="E21963" s="1" t="s">
        <v>78591</v>
      </c>
      <c r="F21963" s="1" t="s">
        <v>78592</v>
      </c>
      <c r="G21963" s="1" t="s">
        <v>78531</v>
      </c>
      <c r="H21963" s="1" t="s">
        <v>78532</v>
      </c>
      <c r="I21963" s="1" t="s">
        <v>75467</v>
      </c>
      <c r="J21963" s="1" t="s">
        <v>78593</v>
      </c>
    </row>
    <row r="21964" spans="1:10" x14ac:dyDescent="0.35">
      <c r="A21964" s="1" t="s">
        <v>78527</v>
      </c>
      <c r="B21964" s="1" t="s">
        <v>75461</v>
      </c>
      <c r="C21964" s="1" t="s">
        <v>95</v>
      </c>
      <c r="D21964" s="1" t="s">
        <v>65012</v>
      </c>
      <c r="E21964" s="1" t="s">
        <v>78594</v>
      </c>
      <c r="F21964" s="1" t="s">
        <v>78595</v>
      </c>
      <c r="G21964" s="1" t="s">
        <v>78531</v>
      </c>
      <c r="H21964" s="1" t="s">
        <v>78532</v>
      </c>
      <c r="I21964" s="1" t="s">
        <v>75467</v>
      </c>
      <c r="J21964" s="1" t="s">
        <v>78596</v>
      </c>
    </row>
    <row r="21965" spans="1:10" x14ac:dyDescent="0.35">
      <c r="A21965" s="1" t="s">
        <v>78527</v>
      </c>
      <c r="B21965" s="1" t="s">
        <v>75461</v>
      </c>
      <c r="C21965" s="1" t="s">
        <v>100</v>
      </c>
      <c r="D21965" s="1" t="s">
        <v>78597</v>
      </c>
      <c r="E21965" s="1" t="s">
        <v>78598</v>
      </c>
      <c r="F21965" s="1" t="s">
        <v>78599</v>
      </c>
      <c r="G21965" s="1" t="s">
        <v>78531</v>
      </c>
      <c r="H21965" s="1" t="s">
        <v>78532</v>
      </c>
      <c r="I21965" s="1" t="s">
        <v>75467</v>
      </c>
      <c r="J21965" s="1" t="s">
        <v>78600</v>
      </c>
    </row>
    <row r="21966" spans="1:10" x14ac:dyDescent="0.35">
      <c r="A21966" s="1" t="s">
        <v>78527</v>
      </c>
      <c r="B21966" s="1" t="s">
        <v>75461</v>
      </c>
      <c r="C21966" s="1" t="s">
        <v>105</v>
      </c>
      <c r="D21966" s="1" t="s">
        <v>78601</v>
      </c>
      <c r="E21966" s="1" t="s">
        <v>78602</v>
      </c>
      <c r="F21966" s="1" t="s">
        <v>78603</v>
      </c>
      <c r="G21966" s="1" t="s">
        <v>78531</v>
      </c>
      <c r="H21966" s="1" t="s">
        <v>78532</v>
      </c>
      <c r="I21966" s="1" t="s">
        <v>75467</v>
      </c>
      <c r="J21966" s="1" t="s">
        <v>78604</v>
      </c>
    </row>
    <row r="21967" spans="1:10" x14ac:dyDescent="0.35">
      <c r="A21967" s="1" t="s">
        <v>78527</v>
      </c>
      <c r="B21967" s="1" t="s">
        <v>75461</v>
      </c>
      <c r="C21967" s="1" t="s">
        <v>110</v>
      </c>
      <c r="D21967" s="1" t="s">
        <v>78605</v>
      </c>
      <c r="E21967" s="1" t="s">
        <v>78606</v>
      </c>
      <c r="F21967" s="1" t="s">
        <v>78607</v>
      </c>
      <c r="G21967" s="1" t="s">
        <v>78531</v>
      </c>
      <c r="H21967" s="1" t="s">
        <v>78532</v>
      </c>
      <c r="I21967" s="1" t="s">
        <v>75467</v>
      </c>
      <c r="J21967" s="1" t="s">
        <v>78608</v>
      </c>
    </row>
    <row r="21968" spans="1:10" x14ac:dyDescent="0.35">
      <c r="A21968" s="1" t="s">
        <v>78527</v>
      </c>
      <c r="B21968" s="1" t="s">
        <v>75461</v>
      </c>
      <c r="C21968" s="1" t="s">
        <v>115</v>
      </c>
      <c r="D21968" s="1" t="s">
        <v>78609</v>
      </c>
      <c r="E21968" s="1" t="s">
        <v>78610</v>
      </c>
      <c r="F21968" s="1" t="s">
        <v>78611</v>
      </c>
      <c r="G21968" s="1" t="s">
        <v>78531</v>
      </c>
      <c r="H21968" s="1" t="s">
        <v>78532</v>
      </c>
      <c r="I21968" s="1" t="s">
        <v>75467</v>
      </c>
      <c r="J21968" s="1" t="s">
        <v>78612</v>
      </c>
    </row>
    <row r="21969" spans="1:10" x14ac:dyDescent="0.35">
      <c r="A21969" s="1" t="s">
        <v>78527</v>
      </c>
      <c r="B21969" s="1" t="s">
        <v>75461</v>
      </c>
      <c r="C21969" s="1" t="s">
        <v>120</v>
      </c>
      <c r="D21969" s="1" t="s">
        <v>78613</v>
      </c>
      <c r="E21969" s="1" t="s">
        <v>78614</v>
      </c>
      <c r="F21969" s="1" t="s">
        <v>78615</v>
      </c>
      <c r="G21969" s="1" t="s">
        <v>78531</v>
      </c>
      <c r="H21969" s="1" t="s">
        <v>78532</v>
      </c>
      <c r="I21969" s="1" t="s">
        <v>75467</v>
      </c>
      <c r="J21969" s="1" t="s">
        <v>78616</v>
      </c>
    </row>
    <row r="21970" spans="1:10" x14ac:dyDescent="0.35">
      <c r="A21970" s="1" t="s">
        <v>78527</v>
      </c>
      <c r="B21970" s="1" t="s">
        <v>75461</v>
      </c>
      <c r="C21970" s="1" t="s">
        <v>125</v>
      </c>
      <c r="D21970" s="1" t="s">
        <v>78617</v>
      </c>
      <c r="E21970" s="1" t="s">
        <v>78618</v>
      </c>
      <c r="F21970" s="1" t="s">
        <v>78619</v>
      </c>
      <c r="G21970" s="1" t="s">
        <v>78531</v>
      </c>
      <c r="H21970" s="1" t="s">
        <v>78532</v>
      </c>
      <c r="I21970" s="1" t="s">
        <v>75467</v>
      </c>
      <c r="J21970" s="1" t="s">
        <v>78620</v>
      </c>
    </row>
    <row r="21971" spans="1:10" x14ac:dyDescent="0.35">
      <c r="A21971" s="1" t="s">
        <v>78527</v>
      </c>
      <c r="B21971" s="1" t="s">
        <v>75461</v>
      </c>
      <c r="C21971" s="1" t="s">
        <v>130</v>
      </c>
      <c r="D21971" s="1" t="s">
        <v>78621</v>
      </c>
      <c r="E21971" s="1" t="s">
        <v>78622</v>
      </c>
      <c r="F21971" s="1" t="s">
        <v>78623</v>
      </c>
      <c r="G21971" s="1" t="s">
        <v>78531</v>
      </c>
      <c r="H21971" s="1" t="s">
        <v>78532</v>
      </c>
      <c r="I21971" s="1" t="s">
        <v>75467</v>
      </c>
      <c r="J21971" s="1" t="s">
        <v>78624</v>
      </c>
    </row>
    <row r="21972" spans="1:10" x14ac:dyDescent="0.35">
      <c r="A21972" s="1" t="s">
        <v>78527</v>
      </c>
      <c r="B21972" s="1" t="s">
        <v>75461</v>
      </c>
      <c r="C21972" s="1" t="s">
        <v>135</v>
      </c>
      <c r="D21972" s="1" t="s">
        <v>63078</v>
      </c>
      <c r="E21972" s="1" t="s">
        <v>78625</v>
      </c>
      <c r="F21972" s="1" t="s">
        <v>78626</v>
      </c>
      <c r="G21972" s="1" t="s">
        <v>78531</v>
      </c>
      <c r="H21972" s="1" t="s">
        <v>78532</v>
      </c>
      <c r="I21972" s="1" t="s">
        <v>75467</v>
      </c>
      <c r="J21972" s="1" t="s">
        <v>78627</v>
      </c>
    </row>
    <row r="21973" spans="1:10" x14ac:dyDescent="0.35">
      <c r="A21973" s="1" t="s">
        <v>78527</v>
      </c>
      <c r="B21973" s="1" t="s">
        <v>75461</v>
      </c>
      <c r="C21973" s="1" t="s">
        <v>140</v>
      </c>
      <c r="D21973" s="1" t="s">
        <v>21905</v>
      </c>
      <c r="E21973" s="1" t="s">
        <v>78628</v>
      </c>
      <c r="F21973" s="1" t="s">
        <v>78629</v>
      </c>
      <c r="G21973" s="1" t="s">
        <v>78531</v>
      </c>
      <c r="H21973" s="1" t="s">
        <v>78532</v>
      </c>
      <c r="I21973" s="1" t="s">
        <v>75467</v>
      </c>
      <c r="J21973" s="1" t="s">
        <v>78630</v>
      </c>
    </row>
    <row r="21974" spans="1:10" x14ac:dyDescent="0.35">
      <c r="A21974" s="1" t="s">
        <v>78527</v>
      </c>
      <c r="B21974" s="1" t="s">
        <v>75461</v>
      </c>
      <c r="C21974" s="1" t="s">
        <v>145</v>
      </c>
      <c r="D21974" s="1" t="s">
        <v>78631</v>
      </c>
      <c r="E21974" s="1" t="s">
        <v>78632</v>
      </c>
      <c r="F21974" s="1" t="s">
        <v>78633</v>
      </c>
      <c r="G21974" s="1" t="s">
        <v>78531</v>
      </c>
      <c r="H21974" s="1" t="s">
        <v>78532</v>
      </c>
      <c r="I21974" s="1" t="s">
        <v>75467</v>
      </c>
      <c r="J21974" s="1" t="s">
        <v>78634</v>
      </c>
    </row>
    <row r="21975" spans="1:10" x14ac:dyDescent="0.35">
      <c r="A21975" s="1" t="s">
        <v>78527</v>
      </c>
      <c r="B21975" s="1" t="s">
        <v>75461</v>
      </c>
      <c r="C21975" s="1" t="s">
        <v>150</v>
      </c>
      <c r="D21975" s="1" t="s">
        <v>22702</v>
      </c>
      <c r="E21975" s="1" t="s">
        <v>78635</v>
      </c>
      <c r="F21975" s="1" t="s">
        <v>78636</v>
      </c>
      <c r="G21975" s="1" t="s">
        <v>78531</v>
      </c>
      <c r="H21975" s="1" t="s">
        <v>78532</v>
      </c>
      <c r="I21975" s="1" t="s">
        <v>75467</v>
      </c>
      <c r="J21975" s="1" t="s">
        <v>78637</v>
      </c>
    </row>
    <row r="21976" spans="1:10" x14ac:dyDescent="0.35">
      <c r="A21976" s="1" t="s">
        <v>78527</v>
      </c>
      <c r="B21976" s="1" t="s">
        <v>75461</v>
      </c>
      <c r="C21976" s="1" t="s">
        <v>155</v>
      </c>
      <c r="D21976" s="1" t="s">
        <v>78638</v>
      </c>
      <c r="E21976" s="1" t="s">
        <v>78639</v>
      </c>
      <c r="F21976" s="1" t="s">
        <v>78640</v>
      </c>
      <c r="G21976" s="1" t="s">
        <v>78531</v>
      </c>
      <c r="H21976" s="1" t="s">
        <v>78532</v>
      </c>
      <c r="I21976" s="1" t="s">
        <v>75467</v>
      </c>
      <c r="J21976" s="1" t="s">
        <v>78641</v>
      </c>
    </row>
    <row r="21977" spans="1:10" x14ac:dyDescent="0.35">
      <c r="A21977" s="1" t="s">
        <v>78527</v>
      </c>
      <c r="B21977" s="1" t="s">
        <v>75461</v>
      </c>
      <c r="C21977" s="1" t="s">
        <v>160</v>
      </c>
      <c r="D21977" s="1" t="s">
        <v>68522</v>
      </c>
      <c r="E21977" s="1" t="s">
        <v>78642</v>
      </c>
      <c r="F21977" s="1" t="s">
        <v>78643</v>
      </c>
      <c r="G21977" s="1" t="s">
        <v>78531</v>
      </c>
      <c r="H21977" s="1" t="s">
        <v>78532</v>
      </c>
      <c r="I21977" s="1" t="s">
        <v>75467</v>
      </c>
      <c r="J21977" s="1" t="s">
        <v>78644</v>
      </c>
    </row>
    <row r="21978" spans="1:10" x14ac:dyDescent="0.35">
      <c r="A21978" s="1" t="s">
        <v>78527</v>
      </c>
      <c r="B21978" s="1" t="s">
        <v>75461</v>
      </c>
      <c r="C21978" s="1" t="s">
        <v>165</v>
      </c>
      <c r="D21978" s="1" t="s">
        <v>68530</v>
      </c>
      <c r="E21978" s="1" t="s">
        <v>78645</v>
      </c>
      <c r="F21978" s="1" t="s">
        <v>78646</v>
      </c>
      <c r="G21978" s="1" t="s">
        <v>78531</v>
      </c>
      <c r="H21978" s="1" t="s">
        <v>78532</v>
      </c>
      <c r="I21978" s="1" t="s">
        <v>75467</v>
      </c>
      <c r="J21978" s="1" t="s">
        <v>78647</v>
      </c>
    </row>
    <row r="21979" spans="1:10" x14ac:dyDescent="0.35">
      <c r="A21979" s="1" t="s">
        <v>78527</v>
      </c>
      <c r="B21979" s="1" t="s">
        <v>75461</v>
      </c>
      <c r="C21979" s="1" t="s">
        <v>170</v>
      </c>
      <c r="D21979" s="1" t="s">
        <v>68980</v>
      </c>
      <c r="E21979" s="1" t="s">
        <v>78648</v>
      </c>
      <c r="F21979" s="1" t="s">
        <v>78649</v>
      </c>
      <c r="G21979" s="1" t="s">
        <v>78531</v>
      </c>
      <c r="H21979" s="1" t="s">
        <v>78532</v>
      </c>
      <c r="I21979" s="1" t="s">
        <v>75467</v>
      </c>
      <c r="J21979" s="1" t="s">
        <v>78650</v>
      </c>
    </row>
    <row r="21980" spans="1:10" x14ac:dyDescent="0.35">
      <c r="A21980" s="1" t="s">
        <v>13790</v>
      </c>
      <c r="B21980" s="1" t="s">
        <v>75461</v>
      </c>
      <c r="C21980" s="1" t="s">
        <v>8</v>
      </c>
      <c r="D21980" s="1" t="s">
        <v>53913</v>
      </c>
      <c r="E21980" s="1" t="s">
        <v>78651</v>
      </c>
      <c r="F21980" s="1" t="s">
        <v>78652</v>
      </c>
      <c r="G21980" s="1" t="s">
        <v>78653</v>
      </c>
      <c r="H21980" s="1" t="s">
        <v>78654</v>
      </c>
      <c r="I21980" s="1" t="s">
        <v>75467</v>
      </c>
      <c r="J21980" s="1" t="s">
        <v>13</v>
      </c>
    </row>
    <row r="21981" spans="1:10" x14ac:dyDescent="0.35">
      <c r="A21981" s="1" t="s">
        <v>13790</v>
      </c>
      <c r="B21981" s="1" t="s">
        <v>75461</v>
      </c>
      <c r="C21981" s="1" t="s">
        <v>15</v>
      </c>
      <c r="D21981" s="1" t="s">
        <v>78655</v>
      </c>
      <c r="E21981" s="1" t="s">
        <v>78656</v>
      </c>
      <c r="F21981" s="1" t="s">
        <v>78657</v>
      </c>
      <c r="G21981" s="1" t="s">
        <v>78653</v>
      </c>
      <c r="H21981" s="1" t="s">
        <v>78654</v>
      </c>
      <c r="I21981" s="1" t="s">
        <v>75467</v>
      </c>
      <c r="J21981" s="1" t="s">
        <v>78658</v>
      </c>
    </row>
    <row r="21982" spans="1:10" x14ac:dyDescent="0.35">
      <c r="A21982" s="1" t="s">
        <v>13790</v>
      </c>
      <c r="B21982" s="1" t="s">
        <v>75461</v>
      </c>
      <c r="C21982" s="1" t="s">
        <v>20</v>
      </c>
      <c r="D21982" s="1" t="s">
        <v>66330</v>
      </c>
      <c r="E21982" s="1" t="s">
        <v>78659</v>
      </c>
      <c r="F21982" s="1" t="s">
        <v>78660</v>
      </c>
      <c r="G21982" s="1" t="s">
        <v>78653</v>
      </c>
      <c r="H21982" s="1" t="s">
        <v>78654</v>
      </c>
      <c r="I21982" s="1" t="s">
        <v>75467</v>
      </c>
      <c r="J21982" s="1" t="s">
        <v>78661</v>
      </c>
    </row>
    <row r="21983" spans="1:10" x14ac:dyDescent="0.35">
      <c r="A21983" s="1" t="s">
        <v>13790</v>
      </c>
      <c r="B21983" s="1" t="s">
        <v>75461</v>
      </c>
      <c r="C21983" s="1" t="s">
        <v>25</v>
      </c>
      <c r="D21983" s="1" t="s">
        <v>78662</v>
      </c>
      <c r="E21983" s="1" t="s">
        <v>78663</v>
      </c>
      <c r="F21983" s="1" t="s">
        <v>78664</v>
      </c>
      <c r="G21983" s="1" t="s">
        <v>78653</v>
      </c>
      <c r="H21983" s="1" t="s">
        <v>78654</v>
      </c>
      <c r="I21983" s="1" t="s">
        <v>75467</v>
      </c>
      <c r="J21983" s="1" t="s">
        <v>78665</v>
      </c>
    </row>
    <row r="21984" spans="1:10" x14ac:dyDescent="0.35">
      <c r="A21984" s="1" t="s">
        <v>13790</v>
      </c>
      <c r="B21984" s="1" t="s">
        <v>75461</v>
      </c>
      <c r="C21984" s="1" t="s">
        <v>30</v>
      </c>
      <c r="D21984" s="1" t="s">
        <v>53716</v>
      </c>
      <c r="E21984" s="1" t="s">
        <v>78666</v>
      </c>
      <c r="F21984" s="1" t="s">
        <v>78667</v>
      </c>
      <c r="G21984" s="1" t="s">
        <v>78653</v>
      </c>
      <c r="H21984" s="1" t="s">
        <v>78654</v>
      </c>
      <c r="I21984" s="1" t="s">
        <v>75467</v>
      </c>
      <c r="J21984" s="1" t="s">
        <v>78668</v>
      </c>
    </row>
    <row r="21985" spans="1:10" x14ac:dyDescent="0.35">
      <c r="A21985" s="1" t="s">
        <v>13790</v>
      </c>
      <c r="B21985" s="1" t="s">
        <v>75461</v>
      </c>
      <c r="C21985" s="1" t="s">
        <v>35</v>
      </c>
      <c r="D21985" s="1" t="s">
        <v>78669</v>
      </c>
      <c r="E21985" s="1" t="s">
        <v>78670</v>
      </c>
      <c r="F21985" s="1" t="s">
        <v>78671</v>
      </c>
      <c r="G21985" s="1" t="s">
        <v>78653</v>
      </c>
      <c r="H21985" s="1" t="s">
        <v>78654</v>
      </c>
      <c r="I21985" s="1" t="s">
        <v>75467</v>
      </c>
      <c r="J21985" s="1" t="s">
        <v>78672</v>
      </c>
    </row>
    <row r="21986" spans="1:10" x14ac:dyDescent="0.35">
      <c r="A21986" s="1" t="s">
        <v>13790</v>
      </c>
      <c r="B21986" s="1" t="s">
        <v>75461</v>
      </c>
      <c r="C21986" s="1" t="s">
        <v>40</v>
      </c>
      <c r="D21986" s="1" t="s">
        <v>78673</v>
      </c>
      <c r="E21986" s="1" t="s">
        <v>78674</v>
      </c>
      <c r="F21986" s="1" t="s">
        <v>78675</v>
      </c>
      <c r="G21986" s="1" t="s">
        <v>78653</v>
      </c>
      <c r="H21986" s="1" t="s">
        <v>78654</v>
      </c>
      <c r="I21986" s="1" t="s">
        <v>75467</v>
      </c>
      <c r="J21986" s="1" t="s">
        <v>78676</v>
      </c>
    </row>
    <row r="21987" spans="1:10" x14ac:dyDescent="0.35">
      <c r="A21987" s="1" t="s">
        <v>13790</v>
      </c>
      <c r="B21987" s="1" t="s">
        <v>75461</v>
      </c>
      <c r="C21987" s="1" t="s">
        <v>45</v>
      </c>
      <c r="D21987" s="1" t="s">
        <v>78677</v>
      </c>
      <c r="E21987" s="1" t="s">
        <v>78678</v>
      </c>
      <c r="F21987" s="1" t="s">
        <v>78679</v>
      </c>
      <c r="G21987" s="1" t="s">
        <v>78653</v>
      </c>
      <c r="H21987" s="1" t="s">
        <v>78654</v>
      </c>
      <c r="I21987" s="1" t="s">
        <v>75467</v>
      </c>
      <c r="J21987" s="1" t="s">
        <v>78560</v>
      </c>
    </row>
    <row r="21988" spans="1:10" x14ac:dyDescent="0.35">
      <c r="A21988" s="1" t="s">
        <v>13790</v>
      </c>
      <c r="B21988" s="1" t="s">
        <v>75461</v>
      </c>
      <c r="C21988" s="1" t="s">
        <v>50</v>
      </c>
      <c r="D21988" s="1" t="s">
        <v>63921</v>
      </c>
      <c r="E21988" s="1" t="s">
        <v>78680</v>
      </c>
      <c r="F21988" s="1" t="s">
        <v>78681</v>
      </c>
      <c r="G21988" s="1" t="s">
        <v>78653</v>
      </c>
      <c r="H21988" s="1" t="s">
        <v>78654</v>
      </c>
      <c r="I21988" s="1" t="s">
        <v>75467</v>
      </c>
      <c r="J21988" s="1" t="s">
        <v>78682</v>
      </c>
    </row>
    <row r="21989" spans="1:10" x14ac:dyDescent="0.35">
      <c r="A21989" s="1" t="s">
        <v>13790</v>
      </c>
      <c r="B21989" s="1" t="s">
        <v>75461</v>
      </c>
      <c r="C21989" s="1" t="s">
        <v>55</v>
      </c>
      <c r="D21989" s="1" t="s">
        <v>78683</v>
      </c>
      <c r="E21989" s="1" t="s">
        <v>78684</v>
      </c>
      <c r="F21989" s="1" t="s">
        <v>78685</v>
      </c>
      <c r="G21989" s="1" t="s">
        <v>78653</v>
      </c>
      <c r="H21989" s="1" t="s">
        <v>78654</v>
      </c>
      <c r="I21989" s="1" t="s">
        <v>75467</v>
      </c>
      <c r="J21989" s="1" t="s">
        <v>78686</v>
      </c>
    </row>
    <row r="21990" spans="1:10" x14ac:dyDescent="0.35">
      <c r="A21990" s="1" t="s">
        <v>13790</v>
      </c>
      <c r="B21990" s="1" t="s">
        <v>75461</v>
      </c>
      <c r="C21990" s="1" t="s">
        <v>60</v>
      </c>
      <c r="D21990" s="1" t="s">
        <v>78687</v>
      </c>
      <c r="E21990" s="1" t="s">
        <v>78688</v>
      </c>
      <c r="F21990" s="1" t="s">
        <v>78689</v>
      </c>
      <c r="G21990" s="1" t="s">
        <v>78653</v>
      </c>
      <c r="H21990" s="1" t="s">
        <v>78654</v>
      </c>
      <c r="I21990" s="1" t="s">
        <v>75467</v>
      </c>
      <c r="J21990" s="1" t="s">
        <v>78690</v>
      </c>
    </row>
    <row r="21991" spans="1:10" x14ac:dyDescent="0.35">
      <c r="A21991" s="1" t="s">
        <v>13790</v>
      </c>
      <c r="B21991" s="1" t="s">
        <v>75461</v>
      </c>
      <c r="C21991" s="1" t="s">
        <v>65</v>
      </c>
      <c r="D21991" s="1" t="s">
        <v>67948</v>
      </c>
      <c r="E21991" s="1" t="s">
        <v>78691</v>
      </c>
      <c r="F21991" s="1" t="s">
        <v>78692</v>
      </c>
      <c r="G21991" s="1" t="s">
        <v>78653</v>
      </c>
      <c r="H21991" s="1" t="s">
        <v>78654</v>
      </c>
      <c r="I21991" s="1" t="s">
        <v>75467</v>
      </c>
      <c r="J21991" s="1" t="s">
        <v>78693</v>
      </c>
    </row>
    <row r="21992" spans="1:10" x14ac:dyDescent="0.35">
      <c r="A21992" s="1" t="s">
        <v>13790</v>
      </c>
      <c r="B21992" s="1" t="s">
        <v>75461</v>
      </c>
      <c r="C21992" s="1" t="s">
        <v>70</v>
      </c>
      <c r="D21992" s="1" t="s">
        <v>78694</v>
      </c>
      <c r="E21992" s="1" t="s">
        <v>78695</v>
      </c>
      <c r="F21992" s="1" t="s">
        <v>78696</v>
      </c>
      <c r="G21992" s="1" t="s">
        <v>78653</v>
      </c>
      <c r="H21992" s="1" t="s">
        <v>78654</v>
      </c>
      <c r="I21992" s="1" t="s">
        <v>75467</v>
      </c>
      <c r="J21992" s="1" t="s">
        <v>78697</v>
      </c>
    </row>
    <row r="21993" spans="1:10" x14ac:dyDescent="0.35">
      <c r="A21993" s="1" t="s">
        <v>13790</v>
      </c>
      <c r="B21993" s="1" t="s">
        <v>75461</v>
      </c>
      <c r="C21993" s="1" t="s">
        <v>75</v>
      </c>
      <c r="D21993" s="1" t="s">
        <v>67978</v>
      </c>
      <c r="E21993" s="1" t="s">
        <v>78698</v>
      </c>
      <c r="F21993" s="1" t="s">
        <v>78699</v>
      </c>
      <c r="G21993" s="1" t="s">
        <v>78653</v>
      </c>
      <c r="H21993" s="1" t="s">
        <v>78654</v>
      </c>
      <c r="I21993" s="1" t="s">
        <v>75467</v>
      </c>
      <c r="J21993" s="1" t="s">
        <v>78700</v>
      </c>
    </row>
    <row r="21994" spans="1:10" x14ac:dyDescent="0.35">
      <c r="A21994" s="1" t="s">
        <v>13790</v>
      </c>
      <c r="B21994" s="1" t="s">
        <v>75461</v>
      </c>
      <c r="C21994" s="1" t="s">
        <v>80</v>
      </c>
      <c r="D21994" s="1" t="s">
        <v>78701</v>
      </c>
      <c r="E21994" s="1" t="s">
        <v>78702</v>
      </c>
      <c r="F21994" s="1" t="s">
        <v>78703</v>
      </c>
      <c r="G21994" s="1" t="s">
        <v>78653</v>
      </c>
      <c r="H21994" s="1" t="s">
        <v>78654</v>
      </c>
      <c r="I21994" s="1" t="s">
        <v>75467</v>
      </c>
      <c r="J21994" s="1" t="s">
        <v>78704</v>
      </c>
    </row>
    <row r="21995" spans="1:10" x14ac:dyDescent="0.35">
      <c r="A21995" s="1" t="s">
        <v>13790</v>
      </c>
      <c r="B21995" s="1" t="s">
        <v>75461</v>
      </c>
      <c r="C21995" s="1" t="s">
        <v>85</v>
      </c>
      <c r="D21995" s="1" t="s">
        <v>78705</v>
      </c>
      <c r="E21995" s="1" t="s">
        <v>78706</v>
      </c>
      <c r="F21995" s="1" t="s">
        <v>58165</v>
      </c>
      <c r="G21995" s="1" t="s">
        <v>78653</v>
      </c>
      <c r="H21995" s="1" t="s">
        <v>78654</v>
      </c>
      <c r="I21995" s="1" t="s">
        <v>75467</v>
      </c>
      <c r="J21995" s="1" t="s">
        <v>78707</v>
      </c>
    </row>
    <row r="21996" spans="1:10" x14ac:dyDescent="0.35">
      <c r="A21996" s="1" t="s">
        <v>13790</v>
      </c>
      <c r="B21996" s="1" t="s">
        <v>75461</v>
      </c>
      <c r="C21996" s="1" t="s">
        <v>90</v>
      </c>
      <c r="D21996" s="1" t="s">
        <v>78708</v>
      </c>
      <c r="E21996" s="1" t="s">
        <v>77829</v>
      </c>
      <c r="F21996" s="1" t="s">
        <v>61067</v>
      </c>
      <c r="G21996" s="1" t="s">
        <v>78653</v>
      </c>
      <c r="H21996" s="1" t="s">
        <v>78654</v>
      </c>
      <c r="I21996" s="1" t="s">
        <v>75467</v>
      </c>
      <c r="J21996" s="1" t="s">
        <v>78709</v>
      </c>
    </row>
    <row r="21997" spans="1:10" x14ac:dyDescent="0.35">
      <c r="A21997" s="1" t="s">
        <v>13790</v>
      </c>
      <c r="B21997" s="1" t="s">
        <v>75461</v>
      </c>
      <c r="C21997" s="1" t="s">
        <v>95</v>
      </c>
      <c r="D21997" s="1" t="s">
        <v>78710</v>
      </c>
      <c r="E21997" s="1" t="s">
        <v>78711</v>
      </c>
      <c r="F21997" s="1" t="s">
        <v>78712</v>
      </c>
      <c r="G21997" s="1" t="s">
        <v>78653</v>
      </c>
      <c r="H21997" s="1" t="s">
        <v>78654</v>
      </c>
      <c r="I21997" s="1" t="s">
        <v>75467</v>
      </c>
      <c r="J21997" s="1" t="s">
        <v>78713</v>
      </c>
    </row>
    <row r="21998" spans="1:10" x14ac:dyDescent="0.35">
      <c r="A21998" s="1" t="s">
        <v>13790</v>
      </c>
      <c r="B21998" s="1" t="s">
        <v>75461</v>
      </c>
      <c r="C21998" s="1" t="s">
        <v>100</v>
      </c>
      <c r="D21998" s="1" t="s">
        <v>78714</v>
      </c>
      <c r="E21998" s="1" t="s">
        <v>78715</v>
      </c>
      <c r="F21998" s="1" t="s">
        <v>78716</v>
      </c>
      <c r="G21998" s="1" t="s">
        <v>78653</v>
      </c>
      <c r="H21998" s="1" t="s">
        <v>78654</v>
      </c>
      <c r="I21998" s="1" t="s">
        <v>75467</v>
      </c>
      <c r="J21998" s="1" t="s">
        <v>78717</v>
      </c>
    </row>
    <row r="21999" spans="1:10" x14ac:dyDescent="0.35">
      <c r="A21999" s="1" t="s">
        <v>13790</v>
      </c>
      <c r="B21999" s="1" t="s">
        <v>75461</v>
      </c>
      <c r="C21999" s="1" t="s">
        <v>105</v>
      </c>
      <c r="D21999" s="1" t="s">
        <v>17092</v>
      </c>
      <c r="E21999" s="1" t="s">
        <v>78718</v>
      </c>
      <c r="F21999" s="1" t="s">
        <v>78719</v>
      </c>
      <c r="G21999" s="1" t="s">
        <v>78653</v>
      </c>
      <c r="H21999" s="1" t="s">
        <v>78654</v>
      </c>
      <c r="I21999" s="1" t="s">
        <v>75467</v>
      </c>
      <c r="J21999" s="1" t="s">
        <v>78720</v>
      </c>
    </row>
    <row r="22000" spans="1:10" x14ac:dyDescent="0.35">
      <c r="A22000" s="1" t="s">
        <v>13790</v>
      </c>
      <c r="B22000" s="1" t="s">
        <v>75461</v>
      </c>
      <c r="C22000" s="1" t="s">
        <v>110</v>
      </c>
      <c r="D22000" s="1" t="s">
        <v>78721</v>
      </c>
      <c r="E22000" s="1" t="s">
        <v>78722</v>
      </c>
      <c r="F22000" s="1" t="s">
        <v>78723</v>
      </c>
      <c r="G22000" s="1" t="s">
        <v>78653</v>
      </c>
      <c r="H22000" s="1" t="s">
        <v>78654</v>
      </c>
      <c r="I22000" s="1" t="s">
        <v>75467</v>
      </c>
      <c r="J22000" s="1" t="s">
        <v>78724</v>
      </c>
    </row>
    <row r="22001" spans="1:10" x14ac:dyDescent="0.35">
      <c r="A22001" s="1" t="s">
        <v>13790</v>
      </c>
      <c r="B22001" s="1" t="s">
        <v>75461</v>
      </c>
      <c r="C22001" s="1" t="s">
        <v>115</v>
      </c>
      <c r="D22001" s="1" t="s">
        <v>68790</v>
      </c>
      <c r="E22001" s="1" t="s">
        <v>78725</v>
      </c>
      <c r="F22001" s="1" t="s">
        <v>78726</v>
      </c>
      <c r="G22001" s="1" t="s">
        <v>78653</v>
      </c>
      <c r="H22001" s="1" t="s">
        <v>78654</v>
      </c>
      <c r="I22001" s="1" t="s">
        <v>75467</v>
      </c>
      <c r="J22001" s="1" t="s">
        <v>78727</v>
      </c>
    </row>
    <row r="22002" spans="1:10" x14ac:dyDescent="0.35">
      <c r="A22002" s="1" t="s">
        <v>13790</v>
      </c>
      <c r="B22002" s="1" t="s">
        <v>75461</v>
      </c>
      <c r="C22002" s="1" t="s">
        <v>120</v>
      </c>
      <c r="D22002" s="1" t="s">
        <v>65764</v>
      </c>
      <c r="E22002" s="1" t="s">
        <v>78728</v>
      </c>
      <c r="F22002" s="1" t="s">
        <v>78729</v>
      </c>
      <c r="G22002" s="1" t="s">
        <v>78653</v>
      </c>
      <c r="H22002" s="1" t="s">
        <v>78654</v>
      </c>
      <c r="I22002" s="1" t="s">
        <v>75467</v>
      </c>
      <c r="J22002" s="1" t="s">
        <v>78730</v>
      </c>
    </row>
    <row r="22003" spans="1:10" x14ac:dyDescent="0.35">
      <c r="A22003" s="1" t="s">
        <v>13790</v>
      </c>
      <c r="B22003" s="1" t="s">
        <v>75461</v>
      </c>
      <c r="C22003" s="1" t="s">
        <v>125</v>
      </c>
      <c r="D22003" s="1" t="s">
        <v>53846</v>
      </c>
      <c r="E22003" s="1" t="s">
        <v>78731</v>
      </c>
      <c r="F22003" s="1" t="s">
        <v>78732</v>
      </c>
      <c r="G22003" s="1" t="s">
        <v>78653</v>
      </c>
      <c r="H22003" s="1" t="s">
        <v>78654</v>
      </c>
      <c r="I22003" s="1" t="s">
        <v>75467</v>
      </c>
      <c r="J22003" s="1" t="s">
        <v>78733</v>
      </c>
    </row>
    <row r="22004" spans="1:10" x14ac:dyDescent="0.35">
      <c r="A22004" s="1" t="s">
        <v>13790</v>
      </c>
      <c r="B22004" s="1" t="s">
        <v>75461</v>
      </c>
      <c r="C22004" s="1" t="s">
        <v>130</v>
      </c>
      <c r="D22004" s="1" t="s">
        <v>78734</v>
      </c>
      <c r="E22004" s="1" t="s">
        <v>78688</v>
      </c>
      <c r="F22004" s="1" t="s">
        <v>78735</v>
      </c>
      <c r="G22004" s="1" t="s">
        <v>78653</v>
      </c>
      <c r="H22004" s="1" t="s">
        <v>78654</v>
      </c>
      <c r="I22004" s="1" t="s">
        <v>75467</v>
      </c>
      <c r="J22004" s="1" t="s">
        <v>78736</v>
      </c>
    </row>
    <row r="22005" spans="1:10" x14ac:dyDescent="0.35">
      <c r="A22005" s="1" t="s">
        <v>13790</v>
      </c>
      <c r="B22005" s="1" t="s">
        <v>75461</v>
      </c>
      <c r="C22005" s="1" t="s">
        <v>135</v>
      </c>
      <c r="D22005" s="1" t="s">
        <v>24275</v>
      </c>
      <c r="E22005" s="1" t="s">
        <v>78737</v>
      </c>
      <c r="F22005" s="1" t="s">
        <v>78738</v>
      </c>
      <c r="G22005" s="1" t="s">
        <v>78653</v>
      </c>
      <c r="H22005" s="1" t="s">
        <v>78654</v>
      </c>
      <c r="I22005" s="1" t="s">
        <v>75467</v>
      </c>
      <c r="J22005" s="1" t="s">
        <v>78739</v>
      </c>
    </row>
    <row r="22006" spans="1:10" x14ac:dyDescent="0.35">
      <c r="A22006" s="1" t="s">
        <v>13790</v>
      </c>
      <c r="B22006" s="1" t="s">
        <v>75461</v>
      </c>
      <c r="C22006" s="1" t="s">
        <v>140</v>
      </c>
      <c r="D22006" s="1" t="s">
        <v>11586</v>
      </c>
      <c r="E22006" s="1" t="s">
        <v>78740</v>
      </c>
      <c r="F22006" s="1" t="s">
        <v>78741</v>
      </c>
      <c r="G22006" s="1" t="s">
        <v>78653</v>
      </c>
      <c r="H22006" s="1" t="s">
        <v>78654</v>
      </c>
      <c r="I22006" s="1" t="s">
        <v>75467</v>
      </c>
      <c r="J22006" s="1" t="s">
        <v>78742</v>
      </c>
    </row>
    <row r="22007" spans="1:10" x14ac:dyDescent="0.35">
      <c r="A22007" s="1" t="s">
        <v>13790</v>
      </c>
      <c r="B22007" s="1" t="s">
        <v>75461</v>
      </c>
      <c r="C22007" s="1" t="s">
        <v>145</v>
      </c>
      <c r="D22007" s="1" t="s">
        <v>78743</v>
      </c>
      <c r="E22007" s="1" t="s">
        <v>78744</v>
      </c>
      <c r="F22007" s="1" t="s">
        <v>78745</v>
      </c>
      <c r="G22007" s="1" t="s">
        <v>78653</v>
      </c>
      <c r="H22007" s="1" t="s">
        <v>78654</v>
      </c>
      <c r="I22007" s="1" t="s">
        <v>75467</v>
      </c>
      <c r="J22007" s="1" t="s">
        <v>78746</v>
      </c>
    </row>
    <row r="22008" spans="1:10" x14ac:dyDescent="0.35">
      <c r="A22008" s="1" t="s">
        <v>13790</v>
      </c>
      <c r="B22008" s="1" t="s">
        <v>75461</v>
      </c>
      <c r="C22008" s="1" t="s">
        <v>150</v>
      </c>
      <c r="D22008" s="1" t="s">
        <v>9480</v>
      </c>
      <c r="E22008" s="1" t="s">
        <v>78747</v>
      </c>
      <c r="F22008" s="1" t="s">
        <v>78748</v>
      </c>
      <c r="G22008" s="1" t="s">
        <v>78653</v>
      </c>
      <c r="H22008" s="1" t="s">
        <v>78654</v>
      </c>
      <c r="I22008" s="1" t="s">
        <v>75467</v>
      </c>
      <c r="J22008" s="1" t="s">
        <v>78749</v>
      </c>
    </row>
    <row r="22009" spans="1:10" x14ac:dyDescent="0.35">
      <c r="A22009" s="1" t="s">
        <v>13790</v>
      </c>
      <c r="B22009" s="1" t="s">
        <v>75461</v>
      </c>
      <c r="C22009" s="1" t="s">
        <v>155</v>
      </c>
      <c r="D22009" s="1" t="s">
        <v>78750</v>
      </c>
      <c r="E22009" s="1" t="s">
        <v>78751</v>
      </c>
      <c r="F22009" s="1" t="s">
        <v>78752</v>
      </c>
      <c r="G22009" s="1" t="s">
        <v>78653</v>
      </c>
      <c r="H22009" s="1" t="s">
        <v>78654</v>
      </c>
      <c r="I22009" s="1" t="s">
        <v>75467</v>
      </c>
      <c r="J22009" s="1" t="s">
        <v>78753</v>
      </c>
    </row>
    <row r="22010" spans="1:10" x14ac:dyDescent="0.35">
      <c r="A22010" s="1" t="s">
        <v>13790</v>
      </c>
      <c r="B22010" s="1" t="s">
        <v>75461</v>
      </c>
      <c r="C22010" s="1" t="s">
        <v>160</v>
      </c>
      <c r="D22010" s="1" t="s">
        <v>78754</v>
      </c>
      <c r="E22010" s="1" t="s">
        <v>78755</v>
      </c>
      <c r="F22010" s="1" t="s">
        <v>78756</v>
      </c>
      <c r="G22010" s="1" t="s">
        <v>78653</v>
      </c>
      <c r="H22010" s="1" t="s">
        <v>78654</v>
      </c>
      <c r="I22010" s="1" t="s">
        <v>75467</v>
      </c>
      <c r="J22010" s="1" t="s">
        <v>78757</v>
      </c>
    </row>
    <row r="22011" spans="1:10" x14ac:dyDescent="0.35">
      <c r="A22011" s="1" t="s">
        <v>13790</v>
      </c>
      <c r="B22011" s="1" t="s">
        <v>75461</v>
      </c>
      <c r="C22011" s="1" t="s">
        <v>165</v>
      </c>
      <c r="D22011" s="1" t="s">
        <v>78758</v>
      </c>
      <c r="E22011" s="1" t="s">
        <v>78759</v>
      </c>
      <c r="F22011" s="1" t="s">
        <v>78760</v>
      </c>
      <c r="G22011" s="1" t="s">
        <v>78653</v>
      </c>
      <c r="H22011" s="1" t="s">
        <v>78654</v>
      </c>
      <c r="I22011" s="1" t="s">
        <v>75467</v>
      </c>
      <c r="J22011" s="1" t="s">
        <v>78761</v>
      </c>
    </row>
    <row r="22012" spans="1:10" x14ac:dyDescent="0.35">
      <c r="A22012" s="1" t="s">
        <v>13790</v>
      </c>
      <c r="B22012" s="1" t="s">
        <v>75461</v>
      </c>
      <c r="C22012" s="1" t="s">
        <v>170</v>
      </c>
      <c r="D22012" s="1" t="s">
        <v>78762</v>
      </c>
      <c r="E22012" s="1" t="s">
        <v>78763</v>
      </c>
      <c r="F22012" s="1" t="s">
        <v>78764</v>
      </c>
      <c r="G22012" s="1" t="s">
        <v>78653</v>
      </c>
      <c r="H22012" s="1" t="s">
        <v>78654</v>
      </c>
      <c r="I22012" s="1" t="s">
        <v>75467</v>
      </c>
      <c r="J22012" s="1" t="s">
        <v>78765</v>
      </c>
    </row>
    <row r="22013" spans="1:10" x14ac:dyDescent="0.35">
      <c r="A22013" s="1" t="s">
        <v>44264</v>
      </c>
      <c r="B22013" s="1" t="s">
        <v>75461</v>
      </c>
      <c r="C22013" s="1" t="s">
        <v>8</v>
      </c>
      <c r="D22013" s="1" t="s">
        <v>78766</v>
      </c>
      <c r="E22013" s="1" t="s">
        <v>78767</v>
      </c>
      <c r="F22013" s="1" t="s">
        <v>78768</v>
      </c>
      <c r="G22013" s="1" t="s">
        <v>78769</v>
      </c>
      <c r="H22013" s="1" t="s">
        <v>78770</v>
      </c>
      <c r="I22013" s="1" t="s">
        <v>75467</v>
      </c>
      <c r="J22013" s="1" t="s">
        <v>13</v>
      </c>
    </row>
    <row r="22014" spans="1:10" x14ac:dyDescent="0.35">
      <c r="A22014" s="1" t="s">
        <v>44264</v>
      </c>
      <c r="B22014" s="1" t="s">
        <v>75461</v>
      </c>
      <c r="C22014" s="1" t="s">
        <v>15</v>
      </c>
      <c r="D22014" s="1" t="s">
        <v>78771</v>
      </c>
      <c r="E22014" s="1" t="s">
        <v>78772</v>
      </c>
      <c r="F22014" s="1" t="s">
        <v>78773</v>
      </c>
      <c r="G22014" s="1" t="s">
        <v>78769</v>
      </c>
      <c r="H22014" s="1" t="s">
        <v>78770</v>
      </c>
      <c r="I22014" s="1" t="s">
        <v>75467</v>
      </c>
      <c r="J22014" s="1" t="s">
        <v>78774</v>
      </c>
    </row>
    <row r="22015" spans="1:10" x14ac:dyDescent="0.35">
      <c r="A22015" s="1" t="s">
        <v>44264</v>
      </c>
      <c r="B22015" s="1" t="s">
        <v>75461</v>
      </c>
      <c r="C22015" s="1" t="s">
        <v>20</v>
      </c>
      <c r="D22015" s="1" t="s">
        <v>78775</v>
      </c>
      <c r="E22015" s="1" t="s">
        <v>78776</v>
      </c>
      <c r="F22015" s="1" t="s">
        <v>78777</v>
      </c>
      <c r="G22015" s="1" t="s">
        <v>78769</v>
      </c>
      <c r="H22015" s="1" t="s">
        <v>78770</v>
      </c>
      <c r="I22015" s="1" t="s">
        <v>75467</v>
      </c>
      <c r="J22015" s="1" t="s">
        <v>78778</v>
      </c>
    </row>
    <row r="22016" spans="1:10" x14ac:dyDescent="0.35">
      <c r="A22016" s="1" t="s">
        <v>44264</v>
      </c>
      <c r="B22016" s="1" t="s">
        <v>75461</v>
      </c>
      <c r="C22016" s="1" t="s">
        <v>25</v>
      </c>
      <c r="D22016" s="1" t="s">
        <v>78779</v>
      </c>
      <c r="E22016" s="1" t="s">
        <v>48110</v>
      </c>
      <c r="F22016" s="1" t="s">
        <v>78780</v>
      </c>
      <c r="G22016" s="1" t="s">
        <v>78769</v>
      </c>
      <c r="H22016" s="1" t="s">
        <v>78770</v>
      </c>
      <c r="I22016" s="1" t="s">
        <v>75467</v>
      </c>
      <c r="J22016" s="1" t="s">
        <v>78781</v>
      </c>
    </row>
    <row r="22017" spans="1:10" x14ac:dyDescent="0.35">
      <c r="A22017" s="1" t="s">
        <v>44264</v>
      </c>
      <c r="B22017" s="1" t="s">
        <v>75461</v>
      </c>
      <c r="C22017" s="1" t="s">
        <v>30</v>
      </c>
      <c r="D22017" s="1" t="s">
        <v>78782</v>
      </c>
      <c r="E22017" s="1" t="s">
        <v>15481</v>
      </c>
      <c r="F22017" s="1" t="s">
        <v>78783</v>
      </c>
      <c r="G22017" s="1" t="s">
        <v>78769</v>
      </c>
      <c r="H22017" s="1" t="s">
        <v>78770</v>
      </c>
      <c r="I22017" s="1" t="s">
        <v>75467</v>
      </c>
      <c r="J22017" s="1" t="s">
        <v>78784</v>
      </c>
    </row>
    <row r="22018" spans="1:10" x14ac:dyDescent="0.35">
      <c r="A22018" s="1" t="s">
        <v>44264</v>
      </c>
      <c r="B22018" s="1" t="s">
        <v>75461</v>
      </c>
      <c r="C22018" s="1" t="s">
        <v>35</v>
      </c>
      <c r="D22018" s="1" t="s">
        <v>78785</v>
      </c>
      <c r="E22018" s="1" t="s">
        <v>78786</v>
      </c>
      <c r="F22018" s="1" t="s">
        <v>78787</v>
      </c>
      <c r="G22018" s="1" t="s">
        <v>78769</v>
      </c>
      <c r="H22018" s="1" t="s">
        <v>78770</v>
      </c>
      <c r="I22018" s="1" t="s">
        <v>75467</v>
      </c>
      <c r="J22018" s="1" t="s">
        <v>78788</v>
      </c>
    </row>
    <row r="22019" spans="1:10" x14ac:dyDescent="0.35">
      <c r="A22019" s="1" t="s">
        <v>44264</v>
      </c>
      <c r="B22019" s="1" t="s">
        <v>75461</v>
      </c>
      <c r="C22019" s="1" t="s">
        <v>40</v>
      </c>
      <c r="D22019" s="1" t="s">
        <v>54833</v>
      </c>
      <c r="E22019" s="1" t="s">
        <v>78789</v>
      </c>
      <c r="F22019" s="1" t="s">
        <v>19941</v>
      </c>
      <c r="G22019" s="1" t="s">
        <v>78769</v>
      </c>
      <c r="H22019" s="1" t="s">
        <v>78770</v>
      </c>
      <c r="I22019" s="1" t="s">
        <v>75467</v>
      </c>
      <c r="J22019" s="1" t="s">
        <v>78790</v>
      </c>
    </row>
    <row r="22020" spans="1:10" x14ac:dyDescent="0.35">
      <c r="A22020" s="1" t="s">
        <v>44264</v>
      </c>
      <c r="B22020" s="1" t="s">
        <v>75461</v>
      </c>
      <c r="C22020" s="1" t="s">
        <v>45</v>
      </c>
      <c r="D22020" s="1" t="s">
        <v>78791</v>
      </c>
      <c r="E22020" s="1" t="s">
        <v>78792</v>
      </c>
      <c r="F22020" s="1" t="s">
        <v>78793</v>
      </c>
      <c r="G22020" s="1" t="s">
        <v>78769</v>
      </c>
      <c r="H22020" s="1" t="s">
        <v>78770</v>
      </c>
      <c r="I22020" s="1" t="s">
        <v>75467</v>
      </c>
      <c r="J22020" s="1" t="s">
        <v>78794</v>
      </c>
    </row>
    <row r="22021" spans="1:10" x14ac:dyDescent="0.35">
      <c r="A22021" s="1" t="s">
        <v>44264</v>
      </c>
      <c r="B22021" s="1" t="s">
        <v>75461</v>
      </c>
      <c r="C22021" s="1" t="s">
        <v>50</v>
      </c>
      <c r="D22021" s="1" t="s">
        <v>78795</v>
      </c>
      <c r="E22021" s="1" t="s">
        <v>74192</v>
      </c>
      <c r="F22021" s="1" t="s">
        <v>78796</v>
      </c>
      <c r="G22021" s="1" t="s">
        <v>78769</v>
      </c>
      <c r="H22021" s="1" t="s">
        <v>78770</v>
      </c>
      <c r="I22021" s="1" t="s">
        <v>75467</v>
      </c>
      <c r="J22021" s="1" t="s">
        <v>78797</v>
      </c>
    </row>
    <row r="22022" spans="1:10" x14ac:dyDescent="0.35">
      <c r="A22022" s="1" t="s">
        <v>44264</v>
      </c>
      <c r="B22022" s="1" t="s">
        <v>75461</v>
      </c>
      <c r="C22022" s="1" t="s">
        <v>55</v>
      </c>
      <c r="D22022" s="1" t="s">
        <v>78798</v>
      </c>
      <c r="E22022" s="1" t="s">
        <v>78799</v>
      </c>
      <c r="F22022" s="1" t="s">
        <v>78800</v>
      </c>
      <c r="G22022" s="1" t="s">
        <v>78769</v>
      </c>
      <c r="H22022" s="1" t="s">
        <v>78770</v>
      </c>
      <c r="I22022" s="1" t="s">
        <v>75467</v>
      </c>
      <c r="J22022" s="1" t="s">
        <v>78801</v>
      </c>
    </row>
    <row r="22023" spans="1:10" x14ac:dyDescent="0.35">
      <c r="A22023" s="1" t="s">
        <v>44264</v>
      </c>
      <c r="B22023" s="1" t="s">
        <v>75461</v>
      </c>
      <c r="C22023" s="1" t="s">
        <v>60</v>
      </c>
      <c r="D22023" s="1" t="s">
        <v>77089</v>
      </c>
      <c r="E22023" s="1" t="s">
        <v>78802</v>
      </c>
      <c r="F22023" s="1" t="s">
        <v>78803</v>
      </c>
      <c r="G22023" s="1" t="s">
        <v>78769</v>
      </c>
      <c r="H22023" s="1" t="s">
        <v>78770</v>
      </c>
      <c r="I22023" s="1" t="s">
        <v>75467</v>
      </c>
      <c r="J22023" s="1" t="s">
        <v>78804</v>
      </c>
    </row>
    <row r="22024" spans="1:10" x14ac:dyDescent="0.35">
      <c r="A22024" s="1" t="s">
        <v>44264</v>
      </c>
      <c r="B22024" s="1" t="s">
        <v>75461</v>
      </c>
      <c r="C22024" s="1" t="s">
        <v>65</v>
      </c>
      <c r="D22024" s="1" t="s">
        <v>78805</v>
      </c>
      <c r="E22024" s="1" t="s">
        <v>78806</v>
      </c>
      <c r="F22024" s="1" t="s">
        <v>59146</v>
      </c>
      <c r="G22024" s="1" t="s">
        <v>78769</v>
      </c>
      <c r="H22024" s="1" t="s">
        <v>78770</v>
      </c>
      <c r="I22024" s="1" t="s">
        <v>75467</v>
      </c>
      <c r="J22024" s="1" t="s">
        <v>78807</v>
      </c>
    </row>
    <row r="22025" spans="1:10" x14ac:dyDescent="0.35">
      <c r="A22025" s="1" t="s">
        <v>44264</v>
      </c>
      <c r="B22025" s="1" t="s">
        <v>75461</v>
      </c>
      <c r="C22025" s="1" t="s">
        <v>70</v>
      </c>
      <c r="D22025" s="1" t="s">
        <v>62819</v>
      </c>
      <c r="E22025" s="1" t="s">
        <v>78808</v>
      </c>
      <c r="F22025" s="1" t="s">
        <v>67306</v>
      </c>
      <c r="G22025" s="1" t="s">
        <v>78769</v>
      </c>
      <c r="H22025" s="1" t="s">
        <v>78770</v>
      </c>
      <c r="I22025" s="1" t="s">
        <v>75467</v>
      </c>
      <c r="J22025" s="1" t="s">
        <v>78809</v>
      </c>
    </row>
    <row r="22026" spans="1:10" x14ac:dyDescent="0.35">
      <c r="A22026" s="1" t="s">
        <v>44264</v>
      </c>
      <c r="B22026" s="1" t="s">
        <v>75461</v>
      </c>
      <c r="C22026" s="1" t="s">
        <v>75</v>
      </c>
      <c r="D22026" s="1" t="s">
        <v>78810</v>
      </c>
      <c r="E22026" s="1" t="s">
        <v>78811</v>
      </c>
      <c r="F22026" s="1" t="s">
        <v>78812</v>
      </c>
      <c r="G22026" s="1" t="s">
        <v>78769</v>
      </c>
      <c r="H22026" s="1" t="s">
        <v>78770</v>
      </c>
      <c r="I22026" s="1" t="s">
        <v>75467</v>
      </c>
      <c r="J22026" s="1" t="s">
        <v>78813</v>
      </c>
    </row>
    <row r="22027" spans="1:10" x14ac:dyDescent="0.35">
      <c r="A22027" s="1" t="s">
        <v>44264</v>
      </c>
      <c r="B22027" s="1" t="s">
        <v>75461</v>
      </c>
      <c r="C22027" s="1" t="s">
        <v>80</v>
      </c>
      <c r="D22027" s="1" t="s">
        <v>76142</v>
      </c>
      <c r="E22027" s="1" t="s">
        <v>78814</v>
      </c>
      <c r="F22027" s="1" t="s">
        <v>78815</v>
      </c>
      <c r="G22027" s="1" t="s">
        <v>78769</v>
      </c>
      <c r="H22027" s="1" t="s">
        <v>78770</v>
      </c>
      <c r="I22027" s="1" t="s">
        <v>75467</v>
      </c>
      <c r="J22027" s="1" t="s">
        <v>78816</v>
      </c>
    </row>
    <row r="22028" spans="1:10" x14ac:dyDescent="0.35">
      <c r="A22028" s="1" t="s">
        <v>44264</v>
      </c>
      <c r="B22028" s="1" t="s">
        <v>75461</v>
      </c>
      <c r="C22028" s="1" t="s">
        <v>85</v>
      </c>
      <c r="D22028" s="1" t="s">
        <v>69701</v>
      </c>
      <c r="E22028" s="1" t="s">
        <v>78817</v>
      </c>
      <c r="F22028" s="1" t="s">
        <v>67588</v>
      </c>
      <c r="G22028" s="1" t="s">
        <v>78769</v>
      </c>
      <c r="H22028" s="1" t="s">
        <v>78770</v>
      </c>
      <c r="I22028" s="1" t="s">
        <v>75467</v>
      </c>
      <c r="J22028" s="1" t="s">
        <v>78818</v>
      </c>
    </row>
    <row r="22029" spans="1:10" x14ac:dyDescent="0.35">
      <c r="A22029" s="1" t="s">
        <v>44264</v>
      </c>
      <c r="B22029" s="1" t="s">
        <v>75461</v>
      </c>
      <c r="C22029" s="1" t="s">
        <v>90</v>
      </c>
      <c r="D22029" s="1" t="s">
        <v>78819</v>
      </c>
      <c r="E22029" s="1" t="s">
        <v>78820</v>
      </c>
      <c r="F22029" s="1" t="s">
        <v>58737</v>
      </c>
      <c r="G22029" s="1" t="s">
        <v>78769</v>
      </c>
      <c r="H22029" s="1" t="s">
        <v>78770</v>
      </c>
      <c r="I22029" s="1" t="s">
        <v>75467</v>
      </c>
      <c r="J22029" s="1" t="s">
        <v>78821</v>
      </c>
    </row>
    <row r="22030" spans="1:10" x14ac:dyDescent="0.35">
      <c r="A22030" s="1" t="s">
        <v>44264</v>
      </c>
      <c r="B22030" s="1" t="s">
        <v>75461</v>
      </c>
      <c r="C22030" s="1" t="s">
        <v>95</v>
      </c>
      <c r="D22030" s="1" t="s">
        <v>78822</v>
      </c>
      <c r="E22030" s="1" t="s">
        <v>78823</v>
      </c>
      <c r="F22030" s="1" t="s">
        <v>78824</v>
      </c>
      <c r="G22030" s="1" t="s">
        <v>78769</v>
      </c>
      <c r="H22030" s="1" t="s">
        <v>78770</v>
      </c>
      <c r="I22030" s="1" t="s">
        <v>75467</v>
      </c>
      <c r="J22030" s="1" t="s">
        <v>78825</v>
      </c>
    </row>
    <row r="22031" spans="1:10" x14ac:dyDescent="0.35">
      <c r="A22031" s="1" t="s">
        <v>44264</v>
      </c>
      <c r="B22031" s="1" t="s">
        <v>75461</v>
      </c>
      <c r="C22031" s="1" t="s">
        <v>100</v>
      </c>
      <c r="D22031" s="1" t="s">
        <v>78826</v>
      </c>
      <c r="E22031" s="1" t="s">
        <v>78814</v>
      </c>
      <c r="F22031" s="1" t="s">
        <v>78827</v>
      </c>
      <c r="G22031" s="1" t="s">
        <v>78769</v>
      </c>
      <c r="H22031" s="1" t="s">
        <v>78770</v>
      </c>
      <c r="I22031" s="1" t="s">
        <v>75467</v>
      </c>
      <c r="J22031" s="1" t="s">
        <v>78828</v>
      </c>
    </row>
    <row r="22032" spans="1:10" x14ac:dyDescent="0.35">
      <c r="A22032" s="1" t="s">
        <v>44264</v>
      </c>
      <c r="B22032" s="1" t="s">
        <v>75461</v>
      </c>
      <c r="C22032" s="1" t="s">
        <v>105</v>
      </c>
      <c r="D22032" s="1" t="s">
        <v>76920</v>
      </c>
      <c r="E22032" s="1" t="s">
        <v>78829</v>
      </c>
      <c r="F22032" s="1" t="s">
        <v>78830</v>
      </c>
      <c r="G22032" s="1" t="s">
        <v>78769</v>
      </c>
      <c r="H22032" s="1" t="s">
        <v>78770</v>
      </c>
      <c r="I22032" s="1" t="s">
        <v>75467</v>
      </c>
      <c r="J22032" s="1" t="s">
        <v>78831</v>
      </c>
    </row>
    <row r="22033" spans="1:10" x14ac:dyDescent="0.35">
      <c r="A22033" s="1" t="s">
        <v>44264</v>
      </c>
      <c r="B22033" s="1" t="s">
        <v>75461</v>
      </c>
      <c r="C22033" s="1" t="s">
        <v>110</v>
      </c>
      <c r="D22033" s="1" t="s">
        <v>40368</v>
      </c>
      <c r="E22033" s="1" t="s">
        <v>78832</v>
      </c>
      <c r="F22033" s="1" t="s">
        <v>66856</v>
      </c>
      <c r="G22033" s="1" t="s">
        <v>78769</v>
      </c>
      <c r="H22033" s="1" t="s">
        <v>78770</v>
      </c>
      <c r="I22033" s="1" t="s">
        <v>75467</v>
      </c>
      <c r="J22033" s="1" t="s">
        <v>78833</v>
      </c>
    </row>
    <row r="22034" spans="1:10" x14ac:dyDescent="0.35">
      <c r="A22034" s="1" t="s">
        <v>44264</v>
      </c>
      <c r="B22034" s="1" t="s">
        <v>75461</v>
      </c>
      <c r="C22034" s="1" t="s">
        <v>115</v>
      </c>
      <c r="D22034" s="1" t="s">
        <v>78834</v>
      </c>
      <c r="E22034" s="1" t="s">
        <v>78835</v>
      </c>
      <c r="F22034" s="1" t="s">
        <v>78836</v>
      </c>
      <c r="G22034" s="1" t="s">
        <v>78769</v>
      </c>
      <c r="H22034" s="1" t="s">
        <v>78770</v>
      </c>
      <c r="I22034" s="1" t="s">
        <v>75467</v>
      </c>
      <c r="J22034" s="1" t="s">
        <v>78837</v>
      </c>
    </row>
    <row r="22035" spans="1:10" x14ac:dyDescent="0.35">
      <c r="A22035" s="1" t="s">
        <v>44264</v>
      </c>
      <c r="B22035" s="1" t="s">
        <v>75461</v>
      </c>
      <c r="C22035" s="1" t="s">
        <v>120</v>
      </c>
      <c r="D22035" s="1" t="s">
        <v>78838</v>
      </c>
      <c r="E22035" s="1" t="s">
        <v>78839</v>
      </c>
      <c r="F22035" s="1" t="s">
        <v>78840</v>
      </c>
      <c r="G22035" s="1" t="s">
        <v>78769</v>
      </c>
      <c r="H22035" s="1" t="s">
        <v>78770</v>
      </c>
      <c r="I22035" s="1" t="s">
        <v>75467</v>
      </c>
      <c r="J22035" s="1" t="s">
        <v>78841</v>
      </c>
    </row>
    <row r="22036" spans="1:10" x14ac:dyDescent="0.35">
      <c r="A22036" s="1" t="s">
        <v>44264</v>
      </c>
      <c r="B22036" s="1" t="s">
        <v>75461</v>
      </c>
      <c r="C22036" s="1" t="s">
        <v>125</v>
      </c>
      <c r="D22036" s="1" t="s">
        <v>61477</v>
      </c>
      <c r="E22036" s="1" t="s">
        <v>78842</v>
      </c>
      <c r="F22036" s="1" t="s">
        <v>61137</v>
      </c>
      <c r="G22036" s="1" t="s">
        <v>78769</v>
      </c>
      <c r="H22036" s="1" t="s">
        <v>78770</v>
      </c>
      <c r="I22036" s="1" t="s">
        <v>75467</v>
      </c>
      <c r="J22036" s="1" t="s">
        <v>78843</v>
      </c>
    </row>
    <row r="22037" spans="1:10" x14ac:dyDescent="0.35">
      <c r="A22037" s="1" t="s">
        <v>44264</v>
      </c>
      <c r="B22037" s="1" t="s">
        <v>75461</v>
      </c>
      <c r="C22037" s="1" t="s">
        <v>130</v>
      </c>
      <c r="D22037" s="1" t="s">
        <v>78844</v>
      </c>
      <c r="E22037" s="1" t="s">
        <v>78845</v>
      </c>
      <c r="F22037" s="1" t="s">
        <v>78846</v>
      </c>
      <c r="G22037" s="1" t="s">
        <v>78769</v>
      </c>
      <c r="H22037" s="1" t="s">
        <v>78770</v>
      </c>
      <c r="I22037" s="1" t="s">
        <v>75467</v>
      </c>
      <c r="J22037" s="1" t="s">
        <v>78847</v>
      </c>
    </row>
    <row r="22038" spans="1:10" x14ac:dyDescent="0.35">
      <c r="A22038" s="1" t="s">
        <v>44264</v>
      </c>
      <c r="B22038" s="1" t="s">
        <v>75461</v>
      </c>
      <c r="C22038" s="1" t="s">
        <v>135</v>
      </c>
      <c r="D22038" s="1" t="s">
        <v>54893</v>
      </c>
      <c r="E22038" s="1" t="s">
        <v>78848</v>
      </c>
      <c r="F22038" s="1" t="s">
        <v>78849</v>
      </c>
      <c r="G22038" s="1" t="s">
        <v>78769</v>
      </c>
      <c r="H22038" s="1" t="s">
        <v>78770</v>
      </c>
      <c r="I22038" s="1" t="s">
        <v>75467</v>
      </c>
      <c r="J22038" s="1" t="s">
        <v>78850</v>
      </c>
    </row>
    <row r="22039" spans="1:10" x14ac:dyDescent="0.35">
      <c r="A22039" s="1" t="s">
        <v>44264</v>
      </c>
      <c r="B22039" s="1" t="s">
        <v>75461</v>
      </c>
      <c r="C22039" s="1" t="s">
        <v>140</v>
      </c>
      <c r="D22039" s="1" t="s">
        <v>78851</v>
      </c>
      <c r="E22039" s="1" t="s">
        <v>78852</v>
      </c>
      <c r="F22039" s="1" t="s">
        <v>78853</v>
      </c>
      <c r="G22039" s="1" t="s">
        <v>78769</v>
      </c>
      <c r="H22039" s="1" t="s">
        <v>78770</v>
      </c>
      <c r="I22039" s="1" t="s">
        <v>75467</v>
      </c>
      <c r="J22039" s="1" t="s">
        <v>78854</v>
      </c>
    </row>
    <row r="22040" spans="1:10" x14ac:dyDescent="0.35">
      <c r="A22040" s="1" t="s">
        <v>44264</v>
      </c>
      <c r="B22040" s="1" t="s">
        <v>75461</v>
      </c>
      <c r="C22040" s="1" t="s">
        <v>145</v>
      </c>
      <c r="D22040" s="1" t="s">
        <v>78855</v>
      </c>
      <c r="E22040" s="1" t="s">
        <v>78856</v>
      </c>
      <c r="F22040" s="1" t="s">
        <v>78857</v>
      </c>
      <c r="G22040" s="1" t="s">
        <v>78769</v>
      </c>
      <c r="H22040" s="1" t="s">
        <v>78770</v>
      </c>
      <c r="I22040" s="1" t="s">
        <v>75467</v>
      </c>
      <c r="J22040" s="1" t="s">
        <v>78858</v>
      </c>
    </row>
    <row r="22041" spans="1:10" x14ac:dyDescent="0.35">
      <c r="A22041" s="1" t="s">
        <v>44264</v>
      </c>
      <c r="B22041" s="1" t="s">
        <v>75461</v>
      </c>
      <c r="C22041" s="1" t="s">
        <v>150</v>
      </c>
      <c r="D22041" s="1" t="s">
        <v>78859</v>
      </c>
      <c r="E22041" s="1" t="s">
        <v>78860</v>
      </c>
      <c r="F22041" s="1" t="s">
        <v>78861</v>
      </c>
      <c r="G22041" s="1" t="s">
        <v>78769</v>
      </c>
      <c r="H22041" s="1" t="s">
        <v>78770</v>
      </c>
      <c r="I22041" s="1" t="s">
        <v>75467</v>
      </c>
      <c r="J22041" s="1" t="s">
        <v>78862</v>
      </c>
    </row>
    <row r="22042" spans="1:10" x14ac:dyDescent="0.35">
      <c r="A22042" s="1" t="s">
        <v>44264</v>
      </c>
      <c r="B22042" s="1" t="s">
        <v>75461</v>
      </c>
      <c r="C22042" s="1" t="s">
        <v>155</v>
      </c>
      <c r="D22042" s="1" t="s">
        <v>59918</v>
      </c>
      <c r="E22042" s="1" t="s">
        <v>78863</v>
      </c>
      <c r="F22042" s="1" t="s">
        <v>78864</v>
      </c>
      <c r="G22042" s="1" t="s">
        <v>78769</v>
      </c>
      <c r="H22042" s="1" t="s">
        <v>78770</v>
      </c>
      <c r="I22042" s="1" t="s">
        <v>75467</v>
      </c>
      <c r="J22042" s="1" t="s">
        <v>78865</v>
      </c>
    </row>
    <row r="22043" spans="1:10" x14ac:dyDescent="0.35">
      <c r="A22043" s="1" t="s">
        <v>44264</v>
      </c>
      <c r="B22043" s="1" t="s">
        <v>75461</v>
      </c>
      <c r="C22043" s="1" t="s">
        <v>160</v>
      </c>
      <c r="D22043" s="1" t="s">
        <v>63995</v>
      </c>
      <c r="E22043" s="1" t="s">
        <v>78866</v>
      </c>
      <c r="F22043" s="1" t="s">
        <v>78867</v>
      </c>
      <c r="G22043" s="1" t="s">
        <v>78769</v>
      </c>
      <c r="H22043" s="1" t="s">
        <v>78770</v>
      </c>
      <c r="I22043" s="1" t="s">
        <v>75467</v>
      </c>
      <c r="J22043" s="1" t="s">
        <v>78868</v>
      </c>
    </row>
    <row r="22044" spans="1:10" x14ac:dyDescent="0.35">
      <c r="A22044" s="1" t="s">
        <v>44264</v>
      </c>
      <c r="B22044" s="1" t="s">
        <v>75461</v>
      </c>
      <c r="C22044" s="1" t="s">
        <v>165</v>
      </c>
      <c r="D22044" s="1" t="s">
        <v>78869</v>
      </c>
      <c r="E22044" s="1" t="s">
        <v>78870</v>
      </c>
      <c r="F22044" s="1" t="s">
        <v>78871</v>
      </c>
      <c r="G22044" s="1" t="s">
        <v>78769</v>
      </c>
      <c r="H22044" s="1" t="s">
        <v>78770</v>
      </c>
      <c r="I22044" s="1" t="s">
        <v>75467</v>
      </c>
      <c r="J22044" s="1" t="s">
        <v>78872</v>
      </c>
    </row>
    <row r="22045" spans="1:10" x14ac:dyDescent="0.35">
      <c r="A22045" s="1" t="s">
        <v>44264</v>
      </c>
      <c r="B22045" s="1" t="s">
        <v>75461</v>
      </c>
      <c r="C22045" s="1" t="s">
        <v>170</v>
      </c>
      <c r="D22045" s="1" t="s">
        <v>78873</v>
      </c>
      <c r="E22045" s="1" t="s">
        <v>78874</v>
      </c>
      <c r="F22045" s="1" t="s">
        <v>78875</v>
      </c>
      <c r="G22045" s="1" t="s">
        <v>78769</v>
      </c>
      <c r="H22045" s="1" t="s">
        <v>78770</v>
      </c>
      <c r="I22045" s="1" t="s">
        <v>75467</v>
      </c>
      <c r="J22045" s="1" t="s">
        <v>78876</v>
      </c>
    </row>
    <row r="22046" spans="1:10" x14ac:dyDescent="0.35">
      <c r="A22046" s="1" t="s">
        <v>7252</v>
      </c>
      <c r="B22046" s="1" t="s">
        <v>75461</v>
      </c>
      <c r="C22046" s="1" t="s">
        <v>8</v>
      </c>
      <c r="D22046" s="1" t="s">
        <v>78877</v>
      </c>
      <c r="E22046" s="1" t="s">
        <v>78878</v>
      </c>
      <c r="F22046" s="1" t="s">
        <v>78879</v>
      </c>
      <c r="G22046" s="1" t="s">
        <v>78880</v>
      </c>
      <c r="H22046" s="1" t="s">
        <v>18168</v>
      </c>
      <c r="I22046" s="1" t="s">
        <v>75467</v>
      </c>
      <c r="J22046" s="1" t="s">
        <v>13</v>
      </c>
    </row>
    <row r="22047" spans="1:10" x14ac:dyDescent="0.35">
      <c r="A22047" s="1" t="s">
        <v>7252</v>
      </c>
      <c r="B22047" s="1" t="s">
        <v>75461</v>
      </c>
      <c r="C22047" s="1" t="s">
        <v>15</v>
      </c>
      <c r="D22047" s="1" t="s">
        <v>55665</v>
      </c>
      <c r="E22047" s="1" t="s">
        <v>78881</v>
      </c>
      <c r="F22047" s="1" t="s">
        <v>78882</v>
      </c>
      <c r="G22047" s="1" t="s">
        <v>78880</v>
      </c>
      <c r="H22047" s="1" t="s">
        <v>18168</v>
      </c>
      <c r="I22047" s="1" t="s">
        <v>75467</v>
      </c>
      <c r="J22047" s="1" t="s">
        <v>78883</v>
      </c>
    </row>
    <row r="22048" spans="1:10" x14ac:dyDescent="0.35">
      <c r="A22048" s="1" t="s">
        <v>7252</v>
      </c>
      <c r="B22048" s="1" t="s">
        <v>75461</v>
      </c>
      <c r="C22048" s="1" t="s">
        <v>20</v>
      </c>
      <c r="D22048" s="1" t="s">
        <v>78884</v>
      </c>
      <c r="E22048" s="1" t="s">
        <v>78885</v>
      </c>
      <c r="F22048" s="1" t="s">
        <v>78886</v>
      </c>
      <c r="G22048" s="1" t="s">
        <v>78880</v>
      </c>
      <c r="H22048" s="1" t="s">
        <v>18168</v>
      </c>
      <c r="I22048" s="1" t="s">
        <v>75467</v>
      </c>
      <c r="J22048" s="1" t="s">
        <v>78887</v>
      </c>
    </row>
    <row r="22049" spans="1:10" x14ac:dyDescent="0.35">
      <c r="A22049" s="1" t="s">
        <v>7252</v>
      </c>
      <c r="B22049" s="1" t="s">
        <v>75461</v>
      </c>
      <c r="C22049" s="1" t="s">
        <v>25</v>
      </c>
      <c r="D22049" s="1" t="s">
        <v>17112</v>
      </c>
      <c r="E22049" s="1" t="s">
        <v>78888</v>
      </c>
      <c r="F22049" s="1" t="s">
        <v>78889</v>
      </c>
      <c r="G22049" s="1" t="s">
        <v>78880</v>
      </c>
      <c r="H22049" s="1" t="s">
        <v>18168</v>
      </c>
      <c r="I22049" s="1" t="s">
        <v>75467</v>
      </c>
      <c r="J22049" s="1" t="s">
        <v>76945</v>
      </c>
    </row>
    <row r="22050" spans="1:10" x14ac:dyDescent="0.35">
      <c r="A22050" s="1" t="s">
        <v>7252</v>
      </c>
      <c r="B22050" s="1" t="s">
        <v>75461</v>
      </c>
      <c r="C22050" s="1" t="s">
        <v>30</v>
      </c>
      <c r="D22050" s="1" t="s">
        <v>78890</v>
      </c>
      <c r="E22050" s="1" t="s">
        <v>78891</v>
      </c>
      <c r="F22050" s="1" t="s">
        <v>78892</v>
      </c>
      <c r="G22050" s="1" t="s">
        <v>78880</v>
      </c>
      <c r="H22050" s="1" t="s">
        <v>18168</v>
      </c>
      <c r="I22050" s="1" t="s">
        <v>75467</v>
      </c>
      <c r="J22050" s="1" t="s">
        <v>78893</v>
      </c>
    </row>
    <row r="22051" spans="1:10" x14ac:dyDescent="0.35">
      <c r="A22051" s="1" t="s">
        <v>7252</v>
      </c>
      <c r="B22051" s="1" t="s">
        <v>75461</v>
      </c>
      <c r="C22051" s="1" t="s">
        <v>35</v>
      </c>
      <c r="D22051" s="1" t="s">
        <v>62632</v>
      </c>
      <c r="E22051" s="1" t="s">
        <v>78894</v>
      </c>
      <c r="F22051" s="1" t="s">
        <v>78895</v>
      </c>
      <c r="G22051" s="1" t="s">
        <v>78880</v>
      </c>
      <c r="H22051" s="1" t="s">
        <v>18168</v>
      </c>
      <c r="I22051" s="1" t="s">
        <v>75467</v>
      </c>
      <c r="J22051" s="1" t="s">
        <v>78896</v>
      </c>
    </row>
    <row r="22052" spans="1:10" x14ac:dyDescent="0.35">
      <c r="A22052" s="1" t="s">
        <v>7252</v>
      </c>
      <c r="B22052" s="1" t="s">
        <v>75461</v>
      </c>
      <c r="C22052" s="1" t="s">
        <v>40</v>
      </c>
      <c r="D22052" s="1" t="s">
        <v>60811</v>
      </c>
      <c r="E22052" s="1" t="s">
        <v>78897</v>
      </c>
      <c r="F22052" s="1" t="s">
        <v>78898</v>
      </c>
      <c r="G22052" s="1" t="s">
        <v>78880</v>
      </c>
      <c r="H22052" s="1" t="s">
        <v>18168</v>
      </c>
      <c r="I22052" s="1" t="s">
        <v>75467</v>
      </c>
      <c r="J22052" s="1" t="s">
        <v>78899</v>
      </c>
    </row>
    <row r="22053" spans="1:10" x14ac:dyDescent="0.35">
      <c r="A22053" s="1" t="s">
        <v>7252</v>
      </c>
      <c r="B22053" s="1" t="s">
        <v>75461</v>
      </c>
      <c r="C22053" s="1" t="s">
        <v>45</v>
      </c>
      <c r="D22053" s="1" t="s">
        <v>23520</v>
      </c>
      <c r="E22053" s="1" t="s">
        <v>78900</v>
      </c>
      <c r="F22053" s="1" t="s">
        <v>78901</v>
      </c>
      <c r="G22053" s="1" t="s">
        <v>78880</v>
      </c>
      <c r="H22053" s="1" t="s">
        <v>18168</v>
      </c>
      <c r="I22053" s="1" t="s">
        <v>75467</v>
      </c>
      <c r="J22053" s="1" t="s">
        <v>78902</v>
      </c>
    </row>
    <row r="22054" spans="1:10" x14ac:dyDescent="0.35">
      <c r="A22054" s="1" t="s">
        <v>7252</v>
      </c>
      <c r="B22054" s="1" t="s">
        <v>75461</v>
      </c>
      <c r="C22054" s="1" t="s">
        <v>50</v>
      </c>
      <c r="D22054" s="1" t="s">
        <v>58520</v>
      </c>
      <c r="E22054" s="1" t="s">
        <v>78903</v>
      </c>
      <c r="F22054" s="1" t="s">
        <v>78904</v>
      </c>
      <c r="G22054" s="1" t="s">
        <v>78880</v>
      </c>
      <c r="H22054" s="1" t="s">
        <v>18168</v>
      </c>
      <c r="I22054" s="1" t="s">
        <v>75467</v>
      </c>
      <c r="J22054" s="1" t="s">
        <v>78905</v>
      </c>
    </row>
    <row r="22055" spans="1:10" x14ac:dyDescent="0.35">
      <c r="A22055" s="1" t="s">
        <v>7252</v>
      </c>
      <c r="B22055" s="1" t="s">
        <v>75461</v>
      </c>
      <c r="C22055" s="1" t="s">
        <v>55</v>
      </c>
      <c r="D22055" s="1" t="s">
        <v>78906</v>
      </c>
      <c r="E22055" s="1" t="s">
        <v>78907</v>
      </c>
      <c r="F22055" s="1" t="s">
        <v>78908</v>
      </c>
      <c r="G22055" s="1" t="s">
        <v>78880</v>
      </c>
      <c r="H22055" s="1" t="s">
        <v>18168</v>
      </c>
      <c r="I22055" s="1" t="s">
        <v>75467</v>
      </c>
      <c r="J22055" s="1" t="s">
        <v>78909</v>
      </c>
    </row>
    <row r="22056" spans="1:10" x14ac:dyDescent="0.35">
      <c r="A22056" s="1" t="s">
        <v>7252</v>
      </c>
      <c r="B22056" s="1" t="s">
        <v>75461</v>
      </c>
      <c r="C22056" s="1" t="s">
        <v>60</v>
      </c>
      <c r="D22056" s="1" t="s">
        <v>78910</v>
      </c>
      <c r="E22056" s="1" t="s">
        <v>78911</v>
      </c>
      <c r="F22056" s="1" t="s">
        <v>78912</v>
      </c>
      <c r="G22056" s="1" t="s">
        <v>78880</v>
      </c>
      <c r="H22056" s="1" t="s">
        <v>18168</v>
      </c>
      <c r="I22056" s="1" t="s">
        <v>75467</v>
      </c>
      <c r="J22056" s="1" t="s">
        <v>78913</v>
      </c>
    </row>
    <row r="22057" spans="1:10" x14ac:dyDescent="0.35">
      <c r="A22057" s="1" t="s">
        <v>7252</v>
      </c>
      <c r="B22057" s="1" t="s">
        <v>75461</v>
      </c>
      <c r="C22057" s="1" t="s">
        <v>65</v>
      </c>
      <c r="D22057" s="1" t="s">
        <v>78914</v>
      </c>
      <c r="E22057" s="1" t="s">
        <v>78915</v>
      </c>
      <c r="F22057" s="1" t="s">
        <v>78916</v>
      </c>
      <c r="G22057" s="1" t="s">
        <v>78880</v>
      </c>
      <c r="H22057" s="1" t="s">
        <v>18168</v>
      </c>
      <c r="I22057" s="1" t="s">
        <v>75467</v>
      </c>
      <c r="J22057" s="1" t="s">
        <v>78917</v>
      </c>
    </row>
    <row r="22058" spans="1:10" x14ac:dyDescent="0.35">
      <c r="A22058" s="1" t="s">
        <v>7252</v>
      </c>
      <c r="B22058" s="1" t="s">
        <v>75461</v>
      </c>
      <c r="C22058" s="1" t="s">
        <v>70</v>
      </c>
      <c r="D22058" s="1" t="s">
        <v>78918</v>
      </c>
      <c r="E22058" s="1" t="s">
        <v>78919</v>
      </c>
      <c r="F22058" s="1" t="s">
        <v>78920</v>
      </c>
      <c r="G22058" s="1" t="s">
        <v>78880</v>
      </c>
      <c r="H22058" s="1" t="s">
        <v>18168</v>
      </c>
      <c r="I22058" s="1" t="s">
        <v>75467</v>
      </c>
      <c r="J22058" s="1" t="s">
        <v>78921</v>
      </c>
    </row>
    <row r="22059" spans="1:10" x14ac:dyDescent="0.35">
      <c r="A22059" s="1" t="s">
        <v>7252</v>
      </c>
      <c r="B22059" s="1" t="s">
        <v>75461</v>
      </c>
      <c r="C22059" s="1" t="s">
        <v>75</v>
      </c>
      <c r="D22059" s="1" t="s">
        <v>78922</v>
      </c>
      <c r="E22059" s="1" t="s">
        <v>78923</v>
      </c>
      <c r="F22059" s="1" t="s">
        <v>78924</v>
      </c>
      <c r="G22059" s="1" t="s">
        <v>78880</v>
      </c>
      <c r="H22059" s="1" t="s">
        <v>18168</v>
      </c>
      <c r="I22059" s="1" t="s">
        <v>75467</v>
      </c>
      <c r="J22059" s="1" t="s">
        <v>78925</v>
      </c>
    </row>
    <row r="22060" spans="1:10" x14ac:dyDescent="0.35">
      <c r="A22060" s="1" t="s">
        <v>7252</v>
      </c>
      <c r="B22060" s="1" t="s">
        <v>75461</v>
      </c>
      <c r="C22060" s="1" t="s">
        <v>80</v>
      </c>
      <c r="D22060" s="1" t="s">
        <v>78926</v>
      </c>
      <c r="E22060" s="1" t="s">
        <v>78927</v>
      </c>
      <c r="F22060" s="1" t="s">
        <v>78928</v>
      </c>
      <c r="G22060" s="1" t="s">
        <v>78880</v>
      </c>
      <c r="H22060" s="1" t="s">
        <v>18168</v>
      </c>
      <c r="I22060" s="1" t="s">
        <v>75467</v>
      </c>
      <c r="J22060" s="1" t="s">
        <v>78929</v>
      </c>
    </row>
    <row r="22061" spans="1:10" x14ac:dyDescent="0.35">
      <c r="A22061" s="1" t="s">
        <v>7252</v>
      </c>
      <c r="B22061" s="1" t="s">
        <v>75461</v>
      </c>
      <c r="C22061" s="1" t="s">
        <v>85</v>
      </c>
      <c r="D22061" s="1" t="s">
        <v>69983</v>
      </c>
      <c r="E22061" s="1" t="s">
        <v>78930</v>
      </c>
      <c r="F22061" s="1" t="s">
        <v>78931</v>
      </c>
      <c r="G22061" s="1" t="s">
        <v>78880</v>
      </c>
      <c r="H22061" s="1" t="s">
        <v>18168</v>
      </c>
      <c r="I22061" s="1" t="s">
        <v>75467</v>
      </c>
      <c r="J22061" s="1" t="s">
        <v>78932</v>
      </c>
    </row>
    <row r="22062" spans="1:10" x14ac:dyDescent="0.35">
      <c r="A22062" s="1" t="s">
        <v>7252</v>
      </c>
      <c r="B22062" s="1" t="s">
        <v>75461</v>
      </c>
      <c r="C22062" s="1" t="s">
        <v>90</v>
      </c>
      <c r="D22062" s="1" t="s">
        <v>78933</v>
      </c>
      <c r="E22062" s="1" t="s">
        <v>78934</v>
      </c>
      <c r="F22062" s="1" t="s">
        <v>78935</v>
      </c>
      <c r="G22062" s="1" t="s">
        <v>78880</v>
      </c>
      <c r="H22062" s="1" t="s">
        <v>18168</v>
      </c>
      <c r="I22062" s="1" t="s">
        <v>75467</v>
      </c>
      <c r="J22062" s="1" t="s">
        <v>78936</v>
      </c>
    </row>
    <row r="22063" spans="1:10" x14ac:dyDescent="0.35">
      <c r="A22063" s="1" t="s">
        <v>7252</v>
      </c>
      <c r="B22063" s="1" t="s">
        <v>75461</v>
      </c>
      <c r="C22063" s="1" t="s">
        <v>95</v>
      </c>
      <c r="D22063" s="1" t="s">
        <v>78937</v>
      </c>
      <c r="E22063" s="1" t="s">
        <v>78938</v>
      </c>
      <c r="F22063" s="1" t="s">
        <v>78939</v>
      </c>
      <c r="G22063" s="1" t="s">
        <v>78880</v>
      </c>
      <c r="H22063" s="1" t="s">
        <v>18168</v>
      </c>
      <c r="I22063" s="1" t="s">
        <v>75467</v>
      </c>
      <c r="J22063" s="1" t="s">
        <v>78940</v>
      </c>
    </row>
    <row r="22064" spans="1:10" x14ac:dyDescent="0.35">
      <c r="A22064" s="1" t="s">
        <v>7252</v>
      </c>
      <c r="B22064" s="1" t="s">
        <v>75461</v>
      </c>
      <c r="C22064" s="1" t="s">
        <v>100</v>
      </c>
      <c r="D22064" s="1" t="s">
        <v>78941</v>
      </c>
      <c r="E22064" s="1" t="s">
        <v>78942</v>
      </c>
      <c r="F22064" s="1" t="s">
        <v>78943</v>
      </c>
      <c r="G22064" s="1" t="s">
        <v>78880</v>
      </c>
      <c r="H22064" s="1" t="s">
        <v>18168</v>
      </c>
      <c r="I22064" s="1" t="s">
        <v>75467</v>
      </c>
      <c r="J22064" s="1" t="s">
        <v>78944</v>
      </c>
    </row>
    <row r="22065" spans="1:10" x14ac:dyDescent="0.35">
      <c r="A22065" s="1" t="s">
        <v>7252</v>
      </c>
      <c r="B22065" s="1" t="s">
        <v>75461</v>
      </c>
      <c r="C22065" s="1" t="s">
        <v>105</v>
      </c>
      <c r="D22065" s="1" t="s">
        <v>78945</v>
      </c>
      <c r="E22065" s="1" t="s">
        <v>78946</v>
      </c>
      <c r="F22065" s="1" t="s">
        <v>78947</v>
      </c>
      <c r="G22065" s="1" t="s">
        <v>78880</v>
      </c>
      <c r="H22065" s="1" t="s">
        <v>18168</v>
      </c>
      <c r="I22065" s="1" t="s">
        <v>75467</v>
      </c>
      <c r="J22065" s="1" t="s">
        <v>78948</v>
      </c>
    </row>
    <row r="22066" spans="1:10" x14ac:dyDescent="0.35">
      <c r="A22066" s="1" t="s">
        <v>7252</v>
      </c>
      <c r="B22066" s="1" t="s">
        <v>75461</v>
      </c>
      <c r="C22066" s="1" t="s">
        <v>110</v>
      </c>
      <c r="D22066" s="1" t="s">
        <v>78949</v>
      </c>
      <c r="E22066" s="1" t="s">
        <v>78950</v>
      </c>
      <c r="F22066" s="1" t="s">
        <v>78951</v>
      </c>
      <c r="G22066" s="1" t="s">
        <v>78880</v>
      </c>
      <c r="H22066" s="1" t="s">
        <v>18168</v>
      </c>
      <c r="I22066" s="1" t="s">
        <v>75467</v>
      </c>
      <c r="J22066" s="1" t="s">
        <v>78952</v>
      </c>
    </row>
    <row r="22067" spans="1:10" x14ac:dyDescent="0.35">
      <c r="A22067" s="1" t="s">
        <v>7252</v>
      </c>
      <c r="B22067" s="1" t="s">
        <v>75461</v>
      </c>
      <c r="C22067" s="1" t="s">
        <v>115</v>
      </c>
      <c r="D22067" s="1" t="s">
        <v>39826</v>
      </c>
      <c r="E22067" s="1" t="s">
        <v>78953</v>
      </c>
      <c r="F22067" s="1" t="s">
        <v>78954</v>
      </c>
      <c r="G22067" s="1" t="s">
        <v>78880</v>
      </c>
      <c r="H22067" s="1" t="s">
        <v>18168</v>
      </c>
      <c r="I22067" s="1" t="s">
        <v>75467</v>
      </c>
      <c r="J22067" s="1" t="s">
        <v>78955</v>
      </c>
    </row>
    <row r="22068" spans="1:10" x14ac:dyDescent="0.35">
      <c r="A22068" s="1" t="s">
        <v>7252</v>
      </c>
      <c r="B22068" s="1" t="s">
        <v>75461</v>
      </c>
      <c r="C22068" s="1" t="s">
        <v>120</v>
      </c>
      <c r="D22068" s="1" t="s">
        <v>78956</v>
      </c>
      <c r="E22068" s="1" t="s">
        <v>78957</v>
      </c>
      <c r="F22068" s="1" t="s">
        <v>78958</v>
      </c>
      <c r="G22068" s="1" t="s">
        <v>78880</v>
      </c>
      <c r="H22068" s="1" t="s">
        <v>18168</v>
      </c>
      <c r="I22068" s="1" t="s">
        <v>75467</v>
      </c>
      <c r="J22068" s="1" t="s">
        <v>78959</v>
      </c>
    </row>
    <row r="22069" spans="1:10" x14ac:dyDescent="0.35">
      <c r="A22069" s="1" t="s">
        <v>7252</v>
      </c>
      <c r="B22069" s="1" t="s">
        <v>75461</v>
      </c>
      <c r="C22069" s="1" t="s">
        <v>125</v>
      </c>
      <c r="D22069" s="1" t="s">
        <v>78960</v>
      </c>
      <c r="E22069" s="1" t="s">
        <v>78961</v>
      </c>
      <c r="F22069" s="1" t="s">
        <v>78962</v>
      </c>
      <c r="G22069" s="1" t="s">
        <v>78880</v>
      </c>
      <c r="H22069" s="1" t="s">
        <v>18168</v>
      </c>
      <c r="I22069" s="1" t="s">
        <v>75467</v>
      </c>
      <c r="J22069" s="1" t="s">
        <v>78963</v>
      </c>
    </row>
    <row r="22070" spans="1:10" x14ac:dyDescent="0.35">
      <c r="A22070" s="1" t="s">
        <v>7252</v>
      </c>
      <c r="B22070" s="1" t="s">
        <v>75461</v>
      </c>
      <c r="C22070" s="1" t="s">
        <v>130</v>
      </c>
      <c r="D22070" s="1" t="s">
        <v>78964</v>
      </c>
      <c r="E22070" s="1" t="s">
        <v>78965</v>
      </c>
      <c r="F22070" s="1" t="s">
        <v>78966</v>
      </c>
      <c r="G22070" s="1" t="s">
        <v>78880</v>
      </c>
      <c r="H22070" s="1" t="s">
        <v>18168</v>
      </c>
      <c r="I22070" s="1" t="s">
        <v>75467</v>
      </c>
      <c r="J22070" s="1" t="s">
        <v>78967</v>
      </c>
    </row>
    <row r="22071" spans="1:10" x14ac:dyDescent="0.35">
      <c r="A22071" s="1" t="s">
        <v>7252</v>
      </c>
      <c r="B22071" s="1" t="s">
        <v>75461</v>
      </c>
      <c r="C22071" s="1" t="s">
        <v>135</v>
      </c>
      <c r="D22071" s="1" t="s">
        <v>78968</v>
      </c>
      <c r="E22071" s="1" t="s">
        <v>78969</v>
      </c>
      <c r="F22071" s="1" t="s">
        <v>78970</v>
      </c>
      <c r="G22071" s="1" t="s">
        <v>78880</v>
      </c>
      <c r="H22071" s="1" t="s">
        <v>18168</v>
      </c>
      <c r="I22071" s="1" t="s">
        <v>75467</v>
      </c>
      <c r="J22071" s="1" t="s">
        <v>78971</v>
      </c>
    </row>
    <row r="22072" spans="1:10" x14ac:dyDescent="0.35">
      <c r="A22072" s="1" t="s">
        <v>7252</v>
      </c>
      <c r="B22072" s="1" t="s">
        <v>75461</v>
      </c>
      <c r="C22072" s="1" t="s">
        <v>140</v>
      </c>
      <c r="D22072" s="1" t="s">
        <v>78972</v>
      </c>
      <c r="E22072" s="1" t="s">
        <v>78973</v>
      </c>
      <c r="F22072" s="1" t="s">
        <v>78974</v>
      </c>
      <c r="G22072" s="1" t="s">
        <v>78880</v>
      </c>
      <c r="H22072" s="1" t="s">
        <v>18168</v>
      </c>
      <c r="I22072" s="1" t="s">
        <v>75467</v>
      </c>
      <c r="J22072" s="1" t="s">
        <v>78975</v>
      </c>
    </row>
    <row r="22073" spans="1:10" x14ac:dyDescent="0.35">
      <c r="A22073" s="1" t="s">
        <v>7252</v>
      </c>
      <c r="B22073" s="1" t="s">
        <v>75461</v>
      </c>
      <c r="C22073" s="1" t="s">
        <v>145</v>
      </c>
      <c r="D22073" s="1" t="s">
        <v>78976</v>
      </c>
      <c r="E22073" s="1" t="s">
        <v>78977</v>
      </c>
      <c r="F22073" s="1" t="s">
        <v>78978</v>
      </c>
      <c r="G22073" s="1" t="s">
        <v>78880</v>
      </c>
      <c r="H22073" s="1" t="s">
        <v>18168</v>
      </c>
      <c r="I22073" s="1" t="s">
        <v>75467</v>
      </c>
      <c r="J22073" s="1" t="s">
        <v>78979</v>
      </c>
    </row>
    <row r="22074" spans="1:10" x14ac:dyDescent="0.35">
      <c r="A22074" s="1" t="s">
        <v>7252</v>
      </c>
      <c r="B22074" s="1" t="s">
        <v>75461</v>
      </c>
      <c r="C22074" s="1" t="s">
        <v>150</v>
      </c>
      <c r="D22074" s="1" t="s">
        <v>78980</v>
      </c>
      <c r="E22074" s="1" t="s">
        <v>78981</v>
      </c>
      <c r="F22074" s="1" t="s">
        <v>78982</v>
      </c>
      <c r="G22074" s="1" t="s">
        <v>78880</v>
      </c>
      <c r="H22074" s="1" t="s">
        <v>18168</v>
      </c>
      <c r="I22074" s="1" t="s">
        <v>75467</v>
      </c>
      <c r="J22074" s="1" t="s">
        <v>78983</v>
      </c>
    </row>
    <row r="22075" spans="1:10" x14ac:dyDescent="0.35">
      <c r="A22075" s="1" t="s">
        <v>7252</v>
      </c>
      <c r="B22075" s="1" t="s">
        <v>75461</v>
      </c>
      <c r="C22075" s="1" t="s">
        <v>155</v>
      </c>
      <c r="D22075" s="1" t="s">
        <v>78984</v>
      </c>
      <c r="E22075" s="1" t="s">
        <v>78985</v>
      </c>
      <c r="F22075" s="1" t="s">
        <v>78986</v>
      </c>
      <c r="G22075" s="1" t="s">
        <v>78880</v>
      </c>
      <c r="H22075" s="1" t="s">
        <v>18168</v>
      </c>
      <c r="I22075" s="1" t="s">
        <v>75467</v>
      </c>
      <c r="J22075" s="1" t="s">
        <v>78987</v>
      </c>
    </row>
    <row r="22076" spans="1:10" x14ac:dyDescent="0.35">
      <c r="A22076" s="1" t="s">
        <v>7252</v>
      </c>
      <c r="B22076" s="1" t="s">
        <v>75461</v>
      </c>
      <c r="C22076" s="1" t="s">
        <v>160</v>
      </c>
      <c r="D22076" s="1" t="s">
        <v>76475</v>
      </c>
      <c r="E22076" s="1" t="s">
        <v>78988</v>
      </c>
      <c r="F22076" s="1" t="s">
        <v>78989</v>
      </c>
      <c r="G22076" s="1" t="s">
        <v>78880</v>
      </c>
      <c r="H22076" s="1" t="s">
        <v>18168</v>
      </c>
      <c r="I22076" s="1" t="s">
        <v>75467</v>
      </c>
      <c r="J22076" s="1" t="s">
        <v>78990</v>
      </c>
    </row>
    <row r="22077" spans="1:10" x14ac:dyDescent="0.35">
      <c r="A22077" s="1" t="s">
        <v>7252</v>
      </c>
      <c r="B22077" s="1" t="s">
        <v>75461</v>
      </c>
      <c r="C22077" s="1" t="s">
        <v>165</v>
      </c>
      <c r="D22077" s="1" t="s">
        <v>78991</v>
      </c>
      <c r="E22077" s="1" t="s">
        <v>78992</v>
      </c>
      <c r="F22077" s="1" t="s">
        <v>78993</v>
      </c>
      <c r="G22077" s="1" t="s">
        <v>78880</v>
      </c>
      <c r="H22077" s="1" t="s">
        <v>18168</v>
      </c>
      <c r="I22077" s="1" t="s">
        <v>75467</v>
      </c>
      <c r="J22077" s="1" t="s">
        <v>78994</v>
      </c>
    </row>
    <row r="22078" spans="1:10" x14ac:dyDescent="0.35">
      <c r="A22078" s="1" t="s">
        <v>7252</v>
      </c>
      <c r="B22078" s="1" t="s">
        <v>75461</v>
      </c>
      <c r="C22078" s="1" t="s">
        <v>170</v>
      </c>
      <c r="D22078" s="1" t="s">
        <v>78995</v>
      </c>
      <c r="E22078" s="1" t="s">
        <v>78996</v>
      </c>
      <c r="F22078" s="1" t="s">
        <v>78997</v>
      </c>
      <c r="G22078" s="1" t="s">
        <v>78880</v>
      </c>
      <c r="H22078" s="1" t="s">
        <v>18168</v>
      </c>
      <c r="I22078" s="1" t="s">
        <v>75467</v>
      </c>
      <c r="J22078" s="1" t="s">
        <v>78998</v>
      </c>
    </row>
    <row r="22079" spans="1:10" x14ac:dyDescent="0.35">
      <c r="A22079" s="1" t="s">
        <v>78999</v>
      </c>
      <c r="B22079" s="1" t="s">
        <v>75461</v>
      </c>
      <c r="C22079" s="1" t="s">
        <v>8</v>
      </c>
      <c r="D22079" s="1" t="s">
        <v>79000</v>
      </c>
      <c r="E22079" s="1" t="s">
        <v>79001</v>
      </c>
      <c r="F22079" s="1" t="s">
        <v>79002</v>
      </c>
      <c r="G22079" s="1" t="s">
        <v>79003</v>
      </c>
      <c r="H22079" s="1" t="s">
        <v>79004</v>
      </c>
      <c r="I22079" s="1" t="s">
        <v>75467</v>
      </c>
      <c r="J22079" s="1" t="s">
        <v>13</v>
      </c>
    </row>
    <row r="22080" spans="1:10" x14ac:dyDescent="0.35">
      <c r="A22080" s="1" t="s">
        <v>78999</v>
      </c>
      <c r="B22080" s="1" t="s">
        <v>75461</v>
      </c>
      <c r="C22080" s="1" t="s">
        <v>15</v>
      </c>
      <c r="D22080" s="1" t="s">
        <v>79005</v>
      </c>
      <c r="E22080" s="1" t="s">
        <v>79006</v>
      </c>
      <c r="F22080" s="1" t="s">
        <v>79007</v>
      </c>
      <c r="G22080" s="1" t="s">
        <v>79003</v>
      </c>
      <c r="H22080" s="1" t="s">
        <v>79004</v>
      </c>
      <c r="I22080" s="1" t="s">
        <v>75467</v>
      </c>
      <c r="J22080" s="1" t="s">
        <v>79008</v>
      </c>
    </row>
    <row r="22081" spans="1:10" x14ac:dyDescent="0.35">
      <c r="A22081" s="1" t="s">
        <v>78999</v>
      </c>
      <c r="B22081" s="1" t="s">
        <v>75461</v>
      </c>
      <c r="C22081" s="1" t="s">
        <v>20</v>
      </c>
      <c r="D22081" s="1" t="s">
        <v>79009</v>
      </c>
      <c r="E22081" s="1" t="s">
        <v>79010</v>
      </c>
      <c r="F22081" s="1" t="s">
        <v>79011</v>
      </c>
      <c r="G22081" s="1" t="s">
        <v>79003</v>
      </c>
      <c r="H22081" s="1" t="s">
        <v>79004</v>
      </c>
      <c r="I22081" s="1" t="s">
        <v>75467</v>
      </c>
      <c r="J22081" s="1" t="s">
        <v>79012</v>
      </c>
    </row>
    <row r="22082" spans="1:10" x14ac:dyDescent="0.35">
      <c r="A22082" s="1" t="s">
        <v>78999</v>
      </c>
      <c r="B22082" s="1" t="s">
        <v>75461</v>
      </c>
      <c r="C22082" s="1" t="s">
        <v>25</v>
      </c>
      <c r="D22082" s="1" t="s">
        <v>79013</v>
      </c>
      <c r="E22082" s="1" t="s">
        <v>79014</v>
      </c>
      <c r="F22082" s="1" t="s">
        <v>79015</v>
      </c>
      <c r="G22082" s="1" t="s">
        <v>79003</v>
      </c>
      <c r="H22082" s="1" t="s">
        <v>79004</v>
      </c>
      <c r="I22082" s="1" t="s">
        <v>75467</v>
      </c>
      <c r="J22082" s="1" t="s">
        <v>79016</v>
      </c>
    </row>
    <row r="22083" spans="1:10" x14ac:dyDescent="0.35">
      <c r="A22083" s="1" t="s">
        <v>78999</v>
      </c>
      <c r="B22083" s="1" t="s">
        <v>75461</v>
      </c>
      <c r="C22083" s="1" t="s">
        <v>30</v>
      </c>
      <c r="D22083" s="1" t="s">
        <v>59699</v>
      </c>
      <c r="E22083" s="1" t="s">
        <v>79017</v>
      </c>
      <c r="F22083" s="1" t="s">
        <v>79018</v>
      </c>
      <c r="G22083" s="1" t="s">
        <v>79003</v>
      </c>
      <c r="H22083" s="1" t="s">
        <v>79004</v>
      </c>
      <c r="I22083" s="1" t="s">
        <v>75467</v>
      </c>
      <c r="J22083" s="1" t="s">
        <v>79019</v>
      </c>
    </row>
    <row r="22084" spans="1:10" x14ac:dyDescent="0.35">
      <c r="A22084" s="1" t="s">
        <v>78999</v>
      </c>
      <c r="B22084" s="1" t="s">
        <v>75461</v>
      </c>
      <c r="C22084" s="1" t="s">
        <v>35</v>
      </c>
      <c r="D22084" s="1" t="s">
        <v>63986</v>
      </c>
      <c r="E22084" s="1" t="s">
        <v>79020</v>
      </c>
      <c r="F22084" s="1" t="s">
        <v>79021</v>
      </c>
      <c r="G22084" s="1" t="s">
        <v>79003</v>
      </c>
      <c r="H22084" s="1" t="s">
        <v>79004</v>
      </c>
      <c r="I22084" s="1" t="s">
        <v>75467</v>
      </c>
      <c r="J22084" s="1" t="s">
        <v>79022</v>
      </c>
    </row>
    <row r="22085" spans="1:10" x14ac:dyDescent="0.35">
      <c r="A22085" s="1" t="s">
        <v>78999</v>
      </c>
      <c r="B22085" s="1" t="s">
        <v>75461</v>
      </c>
      <c r="C22085" s="1" t="s">
        <v>40</v>
      </c>
      <c r="D22085" s="1" t="s">
        <v>79023</v>
      </c>
      <c r="E22085" s="1" t="s">
        <v>79024</v>
      </c>
      <c r="F22085" s="1" t="s">
        <v>79025</v>
      </c>
      <c r="G22085" s="1" t="s">
        <v>79003</v>
      </c>
      <c r="H22085" s="1" t="s">
        <v>79004</v>
      </c>
      <c r="I22085" s="1" t="s">
        <v>75467</v>
      </c>
      <c r="J22085" s="1" t="s">
        <v>79026</v>
      </c>
    </row>
    <row r="22086" spans="1:10" x14ac:dyDescent="0.35">
      <c r="A22086" s="1" t="s">
        <v>78999</v>
      </c>
      <c r="B22086" s="1" t="s">
        <v>75461</v>
      </c>
      <c r="C22086" s="1" t="s">
        <v>45</v>
      </c>
      <c r="D22086" s="1" t="s">
        <v>79027</v>
      </c>
      <c r="E22086" s="1" t="s">
        <v>79028</v>
      </c>
      <c r="F22086" s="1" t="s">
        <v>79029</v>
      </c>
      <c r="G22086" s="1" t="s">
        <v>79003</v>
      </c>
      <c r="H22086" s="1" t="s">
        <v>79004</v>
      </c>
      <c r="I22086" s="1" t="s">
        <v>75467</v>
      </c>
      <c r="J22086" s="1" t="s">
        <v>79030</v>
      </c>
    </row>
    <row r="22087" spans="1:10" x14ac:dyDescent="0.35">
      <c r="A22087" s="1" t="s">
        <v>78999</v>
      </c>
      <c r="B22087" s="1" t="s">
        <v>75461</v>
      </c>
      <c r="C22087" s="1" t="s">
        <v>50</v>
      </c>
      <c r="D22087" s="1" t="s">
        <v>79031</v>
      </c>
      <c r="E22087" s="1" t="s">
        <v>79032</v>
      </c>
      <c r="F22087" s="1" t="s">
        <v>79033</v>
      </c>
      <c r="G22087" s="1" t="s">
        <v>79003</v>
      </c>
      <c r="H22087" s="1" t="s">
        <v>79004</v>
      </c>
      <c r="I22087" s="1" t="s">
        <v>75467</v>
      </c>
      <c r="J22087" s="1" t="s">
        <v>79034</v>
      </c>
    </row>
    <row r="22088" spans="1:10" x14ac:dyDescent="0.35">
      <c r="A22088" s="1" t="s">
        <v>78999</v>
      </c>
      <c r="B22088" s="1" t="s">
        <v>75461</v>
      </c>
      <c r="C22088" s="1" t="s">
        <v>55</v>
      </c>
      <c r="D22088" s="1" t="s">
        <v>79035</v>
      </c>
      <c r="E22088" s="1" t="s">
        <v>79036</v>
      </c>
      <c r="F22088" s="1" t="s">
        <v>79037</v>
      </c>
      <c r="G22088" s="1" t="s">
        <v>79003</v>
      </c>
      <c r="H22088" s="1" t="s">
        <v>79004</v>
      </c>
      <c r="I22088" s="1" t="s">
        <v>75467</v>
      </c>
      <c r="J22088" s="1" t="s">
        <v>79038</v>
      </c>
    </row>
    <row r="22089" spans="1:10" x14ac:dyDescent="0.35">
      <c r="A22089" s="1" t="s">
        <v>78999</v>
      </c>
      <c r="B22089" s="1" t="s">
        <v>75461</v>
      </c>
      <c r="C22089" s="1" t="s">
        <v>60</v>
      </c>
      <c r="D22089" s="1" t="s">
        <v>79039</v>
      </c>
      <c r="E22089" s="1" t="s">
        <v>79040</v>
      </c>
      <c r="F22089" s="1" t="s">
        <v>79041</v>
      </c>
      <c r="G22089" s="1" t="s">
        <v>79003</v>
      </c>
      <c r="H22089" s="1" t="s">
        <v>79004</v>
      </c>
      <c r="I22089" s="1" t="s">
        <v>75467</v>
      </c>
      <c r="J22089" s="1" t="s">
        <v>79042</v>
      </c>
    </row>
    <row r="22090" spans="1:10" x14ac:dyDescent="0.35">
      <c r="A22090" s="1" t="s">
        <v>78999</v>
      </c>
      <c r="B22090" s="1" t="s">
        <v>75461</v>
      </c>
      <c r="C22090" s="1" t="s">
        <v>65</v>
      </c>
      <c r="D22090" s="1" t="s">
        <v>21611</v>
      </c>
      <c r="E22090" s="1" t="s">
        <v>79043</v>
      </c>
      <c r="F22090" s="1" t="s">
        <v>79044</v>
      </c>
      <c r="G22090" s="1" t="s">
        <v>79003</v>
      </c>
      <c r="H22090" s="1" t="s">
        <v>79004</v>
      </c>
      <c r="I22090" s="1" t="s">
        <v>75467</v>
      </c>
      <c r="J22090" s="1" t="s">
        <v>79045</v>
      </c>
    </row>
    <row r="22091" spans="1:10" x14ac:dyDescent="0.35">
      <c r="A22091" s="1" t="s">
        <v>78999</v>
      </c>
      <c r="B22091" s="1" t="s">
        <v>75461</v>
      </c>
      <c r="C22091" s="1" t="s">
        <v>70</v>
      </c>
      <c r="D22091" s="1" t="s">
        <v>79046</v>
      </c>
      <c r="E22091" s="1" t="s">
        <v>79047</v>
      </c>
      <c r="F22091" s="1" t="s">
        <v>79048</v>
      </c>
      <c r="G22091" s="1" t="s">
        <v>79003</v>
      </c>
      <c r="H22091" s="1" t="s">
        <v>79004</v>
      </c>
      <c r="I22091" s="1" t="s">
        <v>75467</v>
      </c>
      <c r="J22091" s="1" t="s">
        <v>79049</v>
      </c>
    </row>
    <row r="22092" spans="1:10" x14ac:dyDescent="0.35">
      <c r="A22092" s="1" t="s">
        <v>78999</v>
      </c>
      <c r="B22092" s="1" t="s">
        <v>75461</v>
      </c>
      <c r="C22092" s="1" t="s">
        <v>75</v>
      </c>
      <c r="D22092" s="1" t="s">
        <v>79050</v>
      </c>
      <c r="E22092" s="1" t="s">
        <v>79051</v>
      </c>
      <c r="F22092" s="1" t="s">
        <v>79052</v>
      </c>
      <c r="G22092" s="1" t="s">
        <v>79003</v>
      </c>
      <c r="H22092" s="1" t="s">
        <v>79004</v>
      </c>
      <c r="I22092" s="1" t="s">
        <v>75467</v>
      </c>
      <c r="J22092" s="1" t="s">
        <v>79053</v>
      </c>
    </row>
    <row r="22093" spans="1:10" x14ac:dyDescent="0.35">
      <c r="A22093" s="1" t="s">
        <v>78999</v>
      </c>
      <c r="B22093" s="1" t="s">
        <v>75461</v>
      </c>
      <c r="C22093" s="1" t="s">
        <v>80</v>
      </c>
      <c r="D22093" s="1" t="s">
        <v>79054</v>
      </c>
      <c r="E22093" s="1" t="s">
        <v>79055</v>
      </c>
      <c r="F22093" s="1" t="s">
        <v>79056</v>
      </c>
      <c r="G22093" s="1" t="s">
        <v>79003</v>
      </c>
      <c r="H22093" s="1" t="s">
        <v>79004</v>
      </c>
      <c r="I22093" s="1" t="s">
        <v>75467</v>
      </c>
      <c r="J22093" s="1" t="s">
        <v>79057</v>
      </c>
    </row>
    <row r="22094" spans="1:10" x14ac:dyDescent="0.35">
      <c r="A22094" s="1" t="s">
        <v>78999</v>
      </c>
      <c r="B22094" s="1" t="s">
        <v>75461</v>
      </c>
      <c r="C22094" s="1" t="s">
        <v>85</v>
      </c>
      <c r="D22094" s="1" t="s">
        <v>33363</v>
      </c>
      <c r="E22094" s="1" t="s">
        <v>79058</v>
      </c>
      <c r="F22094" s="1" t="s">
        <v>79059</v>
      </c>
      <c r="G22094" s="1" t="s">
        <v>79003</v>
      </c>
      <c r="H22094" s="1" t="s">
        <v>79004</v>
      </c>
      <c r="I22094" s="1" t="s">
        <v>75467</v>
      </c>
      <c r="J22094" s="1" t="s">
        <v>79060</v>
      </c>
    </row>
    <row r="22095" spans="1:10" x14ac:dyDescent="0.35">
      <c r="A22095" s="1" t="s">
        <v>78999</v>
      </c>
      <c r="B22095" s="1" t="s">
        <v>75461</v>
      </c>
      <c r="C22095" s="1" t="s">
        <v>90</v>
      </c>
      <c r="D22095" s="1" t="s">
        <v>79061</v>
      </c>
      <c r="E22095" s="1" t="s">
        <v>79062</v>
      </c>
      <c r="F22095" s="1" t="s">
        <v>79063</v>
      </c>
      <c r="G22095" s="1" t="s">
        <v>79003</v>
      </c>
      <c r="H22095" s="1" t="s">
        <v>79004</v>
      </c>
      <c r="I22095" s="1" t="s">
        <v>75467</v>
      </c>
      <c r="J22095" s="1" t="s">
        <v>79064</v>
      </c>
    </row>
    <row r="22096" spans="1:10" x14ac:dyDescent="0.35">
      <c r="A22096" s="1" t="s">
        <v>78999</v>
      </c>
      <c r="B22096" s="1" t="s">
        <v>75461</v>
      </c>
      <c r="C22096" s="1" t="s">
        <v>95</v>
      </c>
      <c r="D22096" s="1" t="s">
        <v>20031</v>
      </c>
      <c r="E22096" s="1" t="s">
        <v>79065</v>
      </c>
      <c r="F22096" s="1" t="s">
        <v>79066</v>
      </c>
      <c r="G22096" s="1" t="s">
        <v>79003</v>
      </c>
      <c r="H22096" s="1" t="s">
        <v>79004</v>
      </c>
      <c r="I22096" s="1" t="s">
        <v>75467</v>
      </c>
      <c r="J22096" s="1" t="s">
        <v>79067</v>
      </c>
    </row>
    <row r="22097" spans="1:10" x14ac:dyDescent="0.35">
      <c r="A22097" s="1" t="s">
        <v>78999</v>
      </c>
      <c r="B22097" s="1" t="s">
        <v>75461</v>
      </c>
      <c r="C22097" s="1" t="s">
        <v>100</v>
      </c>
      <c r="D22097" s="1" t="s">
        <v>57655</v>
      </c>
      <c r="E22097" s="1" t="s">
        <v>79068</v>
      </c>
      <c r="F22097" s="1" t="s">
        <v>79069</v>
      </c>
      <c r="G22097" s="1" t="s">
        <v>79003</v>
      </c>
      <c r="H22097" s="1" t="s">
        <v>79004</v>
      </c>
      <c r="I22097" s="1" t="s">
        <v>75467</v>
      </c>
      <c r="J22097" s="1" t="s">
        <v>79070</v>
      </c>
    </row>
    <row r="22098" spans="1:10" x14ac:dyDescent="0.35">
      <c r="A22098" s="1" t="s">
        <v>78999</v>
      </c>
      <c r="B22098" s="1" t="s">
        <v>75461</v>
      </c>
      <c r="C22098" s="1" t="s">
        <v>105</v>
      </c>
      <c r="D22098" s="1" t="s">
        <v>69712</v>
      </c>
      <c r="E22098" s="1" t="s">
        <v>79071</v>
      </c>
      <c r="F22098" s="1" t="s">
        <v>79072</v>
      </c>
      <c r="G22098" s="1" t="s">
        <v>79003</v>
      </c>
      <c r="H22098" s="1" t="s">
        <v>79004</v>
      </c>
      <c r="I22098" s="1" t="s">
        <v>75467</v>
      </c>
      <c r="J22098" s="1" t="s">
        <v>79073</v>
      </c>
    </row>
    <row r="22099" spans="1:10" x14ac:dyDescent="0.35">
      <c r="A22099" s="1" t="s">
        <v>78999</v>
      </c>
      <c r="B22099" s="1" t="s">
        <v>75461</v>
      </c>
      <c r="C22099" s="1" t="s">
        <v>110</v>
      </c>
      <c r="D22099" s="1" t="s">
        <v>79074</v>
      </c>
      <c r="E22099" s="1" t="s">
        <v>79075</v>
      </c>
      <c r="F22099" s="1" t="s">
        <v>79076</v>
      </c>
      <c r="G22099" s="1" t="s">
        <v>79003</v>
      </c>
      <c r="H22099" s="1" t="s">
        <v>79004</v>
      </c>
      <c r="I22099" s="1" t="s">
        <v>75467</v>
      </c>
      <c r="J22099" s="1" t="s">
        <v>79077</v>
      </c>
    </row>
    <row r="22100" spans="1:10" x14ac:dyDescent="0.35">
      <c r="A22100" s="1" t="s">
        <v>78999</v>
      </c>
      <c r="B22100" s="1" t="s">
        <v>75461</v>
      </c>
      <c r="C22100" s="1" t="s">
        <v>115</v>
      </c>
      <c r="D22100" s="1" t="s">
        <v>79078</v>
      </c>
      <c r="E22100" s="1" t="s">
        <v>79079</v>
      </c>
      <c r="F22100" s="1" t="s">
        <v>79080</v>
      </c>
      <c r="G22100" s="1" t="s">
        <v>79003</v>
      </c>
      <c r="H22100" s="1" t="s">
        <v>79004</v>
      </c>
      <c r="I22100" s="1" t="s">
        <v>75467</v>
      </c>
      <c r="J22100" s="1" t="s">
        <v>79081</v>
      </c>
    </row>
    <row r="22101" spans="1:10" x14ac:dyDescent="0.35">
      <c r="A22101" s="1" t="s">
        <v>78999</v>
      </c>
      <c r="B22101" s="1" t="s">
        <v>75461</v>
      </c>
      <c r="C22101" s="1" t="s">
        <v>120</v>
      </c>
      <c r="D22101" s="1" t="s">
        <v>79082</v>
      </c>
      <c r="E22101" s="1" t="s">
        <v>79083</v>
      </c>
      <c r="F22101" s="1" t="s">
        <v>79084</v>
      </c>
      <c r="G22101" s="1" t="s">
        <v>79003</v>
      </c>
      <c r="H22101" s="1" t="s">
        <v>79004</v>
      </c>
      <c r="I22101" s="1" t="s">
        <v>75467</v>
      </c>
      <c r="J22101" s="1" t="s">
        <v>79085</v>
      </c>
    </row>
    <row r="22102" spans="1:10" x14ac:dyDescent="0.35">
      <c r="A22102" s="1" t="s">
        <v>78999</v>
      </c>
      <c r="B22102" s="1" t="s">
        <v>75461</v>
      </c>
      <c r="C22102" s="1" t="s">
        <v>125</v>
      </c>
      <c r="D22102" s="1" t="s">
        <v>65821</v>
      </c>
      <c r="E22102" s="1" t="s">
        <v>79086</v>
      </c>
      <c r="F22102" s="1" t="s">
        <v>79087</v>
      </c>
      <c r="G22102" s="1" t="s">
        <v>79003</v>
      </c>
      <c r="H22102" s="1" t="s">
        <v>79004</v>
      </c>
      <c r="I22102" s="1" t="s">
        <v>75467</v>
      </c>
      <c r="J22102" s="1" t="s">
        <v>79088</v>
      </c>
    </row>
    <row r="22103" spans="1:10" x14ac:dyDescent="0.35">
      <c r="A22103" s="1" t="s">
        <v>78999</v>
      </c>
      <c r="B22103" s="1" t="s">
        <v>75461</v>
      </c>
      <c r="C22103" s="1" t="s">
        <v>130</v>
      </c>
      <c r="D22103" s="1" t="s">
        <v>78710</v>
      </c>
      <c r="E22103" s="1" t="s">
        <v>79089</v>
      </c>
      <c r="F22103" s="1" t="s">
        <v>79090</v>
      </c>
      <c r="G22103" s="1" t="s">
        <v>79003</v>
      </c>
      <c r="H22103" s="1" t="s">
        <v>79004</v>
      </c>
      <c r="I22103" s="1" t="s">
        <v>75467</v>
      </c>
      <c r="J22103" s="1" t="s">
        <v>79091</v>
      </c>
    </row>
    <row r="22104" spans="1:10" x14ac:dyDescent="0.35">
      <c r="A22104" s="1" t="s">
        <v>78999</v>
      </c>
      <c r="B22104" s="1" t="s">
        <v>75461</v>
      </c>
      <c r="C22104" s="1" t="s">
        <v>135</v>
      </c>
      <c r="D22104" s="1" t="s">
        <v>67260</v>
      </c>
      <c r="E22104" s="1" t="s">
        <v>79092</v>
      </c>
      <c r="F22104" s="1" t="s">
        <v>79093</v>
      </c>
      <c r="G22104" s="1" t="s">
        <v>79003</v>
      </c>
      <c r="H22104" s="1" t="s">
        <v>79004</v>
      </c>
      <c r="I22104" s="1" t="s">
        <v>75467</v>
      </c>
      <c r="J22104" s="1" t="s">
        <v>79094</v>
      </c>
    </row>
    <row r="22105" spans="1:10" x14ac:dyDescent="0.35">
      <c r="A22105" s="1" t="s">
        <v>78999</v>
      </c>
      <c r="B22105" s="1" t="s">
        <v>75461</v>
      </c>
      <c r="C22105" s="1" t="s">
        <v>140</v>
      </c>
      <c r="D22105" s="1" t="s">
        <v>53354</v>
      </c>
      <c r="E22105" s="1" t="s">
        <v>79095</v>
      </c>
      <c r="F22105" s="1" t="s">
        <v>79096</v>
      </c>
      <c r="G22105" s="1" t="s">
        <v>79003</v>
      </c>
      <c r="H22105" s="1" t="s">
        <v>79004</v>
      </c>
      <c r="I22105" s="1" t="s">
        <v>75467</v>
      </c>
      <c r="J22105" s="1" t="s">
        <v>79097</v>
      </c>
    </row>
    <row r="22106" spans="1:10" x14ac:dyDescent="0.35">
      <c r="A22106" s="1" t="s">
        <v>78999</v>
      </c>
      <c r="B22106" s="1" t="s">
        <v>75461</v>
      </c>
      <c r="C22106" s="1" t="s">
        <v>145</v>
      </c>
      <c r="D22106" s="1" t="s">
        <v>79098</v>
      </c>
      <c r="E22106" s="1" t="s">
        <v>79099</v>
      </c>
      <c r="F22106" s="1" t="s">
        <v>79100</v>
      </c>
      <c r="G22106" s="1" t="s">
        <v>79003</v>
      </c>
      <c r="H22106" s="1" t="s">
        <v>79004</v>
      </c>
      <c r="I22106" s="1" t="s">
        <v>75467</v>
      </c>
      <c r="J22106" s="1" t="s">
        <v>79101</v>
      </c>
    </row>
    <row r="22107" spans="1:10" x14ac:dyDescent="0.35">
      <c r="A22107" s="1" t="s">
        <v>78999</v>
      </c>
      <c r="B22107" s="1" t="s">
        <v>75461</v>
      </c>
      <c r="C22107" s="1" t="s">
        <v>150</v>
      </c>
      <c r="D22107" s="1" t="s">
        <v>79102</v>
      </c>
      <c r="E22107" s="1" t="s">
        <v>79103</v>
      </c>
      <c r="F22107" s="1" t="s">
        <v>79104</v>
      </c>
      <c r="G22107" s="1" t="s">
        <v>79003</v>
      </c>
      <c r="H22107" s="1" t="s">
        <v>79004</v>
      </c>
      <c r="I22107" s="1" t="s">
        <v>75467</v>
      </c>
      <c r="J22107" s="1" t="s">
        <v>79105</v>
      </c>
    </row>
    <row r="22108" spans="1:10" x14ac:dyDescent="0.35">
      <c r="A22108" s="1" t="s">
        <v>78999</v>
      </c>
      <c r="B22108" s="1" t="s">
        <v>75461</v>
      </c>
      <c r="C22108" s="1" t="s">
        <v>155</v>
      </c>
      <c r="D22108" s="1" t="s">
        <v>79106</v>
      </c>
      <c r="E22108" s="1" t="s">
        <v>79107</v>
      </c>
      <c r="F22108" s="1" t="s">
        <v>79108</v>
      </c>
      <c r="G22108" s="1" t="s">
        <v>79003</v>
      </c>
      <c r="H22108" s="1" t="s">
        <v>79004</v>
      </c>
      <c r="I22108" s="1" t="s">
        <v>75467</v>
      </c>
      <c r="J22108" s="1" t="s">
        <v>79109</v>
      </c>
    </row>
    <row r="22109" spans="1:10" x14ac:dyDescent="0.35">
      <c r="A22109" s="1" t="s">
        <v>78999</v>
      </c>
      <c r="B22109" s="1" t="s">
        <v>75461</v>
      </c>
      <c r="C22109" s="1" t="s">
        <v>160</v>
      </c>
      <c r="D22109" s="1" t="s">
        <v>79110</v>
      </c>
      <c r="E22109" s="1" t="s">
        <v>79111</v>
      </c>
      <c r="F22109" s="1" t="s">
        <v>79112</v>
      </c>
      <c r="G22109" s="1" t="s">
        <v>79003</v>
      </c>
      <c r="H22109" s="1" t="s">
        <v>79004</v>
      </c>
      <c r="I22109" s="1" t="s">
        <v>75467</v>
      </c>
      <c r="J22109" s="1" t="s">
        <v>14056</v>
      </c>
    </row>
    <row r="22110" spans="1:10" x14ac:dyDescent="0.35">
      <c r="A22110" s="1" t="s">
        <v>78999</v>
      </c>
      <c r="B22110" s="1" t="s">
        <v>75461</v>
      </c>
      <c r="C22110" s="1" t="s">
        <v>165</v>
      </c>
      <c r="D22110" s="1" t="s">
        <v>64055</v>
      </c>
      <c r="E22110" s="1" t="s">
        <v>79113</v>
      </c>
      <c r="F22110" s="1" t="s">
        <v>79114</v>
      </c>
      <c r="G22110" s="1" t="s">
        <v>79003</v>
      </c>
      <c r="H22110" s="1" t="s">
        <v>79004</v>
      </c>
      <c r="I22110" s="1" t="s">
        <v>75467</v>
      </c>
      <c r="J22110" s="1" t="s">
        <v>79115</v>
      </c>
    </row>
    <row r="22111" spans="1:10" x14ac:dyDescent="0.35">
      <c r="A22111" s="1" t="s">
        <v>78999</v>
      </c>
      <c r="B22111" s="1" t="s">
        <v>75461</v>
      </c>
      <c r="C22111" s="1" t="s">
        <v>170</v>
      </c>
      <c r="D22111" s="1" t="s">
        <v>79116</v>
      </c>
      <c r="E22111" s="1" t="s">
        <v>79117</v>
      </c>
      <c r="F22111" s="1" t="s">
        <v>79118</v>
      </c>
      <c r="G22111" s="1" t="s">
        <v>79003</v>
      </c>
      <c r="H22111" s="1" t="s">
        <v>79004</v>
      </c>
      <c r="I22111" s="1" t="s">
        <v>75467</v>
      </c>
      <c r="J22111" s="1" t="s">
        <v>79119</v>
      </c>
    </row>
    <row r="22112" spans="1:10" x14ac:dyDescent="0.35">
      <c r="A22112" s="1" t="s">
        <v>1934</v>
      </c>
      <c r="B22112" s="1" t="s">
        <v>75461</v>
      </c>
      <c r="C22112" s="1" t="s">
        <v>8</v>
      </c>
      <c r="D22112" s="1" t="s">
        <v>79120</v>
      </c>
      <c r="E22112" s="1" t="s">
        <v>79121</v>
      </c>
      <c r="F22112" s="1" t="s">
        <v>79122</v>
      </c>
      <c r="G22112" s="1" t="s">
        <v>79123</v>
      </c>
      <c r="H22112" s="1" t="s">
        <v>79124</v>
      </c>
      <c r="I22112" s="1" t="s">
        <v>75467</v>
      </c>
      <c r="J22112" s="1" t="s">
        <v>13</v>
      </c>
    </row>
    <row r="22113" spans="1:10" x14ac:dyDescent="0.35">
      <c r="A22113" s="1" t="s">
        <v>1934</v>
      </c>
      <c r="B22113" s="1" t="s">
        <v>75461</v>
      </c>
      <c r="C22113" s="1" t="s">
        <v>15</v>
      </c>
      <c r="D22113" s="1" t="s">
        <v>79125</v>
      </c>
      <c r="E22113" s="1" t="s">
        <v>79126</v>
      </c>
      <c r="F22113" s="1" t="s">
        <v>79127</v>
      </c>
      <c r="G22113" s="1" t="s">
        <v>79123</v>
      </c>
      <c r="H22113" s="1" t="s">
        <v>79124</v>
      </c>
      <c r="I22113" s="1" t="s">
        <v>75467</v>
      </c>
      <c r="J22113" s="1" t="s">
        <v>79128</v>
      </c>
    </row>
    <row r="22114" spans="1:10" x14ac:dyDescent="0.35">
      <c r="A22114" s="1" t="s">
        <v>1934</v>
      </c>
      <c r="B22114" s="1" t="s">
        <v>75461</v>
      </c>
      <c r="C22114" s="1" t="s">
        <v>20</v>
      </c>
      <c r="D22114" s="1" t="s">
        <v>79129</v>
      </c>
      <c r="E22114" s="1" t="s">
        <v>79130</v>
      </c>
      <c r="F22114" s="1" t="s">
        <v>79131</v>
      </c>
      <c r="G22114" s="1" t="s">
        <v>79123</v>
      </c>
      <c r="H22114" s="1" t="s">
        <v>79124</v>
      </c>
      <c r="I22114" s="1" t="s">
        <v>75467</v>
      </c>
      <c r="J22114" s="1" t="s">
        <v>79132</v>
      </c>
    </row>
    <row r="22115" spans="1:10" x14ac:dyDescent="0.35">
      <c r="A22115" s="1" t="s">
        <v>1934</v>
      </c>
      <c r="B22115" s="1" t="s">
        <v>75461</v>
      </c>
      <c r="C22115" s="1" t="s">
        <v>25</v>
      </c>
      <c r="D22115" s="1" t="s">
        <v>79133</v>
      </c>
      <c r="E22115" s="1" t="s">
        <v>79134</v>
      </c>
      <c r="F22115" s="1" t="s">
        <v>79135</v>
      </c>
      <c r="G22115" s="1" t="s">
        <v>79123</v>
      </c>
      <c r="H22115" s="1" t="s">
        <v>79124</v>
      </c>
      <c r="I22115" s="1" t="s">
        <v>75467</v>
      </c>
      <c r="J22115" s="1" t="s">
        <v>79136</v>
      </c>
    </row>
    <row r="22116" spans="1:10" x14ac:dyDescent="0.35">
      <c r="A22116" s="1" t="s">
        <v>1934</v>
      </c>
      <c r="B22116" s="1" t="s">
        <v>75461</v>
      </c>
      <c r="C22116" s="1" t="s">
        <v>30</v>
      </c>
      <c r="D22116" s="1" t="s">
        <v>79137</v>
      </c>
      <c r="E22116" s="1" t="s">
        <v>79138</v>
      </c>
      <c r="F22116" s="1" t="s">
        <v>79139</v>
      </c>
      <c r="G22116" s="1" t="s">
        <v>79123</v>
      </c>
      <c r="H22116" s="1" t="s">
        <v>79124</v>
      </c>
      <c r="I22116" s="1" t="s">
        <v>75467</v>
      </c>
      <c r="J22116" s="1" t="s">
        <v>1796</v>
      </c>
    </row>
    <row r="22117" spans="1:10" x14ac:dyDescent="0.35">
      <c r="A22117" s="1" t="s">
        <v>1934</v>
      </c>
      <c r="B22117" s="1" t="s">
        <v>75461</v>
      </c>
      <c r="C22117" s="1" t="s">
        <v>35</v>
      </c>
      <c r="D22117" s="1" t="s">
        <v>79140</v>
      </c>
      <c r="E22117" s="1" t="s">
        <v>79141</v>
      </c>
      <c r="F22117" s="1" t="s">
        <v>79142</v>
      </c>
      <c r="G22117" s="1" t="s">
        <v>79123</v>
      </c>
      <c r="H22117" s="1" t="s">
        <v>79124</v>
      </c>
      <c r="I22117" s="1" t="s">
        <v>75467</v>
      </c>
      <c r="J22117" s="1" t="s">
        <v>79143</v>
      </c>
    </row>
    <row r="22118" spans="1:10" x14ac:dyDescent="0.35">
      <c r="A22118" s="1" t="s">
        <v>1934</v>
      </c>
      <c r="B22118" s="1" t="s">
        <v>75461</v>
      </c>
      <c r="C22118" s="1" t="s">
        <v>40</v>
      </c>
      <c r="D22118" s="1" t="s">
        <v>79144</v>
      </c>
      <c r="E22118" s="1" t="s">
        <v>79145</v>
      </c>
      <c r="F22118" s="1" t="s">
        <v>79146</v>
      </c>
      <c r="G22118" s="1" t="s">
        <v>79123</v>
      </c>
      <c r="H22118" s="1" t="s">
        <v>79124</v>
      </c>
      <c r="I22118" s="1" t="s">
        <v>75467</v>
      </c>
      <c r="J22118" s="1" t="s">
        <v>79147</v>
      </c>
    </row>
    <row r="22119" spans="1:10" x14ac:dyDescent="0.35">
      <c r="A22119" s="1" t="s">
        <v>1934</v>
      </c>
      <c r="B22119" s="1" t="s">
        <v>75461</v>
      </c>
      <c r="C22119" s="1" t="s">
        <v>45</v>
      </c>
      <c r="D22119" s="1" t="s">
        <v>79148</v>
      </c>
      <c r="E22119" s="1" t="s">
        <v>79149</v>
      </c>
      <c r="F22119" s="1" t="s">
        <v>79150</v>
      </c>
      <c r="G22119" s="1" t="s">
        <v>79123</v>
      </c>
      <c r="H22119" s="1" t="s">
        <v>79124</v>
      </c>
      <c r="I22119" s="1" t="s">
        <v>75467</v>
      </c>
      <c r="J22119" s="1" t="s">
        <v>79151</v>
      </c>
    </row>
    <row r="22120" spans="1:10" x14ac:dyDescent="0.35">
      <c r="A22120" s="1" t="s">
        <v>1934</v>
      </c>
      <c r="B22120" s="1" t="s">
        <v>75461</v>
      </c>
      <c r="C22120" s="1" t="s">
        <v>50</v>
      </c>
      <c r="D22120" s="1" t="s">
        <v>79152</v>
      </c>
      <c r="E22120" s="1" t="s">
        <v>79153</v>
      </c>
      <c r="F22120" s="1" t="s">
        <v>79154</v>
      </c>
      <c r="G22120" s="1" t="s">
        <v>79123</v>
      </c>
      <c r="H22120" s="1" t="s">
        <v>79124</v>
      </c>
      <c r="I22120" s="1" t="s">
        <v>75467</v>
      </c>
      <c r="J22120" s="1" t="s">
        <v>79155</v>
      </c>
    </row>
    <row r="22121" spans="1:10" x14ac:dyDescent="0.35">
      <c r="A22121" s="1" t="s">
        <v>1934</v>
      </c>
      <c r="B22121" s="1" t="s">
        <v>75461</v>
      </c>
      <c r="C22121" s="1" t="s">
        <v>55</v>
      </c>
      <c r="D22121" s="1" t="s">
        <v>79156</v>
      </c>
      <c r="E22121" s="1" t="s">
        <v>79157</v>
      </c>
      <c r="F22121" s="1" t="s">
        <v>79158</v>
      </c>
      <c r="G22121" s="1" t="s">
        <v>79123</v>
      </c>
      <c r="H22121" s="1" t="s">
        <v>79124</v>
      </c>
      <c r="I22121" s="1" t="s">
        <v>75467</v>
      </c>
      <c r="J22121" s="1" t="s">
        <v>79159</v>
      </c>
    </row>
    <row r="22122" spans="1:10" x14ac:dyDescent="0.35">
      <c r="A22122" s="1" t="s">
        <v>1934</v>
      </c>
      <c r="B22122" s="1" t="s">
        <v>75461</v>
      </c>
      <c r="C22122" s="1" t="s">
        <v>60</v>
      </c>
      <c r="D22122" s="1" t="s">
        <v>79160</v>
      </c>
      <c r="E22122" s="1" t="s">
        <v>79161</v>
      </c>
      <c r="F22122" s="1" t="s">
        <v>79162</v>
      </c>
      <c r="G22122" s="1" t="s">
        <v>79123</v>
      </c>
      <c r="H22122" s="1" t="s">
        <v>79124</v>
      </c>
      <c r="I22122" s="1" t="s">
        <v>75467</v>
      </c>
      <c r="J22122" s="1" t="s">
        <v>79163</v>
      </c>
    </row>
    <row r="22123" spans="1:10" x14ac:dyDescent="0.35">
      <c r="A22123" s="1" t="s">
        <v>1934</v>
      </c>
      <c r="B22123" s="1" t="s">
        <v>75461</v>
      </c>
      <c r="C22123" s="1" t="s">
        <v>65</v>
      </c>
      <c r="D22123" s="1" t="s">
        <v>79164</v>
      </c>
      <c r="E22123" s="1" t="s">
        <v>79165</v>
      </c>
      <c r="F22123" s="1" t="s">
        <v>79166</v>
      </c>
      <c r="G22123" s="1" t="s">
        <v>79123</v>
      </c>
      <c r="H22123" s="1" t="s">
        <v>79124</v>
      </c>
      <c r="I22123" s="1" t="s">
        <v>75467</v>
      </c>
      <c r="J22123" s="1" t="s">
        <v>79167</v>
      </c>
    </row>
    <row r="22124" spans="1:10" x14ac:dyDescent="0.35">
      <c r="A22124" s="1" t="s">
        <v>1934</v>
      </c>
      <c r="B22124" s="1" t="s">
        <v>75461</v>
      </c>
      <c r="C22124" s="1" t="s">
        <v>70</v>
      </c>
      <c r="D22124" s="1" t="s">
        <v>79168</v>
      </c>
      <c r="E22124" s="1" t="s">
        <v>79169</v>
      </c>
      <c r="F22124" s="1" t="s">
        <v>79170</v>
      </c>
      <c r="G22124" s="1" t="s">
        <v>79123</v>
      </c>
      <c r="H22124" s="1" t="s">
        <v>79124</v>
      </c>
      <c r="I22124" s="1" t="s">
        <v>75467</v>
      </c>
      <c r="J22124" s="1" t="s">
        <v>79171</v>
      </c>
    </row>
    <row r="22125" spans="1:10" x14ac:dyDescent="0.35">
      <c r="A22125" s="1" t="s">
        <v>1934</v>
      </c>
      <c r="B22125" s="1" t="s">
        <v>75461</v>
      </c>
      <c r="C22125" s="1" t="s">
        <v>75</v>
      </c>
      <c r="D22125" s="1" t="s">
        <v>79172</v>
      </c>
      <c r="E22125" s="1" t="s">
        <v>79173</v>
      </c>
      <c r="F22125" s="1" t="s">
        <v>79174</v>
      </c>
      <c r="G22125" s="1" t="s">
        <v>79123</v>
      </c>
      <c r="H22125" s="1" t="s">
        <v>79124</v>
      </c>
      <c r="I22125" s="1" t="s">
        <v>75467</v>
      </c>
      <c r="J22125" s="1" t="s">
        <v>79175</v>
      </c>
    </row>
    <row r="22126" spans="1:10" x14ac:dyDescent="0.35">
      <c r="A22126" s="1" t="s">
        <v>1934</v>
      </c>
      <c r="B22126" s="1" t="s">
        <v>75461</v>
      </c>
      <c r="C22126" s="1" t="s">
        <v>80</v>
      </c>
      <c r="D22126" s="1" t="s">
        <v>79176</v>
      </c>
      <c r="E22126" s="1" t="s">
        <v>79177</v>
      </c>
      <c r="F22126" s="1" t="s">
        <v>79178</v>
      </c>
      <c r="G22126" s="1" t="s">
        <v>79123</v>
      </c>
      <c r="H22126" s="1" t="s">
        <v>79124</v>
      </c>
      <c r="I22126" s="1" t="s">
        <v>75467</v>
      </c>
      <c r="J22126" s="1" t="s">
        <v>79179</v>
      </c>
    </row>
    <row r="22127" spans="1:10" x14ac:dyDescent="0.35">
      <c r="A22127" s="1" t="s">
        <v>1934</v>
      </c>
      <c r="B22127" s="1" t="s">
        <v>75461</v>
      </c>
      <c r="C22127" s="1" t="s">
        <v>85</v>
      </c>
      <c r="D22127" s="1" t="s">
        <v>69705</v>
      </c>
      <c r="E22127" s="1" t="s">
        <v>79180</v>
      </c>
      <c r="F22127" s="1" t="s">
        <v>79181</v>
      </c>
      <c r="G22127" s="1" t="s">
        <v>79123</v>
      </c>
      <c r="H22127" s="1" t="s">
        <v>79124</v>
      </c>
      <c r="I22127" s="1" t="s">
        <v>75467</v>
      </c>
      <c r="J22127" s="1" t="s">
        <v>79182</v>
      </c>
    </row>
    <row r="22128" spans="1:10" x14ac:dyDescent="0.35">
      <c r="A22128" s="1" t="s">
        <v>1934</v>
      </c>
      <c r="B22128" s="1" t="s">
        <v>75461</v>
      </c>
      <c r="C22128" s="1" t="s">
        <v>90</v>
      </c>
      <c r="D22128" s="1" t="s">
        <v>54412</v>
      </c>
      <c r="E22128" s="1" t="s">
        <v>79183</v>
      </c>
      <c r="F22128" s="1" t="s">
        <v>79184</v>
      </c>
      <c r="G22128" s="1" t="s">
        <v>79123</v>
      </c>
      <c r="H22128" s="1" t="s">
        <v>79124</v>
      </c>
      <c r="I22128" s="1" t="s">
        <v>75467</v>
      </c>
      <c r="J22128" s="1" t="s">
        <v>79185</v>
      </c>
    </row>
    <row r="22129" spans="1:10" x14ac:dyDescent="0.35">
      <c r="A22129" s="1" t="s">
        <v>1934</v>
      </c>
      <c r="B22129" s="1" t="s">
        <v>75461</v>
      </c>
      <c r="C22129" s="1" t="s">
        <v>95</v>
      </c>
      <c r="D22129" s="1" t="s">
        <v>79186</v>
      </c>
      <c r="E22129" s="1" t="s">
        <v>79187</v>
      </c>
      <c r="F22129" s="1" t="s">
        <v>79188</v>
      </c>
      <c r="G22129" s="1" t="s">
        <v>79123</v>
      </c>
      <c r="H22129" s="1" t="s">
        <v>79124</v>
      </c>
      <c r="I22129" s="1" t="s">
        <v>75467</v>
      </c>
      <c r="J22129" s="1" t="s">
        <v>79189</v>
      </c>
    </row>
    <row r="22130" spans="1:10" x14ac:dyDescent="0.35">
      <c r="A22130" s="1" t="s">
        <v>1934</v>
      </c>
      <c r="B22130" s="1" t="s">
        <v>75461</v>
      </c>
      <c r="C22130" s="1" t="s">
        <v>100</v>
      </c>
      <c r="D22130" s="1" t="s">
        <v>79190</v>
      </c>
      <c r="E22130" s="1" t="s">
        <v>79191</v>
      </c>
      <c r="F22130" s="1" t="s">
        <v>79192</v>
      </c>
      <c r="G22130" s="1" t="s">
        <v>79123</v>
      </c>
      <c r="H22130" s="1" t="s">
        <v>79124</v>
      </c>
      <c r="I22130" s="1" t="s">
        <v>75467</v>
      </c>
      <c r="J22130" s="1" t="s">
        <v>79193</v>
      </c>
    </row>
    <row r="22131" spans="1:10" x14ac:dyDescent="0.35">
      <c r="A22131" s="1" t="s">
        <v>1934</v>
      </c>
      <c r="B22131" s="1" t="s">
        <v>75461</v>
      </c>
      <c r="C22131" s="1" t="s">
        <v>105</v>
      </c>
      <c r="D22131" s="1" t="s">
        <v>69412</v>
      </c>
      <c r="E22131" s="1" t="s">
        <v>79194</v>
      </c>
      <c r="F22131" s="1" t="s">
        <v>79195</v>
      </c>
      <c r="G22131" s="1" t="s">
        <v>79123</v>
      </c>
      <c r="H22131" s="1" t="s">
        <v>79124</v>
      </c>
      <c r="I22131" s="1" t="s">
        <v>75467</v>
      </c>
      <c r="J22131" s="1" t="s">
        <v>79196</v>
      </c>
    </row>
    <row r="22132" spans="1:10" x14ac:dyDescent="0.35">
      <c r="A22132" s="1" t="s">
        <v>1934</v>
      </c>
      <c r="B22132" s="1" t="s">
        <v>75461</v>
      </c>
      <c r="C22132" s="1" t="s">
        <v>110</v>
      </c>
      <c r="D22132" s="1" t="s">
        <v>79197</v>
      </c>
      <c r="E22132" s="1" t="s">
        <v>79198</v>
      </c>
      <c r="F22132" s="1" t="s">
        <v>79199</v>
      </c>
      <c r="G22132" s="1" t="s">
        <v>79123</v>
      </c>
      <c r="H22132" s="1" t="s">
        <v>79124</v>
      </c>
      <c r="I22132" s="1" t="s">
        <v>75467</v>
      </c>
      <c r="J22132" s="1" t="s">
        <v>79200</v>
      </c>
    </row>
    <row r="22133" spans="1:10" x14ac:dyDescent="0.35">
      <c r="A22133" s="1" t="s">
        <v>1934</v>
      </c>
      <c r="B22133" s="1" t="s">
        <v>75461</v>
      </c>
      <c r="C22133" s="1" t="s">
        <v>115</v>
      </c>
      <c r="D22133" s="1" t="s">
        <v>79201</v>
      </c>
      <c r="E22133" s="1" t="s">
        <v>79202</v>
      </c>
      <c r="F22133" s="1" t="s">
        <v>79203</v>
      </c>
      <c r="G22133" s="1" t="s">
        <v>79123</v>
      </c>
      <c r="H22133" s="1" t="s">
        <v>79124</v>
      </c>
      <c r="I22133" s="1" t="s">
        <v>75467</v>
      </c>
      <c r="J22133" s="1" t="s">
        <v>79204</v>
      </c>
    </row>
    <row r="22134" spans="1:10" x14ac:dyDescent="0.35">
      <c r="A22134" s="1" t="s">
        <v>1934</v>
      </c>
      <c r="B22134" s="1" t="s">
        <v>75461</v>
      </c>
      <c r="C22134" s="1" t="s">
        <v>120</v>
      </c>
      <c r="D22134" s="1" t="s">
        <v>79205</v>
      </c>
      <c r="E22134" s="1" t="s">
        <v>79206</v>
      </c>
      <c r="F22134" s="1" t="s">
        <v>79207</v>
      </c>
      <c r="G22134" s="1" t="s">
        <v>79123</v>
      </c>
      <c r="H22134" s="1" t="s">
        <v>79124</v>
      </c>
      <c r="I22134" s="1" t="s">
        <v>75467</v>
      </c>
      <c r="J22134" s="1" t="s">
        <v>79208</v>
      </c>
    </row>
    <row r="22135" spans="1:10" x14ac:dyDescent="0.35">
      <c r="A22135" s="1" t="s">
        <v>1934</v>
      </c>
      <c r="B22135" s="1" t="s">
        <v>75461</v>
      </c>
      <c r="C22135" s="1" t="s">
        <v>125</v>
      </c>
      <c r="D22135" s="1" t="s">
        <v>79209</v>
      </c>
      <c r="E22135" s="1" t="s">
        <v>79210</v>
      </c>
      <c r="F22135" s="1" t="s">
        <v>79211</v>
      </c>
      <c r="G22135" s="1" t="s">
        <v>79123</v>
      </c>
      <c r="H22135" s="1" t="s">
        <v>79124</v>
      </c>
      <c r="I22135" s="1" t="s">
        <v>75467</v>
      </c>
      <c r="J22135" s="1" t="s">
        <v>79212</v>
      </c>
    </row>
    <row r="22136" spans="1:10" x14ac:dyDescent="0.35">
      <c r="A22136" s="1" t="s">
        <v>1934</v>
      </c>
      <c r="B22136" s="1" t="s">
        <v>75461</v>
      </c>
      <c r="C22136" s="1" t="s">
        <v>130</v>
      </c>
      <c r="D22136" s="1" t="s">
        <v>76913</v>
      </c>
      <c r="E22136" s="1" t="s">
        <v>79213</v>
      </c>
      <c r="F22136" s="1" t="s">
        <v>79214</v>
      </c>
      <c r="G22136" s="1" t="s">
        <v>79123</v>
      </c>
      <c r="H22136" s="1" t="s">
        <v>79124</v>
      </c>
      <c r="I22136" s="1" t="s">
        <v>75467</v>
      </c>
      <c r="J22136" s="1" t="s">
        <v>79215</v>
      </c>
    </row>
    <row r="22137" spans="1:10" x14ac:dyDescent="0.35">
      <c r="A22137" s="1" t="s">
        <v>1934</v>
      </c>
      <c r="B22137" s="1" t="s">
        <v>75461</v>
      </c>
      <c r="C22137" s="1" t="s">
        <v>135</v>
      </c>
      <c r="D22137" s="1" t="s">
        <v>79216</v>
      </c>
      <c r="E22137" s="1" t="s">
        <v>79217</v>
      </c>
      <c r="F22137" s="1" t="s">
        <v>79218</v>
      </c>
      <c r="G22137" s="1" t="s">
        <v>79123</v>
      </c>
      <c r="H22137" s="1" t="s">
        <v>79124</v>
      </c>
      <c r="I22137" s="1" t="s">
        <v>75467</v>
      </c>
      <c r="J22137" s="1" t="s">
        <v>79219</v>
      </c>
    </row>
    <row r="22138" spans="1:10" x14ac:dyDescent="0.35">
      <c r="A22138" s="1" t="s">
        <v>1934</v>
      </c>
      <c r="B22138" s="1" t="s">
        <v>75461</v>
      </c>
      <c r="C22138" s="1" t="s">
        <v>140</v>
      </c>
      <c r="D22138" s="1" t="s">
        <v>79220</v>
      </c>
      <c r="E22138" s="1" t="s">
        <v>79221</v>
      </c>
      <c r="F22138" s="1" t="s">
        <v>79222</v>
      </c>
      <c r="G22138" s="1" t="s">
        <v>79123</v>
      </c>
      <c r="H22138" s="1" t="s">
        <v>79124</v>
      </c>
      <c r="I22138" s="1" t="s">
        <v>75467</v>
      </c>
      <c r="J22138" s="1" t="s">
        <v>79223</v>
      </c>
    </row>
    <row r="22139" spans="1:10" x14ac:dyDescent="0.35">
      <c r="A22139" s="1" t="s">
        <v>1934</v>
      </c>
      <c r="B22139" s="1" t="s">
        <v>75461</v>
      </c>
      <c r="C22139" s="1" t="s">
        <v>145</v>
      </c>
      <c r="D22139" s="1" t="s">
        <v>54992</v>
      </c>
      <c r="E22139" s="1" t="s">
        <v>79224</v>
      </c>
      <c r="F22139" s="1" t="s">
        <v>79225</v>
      </c>
      <c r="G22139" s="1" t="s">
        <v>79123</v>
      </c>
      <c r="H22139" s="1" t="s">
        <v>79124</v>
      </c>
      <c r="I22139" s="1" t="s">
        <v>75467</v>
      </c>
      <c r="J22139" s="1" t="s">
        <v>79226</v>
      </c>
    </row>
    <row r="22140" spans="1:10" x14ac:dyDescent="0.35">
      <c r="A22140" s="1" t="s">
        <v>1934</v>
      </c>
      <c r="B22140" s="1" t="s">
        <v>75461</v>
      </c>
      <c r="C22140" s="1" t="s">
        <v>150</v>
      </c>
      <c r="D22140" s="1" t="s">
        <v>79227</v>
      </c>
      <c r="E22140" s="1" t="s">
        <v>79228</v>
      </c>
      <c r="F22140" s="1" t="s">
        <v>79229</v>
      </c>
      <c r="G22140" s="1" t="s">
        <v>79123</v>
      </c>
      <c r="H22140" s="1" t="s">
        <v>79124</v>
      </c>
      <c r="I22140" s="1" t="s">
        <v>75467</v>
      </c>
      <c r="J22140" s="1" t="s">
        <v>79230</v>
      </c>
    </row>
    <row r="22141" spans="1:10" x14ac:dyDescent="0.35">
      <c r="A22141" s="1" t="s">
        <v>1934</v>
      </c>
      <c r="B22141" s="1" t="s">
        <v>75461</v>
      </c>
      <c r="C22141" s="1" t="s">
        <v>155</v>
      </c>
      <c r="D22141" s="1" t="s">
        <v>55795</v>
      </c>
      <c r="E22141" s="1" t="s">
        <v>79231</v>
      </c>
      <c r="F22141" s="1" t="s">
        <v>79232</v>
      </c>
      <c r="G22141" s="1" t="s">
        <v>79123</v>
      </c>
      <c r="H22141" s="1" t="s">
        <v>79124</v>
      </c>
      <c r="I22141" s="1" t="s">
        <v>75467</v>
      </c>
      <c r="J22141" s="1" t="s">
        <v>79233</v>
      </c>
    </row>
    <row r="22142" spans="1:10" x14ac:dyDescent="0.35">
      <c r="A22142" s="1" t="s">
        <v>1934</v>
      </c>
      <c r="B22142" s="1" t="s">
        <v>75461</v>
      </c>
      <c r="C22142" s="1" t="s">
        <v>160</v>
      </c>
      <c r="D22142" s="1" t="s">
        <v>63747</v>
      </c>
      <c r="E22142" s="1" t="s">
        <v>79234</v>
      </c>
      <c r="F22142" s="1" t="s">
        <v>79235</v>
      </c>
      <c r="G22142" s="1" t="s">
        <v>79123</v>
      </c>
      <c r="H22142" s="1" t="s">
        <v>79124</v>
      </c>
      <c r="I22142" s="1" t="s">
        <v>75467</v>
      </c>
      <c r="J22142" s="1" t="s">
        <v>79236</v>
      </c>
    </row>
    <row r="22143" spans="1:10" x14ac:dyDescent="0.35">
      <c r="A22143" s="1" t="s">
        <v>1934</v>
      </c>
      <c r="B22143" s="1" t="s">
        <v>75461</v>
      </c>
      <c r="C22143" s="1" t="s">
        <v>165</v>
      </c>
      <c r="D22143" s="1" t="s">
        <v>79237</v>
      </c>
      <c r="E22143" s="1" t="s">
        <v>79238</v>
      </c>
      <c r="F22143" s="1" t="s">
        <v>79239</v>
      </c>
      <c r="G22143" s="1" t="s">
        <v>79123</v>
      </c>
      <c r="H22143" s="1" t="s">
        <v>79124</v>
      </c>
      <c r="I22143" s="1" t="s">
        <v>75467</v>
      </c>
      <c r="J22143" s="1" t="s">
        <v>79240</v>
      </c>
    </row>
    <row r="22144" spans="1:10" x14ac:dyDescent="0.35">
      <c r="A22144" s="1" t="s">
        <v>1934</v>
      </c>
      <c r="B22144" s="1" t="s">
        <v>75461</v>
      </c>
      <c r="C22144" s="1" t="s">
        <v>170</v>
      </c>
      <c r="D22144" s="1" t="s">
        <v>79241</v>
      </c>
      <c r="E22144" s="1" t="s">
        <v>79242</v>
      </c>
      <c r="F22144" s="1" t="s">
        <v>79243</v>
      </c>
      <c r="G22144" s="1" t="s">
        <v>79123</v>
      </c>
      <c r="H22144" s="1" t="s">
        <v>79124</v>
      </c>
      <c r="I22144" s="1" t="s">
        <v>75467</v>
      </c>
      <c r="J22144" s="1" t="s">
        <v>79244</v>
      </c>
    </row>
    <row r="22145" spans="1:10" x14ac:dyDescent="0.35">
      <c r="A22145" s="1" t="s">
        <v>13740</v>
      </c>
      <c r="B22145" s="1" t="s">
        <v>75461</v>
      </c>
      <c r="C22145" s="1" t="s">
        <v>8</v>
      </c>
      <c r="D22145" s="1" t="s">
        <v>79245</v>
      </c>
      <c r="E22145" s="1" t="s">
        <v>79246</v>
      </c>
      <c r="F22145" s="1" t="s">
        <v>79247</v>
      </c>
      <c r="G22145" s="1" t="s">
        <v>79248</v>
      </c>
      <c r="H22145" s="1" t="s">
        <v>79249</v>
      </c>
      <c r="I22145" s="1" t="s">
        <v>75467</v>
      </c>
      <c r="J22145" s="1" t="s">
        <v>13</v>
      </c>
    </row>
    <row r="22146" spans="1:10" x14ac:dyDescent="0.35">
      <c r="A22146" s="1" t="s">
        <v>13740</v>
      </c>
      <c r="B22146" s="1" t="s">
        <v>75461</v>
      </c>
      <c r="C22146" s="1" t="s">
        <v>15</v>
      </c>
      <c r="D22146" s="1" t="s">
        <v>20614</v>
      </c>
      <c r="E22146" s="1" t="s">
        <v>79250</v>
      </c>
      <c r="F22146" s="1" t="s">
        <v>79251</v>
      </c>
      <c r="G22146" s="1" t="s">
        <v>79248</v>
      </c>
      <c r="H22146" s="1" t="s">
        <v>79249</v>
      </c>
      <c r="I22146" s="1" t="s">
        <v>75467</v>
      </c>
      <c r="J22146" s="1" t="s">
        <v>79252</v>
      </c>
    </row>
    <row r="22147" spans="1:10" x14ac:dyDescent="0.35">
      <c r="A22147" s="1" t="s">
        <v>13740</v>
      </c>
      <c r="B22147" s="1" t="s">
        <v>75461</v>
      </c>
      <c r="C22147" s="1" t="s">
        <v>20</v>
      </c>
      <c r="D22147" s="1" t="s">
        <v>79253</v>
      </c>
      <c r="E22147" s="1" t="s">
        <v>79254</v>
      </c>
      <c r="F22147" s="1" t="s">
        <v>79255</v>
      </c>
      <c r="G22147" s="1" t="s">
        <v>79248</v>
      </c>
      <c r="H22147" s="1" t="s">
        <v>79249</v>
      </c>
      <c r="I22147" s="1" t="s">
        <v>75467</v>
      </c>
      <c r="J22147" s="1" t="s">
        <v>79256</v>
      </c>
    </row>
    <row r="22148" spans="1:10" x14ac:dyDescent="0.35">
      <c r="A22148" s="1" t="s">
        <v>13740</v>
      </c>
      <c r="B22148" s="1" t="s">
        <v>75461</v>
      </c>
      <c r="C22148" s="1" t="s">
        <v>25</v>
      </c>
      <c r="D22148" s="1" t="s">
        <v>79257</v>
      </c>
      <c r="E22148" s="1" t="s">
        <v>79258</v>
      </c>
      <c r="F22148" s="1" t="s">
        <v>79259</v>
      </c>
      <c r="G22148" s="1" t="s">
        <v>79248</v>
      </c>
      <c r="H22148" s="1" t="s">
        <v>79249</v>
      </c>
      <c r="I22148" s="1" t="s">
        <v>75467</v>
      </c>
      <c r="J22148" s="1" t="s">
        <v>79260</v>
      </c>
    </row>
    <row r="22149" spans="1:10" x14ac:dyDescent="0.35">
      <c r="A22149" s="1" t="s">
        <v>13740</v>
      </c>
      <c r="B22149" s="1" t="s">
        <v>75461</v>
      </c>
      <c r="C22149" s="1" t="s">
        <v>30</v>
      </c>
      <c r="D22149" s="1" t="s">
        <v>19229</v>
      </c>
      <c r="E22149" s="1" t="s">
        <v>79261</v>
      </c>
      <c r="F22149" s="1" t="s">
        <v>79262</v>
      </c>
      <c r="G22149" s="1" t="s">
        <v>79248</v>
      </c>
      <c r="H22149" s="1" t="s">
        <v>79249</v>
      </c>
      <c r="I22149" s="1" t="s">
        <v>75467</v>
      </c>
      <c r="J22149" s="1" t="s">
        <v>79263</v>
      </c>
    </row>
    <row r="22150" spans="1:10" x14ac:dyDescent="0.35">
      <c r="A22150" s="1" t="s">
        <v>13740</v>
      </c>
      <c r="B22150" s="1" t="s">
        <v>75461</v>
      </c>
      <c r="C22150" s="1" t="s">
        <v>35</v>
      </c>
      <c r="D22150" s="1" t="s">
        <v>79264</v>
      </c>
      <c r="E22150" s="1" t="s">
        <v>79265</v>
      </c>
      <c r="F22150" s="1" t="s">
        <v>79266</v>
      </c>
      <c r="G22150" s="1" t="s">
        <v>79248</v>
      </c>
      <c r="H22150" s="1" t="s">
        <v>79249</v>
      </c>
      <c r="I22150" s="1" t="s">
        <v>75467</v>
      </c>
      <c r="J22150" s="1" t="s">
        <v>79267</v>
      </c>
    </row>
    <row r="22151" spans="1:10" x14ac:dyDescent="0.35">
      <c r="A22151" s="1" t="s">
        <v>13740</v>
      </c>
      <c r="B22151" s="1" t="s">
        <v>75461</v>
      </c>
      <c r="C22151" s="1" t="s">
        <v>40</v>
      </c>
      <c r="D22151" s="1" t="s">
        <v>79268</v>
      </c>
      <c r="E22151" s="1" t="s">
        <v>79269</v>
      </c>
      <c r="F22151" s="1" t="s">
        <v>79270</v>
      </c>
      <c r="G22151" s="1" t="s">
        <v>79248</v>
      </c>
      <c r="H22151" s="1" t="s">
        <v>79249</v>
      </c>
      <c r="I22151" s="1" t="s">
        <v>75467</v>
      </c>
      <c r="J22151" s="1" t="s">
        <v>79271</v>
      </c>
    </row>
    <row r="22152" spans="1:10" x14ac:dyDescent="0.35">
      <c r="A22152" s="1" t="s">
        <v>13740</v>
      </c>
      <c r="B22152" s="1" t="s">
        <v>75461</v>
      </c>
      <c r="C22152" s="1" t="s">
        <v>45</v>
      </c>
      <c r="D22152" s="1" t="s">
        <v>79272</v>
      </c>
      <c r="E22152" s="1" t="s">
        <v>79273</v>
      </c>
      <c r="F22152" s="1" t="s">
        <v>79274</v>
      </c>
      <c r="G22152" s="1" t="s">
        <v>79248</v>
      </c>
      <c r="H22152" s="1" t="s">
        <v>79249</v>
      </c>
      <c r="I22152" s="1" t="s">
        <v>75467</v>
      </c>
      <c r="J22152" s="1" t="s">
        <v>79275</v>
      </c>
    </row>
    <row r="22153" spans="1:10" x14ac:dyDescent="0.35">
      <c r="A22153" s="1" t="s">
        <v>13740</v>
      </c>
      <c r="B22153" s="1" t="s">
        <v>75461</v>
      </c>
      <c r="C22153" s="1" t="s">
        <v>50</v>
      </c>
      <c r="D22153" s="1" t="s">
        <v>20335</v>
      </c>
      <c r="E22153" s="1" t="s">
        <v>79276</v>
      </c>
      <c r="F22153" s="1" t="s">
        <v>79277</v>
      </c>
      <c r="G22153" s="1" t="s">
        <v>79248</v>
      </c>
      <c r="H22153" s="1" t="s">
        <v>79249</v>
      </c>
      <c r="I22153" s="1" t="s">
        <v>75467</v>
      </c>
      <c r="J22153" s="1" t="s">
        <v>79278</v>
      </c>
    </row>
    <row r="22154" spans="1:10" x14ac:dyDescent="0.35">
      <c r="A22154" s="1" t="s">
        <v>13740</v>
      </c>
      <c r="B22154" s="1" t="s">
        <v>75461</v>
      </c>
      <c r="C22154" s="1" t="s">
        <v>55</v>
      </c>
      <c r="D22154" s="1" t="s">
        <v>63563</v>
      </c>
      <c r="E22154" s="1" t="s">
        <v>79279</v>
      </c>
      <c r="F22154" s="1" t="s">
        <v>79280</v>
      </c>
      <c r="G22154" s="1" t="s">
        <v>79248</v>
      </c>
      <c r="H22154" s="1" t="s">
        <v>79249</v>
      </c>
      <c r="I22154" s="1" t="s">
        <v>75467</v>
      </c>
      <c r="J22154" s="1" t="s">
        <v>79281</v>
      </c>
    </row>
    <row r="22155" spans="1:10" x14ac:dyDescent="0.35">
      <c r="A22155" s="1" t="s">
        <v>13740</v>
      </c>
      <c r="B22155" s="1" t="s">
        <v>75461</v>
      </c>
      <c r="C22155" s="1" t="s">
        <v>60</v>
      </c>
      <c r="D22155" s="1" t="s">
        <v>79282</v>
      </c>
      <c r="E22155" s="1" t="s">
        <v>79283</v>
      </c>
      <c r="F22155" s="1" t="s">
        <v>79284</v>
      </c>
      <c r="G22155" s="1" t="s">
        <v>79248</v>
      </c>
      <c r="H22155" s="1" t="s">
        <v>79249</v>
      </c>
      <c r="I22155" s="1" t="s">
        <v>75467</v>
      </c>
      <c r="J22155" s="1" t="s">
        <v>79285</v>
      </c>
    </row>
    <row r="22156" spans="1:10" x14ac:dyDescent="0.35">
      <c r="A22156" s="1" t="s">
        <v>13740</v>
      </c>
      <c r="B22156" s="1" t="s">
        <v>75461</v>
      </c>
      <c r="C22156" s="1" t="s">
        <v>65</v>
      </c>
      <c r="D22156" s="1" t="s">
        <v>79286</v>
      </c>
      <c r="E22156" s="1" t="s">
        <v>79287</v>
      </c>
      <c r="F22156" s="1" t="s">
        <v>79288</v>
      </c>
      <c r="G22156" s="1" t="s">
        <v>79248</v>
      </c>
      <c r="H22156" s="1" t="s">
        <v>79249</v>
      </c>
      <c r="I22156" s="1" t="s">
        <v>75467</v>
      </c>
      <c r="J22156" s="1" t="s">
        <v>79289</v>
      </c>
    </row>
    <row r="22157" spans="1:10" x14ac:dyDescent="0.35">
      <c r="A22157" s="1" t="s">
        <v>13740</v>
      </c>
      <c r="B22157" s="1" t="s">
        <v>75461</v>
      </c>
      <c r="C22157" s="1" t="s">
        <v>70</v>
      </c>
      <c r="D22157" s="1" t="s">
        <v>79290</v>
      </c>
      <c r="E22157" s="1" t="s">
        <v>79291</v>
      </c>
      <c r="F22157" s="1" t="s">
        <v>79292</v>
      </c>
      <c r="G22157" s="1" t="s">
        <v>79248</v>
      </c>
      <c r="H22157" s="1" t="s">
        <v>79249</v>
      </c>
      <c r="I22157" s="1" t="s">
        <v>75467</v>
      </c>
      <c r="J22157" s="1" t="s">
        <v>79293</v>
      </c>
    </row>
    <row r="22158" spans="1:10" x14ac:dyDescent="0.35">
      <c r="A22158" s="1" t="s">
        <v>13740</v>
      </c>
      <c r="B22158" s="1" t="s">
        <v>75461</v>
      </c>
      <c r="C22158" s="1" t="s">
        <v>75</v>
      </c>
      <c r="D22158" s="1" t="s">
        <v>79294</v>
      </c>
      <c r="E22158" s="1" t="s">
        <v>79295</v>
      </c>
      <c r="F22158" s="1" t="s">
        <v>79296</v>
      </c>
      <c r="G22158" s="1" t="s">
        <v>79248</v>
      </c>
      <c r="H22158" s="1" t="s">
        <v>79249</v>
      </c>
      <c r="I22158" s="1" t="s">
        <v>75467</v>
      </c>
      <c r="J22158" s="1" t="s">
        <v>79297</v>
      </c>
    </row>
    <row r="22159" spans="1:10" x14ac:dyDescent="0.35">
      <c r="A22159" s="1" t="s">
        <v>13740</v>
      </c>
      <c r="B22159" s="1" t="s">
        <v>75461</v>
      </c>
      <c r="C22159" s="1" t="s">
        <v>80</v>
      </c>
      <c r="D22159" s="1" t="s">
        <v>79298</v>
      </c>
      <c r="E22159" s="1" t="s">
        <v>79299</v>
      </c>
      <c r="F22159" s="1" t="s">
        <v>79300</v>
      </c>
      <c r="G22159" s="1" t="s">
        <v>79248</v>
      </c>
      <c r="H22159" s="1" t="s">
        <v>79249</v>
      </c>
      <c r="I22159" s="1" t="s">
        <v>75467</v>
      </c>
      <c r="J22159" s="1" t="s">
        <v>79301</v>
      </c>
    </row>
    <row r="22160" spans="1:10" x14ac:dyDescent="0.35">
      <c r="A22160" s="1" t="s">
        <v>13740</v>
      </c>
      <c r="B22160" s="1" t="s">
        <v>75461</v>
      </c>
      <c r="C22160" s="1" t="s">
        <v>85</v>
      </c>
      <c r="D22160" s="1" t="s">
        <v>79302</v>
      </c>
      <c r="E22160" s="1" t="s">
        <v>79303</v>
      </c>
      <c r="F22160" s="1" t="s">
        <v>79304</v>
      </c>
      <c r="G22160" s="1" t="s">
        <v>79248</v>
      </c>
      <c r="H22160" s="1" t="s">
        <v>79249</v>
      </c>
      <c r="I22160" s="1" t="s">
        <v>75467</v>
      </c>
      <c r="J22160" s="1" t="s">
        <v>79305</v>
      </c>
    </row>
    <row r="22161" spans="1:10" x14ac:dyDescent="0.35">
      <c r="A22161" s="1" t="s">
        <v>13740</v>
      </c>
      <c r="B22161" s="1" t="s">
        <v>75461</v>
      </c>
      <c r="C22161" s="1" t="s">
        <v>90</v>
      </c>
      <c r="D22161" s="1" t="s">
        <v>67131</v>
      </c>
      <c r="E22161" s="1" t="s">
        <v>79306</v>
      </c>
      <c r="F22161" s="1" t="s">
        <v>79307</v>
      </c>
      <c r="G22161" s="1" t="s">
        <v>79248</v>
      </c>
      <c r="H22161" s="1" t="s">
        <v>79249</v>
      </c>
      <c r="I22161" s="1" t="s">
        <v>75467</v>
      </c>
      <c r="J22161" s="1" t="s">
        <v>79308</v>
      </c>
    </row>
    <row r="22162" spans="1:10" x14ac:dyDescent="0.35">
      <c r="A22162" s="1" t="s">
        <v>13740</v>
      </c>
      <c r="B22162" s="1" t="s">
        <v>75461</v>
      </c>
      <c r="C22162" s="1" t="s">
        <v>95</v>
      </c>
      <c r="D22162" s="1" t="s">
        <v>79309</v>
      </c>
      <c r="E22162" s="1" t="s">
        <v>79310</v>
      </c>
      <c r="F22162" s="1" t="s">
        <v>79311</v>
      </c>
      <c r="G22162" s="1" t="s">
        <v>79248</v>
      </c>
      <c r="H22162" s="1" t="s">
        <v>79249</v>
      </c>
      <c r="I22162" s="1" t="s">
        <v>75467</v>
      </c>
      <c r="J22162" s="1" t="s">
        <v>79312</v>
      </c>
    </row>
    <row r="22163" spans="1:10" x14ac:dyDescent="0.35">
      <c r="A22163" s="1" t="s">
        <v>13740</v>
      </c>
      <c r="B22163" s="1" t="s">
        <v>75461</v>
      </c>
      <c r="C22163" s="1" t="s">
        <v>100</v>
      </c>
      <c r="D22163" s="1" t="s">
        <v>79313</v>
      </c>
      <c r="E22163" s="1" t="s">
        <v>79314</v>
      </c>
      <c r="F22163" s="1" t="s">
        <v>79315</v>
      </c>
      <c r="G22163" s="1" t="s">
        <v>79248</v>
      </c>
      <c r="H22163" s="1" t="s">
        <v>79249</v>
      </c>
      <c r="I22163" s="1" t="s">
        <v>75467</v>
      </c>
      <c r="J22163" s="1" t="s">
        <v>79316</v>
      </c>
    </row>
    <row r="22164" spans="1:10" x14ac:dyDescent="0.35">
      <c r="A22164" s="1" t="s">
        <v>13740</v>
      </c>
      <c r="B22164" s="1" t="s">
        <v>75461</v>
      </c>
      <c r="C22164" s="1" t="s">
        <v>105</v>
      </c>
      <c r="D22164" s="1" t="s">
        <v>79317</v>
      </c>
      <c r="E22164" s="1" t="s">
        <v>79318</v>
      </c>
      <c r="F22164" s="1" t="s">
        <v>79319</v>
      </c>
      <c r="G22164" s="1" t="s">
        <v>79248</v>
      </c>
      <c r="H22164" s="1" t="s">
        <v>79249</v>
      </c>
      <c r="I22164" s="1" t="s">
        <v>75467</v>
      </c>
      <c r="J22164" s="1" t="s">
        <v>79320</v>
      </c>
    </row>
    <row r="22165" spans="1:10" x14ac:dyDescent="0.35">
      <c r="A22165" s="1" t="s">
        <v>13740</v>
      </c>
      <c r="B22165" s="1" t="s">
        <v>75461</v>
      </c>
      <c r="C22165" s="1" t="s">
        <v>110</v>
      </c>
      <c r="D22165" s="1" t="s">
        <v>79321</v>
      </c>
      <c r="E22165" s="1" t="s">
        <v>79322</v>
      </c>
      <c r="F22165" s="1" t="s">
        <v>79323</v>
      </c>
      <c r="G22165" s="1" t="s">
        <v>79248</v>
      </c>
      <c r="H22165" s="1" t="s">
        <v>79249</v>
      </c>
      <c r="I22165" s="1" t="s">
        <v>75467</v>
      </c>
      <c r="J22165" s="1" t="s">
        <v>79324</v>
      </c>
    </row>
    <row r="22166" spans="1:10" x14ac:dyDescent="0.35">
      <c r="A22166" s="1" t="s">
        <v>13740</v>
      </c>
      <c r="B22166" s="1" t="s">
        <v>75461</v>
      </c>
      <c r="C22166" s="1" t="s">
        <v>115</v>
      </c>
      <c r="D22166" s="1" t="s">
        <v>11159</v>
      </c>
      <c r="E22166" s="1" t="s">
        <v>79325</v>
      </c>
      <c r="F22166" s="1" t="s">
        <v>79326</v>
      </c>
      <c r="G22166" s="1" t="s">
        <v>79248</v>
      </c>
      <c r="H22166" s="1" t="s">
        <v>79249</v>
      </c>
      <c r="I22166" s="1" t="s">
        <v>75467</v>
      </c>
      <c r="J22166" s="1" t="s">
        <v>79327</v>
      </c>
    </row>
    <row r="22167" spans="1:10" x14ac:dyDescent="0.35">
      <c r="A22167" s="1" t="s">
        <v>13740</v>
      </c>
      <c r="B22167" s="1" t="s">
        <v>75461</v>
      </c>
      <c r="C22167" s="1" t="s">
        <v>120</v>
      </c>
      <c r="D22167" s="1" t="s">
        <v>79328</v>
      </c>
      <c r="E22167" s="1" t="s">
        <v>79329</v>
      </c>
      <c r="F22167" s="1" t="s">
        <v>79330</v>
      </c>
      <c r="G22167" s="1" t="s">
        <v>79248</v>
      </c>
      <c r="H22167" s="1" t="s">
        <v>79249</v>
      </c>
      <c r="I22167" s="1" t="s">
        <v>75467</v>
      </c>
      <c r="J22167" s="1" t="s">
        <v>79331</v>
      </c>
    </row>
    <row r="22168" spans="1:10" x14ac:dyDescent="0.35">
      <c r="A22168" s="1" t="s">
        <v>13740</v>
      </c>
      <c r="B22168" s="1" t="s">
        <v>75461</v>
      </c>
      <c r="C22168" s="1" t="s">
        <v>125</v>
      </c>
      <c r="D22168" s="1" t="s">
        <v>61028</v>
      </c>
      <c r="E22168" s="1" t="s">
        <v>79332</v>
      </c>
      <c r="F22168" s="1" t="s">
        <v>79333</v>
      </c>
      <c r="G22168" s="1" t="s">
        <v>79248</v>
      </c>
      <c r="H22168" s="1" t="s">
        <v>79249</v>
      </c>
      <c r="I22168" s="1" t="s">
        <v>75467</v>
      </c>
      <c r="J22168" s="1" t="s">
        <v>79334</v>
      </c>
    </row>
    <row r="22169" spans="1:10" x14ac:dyDescent="0.35">
      <c r="A22169" s="1" t="s">
        <v>13740</v>
      </c>
      <c r="B22169" s="1" t="s">
        <v>75461</v>
      </c>
      <c r="C22169" s="1" t="s">
        <v>130</v>
      </c>
      <c r="D22169" s="1" t="s">
        <v>79335</v>
      </c>
      <c r="E22169" s="1" t="s">
        <v>79336</v>
      </c>
      <c r="F22169" s="1" t="s">
        <v>79337</v>
      </c>
      <c r="G22169" s="1" t="s">
        <v>79248</v>
      </c>
      <c r="H22169" s="1" t="s">
        <v>79249</v>
      </c>
      <c r="I22169" s="1" t="s">
        <v>75467</v>
      </c>
      <c r="J22169" s="1" t="s">
        <v>79338</v>
      </c>
    </row>
    <row r="22170" spans="1:10" x14ac:dyDescent="0.35">
      <c r="A22170" s="1" t="s">
        <v>13740</v>
      </c>
      <c r="B22170" s="1" t="s">
        <v>75461</v>
      </c>
      <c r="C22170" s="1" t="s">
        <v>135</v>
      </c>
      <c r="D22170" s="1" t="s">
        <v>63128</v>
      </c>
      <c r="E22170" s="1" t="s">
        <v>79339</v>
      </c>
      <c r="F22170" s="1" t="s">
        <v>79340</v>
      </c>
      <c r="G22170" s="1" t="s">
        <v>79248</v>
      </c>
      <c r="H22170" s="1" t="s">
        <v>79249</v>
      </c>
      <c r="I22170" s="1" t="s">
        <v>75467</v>
      </c>
      <c r="J22170" s="1" t="s">
        <v>79341</v>
      </c>
    </row>
    <row r="22171" spans="1:10" x14ac:dyDescent="0.35">
      <c r="A22171" s="1" t="s">
        <v>13740</v>
      </c>
      <c r="B22171" s="1" t="s">
        <v>75461</v>
      </c>
      <c r="C22171" s="1" t="s">
        <v>140</v>
      </c>
      <c r="D22171" s="1" t="s">
        <v>79342</v>
      </c>
      <c r="E22171" s="1" t="s">
        <v>79343</v>
      </c>
      <c r="F22171" s="1" t="s">
        <v>79344</v>
      </c>
      <c r="G22171" s="1" t="s">
        <v>79248</v>
      </c>
      <c r="H22171" s="1" t="s">
        <v>79249</v>
      </c>
      <c r="I22171" s="1" t="s">
        <v>75467</v>
      </c>
      <c r="J22171" s="1" t="s">
        <v>79345</v>
      </c>
    </row>
    <row r="22172" spans="1:10" x14ac:dyDescent="0.35">
      <c r="A22172" s="1" t="s">
        <v>13740</v>
      </c>
      <c r="B22172" s="1" t="s">
        <v>75461</v>
      </c>
      <c r="C22172" s="1" t="s">
        <v>145</v>
      </c>
      <c r="D22172" s="1" t="s">
        <v>79346</v>
      </c>
      <c r="E22172" s="1" t="s">
        <v>79347</v>
      </c>
      <c r="F22172" s="1" t="s">
        <v>79348</v>
      </c>
      <c r="G22172" s="1" t="s">
        <v>79248</v>
      </c>
      <c r="H22172" s="1" t="s">
        <v>79249</v>
      </c>
      <c r="I22172" s="1" t="s">
        <v>75467</v>
      </c>
      <c r="J22172" s="1" t="s">
        <v>79349</v>
      </c>
    </row>
    <row r="22173" spans="1:10" x14ac:dyDescent="0.35">
      <c r="A22173" s="1" t="s">
        <v>13740</v>
      </c>
      <c r="B22173" s="1" t="s">
        <v>75461</v>
      </c>
      <c r="C22173" s="1" t="s">
        <v>150</v>
      </c>
      <c r="D22173" s="1" t="s">
        <v>63020</v>
      </c>
      <c r="E22173" s="1" t="s">
        <v>79350</v>
      </c>
      <c r="F22173" s="1" t="s">
        <v>79351</v>
      </c>
      <c r="G22173" s="1" t="s">
        <v>79248</v>
      </c>
      <c r="H22173" s="1" t="s">
        <v>79249</v>
      </c>
      <c r="I22173" s="1" t="s">
        <v>75467</v>
      </c>
      <c r="J22173" s="1" t="s">
        <v>79352</v>
      </c>
    </row>
    <row r="22174" spans="1:10" x14ac:dyDescent="0.35">
      <c r="A22174" s="1" t="s">
        <v>13740</v>
      </c>
      <c r="B22174" s="1" t="s">
        <v>75461</v>
      </c>
      <c r="C22174" s="1" t="s">
        <v>155</v>
      </c>
      <c r="D22174" s="1" t="s">
        <v>79353</v>
      </c>
      <c r="E22174" s="1" t="s">
        <v>79354</v>
      </c>
      <c r="F22174" s="1" t="s">
        <v>79355</v>
      </c>
      <c r="G22174" s="1" t="s">
        <v>79248</v>
      </c>
      <c r="H22174" s="1" t="s">
        <v>79249</v>
      </c>
      <c r="I22174" s="1" t="s">
        <v>75467</v>
      </c>
      <c r="J22174" s="1" t="s">
        <v>79356</v>
      </c>
    </row>
    <row r="22175" spans="1:10" x14ac:dyDescent="0.35">
      <c r="A22175" s="1" t="s">
        <v>13740</v>
      </c>
      <c r="B22175" s="1" t="s">
        <v>75461</v>
      </c>
      <c r="C22175" s="1" t="s">
        <v>160</v>
      </c>
      <c r="D22175" s="1" t="s">
        <v>79357</v>
      </c>
      <c r="E22175" s="1" t="s">
        <v>79358</v>
      </c>
      <c r="F22175" s="1" t="s">
        <v>79359</v>
      </c>
      <c r="G22175" s="1" t="s">
        <v>79248</v>
      </c>
      <c r="H22175" s="1" t="s">
        <v>79249</v>
      </c>
      <c r="I22175" s="1" t="s">
        <v>75467</v>
      </c>
      <c r="J22175" s="1" t="s">
        <v>79360</v>
      </c>
    </row>
    <row r="22176" spans="1:10" x14ac:dyDescent="0.35">
      <c r="A22176" s="1" t="s">
        <v>13740</v>
      </c>
      <c r="B22176" s="1" t="s">
        <v>75461</v>
      </c>
      <c r="C22176" s="1" t="s">
        <v>165</v>
      </c>
      <c r="D22176" s="1" t="s">
        <v>79361</v>
      </c>
      <c r="E22176" s="1" t="s">
        <v>79362</v>
      </c>
      <c r="F22176" s="1" t="s">
        <v>79363</v>
      </c>
      <c r="G22176" s="1" t="s">
        <v>79248</v>
      </c>
      <c r="H22176" s="1" t="s">
        <v>79249</v>
      </c>
      <c r="I22176" s="1" t="s">
        <v>75467</v>
      </c>
      <c r="J22176" s="1" t="s">
        <v>79364</v>
      </c>
    </row>
    <row r="22177" spans="1:10" x14ac:dyDescent="0.35">
      <c r="A22177" s="1" t="s">
        <v>13740</v>
      </c>
      <c r="B22177" s="1" t="s">
        <v>75461</v>
      </c>
      <c r="C22177" s="1" t="s">
        <v>170</v>
      </c>
      <c r="D22177" s="1" t="s">
        <v>79365</v>
      </c>
      <c r="E22177" s="1" t="s">
        <v>79366</v>
      </c>
      <c r="F22177" s="1" t="s">
        <v>79367</v>
      </c>
      <c r="G22177" s="1" t="s">
        <v>79248</v>
      </c>
      <c r="H22177" s="1" t="s">
        <v>79249</v>
      </c>
      <c r="I22177" s="1" t="s">
        <v>75467</v>
      </c>
      <c r="J22177" s="1" t="s">
        <v>79368</v>
      </c>
    </row>
    <row r="22178" spans="1:10" x14ac:dyDescent="0.35">
      <c r="A22178" s="1" t="s">
        <v>1101</v>
      </c>
      <c r="B22178" s="1" t="s">
        <v>75461</v>
      </c>
      <c r="C22178" s="1" t="s">
        <v>8</v>
      </c>
      <c r="D22178" s="1" t="s">
        <v>79369</v>
      </c>
      <c r="E22178" s="1" t="s">
        <v>79370</v>
      </c>
      <c r="F22178" s="1" t="s">
        <v>79371</v>
      </c>
      <c r="G22178" s="1" t="s">
        <v>79372</v>
      </c>
      <c r="H22178" s="1" t="s">
        <v>79373</v>
      </c>
      <c r="I22178" s="1" t="s">
        <v>75467</v>
      </c>
      <c r="J22178" s="1" t="s">
        <v>13</v>
      </c>
    </row>
    <row r="22179" spans="1:10" x14ac:dyDescent="0.35">
      <c r="A22179" s="1" t="s">
        <v>1101</v>
      </c>
      <c r="B22179" s="1" t="s">
        <v>75461</v>
      </c>
      <c r="C22179" s="1" t="s">
        <v>15</v>
      </c>
      <c r="D22179" s="1" t="s">
        <v>79374</v>
      </c>
      <c r="E22179" s="1" t="s">
        <v>79375</v>
      </c>
      <c r="F22179" s="1" t="s">
        <v>79376</v>
      </c>
      <c r="G22179" s="1" t="s">
        <v>79372</v>
      </c>
      <c r="H22179" s="1" t="s">
        <v>79373</v>
      </c>
      <c r="I22179" s="1" t="s">
        <v>75467</v>
      </c>
      <c r="J22179" s="1" t="s">
        <v>79377</v>
      </c>
    </row>
    <row r="22180" spans="1:10" x14ac:dyDescent="0.35">
      <c r="A22180" s="1" t="s">
        <v>1101</v>
      </c>
      <c r="B22180" s="1" t="s">
        <v>75461</v>
      </c>
      <c r="C22180" s="1" t="s">
        <v>20</v>
      </c>
      <c r="D22180" s="1" t="s">
        <v>79378</v>
      </c>
      <c r="E22180" s="1" t="s">
        <v>79379</v>
      </c>
      <c r="F22180" s="1" t="s">
        <v>79380</v>
      </c>
      <c r="G22180" s="1" t="s">
        <v>79372</v>
      </c>
      <c r="H22180" s="1" t="s">
        <v>79373</v>
      </c>
      <c r="I22180" s="1" t="s">
        <v>75467</v>
      </c>
      <c r="J22180" s="1" t="s">
        <v>79381</v>
      </c>
    </row>
    <row r="22181" spans="1:10" x14ac:dyDescent="0.35">
      <c r="A22181" s="1" t="s">
        <v>1101</v>
      </c>
      <c r="B22181" s="1" t="s">
        <v>75461</v>
      </c>
      <c r="C22181" s="1" t="s">
        <v>25</v>
      </c>
      <c r="D22181" s="1" t="s">
        <v>79382</v>
      </c>
      <c r="E22181" s="1" t="s">
        <v>79383</v>
      </c>
      <c r="F22181" s="1" t="s">
        <v>79384</v>
      </c>
      <c r="G22181" s="1" t="s">
        <v>79372</v>
      </c>
      <c r="H22181" s="1" t="s">
        <v>79373</v>
      </c>
      <c r="I22181" s="1" t="s">
        <v>75467</v>
      </c>
      <c r="J22181" s="1" t="s">
        <v>79385</v>
      </c>
    </row>
    <row r="22182" spans="1:10" x14ac:dyDescent="0.35">
      <c r="A22182" s="1" t="s">
        <v>1101</v>
      </c>
      <c r="B22182" s="1" t="s">
        <v>75461</v>
      </c>
      <c r="C22182" s="1" t="s">
        <v>30</v>
      </c>
      <c r="D22182" s="1" t="s">
        <v>79386</v>
      </c>
      <c r="E22182" s="1" t="s">
        <v>79387</v>
      </c>
      <c r="F22182" s="1" t="s">
        <v>79388</v>
      </c>
      <c r="G22182" s="1" t="s">
        <v>79372</v>
      </c>
      <c r="H22182" s="1" t="s">
        <v>79373</v>
      </c>
      <c r="I22182" s="1" t="s">
        <v>75467</v>
      </c>
      <c r="J22182" s="1" t="s">
        <v>79389</v>
      </c>
    </row>
    <row r="22183" spans="1:10" x14ac:dyDescent="0.35">
      <c r="A22183" s="1" t="s">
        <v>1101</v>
      </c>
      <c r="B22183" s="1" t="s">
        <v>75461</v>
      </c>
      <c r="C22183" s="1" t="s">
        <v>35</v>
      </c>
      <c r="D22183" s="1" t="s">
        <v>79390</v>
      </c>
      <c r="E22183" s="1" t="s">
        <v>79391</v>
      </c>
      <c r="F22183" s="1" t="s">
        <v>79392</v>
      </c>
      <c r="G22183" s="1" t="s">
        <v>79372</v>
      </c>
      <c r="H22183" s="1" t="s">
        <v>79373</v>
      </c>
      <c r="I22183" s="1" t="s">
        <v>75467</v>
      </c>
      <c r="J22183" s="1" t="s">
        <v>79393</v>
      </c>
    </row>
    <row r="22184" spans="1:10" x14ac:dyDescent="0.35">
      <c r="A22184" s="1" t="s">
        <v>1101</v>
      </c>
      <c r="B22184" s="1" t="s">
        <v>75461</v>
      </c>
      <c r="C22184" s="1" t="s">
        <v>40</v>
      </c>
      <c r="D22184" s="1" t="s">
        <v>20670</v>
      </c>
      <c r="E22184" s="1" t="s">
        <v>79394</v>
      </c>
      <c r="F22184" s="1" t="s">
        <v>79395</v>
      </c>
      <c r="G22184" s="1" t="s">
        <v>79372</v>
      </c>
      <c r="H22184" s="1" t="s">
        <v>79373</v>
      </c>
      <c r="I22184" s="1" t="s">
        <v>75467</v>
      </c>
      <c r="J22184" s="1" t="s">
        <v>79396</v>
      </c>
    </row>
    <row r="22185" spans="1:10" x14ac:dyDescent="0.35">
      <c r="A22185" s="1" t="s">
        <v>1101</v>
      </c>
      <c r="B22185" s="1" t="s">
        <v>75461</v>
      </c>
      <c r="C22185" s="1" t="s">
        <v>45</v>
      </c>
      <c r="D22185" s="1" t="s">
        <v>79397</v>
      </c>
      <c r="E22185" s="1" t="s">
        <v>79398</v>
      </c>
      <c r="F22185" s="1" t="s">
        <v>79399</v>
      </c>
      <c r="G22185" s="1" t="s">
        <v>79372</v>
      </c>
      <c r="H22185" s="1" t="s">
        <v>79373</v>
      </c>
      <c r="I22185" s="1" t="s">
        <v>75467</v>
      </c>
      <c r="J22185" s="1" t="s">
        <v>79400</v>
      </c>
    </row>
    <row r="22186" spans="1:10" x14ac:dyDescent="0.35">
      <c r="A22186" s="1" t="s">
        <v>1101</v>
      </c>
      <c r="B22186" s="1" t="s">
        <v>75461</v>
      </c>
      <c r="C22186" s="1" t="s">
        <v>50</v>
      </c>
      <c r="D22186" s="1" t="s">
        <v>41779</v>
      </c>
      <c r="E22186" s="1" t="s">
        <v>79401</v>
      </c>
      <c r="F22186" s="1" t="s">
        <v>79402</v>
      </c>
      <c r="G22186" s="1" t="s">
        <v>79372</v>
      </c>
      <c r="H22186" s="1" t="s">
        <v>79373</v>
      </c>
      <c r="I22186" s="1" t="s">
        <v>75467</v>
      </c>
      <c r="J22186" s="1" t="s">
        <v>79403</v>
      </c>
    </row>
    <row r="22187" spans="1:10" x14ac:dyDescent="0.35">
      <c r="A22187" s="1" t="s">
        <v>1101</v>
      </c>
      <c r="B22187" s="1" t="s">
        <v>75461</v>
      </c>
      <c r="C22187" s="1" t="s">
        <v>55</v>
      </c>
      <c r="D22187" s="1" t="s">
        <v>78382</v>
      </c>
      <c r="E22187" s="1" t="s">
        <v>79404</v>
      </c>
      <c r="F22187" s="1" t="s">
        <v>79405</v>
      </c>
      <c r="G22187" s="1" t="s">
        <v>79372</v>
      </c>
      <c r="H22187" s="1" t="s">
        <v>79373</v>
      </c>
      <c r="I22187" s="1" t="s">
        <v>75467</v>
      </c>
      <c r="J22187" s="1" t="s">
        <v>79406</v>
      </c>
    </row>
    <row r="22188" spans="1:10" x14ac:dyDescent="0.35">
      <c r="A22188" s="1" t="s">
        <v>1101</v>
      </c>
      <c r="B22188" s="1" t="s">
        <v>75461</v>
      </c>
      <c r="C22188" s="1" t="s">
        <v>60</v>
      </c>
      <c r="D22188" s="1" t="s">
        <v>79407</v>
      </c>
      <c r="E22188" s="1" t="s">
        <v>79408</v>
      </c>
      <c r="F22188" s="1" t="s">
        <v>79409</v>
      </c>
      <c r="G22188" s="1" t="s">
        <v>79372</v>
      </c>
      <c r="H22188" s="1" t="s">
        <v>79373</v>
      </c>
      <c r="I22188" s="1" t="s">
        <v>75467</v>
      </c>
      <c r="J22188" s="1" t="s">
        <v>79410</v>
      </c>
    </row>
    <row r="22189" spans="1:10" x14ac:dyDescent="0.35">
      <c r="A22189" s="1" t="s">
        <v>1101</v>
      </c>
      <c r="B22189" s="1" t="s">
        <v>75461</v>
      </c>
      <c r="C22189" s="1" t="s">
        <v>65</v>
      </c>
      <c r="D22189" s="1" t="s">
        <v>79411</v>
      </c>
      <c r="E22189" s="1" t="s">
        <v>79412</v>
      </c>
      <c r="F22189" s="1" t="s">
        <v>79413</v>
      </c>
      <c r="G22189" s="1" t="s">
        <v>79372</v>
      </c>
      <c r="H22189" s="1" t="s">
        <v>79373</v>
      </c>
      <c r="I22189" s="1" t="s">
        <v>75467</v>
      </c>
      <c r="J22189" s="1" t="s">
        <v>79414</v>
      </c>
    </row>
    <row r="22190" spans="1:10" x14ac:dyDescent="0.35">
      <c r="A22190" s="1" t="s">
        <v>1101</v>
      </c>
      <c r="B22190" s="1" t="s">
        <v>75461</v>
      </c>
      <c r="C22190" s="1" t="s">
        <v>70</v>
      </c>
      <c r="D22190" s="1" t="s">
        <v>79415</v>
      </c>
      <c r="E22190" s="1" t="s">
        <v>79416</v>
      </c>
      <c r="F22190" s="1" t="s">
        <v>79417</v>
      </c>
      <c r="G22190" s="1" t="s">
        <v>79372</v>
      </c>
      <c r="H22190" s="1" t="s">
        <v>79373</v>
      </c>
      <c r="I22190" s="1" t="s">
        <v>75467</v>
      </c>
      <c r="J22190" s="1" t="s">
        <v>79418</v>
      </c>
    </row>
    <row r="22191" spans="1:10" x14ac:dyDescent="0.35">
      <c r="A22191" s="1" t="s">
        <v>1101</v>
      </c>
      <c r="B22191" s="1" t="s">
        <v>75461</v>
      </c>
      <c r="C22191" s="1" t="s">
        <v>75</v>
      </c>
      <c r="D22191" s="1" t="s">
        <v>79419</v>
      </c>
      <c r="E22191" s="1" t="s">
        <v>79420</v>
      </c>
      <c r="F22191" s="1" t="s">
        <v>79421</v>
      </c>
      <c r="G22191" s="1" t="s">
        <v>79372</v>
      </c>
      <c r="H22191" s="1" t="s">
        <v>79373</v>
      </c>
      <c r="I22191" s="1" t="s">
        <v>75467</v>
      </c>
      <c r="J22191" s="1" t="s">
        <v>79422</v>
      </c>
    </row>
    <row r="22192" spans="1:10" x14ac:dyDescent="0.35">
      <c r="A22192" s="1" t="s">
        <v>1101</v>
      </c>
      <c r="B22192" s="1" t="s">
        <v>75461</v>
      </c>
      <c r="C22192" s="1" t="s">
        <v>80</v>
      </c>
      <c r="D22192" s="1" t="s">
        <v>79423</v>
      </c>
      <c r="E22192" s="1" t="s">
        <v>79424</v>
      </c>
      <c r="F22192" s="1" t="s">
        <v>79425</v>
      </c>
      <c r="G22192" s="1" t="s">
        <v>79372</v>
      </c>
      <c r="H22192" s="1" t="s">
        <v>79373</v>
      </c>
      <c r="I22192" s="1" t="s">
        <v>75467</v>
      </c>
      <c r="J22192" s="1" t="s">
        <v>79426</v>
      </c>
    </row>
    <row r="22193" spans="1:10" x14ac:dyDescent="0.35">
      <c r="A22193" s="1" t="s">
        <v>1101</v>
      </c>
      <c r="B22193" s="1" t="s">
        <v>75461</v>
      </c>
      <c r="C22193" s="1" t="s">
        <v>85</v>
      </c>
      <c r="D22193" s="1" t="s">
        <v>79427</v>
      </c>
      <c r="E22193" s="1" t="s">
        <v>79428</v>
      </c>
      <c r="F22193" s="1" t="s">
        <v>79429</v>
      </c>
      <c r="G22193" s="1" t="s">
        <v>79372</v>
      </c>
      <c r="H22193" s="1" t="s">
        <v>79373</v>
      </c>
      <c r="I22193" s="1" t="s">
        <v>75467</v>
      </c>
      <c r="J22193" s="1" t="s">
        <v>79430</v>
      </c>
    </row>
    <row r="22194" spans="1:10" x14ac:dyDescent="0.35">
      <c r="A22194" s="1" t="s">
        <v>1101</v>
      </c>
      <c r="B22194" s="1" t="s">
        <v>75461</v>
      </c>
      <c r="C22194" s="1" t="s">
        <v>90</v>
      </c>
      <c r="D22194" s="1" t="s">
        <v>79431</v>
      </c>
      <c r="E22194" s="1" t="s">
        <v>79432</v>
      </c>
      <c r="F22194" s="1" t="s">
        <v>79433</v>
      </c>
      <c r="G22194" s="1" t="s">
        <v>79372</v>
      </c>
      <c r="H22194" s="1" t="s">
        <v>79373</v>
      </c>
      <c r="I22194" s="1" t="s">
        <v>75467</v>
      </c>
      <c r="J22194" s="1" t="s">
        <v>79434</v>
      </c>
    </row>
    <row r="22195" spans="1:10" x14ac:dyDescent="0.35">
      <c r="A22195" s="1" t="s">
        <v>1101</v>
      </c>
      <c r="B22195" s="1" t="s">
        <v>75461</v>
      </c>
      <c r="C22195" s="1" t="s">
        <v>95</v>
      </c>
      <c r="D22195" s="1" t="s">
        <v>79435</v>
      </c>
      <c r="E22195" s="1" t="s">
        <v>79436</v>
      </c>
      <c r="F22195" s="1" t="s">
        <v>79437</v>
      </c>
      <c r="G22195" s="1" t="s">
        <v>79372</v>
      </c>
      <c r="H22195" s="1" t="s">
        <v>79373</v>
      </c>
      <c r="I22195" s="1" t="s">
        <v>75467</v>
      </c>
      <c r="J22195" s="1" t="s">
        <v>79438</v>
      </c>
    </row>
    <row r="22196" spans="1:10" x14ac:dyDescent="0.35">
      <c r="A22196" s="1" t="s">
        <v>1101</v>
      </c>
      <c r="B22196" s="1" t="s">
        <v>75461</v>
      </c>
      <c r="C22196" s="1" t="s">
        <v>100</v>
      </c>
      <c r="D22196" s="1" t="s">
        <v>79439</v>
      </c>
      <c r="E22196" s="1" t="s">
        <v>79440</v>
      </c>
      <c r="F22196" s="1" t="s">
        <v>79441</v>
      </c>
      <c r="G22196" s="1" t="s">
        <v>79372</v>
      </c>
      <c r="H22196" s="1" t="s">
        <v>79373</v>
      </c>
      <c r="I22196" s="1" t="s">
        <v>75467</v>
      </c>
      <c r="J22196" s="1" t="s">
        <v>79442</v>
      </c>
    </row>
    <row r="22197" spans="1:10" x14ac:dyDescent="0.35">
      <c r="A22197" s="1" t="s">
        <v>1101</v>
      </c>
      <c r="B22197" s="1" t="s">
        <v>75461</v>
      </c>
      <c r="C22197" s="1" t="s">
        <v>105</v>
      </c>
      <c r="D22197" s="1" t="s">
        <v>79443</v>
      </c>
      <c r="E22197" s="1" t="s">
        <v>79444</v>
      </c>
      <c r="F22197" s="1" t="s">
        <v>79445</v>
      </c>
      <c r="G22197" s="1" t="s">
        <v>79372</v>
      </c>
      <c r="H22197" s="1" t="s">
        <v>79373</v>
      </c>
      <c r="I22197" s="1" t="s">
        <v>75467</v>
      </c>
      <c r="J22197" s="1" t="s">
        <v>79446</v>
      </c>
    </row>
    <row r="22198" spans="1:10" x14ac:dyDescent="0.35">
      <c r="A22198" s="1" t="s">
        <v>1101</v>
      </c>
      <c r="B22198" s="1" t="s">
        <v>75461</v>
      </c>
      <c r="C22198" s="1" t="s">
        <v>110</v>
      </c>
      <c r="D22198" s="1" t="s">
        <v>79447</v>
      </c>
      <c r="E22198" s="1" t="s">
        <v>79448</v>
      </c>
      <c r="F22198" s="1" t="s">
        <v>79449</v>
      </c>
      <c r="G22198" s="1" t="s">
        <v>79372</v>
      </c>
      <c r="H22198" s="1" t="s">
        <v>79373</v>
      </c>
      <c r="I22198" s="1" t="s">
        <v>75467</v>
      </c>
      <c r="J22198" s="1" t="s">
        <v>79450</v>
      </c>
    </row>
    <row r="22199" spans="1:10" x14ac:dyDescent="0.35">
      <c r="A22199" s="1" t="s">
        <v>1101</v>
      </c>
      <c r="B22199" s="1" t="s">
        <v>75461</v>
      </c>
      <c r="C22199" s="1" t="s">
        <v>115</v>
      </c>
      <c r="D22199" s="1" t="s">
        <v>79451</v>
      </c>
      <c r="E22199" s="1" t="s">
        <v>79452</v>
      </c>
      <c r="F22199" s="1" t="s">
        <v>79453</v>
      </c>
      <c r="G22199" s="1" t="s">
        <v>79372</v>
      </c>
      <c r="H22199" s="1" t="s">
        <v>79373</v>
      </c>
      <c r="I22199" s="1" t="s">
        <v>75467</v>
      </c>
      <c r="J22199" s="1" t="s">
        <v>79454</v>
      </c>
    </row>
    <row r="22200" spans="1:10" x14ac:dyDescent="0.35">
      <c r="A22200" s="1" t="s">
        <v>1101</v>
      </c>
      <c r="B22200" s="1" t="s">
        <v>75461</v>
      </c>
      <c r="C22200" s="1" t="s">
        <v>120</v>
      </c>
      <c r="D22200" s="1" t="s">
        <v>79455</v>
      </c>
      <c r="E22200" s="1" t="s">
        <v>79456</v>
      </c>
      <c r="F22200" s="1" t="s">
        <v>79457</v>
      </c>
      <c r="G22200" s="1" t="s">
        <v>79372</v>
      </c>
      <c r="H22200" s="1" t="s">
        <v>79373</v>
      </c>
      <c r="I22200" s="1" t="s">
        <v>75467</v>
      </c>
      <c r="J22200" s="1" t="s">
        <v>79458</v>
      </c>
    </row>
    <row r="22201" spans="1:10" x14ac:dyDescent="0.35">
      <c r="A22201" s="1" t="s">
        <v>1101</v>
      </c>
      <c r="B22201" s="1" t="s">
        <v>75461</v>
      </c>
      <c r="C22201" s="1" t="s">
        <v>125</v>
      </c>
      <c r="D22201" s="1" t="s">
        <v>63064</v>
      </c>
      <c r="E22201" s="1" t="s">
        <v>79459</v>
      </c>
      <c r="F22201" s="1" t="s">
        <v>79460</v>
      </c>
      <c r="G22201" s="1" t="s">
        <v>79372</v>
      </c>
      <c r="H22201" s="1" t="s">
        <v>79373</v>
      </c>
      <c r="I22201" s="1" t="s">
        <v>75467</v>
      </c>
      <c r="J22201" s="1" t="s">
        <v>79461</v>
      </c>
    </row>
    <row r="22202" spans="1:10" x14ac:dyDescent="0.35">
      <c r="A22202" s="1" t="s">
        <v>1101</v>
      </c>
      <c r="B22202" s="1" t="s">
        <v>75461</v>
      </c>
      <c r="C22202" s="1" t="s">
        <v>130</v>
      </c>
      <c r="D22202" s="1" t="s">
        <v>79462</v>
      </c>
      <c r="E22202" s="1" t="s">
        <v>79463</v>
      </c>
      <c r="F22202" s="1" t="s">
        <v>79464</v>
      </c>
      <c r="G22202" s="1" t="s">
        <v>79372</v>
      </c>
      <c r="H22202" s="1" t="s">
        <v>79373</v>
      </c>
      <c r="I22202" s="1" t="s">
        <v>75467</v>
      </c>
      <c r="J22202" s="1" t="s">
        <v>79465</v>
      </c>
    </row>
    <row r="22203" spans="1:10" x14ac:dyDescent="0.35">
      <c r="A22203" s="1" t="s">
        <v>1101</v>
      </c>
      <c r="B22203" s="1" t="s">
        <v>75461</v>
      </c>
      <c r="C22203" s="1" t="s">
        <v>135</v>
      </c>
      <c r="D22203" s="1" t="s">
        <v>79466</v>
      </c>
      <c r="E22203" s="1" t="s">
        <v>79467</v>
      </c>
      <c r="F22203" s="1" t="s">
        <v>79468</v>
      </c>
      <c r="G22203" s="1" t="s">
        <v>79372</v>
      </c>
      <c r="H22203" s="1" t="s">
        <v>79373</v>
      </c>
      <c r="I22203" s="1" t="s">
        <v>75467</v>
      </c>
      <c r="J22203" s="1" t="s">
        <v>79469</v>
      </c>
    </row>
    <row r="22204" spans="1:10" x14ac:dyDescent="0.35">
      <c r="A22204" s="1" t="s">
        <v>1101</v>
      </c>
      <c r="B22204" s="1" t="s">
        <v>75461</v>
      </c>
      <c r="C22204" s="1" t="s">
        <v>140</v>
      </c>
      <c r="D22204" s="1" t="s">
        <v>79470</v>
      </c>
      <c r="E22204" s="1" t="s">
        <v>79471</v>
      </c>
      <c r="F22204" s="1" t="s">
        <v>79472</v>
      </c>
      <c r="G22204" s="1" t="s">
        <v>79372</v>
      </c>
      <c r="H22204" s="1" t="s">
        <v>79373</v>
      </c>
      <c r="I22204" s="1" t="s">
        <v>75467</v>
      </c>
      <c r="J22204" s="1" t="s">
        <v>79473</v>
      </c>
    </row>
    <row r="22205" spans="1:10" x14ac:dyDescent="0.35">
      <c r="A22205" s="1" t="s">
        <v>1101</v>
      </c>
      <c r="B22205" s="1" t="s">
        <v>75461</v>
      </c>
      <c r="C22205" s="1" t="s">
        <v>145</v>
      </c>
      <c r="D22205" s="1" t="s">
        <v>79474</v>
      </c>
      <c r="E22205" s="1" t="s">
        <v>79475</v>
      </c>
      <c r="F22205" s="1" t="s">
        <v>79476</v>
      </c>
      <c r="G22205" s="1" t="s">
        <v>79372</v>
      </c>
      <c r="H22205" s="1" t="s">
        <v>79373</v>
      </c>
      <c r="I22205" s="1" t="s">
        <v>75467</v>
      </c>
      <c r="J22205" s="1" t="s">
        <v>79477</v>
      </c>
    </row>
    <row r="22206" spans="1:10" x14ac:dyDescent="0.35">
      <c r="A22206" s="1" t="s">
        <v>1101</v>
      </c>
      <c r="B22206" s="1" t="s">
        <v>75461</v>
      </c>
      <c r="C22206" s="1" t="s">
        <v>150</v>
      </c>
      <c r="D22206" s="1" t="s">
        <v>79478</v>
      </c>
      <c r="E22206" s="1" t="s">
        <v>79479</v>
      </c>
      <c r="F22206" s="1" t="s">
        <v>79480</v>
      </c>
      <c r="G22206" s="1" t="s">
        <v>79372</v>
      </c>
      <c r="H22206" s="1" t="s">
        <v>79373</v>
      </c>
      <c r="I22206" s="1" t="s">
        <v>75467</v>
      </c>
      <c r="J22206" s="1" t="s">
        <v>79481</v>
      </c>
    </row>
    <row r="22207" spans="1:10" x14ac:dyDescent="0.35">
      <c r="A22207" s="1" t="s">
        <v>1101</v>
      </c>
      <c r="B22207" s="1" t="s">
        <v>75461</v>
      </c>
      <c r="C22207" s="1" t="s">
        <v>155</v>
      </c>
      <c r="D22207" s="1" t="s">
        <v>79482</v>
      </c>
      <c r="E22207" s="1" t="s">
        <v>79483</v>
      </c>
      <c r="F22207" s="1" t="s">
        <v>79484</v>
      </c>
      <c r="G22207" s="1" t="s">
        <v>79372</v>
      </c>
      <c r="H22207" s="1" t="s">
        <v>79373</v>
      </c>
      <c r="I22207" s="1" t="s">
        <v>75467</v>
      </c>
      <c r="J22207" s="1" t="s">
        <v>79485</v>
      </c>
    </row>
    <row r="22208" spans="1:10" x14ac:dyDescent="0.35">
      <c r="A22208" s="1" t="s">
        <v>1101</v>
      </c>
      <c r="B22208" s="1" t="s">
        <v>75461</v>
      </c>
      <c r="C22208" s="1" t="s">
        <v>160</v>
      </c>
      <c r="D22208" s="1" t="s">
        <v>79486</v>
      </c>
      <c r="E22208" s="1" t="s">
        <v>79487</v>
      </c>
      <c r="F22208" s="1" t="s">
        <v>79488</v>
      </c>
      <c r="G22208" s="1" t="s">
        <v>79372</v>
      </c>
      <c r="H22208" s="1" t="s">
        <v>79373</v>
      </c>
      <c r="I22208" s="1" t="s">
        <v>75467</v>
      </c>
      <c r="J22208" s="1" t="s">
        <v>79489</v>
      </c>
    </row>
    <row r="22209" spans="1:10" x14ac:dyDescent="0.35">
      <c r="A22209" s="1" t="s">
        <v>1101</v>
      </c>
      <c r="B22209" s="1" t="s">
        <v>75461</v>
      </c>
      <c r="C22209" s="1" t="s">
        <v>165</v>
      </c>
      <c r="D22209" s="1" t="s">
        <v>79490</v>
      </c>
      <c r="E22209" s="1" t="s">
        <v>79491</v>
      </c>
      <c r="F22209" s="1" t="s">
        <v>79492</v>
      </c>
      <c r="G22209" s="1" t="s">
        <v>79372</v>
      </c>
      <c r="H22209" s="1" t="s">
        <v>79373</v>
      </c>
      <c r="I22209" s="1" t="s">
        <v>75467</v>
      </c>
      <c r="J22209" s="1" t="s">
        <v>79493</v>
      </c>
    </row>
    <row r="22210" spans="1:10" x14ac:dyDescent="0.35">
      <c r="A22210" s="1" t="s">
        <v>1101</v>
      </c>
      <c r="B22210" s="1" t="s">
        <v>75461</v>
      </c>
      <c r="C22210" s="1" t="s">
        <v>170</v>
      </c>
      <c r="D22210" s="1" t="s">
        <v>79494</v>
      </c>
      <c r="E22210" s="1" t="s">
        <v>79495</v>
      </c>
      <c r="F22210" s="1" t="s">
        <v>79496</v>
      </c>
      <c r="G22210" s="1" t="s">
        <v>79372</v>
      </c>
      <c r="H22210" s="1" t="s">
        <v>79373</v>
      </c>
      <c r="I22210" s="1" t="s">
        <v>75467</v>
      </c>
      <c r="J22210" s="1" t="s">
        <v>79497</v>
      </c>
    </row>
    <row r="22211" spans="1:10" x14ac:dyDescent="0.35">
      <c r="A22211" s="1" t="s">
        <v>25446</v>
      </c>
      <c r="B22211" s="1" t="s">
        <v>75461</v>
      </c>
      <c r="C22211" s="1" t="s">
        <v>8</v>
      </c>
      <c r="D22211" s="1" t="s">
        <v>39405</v>
      </c>
      <c r="E22211" s="1" t="s">
        <v>79498</v>
      </c>
      <c r="F22211" s="1" t="s">
        <v>79499</v>
      </c>
      <c r="G22211" s="1" t="s">
        <v>79500</v>
      </c>
      <c r="H22211" s="1" t="s">
        <v>79501</v>
      </c>
      <c r="I22211" s="1" t="s">
        <v>75467</v>
      </c>
      <c r="J22211" s="1" t="s">
        <v>13</v>
      </c>
    </row>
    <row r="22212" spans="1:10" x14ac:dyDescent="0.35">
      <c r="A22212" s="1" t="s">
        <v>25446</v>
      </c>
      <c r="B22212" s="1" t="s">
        <v>75461</v>
      </c>
      <c r="C22212" s="1" t="s">
        <v>15</v>
      </c>
      <c r="D22212" s="1" t="s">
        <v>79502</v>
      </c>
      <c r="E22212" s="1" t="s">
        <v>79503</v>
      </c>
      <c r="F22212" s="1" t="s">
        <v>79504</v>
      </c>
      <c r="G22212" s="1" t="s">
        <v>79500</v>
      </c>
      <c r="H22212" s="1" t="s">
        <v>79501</v>
      </c>
      <c r="I22212" s="1" t="s">
        <v>75467</v>
      </c>
      <c r="J22212" s="1" t="s">
        <v>79505</v>
      </c>
    </row>
    <row r="22213" spans="1:10" x14ac:dyDescent="0.35">
      <c r="A22213" s="1" t="s">
        <v>25446</v>
      </c>
      <c r="B22213" s="1" t="s">
        <v>75461</v>
      </c>
      <c r="C22213" s="1" t="s">
        <v>20</v>
      </c>
      <c r="D22213" s="1" t="s">
        <v>60354</v>
      </c>
      <c r="E22213" s="1" t="s">
        <v>79506</v>
      </c>
      <c r="F22213" s="1" t="s">
        <v>79507</v>
      </c>
      <c r="G22213" s="1" t="s">
        <v>79500</v>
      </c>
      <c r="H22213" s="1" t="s">
        <v>79501</v>
      </c>
      <c r="I22213" s="1" t="s">
        <v>75467</v>
      </c>
      <c r="J22213" s="1" t="s">
        <v>79508</v>
      </c>
    </row>
    <row r="22214" spans="1:10" x14ac:dyDescent="0.35">
      <c r="A22214" s="1" t="s">
        <v>25446</v>
      </c>
      <c r="B22214" s="1" t="s">
        <v>75461</v>
      </c>
      <c r="C22214" s="1" t="s">
        <v>25</v>
      </c>
      <c r="D22214" s="1" t="s">
        <v>79509</v>
      </c>
      <c r="E22214" s="1" t="s">
        <v>79510</v>
      </c>
      <c r="F22214" s="1" t="s">
        <v>79511</v>
      </c>
      <c r="G22214" s="1" t="s">
        <v>79500</v>
      </c>
      <c r="H22214" s="1" t="s">
        <v>79501</v>
      </c>
      <c r="I22214" s="1" t="s">
        <v>75467</v>
      </c>
      <c r="J22214" s="1" t="s">
        <v>79512</v>
      </c>
    </row>
    <row r="22215" spans="1:10" x14ac:dyDescent="0.35">
      <c r="A22215" s="1" t="s">
        <v>25446</v>
      </c>
      <c r="B22215" s="1" t="s">
        <v>75461</v>
      </c>
      <c r="C22215" s="1" t="s">
        <v>30</v>
      </c>
      <c r="D22215" s="1" t="s">
        <v>79513</v>
      </c>
      <c r="E22215" s="1" t="s">
        <v>79514</v>
      </c>
      <c r="F22215" s="1" t="s">
        <v>79515</v>
      </c>
      <c r="G22215" s="1" t="s">
        <v>79500</v>
      </c>
      <c r="H22215" s="1" t="s">
        <v>79501</v>
      </c>
      <c r="I22215" s="1" t="s">
        <v>75467</v>
      </c>
      <c r="J22215" s="1" t="s">
        <v>79516</v>
      </c>
    </row>
    <row r="22216" spans="1:10" x14ac:dyDescent="0.35">
      <c r="A22216" s="1" t="s">
        <v>25446</v>
      </c>
      <c r="B22216" s="1" t="s">
        <v>75461</v>
      </c>
      <c r="C22216" s="1" t="s">
        <v>35</v>
      </c>
      <c r="D22216" s="1" t="s">
        <v>22193</v>
      </c>
      <c r="E22216" s="1" t="s">
        <v>79517</v>
      </c>
      <c r="F22216" s="1" t="s">
        <v>79518</v>
      </c>
      <c r="G22216" s="1" t="s">
        <v>79500</v>
      </c>
      <c r="H22216" s="1" t="s">
        <v>79501</v>
      </c>
      <c r="I22216" s="1" t="s">
        <v>75467</v>
      </c>
      <c r="J22216" s="1" t="s">
        <v>79519</v>
      </c>
    </row>
    <row r="22217" spans="1:10" x14ac:dyDescent="0.35">
      <c r="A22217" s="1" t="s">
        <v>25446</v>
      </c>
      <c r="B22217" s="1" t="s">
        <v>75461</v>
      </c>
      <c r="C22217" s="1" t="s">
        <v>40</v>
      </c>
      <c r="D22217" s="1" t="s">
        <v>7404</v>
      </c>
      <c r="E22217" s="1" t="s">
        <v>79520</v>
      </c>
      <c r="F22217" s="1" t="s">
        <v>79521</v>
      </c>
      <c r="G22217" s="1" t="s">
        <v>79500</v>
      </c>
      <c r="H22217" s="1" t="s">
        <v>79501</v>
      </c>
      <c r="I22217" s="1" t="s">
        <v>75467</v>
      </c>
      <c r="J22217" s="1" t="s">
        <v>79522</v>
      </c>
    </row>
    <row r="22218" spans="1:10" x14ac:dyDescent="0.35">
      <c r="A22218" s="1" t="s">
        <v>25446</v>
      </c>
      <c r="B22218" s="1" t="s">
        <v>75461</v>
      </c>
      <c r="C22218" s="1" t="s">
        <v>45</v>
      </c>
      <c r="D22218" s="1" t="s">
        <v>54574</v>
      </c>
      <c r="E22218" s="1" t="s">
        <v>79523</v>
      </c>
      <c r="F22218" s="1" t="s">
        <v>79524</v>
      </c>
      <c r="G22218" s="1" t="s">
        <v>79500</v>
      </c>
      <c r="H22218" s="1" t="s">
        <v>79501</v>
      </c>
      <c r="I22218" s="1" t="s">
        <v>75467</v>
      </c>
      <c r="J22218" s="1" t="s">
        <v>79525</v>
      </c>
    </row>
    <row r="22219" spans="1:10" x14ac:dyDescent="0.35">
      <c r="A22219" s="1" t="s">
        <v>25446</v>
      </c>
      <c r="B22219" s="1" t="s">
        <v>75461</v>
      </c>
      <c r="C22219" s="1" t="s">
        <v>50</v>
      </c>
      <c r="D22219" s="1" t="s">
        <v>79526</v>
      </c>
      <c r="E22219" s="1" t="s">
        <v>79527</v>
      </c>
      <c r="F22219" s="1" t="s">
        <v>79528</v>
      </c>
      <c r="G22219" s="1" t="s">
        <v>79500</v>
      </c>
      <c r="H22219" s="1" t="s">
        <v>79501</v>
      </c>
      <c r="I22219" s="1" t="s">
        <v>75467</v>
      </c>
      <c r="J22219" s="1" t="s">
        <v>79529</v>
      </c>
    </row>
    <row r="22220" spans="1:10" x14ac:dyDescent="0.35">
      <c r="A22220" s="1" t="s">
        <v>25446</v>
      </c>
      <c r="B22220" s="1" t="s">
        <v>75461</v>
      </c>
      <c r="C22220" s="1" t="s">
        <v>55</v>
      </c>
      <c r="D22220" s="1" t="s">
        <v>79530</v>
      </c>
      <c r="E22220" s="1" t="s">
        <v>79531</v>
      </c>
      <c r="F22220" s="1" t="s">
        <v>79532</v>
      </c>
      <c r="G22220" s="1" t="s">
        <v>79500</v>
      </c>
      <c r="H22220" s="1" t="s">
        <v>79501</v>
      </c>
      <c r="I22220" s="1" t="s">
        <v>75467</v>
      </c>
      <c r="J22220" s="1" t="s">
        <v>79533</v>
      </c>
    </row>
    <row r="22221" spans="1:10" x14ac:dyDescent="0.35">
      <c r="A22221" s="1" t="s">
        <v>25446</v>
      </c>
      <c r="B22221" s="1" t="s">
        <v>75461</v>
      </c>
      <c r="C22221" s="1" t="s">
        <v>60</v>
      </c>
      <c r="D22221" s="1" t="s">
        <v>79534</v>
      </c>
      <c r="E22221" s="1" t="s">
        <v>79535</v>
      </c>
      <c r="F22221" s="1" t="s">
        <v>79536</v>
      </c>
      <c r="G22221" s="1" t="s">
        <v>79500</v>
      </c>
      <c r="H22221" s="1" t="s">
        <v>79501</v>
      </c>
      <c r="I22221" s="1" t="s">
        <v>75467</v>
      </c>
      <c r="J22221" s="1" t="s">
        <v>79537</v>
      </c>
    </row>
    <row r="22222" spans="1:10" x14ac:dyDescent="0.35">
      <c r="A22222" s="1" t="s">
        <v>25446</v>
      </c>
      <c r="B22222" s="1" t="s">
        <v>75461</v>
      </c>
      <c r="C22222" s="1" t="s">
        <v>65</v>
      </c>
      <c r="D22222" s="1" t="s">
        <v>40941</v>
      </c>
      <c r="E22222" s="1" t="s">
        <v>79538</v>
      </c>
      <c r="F22222" s="1" t="s">
        <v>79539</v>
      </c>
      <c r="G22222" s="1" t="s">
        <v>79500</v>
      </c>
      <c r="H22222" s="1" t="s">
        <v>79501</v>
      </c>
      <c r="I22222" s="1" t="s">
        <v>75467</v>
      </c>
      <c r="J22222" s="1" t="s">
        <v>79540</v>
      </c>
    </row>
    <row r="22223" spans="1:10" x14ac:dyDescent="0.35">
      <c r="A22223" s="1" t="s">
        <v>25446</v>
      </c>
      <c r="B22223" s="1" t="s">
        <v>75461</v>
      </c>
      <c r="C22223" s="1" t="s">
        <v>70</v>
      </c>
      <c r="D22223" s="1" t="s">
        <v>79541</v>
      </c>
      <c r="E22223" s="1" t="s">
        <v>79542</v>
      </c>
      <c r="F22223" s="1" t="s">
        <v>79543</v>
      </c>
      <c r="G22223" s="1" t="s">
        <v>79500</v>
      </c>
      <c r="H22223" s="1" t="s">
        <v>79501</v>
      </c>
      <c r="I22223" s="1" t="s">
        <v>75467</v>
      </c>
      <c r="J22223" s="1" t="s">
        <v>79544</v>
      </c>
    </row>
    <row r="22224" spans="1:10" x14ac:dyDescent="0.35">
      <c r="A22224" s="1" t="s">
        <v>25446</v>
      </c>
      <c r="B22224" s="1" t="s">
        <v>75461</v>
      </c>
      <c r="C22224" s="1" t="s">
        <v>75</v>
      </c>
      <c r="D22224" s="1" t="s">
        <v>79545</v>
      </c>
      <c r="E22224" s="1" t="s">
        <v>79546</v>
      </c>
      <c r="F22224" s="1" t="s">
        <v>79547</v>
      </c>
      <c r="G22224" s="1" t="s">
        <v>79500</v>
      </c>
      <c r="H22224" s="1" t="s">
        <v>79501</v>
      </c>
      <c r="I22224" s="1" t="s">
        <v>75467</v>
      </c>
      <c r="J22224" s="1" t="s">
        <v>79548</v>
      </c>
    </row>
    <row r="22225" spans="1:10" x14ac:dyDescent="0.35">
      <c r="A22225" s="1" t="s">
        <v>25446</v>
      </c>
      <c r="B22225" s="1" t="s">
        <v>75461</v>
      </c>
      <c r="C22225" s="1" t="s">
        <v>80</v>
      </c>
      <c r="D22225" s="1" t="s">
        <v>40051</v>
      </c>
      <c r="E22225" s="1" t="s">
        <v>79549</v>
      </c>
      <c r="F22225" s="1" t="s">
        <v>79550</v>
      </c>
      <c r="G22225" s="1" t="s">
        <v>79500</v>
      </c>
      <c r="H22225" s="1" t="s">
        <v>79501</v>
      </c>
      <c r="I22225" s="1" t="s">
        <v>75467</v>
      </c>
      <c r="J22225" s="1" t="s">
        <v>79551</v>
      </c>
    </row>
    <row r="22226" spans="1:10" x14ac:dyDescent="0.35">
      <c r="A22226" s="1" t="s">
        <v>25446</v>
      </c>
      <c r="B22226" s="1" t="s">
        <v>75461</v>
      </c>
      <c r="C22226" s="1" t="s">
        <v>85</v>
      </c>
      <c r="D22226" s="1" t="s">
        <v>79552</v>
      </c>
      <c r="E22226" s="1" t="s">
        <v>79553</v>
      </c>
      <c r="F22226" s="1" t="s">
        <v>79554</v>
      </c>
      <c r="G22226" s="1" t="s">
        <v>79500</v>
      </c>
      <c r="H22226" s="1" t="s">
        <v>79501</v>
      </c>
      <c r="I22226" s="1" t="s">
        <v>75467</v>
      </c>
      <c r="J22226" s="1" t="s">
        <v>79555</v>
      </c>
    </row>
    <row r="22227" spans="1:10" x14ac:dyDescent="0.35">
      <c r="A22227" s="1" t="s">
        <v>25446</v>
      </c>
      <c r="B22227" s="1" t="s">
        <v>75461</v>
      </c>
      <c r="C22227" s="1" t="s">
        <v>90</v>
      </c>
      <c r="D22227" s="1" t="s">
        <v>79556</v>
      </c>
      <c r="E22227" s="1" t="s">
        <v>79557</v>
      </c>
      <c r="F22227" s="1" t="s">
        <v>79558</v>
      </c>
      <c r="G22227" s="1" t="s">
        <v>79500</v>
      </c>
      <c r="H22227" s="1" t="s">
        <v>79501</v>
      </c>
      <c r="I22227" s="1" t="s">
        <v>75467</v>
      </c>
      <c r="J22227" s="1" t="s">
        <v>79559</v>
      </c>
    </row>
    <row r="22228" spans="1:10" x14ac:dyDescent="0.35">
      <c r="A22228" s="1" t="s">
        <v>25446</v>
      </c>
      <c r="B22228" s="1" t="s">
        <v>75461</v>
      </c>
      <c r="C22228" s="1" t="s">
        <v>95</v>
      </c>
      <c r="D22228" s="1" t="s">
        <v>20780</v>
      </c>
      <c r="E22228" s="1" t="s">
        <v>79560</v>
      </c>
      <c r="F22228" s="1" t="s">
        <v>79561</v>
      </c>
      <c r="G22228" s="1" t="s">
        <v>79500</v>
      </c>
      <c r="H22228" s="1" t="s">
        <v>79501</v>
      </c>
      <c r="I22228" s="1" t="s">
        <v>75467</v>
      </c>
      <c r="J22228" s="1" t="s">
        <v>79562</v>
      </c>
    </row>
    <row r="22229" spans="1:10" x14ac:dyDescent="0.35">
      <c r="A22229" s="1" t="s">
        <v>25446</v>
      </c>
      <c r="B22229" s="1" t="s">
        <v>75461</v>
      </c>
      <c r="C22229" s="1" t="s">
        <v>100</v>
      </c>
      <c r="D22229" s="1" t="s">
        <v>79563</v>
      </c>
      <c r="E22229" s="1" t="s">
        <v>79564</v>
      </c>
      <c r="F22229" s="1" t="s">
        <v>79565</v>
      </c>
      <c r="G22229" s="1" t="s">
        <v>79500</v>
      </c>
      <c r="H22229" s="1" t="s">
        <v>79501</v>
      </c>
      <c r="I22229" s="1" t="s">
        <v>75467</v>
      </c>
      <c r="J22229" s="1" t="s">
        <v>79566</v>
      </c>
    </row>
    <row r="22230" spans="1:10" x14ac:dyDescent="0.35">
      <c r="A22230" s="1" t="s">
        <v>25446</v>
      </c>
      <c r="B22230" s="1" t="s">
        <v>75461</v>
      </c>
      <c r="C22230" s="1" t="s">
        <v>105</v>
      </c>
      <c r="D22230" s="1" t="s">
        <v>79567</v>
      </c>
      <c r="E22230" s="1" t="s">
        <v>79568</v>
      </c>
      <c r="F22230" s="1" t="s">
        <v>79569</v>
      </c>
      <c r="G22230" s="1" t="s">
        <v>79500</v>
      </c>
      <c r="H22230" s="1" t="s">
        <v>79501</v>
      </c>
      <c r="I22230" s="1" t="s">
        <v>75467</v>
      </c>
      <c r="J22230" s="1" t="s">
        <v>79570</v>
      </c>
    </row>
    <row r="22231" spans="1:10" x14ac:dyDescent="0.35">
      <c r="A22231" s="1" t="s">
        <v>25446</v>
      </c>
      <c r="B22231" s="1" t="s">
        <v>75461</v>
      </c>
      <c r="C22231" s="1" t="s">
        <v>110</v>
      </c>
      <c r="D22231" s="1" t="s">
        <v>79571</v>
      </c>
      <c r="E22231" s="1" t="s">
        <v>79572</v>
      </c>
      <c r="F22231" s="1" t="s">
        <v>79573</v>
      </c>
      <c r="G22231" s="1" t="s">
        <v>79500</v>
      </c>
      <c r="H22231" s="1" t="s">
        <v>79501</v>
      </c>
      <c r="I22231" s="1" t="s">
        <v>75467</v>
      </c>
      <c r="J22231" s="1" t="s">
        <v>79574</v>
      </c>
    </row>
    <row r="22232" spans="1:10" x14ac:dyDescent="0.35">
      <c r="A22232" s="1" t="s">
        <v>25446</v>
      </c>
      <c r="B22232" s="1" t="s">
        <v>75461</v>
      </c>
      <c r="C22232" s="1" t="s">
        <v>115</v>
      </c>
      <c r="D22232" s="1" t="s">
        <v>79575</v>
      </c>
      <c r="E22232" s="1" t="s">
        <v>79576</v>
      </c>
      <c r="F22232" s="1" t="s">
        <v>79577</v>
      </c>
      <c r="G22232" s="1" t="s">
        <v>79500</v>
      </c>
      <c r="H22232" s="1" t="s">
        <v>79501</v>
      </c>
      <c r="I22232" s="1" t="s">
        <v>75467</v>
      </c>
      <c r="J22232" s="1" t="s">
        <v>79578</v>
      </c>
    </row>
    <row r="22233" spans="1:10" x14ac:dyDescent="0.35">
      <c r="A22233" s="1" t="s">
        <v>25446</v>
      </c>
      <c r="B22233" s="1" t="s">
        <v>75461</v>
      </c>
      <c r="C22233" s="1" t="s">
        <v>120</v>
      </c>
      <c r="D22233" s="1" t="s">
        <v>79579</v>
      </c>
      <c r="E22233" s="1" t="s">
        <v>79580</v>
      </c>
      <c r="F22233" s="1" t="s">
        <v>79581</v>
      </c>
      <c r="G22233" s="1" t="s">
        <v>79500</v>
      </c>
      <c r="H22233" s="1" t="s">
        <v>79501</v>
      </c>
      <c r="I22233" s="1" t="s">
        <v>75467</v>
      </c>
      <c r="J22233" s="1" t="s">
        <v>79582</v>
      </c>
    </row>
    <row r="22234" spans="1:10" x14ac:dyDescent="0.35">
      <c r="A22234" s="1" t="s">
        <v>25446</v>
      </c>
      <c r="B22234" s="1" t="s">
        <v>75461</v>
      </c>
      <c r="C22234" s="1" t="s">
        <v>125</v>
      </c>
      <c r="D22234" s="1" t="s">
        <v>79583</v>
      </c>
      <c r="E22234" s="1" t="s">
        <v>79584</v>
      </c>
      <c r="F22234" s="1" t="s">
        <v>79585</v>
      </c>
      <c r="G22234" s="1" t="s">
        <v>79500</v>
      </c>
      <c r="H22234" s="1" t="s">
        <v>79501</v>
      </c>
      <c r="I22234" s="1" t="s">
        <v>75467</v>
      </c>
      <c r="J22234" s="1" t="s">
        <v>79586</v>
      </c>
    </row>
    <row r="22235" spans="1:10" x14ac:dyDescent="0.35">
      <c r="A22235" s="1" t="s">
        <v>25446</v>
      </c>
      <c r="B22235" s="1" t="s">
        <v>75461</v>
      </c>
      <c r="C22235" s="1" t="s">
        <v>130</v>
      </c>
      <c r="D22235" s="1" t="s">
        <v>57716</v>
      </c>
      <c r="E22235" s="1" t="s">
        <v>79587</v>
      </c>
      <c r="F22235" s="1" t="s">
        <v>79588</v>
      </c>
      <c r="G22235" s="1" t="s">
        <v>79500</v>
      </c>
      <c r="H22235" s="1" t="s">
        <v>79501</v>
      </c>
      <c r="I22235" s="1" t="s">
        <v>75467</v>
      </c>
      <c r="J22235" s="1" t="s">
        <v>79589</v>
      </c>
    </row>
    <row r="22236" spans="1:10" x14ac:dyDescent="0.35">
      <c r="A22236" s="1" t="s">
        <v>25446</v>
      </c>
      <c r="B22236" s="1" t="s">
        <v>75461</v>
      </c>
      <c r="C22236" s="1" t="s">
        <v>135</v>
      </c>
      <c r="D22236" s="1" t="s">
        <v>21410</v>
      </c>
      <c r="E22236" s="1" t="s">
        <v>79590</v>
      </c>
      <c r="F22236" s="1" t="s">
        <v>79591</v>
      </c>
      <c r="G22236" s="1" t="s">
        <v>79500</v>
      </c>
      <c r="H22236" s="1" t="s">
        <v>79501</v>
      </c>
      <c r="I22236" s="1" t="s">
        <v>75467</v>
      </c>
      <c r="J22236" s="1" t="s">
        <v>79592</v>
      </c>
    </row>
    <row r="22237" spans="1:10" x14ac:dyDescent="0.35">
      <c r="A22237" s="1" t="s">
        <v>25446</v>
      </c>
      <c r="B22237" s="1" t="s">
        <v>75461</v>
      </c>
      <c r="C22237" s="1" t="s">
        <v>140</v>
      </c>
      <c r="D22237" s="1" t="s">
        <v>20082</v>
      </c>
      <c r="E22237" s="1" t="s">
        <v>79593</v>
      </c>
      <c r="F22237" s="1" t="s">
        <v>79594</v>
      </c>
      <c r="G22237" s="1" t="s">
        <v>79500</v>
      </c>
      <c r="H22237" s="1" t="s">
        <v>79501</v>
      </c>
      <c r="I22237" s="1" t="s">
        <v>75467</v>
      </c>
      <c r="J22237" s="1" t="s">
        <v>79595</v>
      </c>
    </row>
    <row r="22238" spans="1:10" x14ac:dyDescent="0.35">
      <c r="A22238" s="1" t="s">
        <v>25446</v>
      </c>
      <c r="B22238" s="1" t="s">
        <v>75461</v>
      </c>
      <c r="C22238" s="1" t="s">
        <v>145</v>
      </c>
      <c r="D22238" s="1" t="s">
        <v>79596</v>
      </c>
      <c r="E22238" s="1" t="s">
        <v>79597</v>
      </c>
      <c r="F22238" s="1" t="s">
        <v>79598</v>
      </c>
      <c r="G22238" s="1" t="s">
        <v>79500</v>
      </c>
      <c r="H22238" s="1" t="s">
        <v>79501</v>
      </c>
      <c r="I22238" s="1" t="s">
        <v>75467</v>
      </c>
      <c r="J22238" s="1" t="s">
        <v>79599</v>
      </c>
    </row>
    <row r="22239" spans="1:10" x14ac:dyDescent="0.35">
      <c r="A22239" s="1" t="s">
        <v>25446</v>
      </c>
      <c r="B22239" s="1" t="s">
        <v>75461</v>
      </c>
      <c r="C22239" s="1" t="s">
        <v>150</v>
      </c>
      <c r="D22239" s="1" t="s">
        <v>77481</v>
      </c>
      <c r="E22239" s="1" t="s">
        <v>79600</v>
      </c>
      <c r="F22239" s="1" t="s">
        <v>79601</v>
      </c>
      <c r="G22239" s="1" t="s">
        <v>79500</v>
      </c>
      <c r="H22239" s="1" t="s">
        <v>79501</v>
      </c>
      <c r="I22239" s="1" t="s">
        <v>75467</v>
      </c>
      <c r="J22239" s="1" t="s">
        <v>79602</v>
      </c>
    </row>
    <row r="22240" spans="1:10" x14ac:dyDescent="0.35">
      <c r="A22240" s="1" t="s">
        <v>25446</v>
      </c>
      <c r="B22240" s="1" t="s">
        <v>75461</v>
      </c>
      <c r="C22240" s="1" t="s">
        <v>155</v>
      </c>
      <c r="D22240" s="1" t="s">
        <v>79556</v>
      </c>
      <c r="E22240" s="1" t="s">
        <v>79603</v>
      </c>
      <c r="F22240" s="1" t="s">
        <v>79604</v>
      </c>
      <c r="G22240" s="1" t="s">
        <v>79500</v>
      </c>
      <c r="H22240" s="1" t="s">
        <v>79501</v>
      </c>
      <c r="I22240" s="1" t="s">
        <v>75467</v>
      </c>
      <c r="J22240" s="1" t="s">
        <v>79605</v>
      </c>
    </row>
    <row r="22241" spans="1:10" x14ac:dyDescent="0.35">
      <c r="A22241" s="1" t="s">
        <v>25446</v>
      </c>
      <c r="B22241" s="1" t="s">
        <v>75461</v>
      </c>
      <c r="C22241" s="1" t="s">
        <v>160</v>
      </c>
      <c r="D22241" s="1" t="s">
        <v>54931</v>
      </c>
      <c r="E22241" s="1" t="s">
        <v>79606</v>
      </c>
      <c r="F22241" s="1" t="s">
        <v>79607</v>
      </c>
      <c r="G22241" s="1" t="s">
        <v>79500</v>
      </c>
      <c r="H22241" s="1" t="s">
        <v>79501</v>
      </c>
      <c r="I22241" s="1" t="s">
        <v>75467</v>
      </c>
      <c r="J22241" s="1" t="s">
        <v>79608</v>
      </c>
    </row>
    <row r="22242" spans="1:10" x14ac:dyDescent="0.35">
      <c r="A22242" s="1" t="s">
        <v>25446</v>
      </c>
      <c r="B22242" s="1" t="s">
        <v>75461</v>
      </c>
      <c r="C22242" s="1" t="s">
        <v>165</v>
      </c>
      <c r="D22242" s="1" t="s">
        <v>79609</v>
      </c>
      <c r="E22242" s="1" t="s">
        <v>79610</v>
      </c>
      <c r="F22242" s="1" t="s">
        <v>79611</v>
      </c>
      <c r="G22242" s="1" t="s">
        <v>79500</v>
      </c>
      <c r="H22242" s="1" t="s">
        <v>79501</v>
      </c>
      <c r="I22242" s="1" t="s">
        <v>75467</v>
      </c>
      <c r="J22242" s="1" t="s">
        <v>79612</v>
      </c>
    </row>
    <row r="22243" spans="1:10" x14ac:dyDescent="0.35">
      <c r="A22243" s="1" t="s">
        <v>25446</v>
      </c>
      <c r="B22243" s="1" t="s">
        <v>75461</v>
      </c>
      <c r="C22243" s="1" t="s">
        <v>170</v>
      </c>
      <c r="D22243" s="1" t="s">
        <v>79613</v>
      </c>
      <c r="E22243" s="1" t="s">
        <v>79614</v>
      </c>
      <c r="F22243" s="1" t="s">
        <v>79615</v>
      </c>
      <c r="G22243" s="1" t="s">
        <v>79500</v>
      </c>
      <c r="H22243" s="1" t="s">
        <v>79501</v>
      </c>
      <c r="I22243" s="1" t="s">
        <v>75467</v>
      </c>
      <c r="J22243" s="1" t="s">
        <v>79616</v>
      </c>
    </row>
    <row r="22244" spans="1:10" x14ac:dyDescent="0.35">
      <c r="A22244" s="1" t="s">
        <v>1821</v>
      </c>
      <c r="B22244" s="1" t="s">
        <v>75461</v>
      </c>
      <c r="C22244" s="1" t="s">
        <v>8</v>
      </c>
      <c r="D22244" s="1" t="s">
        <v>79617</v>
      </c>
      <c r="E22244" s="1" t="s">
        <v>79618</v>
      </c>
      <c r="F22244" s="1" t="s">
        <v>79619</v>
      </c>
      <c r="G22244" s="1" t="s">
        <v>79620</v>
      </c>
      <c r="H22244" s="1" t="s">
        <v>79621</v>
      </c>
      <c r="I22244" s="1" t="s">
        <v>75467</v>
      </c>
      <c r="J22244" s="1" t="s">
        <v>13</v>
      </c>
    </row>
    <row r="22245" spans="1:10" x14ac:dyDescent="0.35">
      <c r="A22245" s="1" t="s">
        <v>1821</v>
      </c>
      <c r="B22245" s="1" t="s">
        <v>75461</v>
      </c>
      <c r="C22245" s="1" t="s">
        <v>15</v>
      </c>
      <c r="D22245" s="1" t="s">
        <v>79622</v>
      </c>
      <c r="E22245" s="1" t="s">
        <v>79623</v>
      </c>
      <c r="F22245" s="1" t="s">
        <v>79624</v>
      </c>
      <c r="G22245" s="1" t="s">
        <v>79620</v>
      </c>
      <c r="H22245" s="1" t="s">
        <v>79621</v>
      </c>
      <c r="I22245" s="1" t="s">
        <v>75467</v>
      </c>
      <c r="J22245" s="1" t="s">
        <v>79625</v>
      </c>
    </row>
    <row r="22246" spans="1:10" x14ac:dyDescent="0.35">
      <c r="A22246" s="1" t="s">
        <v>1821</v>
      </c>
      <c r="B22246" s="1" t="s">
        <v>75461</v>
      </c>
      <c r="C22246" s="1" t="s">
        <v>20</v>
      </c>
      <c r="D22246" s="1" t="s">
        <v>79626</v>
      </c>
      <c r="E22246" s="1" t="s">
        <v>79627</v>
      </c>
      <c r="F22246" s="1" t="s">
        <v>79628</v>
      </c>
      <c r="G22246" s="1" t="s">
        <v>79620</v>
      </c>
      <c r="H22246" s="1" t="s">
        <v>79621</v>
      </c>
      <c r="I22246" s="1" t="s">
        <v>75467</v>
      </c>
      <c r="J22246" s="1" t="s">
        <v>79629</v>
      </c>
    </row>
    <row r="22247" spans="1:10" x14ac:dyDescent="0.35">
      <c r="A22247" s="1" t="s">
        <v>1821</v>
      </c>
      <c r="B22247" s="1" t="s">
        <v>75461</v>
      </c>
      <c r="C22247" s="1" t="s">
        <v>25</v>
      </c>
      <c r="D22247" s="1" t="s">
        <v>79630</v>
      </c>
      <c r="E22247" s="1" t="s">
        <v>79631</v>
      </c>
      <c r="F22247" s="1" t="s">
        <v>79632</v>
      </c>
      <c r="G22247" s="1" t="s">
        <v>79620</v>
      </c>
      <c r="H22247" s="1" t="s">
        <v>79621</v>
      </c>
      <c r="I22247" s="1" t="s">
        <v>75467</v>
      </c>
      <c r="J22247" s="1" t="s">
        <v>79633</v>
      </c>
    </row>
    <row r="22248" spans="1:10" x14ac:dyDescent="0.35">
      <c r="A22248" s="1" t="s">
        <v>1821</v>
      </c>
      <c r="B22248" s="1" t="s">
        <v>75461</v>
      </c>
      <c r="C22248" s="1" t="s">
        <v>30</v>
      </c>
      <c r="D22248" s="1" t="s">
        <v>77233</v>
      </c>
      <c r="E22248" s="1" t="s">
        <v>79634</v>
      </c>
      <c r="F22248" s="1" t="s">
        <v>79635</v>
      </c>
      <c r="G22248" s="1" t="s">
        <v>79620</v>
      </c>
      <c r="H22248" s="1" t="s">
        <v>79621</v>
      </c>
      <c r="I22248" s="1" t="s">
        <v>75467</v>
      </c>
      <c r="J22248" s="1" t="s">
        <v>79636</v>
      </c>
    </row>
    <row r="22249" spans="1:10" x14ac:dyDescent="0.35">
      <c r="A22249" s="1" t="s">
        <v>1821</v>
      </c>
      <c r="B22249" s="1" t="s">
        <v>75461</v>
      </c>
      <c r="C22249" s="1" t="s">
        <v>35</v>
      </c>
      <c r="D22249" s="1" t="s">
        <v>79637</v>
      </c>
      <c r="E22249" s="1" t="s">
        <v>79638</v>
      </c>
      <c r="F22249" s="1" t="s">
        <v>79639</v>
      </c>
      <c r="G22249" s="1" t="s">
        <v>79620</v>
      </c>
      <c r="H22249" s="1" t="s">
        <v>79621</v>
      </c>
      <c r="I22249" s="1" t="s">
        <v>75467</v>
      </c>
      <c r="J22249" s="1" t="s">
        <v>79640</v>
      </c>
    </row>
    <row r="22250" spans="1:10" x14ac:dyDescent="0.35">
      <c r="A22250" s="1" t="s">
        <v>1821</v>
      </c>
      <c r="B22250" s="1" t="s">
        <v>75461</v>
      </c>
      <c r="C22250" s="1" t="s">
        <v>40</v>
      </c>
      <c r="D22250" s="1" t="s">
        <v>22025</v>
      </c>
      <c r="E22250" s="1" t="s">
        <v>79641</v>
      </c>
      <c r="F22250" s="1" t="s">
        <v>79642</v>
      </c>
      <c r="G22250" s="1" t="s">
        <v>79620</v>
      </c>
      <c r="H22250" s="1" t="s">
        <v>79621</v>
      </c>
      <c r="I22250" s="1" t="s">
        <v>75467</v>
      </c>
      <c r="J22250" s="1" t="s">
        <v>79643</v>
      </c>
    </row>
    <row r="22251" spans="1:10" x14ac:dyDescent="0.35">
      <c r="A22251" s="1" t="s">
        <v>1821</v>
      </c>
      <c r="B22251" s="1" t="s">
        <v>75461</v>
      </c>
      <c r="C22251" s="1" t="s">
        <v>45</v>
      </c>
      <c r="D22251" s="1" t="s">
        <v>79644</v>
      </c>
      <c r="E22251" s="1" t="s">
        <v>79645</v>
      </c>
      <c r="F22251" s="1" t="s">
        <v>79646</v>
      </c>
      <c r="G22251" s="1" t="s">
        <v>79620</v>
      </c>
      <c r="H22251" s="1" t="s">
        <v>79621</v>
      </c>
      <c r="I22251" s="1" t="s">
        <v>75467</v>
      </c>
      <c r="J22251" s="1" t="s">
        <v>79647</v>
      </c>
    </row>
    <row r="22252" spans="1:10" x14ac:dyDescent="0.35">
      <c r="A22252" s="1" t="s">
        <v>1821</v>
      </c>
      <c r="B22252" s="1" t="s">
        <v>75461</v>
      </c>
      <c r="C22252" s="1" t="s">
        <v>50</v>
      </c>
      <c r="D22252" s="1" t="s">
        <v>79648</v>
      </c>
      <c r="E22252" s="1" t="s">
        <v>79649</v>
      </c>
      <c r="F22252" s="1" t="s">
        <v>79650</v>
      </c>
      <c r="G22252" s="1" t="s">
        <v>79620</v>
      </c>
      <c r="H22252" s="1" t="s">
        <v>79621</v>
      </c>
      <c r="I22252" s="1" t="s">
        <v>75467</v>
      </c>
      <c r="J22252" s="1" t="s">
        <v>79651</v>
      </c>
    </row>
    <row r="22253" spans="1:10" x14ac:dyDescent="0.35">
      <c r="A22253" s="1" t="s">
        <v>1821</v>
      </c>
      <c r="B22253" s="1" t="s">
        <v>75461</v>
      </c>
      <c r="C22253" s="1" t="s">
        <v>55</v>
      </c>
      <c r="D22253" s="1" t="s">
        <v>76193</v>
      </c>
      <c r="E22253" s="1" t="s">
        <v>79652</v>
      </c>
      <c r="F22253" s="1" t="s">
        <v>79653</v>
      </c>
      <c r="G22253" s="1" t="s">
        <v>79620</v>
      </c>
      <c r="H22253" s="1" t="s">
        <v>79621</v>
      </c>
      <c r="I22253" s="1" t="s">
        <v>75467</v>
      </c>
      <c r="J22253" s="1" t="s">
        <v>79654</v>
      </c>
    </row>
    <row r="22254" spans="1:10" x14ac:dyDescent="0.35">
      <c r="A22254" s="1" t="s">
        <v>1821</v>
      </c>
      <c r="B22254" s="1" t="s">
        <v>75461</v>
      </c>
      <c r="C22254" s="1" t="s">
        <v>60</v>
      </c>
      <c r="D22254" s="1" t="s">
        <v>79655</v>
      </c>
      <c r="E22254" s="1" t="s">
        <v>79656</v>
      </c>
      <c r="F22254" s="1" t="s">
        <v>79657</v>
      </c>
      <c r="G22254" s="1" t="s">
        <v>79620</v>
      </c>
      <c r="H22254" s="1" t="s">
        <v>79621</v>
      </c>
      <c r="I22254" s="1" t="s">
        <v>75467</v>
      </c>
      <c r="J22254" s="1" t="s">
        <v>79658</v>
      </c>
    </row>
    <row r="22255" spans="1:10" x14ac:dyDescent="0.35">
      <c r="A22255" s="1" t="s">
        <v>1821</v>
      </c>
      <c r="B22255" s="1" t="s">
        <v>75461</v>
      </c>
      <c r="C22255" s="1" t="s">
        <v>65</v>
      </c>
      <c r="D22255" s="1" t="s">
        <v>79659</v>
      </c>
      <c r="E22255" s="1" t="s">
        <v>79660</v>
      </c>
      <c r="F22255" s="1" t="s">
        <v>79661</v>
      </c>
      <c r="G22255" s="1" t="s">
        <v>79620</v>
      </c>
      <c r="H22255" s="1" t="s">
        <v>79621</v>
      </c>
      <c r="I22255" s="1" t="s">
        <v>75467</v>
      </c>
      <c r="J22255" s="1" t="s">
        <v>79662</v>
      </c>
    </row>
    <row r="22256" spans="1:10" x14ac:dyDescent="0.35">
      <c r="A22256" s="1" t="s">
        <v>1821</v>
      </c>
      <c r="B22256" s="1" t="s">
        <v>75461</v>
      </c>
      <c r="C22256" s="1" t="s">
        <v>70</v>
      </c>
      <c r="D22256" s="1" t="s">
        <v>59306</v>
      </c>
      <c r="E22256" s="1" t="s">
        <v>79663</v>
      </c>
      <c r="F22256" s="1" t="s">
        <v>79664</v>
      </c>
      <c r="G22256" s="1" t="s">
        <v>79620</v>
      </c>
      <c r="H22256" s="1" t="s">
        <v>79621</v>
      </c>
      <c r="I22256" s="1" t="s">
        <v>75467</v>
      </c>
      <c r="J22256" s="1" t="s">
        <v>79665</v>
      </c>
    </row>
    <row r="22257" spans="1:10" x14ac:dyDescent="0.35">
      <c r="A22257" s="1" t="s">
        <v>1821</v>
      </c>
      <c r="B22257" s="1" t="s">
        <v>75461</v>
      </c>
      <c r="C22257" s="1" t="s">
        <v>75</v>
      </c>
      <c r="D22257" s="1" t="s">
        <v>78258</v>
      </c>
      <c r="E22257" s="1" t="s">
        <v>79666</v>
      </c>
      <c r="F22257" s="1" t="s">
        <v>79667</v>
      </c>
      <c r="G22257" s="1" t="s">
        <v>79620</v>
      </c>
      <c r="H22257" s="1" t="s">
        <v>79621</v>
      </c>
      <c r="I22257" s="1" t="s">
        <v>75467</v>
      </c>
      <c r="J22257" s="1" t="s">
        <v>79668</v>
      </c>
    </row>
    <row r="22258" spans="1:10" x14ac:dyDescent="0.35">
      <c r="A22258" s="1" t="s">
        <v>1821</v>
      </c>
      <c r="B22258" s="1" t="s">
        <v>75461</v>
      </c>
      <c r="C22258" s="1" t="s">
        <v>80</v>
      </c>
      <c r="D22258" s="1" t="s">
        <v>79669</v>
      </c>
      <c r="E22258" s="1" t="s">
        <v>79670</v>
      </c>
      <c r="F22258" s="1" t="s">
        <v>79671</v>
      </c>
      <c r="G22258" s="1" t="s">
        <v>79620</v>
      </c>
      <c r="H22258" s="1" t="s">
        <v>79621</v>
      </c>
      <c r="I22258" s="1" t="s">
        <v>75467</v>
      </c>
      <c r="J22258" s="1" t="s">
        <v>79672</v>
      </c>
    </row>
    <row r="22259" spans="1:10" x14ac:dyDescent="0.35">
      <c r="A22259" s="1" t="s">
        <v>1821</v>
      </c>
      <c r="B22259" s="1" t="s">
        <v>75461</v>
      </c>
      <c r="C22259" s="1" t="s">
        <v>85</v>
      </c>
      <c r="D22259" s="1" t="s">
        <v>53162</v>
      </c>
      <c r="E22259" s="1" t="s">
        <v>79673</v>
      </c>
      <c r="F22259" s="1" t="s">
        <v>79674</v>
      </c>
      <c r="G22259" s="1" t="s">
        <v>79620</v>
      </c>
      <c r="H22259" s="1" t="s">
        <v>79621</v>
      </c>
      <c r="I22259" s="1" t="s">
        <v>75467</v>
      </c>
      <c r="J22259" s="1" t="s">
        <v>79675</v>
      </c>
    </row>
    <row r="22260" spans="1:10" x14ac:dyDescent="0.35">
      <c r="A22260" s="1" t="s">
        <v>1821</v>
      </c>
      <c r="B22260" s="1" t="s">
        <v>75461</v>
      </c>
      <c r="C22260" s="1" t="s">
        <v>90</v>
      </c>
      <c r="D22260" s="1" t="s">
        <v>24291</v>
      </c>
      <c r="E22260" s="1" t="s">
        <v>79676</v>
      </c>
      <c r="F22260" s="1" t="s">
        <v>79677</v>
      </c>
      <c r="G22260" s="1" t="s">
        <v>79620</v>
      </c>
      <c r="H22260" s="1" t="s">
        <v>79621</v>
      </c>
      <c r="I22260" s="1" t="s">
        <v>75467</v>
      </c>
      <c r="J22260" s="1" t="s">
        <v>79678</v>
      </c>
    </row>
    <row r="22261" spans="1:10" x14ac:dyDescent="0.35">
      <c r="A22261" s="1" t="s">
        <v>1821</v>
      </c>
      <c r="B22261" s="1" t="s">
        <v>75461</v>
      </c>
      <c r="C22261" s="1" t="s">
        <v>95</v>
      </c>
      <c r="D22261" s="1" t="s">
        <v>79679</v>
      </c>
      <c r="E22261" s="1" t="s">
        <v>79680</v>
      </c>
      <c r="F22261" s="1" t="s">
        <v>79681</v>
      </c>
      <c r="G22261" s="1" t="s">
        <v>79620</v>
      </c>
      <c r="H22261" s="1" t="s">
        <v>79621</v>
      </c>
      <c r="I22261" s="1" t="s">
        <v>75467</v>
      </c>
      <c r="J22261" s="1" t="s">
        <v>79682</v>
      </c>
    </row>
    <row r="22262" spans="1:10" x14ac:dyDescent="0.35">
      <c r="A22262" s="1" t="s">
        <v>1821</v>
      </c>
      <c r="B22262" s="1" t="s">
        <v>75461</v>
      </c>
      <c r="C22262" s="1" t="s">
        <v>100</v>
      </c>
      <c r="D22262" s="1" t="s">
        <v>79683</v>
      </c>
      <c r="E22262" s="1" t="s">
        <v>79684</v>
      </c>
      <c r="F22262" s="1" t="s">
        <v>79685</v>
      </c>
      <c r="G22262" s="1" t="s">
        <v>79620</v>
      </c>
      <c r="H22262" s="1" t="s">
        <v>79621</v>
      </c>
      <c r="I22262" s="1" t="s">
        <v>75467</v>
      </c>
      <c r="J22262" s="1" t="s">
        <v>79686</v>
      </c>
    </row>
    <row r="22263" spans="1:10" x14ac:dyDescent="0.35">
      <c r="A22263" s="1" t="s">
        <v>1821</v>
      </c>
      <c r="B22263" s="1" t="s">
        <v>75461</v>
      </c>
      <c r="C22263" s="1" t="s">
        <v>105</v>
      </c>
      <c r="D22263" s="1" t="s">
        <v>79687</v>
      </c>
      <c r="E22263" s="1" t="s">
        <v>79688</v>
      </c>
      <c r="F22263" s="1" t="s">
        <v>79689</v>
      </c>
      <c r="G22263" s="1" t="s">
        <v>79620</v>
      </c>
      <c r="H22263" s="1" t="s">
        <v>79621</v>
      </c>
      <c r="I22263" s="1" t="s">
        <v>75467</v>
      </c>
      <c r="J22263" s="1" t="s">
        <v>79690</v>
      </c>
    </row>
    <row r="22264" spans="1:10" x14ac:dyDescent="0.35">
      <c r="A22264" s="1" t="s">
        <v>1821</v>
      </c>
      <c r="B22264" s="1" t="s">
        <v>75461</v>
      </c>
      <c r="C22264" s="1" t="s">
        <v>110</v>
      </c>
      <c r="D22264" s="1" t="s">
        <v>79691</v>
      </c>
      <c r="E22264" s="1" t="s">
        <v>79692</v>
      </c>
      <c r="F22264" s="1" t="s">
        <v>79693</v>
      </c>
      <c r="G22264" s="1" t="s">
        <v>79620</v>
      </c>
      <c r="H22264" s="1" t="s">
        <v>79621</v>
      </c>
      <c r="I22264" s="1" t="s">
        <v>75467</v>
      </c>
      <c r="J22264" s="1" t="s">
        <v>79694</v>
      </c>
    </row>
    <row r="22265" spans="1:10" x14ac:dyDescent="0.35">
      <c r="A22265" s="1" t="s">
        <v>1821</v>
      </c>
      <c r="B22265" s="1" t="s">
        <v>75461</v>
      </c>
      <c r="C22265" s="1" t="s">
        <v>115</v>
      </c>
      <c r="D22265" s="1" t="s">
        <v>79695</v>
      </c>
      <c r="E22265" s="1" t="s">
        <v>79696</v>
      </c>
      <c r="F22265" s="1" t="s">
        <v>79697</v>
      </c>
      <c r="G22265" s="1" t="s">
        <v>79620</v>
      </c>
      <c r="H22265" s="1" t="s">
        <v>79621</v>
      </c>
      <c r="I22265" s="1" t="s">
        <v>75467</v>
      </c>
      <c r="J22265" s="1" t="s">
        <v>79698</v>
      </c>
    </row>
    <row r="22266" spans="1:10" x14ac:dyDescent="0.35">
      <c r="A22266" s="1" t="s">
        <v>1821</v>
      </c>
      <c r="B22266" s="1" t="s">
        <v>75461</v>
      </c>
      <c r="C22266" s="1" t="s">
        <v>120</v>
      </c>
      <c r="D22266" s="1" t="s">
        <v>79699</v>
      </c>
      <c r="E22266" s="1" t="s">
        <v>79700</v>
      </c>
      <c r="F22266" s="1" t="s">
        <v>79701</v>
      </c>
      <c r="G22266" s="1" t="s">
        <v>79620</v>
      </c>
      <c r="H22266" s="1" t="s">
        <v>79621</v>
      </c>
      <c r="I22266" s="1" t="s">
        <v>75467</v>
      </c>
      <c r="J22266" s="1" t="s">
        <v>79702</v>
      </c>
    </row>
    <row r="22267" spans="1:10" x14ac:dyDescent="0.35">
      <c r="A22267" s="1" t="s">
        <v>1821</v>
      </c>
      <c r="B22267" s="1" t="s">
        <v>75461</v>
      </c>
      <c r="C22267" s="1" t="s">
        <v>125</v>
      </c>
      <c r="D22267" s="1" t="s">
        <v>79703</v>
      </c>
      <c r="E22267" s="1" t="s">
        <v>79704</v>
      </c>
      <c r="F22267" s="1" t="s">
        <v>79705</v>
      </c>
      <c r="G22267" s="1" t="s">
        <v>79620</v>
      </c>
      <c r="H22267" s="1" t="s">
        <v>79621</v>
      </c>
      <c r="I22267" s="1" t="s">
        <v>75467</v>
      </c>
      <c r="J22267" s="1" t="s">
        <v>79706</v>
      </c>
    </row>
    <row r="22268" spans="1:10" x14ac:dyDescent="0.35">
      <c r="A22268" s="1" t="s">
        <v>1821</v>
      </c>
      <c r="B22268" s="1" t="s">
        <v>75461</v>
      </c>
      <c r="C22268" s="1" t="s">
        <v>130</v>
      </c>
      <c r="D22268" s="1" t="s">
        <v>26826</v>
      </c>
      <c r="E22268" s="1" t="s">
        <v>79707</v>
      </c>
      <c r="F22268" s="1" t="s">
        <v>79708</v>
      </c>
      <c r="G22268" s="1" t="s">
        <v>79620</v>
      </c>
      <c r="H22268" s="1" t="s">
        <v>79621</v>
      </c>
      <c r="I22268" s="1" t="s">
        <v>75467</v>
      </c>
      <c r="J22268" s="1" t="s">
        <v>79709</v>
      </c>
    </row>
    <row r="22269" spans="1:10" x14ac:dyDescent="0.35">
      <c r="A22269" s="1" t="s">
        <v>1821</v>
      </c>
      <c r="B22269" s="1" t="s">
        <v>75461</v>
      </c>
      <c r="C22269" s="1" t="s">
        <v>135</v>
      </c>
      <c r="D22269" s="1" t="s">
        <v>79710</v>
      </c>
      <c r="E22269" s="1" t="s">
        <v>79711</v>
      </c>
      <c r="F22269" s="1" t="s">
        <v>79712</v>
      </c>
      <c r="G22269" s="1" t="s">
        <v>79620</v>
      </c>
      <c r="H22269" s="1" t="s">
        <v>79621</v>
      </c>
      <c r="I22269" s="1" t="s">
        <v>75467</v>
      </c>
      <c r="J22269" s="1" t="s">
        <v>79713</v>
      </c>
    </row>
    <row r="22270" spans="1:10" x14ac:dyDescent="0.35">
      <c r="A22270" s="1" t="s">
        <v>1821</v>
      </c>
      <c r="B22270" s="1" t="s">
        <v>75461</v>
      </c>
      <c r="C22270" s="1" t="s">
        <v>140</v>
      </c>
      <c r="D22270" s="1" t="s">
        <v>79714</v>
      </c>
      <c r="E22270" s="1" t="s">
        <v>79715</v>
      </c>
      <c r="F22270" s="1" t="s">
        <v>79716</v>
      </c>
      <c r="G22270" s="1" t="s">
        <v>79620</v>
      </c>
      <c r="H22270" s="1" t="s">
        <v>79621</v>
      </c>
      <c r="I22270" s="1" t="s">
        <v>75467</v>
      </c>
      <c r="J22270" s="1" t="s">
        <v>79717</v>
      </c>
    </row>
    <row r="22271" spans="1:10" x14ac:dyDescent="0.35">
      <c r="A22271" s="1" t="s">
        <v>1821</v>
      </c>
      <c r="B22271" s="1" t="s">
        <v>75461</v>
      </c>
      <c r="C22271" s="1" t="s">
        <v>145</v>
      </c>
      <c r="D22271" s="1" t="s">
        <v>79718</v>
      </c>
      <c r="E22271" s="1" t="s">
        <v>79719</v>
      </c>
      <c r="F22271" s="1" t="s">
        <v>79720</v>
      </c>
      <c r="G22271" s="1" t="s">
        <v>79620</v>
      </c>
      <c r="H22271" s="1" t="s">
        <v>79621</v>
      </c>
      <c r="I22271" s="1" t="s">
        <v>75467</v>
      </c>
      <c r="J22271" s="1" t="s">
        <v>79721</v>
      </c>
    </row>
    <row r="22272" spans="1:10" x14ac:dyDescent="0.35">
      <c r="A22272" s="1" t="s">
        <v>1821</v>
      </c>
      <c r="B22272" s="1" t="s">
        <v>75461</v>
      </c>
      <c r="C22272" s="1" t="s">
        <v>150</v>
      </c>
      <c r="D22272" s="1" t="s">
        <v>20700</v>
      </c>
      <c r="E22272" s="1" t="s">
        <v>79722</v>
      </c>
      <c r="F22272" s="1" t="s">
        <v>79723</v>
      </c>
      <c r="G22272" s="1" t="s">
        <v>79620</v>
      </c>
      <c r="H22272" s="1" t="s">
        <v>79621</v>
      </c>
      <c r="I22272" s="1" t="s">
        <v>75467</v>
      </c>
      <c r="J22272" s="1" t="s">
        <v>79724</v>
      </c>
    </row>
    <row r="22273" spans="1:10" x14ac:dyDescent="0.35">
      <c r="A22273" s="1" t="s">
        <v>1821</v>
      </c>
      <c r="B22273" s="1" t="s">
        <v>75461</v>
      </c>
      <c r="C22273" s="1" t="s">
        <v>155</v>
      </c>
      <c r="D22273" s="1" t="s">
        <v>79725</v>
      </c>
      <c r="E22273" s="1" t="s">
        <v>79726</v>
      </c>
      <c r="F22273" s="1" t="s">
        <v>79727</v>
      </c>
      <c r="G22273" s="1" t="s">
        <v>79620</v>
      </c>
      <c r="H22273" s="1" t="s">
        <v>79621</v>
      </c>
      <c r="I22273" s="1" t="s">
        <v>75467</v>
      </c>
      <c r="J22273" s="1" t="s">
        <v>79728</v>
      </c>
    </row>
    <row r="22274" spans="1:10" x14ac:dyDescent="0.35">
      <c r="A22274" s="1" t="s">
        <v>1821</v>
      </c>
      <c r="B22274" s="1" t="s">
        <v>75461</v>
      </c>
      <c r="C22274" s="1" t="s">
        <v>160</v>
      </c>
      <c r="D22274" s="1" t="s">
        <v>20432</v>
      </c>
      <c r="E22274" s="1" t="s">
        <v>79729</v>
      </c>
      <c r="F22274" s="1" t="s">
        <v>79730</v>
      </c>
      <c r="G22274" s="1" t="s">
        <v>79620</v>
      </c>
      <c r="H22274" s="1" t="s">
        <v>79621</v>
      </c>
      <c r="I22274" s="1" t="s">
        <v>75467</v>
      </c>
      <c r="J22274" s="1" t="s">
        <v>79731</v>
      </c>
    </row>
    <row r="22275" spans="1:10" x14ac:dyDescent="0.35">
      <c r="A22275" s="1" t="s">
        <v>1821</v>
      </c>
      <c r="B22275" s="1" t="s">
        <v>75461</v>
      </c>
      <c r="C22275" s="1" t="s">
        <v>165</v>
      </c>
      <c r="D22275" s="1" t="s">
        <v>79732</v>
      </c>
      <c r="E22275" s="1" t="s">
        <v>79733</v>
      </c>
      <c r="F22275" s="1" t="s">
        <v>79734</v>
      </c>
      <c r="G22275" s="1" t="s">
        <v>79620</v>
      </c>
      <c r="H22275" s="1" t="s">
        <v>79621</v>
      </c>
      <c r="I22275" s="1" t="s">
        <v>75467</v>
      </c>
      <c r="J22275" s="1" t="s">
        <v>79735</v>
      </c>
    </row>
    <row r="22276" spans="1:10" x14ac:dyDescent="0.35">
      <c r="A22276" s="1" t="s">
        <v>1821</v>
      </c>
      <c r="B22276" s="1" t="s">
        <v>75461</v>
      </c>
      <c r="C22276" s="1" t="s">
        <v>170</v>
      </c>
      <c r="D22276" s="1" t="s">
        <v>79736</v>
      </c>
      <c r="E22276" s="1" t="s">
        <v>79737</v>
      </c>
      <c r="F22276" s="1" t="s">
        <v>79738</v>
      </c>
      <c r="G22276" s="1" t="s">
        <v>79620</v>
      </c>
      <c r="H22276" s="1" t="s">
        <v>79621</v>
      </c>
      <c r="I22276" s="1" t="s">
        <v>75467</v>
      </c>
      <c r="J22276" s="1" t="s">
        <v>79739</v>
      </c>
    </row>
    <row r="22277" spans="1:10" x14ac:dyDescent="0.35">
      <c r="A22277" s="1" t="s">
        <v>7248</v>
      </c>
      <c r="B22277" s="1" t="s">
        <v>75461</v>
      </c>
      <c r="C22277" s="1" t="s">
        <v>8</v>
      </c>
      <c r="D22277" s="1" t="s">
        <v>79740</v>
      </c>
      <c r="E22277" s="1" t="s">
        <v>79741</v>
      </c>
      <c r="F22277" s="1" t="s">
        <v>79742</v>
      </c>
      <c r="G22277" s="1" t="s">
        <v>79743</v>
      </c>
      <c r="H22277" s="1" t="s">
        <v>79744</v>
      </c>
      <c r="I22277" s="1" t="s">
        <v>75467</v>
      </c>
      <c r="J22277" s="1" t="s">
        <v>13</v>
      </c>
    </row>
    <row r="22278" spans="1:10" x14ac:dyDescent="0.35">
      <c r="A22278" s="1" t="s">
        <v>7248</v>
      </c>
      <c r="B22278" s="1" t="s">
        <v>75461</v>
      </c>
      <c r="C22278" s="1" t="s">
        <v>15</v>
      </c>
      <c r="D22278" s="1" t="s">
        <v>79745</v>
      </c>
      <c r="E22278" s="1" t="s">
        <v>79746</v>
      </c>
      <c r="F22278" s="1" t="s">
        <v>79747</v>
      </c>
      <c r="G22278" s="1" t="s">
        <v>79743</v>
      </c>
      <c r="H22278" s="1" t="s">
        <v>79744</v>
      </c>
      <c r="I22278" s="1" t="s">
        <v>75467</v>
      </c>
      <c r="J22278" s="1" t="s">
        <v>79748</v>
      </c>
    </row>
    <row r="22279" spans="1:10" x14ac:dyDescent="0.35">
      <c r="A22279" s="1" t="s">
        <v>7248</v>
      </c>
      <c r="B22279" s="1" t="s">
        <v>75461</v>
      </c>
      <c r="C22279" s="1" t="s">
        <v>20</v>
      </c>
      <c r="D22279" s="1" t="s">
        <v>79749</v>
      </c>
      <c r="E22279" s="1" t="s">
        <v>79750</v>
      </c>
      <c r="F22279" s="1" t="s">
        <v>79751</v>
      </c>
      <c r="G22279" s="1" t="s">
        <v>79743</v>
      </c>
      <c r="H22279" s="1" t="s">
        <v>79744</v>
      </c>
      <c r="I22279" s="1" t="s">
        <v>75467</v>
      </c>
      <c r="J22279" s="1" t="s">
        <v>79752</v>
      </c>
    </row>
    <row r="22280" spans="1:10" x14ac:dyDescent="0.35">
      <c r="A22280" s="1" t="s">
        <v>7248</v>
      </c>
      <c r="B22280" s="1" t="s">
        <v>75461</v>
      </c>
      <c r="C22280" s="1" t="s">
        <v>25</v>
      </c>
      <c r="D22280" s="1" t="s">
        <v>79753</v>
      </c>
      <c r="E22280" s="1" t="s">
        <v>79754</v>
      </c>
      <c r="F22280" s="1" t="s">
        <v>79755</v>
      </c>
      <c r="G22280" s="1" t="s">
        <v>79743</v>
      </c>
      <c r="H22280" s="1" t="s">
        <v>79744</v>
      </c>
      <c r="I22280" s="1" t="s">
        <v>75467</v>
      </c>
      <c r="J22280" s="1" t="s">
        <v>79756</v>
      </c>
    </row>
    <row r="22281" spans="1:10" x14ac:dyDescent="0.35">
      <c r="A22281" s="1" t="s">
        <v>7248</v>
      </c>
      <c r="B22281" s="1" t="s">
        <v>75461</v>
      </c>
      <c r="C22281" s="1" t="s">
        <v>30</v>
      </c>
      <c r="D22281" s="1" t="s">
        <v>52306</v>
      </c>
      <c r="E22281" s="1" t="s">
        <v>79757</v>
      </c>
      <c r="F22281" s="1" t="s">
        <v>79758</v>
      </c>
      <c r="G22281" s="1" t="s">
        <v>79743</v>
      </c>
      <c r="H22281" s="1" t="s">
        <v>79744</v>
      </c>
      <c r="I22281" s="1" t="s">
        <v>75467</v>
      </c>
      <c r="J22281" s="1" t="s">
        <v>79759</v>
      </c>
    </row>
    <row r="22282" spans="1:10" x14ac:dyDescent="0.35">
      <c r="A22282" s="1" t="s">
        <v>7248</v>
      </c>
      <c r="B22282" s="1" t="s">
        <v>75461</v>
      </c>
      <c r="C22282" s="1" t="s">
        <v>35</v>
      </c>
      <c r="D22282" s="1" t="s">
        <v>68721</v>
      </c>
      <c r="E22282" s="1" t="s">
        <v>79760</v>
      </c>
      <c r="F22282" s="1" t="s">
        <v>79761</v>
      </c>
      <c r="G22282" s="1" t="s">
        <v>79743</v>
      </c>
      <c r="H22282" s="1" t="s">
        <v>79744</v>
      </c>
      <c r="I22282" s="1" t="s">
        <v>75467</v>
      </c>
      <c r="J22282" s="1" t="s">
        <v>79762</v>
      </c>
    </row>
    <row r="22283" spans="1:10" x14ac:dyDescent="0.35">
      <c r="A22283" s="1" t="s">
        <v>7248</v>
      </c>
      <c r="B22283" s="1" t="s">
        <v>75461</v>
      </c>
      <c r="C22283" s="1" t="s">
        <v>40</v>
      </c>
      <c r="D22283" s="1" t="s">
        <v>79763</v>
      </c>
      <c r="E22283" s="1" t="s">
        <v>79764</v>
      </c>
      <c r="F22283" s="1" t="s">
        <v>79765</v>
      </c>
      <c r="G22283" s="1" t="s">
        <v>79743</v>
      </c>
      <c r="H22283" s="1" t="s">
        <v>79744</v>
      </c>
      <c r="I22283" s="1" t="s">
        <v>75467</v>
      </c>
      <c r="J22283" s="1" t="s">
        <v>79766</v>
      </c>
    </row>
    <row r="22284" spans="1:10" x14ac:dyDescent="0.35">
      <c r="A22284" s="1" t="s">
        <v>7248</v>
      </c>
      <c r="B22284" s="1" t="s">
        <v>75461</v>
      </c>
      <c r="C22284" s="1" t="s">
        <v>45</v>
      </c>
      <c r="D22284" s="1" t="s">
        <v>79767</v>
      </c>
      <c r="E22284" s="1" t="s">
        <v>79768</v>
      </c>
      <c r="F22284" s="1" t="s">
        <v>79769</v>
      </c>
      <c r="G22284" s="1" t="s">
        <v>79743</v>
      </c>
      <c r="H22284" s="1" t="s">
        <v>79744</v>
      </c>
      <c r="I22284" s="1" t="s">
        <v>75467</v>
      </c>
      <c r="J22284" s="1" t="s">
        <v>79770</v>
      </c>
    </row>
    <row r="22285" spans="1:10" x14ac:dyDescent="0.35">
      <c r="A22285" s="1" t="s">
        <v>7248</v>
      </c>
      <c r="B22285" s="1" t="s">
        <v>75461</v>
      </c>
      <c r="C22285" s="1" t="s">
        <v>50</v>
      </c>
      <c r="D22285" s="1" t="s">
        <v>79771</v>
      </c>
      <c r="E22285" s="1" t="s">
        <v>79772</v>
      </c>
      <c r="F22285" s="1" t="s">
        <v>79773</v>
      </c>
      <c r="G22285" s="1" t="s">
        <v>79743</v>
      </c>
      <c r="H22285" s="1" t="s">
        <v>79744</v>
      </c>
      <c r="I22285" s="1" t="s">
        <v>75467</v>
      </c>
      <c r="J22285" s="1" t="s">
        <v>79774</v>
      </c>
    </row>
    <row r="22286" spans="1:10" x14ac:dyDescent="0.35">
      <c r="A22286" s="1" t="s">
        <v>7248</v>
      </c>
      <c r="B22286" s="1" t="s">
        <v>75461</v>
      </c>
      <c r="C22286" s="1" t="s">
        <v>55</v>
      </c>
      <c r="D22286" s="1" t="s">
        <v>79775</v>
      </c>
      <c r="E22286" s="1" t="s">
        <v>79776</v>
      </c>
      <c r="F22286" s="1" t="s">
        <v>79777</v>
      </c>
      <c r="G22286" s="1" t="s">
        <v>79743</v>
      </c>
      <c r="H22286" s="1" t="s">
        <v>79744</v>
      </c>
      <c r="I22286" s="1" t="s">
        <v>75467</v>
      </c>
      <c r="J22286" s="1" t="s">
        <v>79778</v>
      </c>
    </row>
    <row r="22287" spans="1:10" x14ac:dyDescent="0.35">
      <c r="A22287" s="1" t="s">
        <v>7248</v>
      </c>
      <c r="B22287" s="1" t="s">
        <v>75461</v>
      </c>
      <c r="C22287" s="1" t="s">
        <v>60</v>
      </c>
      <c r="D22287" s="1" t="s">
        <v>79779</v>
      </c>
      <c r="E22287" s="1" t="s">
        <v>79780</v>
      </c>
      <c r="F22287" s="1" t="s">
        <v>79781</v>
      </c>
      <c r="G22287" s="1" t="s">
        <v>79743</v>
      </c>
      <c r="H22287" s="1" t="s">
        <v>79744</v>
      </c>
      <c r="I22287" s="1" t="s">
        <v>75467</v>
      </c>
      <c r="J22287" s="1" t="s">
        <v>79782</v>
      </c>
    </row>
    <row r="22288" spans="1:10" x14ac:dyDescent="0.35">
      <c r="A22288" s="1" t="s">
        <v>7248</v>
      </c>
      <c r="B22288" s="1" t="s">
        <v>75461</v>
      </c>
      <c r="C22288" s="1" t="s">
        <v>65</v>
      </c>
      <c r="D22288" s="1" t="s">
        <v>64482</v>
      </c>
      <c r="E22288" s="1" t="s">
        <v>79783</v>
      </c>
      <c r="F22288" s="1" t="s">
        <v>79784</v>
      </c>
      <c r="G22288" s="1" t="s">
        <v>79743</v>
      </c>
      <c r="H22288" s="1" t="s">
        <v>79744</v>
      </c>
      <c r="I22288" s="1" t="s">
        <v>75467</v>
      </c>
      <c r="J22288" s="1" t="s">
        <v>79785</v>
      </c>
    </row>
    <row r="22289" spans="1:10" x14ac:dyDescent="0.35">
      <c r="A22289" s="1" t="s">
        <v>7248</v>
      </c>
      <c r="B22289" s="1" t="s">
        <v>75461</v>
      </c>
      <c r="C22289" s="1" t="s">
        <v>70</v>
      </c>
      <c r="D22289" s="1" t="s">
        <v>79786</v>
      </c>
      <c r="E22289" s="1" t="s">
        <v>79787</v>
      </c>
      <c r="F22289" s="1" t="s">
        <v>79788</v>
      </c>
      <c r="G22289" s="1" t="s">
        <v>79743</v>
      </c>
      <c r="H22289" s="1" t="s">
        <v>79744</v>
      </c>
      <c r="I22289" s="1" t="s">
        <v>75467</v>
      </c>
      <c r="J22289" s="1" t="s">
        <v>79789</v>
      </c>
    </row>
    <row r="22290" spans="1:10" x14ac:dyDescent="0.35">
      <c r="A22290" s="1" t="s">
        <v>7248</v>
      </c>
      <c r="B22290" s="1" t="s">
        <v>75461</v>
      </c>
      <c r="C22290" s="1" t="s">
        <v>75</v>
      </c>
      <c r="D22290" s="1" t="s">
        <v>79790</v>
      </c>
      <c r="E22290" s="1" t="s">
        <v>79791</v>
      </c>
      <c r="F22290" s="1" t="s">
        <v>79792</v>
      </c>
      <c r="G22290" s="1" t="s">
        <v>79743</v>
      </c>
      <c r="H22290" s="1" t="s">
        <v>79744</v>
      </c>
      <c r="I22290" s="1" t="s">
        <v>75467</v>
      </c>
      <c r="J22290" s="1" t="s">
        <v>79793</v>
      </c>
    </row>
    <row r="22291" spans="1:10" x14ac:dyDescent="0.35">
      <c r="A22291" s="1" t="s">
        <v>7248</v>
      </c>
      <c r="B22291" s="1" t="s">
        <v>75461</v>
      </c>
      <c r="C22291" s="1" t="s">
        <v>80</v>
      </c>
      <c r="D22291" s="1" t="s">
        <v>79794</v>
      </c>
      <c r="E22291" s="1" t="s">
        <v>79795</v>
      </c>
      <c r="F22291" s="1" t="s">
        <v>79796</v>
      </c>
      <c r="G22291" s="1" t="s">
        <v>79743</v>
      </c>
      <c r="H22291" s="1" t="s">
        <v>79744</v>
      </c>
      <c r="I22291" s="1" t="s">
        <v>75467</v>
      </c>
      <c r="J22291" s="1" t="s">
        <v>79797</v>
      </c>
    </row>
    <row r="22292" spans="1:10" x14ac:dyDescent="0.35">
      <c r="A22292" s="1" t="s">
        <v>7248</v>
      </c>
      <c r="B22292" s="1" t="s">
        <v>75461</v>
      </c>
      <c r="C22292" s="1" t="s">
        <v>85</v>
      </c>
      <c r="D22292" s="1" t="s">
        <v>79798</v>
      </c>
      <c r="E22292" s="1" t="s">
        <v>79799</v>
      </c>
      <c r="F22292" s="1" t="s">
        <v>79800</v>
      </c>
      <c r="G22292" s="1" t="s">
        <v>79743</v>
      </c>
      <c r="H22292" s="1" t="s">
        <v>79744</v>
      </c>
      <c r="I22292" s="1" t="s">
        <v>75467</v>
      </c>
      <c r="J22292" s="1" t="s">
        <v>79801</v>
      </c>
    </row>
    <row r="22293" spans="1:10" x14ac:dyDescent="0.35">
      <c r="A22293" s="1" t="s">
        <v>7248</v>
      </c>
      <c r="B22293" s="1" t="s">
        <v>75461</v>
      </c>
      <c r="C22293" s="1" t="s">
        <v>90</v>
      </c>
      <c r="D22293" s="1" t="s">
        <v>79802</v>
      </c>
      <c r="E22293" s="1" t="s">
        <v>79803</v>
      </c>
      <c r="F22293" s="1" t="s">
        <v>79804</v>
      </c>
      <c r="G22293" s="1" t="s">
        <v>79743</v>
      </c>
      <c r="H22293" s="1" t="s">
        <v>79744</v>
      </c>
      <c r="I22293" s="1" t="s">
        <v>75467</v>
      </c>
      <c r="J22293" s="1" t="s">
        <v>79805</v>
      </c>
    </row>
    <row r="22294" spans="1:10" x14ac:dyDescent="0.35">
      <c r="A22294" s="1" t="s">
        <v>7248</v>
      </c>
      <c r="B22294" s="1" t="s">
        <v>75461</v>
      </c>
      <c r="C22294" s="1" t="s">
        <v>95</v>
      </c>
      <c r="D22294" s="1" t="s">
        <v>24337</v>
      </c>
      <c r="E22294" s="1" t="s">
        <v>79806</v>
      </c>
      <c r="F22294" s="1" t="s">
        <v>79807</v>
      </c>
      <c r="G22294" s="1" t="s">
        <v>79743</v>
      </c>
      <c r="H22294" s="1" t="s">
        <v>79744</v>
      </c>
      <c r="I22294" s="1" t="s">
        <v>75467</v>
      </c>
      <c r="J22294" s="1" t="s">
        <v>79808</v>
      </c>
    </row>
    <row r="22295" spans="1:10" x14ac:dyDescent="0.35">
      <c r="A22295" s="1" t="s">
        <v>7248</v>
      </c>
      <c r="B22295" s="1" t="s">
        <v>75461</v>
      </c>
      <c r="C22295" s="1" t="s">
        <v>100</v>
      </c>
      <c r="D22295" s="1" t="s">
        <v>26717</v>
      </c>
      <c r="E22295" s="1" t="s">
        <v>79809</v>
      </c>
      <c r="F22295" s="1" t="s">
        <v>79810</v>
      </c>
      <c r="G22295" s="1" t="s">
        <v>79743</v>
      </c>
      <c r="H22295" s="1" t="s">
        <v>79744</v>
      </c>
      <c r="I22295" s="1" t="s">
        <v>75467</v>
      </c>
      <c r="J22295" s="1" t="s">
        <v>79811</v>
      </c>
    </row>
    <row r="22296" spans="1:10" x14ac:dyDescent="0.35">
      <c r="A22296" s="1" t="s">
        <v>7248</v>
      </c>
      <c r="B22296" s="1" t="s">
        <v>75461</v>
      </c>
      <c r="C22296" s="1" t="s">
        <v>105</v>
      </c>
      <c r="D22296" s="1" t="s">
        <v>79812</v>
      </c>
      <c r="E22296" s="1" t="s">
        <v>79813</v>
      </c>
      <c r="F22296" s="1" t="s">
        <v>79814</v>
      </c>
      <c r="G22296" s="1" t="s">
        <v>79743</v>
      </c>
      <c r="H22296" s="1" t="s">
        <v>79744</v>
      </c>
      <c r="I22296" s="1" t="s">
        <v>75467</v>
      </c>
      <c r="J22296" s="1" t="s">
        <v>79815</v>
      </c>
    </row>
    <row r="22297" spans="1:10" x14ac:dyDescent="0.35">
      <c r="A22297" s="1" t="s">
        <v>7248</v>
      </c>
      <c r="B22297" s="1" t="s">
        <v>75461</v>
      </c>
      <c r="C22297" s="1" t="s">
        <v>110</v>
      </c>
      <c r="D22297" s="1" t="s">
        <v>79816</v>
      </c>
      <c r="E22297" s="1" t="s">
        <v>79817</v>
      </c>
      <c r="F22297" s="1" t="s">
        <v>79818</v>
      </c>
      <c r="G22297" s="1" t="s">
        <v>79743</v>
      </c>
      <c r="H22297" s="1" t="s">
        <v>79744</v>
      </c>
      <c r="I22297" s="1" t="s">
        <v>75467</v>
      </c>
      <c r="J22297" s="1" t="s">
        <v>79819</v>
      </c>
    </row>
    <row r="22298" spans="1:10" x14ac:dyDescent="0.35">
      <c r="A22298" s="1" t="s">
        <v>7248</v>
      </c>
      <c r="B22298" s="1" t="s">
        <v>75461</v>
      </c>
      <c r="C22298" s="1" t="s">
        <v>115</v>
      </c>
      <c r="D22298" s="1" t="s">
        <v>79820</v>
      </c>
      <c r="E22298" s="1" t="s">
        <v>79821</v>
      </c>
      <c r="F22298" s="1" t="s">
        <v>79822</v>
      </c>
      <c r="G22298" s="1" t="s">
        <v>79743</v>
      </c>
      <c r="H22298" s="1" t="s">
        <v>79744</v>
      </c>
      <c r="I22298" s="1" t="s">
        <v>75467</v>
      </c>
      <c r="J22298" s="1" t="s">
        <v>79823</v>
      </c>
    </row>
    <row r="22299" spans="1:10" x14ac:dyDescent="0.35">
      <c r="A22299" s="1" t="s">
        <v>7248</v>
      </c>
      <c r="B22299" s="1" t="s">
        <v>75461</v>
      </c>
      <c r="C22299" s="1" t="s">
        <v>120</v>
      </c>
      <c r="D22299" s="1" t="s">
        <v>79824</v>
      </c>
      <c r="E22299" s="1" t="s">
        <v>79825</v>
      </c>
      <c r="F22299" s="1" t="s">
        <v>79826</v>
      </c>
      <c r="G22299" s="1" t="s">
        <v>79743</v>
      </c>
      <c r="H22299" s="1" t="s">
        <v>79744</v>
      </c>
      <c r="I22299" s="1" t="s">
        <v>75467</v>
      </c>
      <c r="J22299" s="1" t="s">
        <v>79827</v>
      </c>
    </row>
    <row r="22300" spans="1:10" x14ac:dyDescent="0.35">
      <c r="A22300" s="1" t="s">
        <v>7248</v>
      </c>
      <c r="B22300" s="1" t="s">
        <v>75461</v>
      </c>
      <c r="C22300" s="1" t="s">
        <v>125</v>
      </c>
      <c r="D22300" s="1" t="s">
        <v>79828</v>
      </c>
      <c r="E22300" s="1" t="s">
        <v>79829</v>
      </c>
      <c r="F22300" s="1" t="s">
        <v>79830</v>
      </c>
      <c r="G22300" s="1" t="s">
        <v>79743</v>
      </c>
      <c r="H22300" s="1" t="s">
        <v>79744</v>
      </c>
      <c r="I22300" s="1" t="s">
        <v>75467</v>
      </c>
      <c r="J22300" s="1" t="s">
        <v>79831</v>
      </c>
    </row>
    <row r="22301" spans="1:10" x14ac:dyDescent="0.35">
      <c r="A22301" s="1" t="s">
        <v>7248</v>
      </c>
      <c r="B22301" s="1" t="s">
        <v>75461</v>
      </c>
      <c r="C22301" s="1" t="s">
        <v>130</v>
      </c>
      <c r="D22301" s="1" t="s">
        <v>79832</v>
      </c>
      <c r="E22301" s="1" t="s">
        <v>79833</v>
      </c>
      <c r="F22301" s="1" t="s">
        <v>79834</v>
      </c>
      <c r="G22301" s="1" t="s">
        <v>79743</v>
      </c>
      <c r="H22301" s="1" t="s">
        <v>79744</v>
      </c>
      <c r="I22301" s="1" t="s">
        <v>75467</v>
      </c>
      <c r="J22301" s="1" t="s">
        <v>79835</v>
      </c>
    </row>
    <row r="22302" spans="1:10" x14ac:dyDescent="0.35">
      <c r="A22302" s="1" t="s">
        <v>7248</v>
      </c>
      <c r="B22302" s="1" t="s">
        <v>75461</v>
      </c>
      <c r="C22302" s="1" t="s">
        <v>135</v>
      </c>
      <c r="D22302" s="1" t="s">
        <v>26328</v>
      </c>
      <c r="E22302" s="1" t="s">
        <v>79836</v>
      </c>
      <c r="F22302" s="1" t="s">
        <v>79837</v>
      </c>
      <c r="G22302" s="1" t="s">
        <v>79743</v>
      </c>
      <c r="H22302" s="1" t="s">
        <v>79744</v>
      </c>
      <c r="I22302" s="1" t="s">
        <v>75467</v>
      </c>
      <c r="J22302" s="1" t="s">
        <v>79838</v>
      </c>
    </row>
    <row r="22303" spans="1:10" x14ac:dyDescent="0.35">
      <c r="A22303" s="1" t="s">
        <v>7248</v>
      </c>
      <c r="B22303" s="1" t="s">
        <v>75461</v>
      </c>
      <c r="C22303" s="1" t="s">
        <v>140</v>
      </c>
      <c r="D22303" s="1" t="s">
        <v>79839</v>
      </c>
      <c r="E22303" s="1" t="s">
        <v>79840</v>
      </c>
      <c r="F22303" s="1" t="s">
        <v>79841</v>
      </c>
      <c r="G22303" s="1" t="s">
        <v>79743</v>
      </c>
      <c r="H22303" s="1" t="s">
        <v>79744</v>
      </c>
      <c r="I22303" s="1" t="s">
        <v>75467</v>
      </c>
      <c r="J22303" s="1" t="s">
        <v>79842</v>
      </c>
    </row>
    <row r="22304" spans="1:10" x14ac:dyDescent="0.35">
      <c r="A22304" s="1" t="s">
        <v>7248</v>
      </c>
      <c r="B22304" s="1" t="s">
        <v>75461</v>
      </c>
      <c r="C22304" s="1" t="s">
        <v>145</v>
      </c>
      <c r="D22304" s="1" t="s">
        <v>79843</v>
      </c>
      <c r="E22304" s="1" t="s">
        <v>71903</v>
      </c>
      <c r="F22304" s="1" t="s">
        <v>79844</v>
      </c>
      <c r="G22304" s="1" t="s">
        <v>79743</v>
      </c>
      <c r="H22304" s="1" t="s">
        <v>79744</v>
      </c>
      <c r="I22304" s="1" t="s">
        <v>75467</v>
      </c>
      <c r="J22304" s="1" t="s">
        <v>79845</v>
      </c>
    </row>
    <row r="22305" spans="1:10" x14ac:dyDescent="0.35">
      <c r="A22305" s="1" t="s">
        <v>7248</v>
      </c>
      <c r="B22305" s="1" t="s">
        <v>75461</v>
      </c>
      <c r="C22305" s="1" t="s">
        <v>150</v>
      </c>
      <c r="D22305" s="1" t="s">
        <v>79846</v>
      </c>
      <c r="E22305" s="1" t="s">
        <v>79847</v>
      </c>
      <c r="F22305" s="1" t="s">
        <v>79848</v>
      </c>
      <c r="G22305" s="1" t="s">
        <v>79743</v>
      </c>
      <c r="H22305" s="1" t="s">
        <v>79744</v>
      </c>
      <c r="I22305" s="1" t="s">
        <v>75467</v>
      </c>
      <c r="J22305" s="1" t="s">
        <v>79849</v>
      </c>
    </row>
    <row r="22306" spans="1:10" x14ac:dyDescent="0.35">
      <c r="A22306" s="1" t="s">
        <v>7248</v>
      </c>
      <c r="B22306" s="1" t="s">
        <v>75461</v>
      </c>
      <c r="C22306" s="1" t="s">
        <v>155</v>
      </c>
      <c r="D22306" s="1" t="s">
        <v>79850</v>
      </c>
      <c r="E22306" s="1" t="s">
        <v>79851</v>
      </c>
      <c r="F22306" s="1" t="s">
        <v>79852</v>
      </c>
      <c r="G22306" s="1" t="s">
        <v>79743</v>
      </c>
      <c r="H22306" s="1" t="s">
        <v>79744</v>
      </c>
      <c r="I22306" s="1" t="s">
        <v>75467</v>
      </c>
      <c r="J22306" s="1" t="s">
        <v>79853</v>
      </c>
    </row>
    <row r="22307" spans="1:10" x14ac:dyDescent="0.35">
      <c r="A22307" s="1" t="s">
        <v>7248</v>
      </c>
      <c r="B22307" s="1" t="s">
        <v>75461</v>
      </c>
      <c r="C22307" s="1" t="s">
        <v>160</v>
      </c>
      <c r="D22307" s="1" t="s">
        <v>79854</v>
      </c>
      <c r="E22307" s="1" t="s">
        <v>79855</v>
      </c>
      <c r="F22307" s="1" t="s">
        <v>79856</v>
      </c>
      <c r="G22307" s="1" t="s">
        <v>79743</v>
      </c>
      <c r="H22307" s="1" t="s">
        <v>79744</v>
      </c>
      <c r="I22307" s="1" t="s">
        <v>75467</v>
      </c>
      <c r="J22307" s="1" t="s">
        <v>79857</v>
      </c>
    </row>
    <row r="22308" spans="1:10" x14ac:dyDescent="0.35">
      <c r="A22308" s="1" t="s">
        <v>7248</v>
      </c>
      <c r="B22308" s="1" t="s">
        <v>75461</v>
      </c>
      <c r="C22308" s="1" t="s">
        <v>165</v>
      </c>
      <c r="D22308" s="1" t="s">
        <v>79858</v>
      </c>
      <c r="E22308" s="1" t="s">
        <v>79859</v>
      </c>
      <c r="F22308" s="1" t="s">
        <v>79860</v>
      </c>
      <c r="G22308" s="1" t="s">
        <v>79743</v>
      </c>
      <c r="H22308" s="1" t="s">
        <v>79744</v>
      </c>
      <c r="I22308" s="1" t="s">
        <v>75467</v>
      </c>
      <c r="J22308" s="1" t="s">
        <v>79861</v>
      </c>
    </row>
    <row r="22309" spans="1:10" x14ac:dyDescent="0.35">
      <c r="A22309" s="1" t="s">
        <v>7248</v>
      </c>
      <c r="B22309" s="1" t="s">
        <v>75461</v>
      </c>
      <c r="C22309" s="1" t="s">
        <v>170</v>
      </c>
      <c r="D22309" s="1" t="s">
        <v>79862</v>
      </c>
      <c r="E22309" s="1" t="s">
        <v>79863</v>
      </c>
      <c r="F22309" s="1" t="s">
        <v>79864</v>
      </c>
      <c r="G22309" s="1" t="s">
        <v>79743</v>
      </c>
      <c r="H22309" s="1" t="s">
        <v>79744</v>
      </c>
      <c r="I22309" s="1" t="s">
        <v>75467</v>
      </c>
      <c r="J22309" s="1" t="s">
        <v>79865</v>
      </c>
    </row>
    <row r="22310" spans="1:10" x14ac:dyDescent="0.35">
      <c r="A22310" s="1" t="s">
        <v>79866</v>
      </c>
      <c r="B22310" s="1" t="s">
        <v>75461</v>
      </c>
      <c r="C22310" s="1" t="s">
        <v>8</v>
      </c>
      <c r="D22310" s="1" t="s">
        <v>63861</v>
      </c>
      <c r="E22310" s="1" t="s">
        <v>79867</v>
      </c>
      <c r="F22310" s="1" t="s">
        <v>79868</v>
      </c>
      <c r="G22310" s="1" t="s">
        <v>79869</v>
      </c>
      <c r="H22310" s="1" t="s">
        <v>79870</v>
      </c>
      <c r="I22310" s="1" t="s">
        <v>75467</v>
      </c>
      <c r="J22310" s="1" t="s">
        <v>13</v>
      </c>
    </row>
    <row r="22311" spans="1:10" x14ac:dyDescent="0.35">
      <c r="A22311" s="1" t="s">
        <v>79866</v>
      </c>
      <c r="B22311" s="1" t="s">
        <v>75461</v>
      </c>
      <c r="C22311" s="1" t="s">
        <v>15</v>
      </c>
      <c r="D22311" s="1" t="s">
        <v>79871</v>
      </c>
      <c r="E22311" s="1" t="s">
        <v>79872</v>
      </c>
      <c r="F22311" s="1" t="s">
        <v>79873</v>
      </c>
      <c r="G22311" s="1" t="s">
        <v>79869</v>
      </c>
      <c r="H22311" s="1" t="s">
        <v>79870</v>
      </c>
      <c r="I22311" s="1" t="s">
        <v>75467</v>
      </c>
      <c r="J22311" s="1" t="s">
        <v>79874</v>
      </c>
    </row>
    <row r="22312" spans="1:10" x14ac:dyDescent="0.35">
      <c r="A22312" s="1" t="s">
        <v>79866</v>
      </c>
      <c r="B22312" s="1" t="s">
        <v>75461</v>
      </c>
      <c r="C22312" s="1" t="s">
        <v>20</v>
      </c>
      <c r="D22312" s="1" t="s">
        <v>79875</v>
      </c>
      <c r="E22312" s="1" t="s">
        <v>79876</v>
      </c>
      <c r="F22312" s="1" t="s">
        <v>79877</v>
      </c>
      <c r="G22312" s="1" t="s">
        <v>79869</v>
      </c>
      <c r="H22312" s="1" t="s">
        <v>79870</v>
      </c>
      <c r="I22312" s="1" t="s">
        <v>75467</v>
      </c>
      <c r="J22312" s="1" t="s">
        <v>79878</v>
      </c>
    </row>
    <row r="22313" spans="1:10" x14ac:dyDescent="0.35">
      <c r="A22313" s="1" t="s">
        <v>79866</v>
      </c>
      <c r="B22313" s="1" t="s">
        <v>75461</v>
      </c>
      <c r="C22313" s="1" t="s">
        <v>25</v>
      </c>
      <c r="D22313" s="1" t="s">
        <v>55404</v>
      </c>
      <c r="E22313" s="1" t="s">
        <v>79879</v>
      </c>
      <c r="F22313" s="1" t="s">
        <v>79880</v>
      </c>
      <c r="G22313" s="1" t="s">
        <v>79869</v>
      </c>
      <c r="H22313" s="1" t="s">
        <v>79870</v>
      </c>
      <c r="I22313" s="1" t="s">
        <v>75467</v>
      </c>
      <c r="J22313" s="1" t="s">
        <v>79881</v>
      </c>
    </row>
    <row r="22314" spans="1:10" x14ac:dyDescent="0.35">
      <c r="A22314" s="1" t="s">
        <v>79866</v>
      </c>
      <c r="B22314" s="1" t="s">
        <v>75461</v>
      </c>
      <c r="C22314" s="1" t="s">
        <v>30</v>
      </c>
      <c r="D22314" s="1" t="s">
        <v>79882</v>
      </c>
      <c r="E22314" s="1" t="s">
        <v>79883</v>
      </c>
      <c r="F22314" s="1" t="s">
        <v>79884</v>
      </c>
      <c r="G22314" s="1" t="s">
        <v>79869</v>
      </c>
      <c r="H22314" s="1" t="s">
        <v>79870</v>
      </c>
      <c r="I22314" s="1" t="s">
        <v>75467</v>
      </c>
      <c r="J22314" s="1" t="s">
        <v>79885</v>
      </c>
    </row>
    <row r="22315" spans="1:10" x14ac:dyDescent="0.35">
      <c r="A22315" s="1" t="s">
        <v>79866</v>
      </c>
      <c r="B22315" s="1" t="s">
        <v>75461</v>
      </c>
      <c r="C22315" s="1" t="s">
        <v>35</v>
      </c>
      <c r="D22315" s="1" t="s">
        <v>79886</v>
      </c>
      <c r="E22315" s="1" t="s">
        <v>79887</v>
      </c>
      <c r="F22315" s="1" t="s">
        <v>79888</v>
      </c>
      <c r="G22315" s="1" t="s">
        <v>79869</v>
      </c>
      <c r="H22315" s="1" t="s">
        <v>79870</v>
      </c>
      <c r="I22315" s="1" t="s">
        <v>75467</v>
      </c>
      <c r="J22315" s="1" t="s">
        <v>79889</v>
      </c>
    </row>
    <row r="22316" spans="1:10" x14ac:dyDescent="0.35">
      <c r="A22316" s="1" t="s">
        <v>79866</v>
      </c>
      <c r="B22316" s="1" t="s">
        <v>75461</v>
      </c>
      <c r="C22316" s="1" t="s">
        <v>40</v>
      </c>
      <c r="D22316" s="1" t="s">
        <v>79890</v>
      </c>
      <c r="E22316" s="1" t="s">
        <v>79891</v>
      </c>
      <c r="F22316" s="1" t="s">
        <v>79892</v>
      </c>
      <c r="G22316" s="1" t="s">
        <v>79869</v>
      </c>
      <c r="H22316" s="1" t="s">
        <v>79870</v>
      </c>
      <c r="I22316" s="1" t="s">
        <v>75467</v>
      </c>
      <c r="J22316" s="1" t="s">
        <v>79893</v>
      </c>
    </row>
    <row r="22317" spans="1:10" x14ac:dyDescent="0.35">
      <c r="A22317" s="1" t="s">
        <v>79866</v>
      </c>
      <c r="B22317" s="1" t="s">
        <v>75461</v>
      </c>
      <c r="C22317" s="1" t="s">
        <v>45</v>
      </c>
      <c r="D22317" s="1" t="s">
        <v>79894</v>
      </c>
      <c r="E22317" s="1" t="s">
        <v>79895</v>
      </c>
      <c r="F22317" s="1" t="s">
        <v>79896</v>
      </c>
      <c r="G22317" s="1" t="s">
        <v>79869</v>
      </c>
      <c r="H22317" s="1" t="s">
        <v>79870</v>
      </c>
      <c r="I22317" s="1" t="s">
        <v>75467</v>
      </c>
      <c r="J22317" s="1" t="s">
        <v>79897</v>
      </c>
    </row>
    <row r="22318" spans="1:10" x14ac:dyDescent="0.35">
      <c r="A22318" s="1" t="s">
        <v>79866</v>
      </c>
      <c r="B22318" s="1" t="s">
        <v>75461</v>
      </c>
      <c r="C22318" s="1" t="s">
        <v>50</v>
      </c>
      <c r="D22318" s="1" t="s">
        <v>79898</v>
      </c>
      <c r="E22318" s="1" t="s">
        <v>79899</v>
      </c>
      <c r="F22318" s="1" t="s">
        <v>79900</v>
      </c>
      <c r="G22318" s="1" t="s">
        <v>79869</v>
      </c>
      <c r="H22318" s="1" t="s">
        <v>79870</v>
      </c>
      <c r="I22318" s="1" t="s">
        <v>75467</v>
      </c>
      <c r="J22318" s="1" t="s">
        <v>79901</v>
      </c>
    </row>
    <row r="22319" spans="1:10" x14ac:dyDescent="0.35">
      <c r="A22319" s="1" t="s">
        <v>79866</v>
      </c>
      <c r="B22319" s="1" t="s">
        <v>75461</v>
      </c>
      <c r="C22319" s="1" t="s">
        <v>55</v>
      </c>
      <c r="D22319" s="1" t="s">
        <v>39121</v>
      </c>
      <c r="E22319" s="1" t="s">
        <v>79902</v>
      </c>
      <c r="F22319" s="1" t="s">
        <v>79903</v>
      </c>
      <c r="G22319" s="1" t="s">
        <v>79869</v>
      </c>
      <c r="H22319" s="1" t="s">
        <v>79870</v>
      </c>
      <c r="I22319" s="1" t="s">
        <v>75467</v>
      </c>
      <c r="J22319" s="1" t="s">
        <v>79904</v>
      </c>
    </row>
    <row r="22320" spans="1:10" x14ac:dyDescent="0.35">
      <c r="A22320" s="1" t="s">
        <v>79866</v>
      </c>
      <c r="B22320" s="1" t="s">
        <v>75461</v>
      </c>
      <c r="C22320" s="1" t="s">
        <v>60</v>
      </c>
      <c r="D22320" s="1" t="s">
        <v>79905</v>
      </c>
      <c r="E22320" s="1" t="s">
        <v>79906</v>
      </c>
      <c r="F22320" s="1" t="s">
        <v>79907</v>
      </c>
      <c r="G22320" s="1" t="s">
        <v>79869</v>
      </c>
      <c r="H22320" s="1" t="s">
        <v>79870</v>
      </c>
      <c r="I22320" s="1" t="s">
        <v>75467</v>
      </c>
      <c r="J22320" s="1" t="s">
        <v>79908</v>
      </c>
    </row>
    <row r="22321" spans="1:10" x14ac:dyDescent="0.35">
      <c r="A22321" s="1" t="s">
        <v>79866</v>
      </c>
      <c r="B22321" s="1" t="s">
        <v>75461</v>
      </c>
      <c r="C22321" s="1" t="s">
        <v>65</v>
      </c>
      <c r="D22321" s="1" t="s">
        <v>79909</v>
      </c>
      <c r="E22321" s="1" t="s">
        <v>79910</v>
      </c>
      <c r="F22321" s="1" t="s">
        <v>79911</v>
      </c>
      <c r="G22321" s="1" t="s">
        <v>79869</v>
      </c>
      <c r="H22321" s="1" t="s">
        <v>79870</v>
      </c>
      <c r="I22321" s="1" t="s">
        <v>75467</v>
      </c>
      <c r="J22321" s="1" t="s">
        <v>79912</v>
      </c>
    </row>
    <row r="22322" spans="1:10" x14ac:dyDescent="0.35">
      <c r="A22322" s="1" t="s">
        <v>79866</v>
      </c>
      <c r="B22322" s="1" t="s">
        <v>75461</v>
      </c>
      <c r="C22322" s="1" t="s">
        <v>70</v>
      </c>
      <c r="D22322" s="1" t="s">
        <v>79913</v>
      </c>
      <c r="E22322" s="1" t="s">
        <v>79914</v>
      </c>
      <c r="F22322" s="1" t="s">
        <v>79915</v>
      </c>
      <c r="G22322" s="1" t="s">
        <v>79869</v>
      </c>
      <c r="H22322" s="1" t="s">
        <v>79870</v>
      </c>
      <c r="I22322" s="1" t="s">
        <v>75467</v>
      </c>
      <c r="J22322" s="1" t="s">
        <v>79916</v>
      </c>
    </row>
    <row r="22323" spans="1:10" x14ac:dyDescent="0.35">
      <c r="A22323" s="1" t="s">
        <v>79866</v>
      </c>
      <c r="B22323" s="1" t="s">
        <v>75461</v>
      </c>
      <c r="C22323" s="1" t="s">
        <v>75</v>
      </c>
      <c r="D22323" s="1" t="s">
        <v>79917</v>
      </c>
      <c r="E22323" s="1" t="s">
        <v>79918</v>
      </c>
      <c r="F22323" s="1" t="s">
        <v>79919</v>
      </c>
      <c r="G22323" s="1" t="s">
        <v>79869</v>
      </c>
      <c r="H22323" s="1" t="s">
        <v>79870</v>
      </c>
      <c r="I22323" s="1" t="s">
        <v>75467</v>
      </c>
      <c r="J22323" s="1" t="s">
        <v>79920</v>
      </c>
    </row>
    <row r="22324" spans="1:10" x14ac:dyDescent="0.35">
      <c r="A22324" s="1" t="s">
        <v>79866</v>
      </c>
      <c r="B22324" s="1" t="s">
        <v>75461</v>
      </c>
      <c r="C22324" s="1" t="s">
        <v>80</v>
      </c>
      <c r="D22324" s="1" t="s">
        <v>79921</v>
      </c>
      <c r="E22324" s="1" t="s">
        <v>79922</v>
      </c>
      <c r="F22324" s="1" t="s">
        <v>79923</v>
      </c>
      <c r="G22324" s="1" t="s">
        <v>79869</v>
      </c>
      <c r="H22324" s="1" t="s">
        <v>79870</v>
      </c>
      <c r="I22324" s="1" t="s">
        <v>75467</v>
      </c>
      <c r="J22324" s="1" t="s">
        <v>79924</v>
      </c>
    </row>
    <row r="22325" spans="1:10" x14ac:dyDescent="0.35">
      <c r="A22325" s="1" t="s">
        <v>79866</v>
      </c>
      <c r="B22325" s="1" t="s">
        <v>75461</v>
      </c>
      <c r="C22325" s="1" t="s">
        <v>85</v>
      </c>
      <c r="D22325" s="1" t="s">
        <v>79925</v>
      </c>
      <c r="E22325" s="1" t="s">
        <v>79926</v>
      </c>
      <c r="F22325" s="1" t="s">
        <v>79927</v>
      </c>
      <c r="G22325" s="1" t="s">
        <v>79869</v>
      </c>
      <c r="H22325" s="1" t="s">
        <v>79870</v>
      </c>
      <c r="I22325" s="1" t="s">
        <v>75467</v>
      </c>
      <c r="J22325" s="1" t="s">
        <v>79928</v>
      </c>
    </row>
    <row r="22326" spans="1:10" x14ac:dyDescent="0.35">
      <c r="A22326" s="1" t="s">
        <v>79866</v>
      </c>
      <c r="B22326" s="1" t="s">
        <v>75461</v>
      </c>
      <c r="C22326" s="1" t="s">
        <v>90</v>
      </c>
      <c r="D22326" s="1" t="s">
        <v>79929</v>
      </c>
      <c r="E22326" s="1" t="s">
        <v>79930</v>
      </c>
      <c r="F22326" s="1" t="s">
        <v>79931</v>
      </c>
      <c r="G22326" s="1" t="s">
        <v>79869</v>
      </c>
      <c r="H22326" s="1" t="s">
        <v>79870</v>
      </c>
      <c r="I22326" s="1" t="s">
        <v>75467</v>
      </c>
      <c r="J22326" s="1" t="s">
        <v>79932</v>
      </c>
    </row>
    <row r="22327" spans="1:10" x14ac:dyDescent="0.35">
      <c r="A22327" s="1" t="s">
        <v>79866</v>
      </c>
      <c r="B22327" s="1" t="s">
        <v>75461</v>
      </c>
      <c r="C22327" s="1" t="s">
        <v>95</v>
      </c>
      <c r="D22327" s="1" t="s">
        <v>79933</v>
      </c>
      <c r="E22327" s="1" t="s">
        <v>79934</v>
      </c>
      <c r="F22327" s="1" t="s">
        <v>79935</v>
      </c>
      <c r="G22327" s="1" t="s">
        <v>79869</v>
      </c>
      <c r="H22327" s="1" t="s">
        <v>79870</v>
      </c>
      <c r="I22327" s="1" t="s">
        <v>75467</v>
      </c>
      <c r="J22327" s="1" t="s">
        <v>79936</v>
      </c>
    </row>
    <row r="22328" spans="1:10" x14ac:dyDescent="0.35">
      <c r="A22328" s="1" t="s">
        <v>79866</v>
      </c>
      <c r="B22328" s="1" t="s">
        <v>75461</v>
      </c>
      <c r="C22328" s="1" t="s">
        <v>100</v>
      </c>
      <c r="D22328" s="1" t="s">
        <v>79937</v>
      </c>
      <c r="E22328" s="1" t="s">
        <v>79938</v>
      </c>
      <c r="F22328" s="1" t="s">
        <v>79939</v>
      </c>
      <c r="G22328" s="1" t="s">
        <v>79869</v>
      </c>
      <c r="H22328" s="1" t="s">
        <v>79870</v>
      </c>
      <c r="I22328" s="1" t="s">
        <v>75467</v>
      </c>
      <c r="J22328" s="1" t="s">
        <v>79940</v>
      </c>
    </row>
    <row r="22329" spans="1:10" x14ac:dyDescent="0.35">
      <c r="A22329" s="1" t="s">
        <v>79866</v>
      </c>
      <c r="B22329" s="1" t="s">
        <v>75461</v>
      </c>
      <c r="C22329" s="1" t="s">
        <v>105</v>
      </c>
      <c r="D22329" s="1" t="s">
        <v>19899</v>
      </c>
      <c r="E22329" s="1" t="s">
        <v>79941</v>
      </c>
      <c r="F22329" s="1" t="s">
        <v>79942</v>
      </c>
      <c r="G22329" s="1" t="s">
        <v>79869</v>
      </c>
      <c r="H22329" s="1" t="s">
        <v>79870</v>
      </c>
      <c r="I22329" s="1" t="s">
        <v>75467</v>
      </c>
      <c r="J22329" s="1" t="s">
        <v>79943</v>
      </c>
    </row>
    <row r="22330" spans="1:10" x14ac:dyDescent="0.35">
      <c r="A22330" s="1" t="s">
        <v>79866</v>
      </c>
      <c r="B22330" s="1" t="s">
        <v>75461</v>
      </c>
      <c r="C22330" s="1" t="s">
        <v>110</v>
      </c>
      <c r="D22330" s="1" t="s">
        <v>79944</v>
      </c>
      <c r="E22330" s="1" t="s">
        <v>79945</v>
      </c>
      <c r="F22330" s="1" t="s">
        <v>79946</v>
      </c>
      <c r="G22330" s="1" t="s">
        <v>79869</v>
      </c>
      <c r="H22330" s="1" t="s">
        <v>79870</v>
      </c>
      <c r="I22330" s="1" t="s">
        <v>75467</v>
      </c>
      <c r="J22330" s="1" t="s">
        <v>79947</v>
      </c>
    </row>
    <row r="22331" spans="1:10" x14ac:dyDescent="0.35">
      <c r="A22331" s="1" t="s">
        <v>79866</v>
      </c>
      <c r="B22331" s="1" t="s">
        <v>75461</v>
      </c>
      <c r="C22331" s="1" t="s">
        <v>115</v>
      </c>
      <c r="D22331" s="1" t="s">
        <v>79948</v>
      </c>
      <c r="E22331" s="1" t="s">
        <v>79949</v>
      </c>
      <c r="F22331" s="1" t="s">
        <v>79950</v>
      </c>
      <c r="G22331" s="1" t="s">
        <v>79869</v>
      </c>
      <c r="H22331" s="1" t="s">
        <v>79870</v>
      </c>
      <c r="I22331" s="1" t="s">
        <v>75467</v>
      </c>
      <c r="J22331" s="1" t="s">
        <v>79951</v>
      </c>
    </row>
    <row r="22332" spans="1:10" x14ac:dyDescent="0.35">
      <c r="A22332" s="1" t="s">
        <v>79866</v>
      </c>
      <c r="B22332" s="1" t="s">
        <v>75461</v>
      </c>
      <c r="C22332" s="1" t="s">
        <v>120</v>
      </c>
      <c r="D22332" s="1" t="s">
        <v>79952</v>
      </c>
      <c r="E22332" s="1" t="s">
        <v>79953</v>
      </c>
      <c r="F22332" s="1" t="s">
        <v>79954</v>
      </c>
      <c r="G22332" s="1" t="s">
        <v>79869</v>
      </c>
      <c r="H22332" s="1" t="s">
        <v>79870</v>
      </c>
      <c r="I22332" s="1" t="s">
        <v>75467</v>
      </c>
      <c r="J22332" s="1" t="s">
        <v>79955</v>
      </c>
    </row>
    <row r="22333" spans="1:10" x14ac:dyDescent="0.35">
      <c r="A22333" s="1" t="s">
        <v>79866</v>
      </c>
      <c r="B22333" s="1" t="s">
        <v>75461</v>
      </c>
      <c r="C22333" s="1" t="s">
        <v>125</v>
      </c>
      <c r="D22333" s="1" t="s">
        <v>79956</v>
      </c>
      <c r="E22333" s="1" t="s">
        <v>79957</v>
      </c>
      <c r="F22333" s="1" t="s">
        <v>79958</v>
      </c>
      <c r="G22333" s="1" t="s">
        <v>79869</v>
      </c>
      <c r="H22333" s="1" t="s">
        <v>79870</v>
      </c>
      <c r="I22333" s="1" t="s">
        <v>75467</v>
      </c>
      <c r="J22333" s="1" t="s">
        <v>79959</v>
      </c>
    </row>
    <row r="22334" spans="1:10" x14ac:dyDescent="0.35">
      <c r="A22334" s="1" t="s">
        <v>79866</v>
      </c>
      <c r="B22334" s="1" t="s">
        <v>75461</v>
      </c>
      <c r="C22334" s="1" t="s">
        <v>130</v>
      </c>
      <c r="D22334" s="1" t="s">
        <v>79960</v>
      </c>
      <c r="E22334" s="1" t="s">
        <v>79961</v>
      </c>
      <c r="F22334" s="1" t="s">
        <v>79962</v>
      </c>
      <c r="G22334" s="1" t="s">
        <v>79869</v>
      </c>
      <c r="H22334" s="1" t="s">
        <v>79870</v>
      </c>
      <c r="I22334" s="1" t="s">
        <v>75467</v>
      </c>
      <c r="J22334" s="1" t="s">
        <v>79963</v>
      </c>
    </row>
    <row r="22335" spans="1:10" x14ac:dyDescent="0.35">
      <c r="A22335" s="1" t="s">
        <v>79866</v>
      </c>
      <c r="B22335" s="1" t="s">
        <v>75461</v>
      </c>
      <c r="C22335" s="1" t="s">
        <v>135</v>
      </c>
      <c r="D22335" s="1" t="s">
        <v>60922</v>
      </c>
      <c r="E22335" s="1" t="s">
        <v>79964</v>
      </c>
      <c r="F22335" s="1" t="s">
        <v>79965</v>
      </c>
      <c r="G22335" s="1" t="s">
        <v>79869</v>
      </c>
      <c r="H22335" s="1" t="s">
        <v>79870</v>
      </c>
      <c r="I22335" s="1" t="s">
        <v>75467</v>
      </c>
      <c r="J22335" s="1" t="s">
        <v>79966</v>
      </c>
    </row>
    <row r="22336" spans="1:10" x14ac:dyDescent="0.35">
      <c r="A22336" s="1" t="s">
        <v>79866</v>
      </c>
      <c r="B22336" s="1" t="s">
        <v>75461</v>
      </c>
      <c r="C22336" s="1" t="s">
        <v>140</v>
      </c>
      <c r="D22336" s="1" t="s">
        <v>58930</v>
      </c>
      <c r="E22336" s="1" t="s">
        <v>79967</v>
      </c>
      <c r="F22336" s="1" t="s">
        <v>79968</v>
      </c>
      <c r="G22336" s="1" t="s">
        <v>79869</v>
      </c>
      <c r="H22336" s="1" t="s">
        <v>79870</v>
      </c>
      <c r="I22336" s="1" t="s">
        <v>75467</v>
      </c>
      <c r="J22336" s="1" t="s">
        <v>79969</v>
      </c>
    </row>
    <row r="22337" spans="1:10" x14ac:dyDescent="0.35">
      <c r="A22337" s="1" t="s">
        <v>79866</v>
      </c>
      <c r="B22337" s="1" t="s">
        <v>75461</v>
      </c>
      <c r="C22337" s="1" t="s">
        <v>145</v>
      </c>
      <c r="D22337" s="1" t="s">
        <v>79970</v>
      </c>
      <c r="E22337" s="1" t="s">
        <v>79971</v>
      </c>
      <c r="F22337" s="1" t="s">
        <v>79972</v>
      </c>
      <c r="G22337" s="1" t="s">
        <v>79869</v>
      </c>
      <c r="H22337" s="1" t="s">
        <v>79870</v>
      </c>
      <c r="I22337" s="1" t="s">
        <v>75467</v>
      </c>
      <c r="J22337" s="1" t="s">
        <v>79973</v>
      </c>
    </row>
    <row r="22338" spans="1:10" x14ac:dyDescent="0.35">
      <c r="A22338" s="1" t="s">
        <v>79866</v>
      </c>
      <c r="B22338" s="1" t="s">
        <v>75461</v>
      </c>
      <c r="C22338" s="1" t="s">
        <v>150</v>
      </c>
      <c r="D22338" s="1" t="s">
        <v>79974</v>
      </c>
      <c r="E22338" s="1" t="s">
        <v>79975</v>
      </c>
      <c r="F22338" s="1" t="s">
        <v>79976</v>
      </c>
      <c r="G22338" s="1" t="s">
        <v>79869</v>
      </c>
      <c r="H22338" s="1" t="s">
        <v>79870</v>
      </c>
      <c r="I22338" s="1" t="s">
        <v>75467</v>
      </c>
      <c r="J22338" s="1" t="s">
        <v>79977</v>
      </c>
    </row>
    <row r="22339" spans="1:10" x14ac:dyDescent="0.35">
      <c r="A22339" s="1" t="s">
        <v>79866</v>
      </c>
      <c r="B22339" s="1" t="s">
        <v>75461</v>
      </c>
      <c r="C22339" s="1" t="s">
        <v>155</v>
      </c>
      <c r="D22339" s="1" t="s">
        <v>79978</v>
      </c>
      <c r="E22339" s="1" t="s">
        <v>79979</v>
      </c>
      <c r="F22339" s="1" t="s">
        <v>79980</v>
      </c>
      <c r="G22339" s="1" t="s">
        <v>79869</v>
      </c>
      <c r="H22339" s="1" t="s">
        <v>79870</v>
      </c>
      <c r="I22339" s="1" t="s">
        <v>75467</v>
      </c>
      <c r="J22339" s="1" t="s">
        <v>79981</v>
      </c>
    </row>
    <row r="22340" spans="1:10" x14ac:dyDescent="0.35">
      <c r="A22340" s="1" t="s">
        <v>79866</v>
      </c>
      <c r="B22340" s="1" t="s">
        <v>75461</v>
      </c>
      <c r="C22340" s="1" t="s">
        <v>160</v>
      </c>
      <c r="D22340" s="1" t="s">
        <v>79982</v>
      </c>
      <c r="E22340" s="1" t="s">
        <v>79983</v>
      </c>
      <c r="F22340" s="1" t="s">
        <v>79984</v>
      </c>
      <c r="G22340" s="1" t="s">
        <v>79869</v>
      </c>
      <c r="H22340" s="1" t="s">
        <v>79870</v>
      </c>
      <c r="I22340" s="1" t="s">
        <v>75467</v>
      </c>
      <c r="J22340" s="1" t="s">
        <v>79985</v>
      </c>
    </row>
    <row r="22341" spans="1:10" x14ac:dyDescent="0.35">
      <c r="A22341" s="1" t="s">
        <v>79866</v>
      </c>
      <c r="B22341" s="1" t="s">
        <v>75461</v>
      </c>
      <c r="C22341" s="1" t="s">
        <v>165</v>
      </c>
      <c r="D22341" s="1" t="s">
        <v>20387</v>
      </c>
      <c r="E22341" s="1" t="s">
        <v>79986</v>
      </c>
      <c r="F22341" s="1" t="s">
        <v>79987</v>
      </c>
      <c r="G22341" s="1" t="s">
        <v>79869</v>
      </c>
      <c r="H22341" s="1" t="s">
        <v>79870</v>
      </c>
      <c r="I22341" s="1" t="s">
        <v>75467</v>
      </c>
      <c r="J22341" s="1" t="s">
        <v>79988</v>
      </c>
    </row>
    <row r="22342" spans="1:10" x14ac:dyDescent="0.35">
      <c r="A22342" s="1" t="s">
        <v>79866</v>
      </c>
      <c r="B22342" s="1" t="s">
        <v>75461</v>
      </c>
      <c r="C22342" s="1" t="s">
        <v>170</v>
      </c>
      <c r="D22342" s="1" t="s">
        <v>79989</v>
      </c>
      <c r="E22342" s="1" t="s">
        <v>79990</v>
      </c>
      <c r="F22342" s="1" t="s">
        <v>79991</v>
      </c>
      <c r="G22342" s="1" t="s">
        <v>79869</v>
      </c>
      <c r="H22342" s="1" t="s">
        <v>79870</v>
      </c>
      <c r="I22342" s="1" t="s">
        <v>75467</v>
      </c>
      <c r="J22342" s="1" t="s">
        <v>79992</v>
      </c>
    </row>
    <row r="22343" spans="1:10" x14ac:dyDescent="0.35">
      <c r="A22343" s="1" t="s">
        <v>1908</v>
      </c>
      <c r="B22343" s="1" t="s">
        <v>75461</v>
      </c>
      <c r="C22343" s="1" t="s">
        <v>8</v>
      </c>
      <c r="D22343" s="1" t="s">
        <v>79993</v>
      </c>
      <c r="E22343" s="1" t="s">
        <v>79994</v>
      </c>
      <c r="F22343" s="1" t="s">
        <v>79995</v>
      </c>
      <c r="G22343" s="1" t="s">
        <v>79996</v>
      </c>
      <c r="H22343" s="1" t="s">
        <v>79997</v>
      </c>
      <c r="I22343" s="1" t="s">
        <v>75467</v>
      </c>
      <c r="J22343" s="1" t="s">
        <v>13</v>
      </c>
    </row>
    <row r="22344" spans="1:10" x14ac:dyDescent="0.35">
      <c r="A22344" s="1" t="s">
        <v>1908</v>
      </c>
      <c r="B22344" s="1" t="s">
        <v>75461</v>
      </c>
      <c r="C22344" s="1" t="s">
        <v>15</v>
      </c>
      <c r="D22344" s="1" t="s">
        <v>79998</v>
      </c>
      <c r="E22344" s="1" t="s">
        <v>79999</v>
      </c>
      <c r="F22344" s="1" t="s">
        <v>80000</v>
      </c>
      <c r="G22344" s="1" t="s">
        <v>79996</v>
      </c>
      <c r="H22344" s="1" t="s">
        <v>79997</v>
      </c>
      <c r="I22344" s="1" t="s">
        <v>75467</v>
      </c>
      <c r="J22344" s="1" t="s">
        <v>80001</v>
      </c>
    </row>
    <row r="22345" spans="1:10" x14ac:dyDescent="0.35">
      <c r="A22345" s="1" t="s">
        <v>1908</v>
      </c>
      <c r="B22345" s="1" t="s">
        <v>75461</v>
      </c>
      <c r="C22345" s="1" t="s">
        <v>20</v>
      </c>
      <c r="D22345" s="1" t="s">
        <v>80002</v>
      </c>
      <c r="E22345" s="1" t="s">
        <v>80003</v>
      </c>
      <c r="F22345" s="1" t="s">
        <v>80004</v>
      </c>
      <c r="G22345" s="1" t="s">
        <v>79996</v>
      </c>
      <c r="H22345" s="1" t="s">
        <v>79997</v>
      </c>
      <c r="I22345" s="1" t="s">
        <v>75467</v>
      </c>
      <c r="J22345" s="1" t="s">
        <v>80005</v>
      </c>
    </row>
    <row r="22346" spans="1:10" x14ac:dyDescent="0.35">
      <c r="A22346" s="1" t="s">
        <v>1908</v>
      </c>
      <c r="B22346" s="1" t="s">
        <v>75461</v>
      </c>
      <c r="C22346" s="1" t="s">
        <v>25</v>
      </c>
      <c r="D22346" s="1" t="s">
        <v>80006</v>
      </c>
      <c r="E22346" s="1" t="s">
        <v>80007</v>
      </c>
      <c r="F22346" s="1" t="s">
        <v>80008</v>
      </c>
      <c r="G22346" s="1" t="s">
        <v>79996</v>
      </c>
      <c r="H22346" s="1" t="s">
        <v>79997</v>
      </c>
      <c r="I22346" s="1" t="s">
        <v>75467</v>
      </c>
      <c r="J22346" s="1" t="s">
        <v>80009</v>
      </c>
    </row>
    <row r="22347" spans="1:10" x14ac:dyDescent="0.35">
      <c r="A22347" s="1" t="s">
        <v>1908</v>
      </c>
      <c r="B22347" s="1" t="s">
        <v>75461</v>
      </c>
      <c r="C22347" s="1" t="s">
        <v>30</v>
      </c>
      <c r="D22347" s="1" t="s">
        <v>15088</v>
      </c>
      <c r="E22347" s="1" t="s">
        <v>80010</v>
      </c>
      <c r="F22347" s="1" t="s">
        <v>80011</v>
      </c>
      <c r="G22347" s="1" t="s">
        <v>79996</v>
      </c>
      <c r="H22347" s="1" t="s">
        <v>79997</v>
      </c>
      <c r="I22347" s="1" t="s">
        <v>75467</v>
      </c>
      <c r="J22347" s="1" t="s">
        <v>80012</v>
      </c>
    </row>
    <row r="22348" spans="1:10" x14ac:dyDescent="0.35">
      <c r="A22348" s="1" t="s">
        <v>1908</v>
      </c>
      <c r="B22348" s="1" t="s">
        <v>75461</v>
      </c>
      <c r="C22348" s="1" t="s">
        <v>35</v>
      </c>
      <c r="D22348" s="1" t="s">
        <v>80013</v>
      </c>
      <c r="E22348" s="1" t="s">
        <v>80014</v>
      </c>
      <c r="F22348" s="1" t="s">
        <v>80015</v>
      </c>
      <c r="G22348" s="1" t="s">
        <v>79996</v>
      </c>
      <c r="H22348" s="1" t="s">
        <v>79997</v>
      </c>
      <c r="I22348" s="1" t="s">
        <v>75467</v>
      </c>
      <c r="J22348" s="1" t="s">
        <v>80016</v>
      </c>
    </row>
    <row r="22349" spans="1:10" x14ac:dyDescent="0.35">
      <c r="A22349" s="1" t="s">
        <v>1908</v>
      </c>
      <c r="B22349" s="1" t="s">
        <v>75461</v>
      </c>
      <c r="C22349" s="1" t="s">
        <v>40</v>
      </c>
      <c r="D22349" s="1" t="s">
        <v>80017</v>
      </c>
      <c r="E22349" s="1" t="s">
        <v>80018</v>
      </c>
      <c r="F22349" s="1" t="s">
        <v>80019</v>
      </c>
      <c r="G22349" s="1" t="s">
        <v>79996</v>
      </c>
      <c r="H22349" s="1" t="s">
        <v>79997</v>
      </c>
      <c r="I22349" s="1" t="s">
        <v>75467</v>
      </c>
      <c r="J22349" s="1" t="s">
        <v>80020</v>
      </c>
    </row>
    <row r="22350" spans="1:10" x14ac:dyDescent="0.35">
      <c r="A22350" s="1" t="s">
        <v>1908</v>
      </c>
      <c r="B22350" s="1" t="s">
        <v>75461</v>
      </c>
      <c r="C22350" s="1" t="s">
        <v>45</v>
      </c>
      <c r="D22350" s="1" t="s">
        <v>80021</v>
      </c>
      <c r="E22350" s="1" t="s">
        <v>80022</v>
      </c>
      <c r="F22350" s="1" t="s">
        <v>80023</v>
      </c>
      <c r="G22350" s="1" t="s">
        <v>79996</v>
      </c>
      <c r="H22350" s="1" t="s">
        <v>79997</v>
      </c>
      <c r="I22350" s="1" t="s">
        <v>75467</v>
      </c>
      <c r="J22350" s="1" t="s">
        <v>80024</v>
      </c>
    </row>
    <row r="22351" spans="1:10" x14ac:dyDescent="0.35">
      <c r="A22351" s="1" t="s">
        <v>1908</v>
      </c>
      <c r="B22351" s="1" t="s">
        <v>75461</v>
      </c>
      <c r="C22351" s="1" t="s">
        <v>50</v>
      </c>
      <c r="D22351" s="1" t="s">
        <v>80025</v>
      </c>
      <c r="E22351" s="1" t="s">
        <v>80026</v>
      </c>
      <c r="F22351" s="1" t="s">
        <v>80027</v>
      </c>
      <c r="G22351" s="1" t="s">
        <v>79996</v>
      </c>
      <c r="H22351" s="1" t="s">
        <v>79997</v>
      </c>
      <c r="I22351" s="1" t="s">
        <v>75467</v>
      </c>
      <c r="J22351" s="1" t="s">
        <v>80028</v>
      </c>
    </row>
    <row r="22352" spans="1:10" x14ac:dyDescent="0.35">
      <c r="A22352" s="1" t="s">
        <v>1908</v>
      </c>
      <c r="B22352" s="1" t="s">
        <v>75461</v>
      </c>
      <c r="C22352" s="1" t="s">
        <v>55</v>
      </c>
      <c r="D22352" s="1" t="s">
        <v>80029</v>
      </c>
      <c r="E22352" s="1" t="s">
        <v>80030</v>
      </c>
      <c r="F22352" s="1" t="s">
        <v>80031</v>
      </c>
      <c r="G22352" s="1" t="s">
        <v>79996</v>
      </c>
      <c r="H22352" s="1" t="s">
        <v>79997</v>
      </c>
      <c r="I22352" s="1" t="s">
        <v>75467</v>
      </c>
      <c r="J22352" s="1" t="s">
        <v>80032</v>
      </c>
    </row>
    <row r="22353" spans="1:10" x14ac:dyDescent="0.35">
      <c r="A22353" s="1" t="s">
        <v>1908</v>
      </c>
      <c r="B22353" s="1" t="s">
        <v>75461</v>
      </c>
      <c r="C22353" s="1" t="s">
        <v>60</v>
      </c>
      <c r="D22353" s="1" t="s">
        <v>80033</v>
      </c>
      <c r="E22353" s="1" t="s">
        <v>80034</v>
      </c>
      <c r="F22353" s="1" t="s">
        <v>80035</v>
      </c>
      <c r="G22353" s="1" t="s">
        <v>79996</v>
      </c>
      <c r="H22353" s="1" t="s">
        <v>79997</v>
      </c>
      <c r="I22353" s="1" t="s">
        <v>75467</v>
      </c>
      <c r="J22353" s="1" t="s">
        <v>80036</v>
      </c>
    </row>
    <row r="22354" spans="1:10" x14ac:dyDescent="0.35">
      <c r="A22354" s="1" t="s">
        <v>1908</v>
      </c>
      <c r="B22354" s="1" t="s">
        <v>75461</v>
      </c>
      <c r="C22354" s="1" t="s">
        <v>65</v>
      </c>
      <c r="D22354" s="1" t="s">
        <v>80037</v>
      </c>
      <c r="E22354" s="1" t="s">
        <v>80038</v>
      </c>
      <c r="F22354" s="1" t="s">
        <v>80039</v>
      </c>
      <c r="G22354" s="1" t="s">
        <v>79996</v>
      </c>
      <c r="H22354" s="1" t="s">
        <v>79997</v>
      </c>
      <c r="I22354" s="1" t="s">
        <v>75467</v>
      </c>
      <c r="J22354" s="1" t="s">
        <v>80040</v>
      </c>
    </row>
    <row r="22355" spans="1:10" x14ac:dyDescent="0.35">
      <c r="A22355" s="1" t="s">
        <v>1908</v>
      </c>
      <c r="B22355" s="1" t="s">
        <v>75461</v>
      </c>
      <c r="C22355" s="1" t="s">
        <v>70</v>
      </c>
      <c r="D22355" s="1" t="s">
        <v>80041</v>
      </c>
      <c r="E22355" s="1" t="s">
        <v>80042</v>
      </c>
      <c r="F22355" s="1" t="s">
        <v>80043</v>
      </c>
      <c r="G22355" s="1" t="s">
        <v>79996</v>
      </c>
      <c r="H22355" s="1" t="s">
        <v>79997</v>
      </c>
      <c r="I22355" s="1" t="s">
        <v>75467</v>
      </c>
      <c r="J22355" s="1" t="s">
        <v>80044</v>
      </c>
    </row>
    <row r="22356" spans="1:10" x14ac:dyDescent="0.35">
      <c r="A22356" s="1" t="s">
        <v>1908</v>
      </c>
      <c r="B22356" s="1" t="s">
        <v>75461</v>
      </c>
      <c r="C22356" s="1" t="s">
        <v>75</v>
      </c>
      <c r="D22356" s="1" t="s">
        <v>80045</v>
      </c>
      <c r="E22356" s="1" t="s">
        <v>80046</v>
      </c>
      <c r="F22356" s="1" t="s">
        <v>80047</v>
      </c>
      <c r="G22356" s="1" t="s">
        <v>79996</v>
      </c>
      <c r="H22356" s="1" t="s">
        <v>79997</v>
      </c>
      <c r="I22356" s="1" t="s">
        <v>75467</v>
      </c>
      <c r="J22356" s="1" t="s">
        <v>80048</v>
      </c>
    </row>
    <row r="22357" spans="1:10" x14ac:dyDescent="0.35">
      <c r="A22357" s="1" t="s">
        <v>1908</v>
      </c>
      <c r="B22357" s="1" t="s">
        <v>75461</v>
      </c>
      <c r="C22357" s="1" t="s">
        <v>80</v>
      </c>
      <c r="D22357" s="1" t="s">
        <v>26814</v>
      </c>
      <c r="E22357" s="1" t="s">
        <v>80049</v>
      </c>
      <c r="F22357" s="1" t="s">
        <v>80050</v>
      </c>
      <c r="G22357" s="1" t="s">
        <v>79996</v>
      </c>
      <c r="H22357" s="1" t="s">
        <v>79997</v>
      </c>
      <c r="I22357" s="1" t="s">
        <v>75467</v>
      </c>
      <c r="J22357" s="1" t="s">
        <v>80051</v>
      </c>
    </row>
    <row r="22358" spans="1:10" x14ac:dyDescent="0.35">
      <c r="A22358" s="1" t="s">
        <v>1908</v>
      </c>
      <c r="B22358" s="1" t="s">
        <v>75461</v>
      </c>
      <c r="C22358" s="1" t="s">
        <v>85</v>
      </c>
      <c r="D22358" s="1" t="s">
        <v>64928</v>
      </c>
      <c r="E22358" s="1" t="s">
        <v>80052</v>
      </c>
      <c r="F22358" s="1" t="s">
        <v>80053</v>
      </c>
      <c r="G22358" s="1" t="s">
        <v>79996</v>
      </c>
      <c r="H22358" s="1" t="s">
        <v>79997</v>
      </c>
      <c r="I22358" s="1" t="s">
        <v>75467</v>
      </c>
      <c r="J22358" s="1" t="s">
        <v>80054</v>
      </c>
    </row>
    <row r="22359" spans="1:10" x14ac:dyDescent="0.35">
      <c r="A22359" s="1" t="s">
        <v>1908</v>
      </c>
      <c r="B22359" s="1" t="s">
        <v>75461</v>
      </c>
      <c r="C22359" s="1" t="s">
        <v>90</v>
      </c>
      <c r="D22359" s="1" t="s">
        <v>80055</v>
      </c>
      <c r="E22359" s="1" t="s">
        <v>80056</v>
      </c>
      <c r="F22359" s="1" t="s">
        <v>80057</v>
      </c>
      <c r="G22359" s="1" t="s">
        <v>79996</v>
      </c>
      <c r="H22359" s="1" t="s">
        <v>79997</v>
      </c>
      <c r="I22359" s="1" t="s">
        <v>75467</v>
      </c>
      <c r="J22359" s="1" t="s">
        <v>80058</v>
      </c>
    </row>
    <row r="22360" spans="1:10" x14ac:dyDescent="0.35">
      <c r="A22360" s="1" t="s">
        <v>1908</v>
      </c>
      <c r="B22360" s="1" t="s">
        <v>75461</v>
      </c>
      <c r="C22360" s="1" t="s">
        <v>95</v>
      </c>
      <c r="D22360" s="1" t="s">
        <v>80059</v>
      </c>
      <c r="E22360" s="1" t="s">
        <v>80060</v>
      </c>
      <c r="F22360" s="1" t="s">
        <v>80061</v>
      </c>
      <c r="G22360" s="1" t="s">
        <v>79996</v>
      </c>
      <c r="H22360" s="1" t="s">
        <v>79997</v>
      </c>
      <c r="I22360" s="1" t="s">
        <v>75467</v>
      </c>
      <c r="J22360" s="1" t="s">
        <v>80062</v>
      </c>
    </row>
    <row r="22361" spans="1:10" x14ac:dyDescent="0.35">
      <c r="A22361" s="1" t="s">
        <v>1908</v>
      </c>
      <c r="B22361" s="1" t="s">
        <v>75461</v>
      </c>
      <c r="C22361" s="1" t="s">
        <v>100</v>
      </c>
      <c r="D22361" s="1" t="s">
        <v>3300</v>
      </c>
      <c r="E22361" s="1" t="s">
        <v>80063</v>
      </c>
      <c r="F22361" s="1" t="s">
        <v>80064</v>
      </c>
      <c r="G22361" s="1" t="s">
        <v>79996</v>
      </c>
      <c r="H22361" s="1" t="s">
        <v>79997</v>
      </c>
      <c r="I22361" s="1" t="s">
        <v>75467</v>
      </c>
      <c r="J22361" s="1" t="s">
        <v>80065</v>
      </c>
    </row>
    <row r="22362" spans="1:10" x14ac:dyDescent="0.35">
      <c r="A22362" s="1" t="s">
        <v>1908</v>
      </c>
      <c r="B22362" s="1" t="s">
        <v>75461</v>
      </c>
      <c r="C22362" s="1" t="s">
        <v>105</v>
      </c>
      <c r="D22362" s="1" t="s">
        <v>80066</v>
      </c>
      <c r="E22362" s="1" t="s">
        <v>80067</v>
      </c>
      <c r="F22362" s="1" t="s">
        <v>80068</v>
      </c>
      <c r="G22362" s="1" t="s">
        <v>79996</v>
      </c>
      <c r="H22362" s="1" t="s">
        <v>79997</v>
      </c>
      <c r="I22362" s="1" t="s">
        <v>75467</v>
      </c>
      <c r="J22362" s="1" t="s">
        <v>80069</v>
      </c>
    </row>
    <row r="22363" spans="1:10" x14ac:dyDescent="0.35">
      <c r="A22363" s="1" t="s">
        <v>1908</v>
      </c>
      <c r="B22363" s="1" t="s">
        <v>75461</v>
      </c>
      <c r="C22363" s="1" t="s">
        <v>110</v>
      </c>
      <c r="D22363" s="1" t="s">
        <v>80070</v>
      </c>
      <c r="E22363" s="1" t="s">
        <v>80071</v>
      </c>
      <c r="F22363" s="1" t="s">
        <v>80072</v>
      </c>
      <c r="G22363" s="1" t="s">
        <v>79996</v>
      </c>
      <c r="H22363" s="1" t="s">
        <v>79997</v>
      </c>
      <c r="I22363" s="1" t="s">
        <v>75467</v>
      </c>
      <c r="J22363" s="1" t="s">
        <v>80073</v>
      </c>
    </row>
    <row r="22364" spans="1:10" x14ac:dyDescent="0.35">
      <c r="A22364" s="1" t="s">
        <v>1908</v>
      </c>
      <c r="B22364" s="1" t="s">
        <v>75461</v>
      </c>
      <c r="C22364" s="1" t="s">
        <v>115</v>
      </c>
      <c r="D22364" s="1" t="s">
        <v>80074</v>
      </c>
      <c r="E22364" s="1" t="s">
        <v>80056</v>
      </c>
      <c r="F22364" s="1" t="s">
        <v>80075</v>
      </c>
      <c r="G22364" s="1" t="s">
        <v>79996</v>
      </c>
      <c r="H22364" s="1" t="s">
        <v>79997</v>
      </c>
      <c r="I22364" s="1" t="s">
        <v>75467</v>
      </c>
      <c r="J22364" s="1" t="s">
        <v>80076</v>
      </c>
    </row>
    <row r="22365" spans="1:10" x14ac:dyDescent="0.35">
      <c r="A22365" s="1" t="s">
        <v>1908</v>
      </c>
      <c r="B22365" s="1" t="s">
        <v>75461</v>
      </c>
      <c r="C22365" s="1" t="s">
        <v>120</v>
      </c>
      <c r="D22365" s="1" t="s">
        <v>80077</v>
      </c>
      <c r="E22365" s="1" t="s">
        <v>80078</v>
      </c>
      <c r="F22365" s="1" t="s">
        <v>80079</v>
      </c>
      <c r="G22365" s="1" t="s">
        <v>79996</v>
      </c>
      <c r="H22365" s="1" t="s">
        <v>79997</v>
      </c>
      <c r="I22365" s="1" t="s">
        <v>75467</v>
      </c>
      <c r="J22365" s="1" t="s">
        <v>80080</v>
      </c>
    </row>
    <row r="22366" spans="1:10" x14ac:dyDescent="0.35">
      <c r="A22366" s="1" t="s">
        <v>1908</v>
      </c>
      <c r="B22366" s="1" t="s">
        <v>75461</v>
      </c>
      <c r="C22366" s="1" t="s">
        <v>125</v>
      </c>
      <c r="D22366" s="1" t="s">
        <v>53824</v>
      </c>
      <c r="E22366" s="1" t="s">
        <v>80081</v>
      </c>
      <c r="F22366" s="1" t="s">
        <v>80082</v>
      </c>
      <c r="G22366" s="1" t="s">
        <v>79996</v>
      </c>
      <c r="H22366" s="1" t="s">
        <v>79997</v>
      </c>
      <c r="I22366" s="1" t="s">
        <v>75467</v>
      </c>
      <c r="J22366" s="1" t="s">
        <v>80083</v>
      </c>
    </row>
    <row r="22367" spans="1:10" x14ac:dyDescent="0.35">
      <c r="A22367" s="1" t="s">
        <v>1908</v>
      </c>
      <c r="B22367" s="1" t="s">
        <v>75461</v>
      </c>
      <c r="C22367" s="1" t="s">
        <v>130</v>
      </c>
      <c r="D22367" s="1" t="s">
        <v>80084</v>
      </c>
      <c r="E22367" s="1" t="s">
        <v>80085</v>
      </c>
      <c r="F22367" s="1" t="s">
        <v>80086</v>
      </c>
      <c r="G22367" s="1" t="s">
        <v>79996</v>
      </c>
      <c r="H22367" s="1" t="s">
        <v>79997</v>
      </c>
      <c r="I22367" s="1" t="s">
        <v>75467</v>
      </c>
      <c r="J22367" s="1" t="s">
        <v>80087</v>
      </c>
    </row>
    <row r="22368" spans="1:10" x14ac:dyDescent="0.35">
      <c r="A22368" s="1" t="s">
        <v>1908</v>
      </c>
      <c r="B22368" s="1" t="s">
        <v>75461</v>
      </c>
      <c r="C22368" s="1" t="s">
        <v>135</v>
      </c>
      <c r="D22368" s="1" t="s">
        <v>80088</v>
      </c>
      <c r="E22368" s="1" t="s">
        <v>80089</v>
      </c>
      <c r="F22368" s="1" t="s">
        <v>80090</v>
      </c>
      <c r="G22368" s="1" t="s">
        <v>79996</v>
      </c>
      <c r="H22368" s="1" t="s">
        <v>79997</v>
      </c>
      <c r="I22368" s="1" t="s">
        <v>75467</v>
      </c>
      <c r="J22368" s="1" t="s">
        <v>80091</v>
      </c>
    </row>
    <row r="22369" spans="1:10" x14ac:dyDescent="0.35">
      <c r="A22369" s="1" t="s">
        <v>1908</v>
      </c>
      <c r="B22369" s="1" t="s">
        <v>75461</v>
      </c>
      <c r="C22369" s="1" t="s">
        <v>140</v>
      </c>
      <c r="D22369" s="1" t="s">
        <v>5274</v>
      </c>
      <c r="E22369" s="1" t="s">
        <v>80092</v>
      </c>
      <c r="F22369" s="1" t="s">
        <v>80093</v>
      </c>
      <c r="G22369" s="1" t="s">
        <v>79996</v>
      </c>
      <c r="H22369" s="1" t="s">
        <v>79997</v>
      </c>
      <c r="I22369" s="1" t="s">
        <v>75467</v>
      </c>
      <c r="J22369" s="1" t="s">
        <v>80094</v>
      </c>
    </row>
    <row r="22370" spans="1:10" x14ac:dyDescent="0.35">
      <c r="A22370" s="1" t="s">
        <v>1908</v>
      </c>
      <c r="B22370" s="1" t="s">
        <v>75461</v>
      </c>
      <c r="C22370" s="1" t="s">
        <v>145</v>
      </c>
      <c r="D22370" s="1" t="s">
        <v>80095</v>
      </c>
      <c r="E22370" s="1" t="s">
        <v>80096</v>
      </c>
      <c r="F22370" s="1" t="s">
        <v>80097</v>
      </c>
      <c r="G22370" s="1" t="s">
        <v>79996</v>
      </c>
      <c r="H22370" s="1" t="s">
        <v>79997</v>
      </c>
      <c r="I22370" s="1" t="s">
        <v>75467</v>
      </c>
      <c r="J22370" s="1" t="s">
        <v>80098</v>
      </c>
    </row>
    <row r="22371" spans="1:10" x14ac:dyDescent="0.35">
      <c r="A22371" s="1" t="s">
        <v>1908</v>
      </c>
      <c r="B22371" s="1" t="s">
        <v>75461</v>
      </c>
      <c r="C22371" s="1" t="s">
        <v>150</v>
      </c>
      <c r="D22371" s="1" t="s">
        <v>80099</v>
      </c>
      <c r="E22371" s="1" t="s">
        <v>80100</v>
      </c>
      <c r="F22371" s="1" t="s">
        <v>80101</v>
      </c>
      <c r="G22371" s="1" t="s">
        <v>79996</v>
      </c>
      <c r="H22371" s="1" t="s">
        <v>79997</v>
      </c>
      <c r="I22371" s="1" t="s">
        <v>75467</v>
      </c>
      <c r="J22371" s="1" t="s">
        <v>80102</v>
      </c>
    </row>
    <row r="22372" spans="1:10" x14ac:dyDescent="0.35">
      <c r="A22372" s="1" t="s">
        <v>1908</v>
      </c>
      <c r="B22372" s="1" t="s">
        <v>75461</v>
      </c>
      <c r="C22372" s="1" t="s">
        <v>155</v>
      </c>
      <c r="D22372" s="1" t="s">
        <v>80103</v>
      </c>
      <c r="E22372" s="1" t="s">
        <v>80104</v>
      </c>
      <c r="F22372" s="1" t="s">
        <v>80105</v>
      </c>
      <c r="G22372" s="1" t="s">
        <v>79996</v>
      </c>
      <c r="H22372" s="1" t="s">
        <v>79997</v>
      </c>
      <c r="I22372" s="1" t="s">
        <v>75467</v>
      </c>
      <c r="J22372" s="1" t="s">
        <v>80106</v>
      </c>
    </row>
    <row r="22373" spans="1:10" x14ac:dyDescent="0.35">
      <c r="A22373" s="1" t="s">
        <v>1908</v>
      </c>
      <c r="B22373" s="1" t="s">
        <v>75461</v>
      </c>
      <c r="C22373" s="1" t="s">
        <v>160</v>
      </c>
      <c r="D22373" s="1" t="s">
        <v>55986</v>
      </c>
      <c r="E22373" s="1" t="s">
        <v>80107</v>
      </c>
      <c r="F22373" s="1" t="s">
        <v>80108</v>
      </c>
      <c r="G22373" s="1" t="s">
        <v>79996</v>
      </c>
      <c r="H22373" s="1" t="s">
        <v>79997</v>
      </c>
      <c r="I22373" s="1" t="s">
        <v>75467</v>
      </c>
      <c r="J22373" s="1" t="s">
        <v>80109</v>
      </c>
    </row>
    <row r="22374" spans="1:10" x14ac:dyDescent="0.35">
      <c r="A22374" s="1" t="s">
        <v>1908</v>
      </c>
      <c r="B22374" s="1" t="s">
        <v>75461</v>
      </c>
      <c r="C22374" s="1" t="s">
        <v>165</v>
      </c>
      <c r="D22374" s="1" t="s">
        <v>80110</v>
      </c>
      <c r="E22374" s="1" t="s">
        <v>80111</v>
      </c>
      <c r="F22374" s="1" t="s">
        <v>80112</v>
      </c>
      <c r="G22374" s="1" t="s">
        <v>79996</v>
      </c>
      <c r="H22374" s="1" t="s">
        <v>79997</v>
      </c>
      <c r="I22374" s="1" t="s">
        <v>75467</v>
      </c>
      <c r="J22374" s="1" t="s">
        <v>80113</v>
      </c>
    </row>
    <row r="22375" spans="1:10" x14ac:dyDescent="0.35">
      <c r="A22375" s="1" t="s">
        <v>1908</v>
      </c>
      <c r="B22375" s="1" t="s">
        <v>75461</v>
      </c>
      <c r="C22375" s="1" t="s">
        <v>170</v>
      </c>
      <c r="D22375" s="1" t="s">
        <v>80114</v>
      </c>
      <c r="E22375" s="1" t="s">
        <v>80115</v>
      </c>
      <c r="F22375" s="1" t="s">
        <v>80116</v>
      </c>
      <c r="G22375" s="1" t="s">
        <v>79996</v>
      </c>
      <c r="H22375" s="1" t="s">
        <v>79997</v>
      </c>
      <c r="I22375" s="1" t="s">
        <v>75467</v>
      </c>
      <c r="J22375" s="1" t="s">
        <v>80117</v>
      </c>
    </row>
    <row r="22376" spans="1:10" x14ac:dyDescent="0.35">
      <c r="A22376" s="1" t="s">
        <v>6217</v>
      </c>
      <c r="B22376" s="1" t="s">
        <v>75461</v>
      </c>
      <c r="C22376" s="1" t="s">
        <v>8</v>
      </c>
      <c r="D22376" s="1" t="s">
        <v>80118</v>
      </c>
      <c r="E22376" s="1" t="s">
        <v>80119</v>
      </c>
      <c r="F22376" s="1" t="s">
        <v>80120</v>
      </c>
      <c r="G22376" s="1" t="s">
        <v>80121</v>
      </c>
      <c r="H22376" s="1" t="s">
        <v>80122</v>
      </c>
      <c r="I22376" s="1" t="s">
        <v>75467</v>
      </c>
      <c r="J22376" s="1" t="s">
        <v>13</v>
      </c>
    </row>
    <row r="22377" spans="1:10" x14ac:dyDescent="0.35">
      <c r="A22377" s="1" t="s">
        <v>6217</v>
      </c>
      <c r="B22377" s="1" t="s">
        <v>75461</v>
      </c>
      <c r="C22377" s="1" t="s">
        <v>15</v>
      </c>
      <c r="D22377" s="1" t="s">
        <v>80123</v>
      </c>
      <c r="E22377" s="1" t="s">
        <v>80124</v>
      </c>
      <c r="F22377" s="1" t="s">
        <v>80125</v>
      </c>
      <c r="G22377" s="1" t="s">
        <v>80121</v>
      </c>
      <c r="H22377" s="1" t="s">
        <v>80122</v>
      </c>
      <c r="I22377" s="1" t="s">
        <v>75467</v>
      </c>
      <c r="J22377" s="1" t="s">
        <v>80126</v>
      </c>
    </row>
    <row r="22378" spans="1:10" x14ac:dyDescent="0.35">
      <c r="A22378" s="1" t="s">
        <v>6217</v>
      </c>
      <c r="B22378" s="1" t="s">
        <v>75461</v>
      </c>
      <c r="C22378" s="1" t="s">
        <v>20</v>
      </c>
      <c r="D22378" s="1" t="s">
        <v>58278</v>
      </c>
      <c r="E22378" s="1" t="s">
        <v>80127</v>
      </c>
      <c r="F22378" s="1" t="s">
        <v>80128</v>
      </c>
      <c r="G22378" s="1" t="s">
        <v>80121</v>
      </c>
      <c r="H22378" s="1" t="s">
        <v>80122</v>
      </c>
      <c r="I22378" s="1" t="s">
        <v>75467</v>
      </c>
      <c r="J22378" s="1" t="s">
        <v>80129</v>
      </c>
    </row>
    <row r="22379" spans="1:10" x14ac:dyDescent="0.35">
      <c r="A22379" s="1" t="s">
        <v>6217</v>
      </c>
      <c r="B22379" s="1" t="s">
        <v>75461</v>
      </c>
      <c r="C22379" s="1" t="s">
        <v>25</v>
      </c>
      <c r="D22379" s="1" t="s">
        <v>80130</v>
      </c>
      <c r="E22379" s="1" t="s">
        <v>80131</v>
      </c>
      <c r="F22379" s="1" t="s">
        <v>80132</v>
      </c>
      <c r="G22379" s="1" t="s">
        <v>80121</v>
      </c>
      <c r="H22379" s="1" t="s">
        <v>80122</v>
      </c>
      <c r="I22379" s="1" t="s">
        <v>75467</v>
      </c>
      <c r="J22379" s="1" t="s">
        <v>80133</v>
      </c>
    </row>
    <row r="22380" spans="1:10" x14ac:dyDescent="0.35">
      <c r="A22380" s="1" t="s">
        <v>6217</v>
      </c>
      <c r="B22380" s="1" t="s">
        <v>75461</v>
      </c>
      <c r="C22380" s="1" t="s">
        <v>30</v>
      </c>
      <c r="D22380" s="1" t="s">
        <v>80134</v>
      </c>
      <c r="E22380" s="1" t="s">
        <v>80135</v>
      </c>
      <c r="F22380" s="1" t="s">
        <v>80136</v>
      </c>
      <c r="G22380" s="1" t="s">
        <v>80121</v>
      </c>
      <c r="H22380" s="1" t="s">
        <v>80122</v>
      </c>
      <c r="I22380" s="1" t="s">
        <v>75467</v>
      </c>
      <c r="J22380" s="1" t="s">
        <v>80137</v>
      </c>
    </row>
    <row r="22381" spans="1:10" x14ac:dyDescent="0.35">
      <c r="A22381" s="1" t="s">
        <v>6217</v>
      </c>
      <c r="B22381" s="1" t="s">
        <v>75461</v>
      </c>
      <c r="C22381" s="1" t="s">
        <v>35</v>
      </c>
      <c r="D22381" s="1" t="s">
        <v>56227</v>
      </c>
      <c r="E22381" s="1" t="s">
        <v>80138</v>
      </c>
      <c r="F22381" s="1" t="s">
        <v>80139</v>
      </c>
      <c r="G22381" s="1" t="s">
        <v>80121</v>
      </c>
      <c r="H22381" s="1" t="s">
        <v>80122</v>
      </c>
      <c r="I22381" s="1" t="s">
        <v>75467</v>
      </c>
      <c r="J22381" s="1" t="s">
        <v>80140</v>
      </c>
    </row>
    <row r="22382" spans="1:10" x14ac:dyDescent="0.35">
      <c r="A22382" s="1" t="s">
        <v>6217</v>
      </c>
      <c r="B22382" s="1" t="s">
        <v>75461</v>
      </c>
      <c r="C22382" s="1" t="s">
        <v>40</v>
      </c>
      <c r="D22382" s="1" t="s">
        <v>80141</v>
      </c>
      <c r="E22382" s="1" t="s">
        <v>80142</v>
      </c>
      <c r="F22382" s="1" t="s">
        <v>80143</v>
      </c>
      <c r="G22382" s="1" t="s">
        <v>80121</v>
      </c>
      <c r="H22382" s="1" t="s">
        <v>80122</v>
      </c>
      <c r="I22382" s="1" t="s">
        <v>75467</v>
      </c>
      <c r="J22382" s="1" t="s">
        <v>74961</v>
      </c>
    </row>
    <row r="22383" spans="1:10" x14ac:dyDescent="0.35">
      <c r="A22383" s="1" t="s">
        <v>6217</v>
      </c>
      <c r="B22383" s="1" t="s">
        <v>75461</v>
      </c>
      <c r="C22383" s="1" t="s">
        <v>45</v>
      </c>
      <c r="D22383" s="1" t="s">
        <v>64485</v>
      </c>
      <c r="E22383" s="1" t="s">
        <v>80144</v>
      </c>
      <c r="F22383" s="1" t="s">
        <v>80145</v>
      </c>
      <c r="G22383" s="1" t="s">
        <v>80121</v>
      </c>
      <c r="H22383" s="1" t="s">
        <v>80122</v>
      </c>
      <c r="I22383" s="1" t="s">
        <v>75467</v>
      </c>
      <c r="J22383" s="1" t="s">
        <v>80146</v>
      </c>
    </row>
    <row r="22384" spans="1:10" x14ac:dyDescent="0.35">
      <c r="A22384" s="1" t="s">
        <v>6217</v>
      </c>
      <c r="B22384" s="1" t="s">
        <v>75461</v>
      </c>
      <c r="C22384" s="1" t="s">
        <v>50</v>
      </c>
      <c r="D22384" s="1" t="s">
        <v>80147</v>
      </c>
      <c r="E22384" s="1" t="s">
        <v>80148</v>
      </c>
      <c r="F22384" s="1" t="s">
        <v>80149</v>
      </c>
      <c r="G22384" s="1" t="s">
        <v>80121</v>
      </c>
      <c r="H22384" s="1" t="s">
        <v>80122</v>
      </c>
      <c r="I22384" s="1" t="s">
        <v>75467</v>
      </c>
      <c r="J22384" s="1" t="s">
        <v>80150</v>
      </c>
    </row>
    <row r="22385" spans="1:10" x14ac:dyDescent="0.35">
      <c r="A22385" s="1" t="s">
        <v>6217</v>
      </c>
      <c r="B22385" s="1" t="s">
        <v>75461</v>
      </c>
      <c r="C22385" s="1" t="s">
        <v>55</v>
      </c>
      <c r="D22385" s="1" t="s">
        <v>62509</v>
      </c>
      <c r="E22385" s="1" t="s">
        <v>80151</v>
      </c>
      <c r="F22385" s="1" t="s">
        <v>80152</v>
      </c>
      <c r="G22385" s="1" t="s">
        <v>80121</v>
      </c>
      <c r="H22385" s="1" t="s">
        <v>80122</v>
      </c>
      <c r="I22385" s="1" t="s">
        <v>75467</v>
      </c>
      <c r="J22385" s="1" t="s">
        <v>80153</v>
      </c>
    </row>
    <row r="22386" spans="1:10" x14ac:dyDescent="0.35">
      <c r="A22386" s="1" t="s">
        <v>6217</v>
      </c>
      <c r="B22386" s="1" t="s">
        <v>75461</v>
      </c>
      <c r="C22386" s="1" t="s">
        <v>60</v>
      </c>
      <c r="D22386" s="1" t="s">
        <v>80154</v>
      </c>
      <c r="E22386" s="1" t="s">
        <v>80155</v>
      </c>
      <c r="F22386" s="1" t="s">
        <v>80156</v>
      </c>
      <c r="G22386" s="1" t="s">
        <v>80121</v>
      </c>
      <c r="H22386" s="1" t="s">
        <v>80122</v>
      </c>
      <c r="I22386" s="1" t="s">
        <v>75467</v>
      </c>
      <c r="J22386" s="1" t="s">
        <v>80157</v>
      </c>
    </row>
    <row r="22387" spans="1:10" x14ac:dyDescent="0.35">
      <c r="A22387" s="1" t="s">
        <v>6217</v>
      </c>
      <c r="B22387" s="1" t="s">
        <v>75461</v>
      </c>
      <c r="C22387" s="1" t="s">
        <v>65</v>
      </c>
      <c r="D22387" s="1" t="s">
        <v>60344</v>
      </c>
      <c r="E22387" s="1" t="s">
        <v>80158</v>
      </c>
      <c r="F22387" s="1" t="s">
        <v>80159</v>
      </c>
      <c r="G22387" s="1" t="s">
        <v>80121</v>
      </c>
      <c r="H22387" s="1" t="s">
        <v>80122</v>
      </c>
      <c r="I22387" s="1" t="s">
        <v>75467</v>
      </c>
      <c r="J22387" s="1" t="s">
        <v>80160</v>
      </c>
    </row>
    <row r="22388" spans="1:10" x14ac:dyDescent="0.35">
      <c r="A22388" s="1" t="s">
        <v>6217</v>
      </c>
      <c r="B22388" s="1" t="s">
        <v>75461</v>
      </c>
      <c r="C22388" s="1" t="s">
        <v>70</v>
      </c>
      <c r="D22388" s="1" t="s">
        <v>80161</v>
      </c>
      <c r="E22388" s="1" t="s">
        <v>80162</v>
      </c>
      <c r="F22388" s="1" t="s">
        <v>80163</v>
      </c>
      <c r="G22388" s="1" t="s">
        <v>80121</v>
      </c>
      <c r="H22388" s="1" t="s">
        <v>80122</v>
      </c>
      <c r="I22388" s="1" t="s">
        <v>75467</v>
      </c>
      <c r="J22388" s="1" t="s">
        <v>80164</v>
      </c>
    </row>
    <row r="22389" spans="1:10" x14ac:dyDescent="0.35">
      <c r="A22389" s="1" t="s">
        <v>6217</v>
      </c>
      <c r="B22389" s="1" t="s">
        <v>75461</v>
      </c>
      <c r="C22389" s="1" t="s">
        <v>75</v>
      </c>
      <c r="D22389" s="1" t="s">
        <v>80165</v>
      </c>
      <c r="E22389" s="1" t="s">
        <v>80166</v>
      </c>
      <c r="F22389" s="1" t="s">
        <v>80167</v>
      </c>
      <c r="G22389" s="1" t="s">
        <v>80121</v>
      </c>
      <c r="H22389" s="1" t="s">
        <v>80122</v>
      </c>
      <c r="I22389" s="1" t="s">
        <v>75467</v>
      </c>
      <c r="J22389" s="1" t="s">
        <v>80168</v>
      </c>
    </row>
    <row r="22390" spans="1:10" x14ac:dyDescent="0.35">
      <c r="A22390" s="1" t="s">
        <v>6217</v>
      </c>
      <c r="B22390" s="1" t="s">
        <v>75461</v>
      </c>
      <c r="C22390" s="1" t="s">
        <v>80</v>
      </c>
      <c r="D22390" s="1" t="s">
        <v>80169</v>
      </c>
      <c r="E22390" s="1" t="s">
        <v>80170</v>
      </c>
      <c r="F22390" s="1" t="s">
        <v>80171</v>
      </c>
      <c r="G22390" s="1" t="s">
        <v>80121</v>
      </c>
      <c r="H22390" s="1" t="s">
        <v>80122</v>
      </c>
      <c r="I22390" s="1" t="s">
        <v>75467</v>
      </c>
      <c r="J22390" s="1" t="s">
        <v>80172</v>
      </c>
    </row>
    <row r="22391" spans="1:10" x14ac:dyDescent="0.35">
      <c r="A22391" s="1" t="s">
        <v>6217</v>
      </c>
      <c r="B22391" s="1" t="s">
        <v>75461</v>
      </c>
      <c r="C22391" s="1" t="s">
        <v>85</v>
      </c>
      <c r="D22391" s="1" t="s">
        <v>59975</v>
      </c>
      <c r="E22391" s="1" t="s">
        <v>80173</v>
      </c>
      <c r="F22391" s="1" t="s">
        <v>80174</v>
      </c>
      <c r="G22391" s="1" t="s">
        <v>80121</v>
      </c>
      <c r="H22391" s="1" t="s">
        <v>80122</v>
      </c>
      <c r="I22391" s="1" t="s">
        <v>75467</v>
      </c>
      <c r="J22391" s="1" t="s">
        <v>80175</v>
      </c>
    </row>
    <row r="22392" spans="1:10" x14ac:dyDescent="0.35">
      <c r="A22392" s="1" t="s">
        <v>6217</v>
      </c>
      <c r="B22392" s="1" t="s">
        <v>75461</v>
      </c>
      <c r="C22392" s="1" t="s">
        <v>90</v>
      </c>
      <c r="D22392" s="1" t="s">
        <v>80176</v>
      </c>
      <c r="E22392" s="1" t="s">
        <v>80177</v>
      </c>
      <c r="F22392" s="1" t="s">
        <v>80178</v>
      </c>
      <c r="G22392" s="1" t="s">
        <v>80121</v>
      </c>
      <c r="H22392" s="1" t="s">
        <v>80122</v>
      </c>
      <c r="I22392" s="1" t="s">
        <v>75467</v>
      </c>
      <c r="J22392" s="1" t="s">
        <v>80179</v>
      </c>
    </row>
    <row r="22393" spans="1:10" x14ac:dyDescent="0.35">
      <c r="A22393" s="1" t="s">
        <v>6217</v>
      </c>
      <c r="B22393" s="1" t="s">
        <v>75461</v>
      </c>
      <c r="C22393" s="1" t="s">
        <v>95</v>
      </c>
      <c r="D22393" s="1" t="s">
        <v>80180</v>
      </c>
      <c r="E22393" s="1" t="s">
        <v>80181</v>
      </c>
      <c r="F22393" s="1" t="s">
        <v>80182</v>
      </c>
      <c r="G22393" s="1" t="s">
        <v>80121</v>
      </c>
      <c r="H22393" s="1" t="s">
        <v>80122</v>
      </c>
      <c r="I22393" s="1" t="s">
        <v>75467</v>
      </c>
      <c r="J22393" s="1" t="s">
        <v>80183</v>
      </c>
    </row>
    <row r="22394" spans="1:10" x14ac:dyDescent="0.35">
      <c r="A22394" s="1" t="s">
        <v>6217</v>
      </c>
      <c r="B22394" s="1" t="s">
        <v>75461</v>
      </c>
      <c r="C22394" s="1" t="s">
        <v>100</v>
      </c>
      <c r="D22394" s="1" t="s">
        <v>80184</v>
      </c>
      <c r="E22394" s="1" t="s">
        <v>80185</v>
      </c>
      <c r="F22394" s="1" t="s">
        <v>80186</v>
      </c>
      <c r="G22394" s="1" t="s">
        <v>80121</v>
      </c>
      <c r="H22394" s="1" t="s">
        <v>80122</v>
      </c>
      <c r="I22394" s="1" t="s">
        <v>75467</v>
      </c>
      <c r="J22394" s="1" t="s">
        <v>80187</v>
      </c>
    </row>
    <row r="22395" spans="1:10" x14ac:dyDescent="0.35">
      <c r="A22395" s="1" t="s">
        <v>6217</v>
      </c>
      <c r="B22395" s="1" t="s">
        <v>75461</v>
      </c>
      <c r="C22395" s="1" t="s">
        <v>105</v>
      </c>
      <c r="D22395" s="1" t="s">
        <v>70569</v>
      </c>
      <c r="E22395" s="1" t="s">
        <v>80188</v>
      </c>
      <c r="F22395" s="1" t="s">
        <v>80189</v>
      </c>
      <c r="G22395" s="1" t="s">
        <v>80121</v>
      </c>
      <c r="H22395" s="1" t="s">
        <v>80122</v>
      </c>
      <c r="I22395" s="1" t="s">
        <v>75467</v>
      </c>
      <c r="J22395" s="1" t="s">
        <v>80190</v>
      </c>
    </row>
    <row r="22396" spans="1:10" x14ac:dyDescent="0.35">
      <c r="A22396" s="1" t="s">
        <v>6217</v>
      </c>
      <c r="B22396" s="1" t="s">
        <v>75461</v>
      </c>
      <c r="C22396" s="1" t="s">
        <v>110</v>
      </c>
      <c r="D22396" s="1" t="s">
        <v>80191</v>
      </c>
      <c r="E22396" s="1" t="s">
        <v>80192</v>
      </c>
      <c r="F22396" s="1" t="s">
        <v>80193</v>
      </c>
      <c r="G22396" s="1" t="s">
        <v>80121</v>
      </c>
      <c r="H22396" s="1" t="s">
        <v>80122</v>
      </c>
      <c r="I22396" s="1" t="s">
        <v>75467</v>
      </c>
      <c r="J22396" s="1" t="s">
        <v>80194</v>
      </c>
    </row>
    <row r="22397" spans="1:10" x14ac:dyDescent="0.35">
      <c r="A22397" s="1" t="s">
        <v>6217</v>
      </c>
      <c r="B22397" s="1" t="s">
        <v>75461</v>
      </c>
      <c r="C22397" s="1" t="s">
        <v>115</v>
      </c>
      <c r="D22397" s="1" t="s">
        <v>39089</v>
      </c>
      <c r="E22397" s="1" t="s">
        <v>80195</v>
      </c>
      <c r="F22397" s="1" t="s">
        <v>80196</v>
      </c>
      <c r="G22397" s="1" t="s">
        <v>80121</v>
      </c>
      <c r="H22397" s="1" t="s">
        <v>80122</v>
      </c>
      <c r="I22397" s="1" t="s">
        <v>75467</v>
      </c>
      <c r="J22397" s="1" t="s">
        <v>80197</v>
      </c>
    </row>
    <row r="22398" spans="1:10" x14ac:dyDescent="0.35">
      <c r="A22398" s="1" t="s">
        <v>6217</v>
      </c>
      <c r="B22398" s="1" t="s">
        <v>75461</v>
      </c>
      <c r="C22398" s="1" t="s">
        <v>120</v>
      </c>
      <c r="D22398" s="1" t="s">
        <v>80198</v>
      </c>
      <c r="E22398" s="1" t="s">
        <v>80199</v>
      </c>
      <c r="F22398" s="1" t="s">
        <v>80200</v>
      </c>
      <c r="G22398" s="1" t="s">
        <v>80121</v>
      </c>
      <c r="H22398" s="1" t="s">
        <v>80122</v>
      </c>
      <c r="I22398" s="1" t="s">
        <v>75467</v>
      </c>
      <c r="J22398" s="1" t="s">
        <v>80201</v>
      </c>
    </row>
    <row r="22399" spans="1:10" x14ac:dyDescent="0.35">
      <c r="A22399" s="1" t="s">
        <v>6217</v>
      </c>
      <c r="B22399" s="1" t="s">
        <v>75461</v>
      </c>
      <c r="C22399" s="1" t="s">
        <v>125</v>
      </c>
      <c r="D22399" s="1" t="s">
        <v>80202</v>
      </c>
      <c r="E22399" s="1" t="s">
        <v>80203</v>
      </c>
      <c r="F22399" s="1" t="s">
        <v>80204</v>
      </c>
      <c r="G22399" s="1" t="s">
        <v>80121</v>
      </c>
      <c r="H22399" s="1" t="s">
        <v>80122</v>
      </c>
      <c r="I22399" s="1" t="s">
        <v>75467</v>
      </c>
      <c r="J22399" s="1" t="s">
        <v>80205</v>
      </c>
    </row>
    <row r="22400" spans="1:10" x14ac:dyDescent="0.35">
      <c r="A22400" s="1" t="s">
        <v>6217</v>
      </c>
      <c r="B22400" s="1" t="s">
        <v>75461</v>
      </c>
      <c r="C22400" s="1" t="s">
        <v>130</v>
      </c>
      <c r="D22400" s="1" t="s">
        <v>80206</v>
      </c>
      <c r="E22400" s="1" t="s">
        <v>80207</v>
      </c>
      <c r="F22400" s="1" t="s">
        <v>80208</v>
      </c>
      <c r="G22400" s="1" t="s">
        <v>80121</v>
      </c>
      <c r="H22400" s="1" t="s">
        <v>80122</v>
      </c>
      <c r="I22400" s="1" t="s">
        <v>75467</v>
      </c>
      <c r="J22400" s="1" t="s">
        <v>80209</v>
      </c>
    </row>
    <row r="22401" spans="1:10" x14ac:dyDescent="0.35">
      <c r="A22401" s="1" t="s">
        <v>6217</v>
      </c>
      <c r="B22401" s="1" t="s">
        <v>75461</v>
      </c>
      <c r="C22401" s="1" t="s">
        <v>135</v>
      </c>
      <c r="D22401" s="1" t="s">
        <v>80210</v>
      </c>
      <c r="E22401" s="1" t="s">
        <v>80211</v>
      </c>
      <c r="F22401" s="1" t="s">
        <v>80212</v>
      </c>
      <c r="G22401" s="1" t="s">
        <v>80121</v>
      </c>
      <c r="H22401" s="1" t="s">
        <v>80122</v>
      </c>
      <c r="I22401" s="1" t="s">
        <v>75467</v>
      </c>
      <c r="J22401" s="1" t="s">
        <v>80213</v>
      </c>
    </row>
    <row r="22402" spans="1:10" x14ac:dyDescent="0.35">
      <c r="A22402" s="1" t="s">
        <v>6217</v>
      </c>
      <c r="B22402" s="1" t="s">
        <v>75461</v>
      </c>
      <c r="C22402" s="1" t="s">
        <v>140</v>
      </c>
      <c r="D22402" s="1" t="s">
        <v>80214</v>
      </c>
      <c r="E22402" s="1" t="s">
        <v>80215</v>
      </c>
      <c r="F22402" s="1" t="s">
        <v>80216</v>
      </c>
      <c r="G22402" s="1" t="s">
        <v>80121</v>
      </c>
      <c r="H22402" s="1" t="s">
        <v>80122</v>
      </c>
      <c r="I22402" s="1" t="s">
        <v>75467</v>
      </c>
      <c r="J22402" s="1" t="s">
        <v>80217</v>
      </c>
    </row>
    <row r="22403" spans="1:10" x14ac:dyDescent="0.35">
      <c r="A22403" s="1" t="s">
        <v>6217</v>
      </c>
      <c r="B22403" s="1" t="s">
        <v>75461</v>
      </c>
      <c r="C22403" s="1" t="s">
        <v>145</v>
      </c>
      <c r="D22403" s="1" t="s">
        <v>80218</v>
      </c>
      <c r="E22403" s="1" t="s">
        <v>80219</v>
      </c>
      <c r="F22403" s="1" t="s">
        <v>80220</v>
      </c>
      <c r="G22403" s="1" t="s">
        <v>80121</v>
      </c>
      <c r="H22403" s="1" t="s">
        <v>80122</v>
      </c>
      <c r="I22403" s="1" t="s">
        <v>75467</v>
      </c>
      <c r="J22403" s="1" t="s">
        <v>80221</v>
      </c>
    </row>
    <row r="22404" spans="1:10" x14ac:dyDescent="0.35">
      <c r="A22404" s="1" t="s">
        <v>6217</v>
      </c>
      <c r="B22404" s="1" t="s">
        <v>75461</v>
      </c>
      <c r="C22404" s="1" t="s">
        <v>150</v>
      </c>
      <c r="D22404" s="1" t="s">
        <v>80222</v>
      </c>
      <c r="E22404" s="1" t="s">
        <v>80223</v>
      </c>
      <c r="F22404" s="1" t="s">
        <v>80224</v>
      </c>
      <c r="G22404" s="1" t="s">
        <v>80121</v>
      </c>
      <c r="H22404" s="1" t="s">
        <v>80122</v>
      </c>
      <c r="I22404" s="1" t="s">
        <v>75467</v>
      </c>
      <c r="J22404" s="1" t="s">
        <v>80225</v>
      </c>
    </row>
    <row r="22405" spans="1:10" x14ac:dyDescent="0.35">
      <c r="A22405" s="1" t="s">
        <v>6217</v>
      </c>
      <c r="B22405" s="1" t="s">
        <v>75461</v>
      </c>
      <c r="C22405" s="1" t="s">
        <v>155</v>
      </c>
      <c r="D22405" s="1" t="s">
        <v>80226</v>
      </c>
      <c r="E22405" s="1" t="s">
        <v>80227</v>
      </c>
      <c r="F22405" s="1" t="s">
        <v>80228</v>
      </c>
      <c r="G22405" s="1" t="s">
        <v>80121</v>
      </c>
      <c r="H22405" s="1" t="s">
        <v>80122</v>
      </c>
      <c r="I22405" s="1" t="s">
        <v>75467</v>
      </c>
      <c r="J22405" s="1" t="s">
        <v>80229</v>
      </c>
    </row>
    <row r="22406" spans="1:10" x14ac:dyDescent="0.35">
      <c r="A22406" s="1" t="s">
        <v>6217</v>
      </c>
      <c r="B22406" s="1" t="s">
        <v>75461</v>
      </c>
      <c r="C22406" s="1" t="s">
        <v>160</v>
      </c>
      <c r="D22406" s="1" t="s">
        <v>39985</v>
      </c>
      <c r="E22406" s="1" t="s">
        <v>80230</v>
      </c>
      <c r="F22406" s="1" t="s">
        <v>80231</v>
      </c>
      <c r="G22406" s="1" t="s">
        <v>80121</v>
      </c>
      <c r="H22406" s="1" t="s">
        <v>80122</v>
      </c>
      <c r="I22406" s="1" t="s">
        <v>75467</v>
      </c>
      <c r="J22406" s="1" t="s">
        <v>80232</v>
      </c>
    </row>
    <row r="22407" spans="1:10" x14ac:dyDescent="0.35">
      <c r="A22407" s="1" t="s">
        <v>6217</v>
      </c>
      <c r="B22407" s="1" t="s">
        <v>75461</v>
      </c>
      <c r="C22407" s="1" t="s">
        <v>165</v>
      </c>
      <c r="D22407" s="1" t="s">
        <v>57007</v>
      </c>
      <c r="E22407" s="1" t="s">
        <v>80233</v>
      </c>
      <c r="F22407" s="1" t="s">
        <v>80234</v>
      </c>
      <c r="G22407" s="1" t="s">
        <v>80121</v>
      </c>
      <c r="H22407" s="1" t="s">
        <v>80122</v>
      </c>
      <c r="I22407" s="1" t="s">
        <v>75467</v>
      </c>
      <c r="J22407" s="1" t="s">
        <v>80235</v>
      </c>
    </row>
    <row r="22408" spans="1:10" x14ac:dyDescent="0.35">
      <c r="A22408" s="1" t="s">
        <v>6217</v>
      </c>
      <c r="B22408" s="1" t="s">
        <v>75461</v>
      </c>
      <c r="C22408" s="1" t="s">
        <v>170</v>
      </c>
      <c r="D22408" s="1" t="s">
        <v>80236</v>
      </c>
      <c r="E22408" s="1" t="s">
        <v>80237</v>
      </c>
      <c r="F22408" s="1" t="s">
        <v>80238</v>
      </c>
      <c r="G22408" s="1" t="s">
        <v>80121</v>
      </c>
      <c r="H22408" s="1" t="s">
        <v>80122</v>
      </c>
      <c r="I22408" s="1" t="s">
        <v>75467</v>
      </c>
      <c r="J22408" s="1" t="s">
        <v>80239</v>
      </c>
    </row>
    <row r="22409" spans="1:10" x14ac:dyDescent="0.35">
      <c r="A22409" s="1" t="s">
        <v>13798</v>
      </c>
      <c r="B22409" s="1" t="s">
        <v>75461</v>
      </c>
      <c r="C22409" s="1" t="s">
        <v>8</v>
      </c>
      <c r="D22409" s="1" t="s">
        <v>55601</v>
      </c>
      <c r="E22409" s="1" t="s">
        <v>80240</v>
      </c>
      <c r="F22409" s="1" t="s">
        <v>80241</v>
      </c>
      <c r="G22409" s="1" t="s">
        <v>80242</v>
      </c>
      <c r="H22409" s="1" t="s">
        <v>80243</v>
      </c>
      <c r="I22409" s="1" t="s">
        <v>75467</v>
      </c>
      <c r="J22409" s="1" t="s">
        <v>13</v>
      </c>
    </row>
    <row r="22410" spans="1:10" x14ac:dyDescent="0.35">
      <c r="A22410" s="1" t="s">
        <v>13798</v>
      </c>
      <c r="B22410" s="1" t="s">
        <v>75461</v>
      </c>
      <c r="C22410" s="1" t="s">
        <v>15</v>
      </c>
      <c r="D22410" s="1" t="s">
        <v>52172</v>
      </c>
      <c r="E22410" s="1" t="s">
        <v>80244</v>
      </c>
      <c r="F22410" s="1" t="s">
        <v>80245</v>
      </c>
      <c r="G22410" s="1" t="s">
        <v>80242</v>
      </c>
      <c r="H22410" s="1" t="s">
        <v>80243</v>
      </c>
      <c r="I22410" s="1" t="s">
        <v>75467</v>
      </c>
      <c r="J22410" s="1" t="s">
        <v>80246</v>
      </c>
    </row>
    <row r="22411" spans="1:10" x14ac:dyDescent="0.35">
      <c r="A22411" s="1" t="s">
        <v>13798</v>
      </c>
      <c r="B22411" s="1" t="s">
        <v>75461</v>
      </c>
      <c r="C22411" s="1" t="s">
        <v>20</v>
      </c>
      <c r="D22411" s="1" t="s">
        <v>80247</v>
      </c>
      <c r="E22411" s="1" t="s">
        <v>80248</v>
      </c>
      <c r="F22411" s="1" t="s">
        <v>80249</v>
      </c>
      <c r="G22411" s="1" t="s">
        <v>80242</v>
      </c>
      <c r="H22411" s="1" t="s">
        <v>80243</v>
      </c>
      <c r="I22411" s="1" t="s">
        <v>75467</v>
      </c>
      <c r="J22411" s="1" t="s">
        <v>80250</v>
      </c>
    </row>
    <row r="22412" spans="1:10" x14ac:dyDescent="0.35">
      <c r="A22412" s="1" t="s">
        <v>13798</v>
      </c>
      <c r="B22412" s="1" t="s">
        <v>75461</v>
      </c>
      <c r="C22412" s="1" t="s">
        <v>25</v>
      </c>
      <c r="D22412" s="1" t="s">
        <v>80251</v>
      </c>
      <c r="E22412" s="1" t="s">
        <v>80252</v>
      </c>
      <c r="F22412" s="1" t="s">
        <v>80253</v>
      </c>
      <c r="G22412" s="1" t="s">
        <v>80242</v>
      </c>
      <c r="H22412" s="1" t="s">
        <v>80243</v>
      </c>
      <c r="I22412" s="1" t="s">
        <v>75467</v>
      </c>
      <c r="J22412" s="1" t="s">
        <v>80254</v>
      </c>
    </row>
    <row r="22413" spans="1:10" x14ac:dyDescent="0.35">
      <c r="A22413" s="1" t="s">
        <v>13798</v>
      </c>
      <c r="B22413" s="1" t="s">
        <v>75461</v>
      </c>
      <c r="C22413" s="1" t="s">
        <v>30</v>
      </c>
      <c r="D22413" s="1" t="s">
        <v>54850</v>
      </c>
      <c r="E22413" s="1" t="s">
        <v>80255</v>
      </c>
      <c r="F22413" s="1" t="s">
        <v>80256</v>
      </c>
      <c r="G22413" s="1" t="s">
        <v>80242</v>
      </c>
      <c r="H22413" s="1" t="s">
        <v>80243</v>
      </c>
      <c r="I22413" s="1" t="s">
        <v>75467</v>
      </c>
      <c r="J22413" s="1" t="s">
        <v>80257</v>
      </c>
    </row>
    <row r="22414" spans="1:10" x14ac:dyDescent="0.35">
      <c r="A22414" s="1" t="s">
        <v>13798</v>
      </c>
      <c r="B22414" s="1" t="s">
        <v>75461</v>
      </c>
      <c r="C22414" s="1" t="s">
        <v>35</v>
      </c>
      <c r="D22414" s="1" t="s">
        <v>80258</v>
      </c>
      <c r="E22414" s="1" t="s">
        <v>80259</v>
      </c>
      <c r="F22414" s="1" t="s">
        <v>80260</v>
      </c>
      <c r="G22414" s="1" t="s">
        <v>80242</v>
      </c>
      <c r="H22414" s="1" t="s">
        <v>80243</v>
      </c>
      <c r="I22414" s="1" t="s">
        <v>75467</v>
      </c>
      <c r="J22414" s="1" t="s">
        <v>80261</v>
      </c>
    </row>
    <row r="22415" spans="1:10" x14ac:dyDescent="0.35">
      <c r="A22415" s="1" t="s">
        <v>13798</v>
      </c>
      <c r="B22415" s="1" t="s">
        <v>75461</v>
      </c>
      <c r="C22415" s="1" t="s">
        <v>40</v>
      </c>
      <c r="D22415" s="1" t="s">
        <v>80262</v>
      </c>
      <c r="E22415" s="1" t="s">
        <v>80263</v>
      </c>
      <c r="F22415" s="1" t="s">
        <v>80264</v>
      </c>
      <c r="G22415" s="1" t="s">
        <v>80242</v>
      </c>
      <c r="H22415" s="1" t="s">
        <v>80243</v>
      </c>
      <c r="I22415" s="1" t="s">
        <v>75467</v>
      </c>
      <c r="J22415" s="1" t="s">
        <v>80265</v>
      </c>
    </row>
    <row r="22416" spans="1:10" x14ac:dyDescent="0.35">
      <c r="A22416" s="1" t="s">
        <v>13798</v>
      </c>
      <c r="B22416" s="1" t="s">
        <v>75461</v>
      </c>
      <c r="C22416" s="1" t="s">
        <v>45</v>
      </c>
      <c r="D22416" s="1" t="s">
        <v>80266</v>
      </c>
      <c r="E22416" s="1" t="s">
        <v>80267</v>
      </c>
      <c r="F22416" s="1" t="s">
        <v>80268</v>
      </c>
      <c r="G22416" s="1" t="s">
        <v>80242</v>
      </c>
      <c r="H22416" s="1" t="s">
        <v>80243</v>
      </c>
      <c r="I22416" s="1" t="s">
        <v>75467</v>
      </c>
      <c r="J22416" s="1" t="s">
        <v>80269</v>
      </c>
    </row>
    <row r="22417" spans="1:10" x14ac:dyDescent="0.35">
      <c r="A22417" s="1" t="s">
        <v>13798</v>
      </c>
      <c r="B22417" s="1" t="s">
        <v>75461</v>
      </c>
      <c r="C22417" s="1" t="s">
        <v>50</v>
      </c>
      <c r="D22417" s="1" t="s">
        <v>19431</v>
      </c>
      <c r="E22417" s="1" t="s">
        <v>80270</v>
      </c>
      <c r="F22417" s="1" t="s">
        <v>80271</v>
      </c>
      <c r="G22417" s="1" t="s">
        <v>80242</v>
      </c>
      <c r="H22417" s="1" t="s">
        <v>80243</v>
      </c>
      <c r="I22417" s="1" t="s">
        <v>75467</v>
      </c>
      <c r="J22417" s="1" t="s">
        <v>80272</v>
      </c>
    </row>
    <row r="22418" spans="1:10" x14ac:dyDescent="0.35">
      <c r="A22418" s="1" t="s">
        <v>13798</v>
      </c>
      <c r="B22418" s="1" t="s">
        <v>75461</v>
      </c>
      <c r="C22418" s="1" t="s">
        <v>55</v>
      </c>
      <c r="D22418" s="1" t="s">
        <v>63300</v>
      </c>
      <c r="E22418" s="1" t="s">
        <v>80273</v>
      </c>
      <c r="F22418" s="1" t="s">
        <v>80274</v>
      </c>
      <c r="G22418" s="1" t="s">
        <v>80242</v>
      </c>
      <c r="H22418" s="1" t="s">
        <v>80243</v>
      </c>
      <c r="I22418" s="1" t="s">
        <v>75467</v>
      </c>
      <c r="J22418" s="1" t="s">
        <v>80275</v>
      </c>
    </row>
    <row r="22419" spans="1:10" x14ac:dyDescent="0.35">
      <c r="A22419" s="1" t="s">
        <v>13798</v>
      </c>
      <c r="B22419" s="1" t="s">
        <v>75461</v>
      </c>
      <c r="C22419" s="1" t="s">
        <v>60</v>
      </c>
      <c r="D22419" s="1" t="s">
        <v>80276</v>
      </c>
      <c r="E22419" s="1" t="s">
        <v>80277</v>
      </c>
      <c r="F22419" s="1" t="s">
        <v>80278</v>
      </c>
      <c r="G22419" s="1" t="s">
        <v>80242</v>
      </c>
      <c r="H22419" s="1" t="s">
        <v>80243</v>
      </c>
      <c r="I22419" s="1" t="s">
        <v>75467</v>
      </c>
      <c r="J22419" s="1" t="s">
        <v>80279</v>
      </c>
    </row>
    <row r="22420" spans="1:10" x14ac:dyDescent="0.35">
      <c r="A22420" s="1" t="s">
        <v>13798</v>
      </c>
      <c r="B22420" s="1" t="s">
        <v>75461</v>
      </c>
      <c r="C22420" s="1" t="s">
        <v>65</v>
      </c>
      <c r="D22420" s="1" t="s">
        <v>69401</v>
      </c>
      <c r="E22420" s="1" t="s">
        <v>80280</v>
      </c>
      <c r="F22420" s="1" t="s">
        <v>80281</v>
      </c>
      <c r="G22420" s="1" t="s">
        <v>80242</v>
      </c>
      <c r="H22420" s="1" t="s">
        <v>80243</v>
      </c>
      <c r="I22420" s="1" t="s">
        <v>75467</v>
      </c>
      <c r="J22420" s="1" t="s">
        <v>80282</v>
      </c>
    </row>
    <row r="22421" spans="1:10" x14ac:dyDescent="0.35">
      <c r="A22421" s="1" t="s">
        <v>13798</v>
      </c>
      <c r="B22421" s="1" t="s">
        <v>75461</v>
      </c>
      <c r="C22421" s="1" t="s">
        <v>70</v>
      </c>
      <c r="D22421" s="1" t="s">
        <v>80283</v>
      </c>
      <c r="E22421" s="1" t="s">
        <v>80284</v>
      </c>
      <c r="F22421" s="1" t="s">
        <v>80285</v>
      </c>
      <c r="G22421" s="1" t="s">
        <v>80242</v>
      </c>
      <c r="H22421" s="1" t="s">
        <v>80243</v>
      </c>
      <c r="I22421" s="1" t="s">
        <v>75467</v>
      </c>
      <c r="J22421" s="1" t="s">
        <v>80286</v>
      </c>
    </row>
    <row r="22422" spans="1:10" x14ac:dyDescent="0.35">
      <c r="A22422" s="1" t="s">
        <v>13798</v>
      </c>
      <c r="B22422" s="1" t="s">
        <v>75461</v>
      </c>
      <c r="C22422" s="1" t="s">
        <v>75</v>
      </c>
      <c r="D22422" s="1" t="s">
        <v>80287</v>
      </c>
      <c r="E22422" s="1" t="s">
        <v>80288</v>
      </c>
      <c r="F22422" s="1" t="s">
        <v>80289</v>
      </c>
      <c r="G22422" s="1" t="s">
        <v>80242</v>
      </c>
      <c r="H22422" s="1" t="s">
        <v>80243</v>
      </c>
      <c r="I22422" s="1" t="s">
        <v>75467</v>
      </c>
      <c r="J22422" s="1" t="s">
        <v>80290</v>
      </c>
    </row>
    <row r="22423" spans="1:10" x14ac:dyDescent="0.35">
      <c r="A22423" s="1" t="s">
        <v>13798</v>
      </c>
      <c r="B22423" s="1" t="s">
        <v>75461</v>
      </c>
      <c r="C22423" s="1" t="s">
        <v>80</v>
      </c>
      <c r="D22423" s="1" t="s">
        <v>80291</v>
      </c>
      <c r="E22423" s="1" t="s">
        <v>80292</v>
      </c>
      <c r="F22423" s="1" t="s">
        <v>80293</v>
      </c>
      <c r="G22423" s="1" t="s">
        <v>80242</v>
      </c>
      <c r="H22423" s="1" t="s">
        <v>80243</v>
      </c>
      <c r="I22423" s="1" t="s">
        <v>75467</v>
      </c>
      <c r="J22423" s="1" t="s">
        <v>80294</v>
      </c>
    </row>
    <row r="22424" spans="1:10" x14ac:dyDescent="0.35">
      <c r="A22424" s="1" t="s">
        <v>13798</v>
      </c>
      <c r="B22424" s="1" t="s">
        <v>75461</v>
      </c>
      <c r="C22424" s="1" t="s">
        <v>85</v>
      </c>
      <c r="D22424" s="1" t="s">
        <v>80295</v>
      </c>
      <c r="E22424" s="1" t="s">
        <v>80296</v>
      </c>
      <c r="F22424" s="1" t="s">
        <v>80297</v>
      </c>
      <c r="G22424" s="1" t="s">
        <v>80242</v>
      </c>
      <c r="H22424" s="1" t="s">
        <v>80243</v>
      </c>
      <c r="I22424" s="1" t="s">
        <v>75467</v>
      </c>
      <c r="J22424" s="1" t="s">
        <v>80298</v>
      </c>
    </row>
    <row r="22425" spans="1:10" x14ac:dyDescent="0.35">
      <c r="A22425" s="1" t="s">
        <v>13798</v>
      </c>
      <c r="B22425" s="1" t="s">
        <v>75461</v>
      </c>
      <c r="C22425" s="1" t="s">
        <v>90</v>
      </c>
      <c r="D22425" s="1" t="s">
        <v>80299</v>
      </c>
      <c r="E22425" s="1" t="s">
        <v>80300</v>
      </c>
      <c r="F22425" s="1" t="s">
        <v>80301</v>
      </c>
      <c r="G22425" s="1" t="s">
        <v>80242</v>
      </c>
      <c r="H22425" s="1" t="s">
        <v>80243</v>
      </c>
      <c r="I22425" s="1" t="s">
        <v>75467</v>
      </c>
      <c r="J22425" s="1" t="s">
        <v>80302</v>
      </c>
    </row>
    <row r="22426" spans="1:10" x14ac:dyDescent="0.35">
      <c r="A22426" s="1" t="s">
        <v>13798</v>
      </c>
      <c r="B22426" s="1" t="s">
        <v>75461</v>
      </c>
      <c r="C22426" s="1" t="s">
        <v>95</v>
      </c>
      <c r="D22426" s="1" t="s">
        <v>63208</v>
      </c>
      <c r="E22426" s="1" t="s">
        <v>80303</v>
      </c>
      <c r="F22426" s="1" t="s">
        <v>80304</v>
      </c>
      <c r="G22426" s="1" t="s">
        <v>80242</v>
      </c>
      <c r="H22426" s="1" t="s">
        <v>80243</v>
      </c>
      <c r="I22426" s="1" t="s">
        <v>75467</v>
      </c>
      <c r="J22426" s="1" t="s">
        <v>80305</v>
      </c>
    </row>
    <row r="22427" spans="1:10" x14ac:dyDescent="0.35">
      <c r="A22427" s="1" t="s">
        <v>13798</v>
      </c>
      <c r="B22427" s="1" t="s">
        <v>75461</v>
      </c>
      <c r="C22427" s="1" t="s">
        <v>100</v>
      </c>
      <c r="D22427" s="1" t="s">
        <v>68882</v>
      </c>
      <c r="E22427" s="1" t="s">
        <v>80306</v>
      </c>
      <c r="F22427" s="1" t="s">
        <v>80307</v>
      </c>
      <c r="G22427" s="1" t="s">
        <v>80242</v>
      </c>
      <c r="H22427" s="1" t="s">
        <v>80243</v>
      </c>
      <c r="I22427" s="1" t="s">
        <v>75467</v>
      </c>
      <c r="J22427" s="1" t="s">
        <v>80308</v>
      </c>
    </row>
    <row r="22428" spans="1:10" x14ac:dyDescent="0.35">
      <c r="A22428" s="1" t="s">
        <v>13798</v>
      </c>
      <c r="B22428" s="1" t="s">
        <v>75461</v>
      </c>
      <c r="C22428" s="1" t="s">
        <v>105</v>
      </c>
      <c r="D22428" s="1" t="s">
        <v>80309</v>
      </c>
      <c r="E22428" s="1" t="s">
        <v>80310</v>
      </c>
      <c r="F22428" s="1" t="s">
        <v>80311</v>
      </c>
      <c r="G22428" s="1" t="s">
        <v>80242</v>
      </c>
      <c r="H22428" s="1" t="s">
        <v>80243</v>
      </c>
      <c r="I22428" s="1" t="s">
        <v>75467</v>
      </c>
      <c r="J22428" s="1" t="s">
        <v>80312</v>
      </c>
    </row>
    <row r="22429" spans="1:10" x14ac:dyDescent="0.35">
      <c r="A22429" s="1" t="s">
        <v>13798</v>
      </c>
      <c r="B22429" s="1" t="s">
        <v>75461</v>
      </c>
      <c r="C22429" s="1" t="s">
        <v>110</v>
      </c>
      <c r="D22429" s="1" t="s">
        <v>80313</v>
      </c>
      <c r="E22429" s="1" t="s">
        <v>80314</v>
      </c>
      <c r="F22429" s="1" t="s">
        <v>80315</v>
      </c>
      <c r="G22429" s="1" t="s">
        <v>80242</v>
      </c>
      <c r="H22429" s="1" t="s">
        <v>80243</v>
      </c>
      <c r="I22429" s="1" t="s">
        <v>75467</v>
      </c>
      <c r="J22429" s="1" t="s">
        <v>80316</v>
      </c>
    </row>
    <row r="22430" spans="1:10" x14ac:dyDescent="0.35">
      <c r="A22430" s="1" t="s">
        <v>13798</v>
      </c>
      <c r="B22430" s="1" t="s">
        <v>75461</v>
      </c>
      <c r="C22430" s="1" t="s">
        <v>115</v>
      </c>
      <c r="D22430" s="1" t="s">
        <v>80317</v>
      </c>
      <c r="E22430" s="1" t="s">
        <v>80318</v>
      </c>
      <c r="F22430" s="1" t="s">
        <v>80319</v>
      </c>
      <c r="G22430" s="1" t="s">
        <v>80242</v>
      </c>
      <c r="H22430" s="1" t="s">
        <v>80243</v>
      </c>
      <c r="I22430" s="1" t="s">
        <v>75467</v>
      </c>
      <c r="J22430" s="1" t="s">
        <v>80320</v>
      </c>
    </row>
    <row r="22431" spans="1:10" x14ac:dyDescent="0.35">
      <c r="A22431" s="1" t="s">
        <v>13798</v>
      </c>
      <c r="B22431" s="1" t="s">
        <v>75461</v>
      </c>
      <c r="C22431" s="1" t="s">
        <v>120</v>
      </c>
      <c r="D22431" s="1" t="s">
        <v>80321</v>
      </c>
      <c r="E22431" s="1" t="s">
        <v>80322</v>
      </c>
      <c r="F22431" s="1" t="s">
        <v>80323</v>
      </c>
      <c r="G22431" s="1" t="s">
        <v>80242</v>
      </c>
      <c r="H22431" s="1" t="s">
        <v>80243</v>
      </c>
      <c r="I22431" s="1" t="s">
        <v>75467</v>
      </c>
      <c r="J22431" s="1" t="s">
        <v>80324</v>
      </c>
    </row>
    <row r="22432" spans="1:10" x14ac:dyDescent="0.35">
      <c r="A22432" s="1" t="s">
        <v>13798</v>
      </c>
      <c r="B22432" s="1" t="s">
        <v>75461</v>
      </c>
      <c r="C22432" s="1" t="s">
        <v>125</v>
      </c>
      <c r="D22432" s="1" t="s">
        <v>80325</v>
      </c>
      <c r="E22432" s="1" t="s">
        <v>80326</v>
      </c>
      <c r="F22432" s="1" t="s">
        <v>80327</v>
      </c>
      <c r="G22432" s="1" t="s">
        <v>80242</v>
      </c>
      <c r="H22432" s="1" t="s">
        <v>80243</v>
      </c>
      <c r="I22432" s="1" t="s">
        <v>75467</v>
      </c>
      <c r="J22432" s="1" t="s">
        <v>80328</v>
      </c>
    </row>
    <row r="22433" spans="1:10" x14ac:dyDescent="0.35">
      <c r="A22433" s="1" t="s">
        <v>13798</v>
      </c>
      <c r="B22433" s="1" t="s">
        <v>75461</v>
      </c>
      <c r="C22433" s="1" t="s">
        <v>130</v>
      </c>
      <c r="D22433" s="1" t="s">
        <v>22543</v>
      </c>
      <c r="E22433" s="1" t="s">
        <v>80329</v>
      </c>
      <c r="F22433" s="1" t="s">
        <v>80330</v>
      </c>
      <c r="G22433" s="1" t="s">
        <v>80242</v>
      </c>
      <c r="H22433" s="1" t="s">
        <v>80243</v>
      </c>
      <c r="I22433" s="1" t="s">
        <v>75467</v>
      </c>
      <c r="J22433" s="1" t="s">
        <v>80331</v>
      </c>
    </row>
    <row r="22434" spans="1:10" x14ac:dyDescent="0.35">
      <c r="A22434" s="1" t="s">
        <v>13798</v>
      </c>
      <c r="B22434" s="1" t="s">
        <v>75461</v>
      </c>
      <c r="C22434" s="1" t="s">
        <v>135</v>
      </c>
      <c r="D22434" s="1" t="s">
        <v>80332</v>
      </c>
      <c r="E22434" s="1" t="s">
        <v>80333</v>
      </c>
      <c r="F22434" s="1" t="s">
        <v>80334</v>
      </c>
      <c r="G22434" s="1" t="s">
        <v>80242</v>
      </c>
      <c r="H22434" s="1" t="s">
        <v>80243</v>
      </c>
      <c r="I22434" s="1" t="s">
        <v>75467</v>
      </c>
      <c r="J22434" s="1" t="s">
        <v>80335</v>
      </c>
    </row>
    <row r="22435" spans="1:10" x14ac:dyDescent="0.35">
      <c r="A22435" s="1" t="s">
        <v>13798</v>
      </c>
      <c r="B22435" s="1" t="s">
        <v>75461</v>
      </c>
      <c r="C22435" s="1" t="s">
        <v>140</v>
      </c>
      <c r="D22435" s="1" t="s">
        <v>60797</v>
      </c>
      <c r="E22435" s="1" t="s">
        <v>80336</v>
      </c>
      <c r="F22435" s="1" t="s">
        <v>80337</v>
      </c>
      <c r="G22435" s="1" t="s">
        <v>80242</v>
      </c>
      <c r="H22435" s="1" t="s">
        <v>80243</v>
      </c>
      <c r="I22435" s="1" t="s">
        <v>75467</v>
      </c>
      <c r="J22435" s="1" t="s">
        <v>80338</v>
      </c>
    </row>
    <row r="22436" spans="1:10" x14ac:dyDescent="0.35">
      <c r="A22436" s="1" t="s">
        <v>13798</v>
      </c>
      <c r="B22436" s="1" t="s">
        <v>75461</v>
      </c>
      <c r="C22436" s="1" t="s">
        <v>145</v>
      </c>
      <c r="D22436" s="1" t="s">
        <v>80339</v>
      </c>
      <c r="E22436" s="1" t="s">
        <v>80340</v>
      </c>
      <c r="F22436" s="1" t="s">
        <v>80341</v>
      </c>
      <c r="G22436" s="1" t="s">
        <v>80242</v>
      </c>
      <c r="H22436" s="1" t="s">
        <v>80243</v>
      </c>
      <c r="I22436" s="1" t="s">
        <v>75467</v>
      </c>
      <c r="J22436" s="1" t="s">
        <v>80342</v>
      </c>
    </row>
    <row r="22437" spans="1:10" x14ac:dyDescent="0.35">
      <c r="A22437" s="1" t="s">
        <v>13798</v>
      </c>
      <c r="B22437" s="1" t="s">
        <v>75461</v>
      </c>
      <c r="C22437" s="1" t="s">
        <v>150</v>
      </c>
      <c r="D22437" s="1" t="s">
        <v>77552</v>
      </c>
      <c r="E22437" s="1" t="s">
        <v>80343</v>
      </c>
      <c r="F22437" s="1" t="s">
        <v>80344</v>
      </c>
      <c r="G22437" s="1" t="s">
        <v>80242</v>
      </c>
      <c r="H22437" s="1" t="s">
        <v>80243</v>
      </c>
      <c r="I22437" s="1" t="s">
        <v>75467</v>
      </c>
      <c r="J22437" s="1" t="s">
        <v>80345</v>
      </c>
    </row>
    <row r="22438" spans="1:10" x14ac:dyDescent="0.35">
      <c r="A22438" s="1" t="s">
        <v>13798</v>
      </c>
      <c r="B22438" s="1" t="s">
        <v>75461</v>
      </c>
      <c r="C22438" s="1" t="s">
        <v>155</v>
      </c>
      <c r="D22438" s="1" t="s">
        <v>80346</v>
      </c>
      <c r="E22438" s="1" t="s">
        <v>80347</v>
      </c>
      <c r="F22438" s="1" t="s">
        <v>80348</v>
      </c>
      <c r="G22438" s="1" t="s">
        <v>80242</v>
      </c>
      <c r="H22438" s="1" t="s">
        <v>80243</v>
      </c>
      <c r="I22438" s="1" t="s">
        <v>75467</v>
      </c>
      <c r="J22438" s="1" t="s">
        <v>80349</v>
      </c>
    </row>
    <row r="22439" spans="1:10" x14ac:dyDescent="0.35">
      <c r="A22439" s="1" t="s">
        <v>13798</v>
      </c>
      <c r="B22439" s="1" t="s">
        <v>75461</v>
      </c>
      <c r="C22439" s="1" t="s">
        <v>160</v>
      </c>
      <c r="D22439" s="1" t="s">
        <v>80350</v>
      </c>
      <c r="E22439" s="1" t="s">
        <v>80351</v>
      </c>
      <c r="F22439" s="1" t="s">
        <v>80352</v>
      </c>
      <c r="G22439" s="1" t="s">
        <v>80242</v>
      </c>
      <c r="H22439" s="1" t="s">
        <v>80243</v>
      </c>
      <c r="I22439" s="1" t="s">
        <v>75467</v>
      </c>
      <c r="J22439" s="1" t="s">
        <v>80353</v>
      </c>
    </row>
    <row r="22440" spans="1:10" x14ac:dyDescent="0.35">
      <c r="A22440" s="1" t="s">
        <v>13798</v>
      </c>
      <c r="B22440" s="1" t="s">
        <v>75461</v>
      </c>
      <c r="C22440" s="1" t="s">
        <v>165</v>
      </c>
      <c r="D22440" s="1" t="s">
        <v>80354</v>
      </c>
      <c r="E22440" s="1" t="s">
        <v>80355</v>
      </c>
      <c r="F22440" s="1" t="s">
        <v>80356</v>
      </c>
      <c r="G22440" s="1" t="s">
        <v>80242</v>
      </c>
      <c r="H22440" s="1" t="s">
        <v>80243</v>
      </c>
      <c r="I22440" s="1" t="s">
        <v>75467</v>
      </c>
      <c r="J22440" s="1" t="s">
        <v>80357</v>
      </c>
    </row>
    <row r="22441" spans="1:10" x14ac:dyDescent="0.35">
      <c r="A22441" s="1" t="s">
        <v>13798</v>
      </c>
      <c r="B22441" s="1" t="s">
        <v>75461</v>
      </c>
      <c r="C22441" s="1" t="s">
        <v>170</v>
      </c>
      <c r="D22441" s="1" t="s">
        <v>52778</v>
      </c>
      <c r="E22441" s="1" t="s">
        <v>80358</v>
      </c>
      <c r="F22441" s="1" t="s">
        <v>80359</v>
      </c>
      <c r="G22441" s="1" t="s">
        <v>80242</v>
      </c>
      <c r="H22441" s="1" t="s">
        <v>80243</v>
      </c>
      <c r="I22441" s="1" t="s">
        <v>75467</v>
      </c>
      <c r="J22441" s="1" t="s">
        <v>80360</v>
      </c>
    </row>
    <row r="22442" spans="1:10" x14ac:dyDescent="0.35">
      <c r="A22442" s="1" t="s">
        <v>9822</v>
      </c>
      <c r="B22442" s="1" t="s">
        <v>75461</v>
      </c>
      <c r="C22442" s="1" t="s">
        <v>8</v>
      </c>
      <c r="D22442" s="1" t="s">
        <v>80361</v>
      </c>
      <c r="E22442" s="1" t="s">
        <v>80362</v>
      </c>
      <c r="F22442" s="1" t="s">
        <v>80363</v>
      </c>
      <c r="G22442" s="1" t="s">
        <v>80364</v>
      </c>
      <c r="H22442" s="1" t="s">
        <v>80365</v>
      </c>
      <c r="I22442" s="1" t="s">
        <v>75467</v>
      </c>
      <c r="J22442" s="1" t="s">
        <v>13</v>
      </c>
    </row>
    <row r="22443" spans="1:10" x14ac:dyDescent="0.35">
      <c r="A22443" s="1" t="s">
        <v>9822</v>
      </c>
      <c r="B22443" s="1" t="s">
        <v>75461</v>
      </c>
      <c r="C22443" s="1" t="s">
        <v>15</v>
      </c>
      <c r="D22443" s="1" t="s">
        <v>80366</v>
      </c>
      <c r="E22443" s="1" t="s">
        <v>80367</v>
      </c>
      <c r="F22443" s="1" t="s">
        <v>80368</v>
      </c>
      <c r="G22443" s="1" t="s">
        <v>80364</v>
      </c>
      <c r="H22443" s="1" t="s">
        <v>80365</v>
      </c>
      <c r="I22443" s="1" t="s">
        <v>75467</v>
      </c>
      <c r="J22443" s="1" t="s">
        <v>80369</v>
      </c>
    </row>
    <row r="22444" spans="1:10" x14ac:dyDescent="0.35">
      <c r="A22444" s="1" t="s">
        <v>9822</v>
      </c>
      <c r="B22444" s="1" t="s">
        <v>75461</v>
      </c>
      <c r="C22444" s="1" t="s">
        <v>20</v>
      </c>
      <c r="D22444" s="1" t="s">
        <v>59354</v>
      </c>
      <c r="E22444" s="1" t="s">
        <v>80370</v>
      </c>
      <c r="F22444" s="1" t="s">
        <v>80371</v>
      </c>
      <c r="G22444" s="1" t="s">
        <v>80364</v>
      </c>
      <c r="H22444" s="1" t="s">
        <v>80365</v>
      </c>
      <c r="I22444" s="1" t="s">
        <v>75467</v>
      </c>
      <c r="J22444" s="1" t="s">
        <v>80372</v>
      </c>
    </row>
    <row r="22445" spans="1:10" x14ac:dyDescent="0.35">
      <c r="A22445" s="1" t="s">
        <v>9822</v>
      </c>
      <c r="B22445" s="1" t="s">
        <v>75461</v>
      </c>
      <c r="C22445" s="1" t="s">
        <v>25</v>
      </c>
      <c r="D22445" s="1" t="s">
        <v>80373</v>
      </c>
      <c r="E22445" s="1" t="s">
        <v>80374</v>
      </c>
      <c r="F22445" s="1" t="s">
        <v>80375</v>
      </c>
      <c r="G22445" s="1" t="s">
        <v>80364</v>
      </c>
      <c r="H22445" s="1" t="s">
        <v>80365</v>
      </c>
      <c r="I22445" s="1" t="s">
        <v>75467</v>
      </c>
      <c r="J22445" s="1" t="s">
        <v>80376</v>
      </c>
    </row>
    <row r="22446" spans="1:10" x14ac:dyDescent="0.35">
      <c r="A22446" s="1" t="s">
        <v>9822</v>
      </c>
      <c r="B22446" s="1" t="s">
        <v>75461</v>
      </c>
      <c r="C22446" s="1" t="s">
        <v>30</v>
      </c>
      <c r="D22446" s="1" t="s">
        <v>80377</v>
      </c>
      <c r="E22446" s="1" t="s">
        <v>80378</v>
      </c>
      <c r="F22446" s="1" t="s">
        <v>80379</v>
      </c>
      <c r="G22446" s="1" t="s">
        <v>80364</v>
      </c>
      <c r="H22446" s="1" t="s">
        <v>80365</v>
      </c>
      <c r="I22446" s="1" t="s">
        <v>75467</v>
      </c>
      <c r="J22446" s="1" t="s">
        <v>80380</v>
      </c>
    </row>
    <row r="22447" spans="1:10" x14ac:dyDescent="0.35">
      <c r="A22447" s="1" t="s">
        <v>9822</v>
      </c>
      <c r="B22447" s="1" t="s">
        <v>75461</v>
      </c>
      <c r="C22447" s="1" t="s">
        <v>35</v>
      </c>
      <c r="D22447" s="1" t="s">
        <v>43515</v>
      </c>
      <c r="E22447" s="1" t="s">
        <v>80381</v>
      </c>
      <c r="F22447" s="1" t="s">
        <v>80382</v>
      </c>
      <c r="G22447" s="1" t="s">
        <v>80364</v>
      </c>
      <c r="H22447" s="1" t="s">
        <v>80365</v>
      </c>
      <c r="I22447" s="1" t="s">
        <v>75467</v>
      </c>
      <c r="J22447" s="1" t="s">
        <v>80383</v>
      </c>
    </row>
    <row r="22448" spans="1:10" x14ac:dyDescent="0.35">
      <c r="A22448" s="1" t="s">
        <v>9822</v>
      </c>
      <c r="B22448" s="1" t="s">
        <v>75461</v>
      </c>
      <c r="C22448" s="1" t="s">
        <v>40</v>
      </c>
      <c r="D22448" s="1" t="s">
        <v>80384</v>
      </c>
      <c r="E22448" s="1" t="s">
        <v>80385</v>
      </c>
      <c r="F22448" s="1" t="s">
        <v>80386</v>
      </c>
      <c r="G22448" s="1" t="s">
        <v>80364</v>
      </c>
      <c r="H22448" s="1" t="s">
        <v>80365</v>
      </c>
      <c r="I22448" s="1" t="s">
        <v>75467</v>
      </c>
      <c r="J22448" s="1" t="s">
        <v>80387</v>
      </c>
    </row>
    <row r="22449" spans="1:10" x14ac:dyDescent="0.35">
      <c r="A22449" s="1" t="s">
        <v>9822</v>
      </c>
      <c r="B22449" s="1" t="s">
        <v>75461</v>
      </c>
      <c r="C22449" s="1" t="s">
        <v>45</v>
      </c>
      <c r="D22449" s="1" t="s">
        <v>80388</v>
      </c>
      <c r="E22449" s="1" t="s">
        <v>80389</v>
      </c>
      <c r="F22449" s="1" t="s">
        <v>80390</v>
      </c>
      <c r="G22449" s="1" t="s">
        <v>80364</v>
      </c>
      <c r="H22449" s="1" t="s">
        <v>80365</v>
      </c>
      <c r="I22449" s="1" t="s">
        <v>75467</v>
      </c>
      <c r="J22449" s="1" t="s">
        <v>80391</v>
      </c>
    </row>
    <row r="22450" spans="1:10" x14ac:dyDescent="0.35">
      <c r="A22450" s="1" t="s">
        <v>9822</v>
      </c>
      <c r="B22450" s="1" t="s">
        <v>75461</v>
      </c>
      <c r="C22450" s="1" t="s">
        <v>50</v>
      </c>
      <c r="D22450" s="1" t="s">
        <v>24311</v>
      </c>
      <c r="E22450" s="1" t="s">
        <v>80392</v>
      </c>
      <c r="F22450" s="1" t="s">
        <v>80393</v>
      </c>
      <c r="G22450" s="1" t="s">
        <v>80364</v>
      </c>
      <c r="H22450" s="1" t="s">
        <v>80365</v>
      </c>
      <c r="I22450" s="1" t="s">
        <v>75467</v>
      </c>
      <c r="J22450" s="1" t="s">
        <v>80394</v>
      </c>
    </row>
    <row r="22451" spans="1:10" x14ac:dyDescent="0.35">
      <c r="A22451" s="1" t="s">
        <v>9822</v>
      </c>
      <c r="B22451" s="1" t="s">
        <v>75461</v>
      </c>
      <c r="C22451" s="1" t="s">
        <v>55</v>
      </c>
      <c r="D22451" s="1" t="s">
        <v>80395</v>
      </c>
      <c r="E22451" s="1" t="s">
        <v>80396</v>
      </c>
      <c r="F22451" s="1" t="s">
        <v>80397</v>
      </c>
      <c r="G22451" s="1" t="s">
        <v>80364</v>
      </c>
      <c r="H22451" s="1" t="s">
        <v>80365</v>
      </c>
      <c r="I22451" s="1" t="s">
        <v>75467</v>
      </c>
      <c r="J22451" s="1" t="s">
        <v>80398</v>
      </c>
    </row>
    <row r="22452" spans="1:10" x14ac:dyDescent="0.35">
      <c r="A22452" s="1" t="s">
        <v>9822</v>
      </c>
      <c r="B22452" s="1" t="s">
        <v>75461</v>
      </c>
      <c r="C22452" s="1" t="s">
        <v>60</v>
      </c>
      <c r="D22452" s="1" t="s">
        <v>80399</v>
      </c>
      <c r="E22452" s="1" t="s">
        <v>80400</v>
      </c>
      <c r="F22452" s="1" t="s">
        <v>80401</v>
      </c>
      <c r="G22452" s="1" t="s">
        <v>80364</v>
      </c>
      <c r="H22452" s="1" t="s">
        <v>80365</v>
      </c>
      <c r="I22452" s="1" t="s">
        <v>75467</v>
      </c>
      <c r="J22452" s="1" t="s">
        <v>80402</v>
      </c>
    </row>
    <row r="22453" spans="1:10" x14ac:dyDescent="0.35">
      <c r="A22453" s="1" t="s">
        <v>9822</v>
      </c>
      <c r="B22453" s="1" t="s">
        <v>75461</v>
      </c>
      <c r="C22453" s="1" t="s">
        <v>65</v>
      </c>
      <c r="D22453" s="1" t="s">
        <v>80403</v>
      </c>
      <c r="E22453" s="1" t="s">
        <v>80404</v>
      </c>
      <c r="F22453" s="1" t="s">
        <v>80405</v>
      </c>
      <c r="G22453" s="1" t="s">
        <v>80364</v>
      </c>
      <c r="H22453" s="1" t="s">
        <v>80365</v>
      </c>
      <c r="I22453" s="1" t="s">
        <v>75467</v>
      </c>
      <c r="J22453" s="1" t="s">
        <v>80406</v>
      </c>
    </row>
    <row r="22454" spans="1:10" x14ac:dyDescent="0.35">
      <c r="A22454" s="1" t="s">
        <v>9822</v>
      </c>
      <c r="B22454" s="1" t="s">
        <v>75461</v>
      </c>
      <c r="C22454" s="1" t="s">
        <v>70</v>
      </c>
      <c r="D22454" s="1" t="s">
        <v>80407</v>
      </c>
      <c r="E22454" s="1" t="s">
        <v>80408</v>
      </c>
      <c r="F22454" s="1" t="s">
        <v>80409</v>
      </c>
      <c r="G22454" s="1" t="s">
        <v>80364</v>
      </c>
      <c r="H22454" s="1" t="s">
        <v>80365</v>
      </c>
      <c r="I22454" s="1" t="s">
        <v>75467</v>
      </c>
      <c r="J22454" s="1" t="s">
        <v>80410</v>
      </c>
    </row>
    <row r="22455" spans="1:10" x14ac:dyDescent="0.35">
      <c r="A22455" s="1" t="s">
        <v>9822</v>
      </c>
      <c r="B22455" s="1" t="s">
        <v>75461</v>
      </c>
      <c r="C22455" s="1" t="s">
        <v>75</v>
      </c>
      <c r="D22455" s="1" t="s">
        <v>53830</v>
      </c>
      <c r="E22455" s="1" t="s">
        <v>80411</v>
      </c>
      <c r="F22455" s="1" t="s">
        <v>80412</v>
      </c>
      <c r="G22455" s="1" t="s">
        <v>80364</v>
      </c>
      <c r="H22455" s="1" t="s">
        <v>80365</v>
      </c>
      <c r="I22455" s="1" t="s">
        <v>75467</v>
      </c>
      <c r="J22455" s="1" t="s">
        <v>80413</v>
      </c>
    </row>
    <row r="22456" spans="1:10" x14ac:dyDescent="0.35">
      <c r="A22456" s="1" t="s">
        <v>9822</v>
      </c>
      <c r="B22456" s="1" t="s">
        <v>75461</v>
      </c>
      <c r="C22456" s="1" t="s">
        <v>80</v>
      </c>
      <c r="D22456" s="1" t="s">
        <v>80414</v>
      </c>
      <c r="E22456" s="1" t="s">
        <v>80415</v>
      </c>
      <c r="F22456" s="1" t="s">
        <v>80416</v>
      </c>
      <c r="G22456" s="1" t="s">
        <v>80364</v>
      </c>
      <c r="H22456" s="1" t="s">
        <v>80365</v>
      </c>
      <c r="I22456" s="1" t="s">
        <v>75467</v>
      </c>
      <c r="J22456" s="1" t="s">
        <v>80417</v>
      </c>
    </row>
    <row r="22457" spans="1:10" x14ac:dyDescent="0.35">
      <c r="A22457" s="1" t="s">
        <v>9822</v>
      </c>
      <c r="B22457" s="1" t="s">
        <v>75461</v>
      </c>
      <c r="C22457" s="1" t="s">
        <v>85</v>
      </c>
      <c r="D22457" s="1" t="s">
        <v>80418</v>
      </c>
      <c r="E22457" s="1" t="s">
        <v>80419</v>
      </c>
      <c r="F22457" s="1" t="s">
        <v>80420</v>
      </c>
      <c r="G22457" s="1" t="s">
        <v>80364</v>
      </c>
      <c r="H22457" s="1" t="s">
        <v>80365</v>
      </c>
      <c r="I22457" s="1" t="s">
        <v>75467</v>
      </c>
      <c r="J22457" s="1" t="s">
        <v>80421</v>
      </c>
    </row>
    <row r="22458" spans="1:10" x14ac:dyDescent="0.35">
      <c r="A22458" s="1" t="s">
        <v>9822</v>
      </c>
      <c r="B22458" s="1" t="s">
        <v>75461</v>
      </c>
      <c r="C22458" s="1" t="s">
        <v>90</v>
      </c>
      <c r="D22458" s="1" t="s">
        <v>80422</v>
      </c>
      <c r="E22458" s="1" t="s">
        <v>80423</v>
      </c>
      <c r="F22458" s="1" t="s">
        <v>80424</v>
      </c>
      <c r="G22458" s="1" t="s">
        <v>80364</v>
      </c>
      <c r="H22458" s="1" t="s">
        <v>80365</v>
      </c>
      <c r="I22458" s="1" t="s">
        <v>75467</v>
      </c>
      <c r="J22458" s="1" t="s">
        <v>80425</v>
      </c>
    </row>
    <row r="22459" spans="1:10" x14ac:dyDescent="0.35">
      <c r="A22459" s="1" t="s">
        <v>9822</v>
      </c>
      <c r="B22459" s="1" t="s">
        <v>75461</v>
      </c>
      <c r="C22459" s="1" t="s">
        <v>95</v>
      </c>
      <c r="D22459" s="1" t="s">
        <v>54970</v>
      </c>
      <c r="E22459" s="1" t="s">
        <v>80426</v>
      </c>
      <c r="F22459" s="1" t="s">
        <v>80427</v>
      </c>
      <c r="G22459" s="1" t="s">
        <v>80364</v>
      </c>
      <c r="H22459" s="1" t="s">
        <v>80365</v>
      </c>
      <c r="I22459" s="1" t="s">
        <v>75467</v>
      </c>
      <c r="J22459" s="1" t="s">
        <v>80428</v>
      </c>
    </row>
    <row r="22460" spans="1:10" x14ac:dyDescent="0.35">
      <c r="A22460" s="1" t="s">
        <v>9822</v>
      </c>
      <c r="B22460" s="1" t="s">
        <v>75461</v>
      </c>
      <c r="C22460" s="1" t="s">
        <v>100</v>
      </c>
      <c r="D22460" s="1" t="s">
        <v>80429</v>
      </c>
      <c r="E22460" s="1" t="s">
        <v>80430</v>
      </c>
      <c r="F22460" s="1" t="s">
        <v>80431</v>
      </c>
      <c r="G22460" s="1" t="s">
        <v>80364</v>
      </c>
      <c r="H22460" s="1" t="s">
        <v>80365</v>
      </c>
      <c r="I22460" s="1" t="s">
        <v>75467</v>
      </c>
      <c r="J22460" s="1" t="s">
        <v>80432</v>
      </c>
    </row>
    <row r="22461" spans="1:10" x14ac:dyDescent="0.35">
      <c r="A22461" s="1" t="s">
        <v>9822</v>
      </c>
      <c r="B22461" s="1" t="s">
        <v>75461</v>
      </c>
      <c r="C22461" s="1" t="s">
        <v>105</v>
      </c>
      <c r="D22461" s="1" t="s">
        <v>66850</v>
      </c>
      <c r="E22461" s="1" t="s">
        <v>80433</v>
      </c>
      <c r="F22461" s="1" t="s">
        <v>80434</v>
      </c>
      <c r="G22461" s="1" t="s">
        <v>80364</v>
      </c>
      <c r="H22461" s="1" t="s">
        <v>80365</v>
      </c>
      <c r="I22461" s="1" t="s">
        <v>75467</v>
      </c>
      <c r="J22461" s="1" t="s">
        <v>80435</v>
      </c>
    </row>
    <row r="22462" spans="1:10" x14ac:dyDescent="0.35">
      <c r="A22462" s="1" t="s">
        <v>9822</v>
      </c>
      <c r="B22462" s="1" t="s">
        <v>75461</v>
      </c>
      <c r="C22462" s="1" t="s">
        <v>110</v>
      </c>
      <c r="D22462" s="1" t="s">
        <v>80436</v>
      </c>
      <c r="E22462" s="1" t="s">
        <v>80437</v>
      </c>
      <c r="F22462" s="1" t="s">
        <v>80438</v>
      </c>
      <c r="G22462" s="1" t="s">
        <v>80364</v>
      </c>
      <c r="H22462" s="1" t="s">
        <v>80365</v>
      </c>
      <c r="I22462" s="1" t="s">
        <v>75467</v>
      </c>
      <c r="J22462" s="1" t="s">
        <v>80439</v>
      </c>
    </row>
    <row r="22463" spans="1:10" x14ac:dyDescent="0.35">
      <c r="A22463" s="1" t="s">
        <v>9822</v>
      </c>
      <c r="B22463" s="1" t="s">
        <v>75461</v>
      </c>
      <c r="C22463" s="1" t="s">
        <v>115</v>
      </c>
      <c r="D22463" s="1" t="s">
        <v>80440</v>
      </c>
      <c r="E22463" s="1" t="s">
        <v>80441</v>
      </c>
      <c r="F22463" s="1" t="s">
        <v>80442</v>
      </c>
      <c r="G22463" s="1" t="s">
        <v>80364</v>
      </c>
      <c r="H22463" s="1" t="s">
        <v>80365</v>
      </c>
      <c r="I22463" s="1" t="s">
        <v>75467</v>
      </c>
      <c r="J22463" s="1" t="s">
        <v>80443</v>
      </c>
    </row>
    <row r="22464" spans="1:10" x14ac:dyDescent="0.35">
      <c r="A22464" s="1" t="s">
        <v>9822</v>
      </c>
      <c r="B22464" s="1" t="s">
        <v>75461</v>
      </c>
      <c r="C22464" s="1" t="s">
        <v>120</v>
      </c>
      <c r="D22464" s="1" t="s">
        <v>66727</v>
      </c>
      <c r="E22464" s="1" t="s">
        <v>80444</v>
      </c>
      <c r="F22464" s="1" t="s">
        <v>80445</v>
      </c>
      <c r="G22464" s="1" t="s">
        <v>80364</v>
      </c>
      <c r="H22464" s="1" t="s">
        <v>80365</v>
      </c>
      <c r="I22464" s="1" t="s">
        <v>75467</v>
      </c>
      <c r="J22464" s="1" t="s">
        <v>80446</v>
      </c>
    </row>
    <row r="22465" spans="1:10" x14ac:dyDescent="0.35">
      <c r="A22465" s="1" t="s">
        <v>9822</v>
      </c>
      <c r="B22465" s="1" t="s">
        <v>75461</v>
      </c>
      <c r="C22465" s="1" t="s">
        <v>125</v>
      </c>
      <c r="D22465" s="1" t="s">
        <v>80447</v>
      </c>
      <c r="E22465" s="1" t="s">
        <v>80448</v>
      </c>
      <c r="F22465" s="1" t="s">
        <v>80449</v>
      </c>
      <c r="G22465" s="1" t="s">
        <v>80364</v>
      </c>
      <c r="H22465" s="1" t="s">
        <v>80365</v>
      </c>
      <c r="I22465" s="1" t="s">
        <v>75467</v>
      </c>
      <c r="J22465" s="1" t="s">
        <v>80450</v>
      </c>
    </row>
    <row r="22466" spans="1:10" x14ac:dyDescent="0.35">
      <c r="A22466" s="1" t="s">
        <v>9822</v>
      </c>
      <c r="B22466" s="1" t="s">
        <v>75461</v>
      </c>
      <c r="C22466" s="1" t="s">
        <v>130</v>
      </c>
      <c r="D22466" s="1" t="s">
        <v>58746</v>
      </c>
      <c r="E22466" s="1" t="s">
        <v>80451</v>
      </c>
      <c r="F22466" s="1" t="s">
        <v>80452</v>
      </c>
      <c r="G22466" s="1" t="s">
        <v>80364</v>
      </c>
      <c r="H22466" s="1" t="s">
        <v>80365</v>
      </c>
      <c r="I22466" s="1" t="s">
        <v>75467</v>
      </c>
      <c r="J22466" s="1" t="s">
        <v>80453</v>
      </c>
    </row>
    <row r="22467" spans="1:10" x14ac:dyDescent="0.35">
      <c r="A22467" s="1" t="s">
        <v>9822</v>
      </c>
      <c r="B22467" s="1" t="s">
        <v>75461</v>
      </c>
      <c r="C22467" s="1" t="s">
        <v>135</v>
      </c>
      <c r="D22467" s="1" t="s">
        <v>23460</v>
      </c>
      <c r="E22467" s="1" t="s">
        <v>80454</v>
      </c>
      <c r="F22467" s="1" t="s">
        <v>80455</v>
      </c>
      <c r="G22467" s="1" t="s">
        <v>80364</v>
      </c>
      <c r="H22467" s="1" t="s">
        <v>80365</v>
      </c>
      <c r="I22467" s="1" t="s">
        <v>75467</v>
      </c>
      <c r="J22467" s="1" t="s">
        <v>80456</v>
      </c>
    </row>
    <row r="22468" spans="1:10" x14ac:dyDescent="0.35">
      <c r="A22468" s="1" t="s">
        <v>9822</v>
      </c>
      <c r="B22468" s="1" t="s">
        <v>75461</v>
      </c>
      <c r="C22468" s="1" t="s">
        <v>140</v>
      </c>
      <c r="D22468" s="1" t="s">
        <v>7365</v>
      </c>
      <c r="E22468" s="1" t="s">
        <v>80457</v>
      </c>
      <c r="F22468" s="1" t="s">
        <v>80458</v>
      </c>
      <c r="G22468" s="1" t="s">
        <v>80364</v>
      </c>
      <c r="H22468" s="1" t="s">
        <v>80365</v>
      </c>
      <c r="I22468" s="1" t="s">
        <v>75467</v>
      </c>
      <c r="J22468" s="1" t="s">
        <v>80459</v>
      </c>
    </row>
    <row r="22469" spans="1:10" x14ac:dyDescent="0.35">
      <c r="A22469" s="1" t="s">
        <v>9822</v>
      </c>
      <c r="B22469" s="1" t="s">
        <v>75461</v>
      </c>
      <c r="C22469" s="1" t="s">
        <v>145</v>
      </c>
      <c r="D22469" s="1" t="s">
        <v>80460</v>
      </c>
      <c r="E22469" s="1" t="s">
        <v>80461</v>
      </c>
      <c r="F22469" s="1" t="s">
        <v>80462</v>
      </c>
      <c r="G22469" s="1" t="s">
        <v>80364</v>
      </c>
      <c r="H22469" s="1" t="s">
        <v>80365</v>
      </c>
      <c r="I22469" s="1" t="s">
        <v>75467</v>
      </c>
      <c r="J22469" s="1" t="s">
        <v>80463</v>
      </c>
    </row>
    <row r="22470" spans="1:10" x14ac:dyDescent="0.35">
      <c r="A22470" s="1" t="s">
        <v>9822</v>
      </c>
      <c r="B22470" s="1" t="s">
        <v>75461</v>
      </c>
      <c r="C22470" s="1" t="s">
        <v>150</v>
      </c>
      <c r="D22470" s="1" t="s">
        <v>80464</v>
      </c>
      <c r="E22470" s="1" t="s">
        <v>80465</v>
      </c>
      <c r="F22470" s="1" t="s">
        <v>80466</v>
      </c>
      <c r="G22470" s="1" t="s">
        <v>80364</v>
      </c>
      <c r="H22470" s="1" t="s">
        <v>80365</v>
      </c>
      <c r="I22470" s="1" t="s">
        <v>75467</v>
      </c>
      <c r="J22470" s="1" t="s">
        <v>80467</v>
      </c>
    </row>
    <row r="22471" spans="1:10" x14ac:dyDescent="0.35">
      <c r="A22471" s="1" t="s">
        <v>9822</v>
      </c>
      <c r="B22471" s="1" t="s">
        <v>75461</v>
      </c>
      <c r="C22471" s="1" t="s">
        <v>155</v>
      </c>
      <c r="D22471" s="1" t="s">
        <v>80468</v>
      </c>
      <c r="E22471" s="1" t="s">
        <v>80469</v>
      </c>
      <c r="F22471" s="1" t="s">
        <v>80470</v>
      </c>
      <c r="G22471" s="1" t="s">
        <v>80364</v>
      </c>
      <c r="H22471" s="1" t="s">
        <v>80365</v>
      </c>
      <c r="I22471" s="1" t="s">
        <v>75467</v>
      </c>
      <c r="J22471" s="1" t="s">
        <v>80471</v>
      </c>
    </row>
    <row r="22472" spans="1:10" x14ac:dyDescent="0.35">
      <c r="A22472" s="1" t="s">
        <v>9822</v>
      </c>
      <c r="B22472" s="1" t="s">
        <v>75461</v>
      </c>
      <c r="C22472" s="1" t="s">
        <v>160</v>
      </c>
      <c r="D22472" s="1" t="s">
        <v>80472</v>
      </c>
      <c r="E22472" s="1" t="s">
        <v>80473</v>
      </c>
      <c r="F22472" s="1" t="s">
        <v>80474</v>
      </c>
      <c r="G22472" s="1" t="s">
        <v>80364</v>
      </c>
      <c r="H22472" s="1" t="s">
        <v>80365</v>
      </c>
      <c r="I22472" s="1" t="s">
        <v>75467</v>
      </c>
      <c r="J22472" s="1" t="s">
        <v>80475</v>
      </c>
    </row>
    <row r="22473" spans="1:10" x14ac:dyDescent="0.35">
      <c r="A22473" s="1" t="s">
        <v>9822</v>
      </c>
      <c r="B22473" s="1" t="s">
        <v>75461</v>
      </c>
      <c r="C22473" s="1" t="s">
        <v>165</v>
      </c>
      <c r="D22473" s="1" t="s">
        <v>80476</v>
      </c>
      <c r="E22473" s="1" t="s">
        <v>80477</v>
      </c>
      <c r="F22473" s="1" t="s">
        <v>80478</v>
      </c>
      <c r="G22473" s="1" t="s">
        <v>80364</v>
      </c>
      <c r="H22473" s="1" t="s">
        <v>80365</v>
      </c>
      <c r="I22473" s="1" t="s">
        <v>75467</v>
      </c>
      <c r="J22473" s="1" t="s">
        <v>80479</v>
      </c>
    </row>
    <row r="22474" spans="1:10" x14ac:dyDescent="0.35">
      <c r="A22474" s="1" t="s">
        <v>9822</v>
      </c>
      <c r="B22474" s="1" t="s">
        <v>75461</v>
      </c>
      <c r="C22474" s="1" t="s">
        <v>170</v>
      </c>
      <c r="D22474" s="1" t="s">
        <v>80480</v>
      </c>
      <c r="E22474" s="1" t="s">
        <v>80481</v>
      </c>
      <c r="F22474" s="1" t="s">
        <v>80482</v>
      </c>
      <c r="G22474" s="1" t="s">
        <v>80364</v>
      </c>
      <c r="H22474" s="1" t="s">
        <v>80365</v>
      </c>
      <c r="I22474" s="1" t="s">
        <v>75467</v>
      </c>
      <c r="J22474" s="1" t="s">
        <v>80483</v>
      </c>
    </row>
    <row r="22475" spans="1:10" x14ac:dyDescent="0.35">
      <c r="A22475" s="1" t="s">
        <v>3549</v>
      </c>
      <c r="B22475" s="1" t="s">
        <v>75461</v>
      </c>
      <c r="C22475" s="1" t="s">
        <v>8</v>
      </c>
      <c r="D22475" s="1" t="s">
        <v>5831</v>
      </c>
      <c r="E22475" s="1" t="s">
        <v>80484</v>
      </c>
      <c r="F22475" s="1" t="s">
        <v>80485</v>
      </c>
      <c r="G22475" s="1" t="s">
        <v>80486</v>
      </c>
      <c r="H22475" s="1" t="s">
        <v>80487</v>
      </c>
      <c r="I22475" s="1" t="s">
        <v>75467</v>
      </c>
      <c r="J22475" s="1" t="s">
        <v>13</v>
      </c>
    </row>
    <row r="22476" spans="1:10" x14ac:dyDescent="0.35">
      <c r="A22476" s="1" t="s">
        <v>3549</v>
      </c>
      <c r="B22476" s="1" t="s">
        <v>75461</v>
      </c>
      <c r="C22476" s="1" t="s">
        <v>15</v>
      </c>
      <c r="D22476" s="1" t="s">
        <v>80488</v>
      </c>
      <c r="E22476" s="1" t="s">
        <v>80489</v>
      </c>
      <c r="F22476" s="1" t="s">
        <v>80490</v>
      </c>
      <c r="G22476" s="1" t="s">
        <v>80486</v>
      </c>
      <c r="H22476" s="1" t="s">
        <v>80487</v>
      </c>
      <c r="I22476" s="1" t="s">
        <v>75467</v>
      </c>
      <c r="J22476" s="1" t="s">
        <v>80491</v>
      </c>
    </row>
    <row r="22477" spans="1:10" x14ac:dyDescent="0.35">
      <c r="A22477" s="1" t="s">
        <v>3549</v>
      </c>
      <c r="B22477" s="1" t="s">
        <v>75461</v>
      </c>
      <c r="C22477" s="1" t="s">
        <v>20</v>
      </c>
      <c r="D22477" s="1" t="s">
        <v>61916</v>
      </c>
      <c r="E22477" s="1" t="s">
        <v>80492</v>
      </c>
      <c r="F22477" s="1" t="s">
        <v>80493</v>
      </c>
      <c r="G22477" s="1" t="s">
        <v>80486</v>
      </c>
      <c r="H22477" s="1" t="s">
        <v>80487</v>
      </c>
      <c r="I22477" s="1" t="s">
        <v>75467</v>
      </c>
      <c r="J22477" s="1" t="s">
        <v>80494</v>
      </c>
    </row>
    <row r="22478" spans="1:10" x14ac:dyDescent="0.35">
      <c r="A22478" s="1" t="s">
        <v>3549</v>
      </c>
      <c r="B22478" s="1" t="s">
        <v>75461</v>
      </c>
      <c r="C22478" s="1" t="s">
        <v>25</v>
      </c>
      <c r="D22478" s="1" t="s">
        <v>80495</v>
      </c>
      <c r="E22478" s="1" t="s">
        <v>80496</v>
      </c>
      <c r="F22478" s="1" t="s">
        <v>80497</v>
      </c>
      <c r="G22478" s="1" t="s">
        <v>80486</v>
      </c>
      <c r="H22478" s="1" t="s">
        <v>80487</v>
      </c>
      <c r="I22478" s="1" t="s">
        <v>75467</v>
      </c>
      <c r="J22478" s="1" t="s">
        <v>80498</v>
      </c>
    </row>
    <row r="22479" spans="1:10" x14ac:dyDescent="0.35">
      <c r="A22479" s="1" t="s">
        <v>3549</v>
      </c>
      <c r="B22479" s="1" t="s">
        <v>75461</v>
      </c>
      <c r="C22479" s="1" t="s">
        <v>30</v>
      </c>
      <c r="D22479" s="1" t="s">
        <v>39193</v>
      </c>
      <c r="E22479" s="1" t="s">
        <v>80499</v>
      </c>
      <c r="F22479" s="1" t="s">
        <v>80500</v>
      </c>
      <c r="G22479" s="1" t="s">
        <v>80486</v>
      </c>
      <c r="H22479" s="1" t="s">
        <v>80487</v>
      </c>
      <c r="I22479" s="1" t="s">
        <v>75467</v>
      </c>
      <c r="J22479" s="1" t="s">
        <v>80501</v>
      </c>
    </row>
    <row r="22480" spans="1:10" x14ac:dyDescent="0.35">
      <c r="A22480" s="1" t="s">
        <v>3549</v>
      </c>
      <c r="B22480" s="1" t="s">
        <v>75461</v>
      </c>
      <c r="C22480" s="1" t="s">
        <v>35</v>
      </c>
      <c r="D22480" s="1" t="s">
        <v>80502</v>
      </c>
      <c r="E22480" s="1" t="s">
        <v>80503</v>
      </c>
      <c r="F22480" s="1" t="s">
        <v>80504</v>
      </c>
      <c r="G22480" s="1" t="s">
        <v>80486</v>
      </c>
      <c r="H22480" s="1" t="s">
        <v>80487</v>
      </c>
      <c r="I22480" s="1" t="s">
        <v>75467</v>
      </c>
      <c r="J22480" s="1" t="s">
        <v>80505</v>
      </c>
    </row>
    <row r="22481" spans="1:10" x14ac:dyDescent="0.35">
      <c r="A22481" s="1" t="s">
        <v>3549</v>
      </c>
      <c r="B22481" s="1" t="s">
        <v>75461</v>
      </c>
      <c r="C22481" s="1" t="s">
        <v>40</v>
      </c>
      <c r="D22481" s="1" t="s">
        <v>2722</v>
      </c>
      <c r="E22481" s="1" t="s">
        <v>80506</v>
      </c>
      <c r="F22481" s="1" t="s">
        <v>80507</v>
      </c>
      <c r="G22481" s="1" t="s">
        <v>80486</v>
      </c>
      <c r="H22481" s="1" t="s">
        <v>80487</v>
      </c>
      <c r="I22481" s="1" t="s">
        <v>75467</v>
      </c>
      <c r="J22481" s="1" t="s">
        <v>80508</v>
      </c>
    </row>
    <row r="22482" spans="1:10" x14ac:dyDescent="0.35">
      <c r="A22482" s="1" t="s">
        <v>3549</v>
      </c>
      <c r="B22482" s="1" t="s">
        <v>75461</v>
      </c>
      <c r="C22482" s="1" t="s">
        <v>45</v>
      </c>
      <c r="D22482" s="1" t="s">
        <v>80509</v>
      </c>
      <c r="E22482" s="1" t="s">
        <v>80510</v>
      </c>
      <c r="F22482" s="1" t="s">
        <v>80511</v>
      </c>
      <c r="G22482" s="1" t="s">
        <v>80486</v>
      </c>
      <c r="H22482" s="1" t="s">
        <v>80487</v>
      </c>
      <c r="I22482" s="1" t="s">
        <v>75467</v>
      </c>
      <c r="J22482" s="1" t="s">
        <v>80512</v>
      </c>
    </row>
    <row r="22483" spans="1:10" x14ac:dyDescent="0.35">
      <c r="A22483" s="1" t="s">
        <v>3549</v>
      </c>
      <c r="B22483" s="1" t="s">
        <v>75461</v>
      </c>
      <c r="C22483" s="1" t="s">
        <v>50</v>
      </c>
      <c r="D22483" s="1" t="s">
        <v>68868</v>
      </c>
      <c r="E22483" s="1" t="s">
        <v>80513</v>
      </c>
      <c r="F22483" s="1" t="s">
        <v>80514</v>
      </c>
      <c r="G22483" s="1" t="s">
        <v>80486</v>
      </c>
      <c r="H22483" s="1" t="s">
        <v>80487</v>
      </c>
      <c r="I22483" s="1" t="s">
        <v>75467</v>
      </c>
      <c r="J22483" s="1" t="s">
        <v>80515</v>
      </c>
    </row>
    <row r="22484" spans="1:10" x14ac:dyDescent="0.35">
      <c r="A22484" s="1" t="s">
        <v>3549</v>
      </c>
      <c r="B22484" s="1" t="s">
        <v>75461</v>
      </c>
      <c r="C22484" s="1" t="s">
        <v>55</v>
      </c>
      <c r="D22484" s="1" t="s">
        <v>79241</v>
      </c>
      <c r="E22484" s="1" t="s">
        <v>80516</v>
      </c>
      <c r="F22484" s="1" t="s">
        <v>80517</v>
      </c>
      <c r="G22484" s="1" t="s">
        <v>80486</v>
      </c>
      <c r="H22484" s="1" t="s">
        <v>80487</v>
      </c>
      <c r="I22484" s="1" t="s">
        <v>75467</v>
      </c>
      <c r="J22484" s="1" t="s">
        <v>80518</v>
      </c>
    </row>
    <row r="22485" spans="1:10" x14ac:dyDescent="0.35">
      <c r="A22485" s="1" t="s">
        <v>3549</v>
      </c>
      <c r="B22485" s="1" t="s">
        <v>75461</v>
      </c>
      <c r="C22485" s="1" t="s">
        <v>60</v>
      </c>
      <c r="D22485" s="1" t="s">
        <v>80519</v>
      </c>
      <c r="E22485" s="1" t="s">
        <v>80520</v>
      </c>
      <c r="F22485" s="1" t="s">
        <v>80521</v>
      </c>
      <c r="G22485" s="1" t="s">
        <v>80486</v>
      </c>
      <c r="H22485" s="1" t="s">
        <v>80487</v>
      </c>
      <c r="I22485" s="1" t="s">
        <v>75467</v>
      </c>
      <c r="J22485" s="1" t="s">
        <v>80522</v>
      </c>
    </row>
    <row r="22486" spans="1:10" x14ac:dyDescent="0.35">
      <c r="A22486" s="1" t="s">
        <v>3549</v>
      </c>
      <c r="B22486" s="1" t="s">
        <v>75461</v>
      </c>
      <c r="C22486" s="1" t="s">
        <v>65</v>
      </c>
      <c r="D22486" s="1" t="s">
        <v>80523</v>
      </c>
      <c r="E22486" s="1" t="s">
        <v>80524</v>
      </c>
      <c r="F22486" s="1" t="s">
        <v>80525</v>
      </c>
      <c r="G22486" s="1" t="s">
        <v>80486</v>
      </c>
      <c r="H22486" s="1" t="s">
        <v>80487</v>
      </c>
      <c r="I22486" s="1" t="s">
        <v>75467</v>
      </c>
      <c r="J22486" s="1" t="s">
        <v>80526</v>
      </c>
    </row>
    <row r="22487" spans="1:10" x14ac:dyDescent="0.35">
      <c r="A22487" s="1" t="s">
        <v>3549</v>
      </c>
      <c r="B22487" s="1" t="s">
        <v>75461</v>
      </c>
      <c r="C22487" s="1" t="s">
        <v>70</v>
      </c>
      <c r="D22487" s="1" t="s">
        <v>80527</v>
      </c>
      <c r="E22487" s="1" t="s">
        <v>80528</v>
      </c>
      <c r="F22487" s="1" t="s">
        <v>80529</v>
      </c>
      <c r="G22487" s="1" t="s">
        <v>80486</v>
      </c>
      <c r="H22487" s="1" t="s">
        <v>80487</v>
      </c>
      <c r="I22487" s="1" t="s">
        <v>75467</v>
      </c>
      <c r="J22487" s="1" t="s">
        <v>80530</v>
      </c>
    </row>
    <row r="22488" spans="1:10" x14ac:dyDescent="0.35">
      <c r="A22488" s="1" t="s">
        <v>3549</v>
      </c>
      <c r="B22488" s="1" t="s">
        <v>75461</v>
      </c>
      <c r="C22488" s="1" t="s">
        <v>75</v>
      </c>
      <c r="D22488" s="1" t="s">
        <v>80531</v>
      </c>
      <c r="E22488" s="1" t="s">
        <v>80532</v>
      </c>
      <c r="F22488" s="1" t="s">
        <v>80533</v>
      </c>
      <c r="G22488" s="1" t="s">
        <v>80486</v>
      </c>
      <c r="H22488" s="1" t="s">
        <v>80487</v>
      </c>
      <c r="I22488" s="1" t="s">
        <v>75467</v>
      </c>
      <c r="J22488" s="1" t="s">
        <v>80534</v>
      </c>
    </row>
    <row r="22489" spans="1:10" x14ac:dyDescent="0.35">
      <c r="A22489" s="1" t="s">
        <v>3549</v>
      </c>
      <c r="B22489" s="1" t="s">
        <v>75461</v>
      </c>
      <c r="C22489" s="1" t="s">
        <v>80</v>
      </c>
      <c r="D22489" s="1" t="s">
        <v>24156</v>
      </c>
      <c r="E22489" s="1" t="s">
        <v>80535</v>
      </c>
      <c r="F22489" s="1" t="s">
        <v>80536</v>
      </c>
      <c r="G22489" s="1" t="s">
        <v>80486</v>
      </c>
      <c r="H22489" s="1" t="s">
        <v>80487</v>
      </c>
      <c r="I22489" s="1" t="s">
        <v>75467</v>
      </c>
      <c r="J22489" s="1" t="s">
        <v>80537</v>
      </c>
    </row>
    <row r="22490" spans="1:10" x14ac:dyDescent="0.35">
      <c r="A22490" s="1" t="s">
        <v>3549</v>
      </c>
      <c r="B22490" s="1" t="s">
        <v>75461</v>
      </c>
      <c r="C22490" s="1" t="s">
        <v>85</v>
      </c>
      <c r="D22490" s="1" t="s">
        <v>80538</v>
      </c>
      <c r="E22490" s="1" t="s">
        <v>80539</v>
      </c>
      <c r="F22490" s="1" t="s">
        <v>80540</v>
      </c>
      <c r="G22490" s="1" t="s">
        <v>80486</v>
      </c>
      <c r="H22490" s="1" t="s">
        <v>80487</v>
      </c>
      <c r="I22490" s="1" t="s">
        <v>75467</v>
      </c>
      <c r="J22490" s="1" t="s">
        <v>80541</v>
      </c>
    </row>
    <row r="22491" spans="1:10" x14ac:dyDescent="0.35">
      <c r="A22491" s="1" t="s">
        <v>3549</v>
      </c>
      <c r="B22491" s="1" t="s">
        <v>75461</v>
      </c>
      <c r="C22491" s="1" t="s">
        <v>90</v>
      </c>
      <c r="D22491" s="1" t="s">
        <v>80542</v>
      </c>
      <c r="E22491" s="1" t="s">
        <v>80543</v>
      </c>
      <c r="F22491" s="1" t="s">
        <v>80544</v>
      </c>
      <c r="G22491" s="1" t="s">
        <v>80486</v>
      </c>
      <c r="H22491" s="1" t="s">
        <v>80487</v>
      </c>
      <c r="I22491" s="1" t="s">
        <v>75467</v>
      </c>
      <c r="J22491" s="1" t="s">
        <v>80545</v>
      </c>
    </row>
    <row r="22492" spans="1:10" x14ac:dyDescent="0.35">
      <c r="A22492" s="1" t="s">
        <v>3549</v>
      </c>
      <c r="B22492" s="1" t="s">
        <v>75461</v>
      </c>
      <c r="C22492" s="1" t="s">
        <v>95</v>
      </c>
      <c r="D22492" s="1" t="s">
        <v>80546</v>
      </c>
      <c r="E22492" s="1" t="s">
        <v>80547</v>
      </c>
      <c r="F22492" s="1" t="s">
        <v>80548</v>
      </c>
      <c r="G22492" s="1" t="s">
        <v>80486</v>
      </c>
      <c r="H22492" s="1" t="s">
        <v>80487</v>
      </c>
      <c r="I22492" s="1" t="s">
        <v>75467</v>
      </c>
      <c r="J22492" s="1" t="s">
        <v>80549</v>
      </c>
    </row>
    <row r="22493" spans="1:10" x14ac:dyDescent="0.35">
      <c r="A22493" s="1" t="s">
        <v>3549</v>
      </c>
      <c r="B22493" s="1" t="s">
        <v>75461</v>
      </c>
      <c r="C22493" s="1" t="s">
        <v>100</v>
      </c>
      <c r="D22493" s="1" t="s">
        <v>80550</v>
      </c>
      <c r="E22493" s="1" t="s">
        <v>80551</v>
      </c>
      <c r="F22493" s="1" t="s">
        <v>80552</v>
      </c>
      <c r="G22493" s="1" t="s">
        <v>80486</v>
      </c>
      <c r="H22493" s="1" t="s">
        <v>80487</v>
      </c>
      <c r="I22493" s="1" t="s">
        <v>75467</v>
      </c>
      <c r="J22493" s="1" t="s">
        <v>80553</v>
      </c>
    </row>
    <row r="22494" spans="1:10" x14ac:dyDescent="0.35">
      <c r="A22494" s="1" t="s">
        <v>3549</v>
      </c>
      <c r="B22494" s="1" t="s">
        <v>75461</v>
      </c>
      <c r="C22494" s="1" t="s">
        <v>105</v>
      </c>
      <c r="D22494" s="1" t="s">
        <v>80554</v>
      </c>
      <c r="E22494" s="1" t="s">
        <v>80555</v>
      </c>
      <c r="F22494" s="1" t="s">
        <v>80556</v>
      </c>
      <c r="G22494" s="1" t="s">
        <v>80486</v>
      </c>
      <c r="H22494" s="1" t="s">
        <v>80487</v>
      </c>
      <c r="I22494" s="1" t="s">
        <v>75467</v>
      </c>
      <c r="J22494" s="1" t="s">
        <v>80557</v>
      </c>
    </row>
    <row r="22495" spans="1:10" x14ac:dyDescent="0.35">
      <c r="A22495" s="1" t="s">
        <v>3549</v>
      </c>
      <c r="B22495" s="1" t="s">
        <v>75461</v>
      </c>
      <c r="C22495" s="1" t="s">
        <v>110</v>
      </c>
      <c r="D22495" s="1" t="s">
        <v>80558</v>
      </c>
      <c r="E22495" s="1" t="s">
        <v>80559</v>
      </c>
      <c r="F22495" s="1" t="s">
        <v>80560</v>
      </c>
      <c r="G22495" s="1" t="s">
        <v>80486</v>
      </c>
      <c r="H22495" s="1" t="s">
        <v>80487</v>
      </c>
      <c r="I22495" s="1" t="s">
        <v>75467</v>
      </c>
      <c r="J22495" s="1" t="s">
        <v>80561</v>
      </c>
    </row>
    <row r="22496" spans="1:10" x14ac:dyDescent="0.35">
      <c r="A22496" s="1" t="s">
        <v>3549</v>
      </c>
      <c r="B22496" s="1" t="s">
        <v>75461</v>
      </c>
      <c r="C22496" s="1" t="s">
        <v>115</v>
      </c>
      <c r="D22496" s="1" t="s">
        <v>80562</v>
      </c>
      <c r="E22496" s="1" t="s">
        <v>80563</v>
      </c>
      <c r="F22496" s="1" t="s">
        <v>80564</v>
      </c>
      <c r="G22496" s="1" t="s">
        <v>80486</v>
      </c>
      <c r="H22496" s="1" t="s">
        <v>80487</v>
      </c>
      <c r="I22496" s="1" t="s">
        <v>75467</v>
      </c>
      <c r="J22496" s="1" t="s">
        <v>80565</v>
      </c>
    </row>
    <row r="22497" spans="1:10" x14ac:dyDescent="0.35">
      <c r="A22497" s="1" t="s">
        <v>3549</v>
      </c>
      <c r="B22497" s="1" t="s">
        <v>75461</v>
      </c>
      <c r="C22497" s="1" t="s">
        <v>120</v>
      </c>
      <c r="D22497" s="1" t="s">
        <v>80566</v>
      </c>
      <c r="E22497" s="1" t="s">
        <v>80567</v>
      </c>
      <c r="F22497" s="1" t="s">
        <v>80568</v>
      </c>
      <c r="G22497" s="1" t="s">
        <v>80486</v>
      </c>
      <c r="H22497" s="1" t="s">
        <v>80487</v>
      </c>
      <c r="I22497" s="1" t="s">
        <v>75467</v>
      </c>
      <c r="J22497" s="1" t="s">
        <v>80569</v>
      </c>
    </row>
    <row r="22498" spans="1:10" x14ac:dyDescent="0.35">
      <c r="A22498" s="1" t="s">
        <v>3549</v>
      </c>
      <c r="B22498" s="1" t="s">
        <v>75461</v>
      </c>
      <c r="C22498" s="1" t="s">
        <v>125</v>
      </c>
      <c r="D22498" s="1" t="s">
        <v>80570</v>
      </c>
      <c r="E22498" s="1" t="s">
        <v>80571</v>
      </c>
      <c r="F22498" s="1" t="s">
        <v>80572</v>
      </c>
      <c r="G22498" s="1" t="s">
        <v>80486</v>
      </c>
      <c r="H22498" s="1" t="s">
        <v>80487</v>
      </c>
      <c r="I22498" s="1" t="s">
        <v>75467</v>
      </c>
      <c r="J22498" s="1" t="s">
        <v>80573</v>
      </c>
    </row>
    <row r="22499" spans="1:10" x14ac:dyDescent="0.35">
      <c r="A22499" s="1" t="s">
        <v>3549</v>
      </c>
      <c r="B22499" s="1" t="s">
        <v>75461</v>
      </c>
      <c r="C22499" s="1" t="s">
        <v>130</v>
      </c>
      <c r="D22499" s="1" t="s">
        <v>58897</v>
      </c>
      <c r="E22499" s="1" t="s">
        <v>80574</v>
      </c>
      <c r="F22499" s="1" t="s">
        <v>80575</v>
      </c>
      <c r="G22499" s="1" t="s">
        <v>80486</v>
      </c>
      <c r="H22499" s="1" t="s">
        <v>80487</v>
      </c>
      <c r="I22499" s="1" t="s">
        <v>75467</v>
      </c>
      <c r="J22499" s="1" t="s">
        <v>80576</v>
      </c>
    </row>
    <row r="22500" spans="1:10" x14ac:dyDescent="0.35">
      <c r="A22500" s="1" t="s">
        <v>3549</v>
      </c>
      <c r="B22500" s="1" t="s">
        <v>75461</v>
      </c>
      <c r="C22500" s="1" t="s">
        <v>135</v>
      </c>
      <c r="D22500" s="1" t="s">
        <v>80577</v>
      </c>
      <c r="E22500" s="1" t="s">
        <v>80578</v>
      </c>
      <c r="F22500" s="1" t="s">
        <v>80579</v>
      </c>
      <c r="G22500" s="1" t="s">
        <v>80486</v>
      </c>
      <c r="H22500" s="1" t="s">
        <v>80487</v>
      </c>
      <c r="I22500" s="1" t="s">
        <v>75467</v>
      </c>
      <c r="J22500" s="1" t="s">
        <v>80580</v>
      </c>
    </row>
    <row r="22501" spans="1:10" x14ac:dyDescent="0.35">
      <c r="A22501" s="1" t="s">
        <v>3549</v>
      </c>
      <c r="B22501" s="1" t="s">
        <v>75461</v>
      </c>
      <c r="C22501" s="1" t="s">
        <v>140</v>
      </c>
      <c r="D22501" s="1" t="s">
        <v>80581</v>
      </c>
      <c r="E22501" s="1" t="s">
        <v>80582</v>
      </c>
      <c r="F22501" s="1" t="s">
        <v>80583</v>
      </c>
      <c r="G22501" s="1" t="s">
        <v>80486</v>
      </c>
      <c r="H22501" s="1" t="s">
        <v>80487</v>
      </c>
      <c r="I22501" s="1" t="s">
        <v>75467</v>
      </c>
      <c r="J22501" s="1" t="s">
        <v>80584</v>
      </c>
    </row>
    <row r="22502" spans="1:10" x14ac:dyDescent="0.35">
      <c r="A22502" s="1" t="s">
        <v>3549</v>
      </c>
      <c r="B22502" s="1" t="s">
        <v>75461</v>
      </c>
      <c r="C22502" s="1" t="s">
        <v>145</v>
      </c>
      <c r="D22502" s="1" t="s">
        <v>77645</v>
      </c>
      <c r="E22502" s="1" t="s">
        <v>80585</v>
      </c>
      <c r="F22502" s="1" t="s">
        <v>80586</v>
      </c>
      <c r="G22502" s="1" t="s">
        <v>80486</v>
      </c>
      <c r="H22502" s="1" t="s">
        <v>80487</v>
      </c>
      <c r="I22502" s="1" t="s">
        <v>75467</v>
      </c>
      <c r="J22502" s="1" t="s">
        <v>80587</v>
      </c>
    </row>
    <row r="22503" spans="1:10" x14ac:dyDescent="0.35">
      <c r="A22503" s="1" t="s">
        <v>3549</v>
      </c>
      <c r="B22503" s="1" t="s">
        <v>75461</v>
      </c>
      <c r="C22503" s="1" t="s">
        <v>150</v>
      </c>
      <c r="D22503" s="1" t="s">
        <v>66302</v>
      </c>
      <c r="E22503" s="1" t="s">
        <v>80588</v>
      </c>
      <c r="F22503" s="1" t="s">
        <v>80589</v>
      </c>
      <c r="G22503" s="1" t="s">
        <v>80486</v>
      </c>
      <c r="H22503" s="1" t="s">
        <v>80487</v>
      </c>
      <c r="I22503" s="1" t="s">
        <v>75467</v>
      </c>
      <c r="J22503" s="1" t="s">
        <v>80590</v>
      </c>
    </row>
    <row r="22504" spans="1:10" x14ac:dyDescent="0.35">
      <c r="A22504" s="1" t="s">
        <v>3549</v>
      </c>
      <c r="B22504" s="1" t="s">
        <v>75461</v>
      </c>
      <c r="C22504" s="1" t="s">
        <v>155</v>
      </c>
      <c r="D22504" s="1" t="s">
        <v>80591</v>
      </c>
      <c r="E22504" s="1" t="s">
        <v>80592</v>
      </c>
      <c r="F22504" s="1" t="s">
        <v>80593</v>
      </c>
      <c r="G22504" s="1" t="s">
        <v>80486</v>
      </c>
      <c r="H22504" s="1" t="s">
        <v>80487</v>
      </c>
      <c r="I22504" s="1" t="s">
        <v>75467</v>
      </c>
      <c r="J22504" s="1" t="s">
        <v>80594</v>
      </c>
    </row>
    <row r="22505" spans="1:10" x14ac:dyDescent="0.35">
      <c r="A22505" s="1" t="s">
        <v>3549</v>
      </c>
      <c r="B22505" s="1" t="s">
        <v>75461</v>
      </c>
      <c r="C22505" s="1" t="s">
        <v>160</v>
      </c>
      <c r="D22505" s="1" t="s">
        <v>80595</v>
      </c>
      <c r="E22505" s="1" t="s">
        <v>80596</v>
      </c>
      <c r="F22505" s="1" t="s">
        <v>80597</v>
      </c>
      <c r="G22505" s="1" t="s">
        <v>80486</v>
      </c>
      <c r="H22505" s="1" t="s">
        <v>80487</v>
      </c>
      <c r="I22505" s="1" t="s">
        <v>75467</v>
      </c>
      <c r="J22505" s="1" t="s">
        <v>80598</v>
      </c>
    </row>
    <row r="22506" spans="1:10" x14ac:dyDescent="0.35">
      <c r="A22506" s="1" t="s">
        <v>3549</v>
      </c>
      <c r="B22506" s="1" t="s">
        <v>75461</v>
      </c>
      <c r="C22506" s="1" t="s">
        <v>165</v>
      </c>
      <c r="D22506" s="1" t="s">
        <v>80599</v>
      </c>
      <c r="E22506" s="1" t="s">
        <v>80600</v>
      </c>
      <c r="F22506" s="1" t="s">
        <v>80601</v>
      </c>
      <c r="G22506" s="1" t="s">
        <v>80486</v>
      </c>
      <c r="H22506" s="1" t="s">
        <v>80487</v>
      </c>
      <c r="I22506" s="1" t="s">
        <v>75467</v>
      </c>
      <c r="J22506" s="1" t="s">
        <v>80602</v>
      </c>
    </row>
    <row r="22507" spans="1:10" x14ac:dyDescent="0.35">
      <c r="A22507" s="1" t="s">
        <v>3549</v>
      </c>
      <c r="B22507" s="1" t="s">
        <v>75461</v>
      </c>
      <c r="C22507" s="1" t="s">
        <v>170</v>
      </c>
      <c r="D22507" s="1" t="s">
        <v>80603</v>
      </c>
      <c r="E22507" s="1" t="s">
        <v>80604</v>
      </c>
      <c r="F22507" s="1" t="s">
        <v>80605</v>
      </c>
      <c r="G22507" s="1" t="s">
        <v>80486</v>
      </c>
      <c r="H22507" s="1" t="s">
        <v>80487</v>
      </c>
      <c r="I22507" s="1" t="s">
        <v>75467</v>
      </c>
      <c r="J22507" s="1" t="s">
        <v>80606</v>
      </c>
    </row>
    <row r="22508" spans="1:10" x14ac:dyDescent="0.35">
      <c r="A22508" s="1" t="s">
        <v>80607</v>
      </c>
      <c r="B22508" s="1" t="s">
        <v>75461</v>
      </c>
      <c r="C22508" s="1" t="s">
        <v>8</v>
      </c>
      <c r="D22508" s="1" t="s">
        <v>64221</v>
      </c>
      <c r="E22508" s="1" t="s">
        <v>80608</v>
      </c>
      <c r="F22508" s="1" t="s">
        <v>80609</v>
      </c>
      <c r="G22508" s="1" t="s">
        <v>80610</v>
      </c>
      <c r="H22508" s="1" t="s">
        <v>80611</v>
      </c>
      <c r="I22508" s="1" t="s">
        <v>75467</v>
      </c>
      <c r="J22508" s="1" t="s">
        <v>13</v>
      </c>
    </row>
    <row r="22509" spans="1:10" x14ac:dyDescent="0.35">
      <c r="A22509" s="1" t="s">
        <v>80607</v>
      </c>
      <c r="B22509" s="1" t="s">
        <v>75461</v>
      </c>
      <c r="C22509" s="1" t="s">
        <v>15</v>
      </c>
      <c r="D22509" s="1" t="s">
        <v>80612</v>
      </c>
      <c r="E22509" s="1" t="s">
        <v>80613</v>
      </c>
      <c r="F22509" s="1" t="s">
        <v>80614</v>
      </c>
      <c r="G22509" s="1" t="s">
        <v>80610</v>
      </c>
      <c r="H22509" s="1" t="s">
        <v>80611</v>
      </c>
      <c r="I22509" s="1" t="s">
        <v>75467</v>
      </c>
      <c r="J22509" s="1" t="s">
        <v>80615</v>
      </c>
    </row>
    <row r="22510" spans="1:10" x14ac:dyDescent="0.35">
      <c r="A22510" s="1" t="s">
        <v>80607</v>
      </c>
      <c r="B22510" s="1" t="s">
        <v>75461</v>
      </c>
      <c r="C22510" s="1" t="s">
        <v>20</v>
      </c>
      <c r="D22510" s="1" t="s">
        <v>80616</v>
      </c>
      <c r="E22510" s="1" t="s">
        <v>80617</v>
      </c>
      <c r="F22510" s="1" t="s">
        <v>80618</v>
      </c>
      <c r="G22510" s="1" t="s">
        <v>80610</v>
      </c>
      <c r="H22510" s="1" t="s">
        <v>80611</v>
      </c>
      <c r="I22510" s="1" t="s">
        <v>75467</v>
      </c>
      <c r="J22510" s="1" t="s">
        <v>80619</v>
      </c>
    </row>
    <row r="22511" spans="1:10" x14ac:dyDescent="0.35">
      <c r="A22511" s="1" t="s">
        <v>80607</v>
      </c>
      <c r="B22511" s="1" t="s">
        <v>75461</v>
      </c>
      <c r="C22511" s="1" t="s">
        <v>25</v>
      </c>
      <c r="D22511" s="1" t="s">
        <v>80620</v>
      </c>
      <c r="E22511" s="1" t="s">
        <v>80621</v>
      </c>
      <c r="F22511" s="1" t="s">
        <v>80622</v>
      </c>
      <c r="G22511" s="1" t="s">
        <v>80610</v>
      </c>
      <c r="H22511" s="1" t="s">
        <v>80611</v>
      </c>
      <c r="I22511" s="1" t="s">
        <v>75467</v>
      </c>
      <c r="J22511" s="1" t="s">
        <v>80623</v>
      </c>
    </row>
    <row r="22512" spans="1:10" x14ac:dyDescent="0.35">
      <c r="A22512" s="1" t="s">
        <v>80607</v>
      </c>
      <c r="B22512" s="1" t="s">
        <v>75461</v>
      </c>
      <c r="C22512" s="1" t="s">
        <v>30</v>
      </c>
      <c r="D22512" s="1" t="s">
        <v>53818</v>
      </c>
      <c r="E22512" s="1" t="s">
        <v>80624</v>
      </c>
      <c r="F22512" s="1" t="s">
        <v>80625</v>
      </c>
      <c r="G22512" s="1" t="s">
        <v>80610</v>
      </c>
      <c r="H22512" s="1" t="s">
        <v>80611</v>
      </c>
      <c r="I22512" s="1" t="s">
        <v>75467</v>
      </c>
      <c r="J22512" s="1" t="s">
        <v>80626</v>
      </c>
    </row>
    <row r="22513" spans="1:10" x14ac:dyDescent="0.35">
      <c r="A22513" s="1" t="s">
        <v>80607</v>
      </c>
      <c r="B22513" s="1" t="s">
        <v>75461</v>
      </c>
      <c r="C22513" s="1" t="s">
        <v>35</v>
      </c>
      <c r="D22513" s="1" t="s">
        <v>80627</v>
      </c>
      <c r="E22513" s="1" t="s">
        <v>80628</v>
      </c>
      <c r="F22513" s="1" t="s">
        <v>80629</v>
      </c>
      <c r="G22513" s="1" t="s">
        <v>80610</v>
      </c>
      <c r="H22513" s="1" t="s">
        <v>80611</v>
      </c>
      <c r="I22513" s="1" t="s">
        <v>75467</v>
      </c>
      <c r="J22513" s="1" t="s">
        <v>80630</v>
      </c>
    </row>
    <row r="22514" spans="1:10" x14ac:dyDescent="0.35">
      <c r="A22514" s="1" t="s">
        <v>80607</v>
      </c>
      <c r="B22514" s="1" t="s">
        <v>75461</v>
      </c>
      <c r="C22514" s="1" t="s">
        <v>40</v>
      </c>
      <c r="D22514" s="1" t="s">
        <v>80631</v>
      </c>
      <c r="E22514" s="1" t="s">
        <v>80632</v>
      </c>
      <c r="F22514" s="1" t="s">
        <v>80633</v>
      </c>
      <c r="G22514" s="1" t="s">
        <v>80610</v>
      </c>
      <c r="H22514" s="1" t="s">
        <v>80611</v>
      </c>
      <c r="I22514" s="1" t="s">
        <v>75467</v>
      </c>
      <c r="J22514" s="1" t="s">
        <v>80634</v>
      </c>
    </row>
    <row r="22515" spans="1:10" x14ac:dyDescent="0.35">
      <c r="A22515" s="1" t="s">
        <v>80607</v>
      </c>
      <c r="B22515" s="1" t="s">
        <v>75461</v>
      </c>
      <c r="C22515" s="1" t="s">
        <v>45</v>
      </c>
      <c r="D22515" s="1" t="s">
        <v>80635</v>
      </c>
      <c r="E22515" s="1" t="s">
        <v>80636</v>
      </c>
      <c r="F22515" s="1" t="s">
        <v>80637</v>
      </c>
      <c r="G22515" s="1" t="s">
        <v>80610</v>
      </c>
      <c r="H22515" s="1" t="s">
        <v>80611</v>
      </c>
      <c r="I22515" s="1" t="s">
        <v>75467</v>
      </c>
      <c r="J22515" s="1" t="s">
        <v>80638</v>
      </c>
    </row>
    <row r="22516" spans="1:10" x14ac:dyDescent="0.35">
      <c r="A22516" s="1" t="s">
        <v>80607</v>
      </c>
      <c r="B22516" s="1" t="s">
        <v>75461</v>
      </c>
      <c r="C22516" s="1" t="s">
        <v>50</v>
      </c>
      <c r="D22516" s="1" t="s">
        <v>80639</v>
      </c>
      <c r="E22516" s="1" t="s">
        <v>80640</v>
      </c>
      <c r="F22516" s="1" t="s">
        <v>80641</v>
      </c>
      <c r="G22516" s="1" t="s">
        <v>80610</v>
      </c>
      <c r="H22516" s="1" t="s">
        <v>80611</v>
      </c>
      <c r="I22516" s="1" t="s">
        <v>75467</v>
      </c>
      <c r="J22516" s="1" t="s">
        <v>80642</v>
      </c>
    </row>
    <row r="22517" spans="1:10" x14ac:dyDescent="0.35">
      <c r="A22517" s="1" t="s">
        <v>80607</v>
      </c>
      <c r="B22517" s="1" t="s">
        <v>75461</v>
      </c>
      <c r="C22517" s="1" t="s">
        <v>55</v>
      </c>
      <c r="D22517" s="1" t="s">
        <v>80643</v>
      </c>
      <c r="E22517" s="1" t="s">
        <v>80644</v>
      </c>
      <c r="F22517" s="1" t="s">
        <v>80645</v>
      </c>
      <c r="G22517" s="1" t="s">
        <v>80610</v>
      </c>
      <c r="H22517" s="1" t="s">
        <v>80611</v>
      </c>
      <c r="I22517" s="1" t="s">
        <v>75467</v>
      </c>
      <c r="J22517" s="1" t="s">
        <v>80646</v>
      </c>
    </row>
    <row r="22518" spans="1:10" x14ac:dyDescent="0.35">
      <c r="A22518" s="1" t="s">
        <v>80607</v>
      </c>
      <c r="B22518" s="1" t="s">
        <v>75461</v>
      </c>
      <c r="C22518" s="1" t="s">
        <v>60</v>
      </c>
      <c r="D22518" s="1" t="s">
        <v>80647</v>
      </c>
      <c r="E22518" s="1" t="s">
        <v>80648</v>
      </c>
      <c r="F22518" s="1" t="s">
        <v>80649</v>
      </c>
      <c r="G22518" s="1" t="s">
        <v>80610</v>
      </c>
      <c r="H22518" s="1" t="s">
        <v>80611</v>
      </c>
      <c r="I22518" s="1" t="s">
        <v>75467</v>
      </c>
      <c r="J22518" s="1" t="s">
        <v>80650</v>
      </c>
    </row>
    <row r="22519" spans="1:10" x14ac:dyDescent="0.35">
      <c r="A22519" s="1" t="s">
        <v>80607</v>
      </c>
      <c r="B22519" s="1" t="s">
        <v>75461</v>
      </c>
      <c r="C22519" s="1" t="s">
        <v>65</v>
      </c>
      <c r="D22519" s="1" t="s">
        <v>80651</v>
      </c>
      <c r="E22519" s="1" t="s">
        <v>80652</v>
      </c>
      <c r="F22519" s="1" t="s">
        <v>80653</v>
      </c>
      <c r="G22519" s="1" t="s">
        <v>80610</v>
      </c>
      <c r="H22519" s="1" t="s">
        <v>80611</v>
      </c>
      <c r="I22519" s="1" t="s">
        <v>75467</v>
      </c>
      <c r="J22519" s="1" t="s">
        <v>80654</v>
      </c>
    </row>
    <row r="22520" spans="1:10" x14ac:dyDescent="0.35">
      <c r="A22520" s="1" t="s">
        <v>80607</v>
      </c>
      <c r="B22520" s="1" t="s">
        <v>75461</v>
      </c>
      <c r="C22520" s="1" t="s">
        <v>70</v>
      </c>
      <c r="D22520" s="1" t="s">
        <v>80655</v>
      </c>
      <c r="E22520" s="1" t="s">
        <v>80656</v>
      </c>
      <c r="F22520" s="1" t="s">
        <v>80657</v>
      </c>
      <c r="G22520" s="1" t="s">
        <v>80610</v>
      </c>
      <c r="H22520" s="1" t="s">
        <v>80611</v>
      </c>
      <c r="I22520" s="1" t="s">
        <v>75467</v>
      </c>
      <c r="J22520" s="1" t="s">
        <v>80658</v>
      </c>
    </row>
    <row r="22521" spans="1:10" x14ac:dyDescent="0.35">
      <c r="A22521" s="1" t="s">
        <v>80607</v>
      </c>
      <c r="B22521" s="1" t="s">
        <v>75461</v>
      </c>
      <c r="C22521" s="1" t="s">
        <v>75</v>
      </c>
      <c r="D22521" s="1" t="s">
        <v>80659</v>
      </c>
      <c r="E22521" s="1" t="s">
        <v>80660</v>
      </c>
      <c r="F22521" s="1" t="s">
        <v>80661</v>
      </c>
      <c r="G22521" s="1" t="s">
        <v>80610</v>
      </c>
      <c r="H22521" s="1" t="s">
        <v>80611</v>
      </c>
      <c r="I22521" s="1" t="s">
        <v>75467</v>
      </c>
      <c r="J22521" s="1" t="s">
        <v>80662</v>
      </c>
    </row>
    <row r="22522" spans="1:10" x14ac:dyDescent="0.35">
      <c r="A22522" s="1" t="s">
        <v>80607</v>
      </c>
      <c r="B22522" s="1" t="s">
        <v>75461</v>
      </c>
      <c r="C22522" s="1" t="s">
        <v>80</v>
      </c>
      <c r="D22522" s="1" t="s">
        <v>80663</v>
      </c>
      <c r="E22522" s="1" t="s">
        <v>80664</v>
      </c>
      <c r="F22522" s="1" t="s">
        <v>80665</v>
      </c>
      <c r="G22522" s="1" t="s">
        <v>80610</v>
      </c>
      <c r="H22522" s="1" t="s">
        <v>80611</v>
      </c>
      <c r="I22522" s="1" t="s">
        <v>75467</v>
      </c>
      <c r="J22522" s="1" t="s">
        <v>80666</v>
      </c>
    </row>
    <row r="22523" spans="1:10" x14ac:dyDescent="0.35">
      <c r="A22523" s="1" t="s">
        <v>80607</v>
      </c>
      <c r="B22523" s="1" t="s">
        <v>75461</v>
      </c>
      <c r="C22523" s="1" t="s">
        <v>85</v>
      </c>
      <c r="D22523" s="1" t="s">
        <v>80667</v>
      </c>
      <c r="E22523" s="1" t="s">
        <v>80668</v>
      </c>
      <c r="F22523" s="1" t="s">
        <v>80669</v>
      </c>
      <c r="G22523" s="1" t="s">
        <v>80610</v>
      </c>
      <c r="H22523" s="1" t="s">
        <v>80611</v>
      </c>
      <c r="I22523" s="1" t="s">
        <v>75467</v>
      </c>
      <c r="J22523" s="1" t="s">
        <v>80670</v>
      </c>
    </row>
    <row r="22524" spans="1:10" x14ac:dyDescent="0.35">
      <c r="A22524" s="1" t="s">
        <v>80607</v>
      </c>
      <c r="B22524" s="1" t="s">
        <v>75461</v>
      </c>
      <c r="C22524" s="1" t="s">
        <v>90</v>
      </c>
      <c r="D22524" s="1" t="s">
        <v>62122</v>
      </c>
      <c r="E22524" s="1" t="s">
        <v>80671</v>
      </c>
      <c r="F22524" s="1" t="s">
        <v>80672</v>
      </c>
      <c r="G22524" s="1" t="s">
        <v>80610</v>
      </c>
      <c r="H22524" s="1" t="s">
        <v>80611</v>
      </c>
      <c r="I22524" s="1" t="s">
        <v>75467</v>
      </c>
      <c r="J22524" s="1" t="s">
        <v>80673</v>
      </c>
    </row>
    <row r="22525" spans="1:10" x14ac:dyDescent="0.35">
      <c r="A22525" s="1" t="s">
        <v>80607</v>
      </c>
      <c r="B22525" s="1" t="s">
        <v>75461</v>
      </c>
      <c r="C22525" s="1" t="s">
        <v>95</v>
      </c>
      <c r="D22525" s="1" t="s">
        <v>80674</v>
      </c>
      <c r="E22525" s="1" t="s">
        <v>80675</v>
      </c>
      <c r="F22525" s="1" t="s">
        <v>80676</v>
      </c>
      <c r="G22525" s="1" t="s">
        <v>80610</v>
      </c>
      <c r="H22525" s="1" t="s">
        <v>80611</v>
      </c>
      <c r="I22525" s="1" t="s">
        <v>75467</v>
      </c>
      <c r="J22525" s="1" t="s">
        <v>80677</v>
      </c>
    </row>
    <row r="22526" spans="1:10" x14ac:dyDescent="0.35">
      <c r="A22526" s="1" t="s">
        <v>80607</v>
      </c>
      <c r="B22526" s="1" t="s">
        <v>75461</v>
      </c>
      <c r="C22526" s="1" t="s">
        <v>100</v>
      </c>
      <c r="D22526" s="1" t="s">
        <v>80678</v>
      </c>
      <c r="E22526" s="1" t="s">
        <v>80679</v>
      </c>
      <c r="F22526" s="1" t="s">
        <v>80680</v>
      </c>
      <c r="G22526" s="1" t="s">
        <v>80610</v>
      </c>
      <c r="H22526" s="1" t="s">
        <v>80611</v>
      </c>
      <c r="I22526" s="1" t="s">
        <v>75467</v>
      </c>
      <c r="J22526" s="1" t="s">
        <v>80681</v>
      </c>
    </row>
    <row r="22527" spans="1:10" x14ac:dyDescent="0.35">
      <c r="A22527" s="1" t="s">
        <v>80607</v>
      </c>
      <c r="B22527" s="1" t="s">
        <v>75461</v>
      </c>
      <c r="C22527" s="1" t="s">
        <v>105</v>
      </c>
      <c r="D22527" s="1" t="s">
        <v>80682</v>
      </c>
      <c r="E22527" s="1" t="s">
        <v>80683</v>
      </c>
      <c r="F22527" s="1" t="s">
        <v>80684</v>
      </c>
      <c r="G22527" s="1" t="s">
        <v>80610</v>
      </c>
      <c r="H22527" s="1" t="s">
        <v>80611</v>
      </c>
      <c r="I22527" s="1" t="s">
        <v>75467</v>
      </c>
      <c r="J22527" s="1" t="s">
        <v>80685</v>
      </c>
    </row>
    <row r="22528" spans="1:10" x14ac:dyDescent="0.35">
      <c r="A22528" s="1" t="s">
        <v>80607</v>
      </c>
      <c r="B22528" s="1" t="s">
        <v>75461</v>
      </c>
      <c r="C22528" s="1" t="s">
        <v>110</v>
      </c>
      <c r="D22528" s="1" t="s">
        <v>80686</v>
      </c>
      <c r="E22528" s="1" t="s">
        <v>80687</v>
      </c>
      <c r="F22528" s="1" t="s">
        <v>80688</v>
      </c>
      <c r="G22528" s="1" t="s">
        <v>80610</v>
      </c>
      <c r="H22528" s="1" t="s">
        <v>80611</v>
      </c>
      <c r="I22528" s="1" t="s">
        <v>75467</v>
      </c>
      <c r="J22528" s="1" t="s">
        <v>80689</v>
      </c>
    </row>
    <row r="22529" spans="1:10" x14ac:dyDescent="0.35">
      <c r="A22529" s="1" t="s">
        <v>80607</v>
      </c>
      <c r="B22529" s="1" t="s">
        <v>75461</v>
      </c>
      <c r="C22529" s="1" t="s">
        <v>115</v>
      </c>
      <c r="D22529" s="1" t="s">
        <v>80690</v>
      </c>
      <c r="E22529" s="1" t="s">
        <v>80691</v>
      </c>
      <c r="F22529" s="1" t="s">
        <v>80692</v>
      </c>
      <c r="G22529" s="1" t="s">
        <v>80610</v>
      </c>
      <c r="H22529" s="1" t="s">
        <v>80611</v>
      </c>
      <c r="I22529" s="1" t="s">
        <v>75467</v>
      </c>
      <c r="J22529" s="1" t="s">
        <v>80693</v>
      </c>
    </row>
    <row r="22530" spans="1:10" x14ac:dyDescent="0.35">
      <c r="A22530" s="1" t="s">
        <v>80607</v>
      </c>
      <c r="B22530" s="1" t="s">
        <v>75461</v>
      </c>
      <c r="C22530" s="1" t="s">
        <v>120</v>
      </c>
      <c r="D22530" s="1" t="s">
        <v>68222</v>
      </c>
      <c r="E22530" s="1" t="s">
        <v>80694</v>
      </c>
      <c r="F22530" s="1" t="s">
        <v>80695</v>
      </c>
      <c r="G22530" s="1" t="s">
        <v>80610</v>
      </c>
      <c r="H22530" s="1" t="s">
        <v>80611</v>
      </c>
      <c r="I22530" s="1" t="s">
        <v>75467</v>
      </c>
      <c r="J22530" s="1" t="s">
        <v>80696</v>
      </c>
    </row>
    <row r="22531" spans="1:10" x14ac:dyDescent="0.35">
      <c r="A22531" s="1" t="s">
        <v>80607</v>
      </c>
      <c r="B22531" s="1" t="s">
        <v>75461</v>
      </c>
      <c r="C22531" s="1" t="s">
        <v>125</v>
      </c>
      <c r="D22531" s="1" t="s">
        <v>80697</v>
      </c>
      <c r="E22531" s="1" t="s">
        <v>80698</v>
      </c>
      <c r="F22531" s="1" t="s">
        <v>80699</v>
      </c>
      <c r="G22531" s="1" t="s">
        <v>80610</v>
      </c>
      <c r="H22531" s="1" t="s">
        <v>80611</v>
      </c>
      <c r="I22531" s="1" t="s">
        <v>75467</v>
      </c>
      <c r="J22531" s="1" t="s">
        <v>80700</v>
      </c>
    </row>
    <row r="22532" spans="1:10" x14ac:dyDescent="0.35">
      <c r="A22532" s="1" t="s">
        <v>80607</v>
      </c>
      <c r="B22532" s="1" t="s">
        <v>75461</v>
      </c>
      <c r="C22532" s="1" t="s">
        <v>130</v>
      </c>
      <c r="D22532" s="1" t="s">
        <v>80701</v>
      </c>
      <c r="E22532" s="1" t="s">
        <v>80702</v>
      </c>
      <c r="F22532" s="1" t="s">
        <v>80703</v>
      </c>
      <c r="G22532" s="1" t="s">
        <v>80610</v>
      </c>
      <c r="H22532" s="1" t="s">
        <v>80611</v>
      </c>
      <c r="I22532" s="1" t="s">
        <v>75467</v>
      </c>
      <c r="J22532" s="1" t="s">
        <v>80704</v>
      </c>
    </row>
    <row r="22533" spans="1:10" x14ac:dyDescent="0.35">
      <c r="A22533" s="1" t="s">
        <v>80607</v>
      </c>
      <c r="B22533" s="1" t="s">
        <v>75461</v>
      </c>
      <c r="C22533" s="1" t="s">
        <v>135</v>
      </c>
      <c r="D22533" s="1" t="s">
        <v>80705</v>
      </c>
      <c r="E22533" s="1" t="s">
        <v>80706</v>
      </c>
      <c r="F22533" s="1" t="s">
        <v>80707</v>
      </c>
      <c r="G22533" s="1" t="s">
        <v>80610</v>
      </c>
      <c r="H22533" s="1" t="s">
        <v>80611</v>
      </c>
      <c r="I22533" s="1" t="s">
        <v>75467</v>
      </c>
      <c r="J22533" s="1" t="s">
        <v>80708</v>
      </c>
    </row>
    <row r="22534" spans="1:10" x14ac:dyDescent="0.35">
      <c r="A22534" s="1" t="s">
        <v>80607</v>
      </c>
      <c r="B22534" s="1" t="s">
        <v>75461</v>
      </c>
      <c r="C22534" s="1" t="s">
        <v>140</v>
      </c>
      <c r="D22534" s="1" t="s">
        <v>80709</v>
      </c>
      <c r="E22534" s="1" t="s">
        <v>80710</v>
      </c>
      <c r="F22534" s="1" t="s">
        <v>80711</v>
      </c>
      <c r="G22534" s="1" t="s">
        <v>80610</v>
      </c>
      <c r="H22534" s="1" t="s">
        <v>80611</v>
      </c>
      <c r="I22534" s="1" t="s">
        <v>75467</v>
      </c>
      <c r="J22534" s="1" t="s">
        <v>80712</v>
      </c>
    </row>
    <row r="22535" spans="1:10" x14ac:dyDescent="0.35">
      <c r="A22535" s="1" t="s">
        <v>80607</v>
      </c>
      <c r="B22535" s="1" t="s">
        <v>75461</v>
      </c>
      <c r="C22535" s="1" t="s">
        <v>145</v>
      </c>
      <c r="D22535" s="1" t="s">
        <v>80713</v>
      </c>
      <c r="E22535" s="1" t="s">
        <v>80714</v>
      </c>
      <c r="F22535" s="1" t="s">
        <v>80715</v>
      </c>
      <c r="G22535" s="1" t="s">
        <v>80610</v>
      </c>
      <c r="H22535" s="1" t="s">
        <v>80611</v>
      </c>
      <c r="I22535" s="1" t="s">
        <v>75467</v>
      </c>
      <c r="J22535" s="1" t="s">
        <v>80716</v>
      </c>
    </row>
    <row r="22536" spans="1:10" x14ac:dyDescent="0.35">
      <c r="A22536" s="1" t="s">
        <v>80607</v>
      </c>
      <c r="B22536" s="1" t="s">
        <v>75461</v>
      </c>
      <c r="C22536" s="1" t="s">
        <v>150</v>
      </c>
      <c r="D22536" s="1" t="s">
        <v>80717</v>
      </c>
      <c r="E22536" s="1" t="s">
        <v>80718</v>
      </c>
      <c r="F22536" s="1" t="s">
        <v>80719</v>
      </c>
      <c r="G22536" s="1" t="s">
        <v>80610</v>
      </c>
      <c r="H22536" s="1" t="s">
        <v>80611</v>
      </c>
      <c r="I22536" s="1" t="s">
        <v>75467</v>
      </c>
      <c r="J22536" s="1" t="s">
        <v>80720</v>
      </c>
    </row>
    <row r="22537" spans="1:10" x14ac:dyDescent="0.35">
      <c r="A22537" s="1" t="s">
        <v>80607</v>
      </c>
      <c r="B22537" s="1" t="s">
        <v>75461</v>
      </c>
      <c r="C22537" s="1" t="s">
        <v>155</v>
      </c>
      <c r="D22537" s="1" t="s">
        <v>80721</v>
      </c>
      <c r="E22537" s="1" t="s">
        <v>80722</v>
      </c>
      <c r="F22537" s="1" t="s">
        <v>80723</v>
      </c>
      <c r="G22537" s="1" t="s">
        <v>80610</v>
      </c>
      <c r="H22537" s="1" t="s">
        <v>80611</v>
      </c>
      <c r="I22537" s="1" t="s">
        <v>75467</v>
      </c>
      <c r="J22537" s="1" t="s">
        <v>80724</v>
      </c>
    </row>
    <row r="22538" spans="1:10" x14ac:dyDescent="0.35">
      <c r="A22538" s="1" t="s">
        <v>80607</v>
      </c>
      <c r="B22538" s="1" t="s">
        <v>75461</v>
      </c>
      <c r="C22538" s="1" t="s">
        <v>160</v>
      </c>
      <c r="D22538" s="1" t="s">
        <v>59315</v>
      </c>
      <c r="E22538" s="1" t="s">
        <v>80725</v>
      </c>
      <c r="F22538" s="1" t="s">
        <v>80726</v>
      </c>
      <c r="G22538" s="1" t="s">
        <v>80610</v>
      </c>
      <c r="H22538" s="1" t="s">
        <v>80611</v>
      </c>
      <c r="I22538" s="1" t="s">
        <v>75467</v>
      </c>
      <c r="J22538" s="1" t="s">
        <v>80727</v>
      </c>
    </row>
    <row r="22539" spans="1:10" x14ac:dyDescent="0.35">
      <c r="A22539" s="1" t="s">
        <v>80607</v>
      </c>
      <c r="B22539" s="1" t="s">
        <v>75461</v>
      </c>
      <c r="C22539" s="1" t="s">
        <v>165</v>
      </c>
      <c r="D22539" s="1" t="s">
        <v>56116</v>
      </c>
      <c r="E22539" s="1" t="s">
        <v>80728</v>
      </c>
      <c r="F22539" s="1" t="s">
        <v>80729</v>
      </c>
      <c r="G22539" s="1" t="s">
        <v>80610</v>
      </c>
      <c r="H22539" s="1" t="s">
        <v>80611</v>
      </c>
      <c r="I22539" s="1" t="s">
        <v>75467</v>
      </c>
      <c r="J22539" s="1" t="s">
        <v>80730</v>
      </c>
    </row>
    <row r="22540" spans="1:10" x14ac:dyDescent="0.35">
      <c r="A22540" s="1" t="s">
        <v>80607</v>
      </c>
      <c r="B22540" s="1" t="s">
        <v>75461</v>
      </c>
      <c r="C22540" s="1" t="s">
        <v>170</v>
      </c>
      <c r="D22540" s="1" t="s">
        <v>78313</v>
      </c>
      <c r="E22540" s="1" t="s">
        <v>80731</v>
      </c>
      <c r="F22540" s="1" t="s">
        <v>80732</v>
      </c>
      <c r="G22540" s="1" t="s">
        <v>80610</v>
      </c>
      <c r="H22540" s="1" t="s">
        <v>80611</v>
      </c>
      <c r="I22540" s="1" t="s">
        <v>75467</v>
      </c>
      <c r="J22540" s="1" t="s">
        <v>80733</v>
      </c>
    </row>
    <row r="22541" spans="1:10" x14ac:dyDescent="0.35">
      <c r="A22541" s="1" t="s">
        <v>80734</v>
      </c>
      <c r="B22541" s="1" t="s">
        <v>75461</v>
      </c>
      <c r="C22541" s="1" t="s">
        <v>8</v>
      </c>
      <c r="D22541" s="1" t="s">
        <v>80735</v>
      </c>
      <c r="E22541" s="1" t="s">
        <v>80736</v>
      </c>
      <c r="F22541" s="1" t="s">
        <v>80737</v>
      </c>
      <c r="G22541" s="1" t="s">
        <v>80738</v>
      </c>
      <c r="H22541" s="1" t="s">
        <v>80739</v>
      </c>
      <c r="I22541" s="1" t="s">
        <v>75467</v>
      </c>
      <c r="J22541" s="1" t="s">
        <v>13</v>
      </c>
    </row>
    <row r="22542" spans="1:10" x14ac:dyDescent="0.35">
      <c r="A22542" s="1" t="s">
        <v>80734</v>
      </c>
      <c r="B22542" s="1" t="s">
        <v>75461</v>
      </c>
      <c r="C22542" s="1" t="s">
        <v>15</v>
      </c>
      <c r="D22542" s="1" t="s">
        <v>53910</v>
      </c>
      <c r="E22542" s="1" t="s">
        <v>80740</v>
      </c>
      <c r="F22542" s="1" t="s">
        <v>80741</v>
      </c>
      <c r="G22542" s="1" t="s">
        <v>80738</v>
      </c>
      <c r="H22542" s="1" t="s">
        <v>80739</v>
      </c>
      <c r="I22542" s="1" t="s">
        <v>75467</v>
      </c>
      <c r="J22542" s="1" t="s">
        <v>80742</v>
      </c>
    </row>
    <row r="22543" spans="1:10" x14ac:dyDescent="0.35">
      <c r="A22543" s="1" t="s">
        <v>80734</v>
      </c>
      <c r="B22543" s="1" t="s">
        <v>75461</v>
      </c>
      <c r="C22543" s="1" t="s">
        <v>20</v>
      </c>
      <c r="D22543" s="1" t="s">
        <v>80743</v>
      </c>
      <c r="E22543" s="1" t="s">
        <v>80744</v>
      </c>
      <c r="F22543" s="1" t="s">
        <v>80745</v>
      </c>
      <c r="G22543" s="1" t="s">
        <v>80738</v>
      </c>
      <c r="H22543" s="1" t="s">
        <v>80739</v>
      </c>
      <c r="I22543" s="1" t="s">
        <v>75467</v>
      </c>
      <c r="J22543" s="1" t="s">
        <v>80746</v>
      </c>
    </row>
    <row r="22544" spans="1:10" x14ac:dyDescent="0.35">
      <c r="A22544" s="1" t="s">
        <v>80734</v>
      </c>
      <c r="B22544" s="1" t="s">
        <v>75461</v>
      </c>
      <c r="C22544" s="1" t="s">
        <v>25</v>
      </c>
      <c r="D22544" s="1" t="s">
        <v>21994</v>
      </c>
      <c r="E22544" s="1" t="s">
        <v>80747</v>
      </c>
      <c r="F22544" s="1" t="s">
        <v>80748</v>
      </c>
      <c r="G22544" s="1" t="s">
        <v>80738</v>
      </c>
      <c r="H22544" s="1" t="s">
        <v>80739</v>
      </c>
      <c r="I22544" s="1" t="s">
        <v>75467</v>
      </c>
      <c r="J22544" s="1" t="s">
        <v>80749</v>
      </c>
    </row>
    <row r="22545" spans="1:10" x14ac:dyDescent="0.35">
      <c r="A22545" s="1" t="s">
        <v>80734</v>
      </c>
      <c r="B22545" s="1" t="s">
        <v>75461</v>
      </c>
      <c r="C22545" s="1" t="s">
        <v>30</v>
      </c>
      <c r="D22545" s="1" t="s">
        <v>63633</v>
      </c>
      <c r="E22545" s="1" t="s">
        <v>80750</v>
      </c>
      <c r="F22545" s="1" t="s">
        <v>80751</v>
      </c>
      <c r="G22545" s="1" t="s">
        <v>80738</v>
      </c>
      <c r="H22545" s="1" t="s">
        <v>80739</v>
      </c>
      <c r="I22545" s="1" t="s">
        <v>75467</v>
      </c>
      <c r="J22545" s="1" t="s">
        <v>80752</v>
      </c>
    </row>
    <row r="22546" spans="1:10" x14ac:dyDescent="0.35">
      <c r="A22546" s="1" t="s">
        <v>80734</v>
      </c>
      <c r="B22546" s="1" t="s">
        <v>75461</v>
      </c>
      <c r="C22546" s="1" t="s">
        <v>35</v>
      </c>
      <c r="D22546" s="1" t="s">
        <v>80753</v>
      </c>
      <c r="E22546" s="1" t="s">
        <v>80754</v>
      </c>
      <c r="F22546" s="1" t="s">
        <v>80755</v>
      </c>
      <c r="G22546" s="1" t="s">
        <v>80738</v>
      </c>
      <c r="H22546" s="1" t="s">
        <v>80739</v>
      </c>
      <c r="I22546" s="1" t="s">
        <v>75467</v>
      </c>
      <c r="J22546" s="1" t="s">
        <v>80756</v>
      </c>
    </row>
    <row r="22547" spans="1:10" x14ac:dyDescent="0.35">
      <c r="A22547" s="1" t="s">
        <v>80734</v>
      </c>
      <c r="B22547" s="1" t="s">
        <v>75461</v>
      </c>
      <c r="C22547" s="1" t="s">
        <v>40</v>
      </c>
      <c r="D22547" s="1" t="s">
        <v>80757</v>
      </c>
      <c r="E22547" s="1" t="s">
        <v>80758</v>
      </c>
      <c r="F22547" s="1" t="s">
        <v>80759</v>
      </c>
      <c r="G22547" s="1" t="s">
        <v>80738</v>
      </c>
      <c r="H22547" s="1" t="s">
        <v>80739</v>
      </c>
      <c r="I22547" s="1" t="s">
        <v>75467</v>
      </c>
      <c r="J22547" s="1" t="s">
        <v>80760</v>
      </c>
    </row>
    <row r="22548" spans="1:10" x14ac:dyDescent="0.35">
      <c r="A22548" s="1" t="s">
        <v>80734</v>
      </c>
      <c r="B22548" s="1" t="s">
        <v>75461</v>
      </c>
      <c r="C22548" s="1" t="s">
        <v>45</v>
      </c>
      <c r="D22548" s="1" t="s">
        <v>80761</v>
      </c>
      <c r="E22548" s="1" t="s">
        <v>80762</v>
      </c>
      <c r="F22548" s="1" t="s">
        <v>80763</v>
      </c>
      <c r="G22548" s="1" t="s">
        <v>80738</v>
      </c>
      <c r="H22548" s="1" t="s">
        <v>80739</v>
      </c>
      <c r="I22548" s="1" t="s">
        <v>75467</v>
      </c>
      <c r="J22548" s="1" t="s">
        <v>80764</v>
      </c>
    </row>
    <row r="22549" spans="1:10" x14ac:dyDescent="0.35">
      <c r="A22549" s="1" t="s">
        <v>80734</v>
      </c>
      <c r="B22549" s="1" t="s">
        <v>75461</v>
      </c>
      <c r="C22549" s="1" t="s">
        <v>50</v>
      </c>
      <c r="D22549" s="1" t="s">
        <v>80765</v>
      </c>
      <c r="E22549" s="1" t="s">
        <v>80766</v>
      </c>
      <c r="F22549" s="1" t="s">
        <v>80767</v>
      </c>
      <c r="G22549" s="1" t="s">
        <v>80738</v>
      </c>
      <c r="H22549" s="1" t="s">
        <v>80739</v>
      </c>
      <c r="I22549" s="1" t="s">
        <v>75467</v>
      </c>
      <c r="J22549" s="1" t="s">
        <v>80768</v>
      </c>
    </row>
    <row r="22550" spans="1:10" x14ac:dyDescent="0.35">
      <c r="A22550" s="1" t="s">
        <v>80734</v>
      </c>
      <c r="B22550" s="1" t="s">
        <v>75461</v>
      </c>
      <c r="C22550" s="1" t="s">
        <v>55</v>
      </c>
      <c r="D22550" s="1" t="s">
        <v>80769</v>
      </c>
      <c r="E22550" s="1" t="s">
        <v>80770</v>
      </c>
      <c r="F22550" s="1" t="s">
        <v>80771</v>
      </c>
      <c r="G22550" s="1" t="s">
        <v>80738</v>
      </c>
      <c r="H22550" s="1" t="s">
        <v>80739</v>
      </c>
      <c r="I22550" s="1" t="s">
        <v>75467</v>
      </c>
      <c r="J22550" s="1" t="s">
        <v>80772</v>
      </c>
    </row>
    <row r="22551" spans="1:10" x14ac:dyDescent="0.35">
      <c r="A22551" s="1" t="s">
        <v>80734</v>
      </c>
      <c r="B22551" s="1" t="s">
        <v>75461</v>
      </c>
      <c r="C22551" s="1" t="s">
        <v>60</v>
      </c>
      <c r="D22551" s="1" t="s">
        <v>80773</v>
      </c>
      <c r="E22551" s="1" t="s">
        <v>80774</v>
      </c>
      <c r="F22551" s="1" t="s">
        <v>80775</v>
      </c>
      <c r="G22551" s="1" t="s">
        <v>80738</v>
      </c>
      <c r="H22551" s="1" t="s">
        <v>80739</v>
      </c>
      <c r="I22551" s="1" t="s">
        <v>75467</v>
      </c>
      <c r="J22551" s="1" t="s">
        <v>80776</v>
      </c>
    </row>
    <row r="22552" spans="1:10" x14ac:dyDescent="0.35">
      <c r="A22552" s="1" t="s">
        <v>80734</v>
      </c>
      <c r="B22552" s="1" t="s">
        <v>75461</v>
      </c>
      <c r="C22552" s="1" t="s">
        <v>65</v>
      </c>
      <c r="D22552" s="1" t="s">
        <v>39733</v>
      </c>
      <c r="E22552" s="1" t="s">
        <v>80777</v>
      </c>
      <c r="F22552" s="1" t="s">
        <v>80778</v>
      </c>
      <c r="G22552" s="1" t="s">
        <v>80738</v>
      </c>
      <c r="H22552" s="1" t="s">
        <v>80739</v>
      </c>
      <c r="I22552" s="1" t="s">
        <v>75467</v>
      </c>
      <c r="J22552" s="1" t="s">
        <v>80779</v>
      </c>
    </row>
    <row r="22553" spans="1:10" x14ac:dyDescent="0.35">
      <c r="A22553" s="1" t="s">
        <v>80734</v>
      </c>
      <c r="B22553" s="1" t="s">
        <v>75461</v>
      </c>
      <c r="C22553" s="1" t="s">
        <v>70</v>
      </c>
      <c r="D22553" s="1" t="s">
        <v>80780</v>
      </c>
      <c r="E22553" s="1" t="s">
        <v>80781</v>
      </c>
      <c r="F22553" s="1" t="s">
        <v>80782</v>
      </c>
      <c r="G22553" s="1" t="s">
        <v>80738</v>
      </c>
      <c r="H22553" s="1" t="s">
        <v>80739</v>
      </c>
      <c r="I22553" s="1" t="s">
        <v>75467</v>
      </c>
      <c r="J22553" s="1" t="s">
        <v>80783</v>
      </c>
    </row>
    <row r="22554" spans="1:10" x14ac:dyDescent="0.35">
      <c r="A22554" s="1" t="s">
        <v>80734</v>
      </c>
      <c r="B22554" s="1" t="s">
        <v>75461</v>
      </c>
      <c r="C22554" s="1" t="s">
        <v>75</v>
      </c>
      <c r="D22554" s="1" t="s">
        <v>80784</v>
      </c>
      <c r="E22554" s="1" t="s">
        <v>80785</v>
      </c>
      <c r="F22554" s="1" t="s">
        <v>80786</v>
      </c>
      <c r="G22554" s="1" t="s">
        <v>80738</v>
      </c>
      <c r="H22554" s="1" t="s">
        <v>80739</v>
      </c>
      <c r="I22554" s="1" t="s">
        <v>75467</v>
      </c>
      <c r="J22554" s="1" t="s">
        <v>80787</v>
      </c>
    </row>
    <row r="22555" spans="1:10" x14ac:dyDescent="0.35">
      <c r="A22555" s="1" t="s">
        <v>80734</v>
      </c>
      <c r="B22555" s="1" t="s">
        <v>75461</v>
      </c>
      <c r="C22555" s="1" t="s">
        <v>80</v>
      </c>
      <c r="D22555" s="1" t="s">
        <v>40148</v>
      </c>
      <c r="E22555" s="1" t="s">
        <v>80788</v>
      </c>
      <c r="F22555" s="1" t="s">
        <v>80789</v>
      </c>
      <c r="G22555" s="1" t="s">
        <v>80738</v>
      </c>
      <c r="H22555" s="1" t="s">
        <v>80739</v>
      </c>
      <c r="I22555" s="1" t="s">
        <v>75467</v>
      </c>
      <c r="J22555" s="1" t="s">
        <v>80790</v>
      </c>
    </row>
    <row r="22556" spans="1:10" x14ac:dyDescent="0.35">
      <c r="A22556" s="1" t="s">
        <v>80734</v>
      </c>
      <c r="B22556" s="1" t="s">
        <v>75461</v>
      </c>
      <c r="C22556" s="1" t="s">
        <v>85</v>
      </c>
      <c r="D22556" s="1" t="s">
        <v>80791</v>
      </c>
      <c r="E22556" s="1" t="s">
        <v>80792</v>
      </c>
      <c r="F22556" s="1" t="s">
        <v>80793</v>
      </c>
      <c r="G22556" s="1" t="s">
        <v>80738</v>
      </c>
      <c r="H22556" s="1" t="s">
        <v>80739</v>
      </c>
      <c r="I22556" s="1" t="s">
        <v>75467</v>
      </c>
      <c r="J22556" s="1" t="s">
        <v>80794</v>
      </c>
    </row>
    <row r="22557" spans="1:10" x14ac:dyDescent="0.35">
      <c r="A22557" s="1" t="s">
        <v>80734</v>
      </c>
      <c r="B22557" s="1" t="s">
        <v>75461</v>
      </c>
      <c r="C22557" s="1" t="s">
        <v>90</v>
      </c>
      <c r="D22557" s="1" t="s">
        <v>66380</v>
      </c>
      <c r="E22557" s="1" t="s">
        <v>80795</v>
      </c>
      <c r="F22557" s="1" t="s">
        <v>80796</v>
      </c>
      <c r="G22557" s="1" t="s">
        <v>80738</v>
      </c>
      <c r="H22557" s="1" t="s">
        <v>80739</v>
      </c>
      <c r="I22557" s="1" t="s">
        <v>75467</v>
      </c>
      <c r="J22557" s="1" t="s">
        <v>80797</v>
      </c>
    </row>
    <row r="22558" spans="1:10" x14ac:dyDescent="0.35">
      <c r="A22558" s="1" t="s">
        <v>80734</v>
      </c>
      <c r="B22558" s="1" t="s">
        <v>75461</v>
      </c>
      <c r="C22558" s="1" t="s">
        <v>95</v>
      </c>
      <c r="D22558" s="1" t="s">
        <v>67421</v>
      </c>
      <c r="E22558" s="1" t="s">
        <v>80798</v>
      </c>
      <c r="F22558" s="1" t="s">
        <v>80799</v>
      </c>
      <c r="G22558" s="1" t="s">
        <v>80738</v>
      </c>
      <c r="H22558" s="1" t="s">
        <v>80739</v>
      </c>
      <c r="I22558" s="1" t="s">
        <v>75467</v>
      </c>
      <c r="J22558" s="1" t="s">
        <v>80800</v>
      </c>
    </row>
    <row r="22559" spans="1:10" x14ac:dyDescent="0.35">
      <c r="A22559" s="1" t="s">
        <v>80734</v>
      </c>
      <c r="B22559" s="1" t="s">
        <v>75461</v>
      </c>
      <c r="C22559" s="1" t="s">
        <v>100</v>
      </c>
      <c r="D22559" s="1" t="s">
        <v>65841</v>
      </c>
      <c r="E22559" s="1" t="s">
        <v>80801</v>
      </c>
      <c r="F22559" s="1" t="s">
        <v>80802</v>
      </c>
      <c r="G22559" s="1" t="s">
        <v>80738</v>
      </c>
      <c r="H22559" s="1" t="s">
        <v>80739</v>
      </c>
      <c r="I22559" s="1" t="s">
        <v>75467</v>
      </c>
      <c r="J22559" s="1" t="s">
        <v>80803</v>
      </c>
    </row>
    <row r="22560" spans="1:10" x14ac:dyDescent="0.35">
      <c r="A22560" s="1" t="s">
        <v>80734</v>
      </c>
      <c r="B22560" s="1" t="s">
        <v>75461</v>
      </c>
      <c r="C22560" s="1" t="s">
        <v>105</v>
      </c>
      <c r="D22560" s="1" t="s">
        <v>63417</v>
      </c>
      <c r="E22560" s="1" t="s">
        <v>80804</v>
      </c>
      <c r="F22560" s="1" t="s">
        <v>80805</v>
      </c>
      <c r="G22560" s="1" t="s">
        <v>80738</v>
      </c>
      <c r="H22560" s="1" t="s">
        <v>80739</v>
      </c>
      <c r="I22560" s="1" t="s">
        <v>75467</v>
      </c>
      <c r="J22560" s="1" t="s">
        <v>80806</v>
      </c>
    </row>
    <row r="22561" spans="1:10" x14ac:dyDescent="0.35">
      <c r="A22561" s="1" t="s">
        <v>80734</v>
      </c>
      <c r="B22561" s="1" t="s">
        <v>75461</v>
      </c>
      <c r="C22561" s="1" t="s">
        <v>110</v>
      </c>
      <c r="D22561" s="1" t="s">
        <v>80807</v>
      </c>
      <c r="E22561" s="1" t="s">
        <v>80808</v>
      </c>
      <c r="F22561" s="1" t="s">
        <v>80809</v>
      </c>
      <c r="G22561" s="1" t="s">
        <v>80738</v>
      </c>
      <c r="H22561" s="1" t="s">
        <v>80739</v>
      </c>
      <c r="I22561" s="1" t="s">
        <v>75467</v>
      </c>
      <c r="J22561" s="1" t="s">
        <v>80810</v>
      </c>
    </row>
    <row r="22562" spans="1:10" x14ac:dyDescent="0.35">
      <c r="A22562" s="1" t="s">
        <v>80734</v>
      </c>
      <c r="B22562" s="1" t="s">
        <v>75461</v>
      </c>
      <c r="C22562" s="1" t="s">
        <v>115</v>
      </c>
      <c r="D22562" s="1" t="s">
        <v>80811</v>
      </c>
      <c r="E22562" s="1" t="s">
        <v>80812</v>
      </c>
      <c r="F22562" s="1" t="s">
        <v>80813</v>
      </c>
      <c r="G22562" s="1" t="s">
        <v>80738</v>
      </c>
      <c r="H22562" s="1" t="s">
        <v>80739</v>
      </c>
      <c r="I22562" s="1" t="s">
        <v>75467</v>
      </c>
      <c r="J22562" s="1" t="s">
        <v>80814</v>
      </c>
    </row>
    <row r="22563" spans="1:10" x14ac:dyDescent="0.35">
      <c r="A22563" s="1" t="s">
        <v>80734</v>
      </c>
      <c r="B22563" s="1" t="s">
        <v>75461</v>
      </c>
      <c r="C22563" s="1" t="s">
        <v>120</v>
      </c>
      <c r="D22563" s="1" t="s">
        <v>80815</v>
      </c>
      <c r="E22563" s="1" t="s">
        <v>80816</v>
      </c>
      <c r="F22563" s="1" t="s">
        <v>80817</v>
      </c>
      <c r="G22563" s="1" t="s">
        <v>80738</v>
      </c>
      <c r="H22563" s="1" t="s">
        <v>80739</v>
      </c>
      <c r="I22563" s="1" t="s">
        <v>75467</v>
      </c>
      <c r="J22563" s="1" t="s">
        <v>80818</v>
      </c>
    </row>
    <row r="22564" spans="1:10" x14ac:dyDescent="0.35">
      <c r="A22564" s="1" t="s">
        <v>80734</v>
      </c>
      <c r="B22564" s="1" t="s">
        <v>75461</v>
      </c>
      <c r="C22564" s="1" t="s">
        <v>125</v>
      </c>
      <c r="D22564" s="1" t="s">
        <v>80819</v>
      </c>
      <c r="E22564" s="1" t="s">
        <v>80820</v>
      </c>
      <c r="F22564" s="1" t="s">
        <v>80821</v>
      </c>
      <c r="G22564" s="1" t="s">
        <v>80738</v>
      </c>
      <c r="H22564" s="1" t="s">
        <v>80739</v>
      </c>
      <c r="I22564" s="1" t="s">
        <v>75467</v>
      </c>
      <c r="J22564" s="1" t="s">
        <v>80822</v>
      </c>
    </row>
    <row r="22565" spans="1:10" x14ac:dyDescent="0.35">
      <c r="A22565" s="1" t="s">
        <v>80734</v>
      </c>
      <c r="B22565" s="1" t="s">
        <v>75461</v>
      </c>
      <c r="C22565" s="1" t="s">
        <v>130</v>
      </c>
      <c r="D22565" s="1" t="s">
        <v>80823</v>
      </c>
      <c r="E22565" s="1" t="s">
        <v>80824</v>
      </c>
      <c r="F22565" s="1" t="s">
        <v>80825</v>
      </c>
      <c r="G22565" s="1" t="s">
        <v>80738</v>
      </c>
      <c r="H22565" s="1" t="s">
        <v>80739</v>
      </c>
      <c r="I22565" s="1" t="s">
        <v>75467</v>
      </c>
      <c r="J22565" s="1" t="s">
        <v>80826</v>
      </c>
    </row>
    <row r="22566" spans="1:10" x14ac:dyDescent="0.35">
      <c r="A22566" s="1" t="s">
        <v>80734</v>
      </c>
      <c r="B22566" s="1" t="s">
        <v>75461</v>
      </c>
      <c r="C22566" s="1" t="s">
        <v>135</v>
      </c>
      <c r="D22566" s="1" t="s">
        <v>80827</v>
      </c>
      <c r="E22566" s="1" t="s">
        <v>80828</v>
      </c>
      <c r="F22566" s="1" t="s">
        <v>80829</v>
      </c>
      <c r="G22566" s="1" t="s">
        <v>80738</v>
      </c>
      <c r="H22566" s="1" t="s">
        <v>80739</v>
      </c>
      <c r="I22566" s="1" t="s">
        <v>75467</v>
      </c>
      <c r="J22566" s="1" t="s">
        <v>80830</v>
      </c>
    </row>
    <row r="22567" spans="1:10" x14ac:dyDescent="0.35">
      <c r="A22567" s="1" t="s">
        <v>80734</v>
      </c>
      <c r="B22567" s="1" t="s">
        <v>75461</v>
      </c>
      <c r="C22567" s="1" t="s">
        <v>140</v>
      </c>
      <c r="D22567" s="1" t="s">
        <v>66201</v>
      </c>
      <c r="E22567" s="1" t="s">
        <v>80831</v>
      </c>
      <c r="F22567" s="1" t="s">
        <v>80832</v>
      </c>
      <c r="G22567" s="1" t="s">
        <v>80738</v>
      </c>
      <c r="H22567" s="1" t="s">
        <v>80739</v>
      </c>
      <c r="I22567" s="1" t="s">
        <v>75467</v>
      </c>
      <c r="J22567" s="1" t="s">
        <v>80833</v>
      </c>
    </row>
    <row r="22568" spans="1:10" x14ac:dyDescent="0.35">
      <c r="A22568" s="1" t="s">
        <v>80734</v>
      </c>
      <c r="B22568" s="1" t="s">
        <v>75461</v>
      </c>
      <c r="C22568" s="1" t="s">
        <v>145</v>
      </c>
      <c r="D22568" s="1" t="s">
        <v>80834</v>
      </c>
      <c r="E22568" s="1" t="s">
        <v>80835</v>
      </c>
      <c r="F22568" s="1" t="s">
        <v>80836</v>
      </c>
      <c r="G22568" s="1" t="s">
        <v>80738</v>
      </c>
      <c r="H22568" s="1" t="s">
        <v>80739</v>
      </c>
      <c r="I22568" s="1" t="s">
        <v>75467</v>
      </c>
      <c r="J22568" s="1" t="s">
        <v>80837</v>
      </c>
    </row>
    <row r="22569" spans="1:10" x14ac:dyDescent="0.35">
      <c r="A22569" s="1" t="s">
        <v>80734</v>
      </c>
      <c r="B22569" s="1" t="s">
        <v>75461</v>
      </c>
      <c r="C22569" s="1" t="s">
        <v>150</v>
      </c>
      <c r="D22569" s="1" t="s">
        <v>63362</v>
      </c>
      <c r="E22569" s="1" t="s">
        <v>80838</v>
      </c>
      <c r="F22569" s="1" t="s">
        <v>80839</v>
      </c>
      <c r="G22569" s="1" t="s">
        <v>80738</v>
      </c>
      <c r="H22569" s="1" t="s">
        <v>80739</v>
      </c>
      <c r="I22569" s="1" t="s">
        <v>75467</v>
      </c>
      <c r="J22569" s="1" t="s">
        <v>80840</v>
      </c>
    </row>
    <row r="22570" spans="1:10" x14ac:dyDescent="0.35">
      <c r="A22570" s="1" t="s">
        <v>80734</v>
      </c>
      <c r="B22570" s="1" t="s">
        <v>75461</v>
      </c>
      <c r="C22570" s="1" t="s">
        <v>155</v>
      </c>
      <c r="D22570" s="1" t="s">
        <v>80841</v>
      </c>
      <c r="E22570" s="1" t="s">
        <v>80842</v>
      </c>
      <c r="F22570" s="1" t="s">
        <v>80843</v>
      </c>
      <c r="G22570" s="1" t="s">
        <v>80738</v>
      </c>
      <c r="H22570" s="1" t="s">
        <v>80739</v>
      </c>
      <c r="I22570" s="1" t="s">
        <v>75467</v>
      </c>
      <c r="J22570" s="1" t="s">
        <v>80844</v>
      </c>
    </row>
    <row r="22571" spans="1:10" x14ac:dyDescent="0.35">
      <c r="A22571" s="1" t="s">
        <v>80734</v>
      </c>
      <c r="B22571" s="1" t="s">
        <v>75461</v>
      </c>
      <c r="C22571" s="1" t="s">
        <v>160</v>
      </c>
      <c r="D22571" s="1" t="s">
        <v>80845</v>
      </c>
      <c r="E22571" s="1" t="s">
        <v>80846</v>
      </c>
      <c r="F22571" s="1" t="s">
        <v>80847</v>
      </c>
      <c r="G22571" s="1" t="s">
        <v>80738</v>
      </c>
      <c r="H22571" s="1" t="s">
        <v>80739</v>
      </c>
      <c r="I22571" s="1" t="s">
        <v>75467</v>
      </c>
      <c r="J22571" s="1" t="s">
        <v>80848</v>
      </c>
    </row>
    <row r="22572" spans="1:10" x14ac:dyDescent="0.35">
      <c r="A22572" s="1" t="s">
        <v>80734</v>
      </c>
      <c r="B22572" s="1" t="s">
        <v>75461</v>
      </c>
      <c r="C22572" s="1" t="s">
        <v>165</v>
      </c>
      <c r="D22572" s="1" t="s">
        <v>66204</v>
      </c>
      <c r="E22572" s="1" t="s">
        <v>80849</v>
      </c>
      <c r="F22572" s="1" t="s">
        <v>80850</v>
      </c>
      <c r="G22572" s="1" t="s">
        <v>80738</v>
      </c>
      <c r="H22572" s="1" t="s">
        <v>80739</v>
      </c>
      <c r="I22572" s="1" t="s">
        <v>75467</v>
      </c>
      <c r="J22572" s="1" t="s">
        <v>80851</v>
      </c>
    </row>
    <row r="22573" spans="1:10" x14ac:dyDescent="0.35">
      <c r="A22573" s="1" t="s">
        <v>80734</v>
      </c>
      <c r="B22573" s="1" t="s">
        <v>75461</v>
      </c>
      <c r="C22573" s="1" t="s">
        <v>170</v>
      </c>
      <c r="D22573" s="1" t="s">
        <v>80852</v>
      </c>
      <c r="E22573" s="1" t="s">
        <v>80853</v>
      </c>
      <c r="F22573" s="1" t="s">
        <v>80854</v>
      </c>
      <c r="G22573" s="1" t="s">
        <v>80738</v>
      </c>
      <c r="H22573" s="1" t="s">
        <v>80739</v>
      </c>
      <c r="I22573" s="1" t="s">
        <v>75467</v>
      </c>
      <c r="J22573" s="1" t="s">
        <v>80855</v>
      </c>
    </row>
    <row r="22574" spans="1:10" x14ac:dyDescent="0.35">
      <c r="A22574" s="1" t="s">
        <v>80856</v>
      </c>
      <c r="B22574" s="1" t="s">
        <v>75461</v>
      </c>
      <c r="C22574" s="1" t="s">
        <v>8</v>
      </c>
      <c r="D22574" s="1" t="s">
        <v>80857</v>
      </c>
      <c r="E22574" s="1" t="s">
        <v>80858</v>
      </c>
      <c r="F22574" s="1" t="s">
        <v>80859</v>
      </c>
      <c r="G22574" s="1" t="s">
        <v>80860</v>
      </c>
      <c r="H22574" s="1" t="s">
        <v>80861</v>
      </c>
      <c r="I22574" s="1" t="s">
        <v>75467</v>
      </c>
      <c r="J22574" s="1" t="s">
        <v>13</v>
      </c>
    </row>
    <row r="22575" spans="1:10" x14ac:dyDescent="0.35">
      <c r="A22575" s="1" t="s">
        <v>80856</v>
      </c>
      <c r="B22575" s="1" t="s">
        <v>75461</v>
      </c>
      <c r="C22575" s="1" t="s">
        <v>15</v>
      </c>
      <c r="D22575" s="1" t="s">
        <v>60424</v>
      </c>
      <c r="E22575" s="1" t="s">
        <v>80862</v>
      </c>
      <c r="F22575" s="1" t="s">
        <v>80863</v>
      </c>
      <c r="G22575" s="1" t="s">
        <v>80860</v>
      </c>
      <c r="H22575" s="1" t="s">
        <v>80861</v>
      </c>
      <c r="I22575" s="1" t="s">
        <v>75467</v>
      </c>
      <c r="J22575" s="1" t="s">
        <v>80864</v>
      </c>
    </row>
    <row r="22576" spans="1:10" x14ac:dyDescent="0.35">
      <c r="A22576" s="1" t="s">
        <v>80856</v>
      </c>
      <c r="B22576" s="1" t="s">
        <v>75461</v>
      </c>
      <c r="C22576" s="1" t="s">
        <v>20</v>
      </c>
      <c r="D22576" s="1" t="s">
        <v>80865</v>
      </c>
      <c r="E22576" s="1" t="s">
        <v>80866</v>
      </c>
      <c r="F22576" s="1" t="s">
        <v>80867</v>
      </c>
      <c r="G22576" s="1" t="s">
        <v>80860</v>
      </c>
      <c r="H22576" s="1" t="s">
        <v>80861</v>
      </c>
      <c r="I22576" s="1" t="s">
        <v>75467</v>
      </c>
      <c r="J22576" s="1" t="s">
        <v>80868</v>
      </c>
    </row>
    <row r="22577" spans="1:10" x14ac:dyDescent="0.35">
      <c r="A22577" s="1" t="s">
        <v>80856</v>
      </c>
      <c r="B22577" s="1" t="s">
        <v>75461</v>
      </c>
      <c r="C22577" s="1" t="s">
        <v>25</v>
      </c>
      <c r="D22577" s="1" t="s">
        <v>80869</v>
      </c>
      <c r="E22577" s="1" t="s">
        <v>80870</v>
      </c>
      <c r="F22577" s="1" t="s">
        <v>80871</v>
      </c>
      <c r="G22577" s="1" t="s">
        <v>80860</v>
      </c>
      <c r="H22577" s="1" t="s">
        <v>80861</v>
      </c>
      <c r="I22577" s="1" t="s">
        <v>75467</v>
      </c>
      <c r="J22577" s="1" t="s">
        <v>80872</v>
      </c>
    </row>
    <row r="22578" spans="1:10" x14ac:dyDescent="0.35">
      <c r="A22578" s="1" t="s">
        <v>80856</v>
      </c>
      <c r="B22578" s="1" t="s">
        <v>75461</v>
      </c>
      <c r="C22578" s="1" t="s">
        <v>30</v>
      </c>
      <c r="D22578" s="1" t="s">
        <v>80873</v>
      </c>
      <c r="E22578" s="1" t="s">
        <v>80874</v>
      </c>
      <c r="F22578" s="1" t="s">
        <v>80875</v>
      </c>
      <c r="G22578" s="1" t="s">
        <v>80860</v>
      </c>
      <c r="H22578" s="1" t="s">
        <v>80861</v>
      </c>
      <c r="I22578" s="1" t="s">
        <v>75467</v>
      </c>
      <c r="J22578" s="1" t="s">
        <v>80876</v>
      </c>
    </row>
    <row r="22579" spans="1:10" x14ac:dyDescent="0.35">
      <c r="A22579" s="1" t="s">
        <v>80856</v>
      </c>
      <c r="B22579" s="1" t="s">
        <v>75461</v>
      </c>
      <c r="C22579" s="1" t="s">
        <v>35</v>
      </c>
      <c r="D22579" s="1" t="s">
        <v>80877</v>
      </c>
      <c r="E22579" s="1" t="s">
        <v>80878</v>
      </c>
      <c r="F22579" s="1" t="s">
        <v>80879</v>
      </c>
      <c r="G22579" s="1" t="s">
        <v>80860</v>
      </c>
      <c r="H22579" s="1" t="s">
        <v>80861</v>
      </c>
      <c r="I22579" s="1" t="s">
        <v>75467</v>
      </c>
      <c r="J22579" s="1" t="s">
        <v>80880</v>
      </c>
    </row>
    <row r="22580" spans="1:10" x14ac:dyDescent="0.35">
      <c r="A22580" s="1" t="s">
        <v>80856</v>
      </c>
      <c r="B22580" s="1" t="s">
        <v>75461</v>
      </c>
      <c r="C22580" s="1" t="s">
        <v>40</v>
      </c>
      <c r="D22580" s="1" t="s">
        <v>80881</v>
      </c>
      <c r="E22580" s="1" t="s">
        <v>80882</v>
      </c>
      <c r="F22580" s="1" t="s">
        <v>80883</v>
      </c>
      <c r="G22580" s="1" t="s">
        <v>80860</v>
      </c>
      <c r="H22580" s="1" t="s">
        <v>80861</v>
      </c>
      <c r="I22580" s="1" t="s">
        <v>75467</v>
      </c>
      <c r="J22580" s="1" t="s">
        <v>80884</v>
      </c>
    </row>
    <row r="22581" spans="1:10" x14ac:dyDescent="0.35">
      <c r="A22581" s="1" t="s">
        <v>80856</v>
      </c>
      <c r="B22581" s="1" t="s">
        <v>75461</v>
      </c>
      <c r="C22581" s="1" t="s">
        <v>45</v>
      </c>
      <c r="D22581" s="1" t="s">
        <v>80885</v>
      </c>
      <c r="E22581" s="1" t="s">
        <v>80886</v>
      </c>
      <c r="F22581" s="1" t="s">
        <v>80887</v>
      </c>
      <c r="G22581" s="1" t="s">
        <v>80860</v>
      </c>
      <c r="H22581" s="1" t="s">
        <v>80861</v>
      </c>
      <c r="I22581" s="1" t="s">
        <v>75467</v>
      </c>
      <c r="J22581" s="1" t="s">
        <v>80888</v>
      </c>
    </row>
    <row r="22582" spans="1:10" x14ac:dyDescent="0.35">
      <c r="A22582" s="1" t="s">
        <v>80856</v>
      </c>
      <c r="B22582" s="1" t="s">
        <v>75461</v>
      </c>
      <c r="C22582" s="1" t="s">
        <v>50</v>
      </c>
      <c r="D22582" s="1" t="s">
        <v>24591</v>
      </c>
      <c r="E22582" s="1" t="s">
        <v>80889</v>
      </c>
      <c r="F22582" s="1" t="s">
        <v>80890</v>
      </c>
      <c r="G22582" s="1" t="s">
        <v>80860</v>
      </c>
      <c r="H22582" s="1" t="s">
        <v>80861</v>
      </c>
      <c r="I22582" s="1" t="s">
        <v>75467</v>
      </c>
      <c r="J22582" s="1" t="s">
        <v>80891</v>
      </c>
    </row>
    <row r="22583" spans="1:10" x14ac:dyDescent="0.35">
      <c r="A22583" s="1" t="s">
        <v>80856</v>
      </c>
      <c r="B22583" s="1" t="s">
        <v>75461</v>
      </c>
      <c r="C22583" s="1" t="s">
        <v>55</v>
      </c>
      <c r="D22583" s="1" t="s">
        <v>80892</v>
      </c>
      <c r="E22583" s="1" t="s">
        <v>80893</v>
      </c>
      <c r="F22583" s="1" t="s">
        <v>80894</v>
      </c>
      <c r="G22583" s="1" t="s">
        <v>80860</v>
      </c>
      <c r="H22583" s="1" t="s">
        <v>80861</v>
      </c>
      <c r="I22583" s="1" t="s">
        <v>75467</v>
      </c>
      <c r="J22583" s="1" t="s">
        <v>80895</v>
      </c>
    </row>
    <row r="22584" spans="1:10" x14ac:dyDescent="0.35">
      <c r="A22584" s="1" t="s">
        <v>80856</v>
      </c>
      <c r="B22584" s="1" t="s">
        <v>75461</v>
      </c>
      <c r="C22584" s="1" t="s">
        <v>60</v>
      </c>
      <c r="D22584" s="1" t="s">
        <v>80896</v>
      </c>
      <c r="E22584" s="1" t="s">
        <v>80897</v>
      </c>
      <c r="F22584" s="1" t="s">
        <v>80898</v>
      </c>
      <c r="G22584" s="1" t="s">
        <v>80860</v>
      </c>
      <c r="H22584" s="1" t="s">
        <v>80861</v>
      </c>
      <c r="I22584" s="1" t="s">
        <v>75467</v>
      </c>
      <c r="J22584" s="1" t="s">
        <v>80899</v>
      </c>
    </row>
    <row r="22585" spans="1:10" x14ac:dyDescent="0.35">
      <c r="A22585" s="1" t="s">
        <v>80856</v>
      </c>
      <c r="B22585" s="1" t="s">
        <v>75461</v>
      </c>
      <c r="C22585" s="1" t="s">
        <v>65</v>
      </c>
      <c r="D22585" s="1" t="s">
        <v>80900</v>
      </c>
      <c r="E22585" s="1" t="s">
        <v>80901</v>
      </c>
      <c r="F22585" s="1" t="s">
        <v>80902</v>
      </c>
      <c r="G22585" s="1" t="s">
        <v>80860</v>
      </c>
      <c r="H22585" s="1" t="s">
        <v>80861</v>
      </c>
      <c r="I22585" s="1" t="s">
        <v>75467</v>
      </c>
      <c r="J22585" s="1" t="s">
        <v>80903</v>
      </c>
    </row>
    <row r="22586" spans="1:10" x14ac:dyDescent="0.35">
      <c r="A22586" s="1" t="s">
        <v>80856</v>
      </c>
      <c r="B22586" s="1" t="s">
        <v>75461</v>
      </c>
      <c r="C22586" s="1" t="s">
        <v>70</v>
      </c>
      <c r="D22586" s="1" t="s">
        <v>80904</v>
      </c>
      <c r="E22586" s="1" t="s">
        <v>80905</v>
      </c>
      <c r="F22586" s="1" t="s">
        <v>80906</v>
      </c>
      <c r="G22586" s="1" t="s">
        <v>80860</v>
      </c>
      <c r="H22586" s="1" t="s">
        <v>80861</v>
      </c>
      <c r="I22586" s="1" t="s">
        <v>75467</v>
      </c>
      <c r="J22586" s="1" t="s">
        <v>80907</v>
      </c>
    </row>
    <row r="22587" spans="1:10" x14ac:dyDescent="0.35">
      <c r="A22587" s="1" t="s">
        <v>80856</v>
      </c>
      <c r="B22587" s="1" t="s">
        <v>75461</v>
      </c>
      <c r="C22587" s="1" t="s">
        <v>75</v>
      </c>
      <c r="D22587" s="1" t="s">
        <v>80908</v>
      </c>
      <c r="E22587" s="1" t="s">
        <v>80909</v>
      </c>
      <c r="F22587" s="1" t="s">
        <v>80910</v>
      </c>
      <c r="G22587" s="1" t="s">
        <v>80860</v>
      </c>
      <c r="H22587" s="1" t="s">
        <v>80861</v>
      </c>
      <c r="I22587" s="1" t="s">
        <v>75467</v>
      </c>
      <c r="J22587" s="1" t="s">
        <v>80911</v>
      </c>
    </row>
    <row r="22588" spans="1:10" x14ac:dyDescent="0.35">
      <c r="A22588" s="1" t="s">
        <v>80856</v>
      </c>
      <c r="B22588" s="1" t="s">
        <v>75461</v>
      </c>
      <c r="C22588" s="1" t="s">
        <v>80</v>
      </c>
      <c r="D22588" s="1" t="s">
        <v>80912</v>
      </c>
      <c r="E22588" s="1" t="s">
        <v>80913</v>
      </c>
      <c r="F22588" s="1" t="s">
        <v>80914</v>
      </c>
      <c r="G22588" s="1" t="s">
        <v>80860</v>
      </c>
      <c r="H22588" s="1" t="s">
        <v>80861</v>
      </c>
      <c r="I22588" s="1" t="s">
        <v>75467</v>
      </c>
      <c r="J22588" s="1" t="s">
        <v>80915</v>
      </c>
    </row>
    <row r="22589" spans="1:10" x14ac:dyDescent="0.35">
      <c r="A22589" s="1" t="s">
        <v>80856</v>
      </c>
      <c r="B22589" s="1" t="s">
        <v>75461</v>
      </c>
      <c r="C22589" s="1" t="s">
        <v>85</v>
      </c>
      <c r="D22589" s="1" t="s">
        <v>80908</v>
      </c>
      <c r="E22589" s="1" t="s">
        <v>80916</v>
      </c>
      <c r="F22589" s="1" t="s">
        <v>80917</v>
      </c>
      <c r="G22589" s="1" t="s">
        <v>80860</v>
      </c>
      <c r="H22589" s="1" t="s">
        <v>80861</v>
      </c>
      <c r="I22589" s="1" t="s">
        <v>75467</v>
      </c>
      <c r="J22589" s="1" t="s">
        <v>80918</v>
      </c>
    </row>
    <row r="22590" spans="1:10" x14ac:dyDescent="0.35">
      <c r="A22590" s="1" t="s">
        <v>80856</v>
      </c>
      <c r="B22590" s="1" t="s">
        <v>75461</v>
      </c>
      <c r="C22590" s="1" t="s">
        <v>90</v>
      </c>
      <c r="D22590" s="1" t="s">
        <v>80919</v>
      </c>
      <c r="E22590" s="1" t="s">
        <v>80920</v>
      </c>
      <c r="F22590" s="1" t="s">
        <v>80921</v>
      </c>
      <c r="G22590" s="1" t="s">
        <v>80860</v>
      </c>
      <c r="H22590" s="1" t="s">
        <v>80861</v>
      </c>
      <c r="I22590" s="1" t="s">
        <v>75467</v>
      </c>
      <c r="J22590" s="1" t="s">
        <v>80922</v>
      </c>
    </row>
    <row r="22591" spans="1:10" x14ac:dyDescent="0.35">
      <c r="A22591" s="1" t="s">
        <v>80856</v>
      </c>
      <c r="B22591" s="1" t="s">
        <v>75461</v>
      </c>
      <c r="C22591" s="1" t="s">
        <v>95</v>
      </c>
      <c r="D22591" s="1" t="s">
        <v>61771</v>
      </c>
      <c r="E22591" s="1" t="s">
        <v>80923</v>
      </c>
      <c r="F22591" s="1" t="s">
        <v>67452</v>
      </c>
      <c r="G22591" s="1" t="s">
        <v>80860</v>
      </c>
      <c r="H22591" s="1" t="s">
        <v>80861</v>
      </c>
      <c r="I22591" s="1" t="s">
        <v>75467</v>
      </c>
      <c r="J22591" s="1" t="s">
        <v>80924</v>
      </c>
    </row>
    <row r="22592" spans="1:10" x14ac:dyDescent="0.35">
      <c r="A22592" s="1" t="s">
        <v>80856</v>
      </c>
      <c r="B22592" s="1" t="s">
        <v>75461</v>
      </c>
      <c r="C22592" s="1" t="s">
        <v>100</v>
      </c>
      <c r="D22592" s="1" t="s">
        <v>80925</v>
      </c>
      <c r="E22592" s="1" t="s">
        <v>80926</v>
      </c>
      <c r="F22592" s="1" t="s">
        <v>80927</v>
      </c>
      <c r="G22592" s="1" t="s">
        <v>80860</v>
      </c>
      <c r="H22592" s="1" t="s">
        <v>80861</v>
      </c>
      <c r="I22592" s="1" t="s">
        <v>75467</v>
      </c>
      <c r="J22592" s="1" t="s">
        <v>80928</v>
      </c>
    </row>
    <row r="22593" spans="1:10" x14ac:dyDescent="0.35">
      <c r="A22593" s="1" t="s">
        <v>80856</v>
      </c>
      <c r="B22593" s="1" t="s">
        <v>75461</v>
      </c>
      <c r="C22593" s="1" t="s">
        <v>105</v>
      </c>
      <c r="D22593" s="1" t="s">
        <v>57259</v>
      </c>
      <c r="E22593" s="1" t="s">
        <v>80929</v>
      </c>
      <c r="F22593" s="1" t="s">
        <v>80930</v>
      </c>
      <c r="G22593" s="1" t="s">
        <v>80860</v>
      </c>
      <c r="H22593" s="1" t="s">
        <v>80861</v>
      </c>
      <c r="I22593" s="1" t="s">
        <v>75467</v>
      </c>
      <c r="J22593" s="1" t="s">
        <v>80931</v>
      </c>
    </row>
    <row r="22594" spans="1:10" x14ac:dyDescent="0.35">
      <c r="A22594" s="1" t="s">
        <v>80856</v>
      </c>
      <c r="B22594" s="1" t="s">
        <v>75461</v>
      </c>
      <c r="C22594" s="1" t="s">
        <v>110</v>
      </c>
      <c r="D22594" s="1" t="s">
        <v>80932</v>
      </c>
      <c r="E22594" s="1" t="s">
        <v>80933</v>
      </c>
      <c r="F22594" s="1" t="s">
        <v>80934</v>
      </c>
      <c r="G22594" s="1" t="s">
        <v>80860</v>
      </c>
      <c r="H22594" s="1" t="s">
        <v>80861</v>
      </c>
      <c r="I22594" s="1" t="s">
        <v>75467</v>
      </c>
      <c r="J22594" s="1" t="s">
        <v>80935</v>
      </c>
    </row>
    <row r="22595" spans="1:10" x14ac:dyDescent="0.35">
      <c r="A22595" s="1" t="s">
        <v>80856</v>
      </c>
      <c r="B22595" s="1" t="s">
        <v>75461</v>
      </c>
      <c r="C22595" s="1" t="s">
        <v>115</v>
      </c>
      <c r="D22595" s="1" t="s">
        <v>80936</v>
      </c>
      <c r="E22595" s="1" t="s">
        <v>80937</v>
      </c>
      <c r="F22595" s="1" t="s">
        <v>80938</v>
      </c>
      <c r="G22595" s="1" t="s">
        <v>80860</v>
      </c>
      <c r="H22595" s="1" t="s">
        <v>80861</v>
      </c>
      <c r="I22595" s="1" t="s">
        <v>75467</v>
      </c>
      <c r="J22595" s="1" t="s">
        <v>80939</v>
      </c>
    </row>
    <row r="22596" spans="1:10" x14ac:dyDescent="0.35">
      <c r="A22596" s="1" t="s">
        <v>80856</v>
      </c>
      <c r="B22596" s="1" t="s">
        <v>75461</v>
      </c>
      <c r="C22596" s="1" t="s">
        <v>120</v>
      </c>
      <c r="D22596" s="1" t="s">
        <v>68969</v>
      </c>
      <c r="E22596" s="1" t="s">
        <v>80940</v>
      </c>
      <c r="F22596" s="1" t="s">
        <v>80941</v>
      </c>
      <c r="G22596" s="1" t="s">
        <v>80860</v>
      </c>
      <c r="H22596" s="1" t="s">
        <v>80861</v>
      </c>
      <c r="I22596" s="1" t="s">
        <v>75467</v>
      </c>
      <c r="J22596" s="1" t="s">
        <v>80942</v>
      </c>
    </row>
    <row r="22597" spans="1:10" x14ac:dyDescent="0.35">
      <c r="A22597" s="1" t="s">
        <v>80856</v>
      </c>
      <c r="B22597" s="1" t="s">
        <v>75461</v>
      </c>
      <c r="C22597" s="1" t="s">
        <v>125</v>
      </c>
      <c r="D22597" s="1" t="s">
        <v>61882</v>
      </c>
      <c r="E22597" s="1" t="s">
        <v>80943</v>
      </c>
      <c r="F22597" s="1" t="s">
        <v>80944</v>
      </c>
      <c r="G22597" s="1" t="s">
        <v>80860</v>
      </c>
      <c r="H22597" s="1" t="s">
        <v>80861</v>
      </c>
      <c r="I22597" s="1" t="s">
        <v>75467</v>
      </c>
      <c r="J22597" s="1" t="s">
        <v>80945</v>
      </c>
    </row>
    <row r="22598" spans="1:10" x14ac:dyDescent="0.35">
      <c r="A22598" s="1" t="s">
        <v>80856</v>
      </c>
      <c r="B22598" s="1" t="s">
        <v>75461</v>
      </c>
      <c r="C22598" s="1" t="s">
        <v>130</v>
      </c>
      <c r="D22598" s="1" t="s">
        <v>80946</v>
      </c>
      <c r="E22598" s="1" t="s">
        <v>80947</v>
      </c>
      <c r="F22598" s="1" t="s">
        <v>80948</v>
      </c>
      <c r="G22598" s="1" t="s">
        <v>80860</v>
      </c>
      <c r="H22598" s="1" t="s">
        <v>80861</v>
      </c>
      <c r="I22598" s="1" t="s">
        <v>75467</v>
      </c>
      <c r="J22598" s="1" t="s">
        <v>80949</v>
      </c>
    </row>
    <row r="22599" spans="1:10" x14ac:dyDescent="0.35">
      <c r="A22599" s="1" t="s">
        <v>80856</v>
      </c>
      <c r="B22599" s="1" t="s">
        <v>75461</v>
      </c>
      <c r="C22599" s="1" t="s">
        <v>135</v>
      </c>
      <c r="D22599" s="1" t="s">
        <v>58144</v>
      </c>
      <c r="E22599" s="1" t="s">
        <v>80950</v>
      </c>
      <c r="F22599" s="1" t="s">
        <v>80951</v>
      </c>
      <c r="G22599" s="1" t="s">
        <v>80860</v>
      </c>
      <c r="H22599" s="1" t="s">
        <v>80861</v>
      </c>
      <c r="I22599" s="1" t="s">
        <v>75467</v>
      </c>
      <c r="J22599" s="1" t="s">
        <v>80952</v>
      </c>
    </row>
    <row r="22600" spans="1:10" x14ac:dyDescent="0.35">
      <c r="A22600" s="1" t="s">
        <v>80856</v>
      </c>
      <c r="B22600" s="1" t="s">
        <v>75461</v>
      </c>
      <c r="C22600" s="1" t="s">
        <v>140</v>
      </c>
      <c r="D22600" s="1" t="s">
        <v>68447</v>
      </c>
      <c r="E22600" s="1" t="s">
        <v>80953</v>
      </c>
      <c r="F22600" s="1" t="s">
        <v>80954</v>
      </c>
      <c r="G22600" s="1" t="s">
        <v>80860</v>
      </c>
      <c r="H22600" s="1" t="s">
        <v>80861</v>
      </c>
      <c r="I22600" s="1" t="s">
        <v>75467</v>
      </c>
      <c r="J22600" s="1" t="s">
        <v>80955</v>
      </c>
    </row>
    <row r="22601" spans="1:10" x14ac:dyDescent="0.35">
      <c r="A22601" s="1" t="s">
        <v>80856</v>
      </c>
      <c r="B22601" s="1" t="s">
        <v>75461</v>
      </c>
      <c r="C22601" s="1" t="s">
        <v>145</v>
      </c>
      <c r="D22601" s="1" t="s">
        <v>59041</v>
      </c>
      <c r="E22601" s="1" t="s">
        <v>80956</v>
      </c>
      <c r="F22601" s="1" t="s">
        <v>80957</v>
      </c>
      <c r="G22601" s="1" t="s">
        <v>80860</v>
      </c>
      <c r="H22601" s="1" t="s">
        <v>80861</v>
      </c>
      <c r="I22601" s="1" t="s">
        <v>75467</v>
      </c>
      <c r="J22601" s="1" t="s">
        <v>80958</v>
      </c>
    </row>
    <row r="22602" spans="1:10" x14ac:dyDescent="0.35">
      <c r="A22602" s="1" t="s">
        <v>80856</v>
      </c>
      <c r="B22602" s="1" t="s">
        <v>75461</v>
      </c>
      <c r="C22602" s="1" t="s">
        <v>150</v>
      </c>
      <c r="D22602" s="1" t="s">
        <v>80959</v>
      </c>
      <c r="E22602" s="1" t="s">
        <v>80960</v>
      </c>
      <c r="F22602" s="1" t="s">
        <v>80961</v>
      </c>
      <c r="G22602" s="1" t="s">
        <v>80860</v>
      </c>
      <c r="H22602" s="1" t="s">
        <v>80861</v>
      </c>
      <c r="I22602" s="1" t="s">
        <v>75467</v>
      </c>
      <c r="J22602" s="1" t="s">
        <v>80962</v>
      </c>
    </row>
    <row r="22603" spans="1:10" x14ac:dyDescent="0.35">
      <c r="A22603" s="1" t="s">
        <v>80856</v>
      </c>
      <c r="B22603" s="1" t="s">
        <v>75461</v>
      </c>
      <c r="C22603" s="1" t="s">
        <v>155</v>
      </c>
      <c r="D22603" s="1" t="s">
        <v>80963</v>
      </c>
      <c r="E22603" s="1" t="s">
        <v>80964</v>
      </c>
      <c r="F22603" s="1" t="s">
        <v>80965</v>
      </c>
      <c r="G22603" s="1" t="s">
        <v>80860</v>
      </c>
      <c r="H22603" s="1" t="s">
        <v>80861</v>
      </c>
      <c r="I22603" s="1" t="s">
        <v>75467</v>
      </c>
      <c r="J22603" s="1" t="s">
        <v>80966</v>
      </c>
    </row>
    <row r="22604" spans="1:10" x14ac:dyDescent="0.35">
      <c r="A22604" s="1" t="s">
        <v>80856</v>
      </c>
      <c r="B22604" s="1" t="s">
        <v>75461</v>
      </c>
      <c r="C22604" s="1" t="s">
        <v>160</v>
      </c>
      <c r="D22604" s="1" t="s">
        <v>80967</v>
      </c>
      <c r="E22604" s="1" t="s">
        <v>80968</v>
      </c>
      <c r="F22604" s="1" t="s">
        <v>80969</v>
      </c>
      <c r="G22604" s="1" t="s">
        <v>80860</v>
      </c>
      <c r="H22604" s="1" t="s">
        <v>80861</v>
      </c>
      <c r="I22604" s="1" t="s">
        <v>75467</v>
      </c>
      <c r="J22604" s="1" t="s">
        <v>80970</v>
      </c>
    </row>
    <row r="22605" spans="1:10" x14ac:dyDescent="0.35">
      <c r="A22605" s="1" t="s">
        <v>80856</v>
      </c>
      <c r="B22605" s="1" t="s">
        <v>75461</v>
      </c>
      <c r="C22605" s="1" t="s">
        <v>165</v>
      </c>
      <c r="D22605" s="1" t="s">
        <v>67303</v>
      </c>
      <c r="E22605" s="1" t="s">
        <v>80971</v>
      </c>
      <c r="F22605" s="1" t="s">
        <v>80972</v>
      </c>
      <c r="G22605" s="1" t="s">
        <v>80860</v>
      </c>
      <c r="H22605" s="1" t="s">
        <v>80861</v>
      </c>
      <c r="I22605" s="1" t="s">
        <v>75467</v>
      </c>
      <c r="J22605" s="1" t="s">
        <v>80973</v>
      </c>
    </row>
    <row r="22606" spans="1:10" x14ac:dyDescent="0.35">
      <c r="A22606" s="1" t="s">
        <v>80856</v>
      </c>
      <c r="B22606" s="1" t="s">
        <v>75461</v>
      </c>
      <c r="C22606" s="1" t="s">
        <v>170</v>
      </c>
      <c r="D22606" s="1" t="s">
        <v>70018</v>
      </c>
      <c r="E22606" s="1" t="s">
        <v>80974</v>
      </c>
      <c r="F22606" s="1" t="s">
        <v>80975</v>
      </c>
      <c r="G22606" s="1" t="s">
        <v>80860</v>
      </c>
      <c r="H22606" s="1" t="s">
        <v>80861</v>
      </c>
      <c r="I22606" s="1" t="s">
        <v>75467</v>
      </c>
      <c r="J22606" s="1" t="s">
        <v>80976</v>
      </c>
    </row>
    <row r="22607" spans="1:10" x14ac:dyDescent="0.35">
      <c r="A22607" s="1" t="s">
        <v>80977</v>
      </c>
      <c r="B22607" s="1" t="s">
        <v>75461</v>
      </c>
      <c r="C22607" s="1" t="s">
        <v>8</v>
      </c>
      <c r="D22607" s="1" t="s">
        <v>80114</v>
      </c>
      <c r="E22607" s="1" t="s">
        <v>80978</v>
      </c>
      <c r="F22607" s="1" t="s">
        <v>80979</v>
      </c>
      <c r="G22607" s="1" t="s">
        <v>80980</v>
      </c>
      <c r="H22607" s="1" t="s">
        <v>80981</v>
      </c>
      <c r="I22607" s="1" t="s">
        <v>75467</v>
      </c>
      <c r="J22607" s="1" t="s">
        <v>13</v>
      </c>
    </row>
    <row r="22608" spans="1:10" x14ac:dyDescent="0.35">
      <c r="A22608" s="1" t="s">
        <v>80977</v>
      </c>
      <c r="B22608" s="1" t="s">
        <v>75461</v>
      </c>
      <c r="C22608" s="1" t="s">
        <v>15</v>
      </c>
      <c r="D22608" s="1" t="s">
        <v>80982</v>
      </c>
      <c r="E22608" s="1" t="s">
        <v>80983</v>
      </c>
      <c r="F22608" s="1" t="s">
        <v>80984</v>
      </c>
      <c r="G22608" s="1" t="s">
        <v>80980</v>
      </c>
      <c r="H22608" s="1" t="s">
        <v>80981</v>
      </c>
      <c r="I22608" s="1" t="s">
        <v>75467</v>
      </c>
      <c r="J22608" s="1" t="s">
        <v>80985</v>
      </c>
    </row>
    <row r="22609" spans="1:10" x14ac:dyDescent="0.35">
      <c r="A22609" s="1" t="s">
        <v>80977</v>
      </c>
      <c r="B22609" s="1" t="s">
        <v>75461</v>
      </c>
      <c r="C22609" s="1" t="s">
        <v>20</v>
      </c>
      <c r="D22609" s="1" t="s">
        <v>80986</v>
      </c>
      <c r="E22609" s="1" t="s">
        <v>80987</v>
      </c>
      <c r="F22609" s="1" t="s">
        <v>80988</v>
      </c>
      <c r="G22609" s="1" t="s">
        <v>80980</v>
      </c>
      <c r="H22609" s="1" t="s">
        <v>80981</v>
      </c>
      <c r="I22609" s="1" t="s">
        <v>75467</v>
      </c>
      <c r="J22609" s="1" t="s">
        <v>80989</v>
      </c>
    </row>
    <row r="22610" spans="1:10" x14ac:dyDescent="0.35">
      <c r="A22610" s="1" t="s">
        <v>80977</v>
      </c>
      <c r="B22610" s="1" t="s">
        <v>75461</v>
      </c>
      <c r="C22610" s="1" t="s">
        <v>25</v>
      </c>
      <c r="D22610" s="1" t="s">
        <v>80990</v>
      </c>
      <c r="E22610" s="1" t="s">
        <v>80991</v>
      </c>
      <c r="F22610" s="1" t="s">
        <v>80992</v>
      </c>
      <c r="G22610" s="1" t="s">
        <v>80980</v>
      </c>
      <c r="H22610" s="1" t="s">
        <v>80981</v>
      </c>
      <c r="I22610" s="1" t="s">
        <v>75467</v>
      </c>
      <c r="J22610" s="1" t="s">
        <v>80993</v>
      </c>
    </row>
    <row r="22611" spans="1:10" x14ac:dyDescent="0.35">
      <c r="A22611" s="1" t="s">
        <v>80977</v>
      </c>
      <c r="B22611" s="1" t="s">
        <v>75461</v>
      </c>
      <c r="C22611" s="1" t="s">
        <v>30</v>
      </c>
      <c r="D22611" s="1" t="s">
        <v>80994</v>
      </c>
      <c r="E22611" s="1" t="s">
        <v>80995</v>
      </c>
      <c r="F22611" s="1" t="s">
        <v>80996</v>
      </c>
      <c r="G22611" s="1" t="s">
        <v>80980</v>
      </c>
      <c r="H22611" s="1" t="s">
        <v>80981</v>
      </c>
      <c r="I22611" s="1" t="s">
        <v>75467</v>
      </c>
      <c r="J22611" s="1" t="s">
        <v>80997</v>
      </c>
    </row>
    <row r="22612" spans="1:10" x14ac:dyDescent="0.35">
      <c r="A22612" s="1" t="s">
        <v>80977</v>
      </c>
      <c r="B22612" s="1" t="s">
        <v>75461</v>
      </c>
      <c r="C22612" s="1" t="s">
        <v>35</v>
      </c>
      <c r="D22612" s="1" t="s">
        <v>67456</v>
      </c>
      <c r="E22612" s="1" t="s">
        <v>80998</v>
      </c>
      <c r="F22612" s="1" t="s">
        <v>80999</v>
      </c>
      <c r="G22612" s="1" t="s">
        <v>80980</v>
      </c>
      <c r="H22612" s="1" t="s">
        <v>80981</v>
      </c>
      <c r="I22612" s="1" t="s">
        <v>75467</v>
      </c>
      <c r="J22612" s="1" t="s">
        <v>81000</v>
      </c>
    </row>
    <row r="22613" spans="1:10" x14ac:dyDescent="0.35">
      <c r="A22613" s="1" t="s">
        <v>80977</v>
      </c>
      <c r="B22613" s="1" t="s">
        <v>75461</v>
      </c>
      <c r="C22613" s="1" t="s">
        <v>40</v>
      </c>
      <c r="D22613" s="1" t="s">
        <v>81001</v>
      </c>
      <c r="E22613" s="1" t="s">
        <v>81002</v>
      </c>
      <c r="F22613" s="1" t="s">
        <v>81003</v>
      </c>
      <c r="G22613" s="1" t="s">
        <v>80980</v>
      </c>
      <c r="H22613" s="1" t="s">
        <v>80981</v>
      </c>
      <c r="I22613" s="1" t="s">
        <v>75467</v>
      </c>
      <c r="J22613" s="1" t="s">
        <v>81004</v>
      </c>
    </row>
    <row r="22614" spans="1:10" x14ac:dyDescent="0.35">
      <c r="A22614" s="1" t="s">
        <v>80977</v>
      </c>
      <c r="B22614" s="1" t="s">
        <v>75461</v>
      </c>
      <c r="C22614" s="1" t="s">
        <v>45</v>
      </c>
      <c r="D22614" s="1" t="s">
        <v>24722</v>
      </c>
      <c r="E22614" s="1" t="s">
        <v>81005</v>
      </c>
      <c r="F22614" s="1" t="s">
        <v>81006</v>
      </c>
      <c r="G22614" s="1" t="s">
        <v>80980</v>
      </c>
      <c r="H22614" s="1" t="s">
        <v>80981</v>
      </c>
      <c r="I22614" s="1" t="s">
        <v>75467</v>
      </c>
      <c r="J22614" s="1" t="s">
        <v>81007</v>
      </c>
    </row>
    <row r="22615" spans="1:10" x14ac:dyDescent="0.35">
      <c r="A22615" s="1" t="s">
        <v>80977</v>
      </c>
      <c r="B22615" s="1" t="s">
        <v>75461</v>
      </c>
      <c r="C22615" s="1" t="s">
        <v>50</v>
      </c>
      <c r="D22615" s="1" t="s">
        <v>81008</v>
      </c>
      <c r="E22615" s="1" t="s">
        <v>81009</v>
      </c>
      <c r="F22615" s="1" t="s">
        <v>81010</v>
      </c>
      <c r="G22615" s="1" t="s">
        <v>80980</v>
      </c>
      <c r="H22615" s="1" t="s">
        <v>80981</v>
      </c>
      <c r="I22615" s="1" t="s">
        <v>75467</v>
      </c>
      <c r="J22615" s="1" t="s">
        <v>81011</v>
      </c>
    </row>
    <row r="22616" spans="1:10" x14ac:dyDescent="0.35">
      <c r="A22616" s="1" t="s">
        <v>80977</v>
      </c>
      <c r="B22616" s="1" t="s">
        <v>75461</v>
      </c>
      <c r="C22616" s="1" t="s">
        <v>55</v>
      </c>
      <c r="D22616" s="1" t="s">
        <v>61189</v>
      </c>
      <c r="E22616" s="1" t="s">
        <v>81012</v>
      </c>
      <c r="F22616" s="1" t="s">
        <v>81013</v>
      </c>
      <c r="G22616" s="1" t="s">
        <v>80980</v>
      </c>
      <c r="H22616" s="1" t="s">
        <v>80981</v>
      </c>
      <c r="I22616" s="1" t="s">
        <v>75467</v>
      </c>
      <c r="J22616" s="1" t="s">
        <v>81014</v>
      </c>
    </row>
    <row r="22617" spans="1:10" x14ac:dyDescent="0.35">
      <c r="A22617" s="1" t="s">
        <v>80977</v>
      </c>
      <c r="B22617" s="1" t="s">
        <v>75461</v>
      </c>
      <c r="C22617" s="1" t="s">
        <v>60</v>
      </c>
      <c r="D22617" s="1" t="s">
        <v>81015</v>
      </c>
      <c r="E22617" s="1" t="s">
        <v>81016</v>
      </c>
      <c r="F22617" s="1" t="s">
        <v>81017</v>
      </c>
      <c r="G22617" s="1" t="s">
        <v>80980</v>
      </c>
      <c r="H22617" s="1" t="s">
        <v>80981</v>
      </c>
      <c r="I22617" s="1" t="s">
        <v>75467</v>
      </c>
      <c r="J22617" s="1" t="s">
        <v>81018</v>
      </c>
    </row>
    <row r="22618" spans="1:10" x14ac:dyDescent="0.35">
      <c r="A22618" s="1" t="s">
        <v>80977</v>
      </c>
      <c r="B22618" s="1" t="s">
        <v>75461</v>
      </c>
      <c r="C22618" s="1" t="s">
        <v>65</v>
      </c>
      <c r="D22618" s="1" t="s">
        <v>81019</v>
      </c>
      <c r="E22618" s="1" t="s">
        <v>81020</v>
      </c>
      <c r="F22618" s="1" t="s">
        <v>81021</v>
      </c>
      <c r="G22618" s="1" t="s">
        <v>80980</v>
      </c>
      <c r="H22618" s="1" t="s">
        <v>80981</v>
      </c>
      <c r="I22618" s="1" t="s">
        <v>75467</v>
      </c>
      <c r="J22618" s="1" t="s">
        <v>81022</v>
      </c>
    </row>
    <row r="22619" spans="1:10" x14ac:dyDescent="0.35">
      <c r="A22619" s="1" t="s">
        <v>80977</v>
      </c>
      <c r="B22619" s="1" t="s">
        <v>75461</v>
      </c>
      <c r="C22619" s="1" t="s">
        <v>70</v>
      </c>
      <c r="D22619" s="1" t="s">
        <v>81023</v>
      </c>
      <c r="E22619" s="1" t="s">
        <v>81024</v>
      </c>
      <c r="F22619" s="1" t="s">
        <v>81025</v>
      </c>
      <c r="G22619" s="1" t="s">
        <v>80980</v>
      </c>
      <c r="H22619" s="1" t="s">
        <v>80981</v>
      </c>
      <c r="I22619" s="1" t="s">
        <v>75467</v>
      </c>
      <c r="J22619" s="1" t="s">
        <v>81026</v>
      </c>
    </row>
    <row r="22620" spans="1:10" x14ac:dyDescent="0.35">
      <c r="A22620" s="1" t="s">
        <v>80977</v>
      </c>
      <c r="B22620" s="1" t="s">
        <v>75461</v>
      </c>
      <c r="C22620" s="1" t="s">
        <v>75</v>
      </c>
      <c r="D22620" s="1" t="s">
        <v>60935</v>
      </c>
      <c r="E22620" s="1" t="s">
        <v>81027</v>
      </c>
      <c r="F22620" s="1" t="s">
        <v>81028</v>
      </c>
      <c r="G22620" s="1" t="s">
        <v>80980</v>
      </c>
      <c r="H22620" s="1" t="s">
        <v>80981</v>
      </c>
      <c r="I22620" s="1" t="s">
        <v>75467</v>
      </c>
      <c r="J22620" s="1" t="s">
        <v>81029</v>
      </c>
    </row>
    <row r="22621" spans="1:10" x14ac:dyDescent="0.35">
      <c r="A22621" s="1" t="s">
        <v>80977</v>
      </c>
      <c r="B22621" s="1" t="s">
        <v>75461</v>
      </c>
      <c r="C22621" s="1" t="s">
        <v>80</v>
      </c>
      <c r="D22621" s="1" t="s">
        <v>81030</v>
      </c>
      <c r="E22621" s="1" t="s">
        <v>81031</v>
      </c>
      <c r="F22621" s="1" t="s">
        <v>81032</v>
      </c>
      <c r="G22621" s="1" t="s">
        <v>80980</v>
      </c>
      <c r="H22621" s="1" t="s">
        <v>80981</v>
      </c>
      <c r="I22621" s="1" t="s">
        <v>75467</v>
      </c>
      <c r="J22621" s="1" t="s">
        <v>81033</v>
      </c>
    </row>
    <row r="22622" spans="1:10" x14ac:dyDescent="0.35">
      <c r="A22622" s="1" t="s">
        <v>80977</v>
      </c>
      <c r="B22622" s="1" t="s">
        <v>75461</v>
      </c>
      <c r="C22622" s="1" t="s">
        <v>85</v>
      </c>
      <c r="D22622" s="1" t="s">
        <v>81034</v>
      </c>
      <c r="E22622" s="1" t="s">
        <v>81035</v>
      </c>
      <c r="F22622" s="1" t="s">
        <v>81036</v>
      </c>
      <c r="G22622" s="1" t="s">
        <v>80980</v>
      </c>
      <c r="H22622" s="1" t="s">
        <v>80981</v>
      </c>
      <c r="I22622" s="1" t="s">
        <v>75467</v>
      </c>
      <c r="J22622" s="1" t="s">
        <v>81037</v>
      </c>
    </row>
    <row r="22623" spans="1:10" x14ac:dyDescent="0.35">
      <c r="A22623" s="1" t="s">
        <v>80977</v>
      </c>
      <c r="B22623" s="1" t="s">
        <v>75461</v>
      </c>
      <c r="C22623" s="1" t="s">
        <v>90</v>
      </c>
      <c r="D22623" s="1" t="s">
        <v>81038</v>
      </c>
      <c r="E22623" s="1" t="s">
        <v>81039</v>
      </c>
      <c r="F22623" s="1" t="s">
        <v>81040</v>
      </c>
      <c r="G22623" s="1" t="s">
        <v>80980</v>
      </c>
      <c r="H22623" s="1" t="s">
        <v>80981</v>
      </c>
      <c r="I22623" s="1" t="s">
        <v>75467</v>
      </c>
      <c r="J22623" s="1" t="s">
        <v>81041</v>
      </c>
    </row>
    <row r="22624" spans="1:10" x14ac:dyDescent="0.35">
      <c r="A22624" s="1" t="s">
        <v>80977</v>
      </c>
      <c r="B22624" s="1" t="s">
        <v>75461</v>
      </c>
      <c r="C22624" s="1" t="s">
        <v>95</v>
      </c>
      <c r="D22624" s="1" t="s">
        <v>81042</v>
      </c>
      <c r="E22624" s="1" t="s">
        <v>81043</v>
      </c>
      <c r="F22624" s="1" t="s">
        <v>81044</v>
      </c>
      <c r="G22624" s="1" t="s">
        <v>80980</v>
      </c>
      <c r="H22624" s="1" t="s">
        <v>80981</v>
      </c>
      <c r="I22624" s="1" t="s">
        <v>75467</v>
      </c>
      <c r="J22624" s="1" t="s">
        <v>81045</v>
      </c>
    </row>
    <row r="22625" spans="1:10" x14ac:dyDescent="0.35">
      <c r="A22625" s="1" t="s">
        <v>80977</v>
      </c>
      <c r="B22625" s="1" t="s">
        <v>75461</v>
      </c>
      <c r="C22625" s="1" t="s">
        <v>100</v>
      </c>
      <c r="D22625" s="1" t="s">
        <v>81046</v>
      </c>
      <c r="E22625" s="1" t="s">
        <v>81047</v>
      </c>
      <c r="F22625" s="1" t="s">
        <v>81048</v>
      </c>
      <c r="G22625" s="1" t="s">
        <v>80980</v>
      </c>
      <c r="H22625" s="1" t="s">
        <v>80981</v>
      </c>
      <c r="I22625" s="1" t="s">
        <v>75467</v>
      </c>
      <c r="J22625" s="1" t="s">
        <v>81049</v>
      </c>
    </row>
    <row r="22626" spans="1:10" x14ac:dyDescent="0.35">
      <c r="A22626" s="1" t="s">
        <v>80977</v>
      </c>
      <c r="B22626" s="1" t="s">
        <v>75461</v>
      </c>
      <c r="C22626" s="1" t="s">
        <v>105</v>
      </c>
      <c r="D22626" s="1" t="s">
        <v>81050</v>
      </c>
      <c r="E22626" s="1" t="s">
        <v>81051</v>
      </c>
      <c r="F22626" s="1" t="s">
        <v>81052</v>
      </c>
      <c r="G22626" s="1" t="s">
        <v>80980</v>
      </c>
      <c r="H22626" s="1" t="s">
        <v>80981</v>
      </c>
      <c r="I22626" s="1" t="s">
        <v>75467</v>
      </c>
      <c r="J22626" s="1" t="s">
        <v>81053</v>
      </c>
    </row>
    <row r="22627" spans="1:10" x14ac:dyDescent="0.35">
      <c r="A22627" s="1" t="s">
        <v>80977</v>
      </c>
      <c r="B22627" s="1" t="s">
        <v>75461</v>
      </c>
      <c r="C22627" s="1" t="s">
        <v>110</v>
      </c>
      <c r="D22627" s="1" t="s">
        <v>81054</v>
      </c>
      <c r="E22627" s="1" t="s">
        <v>81055</v>
      </c>
      <c r="F22627" s="1" t="s">
        <v>81056</v>
      </c>
      <c r="G22627" s="1" t="s">
        <v>80980</v>
      </c>
      <c r="H22627" s="1" t="s">
        <v>80981</v>
      </c>
      <c r="I22627" s="1" t="s">
        <v>75467</v>
      </c>
      <c r="J22627" s="1" t="s">
        <v>81057</v>
      </c>
    </row>
    <row r="22628" spans="1:10" x14ac:dyDescent="0.35">
      <c r="A22628" s="1" t="s">
        <v>80977</v>
      </c>
      <c r="B22628" s="1" t="s">
        <v>75461</v>
      </c>
      <c r="C22628" s="1" t="s">
        <v>115</v>
      </c>
      <c r="D22628" s="1" t="s">
        <v>81058</v>
      </c>
      <c r="E22628" s="1" t="s">
        <v>81059</v>
      </c>
      <c r="F22628" s="1" t="s">
        <v>81060</v>
      </c>
      <c r="G22628" s="1" t="s">
        <v>80980</v>
      </c>
      <c r="H22628" s="1" t="s">
        <v>80981</v>
      </c>
      <c r="I22628" s="1" t="s">
        <v>75467</v>
      </c>
      <c r="J22628" s="1" t="s">
        <v>81061</v>
      </c>
    </row>
    <row r="22629" spans="1:10" x14ac:dyDescent="0.35">
      <c r="A22629" s="1" t="s">
        <v>80977</v>
      </c>
      <c r="B22629" s="1" t="s">
        <v>75461</v>
      </c>
      <c r="C22629" s="1" t="s">
        <v>120</v>
      </c>
      <c r="D22629" s="1" t="s">
        <v>81062</v>
      </c>
      <c r="E22629" s="1" t="s">
        <v>81063</v>
      </c>
      <c r="F22629" s="1" t="s">
        <v>81064</v>
      </c>
      <c r="G22629" s="1" t="s">
        <v>80980</v>
      </c>
      <c r="H22629" s="1" t="s">
        <v>80981</v>
      </c>
      <c r="I22629" s="1" t="s">
        <v>75467</v>
      </c>
      <c r="J22629" s="1" t="s">
        <v>81065</v>
      </c>
    </row>
    <row r="22630" spans="1:10" x14ac:dyDescent="0.35">
      <c r="A22630" s="1" t="s">
        <v>80977</v>
      </c>
      <c r="B22630" s="1" t="s">
        <v>75461</v>
      </c>
      <c r="C22630" s="1" t="s">
        <v>125</v>
      </c>
      <c r="D22630" s="1" t="s">
        <v>81066</v>
      </c>
      <c r="E22630" s="1" t="s">
        <v>81067</v>
      </c>
      <c r="F22630" s="1" t="s">
        <v>81068</v>
      </c>
      <c r="G22630" s="1" t="s">
        <v>80980</v>
      </c>
      <c r="H22630" s="1" t="s">
        <v>80981</v>
      </c>
      <c r="I22630" s="1" t="s">
        <v>75467</v>
      </c>
      <c r="J22630" s="1" t="s">
        <v>81069</v>
      </c>
    </row>
    <row r="22631" spans="1:10" x14ac:dyDescent="0.35">
      <c r="A22631" s="1" t="s">
        <v>80977</v>
      </c>
      <c r="B22631" s="1" t="s">
        <v>75461</v>
      </c>
      <c r="C22631" s="1" t="s">
        <v>130</v>
      </c>
      <c r="D22631" s="1" t="s">
        <v>81070</v>
      </c>
      <c r="E22631" s="1" t="s">
        <v>81071</v>
      </c>
      <c r="F22631" s="1" t="s">
        <v>81072</v>
      </c>
      <c r="G22631" s="1" t="s">
        <v>80980</v>
      </c>
      <c r="H22631" s="1" t="s">
        <v>80981</v>
      </c>
      <c r="I22631" s="1" t="s">
        <v>75467</v>
      </c>
      <c r="J22631" s="1" t="s">
        <v>81073</v>
      </c>
    </row>
    <row r="22632" spans="1:10" x14ac:dyDescent="0.35">
      <c r="A22632" s="1" t="s">
        <v>80977</v>
      </c>
      <c r="B22632" s="1" t="s">
        <v>75461</v>
      </c>
      <c r="C22632" s="1" t="s">
        <v>135</v>
      </c>
      <c r="D22632" s="1" t="s">
        <v>81074</v>
      </c>
      <c r="E22632" s="1" t="s">
        <v>81075</v>
      </c>
      <c r="F22632" s="1" t="s">
        <v>81076</v>
      </c>
      <c r="G22632" s="1" t="s">
        <v>80980</v>
      </c>
      <c r="H22632" s="1" t="s">
        <v>80981</v>
      </c>
      <c r="I22632" s="1" t="s">
        <v>75467</v>
      </c>
      <c r="J22632" s="1" t="s">
        <v>81077</v>
      </c>
    </row>
    <row r="22633" spans="1:10" x14ac:dyDescent="0.35">
      <c r="A22633" s="1" t="s">
        <v>80977</v>
      </c>
      <c r="B22633" s="1" t="s">
        <v>75461</v>
      </c>
      <c r="C22633" s="1" t="s">
        <v>140</v>
      </c>
      <c r="D22633" s="1" t="s">
        <v>81078</v>
      </c>
      <c r="E22633" s="1" t="s">
        <v>81079</v>
      </c>
      <c r="F22633" s="1" t="s">
        <v>81080</v>
      </c>
      <c r="G22633" s="1" t="s">
        <v>80980</v>
      </c>
      <c r="H22633" s="1" t="s">
        <v>80981</v>
      </c>
      <c r="I22633" s="1" t="s">
        <v>75467</v>
      </c>
      <c r="J22633" s="1" t="s">
        <v>81081</v>
      </c>
    </row>
    <row r="22634" spans="1:10" x14ac:dyDescent="0.35">
      <c r="A22634" s="1" t="s">
        <v>80977</v>
      </c>
      <c r="B22634" s="1" t="s">
        <v>75461</v>
      </c>
      <c r="C22634" s="1" t="s">
        <v>145</v>
      </c>
      <c r="D22634" s="1" t="s">
        <v>81082</v>
      </c>
      <c r="E22634" s="1" t="s">
        <v>81083</v>
      </c>
      <c r="F22634" s="1" t="s">
        <v>81084</v>
      </c>
      <c r="G22634" s="1" t="s">
        <v>80980</v>
      </c>
      <c r="H22634" s="1" t="s">
        <v>80981</v>
      </c>
      <c r="I22634" s="1" t="s">
        <v>75467</v>
      </c>
      <c r="J22634" s="1" t="s">
        <v>81085</v>
      </c>
    </row>
    <row r="22635" spans="1:10" x14ac:dyDescent="0.35">
      <c r="A22635" s="1" t="s">
        <v>80977</v>
      </c>
      <c r="B22635" s="1" t="s">
        <v>75461</v>
      </c>
      <c r="C22635" s="1" t="s">
        <v>150</v>
      </c>
      <c r="D22635" s="1" t="s">
        <v>81086</v>
      </c>
      <c r="E22635" s="1" t="s">
        <v>81087</v>
      </c>
      <c r="F22635" s="1" t="s">
        <v>81088</v>
      </c>
      <c r="G22635" s="1" t="s">
        <v>80980</v>
      </c>
      <c r="H22635" s="1" t="s">
        <v>80981</v>
      </c>
      <c r="I22635" s="1" t="s">
        <v>75467</v>
      </c>
      <c r="J22635" s="1" t="s">
        <v>81089</v>
      </c>
    </row>
    <row r="22636" spans="1:10" x14ac:dyDescent="0.35">
      <c r="A22636" s="1" t="s">
        <v>80977</v>
      </c>
      <c r="B22636" s="1" t="s">
        <v>75461</v>
      </c>
      <c r="C22636" s="1" t="s">
        <v>155</v>
      </c>
      <c r="D22636" s="1" t="s">
        <v>81090</v>
      </c>
      <c r="E22636" s="1" t="s">
        <v>81091</v>
      </c>
      <c r="F22636" s="1" t="s">
        <v>81092</v>
      </c>
      <c r="G22636" s="1" t="s">
        <v>80980</v>
      </c>
      <c r="H22636" s="1" t="s">
        <v>80981</v>
      </c>
      <c r="I22636" s="1" t="s">
        <v>75467</v>
      </c>
      <c r="J22636" s="1" t="s">
        <v>81093</v>
      </c>
    </row>
    <row r="22637" spans="1:10" x14ac:dyDescent="0.35">
      <c r="A22637" s="1" t="s">
        <v>80977</v>
      </c>
      <c r="B22637" s="1" t="s">
        <v>75461</v>
      </c>
      <c r="C22637" s="1" t="s">
        <v>160</v>
      </c>
      <c r="D22637" s="1" t="s">
        <v>81094</v>
      </c>
      <c r="E22637" s="1" t="s">
        <v>81095</v>
      </c>
      <c r="F22637" s="1" t="s">
        <v>81096</v>
      </c>
      <c r="G22637" s="1" t="s">
        <v>80980</v>
      </c>
      <c r="H22637" s="1" t="s">
        <v>80981</v>
      </c>
      <c r="I22637" s="1" t="s">
        <v>75467</v>
      </c>
      <c r="J22637" s="1" t="s">
        <v>81097</v>
      </c>
    </row>
    <row r="22638" spans="1:10" x14ac:dyDescent="0.35">
      <c r="A22638" s="1" t="s">
        <v>80977</v>
      </c>
      <c r="B22638" s="1" t="s">
        <v>75461</v>
      </c>
      <c r="C22638" s="1" t="s">
        <v>165</v>
      </c>
      <c r="D22638" s="1" t="s">
        <v>81098</v>
      </c>
      <c r="E22638" s="1" t="s">
        <v>81099</v>
      </c>
      <c r="F22638" s="1" t="s">
        <v>81100</v>
      </c>
      <c r="G22638" s="1" t="s">
        <v>80980</v>
      </c>
      <c r="H22638" s="1" t="s">
        <v>80981</v>
      </c>
      <c r="I22638" s="1" t="s">
        <v>75467</v>
      </c>
      <c r="J22638" s="1" t="s">
        <v>81101</v>
      </c>
    </row>
    <row r="22639" spans="1:10" x14ac:dyDescent="0.35">
      <c r="A22639" s="1" t="s">
        <v>80977</v>
      </c>
      <c r="B22639" s="1" t="s">
        <v>75461</v>
      </c>
      <c r="C22639" s="1" t="s">
        <v>170</v>
      </c>
      <c r="D22639" s="1" t="s">
        <v>62179</v>
      </c>
      <c r="E22639" s="1" t="s">
        <v>81102</v>
      </c>
      <c r="F22639" s="1" t="s">
        <v>81103</v>
      </c>
      <c r="G22639" s="1" t="s">
        <v>80980</v>
      </c>
      <c r="H22639" s="1" t="s">
        <v>80981</v>
      </c>
      <c r="I22639" s="1" t="s">
        <v>75467</v>
      </c>
      <c r="J22639" s="1" t="s">
        <v>81104</v>
      </c>
    </row>
    <row r="22640" spans="1:10" x14ac:dyDescent="0.35">
      <c r="A22640" s="1" t="s">
        <v>7301</v>
      </c>
      <c r="B22640" s="1" t="s">
        <v>75461</v>
      </c>
      <c r="C22640" s="1" t="s">
        <v>8</v>
      </c>
      <c r="D22640" s="1" t="s">
        <v>81105</v>
      </c>
      <c r="E22640" s="1" t="s">
        <v>81106</v>
      </c>
      <c r="F22640" s="1" t="s">
        <v>81107</v>
      </c>
      <c r="G22640" s="1" t="s">
        <v>81108</v>
      </c>
      <c r="H22640" s="1" t="s">
        <v>81109</v>
      </c>
      <c r="I22640" s="1" t="s">
        <v>75467</v>
      </c>
      <c r="J22640" s="1" t="s">
        <v>13</v>
      </c>
    </row>
    <row r="22641" spans="1:10" x14ac:dyDescent="0.35">
      <c r="A22641" s="1" t="s">
        <v>7301</v>
      </c>
      <c r="B22641" s="1" t="s">
        <v>75461</v>
      </c>
      <c r="C22641" s="1" t="s">
        <v>15</v>
      </c>
      <c r="D22641" s="1" t="s">
        <v>81110</v>
      </c>
      <c r="E22641" s="1" t="s">
        <v>81111</v>
      </c>
      <c r="F22641" s="1" t="s">
        <v>81112</v>
      </c>
      <c r="G22641" s="1" t="s">
        <v>81108</v>
      </c>
      <c r="H22641" s="1" t="s">
        <v>81109</v>
      </c>
      <c r="I22641" s="1" t="s">
        <v>75467</v>
      </c>
      <c r="J22641" s="1" t="s">
        <v>81113</v>
      </c>
    </row>
    <row r="22642" spans="1:10" x14ac:dyDescent="0.35">
      <c r="A22642" s="1" t="s">
        <v>7301</v>
      </c>
      <c r="B22642" s="1" t="s">
        <v>75461</v>
      </c>
      <c r="C22642" s="1" t="s">
        <v>20</v>
      </c>
      <c r="D22642" s="1" t="s">
        <v>40136</v>
      </c>
      <c r="E22642" s="1" t="s">
        <v>15485</v>
      </c>
      <c r="F22642" s="1" t="s">
        <v>81114</v>
      </c>
      <c r="G22642" s="1" t="s">
        <v>81108</v>
      </c>
      <c r="H22642" s="1" t="s">
        <v>81109</v>
      </c>
      <c r="I22642" s="1" t="s">
        <v>75467</v>
      </c>
      <c r="J22642" s="1" t="s">
        <v>81115</v>
      </c>
    </row>
    <row r="22643" spans="1:10" x14ac:dyDescent="0.35">
      <c r="A22643" s="1" t="s">
        <v>7301</v>
      </c>
      <c r="B22643" s="1" t="s">
        <v>75461</v>
      </c>
      <c r="C22643" s="1" t="s">
        <v>25</v>
      </c>
      <c r="D22643" s="1" t="s">
        <v>81116</v>
      </c>
      <c r="E22643" s="1" t="s">
        <v>16058</v>
      </c>
      <c r="F22643" s="1" t="s">
        <v>81117</v>
      </c>
      <c r="G22643" s="1" t="s">
        <v>81108</v>
      </c>
      <c r="H22643" s="1" t="s">
        <v>81109</v>
      </c>
      <c r="I22643" s="1" t="s">
        <v>75467</v>
      </c>
      <c r="J22643" s="1" t="s">
        <v>81118</v>
      </c>
    </row>
    <row r="22644" spans="1:10" x14ac:dyDescent="0.35">
      <c r="A22644" s="1" t="s">
        <v>7301</v>
      </c>
      <c r="B22644" s="1" t="s">
        <v>75461</v>
      </c>
      <c r="C22644" s="1" t="s">
        <v>30</v>
      </c>
      <c r="D22644" s="1" t="s">
        <v>81119</v>
      </c>
      <c r="E22644" s="1" t="s">
        <v>81120</v>
      </c>
      <c r="F22644" s="1" t="s">
        <v>81121</v>
      </c>
      <c r="G22644" s="1" t="s">
        <v>81108</v>
      </c>
      <c r="H22644" s="1" t="s">
        <v>81109</v>
      </c>
      <c r="I22644" s="1" t="s">
        <v>75467</v>
      </c>
      <c r="J22644" s="1" t="s">
        <v>81122</v>
      </c>
    </row>
    <row r="22645" spans="1:10" x14ac:dyDescent="0.35">
      <c r="A22645" s="1" t="s">
        <v>7301</v>
      </c>
      <c r="B22645" s="1" t="s">
        <v>75461</v>
      </c>
      <c r="C22645" s="1" t="s">
        <v>35</v>
      </c>
      <c r="D22645" s="1" t="s">
        <v>77905</v>
      </c>
      <c r="E22645" s="1" t="s">
        <v>15528</v>
      </c>
      <c r="F22645" s="1" t="s">
        <v>67717</v>
      </c>
      <c r="G22645" s="1" t="s">
        <v>81108</v>
      </c>
      <c r="H22645" s="1" t="s">
        <v>81109</v>
      </c>
      <c r="I22645" s="1" t="s">
        <v>75467</v>
      </c>
      <c r="J22645" s="1" t="s">
        <v>81123</v>
      </c>
    </row>
    <row r="22646" spans="1:10" x14ac:dyDescent="0.35">
      <c r="A22646" s="1" t="s">
        <v>7301</v>
      </c>
      <c r="B22646" s="1" t="s">
        <v>75461</v>
      </c>
      <c r="C22646" s="1" t="s">
        <v>40</v>
      </c>
      <c r="D22646" s="1" t="s">
        <v>81124</v>
      </c>
      <c r="E22646" s="1" t="s">
        <v>81125</v>
      </c>
      <c r="F22646" s="1" t="s">
        <v>81126</v>
      </c>
      <c r="G22646" s="1" t="s">
        <v>81108</v>
      </c>
      <c r="H22646" s="1" t="s">
        <v>81109</v>
      </c>
      <c r="I22646" s="1" t="s">
        <v>75467</v>
      </c>
      <c r="J22646" s="1" t="s">
        <v>81127</v>
      </c>
    </row>
    <row r="22647" spans="1:10" x14ac:dyDescent="0.35">
      <c r="A22647" s="1" t="s">
        <v>7301</v>
      </c>
      <c r="B22647" s="1" t="s">
        <v>75461</v>
      </c>
      <c r="C22647" s="1" t="s">
        <v>45</v>
      </c>
      <c r="D22647" s="1" t="s">
        <v>40246</v>
      </c>
      <c r="E22647" s="1" t="s">
        <v>81128</v>
      </c>
      <c r="F22647" s="1" t="s">
        <v>81129</v>
      </c>
      <c r="G22647" s="1" t="s">
        <v>81108</v>
      </c>
      <c r="H22647" s="1" t="s">
        <v>81109</v>
      </c>
      <c r="I22647" s="1" t="s">
        <v>75467</v>
      </c>
      <c r="J22647" s="1" t="s">
        <v>81130</v>
      </c>
    </row>
    <row r="22648" spans="1:10" x14ac:dyDescent="0.35">
      <c r="A22648" s="1" t="s">
        <v>7301</v>
      </c>
      <c r="B22648" s="1" t="s">
        <v>75461</v>
      </c>
      <c r="C22648" s="1" t="s">
        <v>50</v>
      </c>
      <c r="D22648" s="1" t="s">
        <v>81131</v>
      </c>
      <c r="E22648" s="1" t="s">
        <v>81132</v>
      </c>
      <c r="F22648" s="1" t="s">
        <v>81133</v>
      </c>
      <c r="G22648" s="1" t="s">
        <v>81108</v>
      </c>
      <c r="H22648" s="1" t="s">
        <v>81109</v>
      </c>
      <c r="I22648" s="1" t="s">
        <v>75467</v>
      </c>
      <c r="J22648" s="1" t="s">
        <v>81134</v>
      </c>
    </row>
    <row r="22649" spans="1:10" x14ac:dyDescent="0.35">
      <c r="A22649" s="1" t="s">
        <v>7301</v>
      </c>
      <c r="B22649" s="1" t="s">
        <v>75461</v>
      </c>
      <c r="C22649" s="1" t="s">
        <v>55</v>
      </c>
      <c r="D22649" s="1" t="s">
        <v>81135</v>
      </c>
      <c r="E22649" s="1" t="s">
        <v>81136</v>
      </c>
      <c r="F22649" s="1" t="s">
        <v>81137</v>
      </c>
      <c r="G22649" s="1" t="s">
        <v>81108</v>
      </c>
      <c r="H22649" s="1" t="s">
        <v>81109</v>
      </c>
      <c r="I22649" s="1" t="s">
        <v>75467</v>
      </c>
      <c r="J22649" s="1" t="s">
        <v>81138</v>
      </c>
    </row>
    <row r="22650" spans="1:10" x14ac:dyDescent="0.35">
      <c r="A22650" s="1" t="s">
        <v>7301</v>
      </c>
      <c r="B22650" s="1" t="s">
        <v>75461</v>
      </c>
      <c r="C22650" s="1" t="s">
        <v>60</v>
      </c>
      <c r="D22650" s="1" t="s">
        <v>81139</v>
      </c>
      <c r="E22650" s="1" t="s">
        <v>81140</v>
      </c>
      <c r="F22650" s="1" t="s">
        <v>81141</v>
      </c>
      <c r="G22650" s="1" t="s">
        <v>81108</v>
      </c>
      <c r="H22650" s="1" t="s">
        <v>81109</v>
      </c>
      <c r="I22650" s="1" t="s">
        <v>75467</v>
      </c>
      <c r="J22650" s="1" t="s">
        <v>81142</v>
      </c>
    </row>
    <row r="22651" spans="1:10" x14ac:dyDescent="0.35">
      <c r="A22651" s="1" t="s">
        <v>7301</v>
      </c>
      <c r="B22651" s="1" t="s">
        <v>75461</v>
      </c>
      <c r="C22651" s="1" t="s">
        <v>65</v>
      </c>
      <c r="D22651" s="1" t="s">
        <v>76072</v>
      </c>
      <c r="E22651" s="1" t="s">
        <v>81143</v>
      </c>
      <c r="F22651" s="1" t="s">
        <v>81144</v>
      </c>
      <c r="G22651" s="1" t="s">
        <v>81108</v>
      </c>
      <c r="H22651" s="1" t="s">
        <v>81109</v>
      </c>
      <c r="I22651" s="1" t="s">
        <v>75467</v>
      </c>
      <c r="J22651" s="1" t="s">
        <v>81145</v>
      </c>
    </row>
    <row r="22652" spans="1:10" x14ac:dyDescent="0.35">
      <c r="A22652" s="1" t="s">
        <v>7301</v>
      </c>
      <c r="B22652" s="1" t="s">
        <v>75461</v>
      </c>
      <c r="C22652" s="1" t="s">
        <v>70</v>
      </c>
      <c r="D22652" s="1" t="s">
        <v>24461</v>
      </c>
      <c r="E22652" s="1" t="s">
        <v>81146</v>
      </c>
      <c r="F22652" s="1" t="s">
        <v>81147</v>
      </c>
      <c r="G22652" s="1" t="s">
        <v>81108</v>
      </c>
      <c r="H22652" s="1" t="s">
        <v>81109</v>
      </c>
      <c r="I22652" s="1" t="s">
        <v>75467</v>
      </c>
      <c r="J22652" s="1" t="s">
        <v>81148</v>
      </c>
    </row>
    <row r="22653" spans="1:10" x14ac:dyDescent="0.35">
      <c r="A22653" s="1" t="s">
        <v>7301</v>
      </c>
      <c r="B22653" s="1" t="s">
        <v>75461</v>
      </c>
      <c r="C22653" s="1" t="s">
        <v>75</v>
      </c>
      <c r="D22653" s="1" t="s">
        <v>81149</v>
      </c>
      <c r="E22653" s="1" t="s">
        <v>81150</v>
      </c>
      <c r="F22653" s="1" t="s">
        <v>81151</v>
      </c>
      <c r="G22653" s="1" t="s">
        <v>81108</v>
      </c>
      <c r="H22653" s="1" t="s">
        <v>81109</v>
      </c>
      <c r="I22653" s="1" t="s">
        <v>75467</v>
      </c>
      <c r="J22653" s="1" t="s">
        <v>81152</v>
      </c>
    </row>
    <row r="22654" spans="1:10" x14ac:dyDescent="0.35">
      <c r="A22654" s="1" t="s">
        <v>7301</v>
      </c>
      <c r="B22654" s="1" t="s">
        <v>75461</v>
      </c>
      <c r="C22654" s="1" t="s">
        <v>80</v>
      </c>
      <c r="D22654" s="1" t="s">
        <v>23534</v>
      </c>
      <c r="E22654" s="1" t="s">
        <v>81153</v>
      </c>
      <c r="F22654" s="1" t="s">
        <v>81154</v>
      </c>
      <c r="G22654" s="1" t="s">
        <v>81108</v>
      </c>
      <c r="H22654" s="1" t="s">
        <v>81109</v>
      </c>
      <c r="I22654" s="1" t="s">
        <v>75467</v>
      </c>
      <c r="J22654" s="1" t="s">
        <v>81155</v>
      </c>
    </row>
    <row r="22655" spans="1:10" x14ac:dyDescent="0.35">
      <c r="A22655" s="1" t="s">
        <v>7301</v>
      </c>
      <c r="B22655" s="1" t="s">
        <v>75461</v>
      </c>
      <c r="C22655" s="1" t="s">
        <v>85</v>
      </c>
      <c r="D22655" s="1" t="s">
        <v>81156</v>
      </c>
      <c r="E22655" s="1" t="s">
        <v>81157</v>
      </c>
      <c r="F22655" s="1" t="s">
        <v>81158</v>
      </c>
      <c r="G22655" s="1" t="s">
        <v>81108</v>
      </c>
      <c r="H22655" s="1" t="s">
        <v>81109</v>
      </c>
      <c r="I22655" s="1" t="s">
        <v>75467</v>
      </c>
      <c r="J22655" s="1" t="s">
        <v>81159</v>
      </c>
    </row>
    <row r="22656" spans="1:10" x14ac:dyDescent="0.35">
      <c r="A22656" s="1" t="s">
        <v>7301</v>
      </c>
      <c r="B22656" s="1" t="s">
        <v>75461</v>
      </c>
      <c r="C22656" s="1" t="s">
        <v>90</v>
      </c>
      <c r="D22656" s="1" t="s">
        <v>81160</v>
      </c>
      <c r="E22656" s="1" t="s">
        <v>81161</v>
      </c>
      <c r="F22656" s="1" t="s">
        <v>81162</v>
      </c>
      <c r="G22656" s="1" t="s">
        <v>81108</v>
      </c>
      <c r="H22656" s="1" t="s">
        <v>81109</v>
      </c>
      <c r="I22656" s="1" t="s">
        <v>75467</v>
      </c>
      <c r="J22656" s="1" t="s">
        <v>81163</v>
      </c>
    </row>
    <row r="22657" spans="1:10" x14ac:dyDescent="0.35">
      <c r="A22657" s="1" t="s">
        <v>7301</v>
      </c>
      <c r="B22657" s="1" t="s">
        <v>75461</v>
      </c>
      <c r="C22657" s="1" t="s">
        <v>95</v>
      </c>
      <c r="D22657" s="1" t="s">
        <v>81164</v>
      </c>
      <c r="E22657" s="1" t="s">
        <v>78772</v>
      </c>
      <c r="F22657" s="1" t="s">
        <v>81165</v>
      </c>
      <c r="G22657" s="1" t="s">
        <v>81108</v>
      </c>
      <c r="H22657" s="1" t="s">
        <v>81109</v>
      </c>
      <c r="I22657" s="1" t="s">
        <v>75467</v>
      </c>
      <c r="J22657" s="1" t="s">
        <v>81166</v>
      </c>
    </row>
    <row r="22658" spans="1:10" x14ac:dyDescent="0.35">
      <c r="A22658" s="1" t="s">
        <v>7301</v>
      </c>
      <c r="B22658" s="1" t="s">
        <v>75461</v>
      </c>
      <c r="C22658" s="1" t="s">
        <v>100</v>
      </c>
      <c r="D22658" s="1" t="s">
        <v>62481</v>
      </c>
      <c r="E22658" s="1" t="s">
        <v>81167</v>
      </c>
      <c r="F22658" s="1" t="s">
        <v>81168</v>
      </c>
      <c r="G22658" s="1" t="s">
        <v>81108</v>
      </c>
      <c r="H22658" s="1" t="s">
        <v>81109</v>
      </c>
      <c r="I22658" s="1" t="s">
        <v>75467</v>
      </c>
      <c r="J22658" s="1" t="s">
        <v>81169</v>
      </c>
    </row>
    <row r="22659" spans="1:10" x14ac:dyDescent="0.35">
      <c r="A22659" s="1" t="s">
        <v>7301</v>
      </c>
      <c r="B22659" s="1" t="s">
        <v>75461</v>
      </c>
      <c r="C22659" s="1" t="s">
        <v>105</v>
      </c>
      <c r="D22659" s="1" t="s">
        <v>61528</v>
      </c>
      <c r="E22659" s="1" t="s">
        <v>81170</v>
      </c>
      <c r="F22659" s="1" t="s">
        <v>81171</v>
      </c>
      <c r="G22659" s="1" t="s">
        <v>81108</v>
      </c>
      <c r="H22659" s="1" t="s">
        <v>81109</v>
      </c>
      <c r="I22659" s="1" t="s">
        <v>75467</v>
      </c>
      <c r="J22659" s="1" t="s">
        <v>81172</v>
      </c>
    </row>
    <row r="22660" spans="1:10" x14ac:dyDescent="0.35">
      <c r="A22660" s="1" t="s">
        <v>7301</v>
      </c>
      <c r="B22660" s="1" t="s">
        <v>75461</v>
      </c>
      <c r="C22660" s="1" t="s">
        <v>110</v>
      </c>
      <c r="D22660" s="1" t="s">
        <v>81173</v>
      </c>
      <c r="E22660" s="1" t="s">
        <v>81174</v>
      </c>
      <c r="F22660" s="1" t="s">
        <v>81175</v>
      </c>
      <c r="G22660" s="1" t="s">
        <v>81108</v>
      </c>
      <c r="H22660" s="1" t="s">
        <v>81109</v>
      </c>
      <c r="I22660" s="1" t="s">
        <v>75467</v>
      </c>
      <c r="J22660" s="1" t="s">
        <v>81176</v>
      </c>
    </row>
    <row r="22661" spans="1:10" x14ac:dyDescent="0.35">
      <c r="A22661" s="1" t="s">
        <v>7301</v>
      </c>
      <c r="B22661" s="1" t="s">
        <v>75461</v>
      </c>
      <c r="C22661" s="1" t="s">
        <v>115</v>
      </c>
      <c r="D22661" s="1" t="s">
        <v>81177</v>
      </c>
      <c r="E22661" s="1" t="s">
        <v>81178</v>
      </c>
      <c r="F22661" s="1" t="s">
        <v>81179</v>
      </c>
      <c r="G22661" s="1" t="s">
        <v>81108</v>
      </c>
      <c r="H22661" s="1" t="s">
        <v>81109</v>
      </c>
      <c r="I22661" s="1" t="s">
        <v>75467</v>
      </c>
      <c r="J22661" s="1" t="s">
        <v>81180</v>
      </c>
    </row>
    <row r="22662" spans="1:10" x14ac:dyDescent="0.35">
      <c r="A22662" s="1" t="s">
        <v>7301</v>
      </c>
      <c r="B22662" s="1" t="s">
        <v>75461</v>
      </c>
      <c r="C22662" s="1" t="s">
        <v>120</v>
      </c>
      <c r="D22662" s="1" t="s">
        <v>81181</v>
      </c>
      <c r="E22662" s="1" t="s">
        <v>81182</v>
      </c>
      <c r="F22662" s="1" t="s">
        <v>81183</v>
      </c>
      <c r="G22662" s="1" t="s">
        <v>81108</v>
      </c>
      <c r="H22662" s="1" t="s">
        <v>81109</v>
      </c>
      <c r="I22662" s="1" t="s">
        <v>75467</v>
      </c>
      <c r="J22662" s="1" t="s">
        <v>81184</v>
      </c>
    </row>
    <row r="22663" spans="1:10" x14ac:dyDescent="0.35">
      <c r="A22663" s="1" t="s">
        <v>7301</v>
      </c>
      <c r="B22663" s="1" t="s">
        <v>75461</v>
      </c>
      <c r="C22663" s="1" t="s">
        <v>125</v>
      </c>
      <c r="D22663" s="1" t="s">
        <v>81185</v>
      </c>
      <c r="E22663" s="1" t="s">
        <v>81186</v>
      </c>
      <c r="F22663" s="1" t="s">
        <v>81187</v>
      </c>
      <c r="G22663" s="1" t="s">
        <v>81108</v>
      </c>
      <c r="H22663" s="1" t="s">
        <v>81109</v>
      </c>
      <c r="I22663" s="1" t="s">
        <v>75467</v>
      </c>
      <c r="J22663" s="1" t="s">
        <v>81188</v>
      </c>
    </row>
    <row r="22664" spans="1:10" x14ac:dyDescent="0.35">
      <c r="A22664" s="1" t="s">
        <v>7301</v>
      </c>
      <c r="B22664" s="1" t="s">
        <v>75461</v>
      </c>
      <c r="C22664" s="1" t="s">
        <v>130</v>
      </c>
      <c r="D22664" s="1" t="s">
        <v>81189</v>
      </c>
      <c r="E22664" s="1" t="s">
        <v>81190</v>
      </c>
      <c r="F22664" s="1" t="s">
        <v>81191</v>
      </c>
      <c r="G22664" s="1" t="s">
        <v>81108</v>
      </c>
      <c r="H22664" s="1" t="s">
        <v>81109</v>
      </c>
      <c r="I22664" s="1" t="s">
        <v>75467</v>
      </c>
      <c r="J22664" s="1" t="s">
        <v>81192</v>
      </c>
    </row>
    <row r="22665" spans="1:10" x14ac:dyDescent="0.35">
      <c r="A22665" s="1" t="s">
        <v>7301</v>
      </c>
      <c r="B22665" s="1" t="s">
        <v>75461</v>
      </c>
      <c r="C22665" s="1" t="s">
        <v>135</v>
      </c>
      <c r="D22665" s="1" t="s">
        <v>81193</v>
      </c>
      <c r="E22665" s="1" t="s">
        <v>15548</v>
      </c>
      <c r="F22665" s="1" t="s">
        <v>81194</v>
      </c>
      <c r="G22665" s="1" t="s">
        <v>81108</v>
      </c>
      <c r="H22665" s="1" t="s">
        <v>81109</v>
      </c>
      <c r="I22665" s="1" t="s">
        <v>75467</v>
      </c>
      <c r="J22665" s="1" t="s">
        <v>81195</v>
      </c>
    </row>
    <row r="22666" spans="1:10" x14ac:dyDescent="0.35">
      <c r="A22666" s="1" t="s">
        <v>7301</v>
      </c>
      <c r="B22666" s="1" t="s">
        <v>75461</v>
      </c>
      <c r="C22666" s="1" t="s">
        <v>140</v>
      </c>
      <c r="D22666" s="1" t="s">
        <v>81196</v>
      </c>
      <c r="E22666" s="1" t="s">
        <v>81197</v>
      </c>
      <c r="F22666" s="1" t="s">
        <v>81198</v>
      </c>
      <c r="G22666" s="1" t="s">
        <v>81108</v>
      </c>
      <c r="H22666" s="1" t="s">
        <v>81109</v>
      </c>
      <c r="I22666" s="1" t="s">
        <v>75467</v>
      </c>
      <c r="J22666" s="1" t="s">
        <v>81199</v>
      </c>
    </row>
    <row r="22667" spans="1:10" x14ac:dyDescent="0.35">
      <c r="A22667" s="1" t="s">
        <v>7301</v>
      </c>
      <c r="B22667" s="1" t="s">
        <v>75461</v>
      </c>
      <c r="C22667" s="1" t="s">
        <v>145</v>
      </c>
      <c r="D22667" s="1" t="s">
        <v>63366</v>
      </c>
      <c r="E22667" s="1" t="s">
        <v>81200</v>
      </c>
      <c r="F22667" s="1" t="s">
        <v>81201</v>
      </c>
      <c r="G22667" s="1" t="s">
        <v>81108</v>
      </c>
      <c r="H22667" s="1" t="s">
        <v>81109</v>
      </c>
      <c r="I22667" s="1" t="s">
        <v>75467</v>
      </c>
      <c r="J22667" s="1" t="s">
        <v>81202</v>
      </c>
    </row>
    <row r="22668" spans="1:10" x14ac:dyDescent="0.35">
      <c r="A22668" s="1" t="s">
        <v>7301</v>
      </c>
      <c r="B22668" s="1" t="s">
        <v>75461</v>
      </c>
      <c r="C22668" s="1" t="s">
        <v>150</v>
      </c>
      <c r="D22668" s="1" t="s">
        <v>69571</v>
      </c>
      <c r="E22668" s="1" t="s">
        <v>81203</v>
      </c>
      <c r="F22668" s="1" t="s">
        <v>66228</v>
      </c>
      <c r="G22668" s="1" t="s">
        <v>81108</v>
      </c>
      <c r="H22668" s="1" t="s">
        <v>81109</v>
      </c>
      <c r="I22668" s="1" t="s">
        <v>75467</v>
      </c>
      <c r="J22668" s="1" t="s">
        <v>81204</v>
      </c>
    </row>
    <row r="22669" spans="1:10" x14ac:dyDescent="0.35">
      <c r="A22669" s="1" t="s">
        <v>7301</v>
      </c>
      <c r="B22669" s="1" t="s">
        <v>75461</v>
      </c>
      <c r="C22669" s="1" t="s">
        <v>155</v>
      </c>
      <c r="D22669" s="1" t="s">
        <v>81205</v>
      </c>
      <c r="E22669" s="1" t="s">
        <v>81206</v>
      </c>
      <c r="F22669" s="1" t="s">
        <v>81207</v>
      </c>
      <c r="G22669" s="1" t="s">
        <v>81108</v>
      </c>
      <c r="H22669" s="1" t="s">
        <v>81109</v>
      </c>
      <c r="I22669" s="1" t="s">
        <v>75467</v>
      </c>
      <c r="J22669" s="1" t="s">
        <v>81208</v>
      </c>
    </row>
    <row r="22670" spans="1:10" x14ac:dyDescent="0.35">
      <c r="A22670" s="1" t="s">
        <v>7301</v>
      </c>
      <c r="B22670" s="1" t="s">
        <v>75461</v>
      </c>
      <c r="C22670" s="1" t="s">
        <v>160</v>
      </c>
      <c r="D22670" s="1" t="s">
        <v>81209</v>
      </c>
      <c r="E22670" s="1" t="s">
        <v>81210</v>
      </c>
      <c r="F22670" s="1" t="s">
        <v>81211</v>
      </c>
      <c r="G22670" s="1" t="s">
        <v>81108</v>
      </c>
      <c r="H22670" s="1" t="s">
        <v>81109</v>
      </c>
      <c r="I22670" s="1" t="s">
        <v>75467</v>
      </c>
      <c r="J22670" s="1" t="s">
        <v>81212</v>
      </c>
    </row>
    <row r="22671" spans="1:10" x14ac:dyDescent="0.35">
      <c r="A22671" s="1" t="s">
        <v>7301</v>
      </c>
      <c r="B22671" s="1" t="s">
        <v>75461</v>
      </c>
      <c r="C22671" s="1" t="s">
        <v>165</v>
      </c>
      <c r="D22671" s="1" t="s">
        <v>78508</v>
      </c>
      <c r="E22671" s="1" t="s">
        <v>81161</v>
      </c>
      <c r="F22671" s="1" t="s">
        <v>81213</v>
      </c>
      <c r="G22671" s="1" t="s">
        <v>81108</v>
      </c>
      <c r="H22671" s="1" t="s">
        <v>81109</v>
      </c>
      <c r="I22671" s="1" t="s">
        <v>75467</v>
      </c>
      <c r="J22671" s="1" t="s">
        <v>81214</v>
      </c>
    </row>
    <row r="22672" spans="1:10" x14ac:dyDescent="0.35">
      <c r="A22672" s="1" t="s">
        <v>7301</v>
      </c>
      <c r="B22672" s="1" t="s">
        <v>75461</v>
      </c>
      <c r="C22672" s="1" t="s">
        <v>170</v>
      </c>
      <c r="D22672" s="1" t="s">
        <v>81215</v>
      </c>
      <c r="E22672" s="1" t="s">
        <v>81216</v>
      </c>
      <c r="F22672" s="1" t="s">
        <v>81217</v>
      </c>
      <c r="G22672" s="1" t="s">
        <v>81108</v>
      </c>
      <c r="H22672" s="1" t="s">
        <v>81109</v>
      </c>
      <c r="I22672" s="1" t="s">
        <v>75467</v>
      </c>
      <c r="J22672" s="1" t="s">
        <v>81218</v>
      </c>
    </row>
    <row r="22673" spans="1:10" x14ac:dyDescent="0.35">
      <c r="A22673" s="1" t="s">
        <v>81219</v>
      </c>
      <c r="B22673" s="1" t="s">
        <v>75461</v>
      </c>
      <c r="C22673" s="1" t="s">
        <v>8</v>
      </c>
      <c r="D22673" s="1" t="s">
        <v>81220</v>
      </c>
      <c r="E22673" s="1" t="s">
        <v>81221</v>
      </c>
      <c r="F22673" s="1" t="s">
        <v>81222</v>
      </c>
      <c r="G22673" s="1" t="s">
        <v>81223</v>
      </c>
      <c r="H22673" s="1" t="s">
        <v>81224</v>
      </c>
      <c r="I22673" s="1" t="s">
        <v>75467</v>
      </c>
      <c r="J22673" s="1" t="s">
        <v>13</v>
      </c>
    </row>
    <row r="22674" spans="1:10" x14ac:dyDescent="0.35">
      <c r="A22674" s="1" t="s">
        <v>81219</v>
      </c>
      <c r="B22674" s="1" t="s">
        <v>75461</v>
      </c>
      <c r="C22674" s="1" t="s">
        <v>15</v>
      </c>
      <c r="D22674" s="1" t="s">
        <v>81225</v>
      </c>
      <c r="E22674" s="1" t="s">
        <v>81226</v>
      </c>
      <c r="F22674" s="1" t="s">
        <v>81227</v>
      </c>
      <c r="G22674" s="1" t="s">
        <v>81223</v>
      </c>
      <c r="H22674" s="1" t="s">
        <v>81224</v>
      </c>
      <c r="I22674" s="1" t="s">
        <v>75467</v>
      </c>
      <c r="J22674" s="1" t="s">
        <v>81228</v>
      </c>
    </row>
    <row r="22675" spans="1:10" x14ac:dyDescent="0.35">
      <c r="A22675" s="1" t="s">
        <v>81219</v>
      </c>
      <c r="B22675" s="1" t="s">
        <v>75461</v>
      </c>
      <c r="C22675" s="1" t="s">
        <v>20</v>
      </c>
      <c r="D22675" s="1" t="s">
        <v>62960</v>
      </c>
      <c r="E22675" s="1" t="s">
        <v>81229</v>
      </c>
      <c r="F22675" s="1" t="s">
        <v>81230</v>
      </c>
      <c r="G22675" s="1" t="s">
        <v>81223</v>
      </c>
      <c r="H22675" s="1" t="s">
        <v>81224</v>
      </c>
      <c r="I22675" s="1" t="s">
        <v>75467</v>
      </c>
      <c r="J22675" s="1" t="s">
        <v>81231</v>
      </c>
    </row>
    <row r="22676" spans="1:10" x14ac:dyDescent="0.35">
      <c r="A22676" s="1" t="s">
        <v>81219</v>
      </c>
      <c r="B22676" s="1" t="s">
        <v>75461</v>
      </c>
      <c r="C22676" s="1" t="s">
        <v>25</v>
      </c>
      <c r="D22676" s="1" t="s">
        <v>81232</v>
      </c>
      <c r="E22676" s="1" t="s">
        <v>81233</v>
      </c>
      <c r="F22676" s="1" t="s">
        <v>81234</v>
      </c>
      <c r="G22676" s="1" t="s">
        <v>81223</v>
      </c>
      <c r="H22676" s="1" t="s">
        <v>81224</v>
      </c>
      <c r="I22676" s="1" t="s">
        <v>75467</v>
      </c>
      <c r="J22676" s="1" t="s">
        <v>81235</v>
      </c>
    </row>
    <row r="22677" spans="1:10" x14ac:dyDescent="0.35">
      <c r="A22677" s="1" t="s">
        <v>81219</v>
      </c>
      <c r="B22677" s="1" t="s">
        <v>75461</v>
      </c>
      <c r="C22677" s="1" t="s">
        <v>30</v>
      </c>
      <c r="D22677" s="1" t="s">
        <v>77370</v>
      </c>
      <c r="E22677" s="1" t="s">
        <v>81236</v>
      </c>
      <c r="F22677" s="1" t="s">
        <v>81237</v>
      </c>
      <c r="G22677" s="1" t="s">
        <v>81223</v>
      </c>
      <c r="H22677" s="1" t="s">
        <v>81224</v>
      </c>
      <c r="I22677" s="1" t="s">
        <v>75467</v>
      </c>
      <c r="J22677" s="1" t="s">
        <v>81238</v>
      </c>
    </row>
    <row r="22678" spans="1:10" x14ac:dyDescent="0.35">
      <c r="A22678" s="1" t="s">
        <v>81219</v>
      </c>
      <c r="B22678" s="1" t="s">
        <v>75461</v>
      </c>
      <c r="C22678" s="1" t="s">
        <v>35</v>
      </c>
      <c r="D22678" s="1" t="s">
        <v>81239</v>
      </c>
      <c r="E22678" s="1" t="s">
        <v>81240</v>
      </c>
      <c r="F22678" s="1" t="s">
        <v>81241</v>
      </c>
      <c r="G22678" s="1" t="s">
        <v>81223</v>
      </c>
      <c r="H22678" s="1" t="s">
        <v>81224</v>
      </c>
      <c r="I22678" s="1" t="s">
        <v>75467</v>
      </c>
      <c r="J22678" s="1" t="s">
        <v>81242</v>
      </c>
    </row>
    <row r="22679" spans="1:10" x14ac:dyDescent="0.35">
      <c r="A22679" s="1" t="s">
        <v>81219</v>
      </c>
      <c r="B22679" s="1" t="s">
        <v>75461</v>
      </c>
      <c r="C22679" s="1" t="s">
        <v>40</v>
      </c>
      <c r="D22679" s="1" t="s">
        <v>81243</v>
      </c>
      <c r="E22679" s="1" t="s">
        <v>81244</v>
      </c>
      <c r="F22679" s="1" t="s">
        <v>81245</v>
      </c>
      <c r="G22679" s="1" t="s">
        <v>81223</v>
      </c>
      <c r="H22679" s="1" t="s">
        <v>81224</v>
      </c>
      <c r="I22679" s="1" t="s">
        <v>75467</v>
      </c>
      <c r="J22679" s="1" t="s">
        <v>81246</v>
      </c>
    </row>
    <row r="22680" spans="1:10" x14ac:dyDescent="0.35">
      <c r="A22680" s="1" t="s">
        <v>81219</v>
      </c>
      <c r="B22680" s="1" t="s">
        <v>75461</v>
      </c>
      <c r="C22680" s="1" t="s">
        <v>45</v>
      </c>
      <c r="D22680" s="1" t="s">
        <v>55989</v>
      </c>
      <c r="E22680" s="1" t="s">
        <v>81247</v>
      </c>
      <c r="F22680" s="1" t="s">
        <v>81248</v>
      </c>
      <c r="G22680" s="1" t="s">
        <v>81223</v>
      </c>
      <c r="H22680" s="1" t="s">
        <v>81224</v>
      </c>
      <c r="I22680" s="1" t="s">
        <v>75467</v>
      </c>
      <c r="J22680" s="1" t="s">
        <v>78560</v>
      </c>
    </row>
    <row r="22681" spans="1:10" x14ac:dyDescent="0.35">
      <c r="A22681" s="1" t="s">
        <v>81219</v>
      </c>
      <c r="B22681" s="1" t="s">
        <v>75461</v>
      </c>
      <c r="C22681" s="1" t="s">
        <v>50</v>
      </c>
      <c r="D22681" s="1" t="s">
        <v>78309</v>
      </c>
      <c r="E22681" s="1" t="s">
        <v>81249</v>
      </c>
      <c r="F22681" s="1" t="s">
        <v>81250</v>
      </c>
      <c r="G22681" s="1" t="s">
        <v>81223</v>
      </c>
      <c r="H22681" s="1" t="s">
        <v>81224</v>
      </c>
      <c r="I22681" s="1" t="s">
        <v>75467</v>
      </c>
      <c r="J22681" s="1" t="s">
        <v>81251</v>
      </c>
    </row>
    <row r="22682" spans="1:10" x14ac:dyDescent="0.35">
      <c r="A22682" s="1" t="s">
        <v>81219</v>
      </c>
      <c r="B22682" s="1" t="s">
        <v>75461</v>
      </c>
      <c r="C22682" s="1" t="s">
        <v>55</v>
      </c>
      <c r="D22682" s="1" t="s">
        <v>71536</v>
      </c>
      <c r="E22682" s="1" t="s">
        <v>81252</v>
      </c>
      <c r="F22682" s="1" t="s">
        <v>81253</v>
      </c>
      <c r="G22682" s="1" t="s">
        <v>81223</v>
      </c>
      <c r="H22682" s="1" t="s">
        <v>81224</v>
      </c>
      <c r="I22682" s="1" t="s">
        <v>75467</v>
      </c>
      <c r="J22682" s="1" t="s">
        <v>81254</v>
      </c>
    </row>
    <row r="22683" spans="1:10" x14ac:dyDescent="0.35">
      <c r="A22683" s="1" t="s">
        <v>81219</v>
      </c>
      <c r="B22683" s="1" t="s">
        <v>75461</v>
      </c>
      <c r="C22683" s="1" t="s">
        <v>60</v>
      </c>
      <c r="D22683" s="1" t="s">
        <v>81255</v>
      </c>
      <c r="E22683" s="1" t="s">
        <v>81256</v>
      </c>
      <c r="F22683" s="1" t="s">
        <v>81257</v>
      </c>
      <c r="G22683" s="1" t="s">
        <v>81223</v>
      </c>
      <c r="H22683" s="1" t="s">
        <v>81224</v>
      </c>
      <c r="I22683" s="1" t="s">
        <v>75467</v>
      </c>
      <c r="J22683" s="1" t="s">
        <v>81258</v>
      </c>
    </row>
    <row r="22684" spans="1:10" x14ac:dyDescent="0.35">
      <c r="A22684" s="1" t="s">
        <v>81219</v>
      </c>
      <c r="B22684" s="1" t="s">
        <v>75461</v>
      </c>
      <c r="C22684" s="1" t="s">
        <v>65</v>
      </c>
      <c r="D22684" s="1" t="s">
        <v>81259</v>
      </c>
      <c r="E22684" s="1" t="s">
        <v>81260</v>
      </c>
      <c r="F22684" s="1" t="s">
        <v>81261</v>
      </c>
      <c r="G22684" s="1" t="s">
        <v>81223</v>
      </c>
      <c r="H22684" s="1" t="s">
        <v>81224</v>
      </c>
      <c r="I22684" s="1" t="s">
        <v>75467</v>
      </c>
      <c r="J22684" s="1" t="s">
        <v>81262</v>
      </c>
    </row>
    <row r="22685" spans="1:10" x14ac:dyDescent="0.35">
      <c r="A22685" s="1" t="s">
        <v>81219</v>
      </c>
      <c r="B22685" s="1" t="s">
        <v>75461</v>
      </c>
      <c r="C22685" s="1" t="s">
        <v>70</v>
      </c>
      <c r="D22685" s="1" t="s">
        <v>26481</v>
      </c>
      <c r="E22685" s="1" t="s">
        <v>81263</v>
      </c>
      <c r="F22685" s="1" t="s">
        <v>81264</v>
      </c>
      <c r="G22685" s="1" t="s">
        <v>81223</v>
      </c>
      <c r="H22685" s="1" t="s">
        <v>81224</v>
      </c>
      <c r="I22685" s="1" t="s">
        <v>75467</v>
      </c>
      <c r="J22685" s="1" t="s">
        <v>81265</v>
      </c>
    </row>
    <row r="22686" spans="1:10" x14ac:dyDescent="0.35">
      <c r="A22686" s="1" t="s">
        <v>81219</v>
      </c>
      <c r="B22686" s="1" t="s">
        <v>75461</v>
      </c>
      <c r="C22686" s="1" t="s">
        <v>75</v>
      </c>
      <c r="D22686" s="1" t="s">
        <v>81266</v>
      </c>
      <c r="E22686" s="1" t="s">
        <v>81267</v>
      </c>
      <c r="F22686" s="1" t="s">
        <v>81268</v>
      </c>
      <c r="G22686" s="1" t="s">
        <v>81223</v>
      </c>
      <c r="H22686" s="1" t="s">
        <v>81224</v>
      </c>
      <c r="I22686" s="1" t="s">
        <v>75467</v>
      </c>
      <c r="J22686" s="1" t="s">
        <v>81269</v>
      </c>
    </row>
    <row r="22687" spans="1:10" x14ac:dyDescent="0.35">
      <c r="A22687" s="1" t="s">
        <v>81219</v>
      </c>
      <c r="B22687" s="1" t="s">
        <v>75461</v>
      </c>
      <c r="C22687" s="1" t="s">
        <v>80</v>
      </c>
      <c r="D22687" s="1" t="s">
        <v>36365</v>
      </c>
      <c r="E22687" s="1" t="s">
        <v>81270</v>
      </c>
      <c r="F22687" s="1" t="s">
        <v>81271</v>
      </c>
      <c r="G22687" s="1" t="s">
        <v>81223</v>
      </c>
      <c r="H22687" s="1" t="s">
        <v>81224</v>
      </c>
      <c r="I22687" s="1" t="s">
        <v>75467</v>
      </c>
      <c r="J22687" s="1" t="s">
        <v>81272</v>
      </c>
    </row>
    <row r="22688" spans="1:10" x14ac:dyDescent="0.35">
      <c r="A22688" s="1" t="s">
        <v>81219</v>
      </c>
      <c r="B22688" s="1" t="s">
        <v>75461</v>
      </c>
      <c r="C22688" s="1" t="s">
        <v>85</v>
      </c>
      <c r="D22688" s="1" t="s">
        <v>81273</v>
      </c>
      <c r="E22688" s="1" t="s">
        <v>81274</v>
      </c>
      <c r="F22688" s="1" t="s">
        <v>81275</v>
      </c>
      <c r="G22688" s="1" t="s">
        <v>81223</v>
      </c>
      <c r="H22688" s="1" t="s">
        <v>81224</v>
      </c>
      <c r="I22688" s="1" t="s">
        <v>75467</v>
      </c>
      <c r="J22688" s="1" t="s">
        <v>81276</v>
      </c>
    </row>
    <row r="22689" spans="1:10" x14ac:dyDescent="0.35">
      <c r="A22689" s="1" t="s">
        <v>81219</v>
      </c>
      <c r="B22689" s="1" t="s">
        <v>75461</v>
      </c>
      <c r="C22689" s="1" t="s">
        <v>90</v>
      </c>
      <c r="D22689" s="1" t="s">
        <v>81277</v>
      </c>
      <c r="E22689" s="1" t="s">
        <v>81278</v>
      </c>
      <c r="F22689" s="1" t="s">
        <v>81279</v>
      </c>
      <c r="G22689" s="1" t="s">
        <v>81223</v>
      </c>
      <c r="H22689" s="1" t="s">
        <v>81224</v>
      </c>
      <c r="I22689" s="1" t="s">
        <v>75467</v>
      </c>
      <c r="J22689" s="1" t="s">
        <v>81280</v>
      </c>
    </row>
    <row r="22690" spans="1:10" x14ac:dyDescent="0.35">
      <c r="A22690" s="1" t="s">
        <v>81219</v>
      </c>
      <c r="B22690" s="1" t="s">
        <v>75461</v>
      </c>
      <c r="C22690" s="1" t="s">
        <v>95</v>
      </c>
      <c r="D22690" s="1" t="s">
        <v>81281</v>
      </c>
      <c r="E22690" s="1" t="s">
        <v>81282</v>
      </c>
      <c r="F22690" s="1" t="s">
        <v>81283</v>
      </c>
      <c r="G22690" s="1" t="s">
        <v>81223</v>
      </c>
      <c r="H22690" s="1" t="s">
        <v>81224</v>
      </c>
      <c r="I22690" s="1" t="s">
        <v>75467</v>
      </c>
      <c r="J22690" s="1" t="s">
        <v>81284</v>
      </c>
    </row>
    <row r="22691" spans="1:10" x14ac:dyDescent="0.35">
      <c r="A22691" s="1" t="s">
        <v>81219</v>
      </c>
      <c r="B22691" s="1" t="s">
        <v>75461</v>
      </c>
      <c r="C22691" s="1" t="s">
        <v>100</v>
      </c>
      <c r="D22691" s="1" t="s">
        <v>81285</v>
      </c>
      <c r="E22691" s="1" t="s">
        <v>81286</v>
      </c>
      <c r="F22691" s="1" t="s">
        <v>81287</v>
      </c>
      <c r="G22691" s="1" t="s">
        <v>81223</v>
      </c>
      <c r="H22691" s="1" t="s">
        <v>81224</v>
      </c>
      <c r="I22691" s="1" t="s">
        <v>75467</v>
      </c>
      <c r="J22691" s="1" t="s">
        <v>81288</v>
      </c>
    </row>
    <row r="22692" spans="1:10" x14ac:dyDescent="0.35">
      <c r="A22692" s="1" t="s">
        <v>81219</v>
      </c>
      <c r="B22692" s="1" t="s">
        <v>75461</v>
      </c>
      <c r="C22692" s="1" t="s">
        <v>105</v>
      </c>
      <c r="D22692" s="1" t="s">
        <v>81289</v>
      </c>
      <c r="E22692" s="1" t="s">
        <v>81290</v>
      </c>
      <c r="F22692" s="1" t="s">
        <v>81291</v>
      </c>
      <c r="G22692" s="1" t="s">
        <v>81223</v>
      </c>
      <c r="H22692" s="1" t="s">
        <v>81224</v>
      </c>
      <c r="I22692" s="1" t="s">
        <v>75467</v>
      </c>
      <c r="J22692" s="1" t="s">
        <v>81292</v>
      </c>
    </row>
    <row r="22693" spans="1:10" x14ac:dyDescent="0.35">
      <c r="A22693" s="1" t="s">
        <v>81219</v>
      </c>
      <c r="B22693" s="1" t="s">
        <v>75461</v>
      </c>
      <c r="C22693" s="1" t="s">
        <v>110</v>
      </c>
      <c r="D22693" s="1" t="s">
        <v>81293</v>
      </c>
      <c r="E22693" s="1" t="s">
        <v>81294</v>
      </c>
      <c r="F22693" s="1" t="s">
        <v>81295</v>
      </c>
      <c r="G22693" s="1" t="s">
        <v>81223</v>
      </c>
      <c r="H22693" s="1" t="s">
        <v>81224</v>
      </c>
      <c r="I22693" s="1" t="s">
        <v>75467</v>
      </c>
      <c r="J22693" s="1" t="s">
        <v>81296</v>
      </c>
    </row>
    <row r="22694" spans="1:10" x14ac:dyDescent="0.35">
      <c r="A22694" s="1" t="s">
        <v>81219</v>
      </c>
      <c r="B22694" s="1" t="s">
        <v>75461</v>
      </c>
      <c r="C22694" s="1" t="s">
        <v>115</v>
      </c>
      <c r="D22694" s="1" t="s">
        <v>81297</v>
      </c>
      <c r="E22694" s="1" t="s">
        <v>81298</v>
      </c>
      <c r="F22694" s="1" t="s">
        <v>81299</v>
      </c>
      <c r="G22694" s="1" t="s">
        <v>81223</v>
      </c>
      <c r="H22694" s="1" t="s">
        <v>81224</v>
      </c>
      <c r="I22694" s="1" t="s">
        <v>75467</v>
      </c>
      <c r="J22694" s="1" t="s">
        <v>81300</v>
      </c>
    </row>
    <row r="22695" spans="1:10" x14ac:dyDescent="0.35">
      <c r="A22695" s="1" t="s">
        <v>81219</v>
      </c>
      <c r="B22695" s="1" t="s">
        <v>75461</v>
      </c>
      <c r="C22695" s="1" t="s">
        <v>120</v>
      </c>
      <c r="D22695" s="1" t="s">
        <v>20178</v>
      </c>
      <c r="E22695" s="1" t="s">
        <v>81301</v>
      </c>
      <c r="F22695" s="1" t="s">
        <v>81302</v>
      </c>
      <c r="G22695" s="1" t="s">
        <v>81223</v>
      </c>
      <c r="H22695" s="1" t="s">
        <v>81224</v>
      </c>
      <c r="I22695" s="1" t="s">
        <v>75467</v>
      </c>
      <c r="J22695" s="1" t="s">
        <v>81303</v>
      </c>
    </row>
    <row r="22696" spans="1:10" x14ac:dyDescent="0.35">
      <c r="A22696" s="1" t="s">
        <v>81219</v>
      </c>
      <c r="B22696" s="1" t="s">
        <v>75461</v>
      </c>
      <c r="C22696" s="1" t="s">
        <v>125</v>
      </c>
      <c r="D22696" s="1" t="s">
        <v>81304</v>
      </c>
      <c r="E22696" s="1" t="s">
        <v>81305</v>
      </c>
      <c r="F22696" s="1" t="s">
        <v>81306</v>
      </c>
      <c r="G22696" s="1" t="s">
        <v>81223</v>
      </c>
      <c r="H22696" s="1" t="s">
        <v>81224</v>
      </c>
      <c r="I22696" s="1" t="s">
        <v>75467</v>
      </c>
      <c r="J22696" s="1" t="s">
        <v>81307</v>
      </c>
    </row>
    <row r="22697" spans="1:10" x14ac:dyDescent="0.35">
      <c r="A22697" s="1" t="s">
        <v>81219</v>
      </c>
      <c r="B22697" s="1" t="s">
        <v>75461</v>
      </c>
      <c r="C22697" s="1" t="s">
        <v>130</v>
      </c>
      <c r="D22697" s="1" t="s">
        <v>69590</v>
      </c>
      <c r="E22697" s="1" t="s">
        <v>81308</v>
      </c>
      <c r="F22697" s="1" t="s">
        <v>81309</v>
      </c>
      <c r="G22697" s="1" t="s">
        <v>81223</v>
      </c>
      <c r="H22697" s="1" t="s">
        <v>81224</v>
      </c>
      <c r="I22697" s="1" t="s">
        <v>75467</v>
      </c>
      <c r="J22697" s="1" t="s">
        <v>81310</v>
      </c>
    </row>
    <row r="22698" spans="1:10" x14ac:dyDescent="0.35">
      <c r="A22698" s="1" t="s">
        <v>81219</v>
      </c>
      <c r="B22698" s="1" t="s">
        <v>75461</v>
      </c>
      <c r="C22698" s="1" t="s">
        <v>135</v>
      </c>
      <c r="D22698" s="1" t="s">
        <v>81311</v>
      </c>
      <c r="E22698" s="1" t="s">
        <v>81312</v>
      </c>
      <c r="F22698" s="1" t="s">
        <v>81313</v>
      </c>
      <c r="G22698" s="1" t="s">
        <v>81223</v>
      </c>
      <c r="H22698" s="1" t="s">
        <v>81224</v>
      </c>
      <c r="I22698" s="1" t="s">
        <v>75467</v>
      </c>
      <c r="J22698" s="1" t="s">
        <v>81314</v>
      </c>
    </row>
    <row r="22699" spans="1:10" x14ac:dyDescent="0.35">
      <c r="A22699" s="1" t="s">
        <v>81219</v>
      </c>
      <c r="B22699" s="1" t="s">
        <v>75461</v>
      </c>
      <c r="C22699" s="1" t="s">
        <v>140</v>
      </c>
      <c r="D22699" s="1" t="s">
        <v>81315</v>
      </c>
      <c r="E22699" s="1" t="s">
        <v>81316</v>
      </c>
      <c r="F22699" s="1" t="s">
        <v>81317</v>
      </c>
      <c r="G22699" s="1" t="s">
        <v>81223</v>
      </c>
      <c r="H22699" s="1" t="s">
        <v>81224</v>
      </c>
      <c r="I22699" s="1" t="s">
        <v>75467</v>
      </c>
      <c r="J22699" s="1" t="s">
        <v>81318</v>
      </c>
    </row>
    <row r="22700" spans="1:10" x14ac:dyDescent="0.35">
      <c r="A22700" s="1" t="s">
        <v>81219</v>
      </c>
      <c r="B22700" s="1" t="s">
        <v>75461</v>
      </c>
      <c r="C22700" s="1" t="s">
        <v>145</v>
      </c>
      <c r="D22700" s="1" t="s">
        <v>39806</v>
      </c>
      <c r="E22700" s="1" t="s">
        <v>81319</v>
      </c>
      <c r="F22700" s="1" t="s">
        <v>81320</v>
      </c>
      <c r="G22700" s="1" t="s">
        <v>81223</v>
      </c>
      <c r="H22700" s="1" t="s">
        <v>81224</v>
      </c>
      <c r="I22700" s="1" t="s">
        <v>75467</v>
      </c>
      <c r="J22700" s="1" t="s">
        <v>81321</v>
      </c>
    </row>
    <row r="22701" spans="1:10" x14ac:dyDescent="0.35">
      <c r="A22701" s="1" t="s">
        <v>81219</v>
      </c>
      <c r="B22701" s="1" t="s">
        <v>75461</v>
      </c>
      <c r="C22701" s="1" t="s">
        <v>150</v>
      </c>
      <c r="D22701" s="1" t="s">
        <v>39860</v>
      </c>
      <c r="E22701" s="1" t="s">
        <v>81322</v>
      </c>
      <c r="F22701" s="1" t="s">
        <v>81323</v>
      </c>
      <c r="G22701" s="1" t="s">
        <v>81223</v>
      </c>
      <c r="H22701" s="1" t="s">
        <v>81224</v>
      </c>
      <c r="I22701" s="1" t="s">
        <v>75467</v>
      </c>
      <c r="J22701" s="1" t="s">
        <v>81324</v>
      </c>
    </row>
    <row r="22702" spans="1:10" x14ac:dyDescent="0.35">
      <c r="A22702" s="1" t="s">
        <v>81219</v>
      </c>
      <c r="B22702" s="1" t="s">
        <v>75461</v>
      </c>
      <c r="C22702" s="1" t="s">
        <v>155</v>
      </c>
      <c r="D22702" s="1" t="s">
        <v>81325</v>
      </c>
      <c r="E22702" s="1" t="s">
        <v>81326</v>
      </c>
      <c r="F22702" s="1" t="s">
        <v>81327</v>
      </c>
      <c r="G22702" s="1" t="s">
        <v>81223</v>
      </c>
      <c r="H22702" s="1" t="s">
        <v>81224</v>
      </c>
      <c r="I22702" s="1" t="s">
        <v>75467</v>
      </c>
      <c r="J22702" s="1" t="s">
        <v>81328</v>
      </c>
    </row>
    <row r="22703" spans="1:10" x14ac:dyDescent="0.35">
      <c r="A22703" s="1" t="s">
        <v>81219</v>
      </c>
      <c r="B22703" s="1" t="s">
        <v>75461</v>
      </c>
      <c r="C22703" s="1" t="s">
        <v>160</v>
      </c>
      <c r="D22703" s="1" t="s">
        <v>80103</v>
      </c>
      <c r="E22703" s="1" t="s">
        <v>81329</v>
      </c>
      <c r="F22703" s="1" t="s">
        <v>81330</v>
      </c>
      <c r="G22703" s="1" t="s">
        <v>81223</v>
      </c>
      <c r="H22703" s="1" t="s">
        <v>81224</v>
      </c>
      <c r="I22703" s="1" t="s">
        <v>75467</v>
      </c>
      <c r="J22703" s="1" t="s">
        <v>81331</v>
      </c>
    </row>
    <row r="22704" spans="1:10" x14ac:dyDescent="0.35">
      <c r="A22704" s="1" t="s">
        <v>81219</v>
      </c>
      <c r="B22704" s="1" t="s">
        <v>75461</v>
      </c>
      <c r="C22704" s="1" t="s">
        <v>165</v>
      </c>
      <c r="D22704" s="1" t="s">
        <v>22702</v>
      </c>
      <c r="E22704" s="1" t="s">
        <v>81332</v>
      </c>
      <c r="F22704" s="1" t="s">
        <v>81333</v>
      </c>
      <c r="G22704" s="1" t="s">
        <v>81223</v>
      </c>
      <c r="H22704" s="1" t="s">
        <v>81224</v>
      </c>
      <c r="I22704" s="1" t="s">
        <v>75467</v>
      </c>
      <c r="J22704" s="1" t="s">
        <v>81334</v>
      </c>
    </row>
    <row r="22705" spans="1:10" x14ac:dyDescent="0.35">
      <c r="A22705" s="1" t="s">
        <v>81219</v>
      </c>
      <c r="B22705" s="1" t="s">
        <v>75461</v>
      </c>
      <c r="C22705" s="1" t="s">
        <v>170</v>
      </c>
      <c r="D22705" s="1" t="s">
        <v>23558</v>
      </c>
      <c r="E22705" s="1" t="s">
        <v>81335</v>
      </c>
      <c r="F22705" s="1" t="s">
        <v>81336</v>
      </c>
      <c r="G22705" s="1" t="s">
        <v>81223</v>
      </c>
      <c r="H22705" s="1" t="s">
        <v>81224</v>
      </c>
      <c r="I22705" s="1" t="s">
        <v>75467</v>
      </c>
      <c r="J22705" s="1" t="s">
        <v>81337</v>
      </c>
    </row>
    <row r="22706" spans="1:10" x14ac:dyDescent="0.35">
      <c r="A22706" s="1" t="s">
        <v>1817</v>
      </c>
      <c r="B22706" s="1" t="s">
        <v>75461</v>
      </c>
      <c r="C22706" s="1" t="s">
        <v>8</v>
      </c>
      <c r="D22706" s="1" t="s">
        <v>32511</v>
      </c>
      <c r="E22706" s="1" t="s">
        <v>81338</v>
      </c>
      <c r="F22706" s="1" t="s">
        <v>81339</v>
      </c>
      <c r="G22706" s="1" t="s">
        <v>81340</v>
      </c>
      <c r="H22706" s="1" t="s">
        <v>81341</v>
      </c>
      <c r="I22706" s="1" t="s">
        <v>75467</v>
      </c>
      <c r="J22706" s="1" t="s">
        <v>13</v>
      </c>
    </row>
    <row r="22707" spans="1:10" x14ac:dyDescent="0.35">
      <c r="A22707" s="1" t="s">
        <v>1817</v>
      </c>
      <c r="B22707" s="1" t="s">
        <v>75461</v>
      </c>
      <c r="C22707" s="1" t="s">
        <v>15</v>
      </c>
      <c r="D22707" s="1" t="s">
        <v>81342</v>
      </c>
      <c r="E22707" s="1" t="s">
        <v>81343</v>
      </c>
      <c r="F22707" s="1" t="s">
        <v>81344</v>
      </c>
      <c r="G22707" s="1" t="s">
        <v>81340</v>
      </c>
      <c r="H22707" s="1" t="s">
        <v>81341</v>
      </c>
      <c r="I22707" s="1" t="s">
        <v>75467</v>
      </c>
      <c r="J22707" s="1" t="s">
        <v>81345</v>
      </c>
    </row>
    <row r="22708" spans="1:10" x14ac:dyDescent="0.35">
      <c r="A22708" s="1" t="s">
        <v>1817</v>
      </c>
      <c r="B22708" s="1" t="s">
        <v>75461</v>
      </c>
      <c r="C22708" s="1" t="s">
        <v>20</v>
      </c>
      <c r="D22708" s="1" t="s">
        <v>81346</v>
      </c>
      <c r="E22708" s="1" t="s">
        <v>81347</v>
      </c>
      <c r="F22708" s="1" t="s">
        <v>81348</v>
      </c>
      <c r="G22708" s="1" t="s">
        <v>81340</v>
      </c>
      <c r="H22708" s="1" t="s">
        <v>81341</v>
      </c>
      <c r="I22708" s="1" t="s">
        <v>75467</v>
      </c>
      <c r="J22708" s="1" t="s">
        <v>81349</v>
      </c>
    </row>
    <row r="22709" spans="1:10" x14ac:dyDescent="0.35">
      <c r="A22709" s="1" t="s">
        <v>1817</v>
      </c>
      <c r="B22709" s="1" t="s">
        <v>75461</v>
      </c>
      <c r="C22709" s="1" t="s">
        <v>25</v>
      </c>
      <c r="D22709" s="1" t="s">
        <v>81350</v>
      </c>
      <c r="E22709" s="1" t="s">
        <v>81351</v>
      </c>
      <c r="F22709" s="1" t="s">
        <v>81352</v>
      </c>
      <c r="G22709" s="1" t="s">
        <v>81340</v>
      </c>
      <c r="H22709" s="1" t="s">
        <v>81341</v>
      </c>
      <c r="I22709" s="1" t="s">
        <v>75467</v>
      </c>
      <c r="J22709" s="1" t="s">
        <v>81353</v>
      </c>
    </row>
    <row r="22710" spans="1:10" x14ac:dyDescent="0.35">
      <c r="A22710" s="1" t="s">
        <v>1817</v>
      </c>
      <c r="B22710" s="1" t="s">
        <v>75461</v>
      </c>
      <c r="C22710" s="1" t="s">
        <v>30</v>
      </c>
      <c r="D22710" s="1" t="s">
        <v>81354</v>
      </c>
      <c r="E22710" s="1" t="s">
        <v>81355</v>
      </c>
      <c r="F22710" s="1" t="s">
        <v>81356</v>
      </c>
      <c r="G22710" s="1" t="s">
        <v>81340</v>
      </c>
      <c r="H22710" s="1" t="s">
        <v>81341</v>
      </c>
      <c r="I22710" s="1" t="s">
        <v>75467</v>
      </c>
      <c r="J22710" s="1" t="s">
        <v>81357</v>
      </c>
    </row>
    <row r="22711" spans="1:10" x14ac:dyDescent="0.35">
      <c r="A22711" s="1" t="s">
        <v>1817</v>
      </c>
      <c r="B22711" s="1" t="s">
        <v>75461</v>
      </c>
      <c r="C22711" s="1" t="s">
        <v>35</v>
      </c>
      <c r="D22711" s="1" t="s">
        <v>49354</v>
      </c>
      <c r="E22711" s="1" t="s">
        <v>81358</v>
      </c>
      <c r="F22711" s="1" t="s">
        <v>81359</v>
      </c>
      <c r="G22711" s="1" t="s">
        <v>81340</v>
      </c>
      <c r="H22711" s="1" t="s">
        <v>81341</v>
      </c>
      <c r="I22711" s="1" t="s">
        <v>75467</v>
      </c>
      <c r="J22711" s="1" t="s">
        <v>81360</v>
      </c>
    </row>
    <row r="22712" spans="1:10" x14ac:dyDescent="0.35">
      <c r="A22712" s="1" t="s">
        <v>1817</v>
      </c>
      <c r="B22712" s="1" t="s">
        <v>75461</v>
      </c>
      <c r="C22712" s="1" t="s">
        <v>40</v>
      </c>
      <c r="D22712" s="1" t="s">
        <v>59258</v>
      </c>
      <c r="E22712" s="1" t="s">
        <v>81361</v>
      </c>
      <c r="F22712" s="1" t="s">
        <v>81362</v>
      </c>
      <c r="G22712" s="1" t="s">
        <v>81340</v>
      </c>
      <c r="H22712" s="1" t="s">
        <v>81341</v>
      </c>
      <c r="I22712" s="1" t="s">
        <v>75467</v>
      </c>
      <c r="J22712" s="1" t="s">
        <v>81363</v>
      </c>
    </row>
    <row r="22713" spans="1:10" x14ac:dyDescent="0.35">
      <c r="A22713" s="1" t="s">
        <v>1817</v>
      </c>
      <c r="B22713" s="1" t="s">
        <v>75461</v>
      </c>
      <c r="C22713" s="1" t="s">
        <v>45</v>
      </c>
      <c r="D22713" s="1" t="s">
        <v>11302</v>
      </c>
      <c r="E22713" s="1" t="s">
        <v>81364</v>
      </c>
      <c r="F22713" s="1" t="s">
        <v>81365</v>
      </c>
      <c r="G22713" s="1" t="s">
        <v>81340</v>
      </c>
      <c r="H22713" s="1" t="s">
        <v>81341</v>
      </c>
      <c r="I22713" s="1" t="s">
        <v>75467</v>
      </c>
      <c r="J22713" s="1" t="s">
        <v>81366</v>
      </c>
    </row>
    <row r="22714" spans="1:10" x14ac:dyDescent="0.35">
      <c r="A22714" s="1" t="s">
        <v>1817</v>
      </c>
      <c r="B22714" s="1" t="s">
        <v>75461</v>
      </c>
      <c r="C22714" s="1" t="s">
        <v>50</v>
      </c>
      <c r="D22714" s="1" t="s">
        <v>81367</v>
      </c>
      <c r="E22714" s="1" t="s">
        <v>81368</v>
      </c>
      <c r="F22714" s="1" t="s">
        <v>81369</v>
      </c>
      <c r="G22714" s="1" t="s">
        <v>81340</v>
      </c>
      <c r="H22714" s="1" t="s">
        <v>81341</v>
      </c>
      <c r="I22714" s="1" t="s">
        <v>75467</v>
      </c>
      <c r="J22714" s="1" t="s">
        <v>81370</v>
      </c>
    </row>
    <row r="22715" spans="1:10" x14ac:dyDescent="0.35">
      <c r="A22715" s="1" t="s">
        <v>1817</v>
      </c>
      <c r="B22715" s="1" t="s">
        <v>75461</v>
      </c>
      <c r="C22715" s="1" t="s">
        <v>55</v>
      </c>
      <c r="D22715" s="1" t="s">
        <v>81371</v>
      </c>
      <c r="E22715" s="1" t="s">
        <v>81372</v>
      </c>
      <c r="F22715" s="1" t="s">
        <v>81373</v>
      </c>
      <c r="G22715" s="1" t="s">
        <v>81340</v>
      </c>
      <c r="H22715" s="1" t="s">
        <v>81341</v>
      </c>
      <c r="I22715" s="1" t="s">
        <v>75467</v>
      </c>
      <c r="J22715" s="1" t="s">
        <v>81374</v>
      </c>
    </row>
    <row r="22716" spans="1:10" x14ac:dyDescent="0.35">
      <c r="A22716" s="1" t="s">
        <v>1817</v>
      </c>
      <c r="B22716" s="1" t="s">
        <v>75461</v>
      </c>
      <c r="C22716" s="1" t="s">
        <v>60</v>
      </c>
      <c r="D22716" s="1" t="s">
        <v>81375</v>
      </c>
      <c r="E22716" s="1" t="s">
        <v>81376</v>
      </c>
      <c r="F22716" s="1" t="s">
        <v>81377</v>
      </c>
      <c r="G22716" s="1" t="s">
        <v>81340</v>
      </c>
      <c r="H22716" s="1" t="s">
        <v>81341</v>
      </c>
      <c r="I22716" s="1" t="s">
        <v>75467</v>
      </c>
      <c r="J22716" s="1" t="s">
        <v>81378</v>
      </c>
    </row>
    <row r="22717" spans="1:10" x14ac:dyDescent="0.35">
      <c r="A22717" s="1" t="s">
        <v>1817</v>
      </c>
      <c r="B22717" s="1" t="s">
        <v>75461</v>
      </c>
      <c r="C22717" s="1" t="s">
        <v>65</v>
      </c>
      <c r="D22717" s="1" t="s">
        <v>81379</v>
      </c>
      <c r="E22717" s="1" t="s">
        <v>81380</v>
      </c>
      <c r="F22717" s="1" t="s">
        <v>81381</v>
      </c>
      <c r="G22717" s="1" t="s">
        <v>81340</v>
      </c>
      <c r="H22717" s="1" t="s">
        <v>81341</v>
      </c>
      <c r="I22717" s="1" t="s">
        <v>75467</v>
      </c>
      <c r="J22717" s="1" t="s">
        <v>81382</v>
      </c>
    </row>
    <row r="22718" spans="1:10" x14ac:dyDescent="0.35">
      <c r="A22718" s="1" t="s">
        <v>1817</v>
      </c>
      <c r="B22718" s="1" t="s">
        <v>75461</v>
      </c>
      <c r="C22718" s="1" t="s">
        <v>70</v>
      </c>
      <c r="D22718" s="1" t="s">
        <v>52628</v>
      </c>
      <c r="E22718" s="1" t="s">
        <v>81383</v>
      </c>
      <c r="F22718" s="1" t="s">
        <v>81384</v>
      </c>
      <c r="G22718" s="1" t="s">
        <v>81340</v>
      </c>
      <c r="H22718" s="1" t="s">
        <v>81341</v>
      </c>
      <c r="I22718" s="1" t="s">
        <v>75467</v>
      </c>
      <c r="J22718" s="1" t="s">
        <v>81385</v>
      </c>
    </row>
    <row r="22719" spans="1:10" x14ac:dyDescent="0.35">
      <c r="A22719" s="1" t="s">
        <v>1817</v>
      </c>
      <c r="B22719" s="1" t="s">
        <v>75461</v>
      </c>
      <c r="C22719" s="1" t="s">
        <v>75</v>
      </c>
      <c r="D22719" s="1" t="s">
        <v>81386</v>
      </c>
      <c r="E22719" s="1" t="s">
        <v>81387</v>
      </c>
      <c r="F22719" s="1" t="s">
        <v>81388</v>
      </c>
      <c r="G22719" s="1" t="s">
        <v>81340</v>
      </c>
      <c r="H22719" s="1" t="s">
        <v>81341</v>
      </c>
      <c r="I22719" s="1" t="s">
        <v>75467</v>
      </c>
      <c r="J22719" s="1" t="s">
        <v>81389</v>
      </c>
    </row>
    <row r="22720" spans="1:10" x14ac:dyDescent="0.35">
      <c r="A22720" s="1" t="s">
        <v>1817</v>
      </c>
      <c r="B22720" s="1" t="s">
        <v>75461</v>
      </c>
      <c r="C22720" s="1" t="s">
        <v>80</v>
      </c>
      <c r="D22720" s="1" t="s">
        <v>81390</v>
      </c>
      <c r="E22720" s="1" t="s">
        <v>81391</v>
      </c>
      <c r="F22720" s="1" t="s">
        <v>81392</v>
      </c>
      <c r="G22720" s="1" t="s">
        <v>81340</v>
      </c>
      <c r="H22720" s="1" t="s">
        <v>81341</v>
      </c>
      <c r="I22720" s="1" t="s">
        <v>75467</v>
      </c>
      <c r="J22720" s="1" t="s">
        <v>81393</v>
      </c>
    </row>
    <row r="22721" spans="1:10" x14ac:dyDescent="0.35">
      <c r="A22721" s="1" t="s">
        <v>1817</v>
      </c>
      <c r="B22721" s="1" t="s">
        <v>75461</v>
      </c>
      <c r="C22721" s="1" t="s">
        <v>85</v>
      </c>
      <c r="D22721" s="1" t="s">
        <v>81394</v>
      </c>
      <c r="E22721" s="1" t="s">
        <v>81395</v>
      </c>
      <c r="F22721" s="1" t="s">
        <v>81396</v>
      </c>
      <c r="G22721" s="1" t="s">
        <v>81340</v>
      </c>
      <c r="H22721" s="1" t="s">
        <v>81341</v>
      </c>
      <c r="I22721" s="1" t="s">
        <v>75467</v>
      </c>
      <c r="J22721" s="1" t="s">
        <v>81397</v>
      </c>
    </row>
    <row r="22722" spans="1:10" x14ac:dyDescent="0.35">
      <c r="A22722" s="1" t="s">
        <v>1817</v>
      </c>
      <c r="B22722" s="1" t="s">
        <v>75461</v>
      </c>
      <c r="C22722" s="1" t="s">
        <v>90</v>
      </c>
      <c r="D22722" s="1" t="s">
        <v>81398</v>
      </c>
      <c r="E22722" s="1" t="s">
        <v>81399</v>
      </c>
      <c r="F22722" s="1" t="s">
        <v>81400</v>
      </c>
      <c r="G22722" s="1" t="s">
        <v>81340</v>
      </c>
      <c r="H22722" s="1" t="s">
        <v>81341</v>
      </c>
      <c r="I22722" s="1" t="s">
        <v>75467</v>
      </c>
      <c r="J22722" s="1" t="s">
        <v>81401</v>
      </c>
    </row>
    <row r="22723" spans="1:10" x14ac:dyDescent="0.35">
      <c r="A22723" s="1" t="s">
        <v>1817</v>
      </c>
      <c r="B22723" s="1" t="s">
        <v>75461</v>
      </c>
      <c r="C22723" s="1" t="s">
        <v>95</v>
      </c>
      <c r="D22723" s="1" t="s">
        <v>81402</v>
      </c>
      <c r="E22723" s="1" t="s">
        <v>81403</v>
      </c>
      <c r="F22723" s="1" t="s">
        <v>81404</v>
      </c>
      <c r="G22723" s="1" t="s">
        <v>81340</v>
      </c>
      <c r="H22723" s="1" t="s">
        <v>81341</v>
      </c>
      <c r="I22723" s="1" t="s">
        <v>75467</v>
      </c>
      <c r="J22723" s="1" t="s">
        <v>81405</v>
      </c>
    </row>
    <row r="22724" spans="1:10" x14ac:dyDescent="0.35">
      <c r="A22724" s="1" t="s">
        <v>1817</v>
      </c>
      <c r="B22724" s="1" t="s">
        <v>75461</v>
      </c>
      <c r="C22724" s="1" t="s">
        <v>100</v>
      </c>
      <c r="D22724" s="1" t="s">
        <v>81406</v>
      </c>
      <c r="E22724" s="1" t="s">
        <v>81407</v>
      </c>
      <c r="F22724" s="1" t="s">
        <v>81408</v>
      </c>
      <c r="G22724" s="1" t="s">
        <v>81340</v>
      </c>
      <c r="H22724" s="1" t="s">
        <v>81341</v>
      </c>
      <c r="I22724" s="1" t="s">
        <v>75467</v>
      </c>
      <c r="J22724" s="1" t="s">
        <v>81409</v>
      </c>
    </row>
    <row r="22725" spans="1:10" x14ac:dyDescent="0.35">
      <c r="A22725" s="1" t="s">
        <v>1817</v>
      </c>
      <c r="B22725" s="1" t="s">
        <v>75461</v>
      </c>
      <c r="C22725" s="1" t="s">
        <v>105</v>
      </c>
      <c r="D22725" s="1" t="s">
        <v>65991</v>
      </c>
      <c r="E22725" s="1" t="s">
        <v>81410</v>
      </c>
      <c r="F22725" s="1" t="s">
        <v>81411</v>
      </c>
      <c r="G22725" s="1" t="s">
        <v>81340</v>
      </c>
      <c r="H22725" s="1" t="s">
        <v>81341</v>
      </c>
      <c r="I22725" s="1" t="s">
        <v>75467</v>
      </c>
      <c r="J22725" s="1" t="s">
        <v>81412</v>
      </c>
    </row>
    <row r="22726" spans="1:10" x14ac:dyDescent="0.35">
      <c r="A22726" s="1" t="s">
        <v>1817</v>
      </c>
      <c r="B22726" s="1" t="s">
        <v>75461</v>
      </c>
      <c r="C22726" s="1" t="s">
        <v>110</v>
      </c>
      <c r="D22726" s="1" t="s">
        <v>76182</v>
      </c>
      <c r="E22726" s="1" t="s">
        <v>81413</v>
      </c>
      <c r="F22726" s="1" t="s">
        <v>81414</v>
      </c>
      <c r="G22726" s="1" t="s">
        <v>81340</v>
      </c>
      <c r="H22726" s="1" t="s">
        <v>81341</v>
      </c>
      <c r="I22726" s="1" t="s">
        <v>75467</v>
      </c>
      <c r="J22726" s="1" t="s">
        <v>81415</v>
      </c>
    </row>
    <row r="22727" spans="1:10" x14ac:dyDescent="0.35">
      <c r="A22727" s="1" t="s">
        <v>1817</v>
      </c>
      <c r="B22727" s="1" t="s">
        <v>75461</v>
      </c>
      <c r="C22727" s="1" t="s">
        <v>115</v>
      </c>
      <c r="D22727" s="1" t="s">
        <v>11586</v>
      </c>
      <c r="E22727" s="1" t="s">
        <v>81416</v>
      </c>
      <c r="F22727" s="1" t="s">
        <v>81417</v>
      </c>
      <c r="G22727" s="1" t="s">
        <v>81340</v>
      </c>
      <c r="H22727" s="1" t="s">
        <v>81341</v>
      </c>
      <c r="I22727" s="1" t="s">
        <v>75467</v>
      </c>
      <c r="J22727" s="1" t="s">
        <v>81418</v>
      </c>
    </row>
    <row r="22728" spans="1:10" x14ac:dyDescent="0.35">
      <c r="A22728" s="1" t="s">
        <v>1817</v>
      </c>
      <c r="B22728" s="1" t="s">
        <v>75461</v>
      </c>
      <c r="C22728" s="1" t="s">
        <v>120</v>
      </c>
      <c r="D22728" s="1" t="s">
        <v>11590</v>
      </c>
      <c r="E22728" s="1" t="s">
        <v>81419</v>
      </c>
      <c r="F22728" s="1" t="s">
        <v>81420</v>
      </c>
      <c r="G22728" s="1" t="s">
        <v>81340</v>
      </c>
      <c r="H22728" s="1" t="s">
        <v>81341</v>
      </c>
      <c r="I22728" s="1" t="s">
        <v>75467</v>
      </c>
      <c r="J22728" s="1" t="s">
        <v>11593</v>
      </c>
    </row>
    <row r="22729" spans="1:10" x14ac:dyDescent="0.35">
      <c r="A22729" s="1" t="s">
        <v>1817</v>
      </c>
      <c r="B22729" s="1" t="s">
        <v>75461</v>
      </c>
      <c r="C22729" s="1" t="s">
        <v>125</v>
      </c>
      <c r="D22729" s="1" t="s">
        <v>79779</v>
      </c>
      <c r="E22729" s="1" t="s">
        <v>81421</v>
      </c>
      <c r="F22729" s="1" t="s">
        <v>81422</v>
      </c>
      <c r="G22729" s="1" t="s">
        <v>81340</v>
      </c>
      <c r="H22729" s="1" t="s">
        <v>81341</v>
      </c>
      <c r="I22729" s="1" t="s">
        <v>75467</v>
      </c>
      <c r="J22729" s="1" t="s">
        <v>81423</v>
      </c>
    </row>
    <row r="22730" spans="1:10" x14ac:dyDescent="0.35">
      <c r="A22730" s="1" t="s">
        <v>1817</v>
      </c>
      <c r="B22730" s="1" t="s">
        <v>75461</v>
      </c>
      <c r="C22730" s="1" t="s">
        <v>130</v>
      </c>
      <c r="D22730" s="1" t="s">
        <v>81424</v>
      </c>
      <c r="E22730" s="1" t="s">
        <v>81425</v>
      </c>
      <c r="F22730" s="1" t="s">
        <v>81426</v>
      </c>
      <c r="G22730" s="1" t="s">
        <v>81340</v>
      </c>
      <c r="H22730" s="1" t="s">
        <v>81341</v>
      </c>
      <c r="I22730" s="1" t="s">
        <v>75467</v>
      </c>
      <c r="J22730" s="1" t="s">
        <v>81427</v>
      </c>
    </row>
    <row r="22731" spans="1:10" x14ac:dyDescent="0.35">
      <c r="A22731" s="1" t="s">
        <v>1817</v>
      </c>
      <c r="B22731" s="1" t="s">
        <v>75461</v>
      </c>
      <c r="C22731" s="1" t="s">
        <v>135</v>
      </c>
      <c r="D22731" s="1" t="s">
        <v>81428</v>
      </c>
      <c r="E22731" s="1" t="s">
        <v>81429</v>
      </c>
      <c r="F22731" s="1" t="s">
        <v>81430</v>
      </c>
      <c r="G22731" s="1" t="s">
        <v>81340</v>
      </c>
      <c r="H22731" s="1" t="s">
        <v>81341</v>
      </c>
      <c r="I22731" s="1" t="s">
        <v>75467</v>
      </c>
      <c r="J22731" s="1" t="s">
        <v>81431</v>
      </c>
    </row>
    <row r="22732" spans="1:10" x14ac:dyDescent="0.35">
      <c r="A22732" s="1" t="s">
        <v>1817</v>
      </c>
      <c r="B22732" s="1" t="s">
        <v>75461</v>
      </c>
      <c r="C22732" s="1" t="s">
        <v>140</v>
      </c>
      <c r="D22732" s="1" t="s">
        <v>81432</v>
      </c>
      <c r="E22732" s="1" t="s">
        <v>81433</v>
      </c>
      <c r="F22732" s="1" t="s">
        <v>81434</v>
      </c>
      <c r="G22732" s="1" t="s">
        <v>81340</v>
      </c>
      <c r="H22732" s="1" t="s">
        <v>81341</v>
      </c>
      <c r="I22732" s="1" t="s">
        <v>75467</v>
      </c>
      <c r="J22732" s="1" t="s">
        <v>81435</v>
      </c>
    </row>
    <row r="22733" spans="1:10" x14ac:dyDescent="0.35">
      <c r="A22733" s="1" t="s">
        <v>1817</v>
      </c>
      <c r="B22733" s="1" t="s">
        <v>75461</v>
      </c>
      <c r="C22733" s="1" t="s">
        <v>145</v>
      </c>
      <c r="D22733" s="1" t="s">
        <v>64710</v>
      </c>
      <c r="E22733" s="1" t="s">
        <v>81436</v>
      </c>
      <c r="F22733" s="1" t="s">
        <v>81437</v>
      </c>
      <c r="G22733" s="1" t="s">
        <v>81340</v>
      </c>
      <c r="H22733" s="1" t="s">
        <v>81341</v>
      </c>
      <c r="I22733" s="1" t="s">
        <v>75467</v>
      </c>
      <c r="J22733" s="1" t="s">
        <v>81438</v>
      </c>
    </row>
    <row r="22734" spans="1:10" x14ac:dyDescent="0.35">
      <c r="A22734" s="1" t="s">
        <v>1817</v>
      </c>
      <c r="B22734" s="1" t="s">
        <v>75461</v>
      </c>
      <c r="C22734" s="1" t="s">
        <v>150</v>
      </c>
      <c r="D22734" s="1" t="s">
        <v>78201</v>
      </c>
      <c r="E22734" s="1" t="s">
        <v>81439</v>
      </c>
      <c r="F22734" s="1" t="s">
        <v>81440</v>
      </c>
      <c r="G22734" s="1" t="s">
        <v>81340</v>
      </c>
      <c r="H22734" s="1" t="s">
        <v>81341</v>
      </c>
      <c r="I22734" s="1" t="s">
        <v>75467</v>
      </c>
      <c r="J22734" s="1" t="s">
        <v>81441</v>
      </c>
    </row>
    <row r="22735" spans="1:10" x14ac:dyDescent="0.35">
      <c r="A22735" s="1" t="s">
        <v>1817</v>
      </c>
      <c r="B22735" s="1" t="s">
        <v>75461</v>
      </c>
      <c r="C22735" s="1" t="s">
        <v>155</v>
      </c>
      <c r="D22735" s="1" t="s">
        <v>81442</v>
      </c>
      <c r="E22735" s="1" t="s">
        <v>81443</v>
      </c>
      <c r="F22735" s="1" t="s">
        <v>81444</v>
      </c>
      <c r="G22735" s="1" t="s">
        <v>81340</v>
      </c>
      <c r="H22735" s="1" t="s">
        <v>81341</v>
      </c>
      <c r="I22735" s="1" t="s">
        <v>75467</v>
      </c>
      <c r="J22735" s="1" t="s">
        <v>81445</v>
      </c>
    </row>
    <row r="22736" spans="1:10" x14ac:dyDescent="0.35">
      <c r="A22736" s="1" t="s">
        <v>1817</v>
      </c>
      <c r="B22736" s="1" t="s">
        <v>75461</v>
      </c>
      <c r="C22736" s="1" t="s">
        <v>160</v>
      </c>
      <c r="D22736" s="1" t="s">
        <v>81446</v>
      </c>
      <c r="E22736" s="1" t="s">
        <v>81447</v>
      </c>
      <c r="F22736" s="1" t="s">
        <v>81448</v>
      </c>
      <c r="G22736" s="1" t="s">
        <v>81340</v>
      </c>
      <c r="H22736" s="1" t="s">
        <v>81341</v>
      </c>
      <c r="I22736" s="1" t="s">
        <v>75467</v>
      </c>
      <c r="J22736" s="1" t="s">
        <v>81449</v>
      </c>
    </row>
    <row r="22737" spans="1:10" x14ac:dyDescent="0.35">
      <c r="A22737" s="1" t="s">
        <v>1817</v>
      </c>
      <c r="B22737" s="1" t="s">
        <v>75461</v>
      </c>
      <c r="C22737" s="1" t="s">
        <v>165</v>
      </c>
      <c r="D22737" s="1" t="s">
        <v>53347</v>
      </c>
      <c r="E22737" s="1" t="s">
        <v>81450</v>
      </c>
      <c r="F22737" s="1" t="s">
        <v>81451</v>
      </c>
      <c r="G22737" s="1" t="s">
        <v>81340</v>
      </c>
      <c r="H22737" s="1" t="s">
        <v>81341</v>
      </c>
      <c r="I22737" s="1" t="s">
        <v>75467</v>
      </c>
      <c r="J22737" s="1" t="s">
        <v>81452</v>
      </c>
    </row>
    <row r="22738" spans="1:10" x14ac:dyDescent="0.35">
      <c r="A22738" s="1" t="s">
        <v>1817</v>
      </c>
      <c r="B22738" s="1" t="s">
        <v>75461</v>
      </c>
      <c r="C22738" s="1" t="s">
        <v>170</v>
      </c>
      <c r="D22738" s="1" t="s">
        <v>81453</v>
      </c>
      <c r="E22738" s="1" t="s">
        <v>81454</v>
      </c>
      <c r="F22738" s="1" t="s">
        <v>81455</v>
      </c>
      <c r="G22738" s="1" t="s">
        <v>81340</v>
      </c>
      <c r="H22738" s="1" t="s">
        <v>81341</v>
      </c>
      <c r="I22738" s="1" t="s">
        <v>75467</v>
      </c>
      <c r="J22738" s="1" t="s">
        <v>81456</v>
      </c>
    </row>
    <row r="22739" spans="1:10" x14ac:dyDescent="0.35">
      <c r="A22739" s="1" t="s">
        <v>7244</v>
      </c>
      <c r="B22739" s="1" t="s">
        <v>75461</v>
      </c>
      <c r="C22739" s="1" t="s">
        <v>8</v>
      </c>
      <c r="D22739" s="1" t="s">
        <v>61282</v>
      </c>
      <c r="E22739" s="1" t="s">
        <v>81457</v>
      </c>
      <c r="F22739" s="1" t="s">
        <v>81458</v>
      </c>
      <c r="G22739" s="1" t="s">
        <v>81459</v>
      </c>
      <c r="H22739" s="1" t="s">
        <v>81460</v>
      </c>
      <c r="I22739" s="1" t="s">
        <v>75467</v>
      </c>
      <c r="J22739" s="1" t="s">
        <v>13</v>
      </c>
    </row>
    <row r="22740" spans="1:10" x14ac:dyDescent="0.35">
      <c r="A22740" s="1" t="s">
        <v>7244</v>
      </c>
      <c r="B22740" s="1" t="s">
        <v>75461</v>
      </c>
      <c r="C22740" s="1" t="s">
        <v>15</v>
      </c>
      <c r="D22740" s="1" t="s">
        <v>81461</v>
      </c>
      <c r="E22740" s="1" t="s">
        <v>81462</v>
      </c>
      <c r="F22740" s="1" t="s">
        <v>81463</v>
      </c>
      <c r="G22740" s="1" t="s">
        <v>81459</v>
      </c>
      <c r="H22740" s="1" t="s">
        <v>81460</v>
      </c>
      <c r="I22740" s="1" t="s">
        <v>75467</v>
      </c>
      <c r="J22740" s="1" t="s">
        <v>81464</v>
      </c>
    </row>
    <row r="22741" spans="1:10" x14ac:dyDescent="0.35">
      <c r="A22741" s="1" t="s">
        <v>7244</v>
      </c>
      <c r="B22741" s="1" t="s">
        <v>75461</v>
      </c>
      <c r="C22741" s="1" t="s">
        <v>20</v>
      </c>
      <c r="D22741" s="1" t="s">
        <v>81465</v>
      </c>
      <c r="E22741" s="1" t="s">
        <v>81466</v>
      </c>
      <c r="F22741" s="1" t="s">
        <v>81467</v>
      </c>
      <c r="G22741" s="1" t="s">
        <v>81459</v>
      </c>
      <c r="H22741" s="1" t="s">
        <v>81460</v>
      </c>
      <c r="I22741" s="1" t="s">
        <v>75467</v>
      </c>
      <c r="J22741" s="1" t="s">
        <v>81468</v>
      </c>
    </row>
    <row r="22742" spans="1:10" x14ac:dyDescent="0.35">
      <c r="A22742" s="1" t="s">
        <v>7244</v>
      </c>
      <c r="B22742" s="1" t="s">
        <v>75461</v>
      </c>
      <c r="C22742" s="1" t="s">
        <v>25</v>
      </c>
      <c r="D22742" s="1" t="s">
        <v>81469</v>
      </c>
      <c r="E22742" s="1" t="s">
        <v>81470</v>
      </c>
      <c r="F22742" s="1" t="s">
        <v>81471</v>
      </c>
      <c r="G22742" s="1" t="s">
        <v>81459</v>
      </c>
      <c r="H22742" s="1" t="s">
        <v>81460</v>
      </c>
      <c r="I22742" s="1" t="s">
        <v>75467</v>
      </c>
      <c r="J22742" s="1" t="s">
        <v>81472</v>
      </c>
    </row>
    <row r="22743" spans="1:10" x14ac:dyDescent="0.35">
      <c r="A22743" s="1" t="s">
        <v>7244</v>
      </c>
      <c r="B22743" s="1" t="s">
        <v>75461</v>
      </c>
      <c r="C22743" s="1" t="s">
        <v>30</v>
      </c>
      <c r="D22743" s="1" t="s">
        <v>53259</v>
      </c>
      <c r="E22743" s="1" t="s">
        <v>81473</v>
      </c>
      <c r="F22743" s="1" t="s">
        <v>81474</v>
      </c>
      <c r="G22743" s="1" t="s">
        <v>81459</v>
      </c>
      <c r="H22743" s="1" t="s">
        <v>81460</v>
      </c>
      <c r="I22743" s="1" t="s">
        <v>75467</v>
      </c>
      <c r="J22743" s="1" t="s">
        <v>81475</v>
      </c>
    </row>
    <row r="22744" spans="1:10" x14ac:dyDescent="0.35">
      <c r="A22744" s="1" t="s">
        <v>7244</v>
      </c>
      <c r="B22744" s="1" t="s">
        <v>75461</v>
      </c>
      <c r="C22744" s="1" t="s">
        <v>35</v>
      </c>
      <c r="D22744" s="1" t="s">
        <v>80620</v>
      </c>
      <c r="E22744" s="1" t="s">
        <v>81476</v>
      </c>
      <c r="F22744" s="1" t="s">
        <v>81477</v>
      </c>
      <c r="G22744" s="1" t="s">
        <v>81459</v>
      </c>
      <c r="H22744" s="1" t="s">
        <v>81460</v>
      </c>
      <c r="I22744" s="1" t="s">
        <v>75467</v>
      </c>
      <c r="J22744" s="1" t="s">
        <v>81478</v>
      </c>
    </row>
    <row r="22745" spans="1:10" x14ac:dyDescent="0.35">
      <c r="A22745" s="1" t="s">
        <v>7244</v>
      </c>
      <c r="B22745" s="1" t="s">
        <v>75461</v>
      </c>
      <c r="C22745" s="1" t="s">
        <v>40</v>
      </c>
      <c r="D22745" s="1" t="s">
        <v>81479</v>
      </c>
      <c r="E22745" s="1" t="s">
        <v>81480</v>
      </c>
      <c r="F22745" s="1" t="s">
        <v>81481</v>
      </c>
      <c r="G22745" s="1" t="s">
        <v>81459</v>
      </c>
      <c r="H22745" s="1" t="s">
        <v>81460</v>
      </c>
      <c r="I22745" s="1" t="s">
        <v>75467</v>
      </c>
      <c r="J22745" s="1" t="s">
        <v>81482</v>
      </c>
    </row>
    <row r="22746" spans="1:10" x14ac:dyDescent="0.35">
      <c r="A22746" s="1" t="s">
        <v>7244</v>
      </c>
      <c r="B22746" s="1" t="s">
        <v>75461</v>
      </c>
      <c r="C22746" s="1" t="s">
        <v>45</v>
      </c>
      <c r="D22746" s="1" t="s">
        <v>81483</v>
      </c>
      <c r="E22746" s="1" t="s">
        <v>81484</v>
      </c>
      <c r="F22746" s="1" t="s">
        <v>81485</v>
      </c>
      <c r="G22746" s="1" t="s">
        <v>81459</v>
      </c>
      <c r="H22746" s="1" t="s">
        <v>81460</v>
      </c>
      <c r="I22746" s="1" t="s">
        <v>75467</v>
      </c>
      <c r="J22746" s="1" t="s">
        <v>81486</v>
      </c>
    </row>
    <row r="22747" spans="1:10" x14ac:dyDescent="0.35">
      <c r="A22747" s="1" t="s">
        <v>7244</v>
      </c>
      <c r="B22747" s="1" t="s">
        <v>75461</v>
      </c>
      <c r="C22747" s="1" t="s">
        <v>50</v>
      </c>
      <c r="D22747" s="1" t="s">
        <v>33289</v>
      </c>
      <c r="E22747" s="1" t="s">
        <v>81487</v>
      </c>
      <c r="F22747" s="1" t="s">
        <v>81488</v>
      </c>
      <c r="G22747" s="1" t="s">
        <v>81459</v>
      </c>
      <c r="H22747" s="1" t="s">
        <v>81460</v>
      </c>
      <c r="I22747" s="1" t="s">
        <v>75467</v>
      </c>
      <c r="J22747" s="1" t="s">
        <v>81489</v>
      </c>
    </row>
    <row r="22748" spans="1:10" x14ac:dyDescent="0.35">
      <c r="A22748" s="1" t="s">
        <v>7244</v>
      </c>
      <c r="B22748" s="1" t="s">
        <v>75461</v>
      </c>
      <c r="C22748" s="1" t="s">
        <v>55</v>
      </c>
      <c r="D22748" s="1" t="s">
        <v>81490</v>
      </c>
      <c r="E22748" s="1" t="s">
        <v>81491</v>
      </c>
      <c r="F22748" s="1" t="s">
        <v>81492</v>
      </c>
      <c r="G22748" s="1" t="s">
        <v>81459</v>
      </c>
      <c r="H22748" s="1" t="s">
        <v>81460</v>
      </c>
      <c r="I22748" s="1" t="s">
        <v>75467</v>
      </c>
      <c r="J22748" s="1" t="s">
        <v>81493</v>
      </c>
    </row>
    <row r="22749" spans="1:10" x14ac:dyDescent="0.35">
      <c r="A22749" s="1" t="s">
        <v>7244</v>
      </c>
      <c r="B22749" s="1" t="s">
        <v>75461</v>
      </c>
      <c r="C22749" s="1" t="s">
        <v>60</v>
      </c>
      <c r="D22749" s="1" t="s">
        <v>81494</v>
      </c>
      <c r="E22749" s="1" t="s">
        <v>81495</v>
      </c>
      <c r="F22749" s="1" t="s">
        <v>81496</v>
      </c>
      <c r="G22749" s="1" t="s">
        <v>81459</v>
      </c>
      <c r="H22749" s="1" t="s">
        <v>81460</v>
      </c>
      <c r="I22749" s="1" t="s">
        <v>75467</v>
      </c>
      <c r="J22749" s="1" t="s">
        <v>81497</v>
      </c>
    </row>
    <row r="22750" spans="1:10" x14ac:dyDescent="0.35">
      <c r="A22750" s="1" t="s">
        <v>7244</v>
      </c>
      <c r="B22750" s="1" t="s">
        <v>75461</v>
      </c>
      <c r="C22750" s="1" t="s">
        <v>65</v>
      </c>
      <c r="D22750" s="1" t="s">
        <v>81498</v>
      </c>
      <c r="E22750" s="1" t="s">
        <v>81499</v>
      </c>
      <c r="F22750" s="1" t="s">
        <v>81500</v>
      </c>
      <c r="G22750" s="1" t="s">
        <v>81459</v>
      </c>
      <c r="H22750" s="1" t="s">
        <v>81460</v>
      </c>
      <c r="I22750" s="1" t="s">
        <v>75467</v>
      </c>
      <c r="J22750" s="1" t="s">
        <v>81501</v>
      </c>
    </row>
    <row r="22751" spans="1:10" x14ac:dyDescent="0.35">
      <c r="A22751" s="1" t="s">
        <v>7244</v>
      </c>
      <c r="B22751" s="1" t="s">
        <v>75461</v>
      </c>
      <c r="C22751" s="1" t="s">
        <v>70</v>
      </c>
      <c r="D22751" s="1" t="s">
        <v>33327</v>
      </c>
      <c r="E22751" s="1" t="s">
        <v>81502</v>
      </c>
      <c r="F22751" s="1" t="s">
        <v>81503</v>
      </c>
      <c r="G22751" s="1" t="s">
        <v>81459</v>
      </c>
      <c r="H22751" s="1" t="s">
        <v>81460</v>
      </c>
      <c r="I22751" s="1" t="s">
        <v>75467</v>
      </c>
      <c r="J22751" s="1" t="s">
        <v>81504</v>
      </c>
    </row>
    <row r="22752" spans="1:10" x14ac:dyDescent="0.35">
      <c r="A22752" s="1" t="s">
        <v>7244</v>
      </c>
      <c r="B22752" s="1" t="s">
        <v>75461</v>
      </c>
      <c r="C22752" s="1" t="s">
        <v>75</v>
      </c>
      <c r="D22752" s="1" t="s">
        <v>81505</v>
      </c>
      <c r="E22752" s="1" t="s">
        <v>81506</v>
      </c>
      <c r="F22752" s="1" t="s">
        <v>81507</v>
      </c>
      <c r="G22752" s="1" t="s">
        <v>81459</v>
      </c>
      <c r="H22752" s="1" t="s">
        <v>81460</v>
      </c>
      <c r="I22752" s="1" t="s">
        <v>75467</v>
      </c>
      <c r="J22752" s="1" t="s">
        <v>81508</v>
      </c>
    </row>
    <row r="22753" spans="1:10" x14ac:dyDescent="0.35">
      <c r="A22753" s="1" t="s">
        <v>7244</v>
      </c>
      <c r="B22753" s="1" t="s">
        <v>75461</v>
      </c>
      <c r="C22753" s="1" t="s">
        <v>80</v>
      </c>
      <c r="D22753" s="1" t="s">
        <v>81509</v>
      </c>
      <c r="E22753" s="1" t="s">
        <v>81510</v>
      </c>
      <c r="F22753" s="1" t="s">
        <v>81511</v>
      </c>
      <c r="G22753" s="1" t="s">
        <v>81459</v>
      </c>
      <c r="H22753" s="1" t="s">
        <v>81460</v>
      </c>
      <c r="I22753" s="1" t="s">
        <v>75467</v>
      </c>
      <c r="J22753" s="1" t="s">
        <v>81512</v>
      </c>
    </row>
    <row r="22754" spans="1:10" x14ac:dyDescent="0.35">
      <c r="A22754" s="1" t="s">
        <v>7244</v>
      </c>
      <c r="B22754" s="1" t="s">
        <v>75461</v>
      </c>
      <c r="C22754" s="1" t="s">
        <v>85</v>
      </c>
      <c r="D22754" s="1" t="s">
        <v>81513</v>
      </c>
      <c r="E22754" s="1" t="s">
        <v>81514</v>
      </c>
      <c r="F22754" s="1" t="s">
        <v>81515</v>
      </c>
      <c r="G22754" s="1" t="s">
        <v>81459</v>
      </c>
      <c r="H22754" s="1" t="s">
        <v>81460</v>
      </c>
      <c r="I22754" s="1" t="s">
        <v>75467</v>
      </c>
      <c r="J22754" s="1" t="s">
        <v>81516</v>
      </c>
    </row>
    <row r="22755" spans="1:10" x14ac:dyDescent="0.35">
      <c r="A22755" s="1" t="s">
        <v>7244</v>
      </c>
      <c r="B22755" s="1" t="s">
        <v>75461</v>
      </c>
      <c r="C22755" s="1" t="s">
        <v>90</v>
      </c>
      <c r="D22755" s="1" t="s">
        <v>81517</v>
      </c>
      <c r="E22755" s="1" t="s">
        <v>81518</v>
      </c>
      <c r="F22755" s="1" t="s">
        <v>81519</v>
      </c>
      <c r="G22755" s="1" t="s">
        <v>81459</v>
      </c>
      <c r="H22755" s="1" t="s">
        <v>81460</v>
      </c>
      <c r="I22755" s="1" t="s">
        <v>75467</v>
      </c>
      <c r="J22755" s="1" t="s">
        <v>81520</v>
      </c>
    </row>
    <row r="22756" spans="1:10" x14ac:dyDescent="0.35">
      <c r="A22756" s="1" t="s">
        <v>7244</v>
      </c>
      <c r="B22756" s="1" t="s">
        <v>75461</v>
      </c>
      <c r="C22756" s="1" t="s">
        <v>95</v>
      </c>
      <c r="D22756" s="1" t="s">
        <v>44002</v>
      </c>
      <c r="E22756" s="1" t="s">
        <v>81521</v>
      </c>
      <c r="F22756" s="1" t="s">
        <v>81522</v>
      </c>
      <c r="G22756" s="1" t="s">
        <v>81459</v>
      </c>
      <c r="H22756" s="1" t="s">
        <v>81460</v>
      </c>
      <c r="I22756" s="1" t="s">
        <v>75467</v>
      </c>
      <c r="J22756" s="1" t="s">
        <v>81523</v>
      </c>
    </row>
    <row r="22757" spans="1:10" x14ac:dyDescent="0.35">
      <c r="A22757" s="1" t="s">
        <v>7244</v>
      </c>
      <c r="B22757" s="1" t="s">
        <v>75461</v>
      </c>
      <c r="C22757" s="1" t="s">
        <v>100</v>
      </c>
      <c r="D22757" s="1" t="s">
        <v>81524</v>
      </c>
      <c r="E22757" s="1" t="s">
        <v>81525</v>
      </c>
      <c r="F22757" s="1" t="s">
        <v>81526</v>
      </c>
      <c r="G22757" s="1" t="s">
        <v>81459</v>
      </c>
      <c r="H22757" s="1" t="s">
        <v>81460</v>
      </c>
      <c r="I22757" s="1" t="s">
        <v>75467</v>
      </c>
      <c r="J22757" s="1" t="s">
        <v>81527</v>
      </c>
    </row>
    <row r="22758" spans="1:10" x14ac:dyDescent="0.35">
      <c r="A22758" s="1" t="s">
        <v>7244</v>
      </c>
      <c r="B22758" s="1" t="s">
        <v>75461</v>
      </c>
      <c r="C22758" s="1" t="s">
        <v>105</v>
      </c>
      <c r="D22758" s="1" t="s">
        <v>14681</v>
      </c>
      <c r="E22758" s="1" t="s">
        <v>81528</v>
      </c>
      <c r="F22758" s="1" t="s">
        <v>81529</v>
      </c>
      <c r="G22758" s="1" t="s">
        <v>81459</v>
      </c>
      <c r="H22758" s="1" t="s">
        <v>81460</v>
      </c>
      <c r="I22758" s="1" t="s">
        <v>75467</v>
      </c>
      <c r="J22758" s="1" t="s">
        <v>81530</v>
      </c>
    </row>
    <row r="22759" spans="1:10" x14ac:dyDescent="0.35">
      <c r="A22759" s="1" t="s">
        <v>7244</v>
      </c>
      <c r="B22759" s="1" t="s">
        <v>75461</v>
      </c>
      <c r="C22759" s="1" t="s">
        <v>110</v>
      </c>
      <c r="D22759" s="1" t="s">
        <v>81531</v>
      </c>
      <c r="E22759" s="1" t="s">
        <v>81532</v>
      </c>
      <c r="F22759" s="1" t="s">
        <v>81533</v>
      </c>
      <c r="G22759" s="1" t="s">
        <v>81459</v>
      </c>
      <c r="H22759" s="1" t="s">
        <v>81460</v>
      </c>
      <c r="I22759" s="1" t="s">
        <v>75467</v>
      </c>
      <c r="J22759" s="1" t="s">
        <v>81534</v>
      </c>
    </row>
    <row r="22760" spans="1:10" x14ac:dyDescent="0.35">
      <c r="A22760" s="1" t="s">
        <v>7244</v>
      </c>
      <c r="B22760" s="1" t="s">
        <v>75461</v>
      </c>
      <c r="C22760" s="1" t="s">
        <v>115</v>
      </c>
      <c r="D22760" s="1" t="s">
        <v>69093</v>
      </c>
      <c r="E22760" s="1" t="s">
        <v>81535</v>
      </c>
      <c r="F22760" s="1" t="s">
        <v>81536</v>
      </c>
      <c r="G22760" s="1" t="s">
        <v>81459</v>
      </c>
      <c r="H22760" s="1" t="s">
        <v>81460</v>
      </c>
      <c r="I22760" s="1" t="s">
        <v>75467</v>
      </c>
      <c r="J22760" s="1" t="s">
        <v>81537</v>
      </c>
    </row>
    <row r="22761" spans="1:10" x14ac:dyDescent="0.35">
      <c r="A22761" s="1" t="s">
        <v>7244</v>
      </c>
      <c r="B22761" s="1" t="s">
        <v>75461</v>
      </c>
      <c r="C22761" s="1" t="s">
        <v>120</v>
      </c>
      <c r="D22761" s="1" t="s">
        <v>81538</v>
      </c>
      <c r="E22761" s="1" t="s">
        <v>81539</v>
      </c>
      <c r="F22761" s="1" t="s">
        <v>81540</v>
      </c>
      <c r="G22761" s="1" t="s">
        <v>81459</v>
      </c>
      <c r="H22761" s="1" t="s">
        <v>81460</v>
      </c>
      <c r="I22761" s="1" t="s">
        <v>75467</v>
      </c>
      <c r="J22761" s="1" t="s">
        <v>81541</v>
      </c>
    </row>
    <row r="22762" spans="1:10" x14ac:dyDescent="0.35">
      <c r="A22762" s="1" t="s">
        <v>7244</v>
      </c>
      <c r="B22762" s="1" t="s">
        <v>75461</v>
      </c>
      <c r="C22762" s="1" t="s">
        <v>125</v>
      </c>
      <c r="D22762" s="1" t="s">
        <v>81542</v>
      </c>
      <c r="E22762" s="1" t="s">
        <v>81543</v>
      </c>
      <c r="F22762" s="1" t="s">
        <v>81544</v>
      </c>
      <c r="G22762" s="1" t="s">
        <v>81459</v>
      </c>
      <c r="H22762" s="1" t="s">
        <v>81460</v>
      </c>
      <c r="I22762" s="1" t="s">
        <v>75467</v>
      </c>
      <c r="J22762" s="1" t="s">
        <v>81545</v>
      </c>
    </row>
    <row r="22763" spans="1:10" x14ac:dyDescent="0.35">
      <c r="A22763" s="1" t="s">
        <v>7244</v>
      </c>
      <c r="B22763" s="1" t="s">
        <v>75461</v>
      </c>
      <c r="C22763" s="1" t="s">
        <v>130</v>
      </c>
      <c r="D22763" s="1" t="s">
        <v>81546</v>
      </c>
      <c r="E22763" s="1" t="s">
        <v>81547</v>
      </c>
      <c r="F22763" s="1" t="s">
        <v>81548</v>
      </c>
      <c r="G22763" s="1" t="s">
        <v>81459</v>
      </c>
      <c r="H22763" s="1" t="s">
        <v>81460</v>
      </c>
      <c r="I22763" s="1" t="s">
        <v>75467</v>
      </c>
      <c r="J22763" s="1" t="s">
        <v>81549</v>
      </c>
    </row>
    <row r="22764" spans="1:10" x14ac:dyDescent="0.35">
      <c r="A22764" s="1" t="s">
        <v>7244</v>
      </c>
      <c r="B22764" s="1" t="s">
        <v>75461</v>
      </c>
      <c r="C22764" s="1" t="s">
        <v>135</v>
      </c>
      <c r="D22764" s="1" t="s">
        <v>81550</v>
      </c>
      <c r="E22764" s="1" t="s">
        <v>81551</v>
      </c>
      <c r="F22764" s="1" t="s">
        <v>81552</v>
      </c>
      <c r="G22764" s="1" t="s">
        <v>81459</v>
      </c>
      <c r="H22764" s="1" t="s">
        <v>81460</v>
      </c>
      <c r="I22764" s="1" t="s">
        <v>75467</v>
      </c>
      <c r="J22764" s="1" t="s">
        <v>81553</v>
      </c>
    </row>
    <row r="22765" spans="1:10" x14ac:dyDescent="0.35">
      <c r="A22765" s="1" t="s">
        <v>7244</v>
      </c>
      <c r="B22765" s="1" t="s">
        <v>75461</v>
      </c>
      <c r="C22765" s="1" t="s">
        <v>140</v>
      </c>
      <c r="D22765" s="1" t="s">
        <v>81554</v>
      </c>
      <c r="E22765" s="1" t="s">
        <v>81555</v>
      </c>
      <c r="F22765" s="1" t="s">
        <v>81556</v>
      </c>
      <c r="G22765" s="1" t="s">
        <v>81459</v>
      </c>
      <c r="H22765" s="1" t="s">
        <v>81460</v>
      </c>
      <c r="I22765" s="1" t="s">
        <v>75467</v>
      </c>
      <c r="J22765" s="1" t="s">
        <v>81557</v>
      </c>
    </row>
    <row r="22766" spans="1:10" x14ac:dyDescent="0.35">
      <c r="A22766" s="1" t="s">
        <v>7244</v>
      </c>
      <c r="B22766" s="1" t="s">
        <v>75461</v>
      </c>
      <c r="C22766" s="1" t="s">
        <v>145</v>
      </c>
      <c r="D22766" s="1" t="s">
        <v>81509</v>
      </c>
      <c r="E22766" s="1" t="s">
        <v>81558</v>
      </c>
      <c r="F22766" s="1" t="s">
        <v>81559</v>
      </c>
      <c r="G22766" s="1" t="s">
        <v>81459</v>
      </c>
      <c r="H22766" s="1" t="s">
        <v>81460</v>
      </c>
      <c r="I22766" s="1" t="s">
        <v>75467</v>
      </c>
      <c r="J22766" s="1" t="s">
        <v>81560</v>
      </c>
    </row>
    <row r="22767" spans="1:10" x14ac:dyDescent="0.35">
      <c r="A22767" s="1" t="s">
        <v>7244</v>
      </c>
      <c r="B22767" s="1" t="s">
        <v>75461</v>
      </c>
      <c r="C22767" s="1" t="s">
        <v>150</v>
      </c>
      <c r="D22767" s="1" t="s">
        <v>81561</v>
      </c>
      <c r="E22767" s="1" t="s">
        <v>81562</v>
      </c>
      <c r="F22767" s="1" t="s">
        <v>81563</v>
      </c>
      <c r="G22767" s="1" t="s">
        <v>81459</v>
      </c>
      <c r="H22767" s="1" t="s">
        <v>81460</v>
      </c>
      <c r="I22767" s="1" t="s">
        <v>75467</v>
      </c>
      <c r="J22767" s="1" t="s">
        <v>81564</v>
      </c>
    </row>
    <row r="22768" spans="1:10" x14ac:dyDescent="0.35">
      <c r="A22768" s="1" t="s">
        <v>7244</v>
      </c>
      <c r="B22768" s="1" t="s">
        <v>75461</v>
      </c>
      <c r="C22768" s="1" t="s">
        <v>155</v>
      </c>
      <c r="D22768" s="1" t="s">
        <v>81565</v>
      </c>
      <c r="E22768" s="1" t="s">
        <v>81566</v>
      </c>
      <c r="F22768" s="1" t="s">
        <v>81567</v>
      </c>
      <c r="G22768" s="1" t="s">
        <v>81459</v>
      </c>
      <c r="H22768" s="1" t="s">
        <v>81460</v>
      </c>
      <c r="I22768" s="1" t="s">
        <v>75467</v>
      </c>
      <c r="J22768" s="1" t="s">
        <v>81568</v>
      </c>
    </row>
    <row r="22769" spans="1:10" x14ac:dyDescent="0.35">
      <c r="A22769" s="1" t="s">
        <v>7244</v>
      </c>
      <c r="B22769" s="1" t="s">
        <v>75461</v>
      </c>
      <c r="C22769" s="1" t="s">
        <v>160</v>
      </c>
      <c r="D22769" s="1" t="s">
        <v>81205</v>
      </c>
      <c r="E22769" s="1" t="s">
        <v>81569</v>
      </c>
      <c r="F22769" s="1" t="s">
        <v>81570</v>
      </c>
      <c r="G22769" s="1" t="s">
        <v>81459</v>
      </c>
      <c r="H22769" s="1" t="s">
        <v>81460</v>
      </c>
      <c r="I22769" s="1" t="s">
        <v>75467</v>
      </c>
      <c r="J22769" s="1" t="s">
        <v>81571</v>
      </c>
    </row>
    <row r="22770" spans="1:10" x14ac:dyDescent="0.35">
      <c r="A22770" s="1" t="s">
        <v>7244</v>
      </c>
      <c r="B22770" s="1" t="s">
        <v>75461</v>
      </c>
      <c r="C22770" s="1" t="s">
        <v>165</v>
      </c>
      <c r="D22770" s="1" t="s">
        <v>81572</v>
      </c>
      <c r="E22770" s="1" t="s">
        <v>81573</v>
      </c>
      <c r="F22770" s="1" t="s">
        <v>81574</v>
      </c>
      <c r="G22770" s="1" t="s">
        <v>81459</v>
      </c>
      <c r="H22770" s="1" t="s">
        <v>81460</v>
      </c>
      <c r="I22770" s="1" t="s">
        <v>75467</v>
      </c>
      <c r="J22770" s="1" t="s">
        <v>81575</v>
      </c>
    </row>
    <row r="22771" spans="1:10" x14ac:dyDescent="0.35">
      <c r="A22771" s="1" t="s">
        <v>7244</v>
      </c>
      <c r="B22771" s="1" t="s">
        <v>75461</v>
      </c>
      <c r="C22771" s="1" t="s">
        <v>170</v>
      </c>
      <c r="D22771" s="1" t="s">
        <v>81576</v>
      </c>
      <c r="E22771" s="1" t="s">
        <v>81577</v>
      </c>
      <c r="F22771" s="1" t="s">
        <v>81578</v>
      </c>
      <c r="G22771" s="1" t="s">
        <v>81459</v>
      </c>
      <c r="H22771" s="1" t="s">
        <v>81460</v>
      </c>
      <c r="I22771" s="1" t="s">
        <v>75467</v>
      </c>
      <c r="J22771" s="1" t="s">
        <v>81579</v>
      </c>
    </row>
    <row r="22772" spans="1:10" x14ac:dyDescent="0.35">
      <c r="A22772" s="1" t="s">
        <v>81580</v>
      </c>
      <c r="B22772" s="1" t="s">
        <v>75461</v>
      </c>
      <c r="C22772" s="1" t="s">
        <v>8</v>
      </c>
      <c r="D22772" s="1" t="s">
        <v>39326</v>
      </c>
      <c r="E22772" s="1" t="s">
        <v>81581</v>
      </c>
      <c r="F22772" s="1" t="s">
        <v>81582</v>
      </c>
      <c r="G22772" s="1" t="s">
        <v>81583</v>
      </c>
      <c r="H22772" s="1" t="s">
        <v>81584</v>
      </c>
      <c r="I22772" s="1" t="s">
        <v>75467</v>
      </c>
      <c r="J22772" s="1" t="s">
        <v>13</v>
      </c>
    </row>
    <row r="22773" spans="1:10" x14ac:dyDescent="0.35">
      <c r="A22773" s="1" t="s">
        <v>81580</v>
      </c>
      <c r="B22773" s="1" t="s">
        <v>75461</v>
      </c>
      <c r="C22773" s="1" t="s">
        <v>15</v>
      </c>
      <c r="D22773" s="1" t="s">
        <v>81585</v>
      </c>
      <c r="E22773" s="1" t="s">
        <v>81586</v>
      </c>
      <c r="F22773" s="1" t="s">
        <v>81587</v>
      </c>
      <c r="G22773" s="1" t="s">
        <v>81583</v>
      </c>
      <c r="H22773" s="1" t="s">
        <v>81584</v>
      </c>
      <c r="I22773" s="1" t="s">
        <v>75467</v>
      </c>
      <c r="J22773" s="1" t="s">
        <v>81588</v>
      </c>
    </row>
    <row r="22774" spans="1:10" x14ac:dyDescent="0.35">
      <c r="A22774" s="1" t="s">
        <v>81580</v>
      </c>
      <c r="B22774" s="1" t="s">
        <v>75461</v>
      </c>
      <c r="C22774" s="1" t="s">
        <v>20</v>
      </c>
      <c r="D22774" s="1" t="s">
        <v>81589</v>
      </c>
      <c r="E22774" s="1" t="s">
        <v>81590</v>
      </c>
      <c r="F22774" s="1" t="s">
        <v>81591</v>
      </c>
      <c r="G22774" s="1" t="s">
        <v>81583</v>
      </c>
      <c r="H22774" s="1" t="s">
        <v>81584</v>
      </c>
      <c r="I22774" s="1" t="s">
        <v>75467</v>
      </c>
      <c r="J22774" s="1" t="s">
        <v>81592</v>
      </c>
    </row>
    <row r="22775" spans="1:10" x14ac:dyDescent="0.35">
      <c r="A22775" s="1" t="s">
        <v>81580</v>
      </c>
      <c r="B22775" s="1" t="s">
        <v>75461</v>
      </c>
      <c r="C22775" s="1" t="s">
        <v>25</v>
      </c>
      <c r="D22775" s="1" t="s">
        <v>67970</v>
      </c>
      <c r="E22775" s="1" t="s">
        <v>81593</v>
      </c>
      <c r="F22775" s="1" t="s">
        <v>81594</v>
      </c>
      <c r="G22775" s="1" t="s">
        <v>81583</v>
      </c>
      <c r="H22775" s="1" t="s">
        <v>81584</v>
      </c>
      <c r="I22775" s="1" t="s">
        <v>75467</v>
      </c>
      <c r="J22775" s="1" t="s">
        <v>81595</v>
      </c>
    </row>
    <row r="22776" spans="1:10" x14ac:dyDescent="0.35">
      <c r="A22776" s="1" t="s">
        <v>81580</v>
      </c>
      <c r="B22776" s="1" t="s">
        <v>75461</v>
      </c>
      <c r="C22776" s="1" t="s">
        <v>30</v>
      </c>
      <c r="D22776" s="1" t="s">
        <v>81596</v>
      </c>
      <c r="E22776" s="1" t="s">
        <v>81597</v>
      </c>
      <c r="F22776" s="1" t="s">
        <v>81598</v>
      </c>
      <c r="G22776" s="1" t="s">
        <v>81583</v>
      </c>
      <c r="H22776" s="1" t="s">
        <v>81584</v>
      </c>
      <c r="I22776" s="1" t="s">
        <v>75467</v>
      </c>
      <c r="J22776" s="1" t="s">
        <v>81599</v>
      </c>
    </row>
    <row r="22777" spans="1:10" x14ac:dyDescent="0.35">
      <c r="A22777" s="1" t="s">
        <v>81580</v>
      </c>
      <c r="B22777" s="1" t="s">
        <v>75461</v>
      </c>
      <c r="C22777" s="1" t="s">
        <v>35</v>
      </c>
      <c r="D22777" s="1" t="s">
        <v>52609</v>
      </c>
      <c r="E22777" s="1" t="s">
        <v>81600</v>
      </c>
      <c r="F22777" s="1" t="s">
        <v>81601</v>
      </c>
      <c r="G22777" s="1" t="s">
        <v>81583</v>
      </c>
      <c r="H22777" s="1" t="s">
        <v>81584</v>
      </c>
      <c r="I22777" s="1" t="s">
        <v>75467</v>
      </c>
      <c r="J22777" s="1" t="s">
        <v>81602</v>
      </c>
    </row>
    <row r="22778" spans="1:10" x14ac:dyDescent="0.35">
      <c r="A22778" s="1" t="s">
        <v>81580</v>
      </c>
      <c r="B22778" s="1" t="s">
        <v>75461</v>
      </c>
      <c r="C22778" s="1" t="s">
        <v>40</v>
      </c>
      <c r="D22778" s="1" t="s">
        <v>81603</v>
      </c>
      <c r="E22778" s="1" t="s">
        <v>81604</v>
      </c>
      <c r="F22778" s="1" t="s">
        <v>81605</v>
      </c>
      <c r="G22778" s="1" t="s">
        <v>81583</v>
      </c>
      <c r="H22778" s="1" t="s">
        <v>81584</v>
      </c>
      <c r="I22778" s="1" t="s">
        <v>75467</v>
      </c>
      <c r="J22778" s="1" t="s">
        <v>81606</v>
      </c>
    </row>
    <row r="22779" spans="1:10" x14ac:dyDescent="0.35">
      <c r="A22779" s="1" t="s">
        <v>81580</v>
      </c>
      <c r="B22779" s="1" t="s">
        <v>75461</v>
      </c>
      <c r="C22779" s="1" t="s">
        <v>45</v>
      </c>
      <c r="D22779" s="1" t="s">
        <v>81607</v>
      </c>
      <c r="E22779" s="1" t="s">
        <v>81608</v>
      </c>
      <c r="F22779" s="1" t="s">
        <v>81609</v>
      </c>
      <c r="G22779" s="1" t="s">
        <v>81583</v>
      </c>
      <c r="H22779" s="1" t="s">
        <v>81584</v>
      </c>
      <c r="I22779" s="1" t="s">
        <v>75467</v>
      </c>
      <c r="J22779" s="1" t="s">
        <v>81610</v>
      </c>
    </row>
    <row r="22780" spans="1:10" x14ac:dyDescent="0.35">
      <c r="A22780" s="1" t="s">
        <v>81580</v>
      </c>
      <c r="B22780" s="1" t="s">
        <v>75461</v>
      </c>
      <c r="C22780" s="1" t="s">
        <v>50</v>
      </c>
      <c r="D22780" s="1" t="s">
        <v>81611</v>
      </c>
      <c r="E22780" s="1" t="s">
        <v>81612</v>
      </c>
      <c r="F22780" s="1" t="s">
        <v>81613</v>
      </c>
      <c r="G22780" s="1" t="s">
        <v>81583</v>
      </c>
      <c r="H22780" s="1" t="s">
        <v>81584</v>
      </c>
      <c r="I22780" s="1" t="s">
        <v>75467</v>
      </c>
      <c r="J22780" s="1" t="s">
        <v>81614</v>
      </c>
    </row>
    <row r="22781" spans="1:10" x14ac:dyDescent="0.35">
      <c r="A22781" s="1" t="s">
        <v>81580</v>
      </c>
      <c r="B22781" s="1" t="s">
        <v>75461</v>
      </c>
      <c r="C22781" s="1" t="s">
        <v>55</v>
      </c>
      <c r="D22781" s="1" t="s">
        <v>60608</v>
      </c>
      <c r="E22781" s="1" t="s">
        <v>81615</v>
      </c>
      <c r="F22781" s="1" t="s">
        <v>81616</v>
      </c>
      <c r="G22781" s="1" t="s">
        <v>81583</v>
      </c>
      <c r="H22781" s="1" t="s">
        <v>81584</v>
      </c>
      <c r="I22781" s="1" t="s">
        <v>75467</v>
      </c>
      <c r="J22781" s="1" t="s">
        <v>81617</v>
      </c>
    </row>
    <row r="22782" spans="1:10" x14ac:dyDescent="0.35">
      <c r="A22782" s="1" t="s">
        <v>81580</v>
      </c>
      <c r="B22782" s="1" t="s">
        <v>75461</v>
      </c>
      <c r="C22782" s="1" t="s">
        <v>60</v>
      </c>
      <c r="D22782" s="1" t="s">
        <v>81531</v>
      </c>
      <c r="E22782" s="1" t="s">
        <v>81618</v>
      </c>
      <c r="F22782" s="1" t="s">
        <v>81619</v>
      </c>
      <c r="G22782" s="1" t="s">
        <v>81583</v>
      </c>
      <c r="H22782" s="1" t="s">
        <v>81584</v>
      </c>
      <c r="I22782" s="1" t="s">
        <v>75467</v>
      </c>
      <c r="J22782" s="1" t="s">
        <v>81620</v>
      </c>
    </row>
    <row r="22783" spans="1:10" x14ac:dyDescent="0.35">
      <c r="A22783" s="1" t="s">
        <v>81580</v>
      </c>
      <c r="B22783" s="1" t="s">
        <v>75461</v>
      </c>
      <c r="C22783" s="1" t="s">
        <v>65</v>
      </c>
      <c r="D22783" s="1" t="s">
        <v>76346</v>
      </c>
      <c r="E22783" s="1" t="s">
        <v>81621</v>
      </c>
      <c r="F22783" s="1" t="s">
        <v>81622</v>
      </c>
      <c r="G22783" s="1" t="s">
        <v>81583</v>
      </c>
      <c r="H22783" s="1" t="s">
        <v>81584</v>
      </c>
      <c r="I22783" s="1" t="s">
        <v>75467</v>
      </c>
      <c r="J22783" s="1" t="s">
        <v>81623</v>
      </c>
    </row>
    <row r="22784" spans="1:10" x14ac:dyDescent="0.35">
      <c r="A22784" s="1" t="s">
        <v>81580</v>
      </c>
      <c r="B22784" s="1" t="s">
        <v>75461</v>
      </c>
      <c r="C22784" s="1" t="s">
        <v>70</v>
      </c>
      <c r="D22784" s="1" t="s">
        <v>81624</v>
      </c>
      <c r="E22784" s="1" t="s">
        <v>81625</v>
      </c>
      <c r="F22784" s="1" t="s">
        <v>81626</v>
      </c>
      <c r="G22784" s="1" t="s">
        <v>81583</v>
      </c>
      <c r="H22784" s="1" t="s">
        <v>81584</v>
      </c>
      <c r="I22784" s="1" t="s">
        <v>75467</v>
      </c>
      <c r="J22784" s="1" t="s">
        <v>81627</v>
      </c>
    </row>
    <row r="22785" spans="1:10" x14ac:dyDescent="0.35">
      <c r="A22785" s="1" t="s">
        <v>81580</v>
      </c>
      <c r="B22785" s="1" t="s">
        <v>75461</v>
      </c>
      <c r="C22785" s="1" t="s">
        <v>75</v>
      </c>
      <c r="D22785" s="1" t="s">
        <v>81628</v>
      </c>
      <c r="E22785" s="1" t="s">
        <v>81629</v>
      </c>
      <c r="F22785" s="1" t="s">
        <v>81630</v>
      </c>
      <c r="G22785" s="1" t="s">
        <v>81583</v>
      </c>
      <c r="H22785" s="1" t="s">
        <v>81584</v>
      </c>
      <c r="I22785" s="1" t="s">
        <v>75467</v>
      </c>
      <c r="J22785" s="1" t="s">
        <v>81631</v>
      </c>
    </row>
    <row r="22786" spans="1:10" x14ac:dyDescent="0.35">
      <c r="A22786" s="1" t="s">
        <v>81580</v>
      </c>
      <c r="B22786" s="1" t="s">
        <v>75461</v>
      </c>
      <c r="C22786" s="1" t="s">
        <v>80</v>
      </c>
      <c r="D22786" s="1" t="s">
        <v>81632</v>
      </c>
      <c r="E22786" s="1" t="s">
        <v>81633</v>
      </c>
      <c r="F22786" s="1" t="s">
        <v>81634</v>
      </c>
      <c r="G22786" s="1" t="s">
        <v>81583</v>
      </c>
      <c r="H22786" s="1" t="s">
        <v>81584</v>
      </c>
      <c r="I22786" s="1" t="s">
        <v>75467</v>
      </c>
      <c r="J22786" s="1" t="s">
        <v>81635</v>
      </c>
    </row>
    <row r="22787" spans="1:10" x14ac:dyDescent="0.35">
      <c r="A22787" s="1" t="s">
        <v>81580</v>
      </c>
      <c r="B22787" s="1" t="s">
        <v>75461</v>
      </c>
      <c r="C22787" s="1" t="s">
        <v>85</v>
      </c>
      <c r="D22787" s="1" t="s">
        <v>58338</v>
      </c>
      <c r="E22787" s="1" t="s">
        <v>81636</v>
      </c>
      <c r="F22787" s="1" t="s">
        <v>81637</v>
      </c>
      <c r="G22787" s="1" t="s">
        <v>81583</v>
      </c>
      <c r="H22787" s="1" t="s">
        <v>81584</v>
      </c>
      <c r="I22787" s="1" t="s">
        <v>75467</v>
      </c>
      <c r="J22787" s="1" t="s">
        <v>81638</v>
      </c>
    </row>
    <row r="22788" spans="1:10" x14ac:dyDescent="0.35">
      <c r="A22788" s="1" t="s">
        <v>81580</v>
      </c>
      <c r="B22788" s="1" t="s">
        <v>75461</v>
      </c>
      <c r="C22788" s="1" t="s">
        <v>90</v>
      </c>
      <c r="D22788" s="1" t="s">
        <v>81639</v>
      </c>
      <c r="E22788" s="1" t="s">
        <v>81640</v>
      </c>
      <c r="F22788" s="1" t="s">
        <v>81641</v>
      </c>
      <c r="G22788" s="1" t="s">
        <v>81583</v>
      </c>
      <c r="H22788" s="1" t="s">
        <v>81584</v>
      </c>
      <c r="I22788" s="1" t="s">
        <v>75467</v>
      </c>
      <c r="J22788" s="1" t="s">
        <v>81642</v>
      </c>
    </row>
    <row r="22789" spans="1:10" x14ac:dyDescent="0.35">
      <c r="A22789" s="1" t="s">
        <v>81580</v>
      </c>
      <c r="B22789" s="1" t="s">
        <v>75461</v>
      </c>
      <c r="C22789" s="1" t="s">
        <v>95</v>
      </c>
      <c r="D22789" s="1" t="s">
        <v>81643</v>
      </c>
      <c r="E22789" s="1" t="s">
        <v>81644</v>
      </c>
      <c r="F22789" s="1" t="s">
        <v>81645</v>
      </c>
      <c r="G22789" s="1" t="s">
        <v>81583</v>
      </c>
      <c r="H22789" s="1" t="s">
        <v>81584</v>
      </c>
      <c r="I22789" s="1" t="s">
        <v>75467</v>
      </c>
      <c r="J22789" s="1" t="s">
        <v>81646</v>
      </c>
    </row>
    <row r="22790" spans="1:10" x14ac:dyDescent="0.35">
      <c r="A22790" s="1" t="s">
        <v>81580</v>
      </c>
      <c r="B22790" s="1" t="s">
        <v>75461</v>
      </c>
      <c r="C22790" s="1" t="s">
        <v>100</v>
      </c>
      <c r="D22790" s="1" t="s">
        <v>67480</v>
      </c>
      <c r="E22790" s="1" t="s">
        <v>81647</v>
      </c>
      <c r="F22790" s="1" t="s">
        <v>81648</v>
      </c>
      <c r="G22790" s="1" t="s">
        <v>81583</v>
      </c>
      <c r="H22790" s="1" t="s">
        <v>81584</v>
      </c>
      <c r="I22790" s="1" t="s">
        <v>75467</v>
      </c>
      <c r="J22790" s="1" t="s">
        <v>81649</v>
      </c>
    </row>
    <row r="22791" spans="1:10" x14ac:dyDescent="0.35">
      <c r="A22791" s="1" t="s">
        <v>81580</v>
      </c>
      <c r="B22791" s="1" t="s">
        <v>75461</v>
      </c>
      <c r="C22791" s="1" t="s">
        <v>105</v>
      </c>
      <c r="D22791" s="1" t="s">
        <v>81650</v>
      </c>
      <c r="E22791" s="1" t="s">
        <v>81651</v>
      </c>
      <c r="F22791" s="1" t="s">
        <v>81652</v>
      </c>
      <c r="G22791" s="1" t="s">
        <v>81583</v>
      </c>
      <c r="H22791" s="1" t="s">
        <v>81584</v>
      </c>
      <c r="I22791" s="1" t="s">
        <v>75467</v>
      </c>
      <c r="J22791" s="1" t="s">
        <v>81653</v>
      </c>
    </row>
    <row r="22792" spans="1:10" x14ac:dyDescent="0.35">
      <c r="A22792" s="1" t="s">
        <v>81580</v>
      </c>
      <c r="B22792" s="1" t="s">
        <v>75461</v>
      </c>
      <c r="C22792" s="1" t="s">
        <v>110</v>
      </c>
      <c r="D22792" s="1" t="s">
        <v>60834</v>
      </c>
      <c r="E22792" s="1" t="s">
        <v>81654</v>
      </c>
      <c r="F22792" s="1" t="s">
        <v>81655</v>
      </c>
      <c r="G22792" s="1" t="s">
        <v>81583</v>
      </c>
      <c r="H22792" s="1" t="s">
        <v>81584</v>
      </c>
      <c r="I22792" s="1" t="s">
        <v>75467</v>
      </c>
      <c r="J22792" s="1" t="s">
        <v>81656</v>
      </c>
    </row>
    <row r="22793" spans="1:10" x14ac:dyDescent="0.35">
      <c r="A22793" s="1" t="s">
        <v>81580</v>
      </c>
      <c r="B22793" s="1" t="s">
        <v>75461</v>
      </c>
      <c r="C22793" s="1" t="s">
        <v>115</v>
      </c>
      <c r="D22793" s="1" t="s">
        <v>81657</v>
      </c>
      <c r="E22793" s="1" t="s">
        <v>81658</v>
      </c>
      <c r="F22793" s="1" t="s">
        <v>81659</v>
      </c>
      <c r="G22793" s="1" t="s">
        <v>81583</v>
      </c>
      <c r="H22793" s="1" t="s">
        <v>81584</v>
      </c>
      <c r="I22793" s="1" t="s">
        <v>75467</v>
      </c>
      <c r="J22793" s="1" t="s">
        <v>81660</v>
      </c>
    </row>
    <row r="22794" spans="1:10" x14ac:dyDescent="0.35">
      <c r="A22794" s="1" t="s">
        <v>81580</v>
      </c>
      <c r="B22794" s="1" t="s">
        <v>75461</v>
      </c>
      <c r="C22794" s="1" t="s">
        <v>120</v>
      </c>
      <c r="D22794" s="1" t="s">
        <v>81661</v>
      </c>
      <c r="E22794" s="1" t="s">
        <v>81662</v>
      </c>
      <c r="F22794" s="1" t="s">
        <v>81663</v>
      </c>
      <c r="G22794" s="1" t="s">
        <v>81583</v>
      </c>
      <c r="H22794" s="1" t="s">
        <v>81584</v>
      </c>
      <c r="I22794" s="1" t="s">
        <v>75467</v>
      </c>
      <c r="J22794" s="1" t="s">
        <v>81664</v>
      </c>
    </row>
    <row r="22795" spans="1:10" x14ac:dyDescent="0.35">
      <c r="A22795" s="1" t="s">
        <v>81580</v>
      </c>
      <c r="B22795" s="1" t="s">
        <v>75461</v>
      </c>
      <c r="C22795" s="1" t="s">
        <v>125</v>
      </c>
      <c r="D22795" s="1" t="s">
        <v>81665</v>
      </c>
      <c r="E22795" s="1" t="s">
        <v>81666</v>
      </c>
      <c r="F22795" s="1" t="s">
        <v>81667</v>
      </c>
      <c r="G22795" s="1" t="s">
        <v>81583</v>
      </c>
      <c r="H22795" s="1" t="s">
        <v>81584</v>
      </c>
      <c r="I22795" s="1" t="s">
        <v>75467</v>
      </c>
      <c r="J22795" s="1" t="s">
        <v>81668</v>
      </c>
    </row>
    <row r="22796" spans="1:10" x14ac:dyDescent="0.35">
      <c r="A22796" s="1" t="s">
        <v>81580</v>
      </c>
      <c r="B22796" s="1" t="s">
        <v>75461</v>
      </c>
      <c r="C22796" s="1" t="s">
        <v>130</v>
      </c>
      <c r="D22796" s="1" t="s">
        <v>63982</v>
      </c>
      <c r="E22796" s="1" t="s">
        <v>81669</v>
      </c>
      <c r="F22796" s="1" t="s">
        <v>81670</v>
      </c>
      <c r="G22796" s="1" t="s">
        <v>81583</v>
      </c>
      <c r="H22796" s="1" t="s">
        <v>81584</v>
      </c>
      <c r="I22796" s="1" t="s">
        <v>75467</v>
      </c>
      <c r="J22796" s="1" t="s">
        <v>81671</v>
      </c>
    </row>
    <row r="22797" spans="1:10" x14ac:dyDescent="0.35">
      <c r="A22797" s="1" t="s">
        <v>81580</v>
      </c>
      <c r="B22797" s="1" t="s">
        <v>75461</v>
      </c>
      <c r="C22797" s="1" t="s">
        <v>135</v>
      </c>
      <c r="D22797" s="1" t="s">
        <v>81672</v>
      </c>
      <c r="E22797" s="1" t="s">
        <v>81673</v>
      </c>
      <c r="F22797" s="1" t="s">
        <v>81674</v>
      </c>
      <c r="G22797" s="1" t="s">
        <v>81583</v>
      </c>
      <c r="H22797" s="1" t="s">
        <v>81584</v>
      </c>
      <c r="I22797" s="1" t="s">
        <v>75467</v>
      </c>
      <c r="J22797" s="1" t="s">
        <v>81675</v>
      </c>
    </row>
    <row r="22798" spans="1:10" x14ac:dyDescent="0.35">
      <c r="A22798" s="1" t="s">
        <v>81580</v>
      </c>
      <c r="B22798" s="1" t="s">
        <v>75461</v>
      </c>
      <c r="C22798" s="1" t="s">
        <v>140</v>
      </c>
      <c r="D22798" s="1" t="s">
        <v>81676</v>
      </c>
      <c r="E22798" s="1" t="s">
        <v>81677</v>
      </c>
      <c r="F22798" s="1" t="s">
        <v>81678</v>
      </c>
      <c r="G22798" s="1" t="s">
        <v>81583</v>
      </c>
      <c r="H22798" s="1" t="s">
        <v>81584</v>
      </c>
      <c r="I22798" s="1" t="s">
        <v>75467</v>
      </c>
      <c r="J22798" s="1" t="s">
        <v>81679</v>
      </c>
    </row>
    <row r="22799" spans="1:10" x14ac:dyDescent="0.35">
      <c r="A22799" s="1" t="s">
        <v>81580</v>
      </c>
      <c r="B22799" s="1" t="s">
        <v>75461</v>
      </c>
      <c r="C22799" s="1" t="s">
        <v>145</v>
      </c>
      <c r="D22799" s="1" t="s">
        <v>81680</v>
      </c>
      <c r="E22799" s="1" t="s">
        <v>81681</v>
      </c>
      <c r="F22799" s="1" t="s">
        <v>81682</v>
      </c>
      <c r="G22799" s="1" t="s">
        <v>81583</v>
      </c>
      <c r="H22799" s="1" t="s">
        <v>81584</v>
      </c>
      <c r="I22799" s="1" t="s">
        <v>75467</v>
      </c>
      <c r="J22799" s="1" t="s">
        <v>81683</v>
      </c>
    </row>
    <row r="22800" spans="1:10" x14ac:dyDescent="0.35">
      <c r="A22800" s="1" t="s">
        <v>81580</v>
      </c>
      <c r="B22800" s="1" t="s">
        <v>75461</v>
      </c>
      <c r="C22800" s="1" t="s">
        <v>150</v>
      </c>
      <c r="D22800" s="1" t="s">
        <v>81684</v>
      </c>
      <c r="E22800" s="1" t="s">
        <v>81685</v>
      </c>
      <c r="F22800" s="1" t="s">
        <v>81686</v>
      </c>
      <c r="G22800" s="1" t="s">
        <v>81583</v>
      </c>
      <c r="H22800" s="1" t="s">
        <v>81584</v>
      </c>
      <c r="I22800" s="1" t="s">
        <v>75467</v>
      </c>
      <c r="J22800" s="1" t="s">
        <v>81687</v>
      </c>
    </row>
    <row r="22801" spans="1:10" x14ac:dyDescent="0.35">
      <c r="A22801" s="1" t="s">
        <v>81580</v>
      </c>
      <c r="B22801" s="1" t="s">
        <v>75461</v>
      </c>
      <c r="C22801" s="1" t="s">
        <v>155</v>
      </c>
      <c r="D22801" s="1" t="s">
        <v>81688</v>
      </c>
      <c r="E22801" s="1" t="s">
        <v>81689</v>
      </c>
      <c r="F22801" s="1" t="s">
        <v>81690</v>
      </c>
      <c r="G22801" s="1" t="s">
        <v>81583</v>
      </c>
      <c r="H22801" s="1" t="s">
        <v>81584</v>
      </c>
      <c r="I22801" s="1" t="s">
        <v>75467</v>
      </c>
      <c r="J22801" s="1" t="s">
        <v>81691</v>
      </c>
    </row>
    <row r="22802" spans="1:10" x14ac:dyDescent="0.35">
      <c r="A22802" s="1" t="s">
        <v>81580</v>
      </c>
      <c r="B22802" s="1" t="s">
        <v>75461</v>
      </c>
      <c r="C22802" s="1" t="s">
        <v>160</v>
      </c>
      <c r="D22802" s="1" t="s">
        <v>81692</v>
      </c>
      <c r="E22802" s="1" t="s">
        <v>81693</v>
      </c>
      <c r="F22802" s="1" t="s">
        <v>81694</v>
      </c>
      <c r="G22802" s="1" t="s">
        <v>81583</v>
      </c>
      <c r="H22802" s="1" t="s">
        <v>81584</v>
      </c>
      <c r="I22802" s="1" t="s">
        <v>75467</v>
      </c>
      <c r="J22802" s="1" t="s">
        <v>81695</v>
      </c>
    </row>
    <row r="22803" spans="1:10" x14ac:dyDescent="0.35">
      <c r="A22803" s="1" t="s">
        <v>81580</v>
      </c>
      <c r="B22803" s="1" t="s">
        <v>75461</v>
      </c>
      <c r="C22803" s="1" t="s">
        <v>165</v>
      </c>
      <c r="D22803" s="1" t="s">
        <v>81696</v>
      </c>
      <c r="E22803" s="1" t="s">
        <v>81697</v>
      </c>
      <c r="F22803" s="1" t="s">
        <v>81698</v>
      </c>
      <c r="G22803" s="1" t="s">
        <v>81583</v>
      </c>
      <c r="H22803" s="1" t="s">
        <v>81584</v>
      </c>
      <c r="I22803" s="1" t="s">
        <v>75467</v>
      </c>
      <c r="J22803" s="1" t="s">
        <v>81699</v>
      </c>
    </row>
    <row r="22804" spans="1:10" x14ac:dyDescent="0.35">
      <c r="A22804" s="1" t="s">
        <v>81580</v>
      </c>
      <c r="B22804" s="1" t="s">
        <v>75461</v>
      </c>
      <c r="C22804" s="1" t="s">
        <v>170</v>
      </c>
      <c r="D22804" s="1" t="s">
        <v>81700</v>
      </c>
      <c r="E22804" s="1" t="s">
        <v>81701</v>
      </c>
      <c r="F22804" s="1" t="s">
        <v>81702</v>
      </c>
      <c r="G22804" s="1" t="s">
        <v>81583</v>
      </c>
      <c r="H22804" s="1" t="s">
        <v>81584</v>
      </c>
      <c r="I22804" s="1" t="s">
        <v>75467</v>
      </c>
      <c r="J22804" s="1" t="s">
        <v>81703</v>
      </c>
    </row>
    <row r="22805" spans="1:10" x14ac:dyDescent="0.35">
      <c r="A22805" s="1" t="s">
        <v>81704</v>
      </c>
      <c r="B22805" s="1" t="s">
        <v>75461</v>
      </c>
      <c r="C22805" s="1" t="s">
        <v>8</v>
      </c>
      <c r="D22805" s="1" t="s">
        <v>81705</v>
      </c>
      <c r="E22805" s="1" t="s">
        <v>81706</v>
      </c>
      <c r="F22805" s="1" t="s">
        <v>81707</v>
      </c>
      <c r="G22805" s="1" t="s">
        <v>81708</v>
      </c>
      <c r="H22805" s="1" t="s">
        <v>81709</v>
      </c>
      <c r="I22805" s="1" t="s">
        <v>75467</v>
      </c>
      <c r="J22805" s="1" t="s">
        <v>13</v>
      </c>
    </row>
    <row r="22806" spans="1:10" x14ac:dyDescent="0.35">
      <c r="A22806" s="1" t="s">
        <v>81704</v>
      </c>
      <c r="B22806" s="1" t="s">
        <v>75461</v>
      </c>
      <c r="C22806" s="1" t="s">
        <v>15</v>
      </c>
      <c r="D22806" s="1" t="s">
        <v>46065</v>
      </c>
      <c r="E22806" s="1" t="s">
        <v>81710</v>
      </c>
      <c r="F22806" s="1" t="s">
        <v>81711</v>
      </c>
      <c r="G22806" s="1" t="s">
        <v>81708</v>
      </c>
      <c r="H22806" s="1" t="s">
        <v>81709</v>
      </c>
      <c r="I22806" s="1" t="s">
        <v>75467</v>
      </c>
      <c r="J22806" s="1" t="s">
        <v>81712</v>
      </c>
    </row>
    <row r="22807" spans="1:10" x14ac:dyDescent="0.35">
      <c r="A22807" s="1" t="s">
        <v>81704</v>
      </c>
      <c r="B22807" s="1" t="s">
        <v>75461</v>
      </c>
      <c r="C22807" s="1" t="s">
        <v>20</v>
      </c>
      <c r="D22807" s="1" t="s">
        <v>81713</v>
      </c>
      <c r="E22807" s="1" t="s">
        <v>81714</v>
      </c>
      <c r="F22807" s="1" t="s">
        <v>81715</v>
      </c>
      <c r="G22807" s="1" t="s">
        <v>81708</v>
      </c>
      <c r="H22807" s="1" t="s">
        <v>81709</v>
      </c>
      <c r="I22807" s="1" t="s">
        <v>75467</v>
      </c>
      <c r="J22807" s="1" t="s">
        <v>81716</v>
      </c>
    </row>
    <row r="22808" spans="1:10" x14ac:dyDescent="0.35">
      <c r="A22808" s="1" t="s">
        <v>81704</v>
      </c>
      <c r="B22808" s="1" t="s">
        <v>75461</v>
      </c>
      <c r="C22808" s="1" t="s">
        <v>25</v>
      </c>
      <c r="D22808" s="1" t="s">
        <v>81717</v>
      </c>
      <c r="E22808" s="1" t="s">
        <v>81718</v>
      </c>
      <c r="F22808" s="1" t="s">
        <v>81719</v>
      </c>
      <c r="G22808" s="1" t="s">
        <v>81708</v>
      </c>
      <c r="H22808" s="1" t="s">
        <v>81709</v>
      </c>
      <c r="I22808" s="1" t="s">
        <v>75467</v>
      </c>
      <c r="J22808" s="1" t="s">
        <v>81720</v>
      </c>
    </row>
    <row r="22809" spans="1:10" x14ac:dyDescent="0.35">
      <c r="A22809" s="1" t="s">
        <v>81704</v>
      </c>
      <c r="B22809" s="1" t="s">
        <v>75461</v>
      </c>
      <c r="C22809" s="1" t="s">
        <v>30</v>
      </c>
      <c r="D22809" s="1" t="s">
        <v>81721</v>
      </c>
      <c r="E22809" s="1" t="s">
        <v>81722</v>
      </c>
      <c r="F22809" s="1" t="s">
        <v>81723</v>
      </c>
      <c r="G22809" s="1" t="s">
        <v>81708</v>
      </c>
      <c r="H22809" s="1" t="s">
        <v>81709</v>
      </c>
      <c r="I22809" s="1" t="s">
        <v>75467</v>
      </c>
      <c r="J22809" s="1" t="s">
        <v>81724</v>
      </c>
    </row>
    <row r="22810" spans="1:10" x14ac:dyDescent="0.35">
      <c r="A22810" s="1" t="s">
        <v>81704</v>
      </c>
      <c r="B22810" s="1" t="s">
        <v>75461</v>
      </c>
      <c r="C22810" s="1" t="s">
        <v>35</v>
      </c>
      <c r="D22810" s="1" t="s">
        <v>42856</v>
      </c>
      <c r="E22810" s="1" t="s">
        <v>81725</v>
      </c>
      <c r="F22810" s="1" t="s">
        <v>81726</v>
      </c>
      <c r="G22810" s="1" t="s">
        <v>81708</v>
      </c>
      <c r="H22810" s="1" t="s">
        <v>81709</v>
      </c>
      <c r="I22810" s="1" t="s">
        <v>75467</v>
      </c>
      <c r="J22810" s="1" t="s">
        <v>81727</v>
      </c>
    </row>
    <row r="22811" spans="1:10" x14ac:dyDescent="0.35">
      <c r="A22811" s="1" t="s">
        <v>81704</v>
      </c>
      <c r="B22811" s="1" t="s">
        <v>75461</v>
      </c>
      <c r="C22811" s="1" t="s">
        <v>40</v>
      </c>
      <c r="D22811" s="1" t="s">
        <v>81728</v>
      </c>
      <c r="E22811" s="1" t="s">
        <v>81729</v>
      </c>
      <c r="F22811" s="1" t="s">
        <v>81730</v>
      </c>
      <c r="G22811" s="1" t="s">
        <v>81708</v>
      </c>
      <c r="H22811" s="1" t="s">
        <v>81709</v>
      </c>
      <c r="I22811" s="1" t="s">
        <v>75467</v>
      </c>
      <c r="J22811" s="1" t="s">
        <v>81731</v>
      </c>
    </row>
    <row r="22812" spans="1:10" x14ac:dyDescent="0.35">
      <c r="A22812" s="1" t="s">
        <v>81704</v>
      </c>
      <c r="B22812" s="1" t="s">
        <v>75461</v>
      </c>
      <c r="C22812" s="1" t="s">
        <v>45</v>
      </c>
      <c r="D22812" s="1" t="s">
        <v>81732</v>
      </c>
      <c r="E22812" s="1" t="s">
        <v>81733</v>
      </c>
      <c r="F22812" s="1" t="s">
        <v>81734</v>
      </c>
      <c r="G22812" s="1" t="s">
        <v>81708</v>
      </c>
      <c r="H22812" s="1" t="s">
        <v>81709</v>
      </c>
      <c r="I22812" s="1" t="s">
        <v>75467</v>
      </c>
      <c r="J22812" s="1" t="s">
        <v>81735</v>
      </c>
    </row>
    <row r="22813" spans="1:10" x14ac:dyDescent="0.35">
      <c r="A22813" s="1" t="s">
        <v>81704</v>
      </c>
      <c r="B22813" s="1" t="s">
        <v>75461</v>
      </c>
      <c r="C22813" s="1" t="s">
        <v>50</v>
      </c>
      <c r="D22813" s="1" t="s">
        <v>81736</v>
      </c>
      <c r="E22813" s="1" t="s">
        <v>81737</v>
      </c>
      <c r="F22813" s="1" t="s">
        <v>81738</v>
      </c>
      <c r="G22813" s="1" t="s">
        <v>81708</v>
      </c>
      <c r="H22813" s="1" t="s">
        <v>81709</v>
      </c>
      <c r="I22813" s="1" t="s">
        <v>75467</v>
      </c>
      <c r="J22813" s="1" t="s">
        <v>81739</v>
      </c>
    </row>
    <row r="22814" spans="1:10" x14ac:dyDescent="0.35">
      <c r="A22814" s="1" t="s">
        <v>81704</v>
      </c>
      <c r="B22814" s="1" t="s">
        <v>75461</v>
      </c>
      <c r="C22814" s="1" t="s">
        <v>55</v>
      </c>
      <c r="D22814" s="1" t="s">
        <v>81740</v>
      </c>
      <c r="E22814" s="1" t="s">
        <v>81741</v>
      </c>
      <c r="F22814" s="1" t="s">
        <v>81742</v>
      </c>
      <c r="G22814" s="1" t="s">
        <v>81708</v>
      </c>
      <c r="H22814" s="1" t="s">
        <v>81709</v>
      </c>
      <c r="I22814" s="1" t="s">
        <v>75467</v>
      </c>
      <c r="J22814" s="1" t="s">
        <v>81743</v>
      </c>
    </row>
    <row r="22815" spans="1:10" x14ac:dyDescent="0.35">
      <c r="A22815" s="1" t="s">
        <v>81704</v>
      </c>
      <c r="B22815" s="1" t="s">
        <v>75461</v>
      </c>
      <c r="C22815" s="1" t="s">
        <v>60</v>
      </c>
      <c r="D22815" s="1" t="s">
        <v>81744</v>
      </c>
      <c r="E22815" s="1" t="s">
        <v>81745</v>
      </c>
      <c r="F22815" s="1" t="s">
        <v>81746</v>
      </c>
      <c r="G22815" s="1" t="s">
        <v>81708</v>
      </c>
      <c r="H22815" s="1" t="s">
        <v>81709</v>
      </c>
      <c r="I22815" s="1" t="s">
        <v>75467</v>
      </c>
      <c r="J22815" s="1" t="s">
        <v>81747</v>
      </c>
    </row>
    <row r="22816" spans="1:10" x14ac:dyDescent="0.35">
      <c r="A22816" s="1" t="s">
        <v>81704</v>
      </c>
      <c r="B22816" s="1" t="s">
        <v>75461</v>
      </c>
      <c r="C22816" s="1" t="s">
        <v>65</v>
      </c>
      <c r="D22816" s="1" t="s">
        <v>81748</v>
      </c>
      <c r="E22816" s="1" t="s">
        <v>81749</v>
      </c>
      <c r="F22816" s="1" t="s">
        <v>81750</v>
      </c>
      <c r="G22816" s="1" t="s">
        <v>81708</v>
      </c>
      <c r="H22816" s="1" t="s">
        <v>81709</v>
      </c>
      <c r="I22816" s="1" t="s">
        <v>75467</v>
      </c>
      <c r="J22816" s="1" t="s">
        <v>81751</v>
      </c>
    </row>
    <row r="22817" spans="1:10" x14ac:dyDescent="0.35">
      <c r="A22817" s="1" t="s">
        <v>81704</v>
      </c>
      <c r="B22817" s="1" t="s">
        <v>75461</v>
      </c>
      <c r="C22817" s="1" t="s">
        <v>70</v>
      </c>
      <c r="D22817" s="1" t="s">
        <v>81752</v>
      </c>
      <c r="E22817" s="1" t="s">
        <v>81753</v>
      </c>
      <c r="F22817" s="1" t="s">
        <v>81754</v>
      </c>
      <c r="G22817" s="1" t="s">
        <v>81708</v>
      </c>
      <c r="H22817" s="1" t="s">
        <v>81709</v>
      </c>
      <c r="I22817" s="1" t="s">
        <v>75467</v>
      </c>
      <c r="J22817" s="1" t="s">
        <v>81755</v>
      </c>
    </row>
    <row r="22818" spans="1:10" x14ac:dyDescent="0.35">
      <c r="A22818" s="1" t="s">
        <v>81704</v>
      </c>
      <c r="B22818" s="1" t="s">
        <v>75461</v>
      </c>
      <c r="C22818" s="1" t="s">
        <v>75</v>
      </c>
      <c r="D22818" s="1" t="s">
        <v>75672</v>
      </c>
      <c r="E22818" s="1" t="s">
        <v>81756</v>
      </c>
      <c r="F22818" s="1" t="s">
        <v>81757</v>
      </c>
      <c r="G22818" s="1" t="s">
        <v>81708</v>
      </c>
      <c r="H22818" s="1" t="s">
        <v>81709</v>
      </c>
      <c r="I22818" s="1" t="s">
        <v>75467</v>
      </c>
      <c r="J22818" s="1" t="s">
        <v>81758</v>
      </c>
    </row>
    <row r="22819" spans="1:10" x14ac:dyDescent="0.35">
      <c r="A22819" s="1" t="s">
        <v>81704</v>
      </c>
      <c r="B22819" s="1" t="s">
        <v>75461</v>
      </c>
      <c r="C22819" s="1" t="s">
        <v>80</v>
      </c>
      <c r="D22819" s="1" t="s">
        <v>81759</v>
      </c>
      <c r="E22819" s="1" t="s">
        <v>81760</v>
      </c>
      <c r="F22819" s="1" t="s">
        <v>81761</v>
      </c>
      <c r="G22819" s="1" t="s">
        <v>81708</v>
      </c>
      <c r="H22819" s="1" t="s">
        <v>81709</v>
      </c>
      <c r="I22819" s="1" t="s">
        <v>75467</v>
      </c>
      <c r="J22819" s="1" t="s">
        <v>81762</v>
      </c>
    </row>
    <row r="22820" spans="1:10" x14ac:dyDescent="0.35">
      <c r="A22820" s="1" t="s">
        <v>81704</v>
      </c>
      <c r="B22820" s="1" t="s">
        <v>75461</v>
      </c>
      <c r="C22820" s="1" t="s">
        <v>85</v>
      </c>
      <c r="D22820" s="1" t="s">
        <v>81763</v>
      </c>
      <c r="E22820" s="1" t="s">
        <v>81764</v>
      </c>
      <c r="F22820" s="1" t="s">
        <v>81765</v>
      </c>
      <c r="G22820" s="1" t="s">
        <v>81708</v>
      </c>
      <c r="H22820" s="1" t="s">
        <v>81709</v>
      </c>
      <c r="I22820" s="1" t="s">
        <v>75467</v>
      </c>
      <c r="J22820" s="1" t="s">
        <v>81766</v>
      </c>
    </row>
    <row r="22821" spans="1:10" x14ac:dyDescent="0.35">
      <c r="A22821" s="1" t="s">
        <v>81704</v>
      </c>
      <c r="B22821" s="1" t="s">
        <v>75461</v>
      </c>
      <c r="C22821" s="1" t="s">
        <v>90</v>
      </c>
      <c r="D22821" s="1" t="s">
        <v>65807</v>
      </c>
      <c r="E22821" s="1" t="s">
        <v>81767</v>
      </c>
      <c r="F22821" s="1" t="s">
        <v>81768</v>
      </c>
      <c r="G22821" s="1" t="s">
        <v>81708</v>
      </c>
      <c r="H22821" s="1" t="s">
        <v>81709</v>
      </c>
      <c r="I22821" s="1" t="s">
        <v>75467</v>
      </c>
      <c r="J22821" s="1" t="s">
        <v>81769</v>
      </c>
    </row>
    <row r="22822" spans="1:10" x14ac:dyDescent="0.35">
      <c r="A22822" s="1" t="s">
        <v>81704</v>
      </c>
      <c r="B22822" s="1" t="s">
        <v>75461</v>
      </c>
      <c r="C22822" s="1" t="s">
        <v>95</v>
      </c>
      <c r="D22822" s="1" t="s">
        <v>81770</v>
      </c>
      <c r="E22822" s="1" t="s">
        <v>81771</v>
      </c>
      <c r="F22822" s="1" t="s">
        <v>81772</v>
      </c>
      <c r="G22822" s="1" t="s">
        <v>81708</v>
      </c>
      <c r="H22822" s="1" t="s">
        <v>81709</v>
      </c>
      <c r="I22822" s="1" t="s">
        <v>75467</v>
      </c>
      <c r="J22822" s="1" t="s">
        <v>81773</v>
      </c>
    </row>
    <row r="22823" spans="1:10" x14ac:dyDescent="0.35">
      <c r="A22823" s="1" t="s">
        <v>81704</v>
      </c>
      <c r="B22823" s="1" t="s">
        <v>75461</v>
      </c>
      <c r="C22823" s="1" t="s">
        <v>100</v>
      </c>
      <c r="D22823" s="1" t="s">
        <v>81774</v>
      </c>
      <c r="E22823" s="1" t="s">
        <v>81775</v>
      </c>
      <c r="F22823" s="1" t="s">
        <v>81776</v>
      </c>
      <c r="G22823" s="1" t="s">
        <v>81708</v>
      </c>
      <c r="H22823" s="1" t="s">
        <v>81709</v>
      </c>
      <c r="I22823" s="1" t="s">
        <v>75467</v>
      </c>
      <c r="J22823" s="1" t="s">
        <v>81777</v>
      </c>
    </row>
    <row r="22824" spans="1:10" x14ac:dyDescent="0.35">
      <c r="A22824" s="1" t="s">
        <v>81704</v>
      </c>
      <c r="B22824" s="1" t="s">
        <v>75461</v>
      </c>
      <c r="C22824" s="1" t="s">
        <v>105</v>
      </c>
      <c r="D22824" s="1" t="s">
        <v>81778</v>
      </c>
      <c r="E22824" s="1" t="s">
        <v>81779</v>
      </c>
      <c r="F22824" s="1" t="s">
        <v>81780</v>
      </c>
      <c r="G22824" s="1" t="s">
        <v>81708</v>
      </c>
      <c r="H22824" s="1" t="s">
        <v>81709</v>
      </c>
      <c r="I22824" s="1" t="s">
        <v>75467</v>
      </c>
      <c r="J22824" s="1" t="s">
        <v>81781</v>
      </c>
    </row>
    <row r="22825" spans="1:10" x14ac:dyDescent="0.35">
      <c r="A22825" s="1" t="s">
        <v>81704</v>
      </c>
      <c r="B22825" s="1" t="s">
        <v>75461</v>
      </c>
      <c r="C22825" s="1" t="s">
        <v>110</v>
      </c>
      <c r="D22825" s="1" t="s">
        <v>81782</v>
      </c>
      <c r="E22825" s="1" t="s">
        <v>81783</v>
      </c>
      <c r="F22825" s="1" t="s">
        <v>81784</v>
      </c>
      <c r="G22825" s="1" t="s">
        <v>81708</v>
      </c>
      <c r="H22825" s="1" t="s">
        <v>81709</v>
      </c>
      <c r="I22825" s="1" t="s">
        <v>75467</v>
      </c>
      <c r="J22825" s="1" t="s">
        <v>81785</v>
      </c>
    </row>
    <row r="22826" spans="1:10" x14ac:dyDescent="0.35">
      <c r="A22826" s="1" t="s">
        <v>81704</v>
      </c>
      <c r="B22826" s="1" t="s">
        <v>75461</v>
      </c>
      <c r="C22826" s="1" t="s">
        <v>115</v>
      </c>
      <c r="D22826" s="1" t="s">
        <v>81786</v>
      </c>
      <c r="E22826" s="1" t="s">
        <v>81787</v>
      </c>
      <c r="F22826" s="1" t="s">
        <v>81788</v>
      </c>
      <c r="G22826" s="1" t="s">
        <v>81708</v>
      </c>
      <c r="H22826" s="1" t="s">
        <v>81709</v>
      </c>
      <c r="I22826" s="1" t="s">
        <v>75467</v>
      </c>
      <c r="J22826" s="1" t="s">
        <v>81789</v>
      </c>
    </row>
    <row r="22827" spans="1:10" x14ac:dyDescent="0.35">
      <c r="A22827" s="1" t="s">
        <v>81704</v>
      </c>
      <c r="B22827" s="1" t="s">
        <v>75461</v>
      </c>
      <c r="C22827" s="1" t="s">
        <v>120</v>
      </c>
      <c r="D22827" s="1" t="s">
        <v>81790</v>
      </c>
      <c r="E22827" s="1" t="s">
        <v>81791</v>
      </c>
      <c r="F22827" s="1" t="s">
        <v>81792</v>
      </c>
      <c r="G22827" s="1" t="s">
        <v>81708</v>
      </c>
      <c r="H22827" s="1" t="s">
        <v>81709</v>
      </c>
      <c r="I22827" s="1" t="s">
        <v>75467</v>
      </c>
      <c r="J22827" s="1" t="s">
        <v>81793</v>
      </c>
    </row>
    <row r="22828" spans="1:10" x14ac:dyDescent="0.35">
      <c r="A22828" s="1" t="s">
        <v>81704</v>
      </c>
      <c r="B22828" s="1" t="s">
        <v>75461</v>
      </c>
      <c r="C22828" s="1" t="s">
        <v>125</v>
      </c>
      <c r="D22828" s="1" t="s">
        <v>65902</v>
      </c>
      <c r="E22828" s="1" t="s">
        <v>81794</v>
      </c>
      <c r="F22828" s="1" t="s">
        <v>81795</v>
      </c>
      <c r="G22828" s="1" t="s">
        <v>81708</v>
      </c>
      <c r="H22828" s="1" t="s">
        <v>81709</v>
      </c>
      <c r="I22828" s="1" t="s">
        <v>75467</v>
      </c>
      <c r="J22828" s="1" t="s">
        <v>81796</v>
      </c>
    </row>
    <row r="22829" spans="1:10" x14ac:dyDescent="0.35">
      <c r="A22829" s="1" t="s">
        <v>81704</v>
      </c>
      <c r="B22829" s="1" t="s">
        <v>75461</v>
      </c>
      <c r="C22829" s="1" t="s">
        <v>130</v>
      </c>
      <c r="D22829" s="1" t="s">
        <v>57628</v>
      </c>
      <c r="E22829" s="1" t="s">
        <v>81797</v>
      </c>
      <c r="F22829" s="1" t="s">
        <v>81798</v>
      </c>
      <c r="G22829" s="1" t="s">
        <v>81708</v>
      </c>
      <c r="H22829" s="1" t="s">
        <v>81709</v>
      </c>
      <c r="I22829" s="1" t="s">
        <v>75467</v>
      </c>
      <c r="J22829" s="1" t="s">
        <v>81799</v>
      </c>
    </row>
    <row r="22830" spans="1:10" x14ac:dyDescent="0.35">
      <c r="A22830" s="1" t="s">
        <v>81704</v>
      </c>
      <c r="B22830" s="1" t="s">
        <v>75461</v>
      </c>
      <c r="C22830" s="1" t="s">
        <v>135</v>
      </c>
      <c r="D22830" s="1" t="s">
        <v>69645</v>
      </c>
      <c r="E22830" s="1" t="s">
        <v>81800</v>
      </c>
      <c r="F22830" s="1" t="s">
        <v>81801</v>
      </c>
      <c r="G22830" s="1" t="s">
        <v>81708</v>
      </c>
      <c r="H22830" s="1" t="s">
        <v>81709</v>
      </c>
      <c r="I22830" s="1" t="s">
        <v>75467</v>
      </c>
      <c r="J22830" s="1" t="s">
        <v>81802</v>
      </c>
    </row>
    <row r="22831" spans="1:10" x14ac:dyDescent="0.35">
      <c r="A22831" s="1" t="s">
        <v>81704</v>
      </c>
      <c r="B22831" s="1" t="s">
        <v>75461</v>
      </c>
      <c r="C22831" s="1" t="s">
        <v>140</v>
      </c>
      <c r="D22831" s="1" t="s">
        <v>81803</v>
      </c>
      <c r="E22831" s="1" t="s">
        <v>81804</v>
      </c>
      <c r="F22831" s="1" t="s">
        <v>81805</v>
      </c>
      <c r="G22831" s="1" t="s">
        <v>81708</v>
      </c>
      <c r="H22831" s="1" t="s">
        <v>81709</v>
      </c>
      <c r="I22831" s="1" t="s">
        <v>75467</v>
      </c>
      <c r="J22831" s="1" t="s">
        <v>81806</v>
      </c>
    </row>
    <row r="22832" spans="1:10" x14ac:dyDescent="0.35">
      <c r="A22832" s="1" t="s">
        <v>81704</v>
      </c>
      <c r="B22832" s="1" t="s">
        <v>75461</v>
      </c>
      <c r="C22832" s="1" t="s">
        <v>145</v>
      </c>
      <c r="D22832" s="1" t="s">
        <v>81807</v>
      </c>
      <c r="E22832" s="1" t="s">
        <v>81808</v>
      </c>
      <c r="F22832" s="1" t="s">
        <v>81809</v>
      </c>
      <c r="G22832" s="1" t="s">
        <v>81708</v>
      </c>
      <c r="H22832" s="1" t="s">
        <v>81709</v>
      </c>
      <c r="I22832" s="1" t="s">
        <v>75467</v>
      </c>
      <c r="J22832" s="1" t="s">
        <v>81810</v>
      </c>
    </row>
    <row r="22833" spans="1:10" x14ac:dyDescent="0.35">
      <c r="A22833" s="1" t="s">
        <v>81704</v>
      </c>
      <c r="B22833" s="1" t="s">
        <v>75461</v>
      </c>
      <c r="C22833" s="1" t="s">
        <v>150</v>
      </c>
      <c r="D22833" s="1" t="s">
        <v>81811</v>
      </c>
      <c r="E22833" s="1" t="s">
        <v>81812</v>
      </c>
      <c r="F22833" s="1" t="s">
        <v>81813</v>
      </c>
      <c r="G22833" s="1" t="s">
        <v>81708</v>
      </c>
      <c r="H22833" s="1" t="s">
        <v>81709</v>
      </c>
      <c r="I22833" s="1" t="s">
        <v>75467</v>
      </c>
      <c r="J22833" s="1" t="s">
        <v>81814</v>
      </c>
    </row>
    <row r="22834" spans="1:10" x14ac:dyDescent="0.35">
      <c r="A22834" s="1" t="s">
        <v>81704</v>
      </c>
      <c r="B22834" s="1" t="s">
        <v>75461</v>
      </c>
      <c r="C22834" s="1" t="s">
        <v>155</v>
      </c>
      <c r="D22834" s="1" t="s">
        <v>69412</v>
      </c>
      <c r="E22834" s="1" t="s">
        <v>81815</v>
      </c>
      <c r="F22834" s="1" t="s">
        <v>81816</v>
      </c>
      <c r="G22834" s="1" t="s">
        <v>81708</v>
      </c>
      <c r="H22834" s="1" t="s">
        <v>81709</v>
      </c>
      <c r="I22834" s="1" t="s">
        <v>75467</v>
      </c>
      <c r="J22834" s="1" t="s">
        <v>81817</v>
      </c>
    </row>
    <row r="22835" spans="1:10" x14ac:dyDescent="0.35">
      <c r="A22835" s="1" t="s">
        <v>81704</v>
      </c>
      <c r="B22835" s="1" t="s">
        <v>75461</v>
      </c>
      <c r="C22835" s="1" t="s">
        <v>160</v>
      </c>
      <c r="D22835" s="1" t="s">
        <v>81818</v>
      </c>
      <c r="E22835" s="1" t="s">
        <v>81819</v>
      </c>
      <c r="F22835" s="1" t="s">
        <v>81820</v>
      </c>
      <c r="G22835" s="1" t="s">
        <v>81708</v>
      </c>
      <c r="H22835" s="1" t="s">
        <v>81709</v>
      </c>
      <c r="I22835" s="1" t="s">
        <v>75467</v>
      </c>
      <c r="J22835" s="1" t="s">
        <v>81821</v>
      </c>
    </row>
    <row r="22836" spans="1:10" x14ac:dyDescent="0.35">
      <c r="A22836" s="1" t="s">
        <v>81704</v>
      </c>
      <c r="B22836" s="1" t="s">
        <v>75461</v>
      </c>
      <c r="C22836" s="1" t="s">
        <v>165</v>
      </c>
      <c r="D22836" s="1" t="s">
        <v>81822</v>
      </c>
      <c r="E22836" s="1" t="s">
        <v>81823</v>
      </c>
      <c r="F22836" s="1" t="s">
        <v>81824</v>
      </c>
      <c r="G22836" s="1" t="s">
        <v>81708</v>
      </c>
      <c r="H22836" s="1" t="s">
        <v>81709</v>
      </c>
      <c r="I22836" s="1" t="s">
        <v>75467</v>
      </c>
      <c r="J22836" s="1" t="s">
        <v>81825</v>
      </c>
    </row>
    <row r="22837" spans="1:10" x14ac:dyDescent="0.35">
      <c r="A22837" s="1" t="s">
        <v>81704</v>
      </c>
      <c r="B22837" s="1" t="s">
        <v>75461</v>
      </c>
      <c r="C22837" s="1" t="s">
        <v>170</v>
      </c>
      <c r="D22837" s="1" t="s">
        <v>81826</v>
      </c>
      <c r="E22837" s="1" t="s">
        <v>81827</v>
      </c>
      <c r="F22837" s="1" t="s">
        <v>81828</v>
      </c>
      <c r="G22837" s="1" t="s">
        <v>81708</v>
      </c>
      <c r="H22837" s="1" t="s">
        <v>81709</v>
      </c>
      <c r="I22837" s="1" t="s">
        <v>75467</v>
      </c>
      <c r="J22837" s="1" t="s">
        <v>81829</v>
      </c>
    </row>
    <row r="22838" spans="1:10" x14ac:dyDescent="0.35">
      <c r="A22838" s="1" t="s">
        <v>8445</v>
      </c>
      <c r="B22838" s="1" t="s">
        <v>75461</v>
      </c>
      <c r="C22838" s="1" t="s">
        <v>8</v>
      </c>
      <c r="D22838" s="1" t="s">
        <v>81830</v>
      </c>
      <c r="E22838" s="1" t="s">
        <v>26425</v>
      </c>
      <c r="F22838" s="1" t="s">
        <v>81831</v>
      </c>
      <c r="G22838" s="1" t="s">
        <v>81832</v>
      </c>
      <c r="H22838" s="1" t="s">
        <v>81833</v>
      </c>
      <c r="I22838" s="1" t="s">
        <v>75467</v>
      </c>
      <c r="J22838" s="1" t="s">
        <v>13</v>
      </c>
    </row>
    <row r="22839" spans="1:10" x14ac:dyDescent="0.35">
      <c r="A22839" s="1" t="s">
        <v>8445</v>
      </c>
      <c r="B22839" s="1" t="s">
        <v>75461</v>
      </c>
      <c r="C22839" s="1" t="s">
        <v>15</v>
      </c>
      <c r="D22839" s="1" t="s">
        <v>81834</v>
      </c>
      <c r="E22839" s="1" t="s">
        <v>81835</v>
      </c>
      <c r="F22839" s="1" t="s">
        <v>81836</v>
      </c>
      <c r="G22839" s="1" t="s">
        <v>81832</v>
      </c>
      <c r="H22839" s="1" t="s">
        <v>81833</v>
      </c>
      <c r="I22839" s="1" t="s">
        <v>75467</v>
      </c>
      <c r="J22839" s="1" t="s">
        <v>81837</v>
      </c>
    </row>
    <row r="22840" spans="1:10" x14ac:dyDescent="0.35">
      <c r="A22840" s="1" t="s">
        <v>8445</v>
      </c>
      <c r="B22840" s="1" t="s">
        <v>75461</v>
      </c>
      <c r="C22840" s="1" t="s">
        <v>20</v>
      </c>
      <c r="D22840" s="1" t="s">
        <v>81838</v>
      </c>
      <c r="E22840" s="1" t="s">
        <v>81839</v>
      </c>
      <c r="F22840" s="1" t="s">
        <v>81840</v>
      </c>
      <c r="G22840" s="1" t="s">
        <v>81832</v>
      </c>
      <c r="H22840" s="1" t="s">
        <v>81833</v>
      </c>
      <c r="I22840" s="1" t="s">
        <v>75467</v>
      </c>
      <c r="J22840" s="1" t="s">
        <v>81841</v>
      </c>
    </row>
    <row r="22841" spans="1:10" x14ac:dyDescent="0.35">
      <c r="A22841" s="1" t="s">
        <v>8445</v>
      </c>
      <c r="B22841" s="1" t="s">
        <v>75461</v>
      </c>
      <c r="C22841" s="1" t="s">
        <v>25</v>
      </c>
      <c r="D22841" s="1" t="s">
        <v>81842</v>
      </c>
      <c r="E22841" s="1" t="s">
        <v>81843</v>
      </c>
      <c r="F22841" s="1" t="s">
        <v>81844</v>
      </c>
      <c r="G22841" s="1" t="s">
        <v>81832</v>
      </c>
      <c r="H22841" s="1" t="s">
        <v>81833</v>
      </c>
      <c r="I22841" s="1" t="s">
        <v>75467</v>
      </c>
      <c r="J22841" s="1" t="s">
        <v>81845</v>
      </c>
    </row>
    <row r="22842" spans="1:10" x14ac:dyDescent="0.35">
      <c r="A22842" s="1" t="s">
        <v>8445</v>
      </c>
      <c r="B22842" s="1" t="s">
        <v>75461</v>
      </c>
      <c r="C22842" s="1" t="s">
        <v>30</v>
      </c>
      <c r="D22842" s="1" t="s">
        <v>81846</v>
      </c>
      <c r="E22842" s="1" t="s">
        <v>81847</v>
      </c>
      <c r="F22842" s="1" t="s">
        <v>81848</v>
      </c>
      <c r="G22842" s="1" t="s">
        <v>81832</v>
      </c>
      <c r="H22842" s="1" t="s">
        <v>81833</v>
      </c>
      <c r="I22842" s="1" t="s">
        <v>75467</v>
      </c>
      <c r="J22842" s="1" t="s">
        <v>81849</v>
      </c>
    </row>
    <row r="22843" spans="1:10" x14ac:dyDescent="0.35">
      <c r="A22843" s="1" t="s">
        <v>8445</v>
      </c>
      <c r="B22843" s="1" t="s">
        <v>75461</v>
      </c>
      <c r="C22843" s="1" t="s">
        <v>35</v>
      </c>
      <c r="D22843" s="1" t="s">
        <v>81850</v>
      </c>
      <c r="E22843" s="1" t="s">
        <v>81851</v>
      </c>
      <c r="F22843" s="1" t="s">
        <v>81852</v>
      </c>
      <c r="G22843" s="1" t="s">
        <v>81832</v>
      </c>
      <c r="H22843" s="1" t="s">
        <v>81833</v>
      </c>
      <c r="I22843" s="1" t="s">
        <v>75467</v>
      </c>
      <c r="J22843" s="1" t="s">
        <v>81853</v>
      </c>
    </row>
    <row r="22844" spans="1:10" x14ac:dyDescent="0.35">
      <c r="A22844" s="1" t="s">
        <v>8445</v>
      </c>
      <c r="B22844" s="1" t="s">
        <v>75461</v>
      </c>
      <c r="C22844" s="1" t="s">
        <v>40</v>
      </c>
      <c r="D22844" s="1" t="s">
        <v>81854</v>
      </c>
      <c r="E22844" s="1" t="s">
        <v>81855</v>
      </c>
      <c r="F22844" s="1" t="s">
        <v>81856</v>
      </c>
      <c r="G22844" s="1" t="s">
        <v>81832</v>
      </c>
      <c r="H22844" s="1" t="s">
        <v>81833</v>
      </c>
      <c r="I22844" s="1" t="s">
        <v>75467</v>
      </c>
      <c r="J22844" s="1" t="s">
        <v>81857</v>
      </c>
    </row>
    <row r="22845" spans="1:10" x14ac:dyDescent="0.35">
      <c r="A22845" s="1" t="s">
        <v>8445</v>
      </c>
      <c r="B22845" s="1" t="s">
        <v>75461</v>
      </c>
      <c r="C22845" s="1" t="s">
        <v>45</v>
      </c>
      <c r="D22845" s="1" t="s">
        <v>66365</v>
      </c>
      <c r="E22845" s="1" t="s">
        <v>81858</v>
      </c>
      <c r="F22845" s="1" t="s">
        <v>81859</v>
      </c>
      <c r="G22845" s="1" t="s">
        <v>81832</v>
      </c>
      <c r="H22845" s="1" t="s">
        <v>81833</v>
      </c>
      <c r="I22845" s="1" t="s">
        <v>75467</v>
      </c>
      <c r="J22845" s="1" t="s">
        <v>81860</v>
      </c>
    </row>
    <row r="22846" spans="1:10" x14ac:dyDescent="0.35">
      <c r="A22846" s="1" t="s">
        <v>8445</v>
      </c>
      <c r="B22846" s="1" t="s">
        <v>75461</v>
      </c>
      <c r="C22846" s="1" t="s">
        <v>50</v>
      </c>
      <c r="D22846" s="1" t="s">
        <v>52495</v>
      </c>
      <c r="E22846" s="1" t="s">
        <v>81861</v>
      </c>
      <c r="F22846" s="1" t="s">
        <v>81862</v>
      </c>
      <c r="G22846" s="1" t="s">
        <v>81832</v>
      </c>
      <c r="H22846" s="1" t="s">
        <v>81833</v>
      </c>
      <c r="I22846" s="1" t="s">
        <v>75467</v>
      </c>
      <c r="J22846" s="1" t="s">
        <v>81863</v>
      </c>
    </row>
    <row r="22847" spans="1:10" x14ac:dyDescent="0.35">
      <c r="A22847" s="1" t="s">
        <v>8445</v>
      </c>
      <c r="B22847" s="1" t="s">
        <v>75461</v>
      </c>
      <c r="C22847" s="1" t="s">
        <v>55</v>
      </c>
      <c r="D22847" s="1" t="s">
        <v>76573</v>
      </c>
      <c r="E22847" s="1" t="s">
        <v>81864</v>
      </c>
      <c r="F22847" s="1" t="s">
        <v>81865</v>
      </c>
      <c r="G22847" s="1" t="s">
        <v>81832</v>
      </c>
      <c r="H22847" s="1" t="s">
        <v>81833</v>
      </c>
      <c r="I22847" s="1" t="s">
        <v>75467</v>
      </c>
      <c r="J22847" s="1" t="s">
        <v>81866</v>
      </c>
    </row>
    <row r="22848" spans="1:10" x14ac:dyDescent="0.35">
      <c r="A22848" s="1" t="s">
        <v>8445</v>
      </c>
      <c r="B22848" s="1" t="s">
        <v>75461</v>
      </c>
      <c r="C22848" s="1" t="s">
        <v>60</v>
      </c>
      <c r="D22848" s="1" t="s">
        <v>59768</v>
      </c>
      <c r="E22848" s="1" t="s">
        <v>81867</v>
      </c>
      <c r="F22848" s="1" t="s">
        <v>81868</v>
      </c>
      <c r="G22848" s="1" t="s">
        <v>81832</v>
      </c>
      <c r="H22848" s="1" t="s">
        <v>81833</v>
      </c>
      <c r="I22848" s="1" t="s">
        <v>75467</v>
      </c>
      <c r="J22848" s="1" t="s">
        <v>81869</v>
      </c>
    </row>
    <row r="22849" spans="1:10" x14ac:dyDescent="0.35">
      <c r="A22849" s="1" t="s">
        <v>8445</v>
      </c>
      <c r="B22849" s="1" t="s">
        <v>75461</v>
      </c>
      <c r="C22849" s="1" t="s">
        <v>65</v>
      </c>
      <c r="D22849" s="1" t="s">
        <v>81870</v>
      </c>
      <c r="E22849" s="1" t="s">
        <v>81871</v>
      </c>
      <c r="F22849" s="1" t="s">
        <v>81872</v>
      </c>
      <c r="G22849" s="1" t="s">
        <v>81832</v>
      </c>
      <c r="H22849" s="1" t="s">
        <v>81833</v>
      </c>
      <c r="I22849" s="1" t="s">
        <v>75467</v>
      </c>
      <c r="J22849" s="1" t="s">
        <v>81873</v>
      </c>
    </row>
    <row r="22850" spans="1:10" x14ac:dyDescent="0.35">
      <c r="A22850" s="1" t="s">
        <v>8445</v>
      </c>
      <c r="B22850" s="1" t="s">
        <v>75461</v>
      </c>
      <c r="C22850" s="1" t="s">
        <v>70</v>
      </c>
      <c r="D22850" s="1" t="s">
        <v>78223</v>
      </c>
      <c r="E22850" s="1" t="s">
        <v>81874</v>
      </c>
      <c r="F22850" s="1" t="s">
        <v>81875</v>
      </c>
      <c r="G22850" s="1" t="s">
        <v>81832</v>
      </c>
      <c r="H22850" s="1" t="s">
        <v>81833</v>
      </c>
      <c r="I22850" s="1" t="s">
        <v>75467</v>
      </c>
      <c r="J22850" s="1" t="s">
        <v>81876</v>
      </c>
    </row>
    <row r="22851" spans="1:10" x14ac:dyDescent="0.35">
      <c r="A22851" s="1" t="s">
        <v>8445</v>
      </c>
      <c r="B22851" s="1" t="s">
        <v>75461</v>
      </c>
      <c r="C22851" s="1" t="s">
        <v>75</v>
      </c>
      <c r="D22851" s="1" t="s">
        <v>81877</v>
      </c>
      <c r="E22851" s="1" t="s">
        <v>81878</v>
      </c>
      <c r="F22851" s="1" t="s">
        <v>81879</v>
      </c>
      <c r="G22851" s="1" t="s">
        <v>81832</v>
      </c>
      <c r="H22851" s="1" t="s">
        <v>81833</v>
      </c>
      <c r="I22851" s="1" t="s">
        <v>75467</v>
      </c>
      <c r="J22851" s="1" t="s">
        <v>81880</v>
      </c>
    </row>
    <row r="22852" spans="1:10" x14ac:dyDescent="0.35">
      <c r="A22852" s="1" t="s">
        <v>8445</v>
      </c>
      <c r="B22852" s="1" t="s">
        <v>75461</v>
      </c>
      <c r="C22852" s="1" t="s">
        <v>80</v>
      </c>
      <c r="D22852" s="1" t="s">
        <v>59001</v>
      </c>
      <c r="E22852" s="1" t="s">
        <v>81881</v>
      </c>
      <c r="F22852" s="1" t="s">
        <v>81882</v>
      </c>
      <c r="G22852" s="1" t="s">
        <v>81832</v>
      </c>
      <c r="H22852" s="1" t="s">
        <v>81833</v>
      </c>
      <c r="I22852" s="1" t="s">
        <v>75467</v>
      </c>
      <c r="J22852" s="1" t="s">
        <v>81883</v>
      </c>
    </row>
    <row r="22853" spans="1:10" x14ac:dyDescent="0.35">
      <c r="A22853" s="1" t="s">
        <v>8445</v>
      </c>
      <c r="B22853" s="1" t="s">
        <v>75461</v>
      </c>
      <c r="C22853" s="1" t="s">
        <v>85</v>
      </c>
      <c r="D22853" s="1" t="s">
        <v>81884</v>
      </c>
      <c r="E22853" s="1" t="s">
        <v>81885</v>
      </c>
      <c r="F22853" s="1" t="s">
        <v>81886</v>
      </c>
      <c r="G22853" s="1" t="s">
        <v>81832</v>
      </c>
      <c r="H22853" s="1" t="s">
        <v>81833</v>
      </c>
      <c r="I22853" s="1" t="s">
        <v>75467</v>
      </c>
      <c r="J22853" s="1" t="s">
        <v>81887</v>
      </c>
    </row>
    <row r="22854" spans="1:10" x14ac:dyDescent="0.35">
      <c r="A22854" s="1" t="s">
        <v>8445</v>
      </c>
      <c r="B22854" s="1" t="s">
        <v>75461</v>
      </c>
      <c r="C22854" s="1" t="s">
        <v>90</v>
      </c>
      <c r="D22854" s="1" t="s">
        <v>58581</v>
      </c>
      <c r="E22854" s="1" t="s">
        <v>81888</v>
      </c>
      <c r="F22854" s="1" t="s">
        <v>81889</v>
      </c>
      <c r="G22854" s="1" t="s">
        <v>81832</v>
      </c>
      <c r="H22854" s="1" t="s">
        <v>81833</v>
      </c>
      <c r="I22854" s="1" t="s">
        <v>75467</v>
      </c>
      <c r="J22854" s="1" t="s">
        <v>81890</v>
      </c>
    </row>
    <row r="22855" spans="1:10" x14ac:dyDescent="0.35">
      <c r="A22855" s="1" t="s">
        <v>8445</v>
      </c>
      <c r="B22855" s="1" t="s">
        <v>75461</v>
      </c>
      <c r="C22855" s="1" t="s">
        <v>95</v>
      </c>
      <c r="D22855" s="1" t="s">
        <v>81891</v>
      </c>
      <c r="E22855" s="1" t="s">
        <v>81892</v>
      </c>
      <c r="F22855" s="1" t="s">
        <v>81893</v>
      </c>
      <c r="G22855" s="1" t="s">
        <v>81832</v>
      </c>
      <c r="H22855" s="1" t="s">
        <v>81833</v>
      </c>
      <c r="I22855" s="1" t="s">
        <v>75467</v>
      </c>
      <c r="J22855" s="1" t="s">
        <v>81894</v>
      </c>
    </row>
    <row r="22856" spans="1:10" x14ac:dyDescent="0.35">
      <c r="A22856" s="1" t="s">
        <v>8445</v>
      </c>
      <c r="B22856" s="1" t="s">
        <v>75461</v>
      </c>
      <c r="C22856" s="1" t="s">
        <v>100</v>
      </c>
      <c r="D22856" s="1" t="s">
        <v>81895</v>
      </c>
      <c r="E22856" s="1" t="s">
        <v>81896</v>
      </c>
      <c r="F22856" s="1" t="s">
        <v>81897</v>
      </c>
      <c r="G22856" s="1" t="s">
        <v>81832</v>
      </c>
      <c r="H22856" s="1" t="s">
        <v>81833</v>
      </c>
      <c r="I22856" s="1" t="s">
        <v>75467</v>
      </c>
      <c r="J22856" s="1" t="s">
        <v>81898</v>
      </c>
    </row>
    <row r="22857" spans="1:10" x14ac:dyDescent="0.35">
      <c r="A22857" s="1" t="s">
        <v>8445</v>
      </c>
      <c r="B22857" s="1" t="s">
        <v>75461</v>
      </c>
      <c r="C22857" s="1" t="s">
        <v>105</v>
      </c>
      <c r="D22857" s="1" t="s">
        <v>21362</v>
      </c>
      <c r="E22857" s="1" t="s">
        <v>81899</v>
      </c>
      <c r="F22857" s="1" t="s">
        <v>81900</v>
      </c>
      <c r="G22857" s="1" t="s">
        <v>81832</v>
      </c>
      <c r="H22857" s="1" t="s">
        <v>81833</v>
      </c>
      <c r="I22857" s="1" t="s">
        <v>75467</v>
      </c>
      <c r="J22857" s="1" t="s">
        <v>81901</v>
      </c>
    </row>
    <row r="22858" spans="1:10" x14ac:dyDescent="0.35">
      <c r="A22858" s="1" t="s">
        <v>8445</v>
      </c>
      <c r="B22858" s="1" t="s">
        <v>75461</v>
      </c>
      <c r="C22858" s="1" t="s">
        <v>110</v>
      </c>
      <c r="D22858" s="1" t="s">
        <v>80055</v>
      </c>
      <c r="E22858" s="1" t="s">
        <v>81902</v>
      </c>
      <c r="F22858" s="1" t="s">
        <v>81903</v>
      </c>
      <c r="G22858" s="1" t="s">
        <v>81832</v>
      </c>
      <c r="H22858" s="1" t="s">
        <v>81833</v>
      </c>
      <c r="I22858" s="1" t="s">
        <v>75467</v>
      </c>
      <c r="J22858" s="1" t="s">
        <v>81904</v>
      </c>
    </row>
    <row r="22859" spans="1:10" x14ac:dyDescent="0.35">
      <c r="A22859" s="1" t="s">
        <v>8445</v>
      </c>
      <c r="B22859" s="1" t="s">
        <v>75461</v>
      </c>
      <c r="C22859" s="1" t="s">
        <v>115</v>
      </c>
      <c r="D22859" s="1" t="s">
        <v>58310</v>
      </c>
      <c r="E22859" s="1" t="s">
        <v>81905</v>
      </c>
      <c r="F22859" s="1" t="s">
        <v>81906</v>
      </c>
      <c r="G22859" s="1" t="s">
        <v>81832</v>
      </c>
      <c r="H22859" s="1" t="s">
        <v>81833</v>
      </c>
      <c r="I22859" s="1" t="s">
        <v>75467</v>
      </c>
      <c r="J22859" s="1" t="s">
        <v>81907</v>
      </c>
    </row>
    <row r="22860" spans="1:10" x14ac:dyDescent="0.35">
      <c r="A22860" s="1" t="s">
        <v>8445</v>
      </c>
      <c r="B22860" s="1" t="s">
        <v>75461</v>
      </c>
      <c r="C22860" s="1" t="s">
        <v>120</v>
      </c>
      <c r="D22860" s="1" t="s">
        <v>81908</v>
      </c>
      <c r="E22860" s="1" t="s">
        <v>81909</v>
      </c>
      <c r="F22860" s="1" t="s">
        <v>81910</v>
      </c>
      <c r="G22860" s="1" t="s">
        <v>81832</v>
      </c>
      <c r="H22860" s="1" t="s">
        <v>81833</v>
      </c>
      <c r="I22860" s="1" t="s">
        <v>75467</v>
      </c>
      <c r="J22860" s="1" t="s">
        <v>81911</v>
      </c>
    </row>
    <row r="22861" spans="1:10" x14ac:dyDescent="0.35">
      <c r="A22861" s="1" t="s">
        <v>8445</v>
      </c>
      <c r="B22861" s="1" t="s">
        <v>75461</v>
      </c>
      <c r="C22861" s="1" t="s">
        <v>125</v>
      </c>
      <c r="D22861" s="1" t="s">
        <v>81912</v>
      </c>
      <c r="E22861" s="1" t="s">
        <v>81913</v>
      </c>
      <c r="F22861" s="1" t="s">
        <v>81914</v>
      </c>
      <c r="G22861" s="1" t="s">
        <v>81832</v>
      </c>
      <c r="H22861" s="1" t="s">
        <v>81833</v>
      </c>
      <c r="I22861" s="1" t="s">
        <v>75467</v>
      </c>
      <c r="J22861" s="1" t="s">
        <v>81915</v>
      </c>
    </row>
    <row r="22862" spans="1:10" x14ac:dyDescent="0.35">
      <c r="A22862" s="1" t="s">
        <v>8445</v>
      </c>
      <c r="B22862" s="1" t="s">
        <v>75461</v>
      </c>
      <c r="C22862" s="1" t="s">
        <v>130</v>
      </c>
      <c r="D22862" s="1" t="s">
        <v>81916</v>
      </c>
      <c r="E22862" s="1" t="s">
        <v>81917</v>
      </c>
      <c r="F22862" s="1" t="s">
        <v>81918</v>
      </c>
      <c r="G22862" s="1" t="s">
        <v>81832</v>
      </c>
      <c r="H22862" s="1" t="s">
        <v>81833</v>
      </c>
      <c r="I22862" s="1" t="s">
        <v>75467</v>
      </c>
      <c r="J22862" s="1" t="s">
        <v>81919</v>
      </c>
    </row>
    <row r="22863" spans="1:10" x14ac:dyDescent="0.35">
      <c r="A22863" s="1" t="s">
        <v>8445</v>
      </c>
      <c r="B22863" s="1" t="s">
        <v>75461</v>
      </c>
      <c r="C22863" s="1" t="s">
        <v>135</v>
      </c>
      <c r="D22863" s="1" t="s">
        <v>60571</v>
      </c>
      <c r="E22863" s="1" t="s">
        <v>81920</v>
      </c>
      <c r="F22863" s="1" t="s">
        <v>81921</v>
      </c>
      <c r="G22863" s="1" t="s">
        <v>81832</v>
      </c>
      <c r="H22863" s="1" t="s">
        <v>81833</v>
      </c>
      <c r="I22863" s="1" t="s">
        <v>75467</v>
      </c>
      <c r="J22863" s="1" t="s">
        <v>81922</v>
      </c>
    </row>
    <row r="22864" spans="1:10" x14ac:dyDescent="0.35">
      <c r="A22864" s="1" t="s">
        <v>8445</v>
      </c>
      <c r="B22864" s="1" t="s">
        <v>75461</v>
      </c>
      <c r="C22864" s="1" t="s">
        <v>140</v>
      </c>
      <c r="D22864" s="1" t="s">
        <v>20299</v>
      </c>
      <c r="E22864" s="1" t="s">
        <v>81923</v>
      </c>
      <c r="F22864" s="1" t="s">
        <v>81924</v>
      </c>
      <c r="G22864" s="1" t="s">
        <v>81832</v>
      </c>
      <c r="H22864" s="1" t="s">
        <v>81833</v>
      </c>
      <c r="I22864" s="1" t="s">
        <v>75467</v>
      </c>
      <c r="J22864" s="1" t="s">
        <v>81925</v>
      </c>
    </row>
    <row r="22865" spans="1:10" x14ac:dyDescent="0.35">
      <c r="A22865" s="1" t="s">
        <v>8445</v>
      </c>
      <c r="B22865" s="1" t="s">
        <v>75461</v>
      </c>
      <c r="C22865" s="1" t="s">
        <v>145</v>
      </c>
      <c r="D22865" s="1" t="s">
        <v>53271</v>
      </c>
      <c r="E22865" s="1" t="s">
        <v>81926</v>
      </c>
      <c r="F22865" s="1" t="s">
        <v>81927</v>
      </c>
      <c r="G22865" s="1" t="s">
        <v>81832</v>
      </c>
      <c r="H22865" s="1" t="s">
        <v>81833</v>
      </c>
      <c r="I22865" s="1" t="s">
        <v>75467</v>
      </c>
      <c r="J22865" s="1" t="s">
        <v>81928</v>
      </c>
    </row>
    <row r="22866" spans="1:10" x14ac:dyDescent="0.35">
      <c r="A22866" s="1" t="s">
        <v>8445</v>
      </c>
      <c r="B22866" s="1" t="s">
        <v>75461</v>
      </c>
      <c r="C22866" s="1" t="s">
        <v>150</v>
      </c>
      <c r="D22866" s="1" t="s">
        <v>13466</v>
      </c>
      <c r="E22866" s="1" t="s">
        <v>81929</v>
      </c>
      <c r="F22866" s="1" t="s">
        <v>81930</v>
      </c>
      <c r="G22866" s="1" t="s">
        <v>81832</v>
      </c>
      <c r="H22866" s="1" t="s">
        <v>81833</v>
      </c>
      <c r="I22866" s="1" t="s">
        <v>75467</v>
      </c>
      <c r="J22866" s="1" t="s">
        <v>81931</v>
      </c>
    </row>
    <row r="22867" spans="1:10" x14ac:dyDescent="0.35">
      <c r="A22867" s="1" t="s">
        <v>8445</v>
      </c>
      <c r="B22867" s="1" t="s">
        <v>75461</v>
      </c>
      <c r="C22867" s="1" t="s">
        <v>155</v>
      </c>
      <c r="D22867" s="1" t="s">
        <v>81932</v>
      </c>
      <c r="E22867" s="1" t="s">
        <v>81933</v>
      </c>
      <c r="F22867" s="1" t="s">
        <v>81934</v>
      </c>
      <c r="G22867" s="1" t="s">
        <v>81832</v>
      </c>
      <c r="H22867" s="1" t="s">
        <v>81833</v>
      </c>
      <c r="I22867" s="1" t="s">
        <v>75467</v>
      </c>
      <c r="J22867" s="1" t="s">
        <v>81935</v>
      </c>
    </row>
    <row r="22868" spans="1:10" x14ac:dyDescent="0.35">
      <c r="A22868" s="1" t="s">
        <v>8445</v>
      </c>
      <c r="B22868" s="1" t="s">
        <v>75461</v>
      </c>
      <c r="C22868" s="1" t="s">
        <v>160</v>
      </c>
      <c r="D22868" s="1" t="s">
        <v>81936</v>
      </c>
      <c r="E22868" s="1" t="s">
        <v>81937</v>
      </c>
      <c r="F22868" s="1" t="s">
        <v>81938</v>
      </c>
      <c r="G22868" s="1" t="s">
        <v>81832</v>
      </c>
      <c r="H22868" s="1" t="s">
        <v>81833</v>
      </c>
      <c r="I22868" s="1" t="s">
        <v>75467</v>
      </c>
      <c r="J22868" s="1" t="s">
        <v>81939</v>
      </c>
    </row>
    <row r="22869" spans="1:10" x14ac:dyDescent="0.35">
      <c r="A22869" s="1" t="s">
        <v>8445</v>
      </c>
      <c r="B22869" s="1" t="s">
        <v>75461</v>
      </c>
      <c r="C22869" s="1" t="s">
        <v>165</v>
      </c>
      <c r="D22869" s="1" t="s">
        <v>81940</v>
      </c>
      <c r="E22869" s="1" t="s">
        <v>81941</v>
      </c>
      <c r="F22869" s="1" t="s">
        <v>81942</v>
      </c>
      <c r="G22869" s="1" t="s">
        <v>81832</v>
      </c>
      <c r="H22869" s="1" t="s">
        <v>81833</v>
      </c>
      <c r="I22869" s="1" t="s">
        <v>75467</v>
      </c>
      <c r="J22869" s="1" t="s">
        <v>81943</v>
      </c>
    </row>
    <row r="22870" spans="1:10" x14ac:dyDescent="0.35">
      <c r="A22870" s="1" t="s">
        <v>8445</v>
      </c>
      <c r="B22870" s="1" t="s">
        <v>75461</v>
      </c>
      <c r="C22870" s="1" t="s">
        <v>170</v>
      </c>
      <c r="D22870" s="1" t="s">
        <v>81944</v>
      </c>
      <c r="E22870" s="1" t="s">
        <v>81945</v>
      </c>
      <c r="F22870" s="1" t="s">
        <v>81946</v>
      </c>
      <c r="G22870" s="1" t="s">
        <v>81832</v>
      </c>
      <c r="H22870" s="1" t="s">
        <v>81833</v>
      </c>
      <c r="I22870" s="1" t="s">
        <v>75467</v>
      </c>
      <c r="J22870" s="1" t="s">
        <v>81947</v>
      </c>
    </row>
    <row r="22871" spans="1:10" x14ac:dyDescent="0.35">
      <c r="A22871" s="1" t="s">
        <v>81948</v>
      </c>
      <c r="B22871" s="1" t="s">
        <v>81949</v>
      </c>
      <c r="C22871" s="1" t="s">
        <v>8</v>
      </c>
      <c r="D22871" s="1" t="s">
        <v>81950</v>
      </c>
      <c r="E22871" s="1" t="s">
        <v>81951</v>
      </c>
      <c r="F22871" s="1" t="s">
        <v>81952</v>
      </c>
      <c r="G22871" s="1" t="s">
        <v>81953</v>
      </c>
      <c r="H22871" s="1" t="s">
        <v>81954</v>
      </c>
      <c r="I22871" s="1" t="s">
        <v>81955</v>
      </c>
      <c r="J22871" s="1" t="s">
        <v>13</v>
      </c>
    </row>
    <row r="22872" spans="1:10" x14ac:dyDescent="0.35">
      <c r="A22872" s="1" t="s">
        <v>81948</v>
      </c>
      <c r="B22872" s="1" t="s">
        <v>81949</v>
      </c>
      <c r="C22872" s="1" t="s">
        <v>15</v>
      </c>
      <c r="D22872" s="1" t="s">
        <v>34127</v>
      </c>
      <c r="E22872" s="1" t="s">
        <v>81956</v>
      </c>
      <c r="F22872" s="1" t="s">
        <v>81957</v>
      </c>
      <c r="G22872" s="1" t="s">
        <v>81953</v>
      </c>
      <c r="H22872" s="1" t="s">
        <v>81954</v>
      </c>
      <c r="I22872" s="1" t="s">
        <v>81955</v>
      </c>
      <c r="J22872" s="1" t="s">
        <v>81958</v>
      </c>
    </row>
    <row r="22873" spans="1:10" x14ac:dyDescent="0.35">
      <c r="A22873" s="1" t="s">
        <v>81948</v>
      </c>
      <c r="B22873" s="1" t="s">
        <v>81949</v>
      </c>
      <c r="C22873" s="1" t="s">
        <v>20</v>
      </c>
      <c r="D22873" s="1" t="s">
        <v>81959</v>
      </c>
      <c r="E22873" s="1" t="s">
        <v>81960</v>
      </c>
      <c r="F22873" s="1" t="s">
        <v>81961</v>
      </c>
      <c r="G22873" s="1" t="s">
        <v>81953</v>
      </c>
      <c r="H22873" s="1" t="s">
        <v>81954</v>
      </c>
      <c r="I22873" s="1" t="s">
        <v>81955</v>
      </c>
      <c r="J22873" s="1" t="s">
        <v>81962</v>
      </c>
    </row>
    <row r="22874" spans="1:10" x14ac:dyDescent="0.35">
      <c r="A22874" s="1" t="s">
        <v>81948</v>
      </c>
      <c r="B22874" s="1" t="s">
        <v>81949</v>
      </c>
      <c r="C22874" s="1" t="s">
        <v>25</v>
      </c>
      <c r="D22874" s="1" t="s">
        <v>43312</v>
      </c>
      <c r="E22874" s="1" t="s">
        <v>81963</v>
      </c>
      <c r="F22874" s="1" t="s">
        <v>81964</v>
      </c>
      <c r="G22874" s="1" t="s">
        <v>81953</v>
      </c>
      <c r="H22874" s="1" t="s">
        <v>81954</v>
      </c>
      <c r="I22874" s="1" t="s">
        <v>81955</v>
      </c>
      <c r="J22874" s="1" t="s">
        <v>81965</v>
      </c>
    </row>
    <row r="22875" spans="1:10" x14ac:dyDescent="0.35">
      <c r="A22875" s="1" t="s">
        <v>81948</v>
      </c>
      <c r="B22875" s="1" t="s">
        <v>81949</v>
      </c>
      <c r="C22875" s="1" t="s">
        <v>30</v>
      </c>
      <c r="D22875" s="1" t="s">
        <v>81966</v>
      </c>
      <c r="E22875" s="1" t="s">
        <v>81967</v>
      </c>
      <c r="F22875" s="1" t="s">
        <v>81968</v>
      </c>
      <c r="G22875" s="1" t="s">
        <v>81953</v>
      </c>
      <c r="H22875" s="1" t="s">
        <v>81954</v>
      </c>
      <c r="I22875" s="1" t="s">
        <v>81955</v>
      </c>
      <c r="J22875" s="1" t="s">
        <v>81969</v>
      </c>
    </row>
    <row r="22876" spans="1:10" x14ac:dyDescent="0.35">
      <c r="A22876" s="1" t="s">
        <v>81948</v>
      </c>
      <c r="B22876" s="1" t="s">
        <v>81949</v>
      </c>
      <c r="C22876" s="1" t="s">
        <v>35</v>
      </c>
      <c r="D22876" s="1" t="s">
        <v>77185</v>
      </c>
      <c r="E22876" s="1" t="s">
        <v>81970</v>
      </c>
      <c r="F22876" s="1" t="s">
        <v>81971</v>
      </c>
      <c r="G22876" s="1" t="s">
        <v>81953</v>
      </c>
      <c r="H22876" s="1" t="s">
        <v>81954</v>
      </c>
      <c r="I22876" s="1" t="s">
        <v>81955</v>
      </c>
      <c r="J22876" s="1" t="s">
        <v>81972</v>
      </c>
    </row>
    <row r="22877" spans="1:10" x14ac:dyDescent="0.35">
      <c r="A22877" s="1" t="s">
        <v>81948</v>
      </c>
      <c r="B22877" s="1" t="s">
        <v>81949</v>
      </c>
      <c r="C22877" s="1" t="s">
        <v>40</v>
      </c>
      <c r="D22877" s="1" t="s">
        <v>81973</v>
      </c>
      <c r="E22877" s="1" t="s">
        <v>81974</v>
      </c>
      <c r="F22877" s="1" t="s">
        <v>81975</v>
      </c>
      <c r="G22877" s="1" t="s">
        <v>81953</v>
      </c>
      <c r="H22877" s="1" t="s">
        <v>81954</v>
      </c>
      <c r="I22877" s="1" t="s">
        <v>81955</v>
      </c>
      <c r="J22877" s="1" t="s">
        <v>81976</v>
      </c>
    </row>
    <row r="22878" spans="1:10" x14ac:dyDescent="0.35">
      <c r="A22878" s="1" t="s">
        <v>81948</v>
      </c>
      <c r="B22878" s="1" t="s">
        <v>81949</v>
      </c>
      <c r="C22878" s="1" t="s">
        <v>45</v>
      </c>
      <c r="D22878" s="1" t="s">
        <v>42294</v>
      </c>
      <c r="E22878" s="1" t="s">
        <v>81977</v>
      </c>
      <c r="F22878" s="1" t="s">
        <v>81978</v>
      </c>
      <c r="G22878" s="1" t="s">
        <v>81953</v>
      </c>
      <c r="H22878" s="1" t="s">
        <v>81954</v>
      </c>
      <c r="I22878" s="1" t="s">
        <v>81955</v>
      </c>
      <c r="J22878" s="1" t="s">
        <v>81979</v>
      </c>
    </row>
    <row r="22879" spans="1:10" x14ac:dyDescent="0.35">
      <c r="A22879" s="1" t="s">
        <v>81948</v>
      </c>
      <c r="B22879" s="1" t="s">
        <v>81949</v>
      </c>
      <c r="C22879" s="1" t="s">
        <v>50</v>
      </c>
      <c r="D22879" s="1" t="s">
        <v>81980</v>
      </c>
      <c r="E22879" s="1" t="s">
        <v>81981</v>
      </c>
      <c r="F22879" s="1" t="s">
        <v>81982</v>
      </c>
      <c r="G22879" s="1" t="s">
        <v>81953</v>
      </c>
      <c r="H22879" s="1" t="s">
        <v>81954</v>
      </c>
      <c r="I22879" s="1" t="s">
        <v>81955</v>
      </c>
      <c r="J22879" s="1" t="s">
        <v>81983</v>
      </c>
    </row>
    <row r="22880" spans="1:10" x14ac:dyDescent="0.35">
      <c r="A22880" s="1" t="s">
        <v>81948</v>
      </c>
      <c r="B22880" s="1" t="s">
        <v>81949</v>
      </c>
      <c r="C22880" s="1" t="s">
        <v>55</v>
      </c>
      <c r="D22880" s="1" t="s">
        <v>81984</v>
      </c>
      <c r="E22880" s="1" t="s">
        <v>81985</v>
      </c>
      <c r="F22880" s="1" t="s">
        <v>81986</v>
      </c>
      <c r="G22880" s="1" t="s">
        <v>81953</v>
      </c>
      <c r="H22880" s="1" t="s">
        <v>81954</v>
      </c>
      <c r="I22880" s="1" t="s">
        <v>81955</v>
      </c>
      <c r="J22880" s="1" t="s">
        <v>81987</v>
      </c>
    </row>
    <row r="22881" spans="1:10" x14ac:dyDescent="0.35">
      <c r="A22881" s="1" t="s">
        <v>81948</v>
      </c>
      <c r="B22881" s="1" t="s">
        <v>81949</v>
      </c>
      <c r="C22881" s="1" t="s">
        <v>60</v>
      </c>
      <c r="D22881" s="1" t="s">
        <v>81988</v>
      </c>
      <c r="E22881" s="1" t="s">
        <v>81989</v>
      </c>
      <c r="F22881" s="1" t="s">
        <v>81990</v>
      </c>
      <c r="G22881" s="1" t="s">
        <v>81953</v>
      </c>
      <c r="H22881" s="1" t="s">
        <v>81954</v>
      </c>
      <c r="I22881" s="1" t="s">
        <v>81955</v>
      </c>
      <c r="J22881" s="1" t="s">
        <v>81991</v>
      </c>
    </row>
    <row r="22882" spans="1:10" x14ac:dyDescent="0.35">
      <c r="A22882" s="1" t="s">
        <v>81948</v>
      </c>
      <c r="B22882" s="1" t="s">
        <v>81949</v>
      </c>
      <c r="C22882" s="1" t="s">
        <v>65</v>
      </c>
      <c r="D22882" s="1" t="s">
        <v>81992</v>
      </c>
      <c r="E22882" s="1" t="s">
        <v>81993</v>
      </c>
      <c r="F22882" s="1" t="s">
        <v>81994</v>
      </c>
      <c r="G22882" s="1" t="s">
        <v>81953</v>
      </c>
      <c r="H22882" s="1" t="s">
        <v>81954</v>
      </c>
      <c r="I22882" s="1" t="s">
        <v>81955</v>
      </c>
      <c r="J22882" s="1" t="s">
        <v>81995</v>
      </c>
    </row>
    <row r="22883" spans="1:10" x14ac:dyDescent="0.35">
      <c r="A22883" s="1" t="s">
        <v>81948</v>
      </c>
      <c r="B22883" s="1" t="s">
        <v>81949</v>
      </c>
      <c r="C22883" s="1" t="s">
        <v>70</v>
      </c>
      <c r="D22883" s="1" t="s">
        <v>81996</v>
      </c>
      <c r="E22883" s="1" t="s">
        <v>81997</v>
      </c>
      <c r="F22883" s="1" t="s">
        <v>81998</v>
      </c>
      <c r="G22883" s="1" t="s">
        <v>81953</v>
      </c>
      <c r="H22883" s="1" t="s">
        <v>81954</v>
      </c>
      <c r="I22883" s="1" t="s">
        <v>81955</v>
      </c>
      <c r="J22883" s="1" t="s">
        <v>81999</v>
      </c>
    </row>
    <row r="22884" spans="1:10" x14ac:dyDescent="0.35">
      <c r="A22884" s="1" t="s">
        <v>81948</v>
      </c>
      <c r="B22884" s="1" t="s">
        <v>81949</v>
      </c>
      <c r="C22884" s="1" t="s">
        <v>75</v>
      </c>
      <c r="D22884" s="1" t="s">
        <v>23970</v>
      </c>
      <c r="E22884" s="1" t="s">
        <v>82000</v>
      </c>
      <c r="F22884" s="1" t="s">
        <v>82001</v>
      </c>
      <c r="G22884" s="1" t="s">
        <v>81953</v>
      </c>
      <c r="H22884" s="1" t="s">
        <v>81954</v>
      </c>
      <c r="I22884" s="1" t="s">
        <v>81955</v>
      </c>
      <c r="J22884" s="1" t="s">
        <v>82002</v>
      </c>
    </row>
    <row r="22885" spans="1:10" x14ac:dyDescent="0.35">
      <c r="A22885" s="1" t="s">
        <v>81948</v>
      </c>
      <c r="B22885" s="1" t="s">
        <v>81949</v>
      </c>
      <c r="C22885" s="1" t="s">
        <v>80</v>
      </c>
      <c r="D22885" s="1" t="s">
        <v>82003</v>
      </c>
      <c r="E22885" s="1" t="s">
        <v>82004</v>
      </c>
      <c r="F22885" s="1" t="s">
        <v>82005</v>
      </c>
      <c r="G22885" s="1" t="s">
        <v>81953</v>
      </c>
      <c r="H22885" s="1" t="s">
        <v>81954</v>
      </c>
      <c r="I22885" s="1" t="s">
        <v>81955</v>
      </c>
      <c r="J22885" s="1" t="s">
        <v>82006</v>
      </c>
    </row>
    <row r="22886" spans="1:10" x14ac:dyDescent="0.35">
      <c r="A22886" s="1" t="s">
        <v>81948</v>
      </c>
      <c r="B22886" s="1" t="s">
        <v>81949</v>
      </c>
      <c r="C22886" s="1" t="s">
        <v>85</v>
      </c>
      <c r="D22886" s="1" t="s">
        <v>82007</v>
      </c>
      <c r="E22886" s="1" t="s">
        <v>82008</v>
      </c>
      <c r="F22886" s="1" t="s">
        <v>82009</v>
      </c>
      <c r="G22886" s="1" t="s">
        <v>81953</v>
      </c>
      <c r="H22886" s="1" t="s">
        <v>81954</v>
      </c>
      <c r="I22886" s="1" t="s">
        <v>81955</v>
      </c>
      <c r="J22886" s="1" t="s">
        <v>82010</v>
      </c>
    </row>
    <row r="22887" spans="1:10" x14ac:dyDescent="0.35">
      <c r="A22887" s="1" t="s">
        <v>81948</v>
      </c>
      <c r="B22887" s="1" t="s">
        <v>81949</v>
      </c>
      <c r="C22887" s="1" t="s">
        <v>90</v>
      </c>
      <c r="D22887" s="1" t="s">
        <v>82011</v>
      </c>
      <c r="E22887" s="1" t="s">
        <v>82012</v>
      </c>
      <c r="F22887" s="1" t="s">
        <v>82013</v>
      </c>
      <c r="G22887" s="1" t="s">
        <v>81953</v>
      </c>
      <c r="H22887" s="1" t="s">
        <v>81954</v>
      </c>
      <c r="I22887" s="1" t="s">
        <v>81955</v>
      </c>
      <c r="J22887" s="1" t="s">
        <v>82014</v>
      </c>
    </row>
    <row r="22888" spans="1:10" x14ac:dyDescent="0.35">
      <c r="A22888" s="1" t="s">
        <v>81948</v>
      </c>
      <c r="B22888" s="1" t="s">
        <v>81949</v>
      </c>
      <c r="C22888" s="1" t="s">
        <v>95</v>
      </c>
      <c r="D22888" s="1" t="s">
        <v>82015</v>
      </c>
      <c r="E22888" s="1" t="s">
        <v>82016</v>
      </c>
      <c r="F22888" s="1" t="s">
        <v>82017</v>
      </c>
      <c r="G22888" s="1" t="s">
        <v>81953</v>
      </c>
      <c r="H22888" s="1" t="s">
        <v>81954</v>
      </c>
      <c r="I22888" s="1" t="s">
        <v>81955</v>
      </c>
      <c r="J22888" s="1" t="s">
        <v>82018</v>
      </c>
    </row>
    <row r="22889" spans="1:10" x14ac:dyDescent="0.35">
      <c r="A22889" s="1" t="s">
        <v>81948</v>
      </c>
      <c r="B22889" s="1" t="s">
        <v>81949</v>
      </c>
      <c r="C22889" s="1" t="s">
        <v>100</v>
      </c>
      <c r="D22889" s="1" t="s">
        <v>82019</v>
      </c>
      <c r="E22889" s="1" t="s">
        <v>82020</v>
      </c>
      <c r="F22889" s="1" t="s">
        <v>82021</v>
      </c>
      <c r="G22889" s="1" t="s">
        <v>81953</v>
      </c>
      <c r="H22889" s="1" t="s">
        <v>81954</v>
      </c>
      <c r="I22889" s="1" t="s">
        <v>81955</v>
      </c>
      <c r="J22889" s="1" t="s">
        <v>82022</v>
      </c>
    </row>
    <row r="22890" spans="1:10" x14ac:dyDescent="0.35">
      <c r="A22890" s="1" t="s">
        <v>81948</v>
      </c>
      <c r="B22890" s="1" t="s">
        <v>81949</v>
      </c>
      <c r="C22890" s="1" t="s">
        <v>105</v>
      </c>
      <c r="D22890" s="1" t="s">
        <v>82023</v>
      </c>
      <c r="E22890" s="1" t="s">
        <v>82024</v>
      </c>
      <c r="F22890" s="1" t="s">
        <v>82025</v>
      </c>
      <c r="G22890" s="1" t="s">
        <v>81953</v>
      </c>
      <c r="H22890" s="1" t="s">
        <v>81954</v>
      </c>
      <c r="I22890" s="1" t="s">
        <v>81955</v>
      </c>
      <c r="J22890" s="1" t="s">
        <v>82026</v>
      </c>
    </row>
    <row r="22891" spans="1:10" x14ac:dyDescent="0.35">
      <c r="A22891" s="1" t="s">
        <v>81948</v>
      </c>
      <c r="B22891" s="1" t="s">
        <v>81949</v>
      </c>
      <c r="C22891" s="1" t="s">
        <v>110</v>
      </c>
      <c r="D22891" s="1" t="s">
        <v>82027</v>
      </c>
      <c r="E22891" s="1" t="s">
        <v>82028</v>
      </c>
      <c r="F22891" s="1" t="s">
        <v>82029</v>
      </c>
      <c r="G22891" s="1" t="s">
        <v>81953</v>
      </c>
      <c r="H22891" s="1" t="s">
        <v>81954</v>
      </c>
      <c r="I22891" s="1" t="s">
        <v>81955</v>
      </c>
      <c r="J22891" s="1" t="s">
        <v>82030</v>
      </c>
    </row>
    <row r="22892" spans="1:10" x14ac:dyDescent="0.35">
      <c r="A22892" s="1" t="s">
        <v>81948</v>
      </c>
      <c r="B22892" s="1" t="s">
        <v>81949</v>
      </c>
      <c r="C22892" s="1" t="s">
        <v>115</v>
      </c>
      <c r="D22892" s="1" t="s">
        <v>79898</v>
      </c>
      <c r="E22892" s="1" t="s">
        <v>82031</v>
      </c>
      <c r="F22892" s="1" t="s">
        <v>82032</v>
      </c>
      <c r="G22892" s="1" t="s">
        <v>81953</v>
      </c>
      <c r="H22892" s="1" t="s">
        <v>81954</v>
      </c>
      <c r="I22892" s="1" t="s">
        <v>81955</v>
      </c>
      <c r="J22892" s="1" t="s">
        <v>82033</v>
      </c>
    </row>
    <row r="22893" spans="1:10" x14ac:dyDescent="0.35">
      <c r="A22893" s="1" t="s">
        <v>81948</v>
      </c>
      <c r="B22893" s="1" t="s">
        <v>81949</v>
      </c>
      <c r="C22893" s="1" t="s">
        <v>120</v>
      </c>
      <c r="D22893" s="1" t="s">
        <v>82034</v>
      </c>
      <c r="E22893" s="1" t="s">
        <v>82035</v>
      </c>
      <c r="F22893" s="1" t="s">
        <v>82036</v>
      </c>
      <c r="G22893" s="1" t="s">
        <v>81953</v>
      </c>
      <c r="H22893" s="1" t="s">
        <v>81954</v>
      </c>
      <c r="I22893" s="1" t="s">
        <v>81955</v>
      </c>
      <c r="J22893" s="1" t="s">
        <v>82037</v>
      </c>
    </row>
    <row r="22894" spans="1:10" x14ac:dyDescent="0.35">
      <c r="A22894" s="1" t="s">
        <v>81948</v>
      </c>
      <c r="B22894" s="1" t="s">
        <v>81949</v>
      </c>
      <c r="C22894" s="1" t="s">
        <v>125</v>
      </c>
      <c r="D22894" s="1" t="s">
        <v>82038</v>
      </c>
      <c r="E22894" s="1" t="s">
        <v>82039</v>
      </c>
      <c r="F22894" s="1" t="s">
        <v>82040</v>
      </c>
      <c r="G22894" s="1" t="s">
        <v>81953</v>
      </c>
      <c r="H22894" s="1" t="s">
        <v>81954</v>
      </c>
      <c r="I22894" s="1" t="s">
        <v>81955</v>
      </c>
      <c r="J22894" s="1" t="s">
        <v>82041</v>
      </c>
    </row>
    <row r="22895" spans="1:10" x14ac:dyDescent="0.35">
      <c r="A22895" s="1" t="s">
        <v>81948</v>
      </c>
      <c r="B22895" s="1" t="s">
        <v>81949</v>
      </c>
      <c r="C22895" s="1" t="s">
        <v>130</v>
      </c>
      <c r="D22895" s="1" t="s">
        <v>82042</v>
      </c>
      <c r="E22895" s="1" t="s">
        <v>82043</v>
      </c>
      <c r="F22895" s="1" t="s">
        <v>82044</v>
      </c>
      <c r="G22895" s="1" t="s">
        <v>81953</v>
      </c>
      <c r="H22895" s="1" t="s">
        <v>81954</v>
      </c>
      <c r="I22895" s="1" t="s">
        <v>81955</v>
      </c>
      <c r="J22895" s="1" t="s">
        <v>82045</v>
      </c>
    </row>
    <row r="22896" spans="1:10" x14ac:dyDescent="0.35">
      <c r="A22896" s="1" t="s">
        <v>81948</v>
      </c>
      <c r="B22896" s="1" t="s">
        <v>81949</v>
      </c>
      <c r="C22896" s="1" t="s">
        <v>135</v>
      </c>
      <c r="D22896" s="1" t="s">
        <v>522</v>
      </c>
      <c r="E22896" s="1" t="s">
        <v>82046</v>
      </c>
      <c r="F22896" s="1" t="s">
        <v>82047</v>
      </c>
      <c r="G22896" s="1" t="s">
        <v>81953</v>
      </c>
      <c r="H22896" s="1" t="s">
        <v>81954</v>
      </c>
      <c r="I22896" s="1" t="s">
        <v>81955</v>
      </c>
      <c r="J22896" s="1" t="s">
        <v>82048</v>
      </c>
    </row>
    <row r="22897" spans="1:10" x14ac:dyDescent="0.35">
      <c r="A22897" s="1" t="s">
        <v>81948</v>
      </c>
      <c r="B22897" s="1" t="s">
        <v>81949</v>
      </c>
      <c r="C22897" s="1" t="s">
        <v>140</v>
      </c>
      <c r="D22897" s="1" t="s">
        <v>82049</v>
      </c>
      <c r="E22897" s="1" t="s">
        <v>82050</v>
      </c>
      <c r="F22897" s="1" t="s">
        <v>82051</v>
      </c>
      <c r="G22897" s="1" t="s">
        <v>81953</v>
      </c>
      <c r="H22897" s="1" t="s">
        <v>81954</v>
      </c>
      <c r="I22897" s="1" t="s">
        <v>81955</v>
      </c>
      <c r="J22897" s="1" t="s">
        <v>82052</v>
      </c>
    </row>
    <row r="22898" spans="1:10" x14ac:dyDescent="0.35">
      <c r="A22898" s="1" t="s">
        <v>81948</v>
      </c>
      <c r="B22898" s="1" t="s">
        <v>81949</v>
      </c>
      <c r="C22898" s="1" t="s">
        <v>145</v>
      </c>
      <c r="D22898" s="1" t="s">
        <v>82053</v>
      </c>
      <c r="E22898" s="1" t="s">
        <v>82054</v>
      </c>
      <c r="F22898" s="1" t="s">
        <v>82055</v>
      </c>
      <c r="G22898" s="1" t="s">
        <v>81953</v>
      </c>
      <c r="H22898" s="1" t="s">
        <v>81954</v>
      </c>
      <c r="I22898" s="1" t="s">
        <v>81955</v>
      </c>
      <c r="J22898" s="1" t="s">
        <v>82056</v>
      </c>
    </row>
    <row r="22899" spans="1:10" x14ac:dyDescent="0.35">
      <c r="A22899" s="1" t="s">
        <v>81948</v>
      </c>
      <c r="B22899" s="1" t="s">
        <v>81949</v>
      </c>
      <c r="C22899" s="1" t="s">
        <v>150</v>
      </c>
      <c r="D22899" s="1" t="s">
        <v>82057</v>
      </c>
      <c r="E22899" s="1" t="s">
        <v>82058</v>
      </c>
      <c r="F22899" s="1" t="s">
        <v>82059</v>
      </c>
      <c r="G22899" s="1" t="s">
        <v>81953</v>
      </c>
      <c r="H22899" s="1" t="s">
        <v>81954</v>
      </c>
      <c r="I22899" s="1" t="s">
        <v>81955</v>
      </c>
      <c r="J22899" s="1" t="s">
        <v>82060</v>
      </c>
    </row>
    <row r="22900" spans="1:10" x14ac:dyDescent="0.35">
      <c r="A22900" s="1" t="s">
        <v>81948</v>
      </c>
      <c r="B22900" s="1" t="s">
        <v>81949</v>
      </c>
      <c r="C22900" s="1" t="s">
        <v>155</v>
      </c>
      <c r="D22900" s="1" t="s">
        <v>82061</v>
      </c>
      <c r="E22900" s="1" t="s">
        <v>82062</v>
      </c>
      <c r="F22900" s="1" t="s">
        <v>82063</v>
      </c>
      <c r="G22900" s="1" t="s">
        <v>81953</v>
      </c>
      <c r="H22900" s="1" t="s">
        <v>81954</v>
      </c>
      <c r="I22900" s="1" t="s">
        <v>81955</v>
      </c>
      <c r="J22900" s="1" t="s">
        <v>82064</v>
      </c>
    </row>
    <row r="22901" spans="1:10" x14ac:dyDescent="0.35">
      <c r="A22901" s="1" t="s">
        <v>81948</v>
      </c>
      <c r="B22901" s="1" t="s">
        <v>81949</v>
      </c>
      <c r="C22901" s="1" t="s">
        <v>160</v>
      </c>
      <c r="D22901" s="1" t="s">
        <v>82065</v>
      </c>
      <c r="E22901" s="1" t="s">
        <v>82066</v>
      </c>
      <c r="F22901" s="1" t="s">
        <v>82067</v>
      </c>
      <c r="G22901" s="1" t="s">
        <v>81953</v>
      </c>
      <c r="H22901" s="1" t="s">
        <v>81954</v>
      </c>
      <c r="I22901" s="1" t="s">
        <v>81955</v>
      </c>
      <c r="J22901" s="1" t="s">
        <v>82068</v>
      </c>
    </row>
    <row r="22902" spans="1:10" x14ac:dyDescent="0.35">
      <c r="A22902" s="1" t="s">
        <v>81948</v>
      </c>
      <c r="B22902" s="1" t="s">
        <v>81949</v>
      </c>
      <c r="C22902" s="1" t="s">
        <v>165</v>
      </c>
      <c r="D22902" s="1" t="s">
        <v>82069</v>
      </c>
      <c r="E22902" s="1" t="s">
        <v>82070</v>
      </c>
      <c r="F22902" s="1" t="s">
        <v>82071</v>
      </c>
      <c r="G22902" s="1" t="s">
        <v>81953</v>
      </c>
      <c r="H22902" s="1" t="s">
        <v>81954</v>
      </c>
      <c r="I22902" s="1" t="s">
        <v>81955</v>
      </c>
      <c r="J22902" s="1" t="s">
        <v>82072</v>
      </c>
    </row>
    <row r="22903" spans="1:10" x14ac:dyDescent="0.35">
      <c r="A22903" s="1" t="s">
        <v>81948</v>
      </c>
      <c r="B22903" s="1" t="s">
        <v>81949</v>
      </c>
      <c r="C22903" s="1" t="s">
        <v>170</v>
      </c>
      <c r="D22903" s="1" t="s">
        <v>82073</v>
      </c>
      <c r="E22903" s="1" t="s">
        <v>82074</v>
      </c>
      <c r="F22903" s="1" t="s">
        <v>82075</v>
      </c>
      <c r="G22903" s="1" t="s">
        <v>81953</v>
      </c>
      <c r="H22903" s="1" t="s">
        <v>81954</v>
      </c>
      <c r="I22903" s="1" t="s">
        <v>81955</v>
      </c>
      <c r="J22903" s="1" t="s">
        <v>82076</v>
      </c>
    </row>
    <row r="22904" spans="1:10" x14ac:dyDescent="0.35">
      <c r="A22904" s="1" t="s">
        <v>82077</v>
      </c>
      <c r="B22904" s="1" t="s">
        <v>81949</v>
      </c>
      <c r="C22904" s="1" t="s">
        <v>8</v>
      </c>
      <c r="D22904" s="1" t="s">
        <v>82078</v>
      </c>
      <c r="E22904" s="1" t="s">
        <v>40680</v>
      </c>
      <c r="F22904" s="1" t="s">
        <v>26648</v>
      </c>
      <c r="G22904" s="1" t="s">
        <v>82079</v>
      </c>
      <c r="H22904" s="1" t="s">
        <v>82080</v>
      </c>
      <c r="I22904" s="1" t="s">
        <v>81955</v>
      </c>
      <c r="J22904" s="1" t="s">
        <v>13</v>
      </c>
    </row>
    <row r="22905" spans="1:10" x14ac:dyDescent="0.35">
      <c r="A22905" s="1" t="s">
        <v>82077</v>
      </c>
      <c r="B22905" s="1" t="s">
        <v>81949</v>
      </c>
      <c r="C22905" s="1" t="s">
        <v>15</v>
      </c>
      <c r="D22905" s="1" t="s">
        <v>82081</v>
      </c>
      <c r="E22905" s="1" t="s">
        <v>60591</v>
      </c>
      <c r="F22905" s="1" t="s">
        <v>60592</v>
      </c>
      <c r="G22905" s="1" t="s">
        <v>82079</v>
      </c>
      <c r="H22905" s="1" t="s">
        <v>82080</v>
      </c>
      <c r="I22905" s="1" t="s">
        <v>81955</v>
      </c>
      <c r="J22905" s="1" t="s">
        <v>82082</v>
      </c>
    </row>
    <row r="22906" spans="1:10" x14ac:dyDescent="0.35">
      <c r="A22906" s="1" t="s">
        <v>82077</v>
      </c>
      <c r="B22906" s="1" t="s">
        <v>81949</v>
      </c>
      <c r="C22906" s="1" t="s">
        <v>20</v>
      </c>
      <c r="D22906" s="1" t="s">
        <v>70656</v>
      </c>
      <c r="E22906" s="1" t="s">
        <v>21588</v>
      </c>
      <c r="F22906" s="1" t="s">
        <v>56425</v>
      </c>
      <c r="G22906" s="1" t="s">
        <v>82079</v>
      </c>
      <c r="H22906" s="1" t="s">
        <v>82080</v>
      </c>
      <c r="I22906" s="1" t="s">
        <v>81955</v>
      </c>
      <c r="J22906" s="1" t="s">
        <v>82083</v>
      </c>
    </row>
    <row r="22907" spans="1:10" x14ac:dyDescent="0.35">
      <c r="A22907" s="1" t="s">
        <v>82077</v>
      </c>
      <c r="B22907" s="1" t="s">
        <v>81949</v>
      </c>
      <c r="C22907" s="1" t="s">
        <v>25</v>
      </c>
      <c r="D22907" s="1" t="s">
        <v>31162</v>
      </c>
      <c r="E22907" s="1" t="s">
        <v>82084</v>
      </c>
      <c r="F22907" s="1" t="s">
        <v>82085</v>
      </c>
      <c r="G22907" s="1" t="s">
        <v>82079</v>
      </c>
      <c r="H22907" s="1" t="s">
        <v>82080</v>
      </c>
      <c r="I22907" s="1" t="s">
        <v>81955</v>
      </c>
      <c r="J22907" s="1" t="s">
        <v>82086</v>
      </c>
    </row>
    <row r="22908" spans="1:10" x14ac:dyDescent="0.35">
      <c r="A22908" s="1" t="s">
        <v>82077</v>
      </c>
      <c r="B22908" s="1" t="s">
        <v>81949</v>
      </c>
      <c r="C22908" s="1" t="s">
        <v>30</v>
      </c>
      <c r="D22908" s="1" t="s">
        <v>82087</v>
      </c>
      <c r="E22908" s="1" t="s">
        <v>82088</v>
      </c>
      <c r="F22908" s="1" t="s">
        <v>66399</v>
      </c>
      <c r="G22908" s="1" t="s">
        <v>82079</v>
      </c>
      <c r="H22908" s="1" t="s">
        <v>82080</v>
      </c>
      <c r="I22908" s="1" t="s">
        <v>81955</v>
      </c>
      <c r="J22908" s="1" t="s">
        <v>82089</v>
      </c>
    </row>
    <row r="22909" spans="1:10" x14ac:dyDescent="0.35">
      <c r="A22909" s="1" t="s">
        <v>82077</v>
      </c>
      <c r="B22909" s="1" t="s">
        <v>81949</v>
      </c>
      <c r="C22909" s="1" t="s">
        <v>35</v>
      </c>
      <c r="D22909" s="1" t="s">
        <v>49835</v>
      </c>
      <c r="E22909" s="1" t="s">
        <v>82090</v>
      </c>
      <c r="F22909" s="1" t="s">
        <v>82091</v>
      </c>
      <c r="G22909" s="1" t="s">
        <v>82079</v>
      </c>
      <c r="H22909" s="1" t="s">
        <v>82080</v>
      </c>
      <c r="I22909" s="1" t="s">
        <v>81955</v>
      </c>
      <c r="J22909" s="1" t="s">
        <v>82092</v>
      </c>
    </row>
    <row r="22910" spans="1:10" x14ac:dyDescent="0.35">
      <c r="A22910" s="1" t="s">
        <v>82077</v>
      </c>
      <c r="B22910" s="1" t="s">
        <v>81949</v>
      </c>
      <c r="C22910" s="1" t="s">
        <v>40</v>
      </c>
      <c r="D22910" s="1" t="s">
        <v>74360</v>
      </c>
      <c r="E22910" s="1" t="s">
        <v>22434</v>
      </c>
      <c r="F22910" s="1" t="s">
        <v>82093</v>
      </c>
      <c r="G22910" s="1" t="s">
        <v>82079</v>
      </c>
      <c r="H22910" s="1" t="s">
        <v>82080</v>
      </c>
      <c r="I22910" s="1" t="s">
        <v>81955</v>
      </c>
      <c r="J22910" s="1" t="s">
        <v>82094</v>
      </c>
    </row>
    <row r="22911" spans="1:10" x14ac:dyDescent="0.35">
      <c r="A22911" s="1" t="s">
        <v>82077</v>
      </c>
      <c r="B22911" s="1" t="s">
        <v>81949</v>
      </c>
      <c r="C22911" s="1" t="s">
        <v>45</v>
      </c>
      <c r="D22911" s="1" t="s">
        <v>82095</v>
      </c>
      <c r="E22911" s="1" t="s">
        <v>22910</v>
      </c>
      <c r="F22911" s="1" t="s">
        <v>82096</v>
      </c>
      <c r="G22911" s="1" t="s">
        <v>82079</v>
      </c>
      <c r="H22911" s="1" t="s">
        <v>82080</v>
      </c>
      <c r="I22911" s="1" t="s">
        <v>81955</v>
      </c>
      <c r="J22911" s="1" t="s">
        <v>82097</v>
      </c>
    </row>
    <row r="22912" spans="1:10" x14ac:dyDescent="0.35">
      <c r="A22912" s="1" t="s">
        <v>82077</v>
      </c>
      <c r="B22912" s="1" t="s">
        <v>81949</v>
      </c>
      <c r="C22912" s="1" t="s">
        <v>50</v>
      </c>
      <c r="D22912" s="1" t="s">
        <v>82098</v>
      </c>
      <c r="E22912" s="1" t="s">
        <v>82099</v>
      </c>
      <c r="F22912" s="1" t="s">
        <v>82100</v>
      </c>
      <c r="G22912" s="1" t="s">
        <v>82079</v>
      </c>
      <c r="H22912" s="1" t="s">
        <v>82080</v>
      </c>
      <c r="I22912" s="1" t="s">
        <v>81955</v>
      </c>
      <c r="J22912" s="1" t="s">
        <v>82101</v>
      </c>
    </row>
    <row r="22913" spans="1:10" x14ac:dyDescent="0.35">
      <c r="A22913" s="1" t="s">
        <v>82077</v>
      </c>
      <c r="B22913" s="1" t="s">
        <v>81949</v>
      </c>
      <c r="C22913" s="1" t="s">
        <v>55</v>
      </c>
      <c r="D22913" s="1" t="s">
        <v>82102</v>
      </c>
      <c r="E22913" s="1" t="s">
        <v>82103</v>
      </c>
      <c r="F22913" s="1" t="s">
        <v>82104</v>
      </c>
      <c r="G22913" s="1" t="s">
        <v>82079</v>
      </c>
      <c r="H22913" s="1" t="s">
        <v>82080</v>
      </c>
      <c r="I22913" s="1" t="s">
        <v>81955</v>
      </c>
      <c r="J22913" s="1" t="s">
        <v>82105</v>
      </c>
    </row>
    <row r="22914" spans="1:10" x14ac:dyDescent="0.35">
      <c r="A22914" s="1" t="s">
        <v>82077</v>
      </c>
      <c r="B22914" s="1" t="s">
        <v>81949</v>
      </c>
      <c r="C22914" s="1" t="s">
        <v>60</v>
      </c>
      <c r="D22914" s="1" t="s">
        <v>82106</v>
      </c>
      <c r="E22914" s="1" t="s">
        <v>56946</v>
      </c>
      <c r="F22914" s="1" t="s">
        <v>82107</v>
      </c>
      <c r="G22914" s="1" t="s">
        <v>82079</v>
      </c>
      <c r="H22914" s="1" t="s">
        <v>82080</v>
      </c>
      <c r="I22914" s="1" t="s">
        <v>81955</v>
      </c>
      <c r="J22914" s="1" t="s">
        <v>82108</v>
      </c>
    </row>
    <row r="22915" spans="1:10" x14ac:dyDescent="0.35">
      <c r="A22915" s="1" t="s">
        <v>82077</v>
      </c>
      <c r="B22915" s="1" t="s">
        <v>81949</v>
      </c>
      <c r="C22915" s="1" t="s">
        <v>65</v>
      </c>
      <c r="D22915" s="1" t="s">
        <v>82109</v>
      </c>
      <c r="E22915" s="1" t="s">
        <v>21082</v>
      </c>
      <c r="F22915" s="1" t="s">
        <v>82110</v>
      </c>
      <c r="G22915" s="1" t="s">
        <v>82079</v>
      </c>
      <c r="H22915" s="1" t="s">
        <v>82080</v>
      </c>
      <c r="I22915" s="1" t="s">
        <v>81955</v>
      </c>
      <c r="J22915" s="1" t="s">
        <v>82111</v>
      </c>
    </row>
    <row r="22916" spans="1:10" x14ac:dyDescent="0.35">
      <c r="A22916" s="1" t="s">
        <v>82077</v>
      </c>
      <c r="B22916" s="1" t="s">
        <v>81949</v>
      </c>
      <c r="C22916" s="1" t="s">
        <v>70</v>
      </c>
      <c r="D22916" s="1" t="s">
        <v>82112</v>
      </c>
      <c r="E22916" s="1" t="s">
        <v>82113</v>
      </c>
      <c r="F22916" s="1" t="s">
        <v>82114</v>
      </c>
      <c r="G22916" s="1" t="s">
        <v>82079</v>
      </c>
      <c r="H22916" s="1" t="s">
        <v>82080</v>
      </c>
      <c r="I22916" s="1" t="s">
        <v>81955</v>
      </c>
      <c r="J22916" s="1" t="s">
        <v>82115</v>
      </c>
    </row>
    <row r="22917" spans="1:10" x14ac:dyDescent="0.35">
      <c r="A22917" s="1" t="s">
        <v>82077</v>
      </c>
      <c r="B22917" s="1" t="s">
        <v>81949</v>
      </c>
      <c r="C22917" s="1" t="s">
        <v>75</v>
      </c>
      <c r="D22917" s="1" t="s">
        <v>82116</v>
      </c>
      <c r="E22917" s="1" t="s">
        <v>21580</v>
      </c>
      <c r="F22917" s="1" t="s">
        <v>82117</v>
      </c>
      <c r="G22917" s="1" t="s">
        <v>82079</v>
      </c>
      <c r="H22917" s="1" t="s">
        <v>82080</v>
      </c>
      <c r="I22917" s="1" t="s">
        <v>81955</v>
      </c>
      <c r="J22917" s="1" t="s">
        <v>82118</v>
      </c>
    </row>
    <row r="22918" spans="1:10" x14ac:dyDescent="0.35">
      <c r="A22918" s="1" t="s">
        <v>82077</v>
      </c>
      <c r="B22918" s="1" t="s">
        <v>81949</v>
      </c>
      <c r="C22918" s="1" t="s">
        <v>80</v>
      </c>
      <c r="D22918" s="1" t="s">
        <v>82119</v>
      </c>
      <c r="E22918" s="1" t="s">
        <v>82120</v>
      </c>
      <c r="F22918" s="1" t="s">
        <v>66997</v>
      </c>
      <c r="G22918" s="1" t="s">
        <v>82079</v>
      </c>
      <c r="H22918" s="1" t="s">
        <v>82080</v>
      </c>
      <c r="I22918" s="1" t="s">
        <v>81955</v>
      </c>
      <c r="J22918" s="1" t="s">
        <v>82121</v>
      </c>
    </row>
    <row r="22919" spans="1:10" x14ac:dyDescent="0.35">
      <c r="A22919" s="1" t="s">
        <v>82077</v>
      </c>
      <c r="B22919" s="1" t="s">
        <v>81949</v>
      </c>
      <c r="C22919" s="1" t="s">
        <v>85</v>
      </c>
      <c r="D22919" s="1" t="s">
        <v>38482</v>
      </c>
      <c r="E22919" s="1" t="s">
        <v>24689</v>
      </c>
      <c r="F22919" s="1" t="s">
        <v>82122</v>
      </c>
      <c r="G22919" s="1" t="s">
        <v>82079</v>
      </c>
      <c r="H22919" s="1" t="s">
        <v>82080</v>
      </c>
      <c r="I22919" s="1" t="s">
        <v>81955</v>
      </c>
      <c r="J22919" s="1" t="s">
        <v>82123</v>
      </c>
    </row>
    <row r="22920" spans="1:10" x14ac:dyDescent="0.35">
      <c r="A22920" s="1" t="s">
        <v>82077</v>
      </c>
      <c r="B22920" s="1" t="s">
        <v>81949</v>
      </c>
      <c r="C22920" s="1" t="s">
        <v>90</v>
      </c>
      <c r="D22920" s="1" t="s">
        <v>82124</v>
      </c>
      <c r="E22920" s="1" t="s">
        <v>82125</v>
      </c>
      <c r="F22920" s="1" t="s">
        <v>69329</v>
      </c>
      <c r="G22920" s="1" t="s">
        <v>82079</v>
      </c>
      <c r="H22920" s="1" t="s">
        <v>82080</v>
      </c>
      <c r="I22920" s="1" t="s">
        <v>81955</v>
      </c>
      <c r="J22920" s="1" t="s">
        <v>82126</v>
      </c>
    </row>
    <row r="22921" spans="1:10" x14ac:dyDescent="0.35">
      <c r="A22921" s="1" t="s">
        <v>82077</v>
      </c>
      <c r="B22921" s="1" t="s">
        <v>81949</v>
      </c>
      <c r="C22921" s="1" t="s">
        <v>95</v>
      </c>
      <c r="D22921" s="1" t="s">
        <v>19175</v>
      </c>
      <c r="E22921" s="1" t="s">
        <v>22918</v>
      </c>
      <c r="F22921" s="1" t="s">
        <v>82127</v>
      </c>
      <c r="G22921" s="1" t="s">
        <v>82079</v>
      </c>
      <c r="H22921" s="1" t="s">
        <v>82080</v>
      </c>
      <c r="I22921" s="1" t="s">
        <v>81955</v>
      </c>
      <c r="J22921" s="1" t="s">
        <v>82128</v>
      </c>
    </row>
    <row r="22922" spans="1:10" x14ac:dyDescent="0.35">
      <c r="A22922" s="1" t="s">
        <v>82077</v>
      </c>
      <c r="B22922" s="1" t="s">
        <v>81949</v>
      </c>
      <c r="C22922" s="1" t="s">
        <v>100</v>
      </c>
      <c r="D22922" s="1" t="s">
        <v>82129</v>
      </c>
      <c r="E22922" s="1" t="s">
        <v>60395</v>
      </c>
      <c r="F22922" s="1" t="s">
        <v>82130</v>
      </c>
      <c r="G22922" s="1" t="s">
        <v>82079</v>
      </c>
      <c r="H22922" s="1" t="s">
        <v>82080</v>
      </c>
      <c r="I22922" s="1" t="s">
        <v>81955</v>
      </c>
      <c r="J22922" s="1" t="s">
        <v>82131</v>
      </c>
    </row>
    <row r="22923" spans="1:10" x14ac:dyDescent="0.35">
      <c r="A22923" s="1" t="s">
        <v>82077</v>
      </c>
      <c r="B22923" s="1" t="s">
        <v>81949</v>
      </c>
      <c r="C22923" s="1" t="s">
        <v>105</v>
      </c>
      <c r="D22923" s="1" t="s">
        <v>82132</v>
      </c>
      <c r="E22923" s="1" t="s">
        <v>82133</v>
      </c>
      <c r="F22923" s="1" t="s">
        <v>82134</v>
      </c>
      <c r="G22923" s="1" t="s">
        <v>82079</v>
      </c>
      <c r="H22923" s="1" t="s">
        <v>82080</v>
      </c>
      <c r="I22923" s="1" t="s">
        <v>81955</v>
      </c>
      <c r="J22923" s="1" t="s">
        <v>82135</v>
      </c>
    </row>
    <row r="22924" spans="1:10" x14ac:dyDescent="0.35">
      <c r="A22924" s="1" t="s">
        <v>82077</v>
      </c>
      <c r="B22924" s="1" t="s">
        <v>81949</v>
      </c>
      <c r="C22924" s="1" t="s">
        <v>110</v>
      </c>
      <c r="D22924" s="1" t="s">
        <v>82136</v>
      </c>
      <c r="E22924" s="1" t="s">
        <v>82137</v>
      </c>
      <c r="F22924" s="1" t="s">
        <v>82138</v>
      </c>
      <c r="G22924" s="1" t="s">
        <v>82079</v>
      </c>
      <c r="H22924" s="1" t="s">
        <v>82080</v>
      </c>
      <c r="I22924" s="1" t="s">
        <v>81955</v>
      </c>
      <c r="J22924" s="1" t="s">
        <v>82139</v>
      </c>
    </row>
    <row r="22925" spans="1:10" x14ac:dyDescent="0.35">
      <c r="A22925" s="1" t="s">
        <v>82077</v>
      </c>
      <c r="B22925" s="1" t="s">
        <v>81949</v>
      </c>
      <c r="C22925" s="1" t="s">
        <v>115</v>
      </c>
      <c r="D22925" s="1" t="s">
        <v>82140</v>
      </c>
      <c r="E22925" s="1" t="s">
        <v>62568</v>
      </c>
      <c r="F22925" s="1" t="s">
        <v>58776</v>
      </c>
      <c r="G22925" s="1" t="s">
        <v>82079</v>
      </c>
      <c r="H22925" s="1" t="s">
        <v>82080</v>
      </c>
      <c r="I22925" s="1" t="s">
        <v>81955</v>
      </c>
      <c r="J22925" s="1" t="s">
        <v>82141</v>
      </c>
    </row>
    <row r="22926" spans="1:10" x14ac:dyDescent="0.35">
      <c r="A22926" s="1" t="s">
        <v>82077</v>
      </c>
      <c r="B22926" s="1" t="s">
        <v>81949</v>
      </c>
      <c r="C22926" s="1" t="s">
        <v>120</v>
      </c>
      <c r="D22926" s="1" t="s">
        <v>82142</v>
      </c>
      <c r="E22926" s="1" t="s">
        <v>82143</v>
      </c>
      <c r="F22926" s="1" t="s">
        <v>82144</v>
      </c>
      <c r="G22926" s="1" t="s">
        <v>82079</v>
      </c>
      <c r="H22926" s="1" t="s">
        <v>82080</v>
      </c>
      <c r="I22926" s="1" t="s">
        <v>81955</v>
      </c>
      <c r="J22926" s="1" t="s">
        <v>82145</v>
      </c>
    </row>
    <row r="22927" spans="1:10" x14ac:dyDescent="0.35">
      <c r="A22927" s="1" t="s">
        <v>82077</v>
      </c>
      <c r="B22927" s="1" t="s">
        <v>81949</v>
      </c>
      <c r="C22927" s="1" t="s">
        <v>125</v>
      </c>
      <c r="D22927" s="1" t="s">
        <v>17717</v>
      </c>
      <c r="E22927" s="1" t="s">
        <v>24773</v>
      </c>
      <c r="F22927" s="1" t="s">
        <v>63917</v>
      </c>
      <c r="G22927" s="1" t="s">
        <v>82079</v>
      </c>
      <c r="H22927" s="1" t="s">
        <v>82080</v>
      </c>
      <c r="I22927" s="1" t="s">
        <v>81955</v>
      </c>
      <c r="J22927" s="1" t="s">
        <v>82146</v>
      </c>
    </row>
    <row r="22928" spans="1:10" x14ac:dyDescent="0.35">
      <c r="A22928" s="1" t="s">
        <v>82077</v>
      </c>
      <c r="B22928" s="1" t="s">
        <v>81949</v>
      </c>
      <c r="C22928" s="1" t="s">
        <v>130</v>
      </c>
      <c r="D22928" s="1" t="s">
        <v>82147</v>
      </c>
      <c r="E22928" s="1" t="s">
        <v>21159</v>
      </c>
      <c r="F22928" s="1" t="s">
        <v>82148</v>
      </c>
      <c r="G22928" s="1" t="s">
        <v>82079</v>
      </c>
      <c r="H22928" s="1" t="s">
        <v>82080</v>
      </c>
      <c r="I22928" s="1" t="s">
        <v>81955</v>
      </c>
      <c r="J22928" s="1" t="s">
        <v>82149</v>
      </c>
    </row>
    <row r="22929" spans="1:10" x14ac:dyDescent="0.35">
      <c r="A22929" s="1" t="s">
        <v>82077</v>
      </c>
      <c r="B22929" s="1" t="s">
        <v>81949</v>
      </c>
      <c r="C22929" s="1" t="s">
        <v>135</v>
      </c>
      <c r="D22929" s="1" t="s">
        <v>82150</v>
      </c>
      <c r="E22929" s="1" t="s">
        <v>23796</v>
      </c>
      <c r="F22929" s="1" t="s">
        <v>82151</v>
      </c>
      <c r="G22929" s="1" t="s">
        <v>82079</v>
      </c>
      <c r="H22929" s="1" t="s">
        <v>82080</v>
      </c>
      <c r="I22929" s="1" t="s">
        <v>81955</v>
      </c>
      <c r="J22929" s="1" t="s">
        <v>82152</v>
      </c>
    </row>
    <row r="22930" spans="1:10" x14ac:dyDescent="0.35">
      <c r="A22930" s="1" t="s">
        <v>82077</v>
      </c>
      <c r="B22930" s="1" t="s">
        <v>81949</v>
      </c>
      <c r="C22930" s="1" t="s">
        <v>140</v>
      </c>
      <c r="D22930" s="1" t="s">
        <v>2489</v>
      </c>
      <c r="E22930" s="1" t="s">
        <v>23391</v>
      </c>
      <c r="F22930" s="1" t="s">
        <v>82153</v>
      </c>
      <c r="G22930" s="1" t="s">
        <v>82079</v>
      </c>
      <c r="H22930" s="1" t="s">
        <v>82080</v>
      </c>
      <c r="I22930" s="1" t="s">
        <v>81955</v>
      </c>
      <c r="J22930" s="1" t="s">
        <v>82154</v>
      </c>
    </row>
    <row r="22931" spans="1:10" x14ac:dyDescent="0.35">
      <c r="A22931" s="1" t="s">
        <v>82077</v>
      </c>
      <c r="B22931" s="1" t="s">
        <v>81949</v>
      </c>
      <c r="C22931" s="1" t="s">
        <v>145</v>
      </c>
      <c r="D22931" s="1" t="s">
        <v>82155</v>
      </c>
      <c r="E22931" s="1" t="s">
        <v>22946</v>
      </c>
      <c r="F22931" s="1" t="s">
        <v>54198</v>
      </c>
      <c r="G22931" s="1" t="s">
        <v>82079</v>
      </c>
      <c r="H22931" s="1" t="s">
        <v>82080</v>
      </c>
      <c r="I22931" s="1" t="s">
        <v>81955</v>
      </c>
      <c r="J22931" s="1" t="s">
        <v>82156</v>
      </c>
    </row>
    <row r="22932" spans="1:10" x14ac:dyDescent="0.35">
      <c r="A22932" s="1" t="s">
        <v>82077</v>
      </c>
      <c r="B22932" s="1" t="s">
        <v>81949</v>
      </c>
      <c r="C22932" s="1" t="s">
        <v>150</v>
      </c>
      <c r="D22932" s="1" t="s">
        <v>82157</v>
      </c>
      <c r="E22932" s="1" t="s">
        <v>68606</v>
      </c>
      <c r="F22932" s="1" t="s">
        <v>82158</v>
      </c>
      <c r="G22932" s="1" t="s">
        <v>82079</v>
      </c>
      <c r="H22932" s="1" t="s">
        <v>82080</v>
      </c>
      <c r="I22932" s="1" t="s">
        <v>81955</v>
      </c>
      <c r="J22932" s="1" t="s">
        <v>82159</v>
      </c>
    </row>
    <row r="22933" spans="1:10" x14ac:dyDescent="0.35">
      <c r="A22933" s="1" t="s">
        <v>82077</v>
      </c>
      <c r="B22933" s="1" t="s">
        <v>81949</v>
      </c>
      <c r="C22933" s="1" t="s">
        <v>155</v>
      </c>
      <c r="D22933" s="1" t="s">
        <v>52802</v>
      </c>
      <c r="E22933" s="1" t="s">
        <v>21174</v>
      </c>
      <c r="F22933" s="1" t="s">
        <v>82160</v>
      </c>
      <c r="G22933" s="1" t="s">
        <v>82079</v>
      </c>
      <c r="H22933" s="1" t="s">
        <v>82080</v>
      </c>
      <c r="I22933" s="1" t="s">
        <v>81955</v>
      </c>
      <c r="J22933" s="1" t="s">
        <v>82161</v>
      </c>
    </row>
    <row r="22934" spans="1:10" x14ac:dyDescent="0.35">
      <c r="A22934" s="1" t="s">
        <v>82077</v>
      </c>
      <c r="B22934" s="1" t="s">
        <v>81949</v>
      </c>
      <c r="C22934" s="1" t="s">
        <v>160</v>
      </c>
      <c r="D22934" s="1" t="s">
        <v>82162</v>
      </c>
      <c r="E22934" s="1" t="s">
        <v>57930</v>
      </c>
      <c r="F22934" s="1" t="s">
        <v>64225</v>
      </c>
      <c r="G22934" s="1" t="s">
        <v>82079</v>
      </c>
      <c r="H22934" s="1" t="s">
        <v>82080</v>
      </c>
      <c r="I22934" s="1" t="s">
        <v>81955</v>
      </c>
      <c r="J22934" s="1" t="s">
        <v>82163</v>
      </c>
    </row>
    <row r="22935" spans="1:10" x14ac:dyDescent="0.35">
      <c r="A22935" s="1" t="s">
        <v>82077</v>
      </c>
      <c r="B22935" s="1" t="s">
        <v>81949</v>
      </c>
      <c r="C22935" s="1" t="s">
        <v>165</v>
      </c>
      <c r="D22935" s="1" t="s">
        <v>82164</v>
      </c>
      <c r="E22935" s="1" t="s">
        <v>21090</v>
      </c>
      <c r="F22935" s="1" t="s">
        <v>56693</v>
      </c>
      <c r="G22935" s="1" t="s">
        <v>82079</v>
      </c>
      <c r="H22935" s="1" t="s">
        <v>82080</v>
      </c>
      <c r="I22935" s="1" t="s">
        <v>81955</v>
      </c>
      <c r="J22935" s="1" t="s">
        <v>82165</v>
      </c>
    </row>
    <row r="22936" spans="1:10" x14ac:dyDescent="0.35">
      <c r="A22936" s="1" t="s">
        <v>82077</v>
      </c>
      <c r="B22936" s="1" t="s">
        <v>81949</v>
      </c>
      <c r="C22936" s="1" t="s">
        <v>170</v>
      </c>
      <c r="D22936" s="1" t="s">
        <v>82166</v>
      </c>
      <c r="E22936" s="1" t="s">
        <v>82167</v>
      </c>
      <c r="F22936" s="1" t="s">
        <v>82168</v>
      </c>
      <c r="G22936" s="1" t="s">
        <v>82079</v>
      </c>
      <c r="H22936" s="1" t="s">
        <v>82080</v>
      </c>
      <c r="I22936" s="1" t="s">
        <v>81955</v>
      </c>
      <c r="J22936" s="1" t="s">
        <v>82169</v>
      </c>
    </row>
    <row r="22937" spans="1:10" x14ac:dyDescent="0.35">
      <c r="A22937" s="1" t="s">
        <v>82170</v>
      </c>
      <c r="B22937" s="1" t="s">
        <v>81949</v>
      </c>
      <c r="C22937" s="1" t="s">
        <v>8</v>
      </c>
      <c r="D22937" s="1" t="s">
        <v>82171</v>
      </c>
      <c r="E22937" s="1" t="s">
        <v>82172</v>
      </c>
      <c r="F22937" s="1" t="s">
        <v>82173</v>
      </c>
      <c r="G22937" s="1" t="s">
        <v>82174</v>
      </c>
      <c r="H22937" s="1" t="s">
        <v>82175</v>
      </c>
      <c r="I22937" s="1" t="s">
        <v>81955</v>
      </c>
      <c r="J22937" s="1" t="s">
        <v>13</v>
      </c>
    </row>
    <row r="22938" spans="1:10" x14ac:dyDescent="0.35">
      <c r="A22938" s="1" t="s">
        <v>82170</v>
      </c>
      <c r="B22938" s="1" t="s">
        <v>81949</v>
      </c>
      <c r="C22938" s="1" t="s">
        <v>15</v>
      </c>
      <c r="D22938" s="1" t="s">
        <v>50220</v>
      </c>
      <c r="E22938" s="1" t="s">
        <v>82176</v>
      </c>
      <c r="F22938" s="1" t="s">
        <v>82177</v>
      </c>
      <c r="G22938" s="1" t="s">
        <v>82174</v>
      </c>
      <c r="H22938" s="1" t="s">
        <v>82175</v>
      </c>
      <c r="I22938" s="1" t="s">
        <v>81955</v>
      </c>
      <c r="J22938" s="1" t="s">
        <v>82178</v>
      </c>
    </row>
    <row r="22939" spans="1:10" x14ac:dyDescent="0.35">
      <c r="A22939" s="1" t="s">
        <v>82170</v>
      </c>
      <c r="B22939" s="1" t="s">
        <v>81949</v>
      </c>
      <c r="C22939" s="1" t="s">
        <v>20</v>
      </c>
      <c r="D22939" s="1" t="s">
        <v>82179</v>
      </c>
      <c r="E22939" s="1" t="s">
        <v>82180</v>
      </c>
      <c r="F22939" s="1" t="s">
        <v>82181</v>
      </c>
      <c r="G22939" s="1" t="s">
        <v>82174</v>
      </c>
      <c r="H22939" s="1" t="s">
        <v>82175</v>
      </c>
      <c r="I22939" s="1" t="s">
        <v>81955</v>
      </c>
      <c r="J22939" s="1" t="s">
        <v>82182</v>
      </c>
    </row>
    <row r="22940" spans="1:10" x14ac:dyDescent="0.35">
      <c r="A22940" s="1" t="s">
        <v>82170</v>
      </c>
      <c r="B22940" s="1" t="s">
        <v>81949</v>
      </c>
      <c r="C22940" s="1" t="s">
        <v>25</v>
      </c>
      <c r="D22940" s="1" t="s">
        <v>82183</v>
      </c>
      <c r="E22940" s="1" t="s">
        <v>82184</v>
      </c>
      <c r="F22940" s="1" t="s">
        <v>82185</v>
      </c>
      <c r="G22940" s="1" t="s">
        <v>82174</v>
      </c>
      <c r="H22940" s="1" t="s">
        <v>82175</v>
      </c>
      <c r="I22940" s="1" t="s">
        <v>81955</v>
      </c>
      <c r="J22940" s="1" t="s">
        <v>82186</v>
      </c>
    </row>
    <row r="22941" spans="1:10" x14ac:dyDescent="0.35">
      <c r="A22941" s="1" t="s">
        <v>82170</v>
      </c>
      <c r="B22941" s="1" t="s">
        <v>81949</v>
      </c>
      <c r="C22941" s="1" t="s">
        <v>30</v>
      </c>
      <c r="D22941" s="1" t="s">
        <v>82187</v>
      </c>
      <c r="E22941" s="1" t="s">
        <v>82188</v>
      </c>
      <c r="F22941" s="1" t="s">
        <v>82189</v>
      </c>
      <c r="G22941" s="1" t="s">
        <v>82174</v>
      </c>
      <c r="H22941" s="1" t="s">
        <v>82175</v>
      </c>
      <c r="I22941" s="1" t="s">
        <v>81955</v>
      </c>
      <c r="J22941" s="1" t="s">
        <v>82190</v>
      </c>
    </row>
    <row r="22942" spans="1:10" x14ac:dyDescent="0.35">
      <c r="A22942" s="1" t="s">
        <v>82170</v>
      </c>
      <c r="B22942" s="1" t="s">
        <v>81949</v>
      </c>
      <c r="C22942" s="1" t="s">
        <v>35</v>
      </c>
      <c r="D22942" s="1" t="s">
        <v>49274</v>
      </c>
      <c r="E22942" s="1" t="s">
        <v>82191</v>
      </c>
      <c r="F22942" s="1" t="s">
        <v>82192</v>
      </c>
      <c r="G22942" s="1" t="s">
        <v>82174</v>
      </c>
      <c r="H22942" s="1" t="s">
        <v>82175</v>
      </c>
      <c r="I22942" s="1" t="s">
        <v>81955</v>
      </c>
      <c r="J22942" s="1" t="s">
        <v>82193</v>
      </c>
    </row>
    <row r="22943" spans="1:10" x14ac:dyDescent="0.35">
      <c r="A22943" s="1" t="s">
        <v>82170</v>
      </c>
      <c r="B22943" s="1" t="s">
        <v>81949</v>
      </c>
      <c r="C22943" s="1" t="s">
        <v>40</v>
      </c>
      <c r="D22943" s="1" t="s">
        <v>33473</v>
      </c>
      <c r="E22943" s="1" t="s">
        <v>82194</v>
      </c>
      <c r="F22943" s="1" t="s">
        <v>82195</v>
      </c>
      <c r="G22943" s="1" t="s">
        <v>82174</v>
      </c>
      <c r="H22943" s="1" t="s">
        <v>82175</v>
      </c>
      <c r="I22943" s="1" t="s">
        <v>81955</v>
      </c>
      <c r="J22943" s="1" t="s">
        <v>82196</v>
      </c>
    </row>
    <row r="22944" spans="1:10" x14ac:dyDescent="0.35">
      <c r="A22944" s="1" t="s">
        <v>82170</v>
      </c>
      <c r="B22944" s="1" t="s">
        <v>81949</v>
      </c>
      <c r="C22944" s="1" t="s">
        <v>45</v>
      </c>
      <c r="D22944" s="1" t="s">
        <v>82197</v>
      </c>
      <c r="E22944" s="1" t="s">
        <v>82198</v>
      </c>
      <c r="F22944" s="1" t="s">
        <v>82199</v>
      </c>
      <c r="G22944" s="1" t="s">
        <v>82174</v>
      </c>
      <c r="H22944" s="1" t="s">
        <v>82175</v>
      </c>
      <c r="I22944" s="1" t="s">
        <v>81955</v>
      </c>
      <c r="J22944" s="1" t="s">
        <v>82200</v>
      </c>
    </row>
    <row r="22945" spans="1:10" x14ac:dyDescent="0.35">
      <c r="A22945" s="1" t="s">
        <v>82170</v>
      </c>
      <c r="B22945" s="1" t="s">
        <v>81949</v>
      </c>
      <c r="C22945" s="1" t="s">
        <v>50</v>
      </c>
      <c r="D22945" s="1" t="s">
        <v>82201</v>
      </c>
      <c r="E22945" s="1" t="s">
        <v>82202</v>
      </c>
      <c r="F22945" s="1" t="s">
        <v>82203</v>
      </c>
      <c r="G22945" s="1" t="s">
        <v>82174</v>
      </c>
      <c r="H22945" s="1" t="s">
        <v>82175</v>
      </c>
      <c r="I22945" s="1" t="s">
        <v>81955</v>
      </c>
      <c r="J22945" s="1" t="s">
        <v>82204</v>
      </c>
    </row>
    <row r="22946" spans="1:10" x14ac:dyDescent="0.35">
      <c r="A22946" s="1" t="s">
        <v>82170</v>
      </c>
      <c r="B22946" s="1" t="s">
        <v>81949</v>
      </c>
      <c r="C22946" s="1" t="s">
        <v>55</v>
      </c>
      <c r="D22946" s="1" t="s">
        <v>82205</v>
      </c>
      <c r="E22946" s="1" t="s">
        <v>82206</v>
      </c>
      <c r="F22946" s="1" t="s">
        <v>82207</v>
      </c>
      <c r="G22946" s="1" t="s">
        <v>82174</v>
      </c>
      <c r="H22946" s="1" t="s">
        <v>82175</v>
      </c>
      <c r="I22946" s="1" t="s">
        <v>81955</v>
      </c>
      <c r="J22946" s="1" t="s">
        <v>82208</v>
      </c>
    </row>
    <row r="22947" spans="1:10" x14ac:dyDescent="0.35">
      <c r="A22947" s="1" t="s">
        <v>82170</v>
      </c>
      <c r="B22947" s="1" t="s">
        <v>81949</v>
      </c>
      <c r="C22947" s="1" t="s">
        <v>60</v>
      </c>
      <c r="D22947" s="1" t="s">
        <v>82209</v>
      </c>
      <c r="E22947" s="1" t="s">
        <v>82210</v>
      </c>
      <c r="F22947" s="1" t="s">
        <v>82211</v>
      </c>
      <c r="G22947" s="1" t="s">
        <v>82174</v>
      </c>
      <c r="H22947" s="1" t="s">
        <v>82175</v>
      </c>
      <c r="I22947" s="1" t="s">
        <v>81955</v>
      </c>
      <c r="J22947" s="1" t="s">
        <v>82212</v>
      </c>
    </row>
    <row r="22948" spans="1:10" x14ac:dyDescent="0.35">
      <c r="A22948" s="1" t="s">
        <v>82170</v>
      </c>
      <c r="B22948" s="1" t="s">
        <v>81949</v>
      </c>
      <c r="C22948" s="1" t="s">
        <v>65</v>
      </c>
      <c r="D22948" s="1" t="s">
        <v>82213</v>
      </c>
      <c r="E22948" s="1" t="s">
        <v>82214</v>
      </c>
      <c r="F22948" s="1" t="s">
        <v>82215</v>
      </c>
      <c r="G22948" s="1" t="s">
        <v>82174</v>
      </c>
      <c r="H22948" s="1" t="s">
        <v>82175</v>
      </c>
      <c r="I22948" s="1" t="s">
        <v>81955</v>
      </c>
      <c r="J22948" s="1" t="s">
        <v>82216</v>
      </c>
    </row>
    <row r="22949" spans="1:10" x14ac:dyDescent="0.35">
      <c r="A22949" s="1" t="s">
        <v>82170</v>
      </c>
      <c r="B22949" s="1" t="s">
        <v>81949</v>
      </c>
      <c r="C22949" s="1" t="s">
        <v>70</v>
      </c>
      <c r="D22949" s="1" t="s">
        <v>31559</v>
      </c>
      <c r="E22949" s="1" t="s">
        <v>82217</v>
      </c>
      <c r="F22949" s="1" t="s">
        <v>82218</v>
      </c>
      <c r="G22949" s="1" t="s">
        <v>82174</v>
      </c>
      <c r="H22949" s="1" t="s">
        <v>82175</v>
      </c>
      <c r="I22949" s="1" t="s">
        <v>81955</v>
      </c>
      <c r="J22949" s="1" t="s">
        <v>82219</v>
      </c>
    </row>
    <row r="22950" spans="1:10" x14ac:dyDescent="0.35">
      <c r="A22950" s="1" t="s">
        <v>82170</v>
      </c>
      <c r="B22950" s="1" t="s">
        <v>81949</v>
      </c>
      <c r="C22950" s="1" t="s">
        <v>75</v>
      </c>
      <c r="D22950" s="1" t="s">
        <v>73420</v>
      </c>
      <c r="E22950" s="1" t="s">
        <v>82220</v>
      </c>
      <c r="F22950" s="1" t="s">
        <v>82221</v>
      </c>
      <c r="G22950" s="1" t="s">
        <v>82174</v>
      </c>
      <c r="H22950" s="1" t="s">
        <v>82175</v>
      </c>
      <c r="I22950" s="1" t="s">
        <v>81955</v>
      </c>
      <c r="J22950" s="1" t="s">
        <v>82222</v>
      </c>
    </row>
    <row r="22951" spans="1:10" x14ac:dyDescent="0.35">
      <c r="A22951" s="1" t="s">
        <v>82170</v>
      </c>
      <c r="B22951" s="1" t="s">
        <v>81949</v>
      </c>
      <c r="C22951" s="1" t="s">
        <v>80</v>
      </c>
      <c r="D22951" s="1" t="s">
        <v>82223</v>
      </c>
      <c r="E22951" s="1" t="s">
        <v>82224</v>
      </c>
      <c r="F22951" s="1" t="s">
        <v>82225</v>
      </c>
      <c r="G22951" s="1" t="s">
        <v>82174</v>
      </c>
      <c r="H22951" s="1" t="s">
        <v>82175</v>
      </c>
      <c r="I22951" s="1" t="s">
        <v>81955</v>
      </c>
      <c r="J22951" s="1" t="s">
        <v>82226</v>
      </c>
    </row>
    <row r="22952" spans="1:10" x14ac:dyDescent="0.35">
      <c r="A22952" s="1" t="s">
        <v>82170</v>
      </c>
      <c r="B22952" s="1" t="s">
        <v>81949</v>
      </c>
      <c r="C22952" s="1" t="s">
        <v>85</v>
      </c>
      <c r="D22952" s="1" t="s">
        <v>82227</v>
      </c>
      <c r="E22952" s="1" t="s">
        <v>82228</v>
      </c>
      <c r="F22952" s="1" t="s">
        <v>82229</v>
      </c>
      <c r="G22952" s="1" t="s">
        <v>82174</v>
      </c>
      <c r="H22952" s="1" t="s">
        <v>82175</v>
      </c>
      <c r="I22952" s="1" t="s">
        <v>81955</v>
      </c>
      <c r="J22952" s="1" t="s">
        <v>82230</v>
      </c>
    </row>
    <row r="22953" spans="1:10" x14ac:dyDescent="0.35">
      <c r="A22953" s="1" t="s">
        <v>82170</v>
      </c>
      <c r="B22953" s="1" t="s">
        <v>81949</v>
      </c>
      <c r="C22953" s="1" t="s">
        <v>90</v>
      </c>
      <c r="D22953" s="1" t="s">
        <v>82231</v>
      </c>
      <c r="E22953" s="1" t="s">
        <v>82232</v>
      </c>
      <c r="F22953" s="1" t="s">
        <v>82233</v>
      </c>
      <c r="G22953" s="1" t="s">
        <v>82174</v>
      </c>
      <c r="H22953" s="1" t="s">
        <v>82175</v>
      </c>
      <c r="I22953" s="1" t="s">
        <v>81955</v>
      </c>
      <c r="J22953" s="1" t="s">
        <v>82234</v>
      </c>
    </row>
    <row r="22954" spans="1:10" x14ac:dyDescent="0.35">
      <c r="A22954" s="1" t="s">
        <v>82170</v>
      </c>
      <c r="B22954" s="1" t="s">
        <v>81949</v>
      </c>
      <c r="C22954" s="1" t="s">
        <v>95</v>
      </c>
      <c r="D22954" s="1" t="s">
        <v>82235</v>
      </c>
      <c r="E22954" s="1" t="s">
        <v>82236</v>
      </c>
      <c r="F22954" s="1" t="s">
        <v>82237</v>
      </c>
      <c r="G22954" s="1" t="s">
        <v>82174</v>
      </c>
      <c r="H22954" s="1" t="s">
        <v>82175</v>
      </c>
      <c r="I22954" s="1" t="s">
        <v>81955</v>
      </c>
      <c r="J22954" s="1" t="s">
        <v>82238</v>
      </c>
    </row>
    <row r="22955" spans="1:10" x14ac:dyDescent="0.35">
      <c r="A22955" s="1" t="s">
        <v>82170</v>
      </c>
      <c r="B22955" s="1" t="s">
        <v>81949</v>
      </c>
      <c r="C22955" s="1" t="s">
        <v>100</v>
      </c>
      <c r="D22955" s="1" t="s">
        <v>82239</v>
      </c>
      <c r="E22955" s="1" t="s">
        <v>82240</v>
      </c>
      <c r="F22955" s="1" t="s">
        <v>82241</v>
      </c>
      <c r="G22955" s="1" t="s">
        <v>82174</v>
      </c>
      <c r="H22955" s="1" t="s">
        <v>82175</v>
      </c>
      <c r="I22955" s="1" t="s">
        <v>81955</v>
      </c>
      <c r="J22955" s="1" t="s">
        <v>82242</v>
      </c>
    </row>
    <row r="22956" spans="1:10" x14ac:dyDescent="0.35">
      <c r="A22956" s="1" t="s">
        <v>82170</v>
      </c>
      <c r="B22956" s="1" t="s">
        <v>81949</v>
      </c>
      <c r="C22956" s="1" t="s">
        <v>105</v>
      </c>
      <c r="D22956" s="1" t="s">
        <v>82243</v>
      </c>
      <c r="E22956" s="1" t="s">
        <v>82244</v>
      </c>
      <c r="F22956" s="1" t="s">
        <v>82245</v>
      </c>
      <c r="G22956" s="1" t="s">
        <v>82174</v>
      </c>
      <c r="H22956" s="1" t="s">
        <v>82175</v>
      </c>
      <c r="I22956" s="1" t="s">
        <v>81955</v>
      </c>
      <c r="J22956" s="1" t="s">
        <v>82246</v>
      </c>
    </row>
    <row r="22957" spans="1:10" x14ac:dyDescent="0.35">
      <c r="A22957" s="1" t="s">
        <v>82170</v>
      </c>
      <c r="B22957" s="1" t="s">
        <v>81949</v>
      </c>
      <c r="C22957" s="1" t="s">
        <v>110</v>
      </c>
      <c r="D22957" s="1" t="s">
        <v>30830</v>
      </c>
      <c r="E22957" s="1" t="s">
        <v>82247</v>
      </c>
      <c r="F22957" s="1" t="s">
        <v>82248</v>
      </c>
      <c r="G22957" s="1" t="s">
        <v>82174</v>
      </c>
      <c r="H22957" s="1" t="s">
        <v>82175</v>
      </c>
      <c r="I22957" s="1" t="s">
        <v>81955</v>
      </c>
      <c r="J22957" s="1" t="s">
        <v>82249</v>
      </c>
    </row>
    <row r="22958" spans="1:10" x14ac:dyDescent="0.35">
      <c r="A22958" s="1" t="s">
        <v>82170</v>
      </c>
      <c r="B22958" s="1" t="s">
        <v>81949</v>
      </c>
      <c r="C22958" s="1" t="s">
        <v>115</v>
      </c>
      <c r="D22958" s="1" t="s">
        <v>82250</v>
      </c>
      <c r="E22958" s="1" t="s">
        <v>82251</v>
      </c>
      <c r="F22958" s="1" t="s">
        <v>82252</v>
      </c>
      <c r="G22958" s="1" t="s">
        <v>82174</v>
      </c>
      <c r="H22958" s="1" t="s">
        <v>82175</v>
      </c>
      <c r="I22958" s="1" t="s">
        <v>81955</v>
      </c>
      <c r="J22958" s="1" t="s">
        <v>82253</v>
      </c>
    </row>
    <row r="22959" spans="1:10" x14ac:dyDescent="0.35">
      <c r="A22959" s="1" t="s">
        <v>82170</v>
      </c>
      <c r="B22959" s="1" t="s">
        <v>81949</v>
      </c>
      <c r="C22959" s="1" t="s">
        <v>120</v>
      </c>
      <c r="D22959" s="1" t="s">
        <v>82254</v>
      </c>
      <c r="E22959" s="1" t="s">
        <v>82255</v>
      </c>
      <c r="F22959" s="1" t="s">
        <v>82256</v>
      </c>
      <c r="G22959" s="1" t="s">
        <v>82174</v>
      </c>
      <c r="H22959" s="1" t="s">
        <v>82175</v>
      </c>
      <c r="I22959" s="1" t="s">
        <v>81955</v>
      </c>
      <c r="J22959" s="1" t="s">
        <v>82257</v>
      </c>
    </row>
    <row r="22960" spans="1:10" x14ac:dyDescent="0.35">
      <c r="A22960" s="1" t="s">
        <v>82170</v>
      </c>
      <c r="B22960" s="1" t="s">
        <v>81949</v>
      </c>
      <c r="C22960" s="1" t="s">
        <v>125</v>
      </c>
      <c r="D22960" s="1" t="s">
        <v>82258</v>
      </c>
      <c r="E22960" s="1" t="s">
        <v>82259</v>
      </c>
      <c r="F22960" s="1" t="s">
        <v>82260</v>
      </c>
      <c r="G22960" s="1" t="s">
        <v>82174</v>
      </c>
      <c r="H22960" s="1" t="s">
        <v>82175</v>
      </c>
      <c r="I22960" s="1" t="s">
        <v>81955</v>
      </c>
      <c r="J22960" s="1" t="s">
        <v>82261</v>
      </c>
    </row>
    <row r="22961" spans="1:10" x14ac:dyDescent="0.35">
      <c r="A22961" s="1" t="s">
        <v>82170</v>
      </c>
      <c r="B22961" s="1" t="s">
        <v>81949</v>
      </c>
      <c r="C22961" s="1" t="s">
        <v>130</v>
      </c>
      <c r="D22961" s="1" t="s">
        <v>11679</v>
      </c>
      <c r="E22961" s="1" t="s">
        <v>82262</v>
      </c>
      <c r="F22961" s="1" t="s">
        <v>82263</v>
      </c>
      <c r="G22961" s="1" t="s">
        <v>82174</v>
      </c>
      <c r="H22961" s="1" t="s">
        <v>82175</v>
      </c>
      <c r="I22961" s="1" t="s">
        <v>81955</v>
      </c>
      <c r="J22961" s="1" t="s">
        <v>82264</v>
      </c>
    </row>
    <row r="22962" spans="1:10" x14ac:dyDescent="0.35">
      <c r="A22962" s="1" t="s">
        <v>82170</v>
      </c>
      <c r="B22962" s="1" t="s">
        <v>81949</v>
      </c>
      <c r="C22962" s="1" t="s">
        <v>135</v>
      </c>
      <c r="D22962" s="1" t="s">
        <v>82265</v>
      </c>
      <c r="E22962" s="1" t="s">
        <v>82266</v>
      </c>
      <c r="F22962" s="1" t="s">
        <v>82267</v>
      </c>
      <c r="G22962" s="1" t="s">
        <v>82174</v>
      </c>
      <c r="H22962" s="1" t="s">
        <v>82175</v>
      </c>
      <c r="I22962" s="1" t="s">
        <v>81955</v>
      </c>
      <c r="J22962" s="1" t="s">
        <v>82268</v>
      </c>
    </row>
    <row r="22963" spans="1:10" x14ac:dyDescent="0.35">
      <c r="A22963" s="1" t="s">
        <v>82170</v>
      </c>
      <c r="B22963" s="1" t="s">
        <v>81949</v>
      </c>
      <c r="C22963" s="1" t="s">
        <v>140</v>
      </c>
      <c r="D22963" s="1" t="s">
        <v>82269</v>
      </c>
      <c r="E22963" s="1" t="s">
        <v>82270</v>
      </c>
      <c r="F22963" s="1" t="s">
        <v>82271</v>
      </c>
      <c r="G22963" s="1" t="s">
        <v>82174</v>
      </c>
      <c r="H22963" s="1" t="s">
        <v>82175</v>
      </c>
      <c r="I22963" s="1" t="s">
        <v>81955</v>
      </c>
      <c r="J22963" s="1" t="s">
        <v>82272</v>
      </c>
    </row>
    <row r="22964" spans="1:10" x14ac:dyDescent="0.35">
      <c r="A22964" s="1" t="s">
        <v>82170</v>
      </c>
      <c r="B22964" s="1" t="s">
        <v>81949</v>
      </c>
      <c r="C22964" s="1" t="s">
        <v>145</v>
      </c>
      <c r="D22964" s="1" t="s">
        <v>82273</v>
      </c>
      <c r="E22964" s="1" t="s">
        <v>82274</v>
      </c>
      <c r="F22964" s="1" t="s">
        <v>82275</v>
      </c>
      <c r="G22964" s="1" t="s">
        <v>82174</v>
      </c>
      <c r="H22964" s="1" t="s">
        <v>82175</v>
      </c>
      <c r="I22964" s="1" t="s">
        <v>81955</v>
      </c>
      <c r="J22964" s="1" t="s">
        <v>82276</v>
      </c>
    </row>
    <row r="22965" spans="1:10" x14ac:dyDescent="0.35">
      <c r="A22965" s="1" t="s">
        <v>82170</v>
      </c>
      <c r="B22965" s="1" t="s">
        <v>81949</v>
      </c>
      <c r="C22965" s="1" t="s">
        <v>150</v>
      </c>
      <c r="D22965" s="1" t="s">
        <v>82277</v>
      </c>
      <c r="E22965" s="1" t="s">
        <v>82278</v>
      </c>
      <c r="F22965" s="1" t="s">
        <v>82279</v>
      </c>
      <c r="G22965" s="1" t="s">
        <v>82174</v>
      </c>
      <c r="H22965" s="1" t="s">
        <v>82175</v>
      </c>
      <c r="I22965" s="1" t="s">
        <v>81955</v>
      </c>
      <c r="J22965" s="1" t="s">
        <v>82280</v>
      </c>
    </row>
    <row r="22966" spans="1:10" x14ac:dyDescent="0.35">
      <c r="A22966" s="1" t="s">
        <v>82170</v>
      </c>
      <c r="B22966" s="1" t="s">
        <v>81949</v>
      </c>
      <c r="C22966" s="1" t="s">
        <v>155</v>
      </c>
      <c r="D22966" s="1" t="s">
        <v>82281</v>
      </c>
      <c r="E22966" s="1" t="s">
        <v>82282</v>
      </c>
      <c r="F22966" s="1" t="s">
        <v>82283</v>
      </c>
      <c r="G22966" s="1" t="s">
        <v>82174</v>
      </c>
      <c r="H22966" s="1" t="s">
        <v>82175</v>
      </c>
      <c r="I22966" s="1" t="s">
        <v>81955</v>
      </c>
      <c r="J22966" s="1" t="s">
        <v>82284</v>
      </c>
    </row>
    <row r="22967" spans="1:10" x14ac:dyDescent="0.35">
      <c r="A22967" s="1" t="s">
        <v>82170</v>
      </c>
      <c r="B22967" s="1" t="s">
        <v>81949</v>
      </c>
      <c r="C22967" s="1" t="s">
        <v>160</v>
      </c>
      <c r="D22967" s="1" t="s">
        <v>82285</v>
      </c>
      <c r="E22967" s="1" t="s">
        <v>82286</v>
      </c>
      <c r="F22967" s="1" t="s">
        <v>82287</v>
      </c>
      <c r="G22967" s="1" t="s">
        <v>82174</v>
      </c>
      <c r="H22967" s="1" t="s">
        <v>82175</v>
      </c>
      <c r="I22967" s="1" t="s">
        <v>81955</v>
      </c>
      <c r="J22967" s="1" t="s">
        <v>82288</v>
      </c>
    </row>
    <row r="22968" spans="1:10" x14ac:dyDescent="0.35">
      <c r="A22968" s="1" t="s">
        <v>82170</v>
      </c>
      <c r="B22968" s="1" t="s">
        <v>81949</v>
      </c>
      <c r="C22968" s="1" t="s">
        <v>165</v>
      </c>
      <c r="D22968" s="1" t="s">
        <v>82289</v>
      </c>
      <c r="E22968" s="1" t="s">
        <v>82290</v>
      </c>
      <c r="F22968" s="1" t="s">
        <v>82291</v>
      </c>
      <c r="G22968" s="1" t="s">
        <v>82174</v>
      </c>
      <c r="H22968" s="1" t="s">
        <v>82175</v>
      </c>
      <c r="I22968" s="1" t="s">
        <v>81955</v>
      </c>
      <c r="J22968" s="1" t="s">
        <v>82292</v>
      </c>
    </row>
    <row r="22969" spans="1:10" x14ac:dyDescent="0.35">
      <c r="A22969" s="1" t="s">
        <v>82170</v>
      </c>
      <c r="B22969" s="1" t="s">
        <v>81949</v>
      </c>
      <c r="C22969" s="1" t="s">
        <v>170</v>
      </c>
      <c r="D22969" s="1" t="s">
        <v>82293</v>
      </c>
      <c r="E22969" s="1" t="s">
        <v>82294</v>
      </c>
      <c r="F22969" s="1" t="s">
        <v>82295</v>
      </c>
      <c r="G22969" s="1" t="s">
        <v>82174</v>
      </c>
      <c r="H22969" s="1" t="s">
        <v>82175</v>
      </c>
      <c r="I22969" s="1" t="s">
        <v>81955</v>
      </c>
      <c r="J22969" s="1" t="s">
        <v>82296</v>
      </c>
    </row>
    <row r="22970" spans="1:10" x14ac:dyDescent="0.35">
      <c r="A22970" s="1" t="s">
        <v>1801</v>
      </c>
      <c r="B22970" s="1" t="s">
        <v>81949</v>
      </c>
      <c r="C22970" s="1" t="s">
        <v>8</v>
      </c>
      <c r="D22970" s="1" t="s">
        <v>15251</v>
      </c>
      <c r="E22970" s="1" t="s">
        <v>82297</v>
      </c>
      <c r="F22970" s="1" t="s">
        <v>82298</v>
      </c>
      <c r="G22970" s="1" t="s">
        <v>82299</v>
      </c>
      <c r="H22970" s="1" t="s">
        <v>82300</v>
      </c>
      <c r="I22970" s="1" t="s">
        <v>81955</v>
      </c>
      <c r="J22970" s="1" t="s">
        <v>13</v>
      </c>
    </row>
    <row r="22971" spans="1:10" x14ac:dyDescent="0.35">
      <c r="A22971" s="1" t="s">
        <v>1801</v>
      </c>
      <c r="B22971" s="1" t="s">
        <v>81949</v>
      </c>
      <c r="C22971" s="1" t="s">
        <v>15</v>
      </c>
      <c r="D22971" s="1" t="s">
        <v>82301</v>
      </c>
      <c r="E22971" s="1" t="s">
        <v>82302</v>
      </c>
      <c r="F22971" s="1" t="s">
        <v>82303</v>
      </c>
      <c r="G22971" s="1" t="s">
        <v>82299</v>
      </c>
      <c r="H22971" s="1" t="s">
        <v>82300</v>
      </c>
      <c r="I22971" s="1" t="s">
        <v>81955</v>
      </c>
      <c r="J22971" s="1" t="s">
        <v>82304</v>
      </c>
    </row>
    <row r="22972" spans="1:10" x14ac:dyDescent="0.35">
      <c r="A22972" s="1" t="s">
        <v>1801</v>
      </c>
      <c r="B22972" s="1" t="s">
        <v>81949</v>
      </c>
      <c r="C22972" s="1" t="s">
        <v>20</v>
      </c>
      <c r="D22972" s="1" t="s">
        <v>82305</v>
      </c>
      <c r="E22972" s="1" t="s">
        <v>82306</v>
      </c>
      <c r="F22972" s="1" t="s">
        <v>82307</v>
      </c>
      <c r="G22972" s="1" t="s">
        <v>82299</v>
      </c>
      <c r="H22972" s="1" t="s">
        <v>82300</v>
      </c>
      <c r="I22972" s="1" t="s">
        <v>81955</v>
      </c>
      <c r="J22972" s="1" t="s">
        <v>82308</v>
      </c>
    </row>
    <row r="22973" spans="1:10" x14ac:dyDescent="0.35">
      <c r="A22973" s="1" t="s">
        <v>1801</v>
      </c>
      <c r="B22973" s="1" t="s">
        <v>81949</v>
      </c>
      <c r="C22973" s="1" t="s">
        <v>25</v>
      </c>
      <c r="D22973" s="1" t="s">
        <v>82309</v>
      </c>
      <c r="E22973" s="1" t="s">
        <v>82310</v>
      </c>
      <c r="F22973" s="1" t="s">
        <v>82311</v>
      </c>
      <c r="G22973" s="1" t="s">
        <v>82299</v>
      </c>
      <c r="H22973" s="1" t="s">
        <v>82300</v>
      </c>
      <c r="I22973" s="1" t="s">
        <v>81955</v>
      </c>
      <c r="J22973" s="1" t="s">
        <v>82312</v>
      </c>
    </row>
    <row r="22974" spans="1:10" x14ac:dyDescent="0.35">
      <c r="A22974" s="1" t="s">
        <v>1801</v>
      </c>
      <c r="B22974" s="1" t="s">
        <v>81949</v>
      </c>
      <c r="C22974" s="1" t="s">
        <v>30</v>
      </c>
      <c r="D22974" s="1" t="s">
        <v>33178</v>
      </c>
      <c r="E22974" s="1" t="s">
        <v>82313</v>
      </c>
      <c r="F22974" s="1" t="s">
        <v>82314</v>
      </c>
      <c r="G22974" s="1" t="s">
        <v>82299</v>
      </c>
      <c r="H22974" s="1" t="s">
        <v>82300</v>
      </c>
      <c r="I22974" s="1" t="s">
        <v>81955</v>
      </c>
      <c r="J22974" s="1" t="s">
        <v>82315</v>
      </c>
    </row>
    <row r="22975" spans="1:10" x14ac:dyDescent="0.35">
      <c r="A22975" s="1" t="s">
        <v>1801</v>
      </c>
      <c r="B22975" s="1" t="s">
        <v>81949</v>
      </c>
      <c r="C22975" s="1" t="s">
        <v>35</v>
      </c>
      <c r="D22975" s="1" t="s">
        <v>74108</v>
      </c>
      <c r="E22975" s="1" t="s">
        <v>82316</v>
      </c>
      <c r="F22975" s="1" t="s">
        <v>82317</v>
      </c>
      <c r="G22975" s="1" t="s">
        <v>82299</v>
      </c>
      <c r="H22975" s="1" t="s">
        <v>82300</v>
      </c>
      <c r="I22975" s="1" t="s">
        <v>81955</v>
      </c>
      <c r="J22975" s="1" t="s">
        <v>82318</v>
      </c>
    </row>
    <row r="22976" spans="1:10" x14ac:dyDescent="0.35">
      <c r="A22976" s="1" t="s">
        <v>1801</v>
      </c>
      <c r="B22976" s="1" t="s">
        <v>81949</v>
      </c>
      <c r="C22976" s="1" t="s">
        <v>40</v>
      </c>
      <c r="D22976" s="1" t="s">
        <v>3449</v>
      </c>
      <c r="E22976" s="1" t="s">
        <v>82319</v>
      </c>
      <c r="F22976" s="1" t="s">
        <v>82320</v>
      </c>
      <c r="G22976" s="1" t="s">
        <v>82299</v>
      </c>
      <c r="H22976" s="1" t="s">
        <v>82300</v>
      </c>
      <c r="I22976" s="1" t="s">
        <v>81955</v>
      </c>
      <c r="J22976" s="1" t="s">
        <v>82321</v>
      </c>
    </row>
    <row r="22977" spans="1:10" x14ac:dyDescent="0.35">
      <c r="A22977" s="1" t="s">
        <v>1801</v>
      </c>
      <c r="B22977" s="1" t="s">
        <v>81949</v>
      </c>
      <c r="C22977" s="1" t="s">
        <v>45</v>
      </c>
      <c r="D22977" s="1" t="s">
        <v>37614</v>
      </c>
      <c r="E22977" s="1" t="s">
        <v>82322</v>
      </c>
      <c r="F22977" s="1" t="s">
        <v>82323</v>
      </c>
      <c r="G22977" s="1" t="s">
        <v>82299</v>
      </c>
      <c r="H22977" s="1" t="s">
        <v>82300</v>
      </c>
      <c r="I22977" s="1" t="s">
        <v>81955</v>
      </c>
      <c r="J22977" s="1" t="s">
        <v>82324</v>
      </c>
    </row>
    <row r="22978" spans="1:10" x14ac:dyDescent="0.35">
      <c r="A22978" s="1" t="s">
        <v>1801</v>
      </c>
      <c r="B22978" s="1" t="s">
        <v>81949</v>
      </c>
      <c r="C22978" s="1" t="s">
        <v>50</v>
      </c>
      <c r="D22978" s="1" t="s">
        <v>82325</v>
      </c>
      <c r="E22978" s="1" t="s">
        <v>82326</v>
      </c>
      <c r="F22978" s="1" t="s">
        <v>82327</v>
      </c>
      <c r="G22978" s="1" t="s">
        <v>82299</v>
      </c>
      <c r="H22978" s="1" t="s">
        <v>82300</v>
      </c>
      <c r="I22978" s="1" t="s">
        <v>81955</v>
      </c>
      <c r="J22978" s="1" t="s">
        <v>82328</v>
      </c>
    </row>
    <row r="22979" spans="1:10" x14ac:dyDescent="0.35">
      <c r="A22979" s="1" t="s">
        <v>1801</v>
      </c>
      <c r="B22979" s="1" t="s">
        <v>81949</v>
      </c>
      <c r="C22979" s="1" t="s">
        <v>55</v>
      </c>
      <c r="D22979" s="1" t="s">
        <v>82329</v>
      </c>
      <c r="E22979" s="1" t="s">
        <v>82330</v>
      </c>
      <c r="F22979" s="1" t="s">
        <v>82331</v>
      </c>
      <c r="G22979" s="1" t="s">
        <v>82299</v>
      </c>
      <c r="H22979" s="1" t="s">
        <v>82300</v>
      </c>
      <c r="I22979" s="1" t="s">
        <v>81955</v>
      </c>
      <c r="J22979" s="1" t="s">
        <v>82332</v>
      </c>
    </row>
    <row r="22980" spans="1:10" x14ac:dyDescent="0.35">
      <c r="A22980" s="1" t="s">
        <v>1801</v>
      </c>
      <c r="B22980" s="1" t="s">
        <v>81949</v>
      </c>
      <c r="C22980" s="1" t="s">
        <v>60</v>
      </c>
      <c r="D22980" s="1" t="s">
        <v>19564</v>
      </c>
      <c r="E22980" s="1" t="s">
        <v>82333</v>
      </c>
      <c r="F22980" s="1" t="s">
        <v>82334</v>
      </c>
      <c r="G22980" s="1" t="s">
        <v>82299</v>
      </c>
      <c r="H22980" s="1" t="s">
        <v>82300</v>
      </c>
      <c r="I22980" s="1" t="s">
        <v>81955</v>
      </c>
      <c r="J22980" s="1" t="s">
        <v>82335</v>
      </c>
    </row>
    <row r="22981" spans="1:10" x14ac:dyDescent="0.35">
      <c r="A22981" s="1" t="s">
        <v>1801</v>
      </c>
      <c r="B22981" s="1" t="s">
        <v>81949</v>
      </c>
      <c r="C22981" s="1" t="s">
        <v>65</v>
      </c>
      <c r="D22981" s="1" t="s">
        <v>38874</v>
      </c>
      <c r="E22981" s="1" t="s">
        <v>82336</v>
      </c>
      <c r="F22981" s="1" t="s">
        <v>82337</v>
      </c>
      <c r="G22981" s="1" t="s">
        <v>82299</v>
      </c>
      <c r="H22981" s="1" t="s">
        <v>82300</v>
      </c>
      <c r="I22981" s="1" t="s">
        <v>81955</v>
      </c>
      <c r="J22981" s="1" t="s">
        <v>82338</v>
      </c>
    </row>
    <row r="22982" spans="1:10" x14ac:dyDescent="0.35">
      <c r="A22982" s="1" t="s">
        <v>1801</v>
      </c>
      <c r="B22982" s="1" t="s">
        <v>81949</v>
      </c>
      <c r="C22982" s="1" t="s">
        <v>70</v>
      </c>
      <c r="D22982" s="1" t="s">
        <v>82339</v>
      </c>
      <c r="E22982" s="1" t="s">
        <v>82340</v>
      </c>
      <c r="F22982" s="1" t="s">
        <v>82341</v>
      </c>
      <c r="G22982" s="1" t="s">
        <v>82299</v>
      </c>
      <c r="H22982" s="1" t="s">
        <v>82300</v>
      </c>
      <c r="I22982" s="1" t="s">
        <v>81955</v>
      </c>
      <c r="J22982" s="1" t="s">
        <v>82342</v>
      </c>
    </row>
    <row r="22983" spans="1:10" x14ac:dyDescent="0.35">
      <c r="A22983" s="1" t="s">
        <v>1801</v>
      </c>
      <c r="B22983" s="1" t="s">
        <v>81949</v>
      </c>
      <c r="C22983" s="1" t="s">
        <v>75</v>
      </c>
      <c r="D22983" s="1" t="s">
        <v>648</v>
      </c>
      <c r="E22983" s="1" t="s">
        <v>82343</v>
      </c>
      <c r="F22983" s="1" t="s">
        <v>82344</v>
      </c>
      <c r="G22983" s="1" t="s">
        <v>82299</v>
      </c>
      <c r="H22983" s="1" t="s">
        <v>82300</v>
      </c>
      <c r="I22983" s="1" t="s">
        <v>81955</v>
      </c>
      <c r="J22983" s="1" t="s">
        <v>82345</v>
      </c>
    </row>
    <row r="22984" spans="1:10" x14ac:dyDescent="0.35">
      <c r="A22984" s="1" t="s">
        <v>1801</v>
      </c>
      <c r="B22984" s="1" t="s">
        <v>81949</v>
      </c>
      <c r="C22984" s="1" t="s">
        <v>80</v>
      </c>
      <c r="D22984" s="1" t="s">
        <v>82346</v>
      </c>
      <c r="E22984" s="1" t="s">
        <v>82347</v>
      </c>
      <c r="F22984" s="1" t="s">
        <v>82348</v>
      </c>
      <c r="G22984" s="1" t="s">
        <v>82299</v>
      </c>
      <c r="H22984" s="1" t="s">
        <v>82300</v>
      </c>
      <c r="I22984" s="1" t="s">
        <v>81955</v>
      </c>
      <c r="J22984" s="1" t="s">
        <v>82349</v>
      </c>
    </row>
    <row r="22985" spans="1:10" x14ac:dyDescent="0.35">
      <c r="A22985" s="1" t="s">
        <v>1801</v>
      </c>
      <c r="B22985" s="1" t="s">
        <v>81949</v>
      </c>
      <c r="C22985" s="1" t="s">
        <v>85</v>
      </c>
      <c r="D22985" s="1" t="s">
        <v>15667</v>
      </c>
      <c r="E22985" s="1" t="s">
        <v>82316</v>
      </c>
      <c r="F22985" s="1" t="s">
        <v>82350</v>
      </c>
      <c r="G22985" s="1" t="s">
        <v>82299</v>
      </c>
      <c r="H22985" s="1" t="s">
        <v>82300</v>
      </c>
      <c r="I22985" s="1" t="s">
        <v>81955</v>
      </c>
      <c r="J22985" s="1" t="s">
        <v>82351</v>
      </c>
    </row>
    <row r="22986" spans="1:10" x14ac:dyDescent="0.35">
      <c r="A22986" s="1" t="s">
        <v>1801</v>
      </c>
      <c r="B22986" s="1" t="s">
        <v>81949</v>
      </c>
      <c r="C22986" s="1" t="s">
        <v>90</v>
      </c>
      <c r="D22986" s="1" t="s">
        <v>43670</v>
      </c>
      <c r="E22986" s="1" t="s">
        <v>82352</v>
      </c>
      <c r="F22986" s="1" t="s">
        <v>82353</v>
      </c>
      <c r="G22986" s="1" t="s">
        <v>82299</v>
      </c>
      <c r="H22986" s="1" t="s">
        <v>82300</v>
      </c>
      <c r="I22986" s="1" t="s">
        <v>81955</v>
      </c>
      <c r="J22986" s="1" t="s">
        <v>82354</v>
      </c>
    </row>
    <row r="22987" spans="1:10" x14ac:dyDescent="0.35">
      <c r="A22987" s="1" t="s">
        <v>1801</v>
      </c>
      <c r="B22987" s="1" t="s">
        <v>81949</v>
      </c>
      <c r="C22987" s="1" t="s">
        <v>95</v>
      </c>
      <c r="D22987" s="1" t="s">
        <v>82355</v>
      </c>
      <c r="E22987" s="1" t="s">
        <v>82356</v>
      </c>
      <c r="F22987" s="1" t="s">
        <v>82357</v>
      </c>
      <c r="G22987" s="1" t="s">
        <v>82299</v>
      </c>
      <c r="H22987" s="1" t="s">
        <v>82300</v>
      </c>
      <c r="I22987" s="1" t="s">
        <v>81955</v>
      </c>
      <c r="J22987" s="1" t="s">
        <v>82358</v>
      </c>
    </row>
    <row r="22988" spans="1:10" x14ac:dyDescent="0.35">
      <c r="A22988" s="1" t="s">
        <v>1801</v>
      </c>
      <c r="B22988" s="1" t="s">
        <v>81949</v>
      </c>
      <c r="C22988" s="1" t="s">
        <v>100</v>
      </c>
      <c r="D22988" s="1" t="s">
        <v>30815</v>
      </c>
      <c r="E22988" s="1" t="s">
        <v>82359</v>
      </c>
      <c r="F22988" s="1" t="s">
        <v>82360</v>
      </c>
      <c r="G22988" s="1" t="s">
        <v>82299</v>
      </c>
      <c r="H22988" s="1" t="s">
        <v>82300</v>
      </c>
      <c r="I22988" s="1" t="s">
        <v>81955</v>
      </c>
      <c r="J22988" s="1" t="s">
        <v>82361</v>
      </c>
    </row>
    <row r="22989" spans="1:10" x14ac:dyDescent="0.35">
      <c r="A22989" s="1" t="s">
        <v>1801</v>
      </c>
      <c r="B22989" s="1" t="s">
        <v>81949</v>
      </c>
      <c r="C22989" s="1" t="s">
        <v>105</v>
      </c>
      <c r="D22989" s="1" t="s">
        <v>82362</v>
      </c>
      <c r="E22989" s="1" t="s">
        <v>82363</v>
      </c>
      <c r="F22989" s="1" t="s">
        <v>82364</v>
      </c>
      <c r="G22989" s="1" t="s">
        <v>82299</v>
      </c>
      <c r="H22989" s="1" t="s">
        <v>82300</v>
      </c>
      <c r="I22989" s="1" t="s">
        <v>81955</v>
      </c>
      <c r="J22989" s="1" t="s">
        <v>82365</v>
      </c>
    </row>
    <row r="22990" spans="1:10" x14ac:dyDescent="0.35">
      <c r="A22990" s="1" t="s">
        <v>1801</v>
      </c>
      <c r="B22990" s="1" t="s">
        <v>81949</v>
      </c>
      <c r="C22990" s="1" t="s">
        <v>110</v>
      </c>
      <c r="D22990" s="1" t="s">
        <v>82366</v>
      </c>
      <c r="E22990" s="1" t="s">
        <v>82367</v>
      </c>
      <c r="F22990" s="1" t="s">
        <v>82368</v>
      </c>
      <c r="G22990" s="1" t="s">
        <v>82299</v>
      </c>
      <c r="H22990" s="1" t="s">
        <v>82300</v>
      </c>
      <c r="I22990" s="1" t="s">
        <v>81955</v>
      </c>
      <c r="J22990" s="1" t="s">
        <v>82369</v>
      </c>
    </row>
    <row r="22991" spans="1:10" x14ac:dyDescent="0.35">
      <c r="A22991" s="1" t="s">
        <v>1801</v>
      </c>
      <c r="B22991" s="1" t="s">
        <v>81949</v>
      </c>
      <c r="C22991" s="1" t="s">
        <v>115</v>
      </c>
      <c r="D22991" s="1" t="s">
        <v>71691</v>
      </c>
      <c r="E22991" s="1" t="s">
        <v>82370</v>
      </c>
      <c r="F22991" s="1" t="s">
        <v>82371</v>
      </c>
      <c r="G22991" s="1" t="s">
        <v>82299</v>
      </c>
      <c r="H22991" s="1" t="s">
        <v>82300</v>
      </c>
      <c r="I22991" s="1" t="s">
        <v>81955</v>
      </c>
      <c r="J22991" s="1" t="s">
        <v>82372</v>
      </c>
    </row>
    <row r="22992" spans="1:10" x14ac:dyDescent="0.35">
      <c r="A22992" s="1" t="s">
        <v>1801</v>
      </c>
      <c r="B22992" s="1" t="s">
        <v>81949</v>
      </c>
      <c r="C22992" s="1" t="s">
        <v>120</v>
      </c>
      <c r="D22992" s="1" t="s">
        <v>82373</v>
      </c>
      <c r="E22992" s="1" t="s">
        <v>82374</v>
      </c>
      <c r="F22992" s="1" t="s">
        <v>82375</v>
      </c>
      <c r="G22992" s="1" t="s">
        <v>82299</v>
      </c>
      <c r="H22992" s="1" t="s">
        <v>82300</v>
      </c>
      <c r="I22992" s="1" t="s">
        <v>81955</v>
      </c>
      <c r="J22992" s="1" t="s">
        <v>82376</v>
      </c>
    </row>
    <row r="22993" spans="1:10" x14ac:dyDescent="0.35">
      <c r="A22993" s="1" t="s">
        <v>1801</v>
      </c>
      <c r="B22993" s="1" t="s">
        <v>81949</v>
      </c>
      <c r="C22993" s="1" t="s">
        <v>125</v>
      </c>
      <c r="D22993" s="1" t="s">
        <v>82377</v>
      </c>
      <c r="E22993" s="1" t="s">
        <v>82378</v>
      </c>
      <c r="F22993" s="1" t="s">
        <v>82379</v>
      </c>
      <c r="G22993" s="1" t="s">
        <v>82299</v>
      </c>
      <c r="H22993" s="1" t="s">
        <v>82300</v>
      </c>
      <c r="I22993" s="1" t="s">
        <v>81955</v>
      </c>
      <c r="J22993" s="1" t="s">
        <v>82380</v>
      </c>
    </row>
    <row r="22994" spans="1:10" x14ac:dyDescent="0.35">
      <c r="A22994" s="1" t="s">
        <v>1801</v>
      </c>
      <c r="B22994" s="1" t="s">
        <v>81949</v>
      </c>
      <c r="C22994" s="1" t="s">
        <v>130</v>
      </c>
      <c r="D22994" s="1" t="s">
        <v>48135</v>
      </c>
      <c r="E22994" s="1" t="s">
        <v>82381</v>
      </c>
      <c r="F22994" s="1" t="s">
        <v>82382</v>
      </c>
      <c r="G22994" s="1" t="s">
        <v>82299</v>
      </c>
      <c r="H22994" s="1" t="s">
        <v>82300</v>
      </c>
      <c r="I22994" s="1" t="s">
        <v>81955</v>
      </c>
      <c r="J22994" s="1" t="s">
        <v>82383</v>
      </c>
    </row>
    <row r="22995" spans="1:10" x14ac:dyDescent="0.35">
      <c r="A22995" s="1" t="s">
        <v>1801</v>
      </c>
      <c r="B22995" s="1" t="s">
        <v>81949</v>
      </c>
      <c r="C22995" s="1" t="s">
        <v>135</v>
      </c>
      <c r="D22995" s="1" t="s">
        <v>82384</v>
      </c>
      <c r="E22995" s="1" t="s">
        <v>82385</v>
      </c>
      <c r="F22995" s="1" t="s">
        <v>82386</v>
      </c>
      <c r="G22995" s="1" t="s">
        <v>82299</v>
      </c>
      <c r="H22995" s="1" t="s">
        <v>82300</v>
      </c>
      <c r="I22995" s="1" t="s">
        <v>81955</v>
      </c>
      <c r="J22995" s="1" t="s">
        <v>82387</v>
      </c>
    </row>
    <row r="22996" spans="1:10" x14ac:dyDescent="0.35">
      <c r="A22996" s="1" t="s">
        <v>1801</v>
      </c>
      <c r="B22996" s="1" t="s">
        <v>81949</v>
      </c>
      <c r="C22996" s="1" t="s">
        <v>140</v>
      </c>
      <c r="D22996" s="1" t="s">
        <v>82388</v>
      </c>
      <c r="E22996" s="1" t="s">
        <v>82389</v>
      </c>
      <c r="F22996" s="1" t="s">
        <v>82390</v>
      </c>
      <c r="G22996" s="1" t="s">
        <v>82299</v>
      </c>
      <c r="H22996" s="1" t="s">
        <v>82300</v>
      </c>
      <c r="I22996" s="1" t="s">
        <v>81955</v>
      </c>
      <c r="J22996" s="1" t="s">
        <v>82391</v>
      </c>
    </row>
    <row r="22997" spans="1:10" x14ac:dyDescent="0.35">
      <c r="A22997" s="1" t="s">
        <v>1801</v>
      </c>
      <c r="B22997" s="1" t="s">
        <v>81949</v>
      </c>
      <c r="C22997" s="1" t="s">
        <v>145</v>
      </c>
      <c r="D22997" s="1" t="s">
        <v>82392</v>
      </c>
      <c r="E22997" s="1" t="s">
        <v>82393</v>
      </c>
      <c r="F22997" s="1" t="s">
        <v>82394</v>
      </c>
      <c r="G22997" s="1" t="s">
        <v>82299</v>
      </c>
      <c r="H22997" s="1" t="s">
        <v>82300</v>
      </c>
      <c r="I22997" s="1" t="s">
        <v>81955</v>
      </c>
      <c r="J22997" s="1" t="s">
        <v>82395</v>
      </c>
    </row>
    <row r="22998" spans="1:10" x14ac:dyDescent="0.35">
      <c r="A22998" s="1" t="s">
        <v>1801</v>
      </c>
      <c r="B22998" s="1" t="s">
        <v>81949</v>
      </c>
      <c r="C22998" s="1" t="s">
        <v>150</v>
      </c>
      <c r="D22998" s="1" t="s">
        <v>82396</v>
      </c>
      <c r="E22998" s="1" t="s">
        <v>82397</v>
      </c>
      <c r="F22998" s="1" t="s">
        <v>82398</v>
      </c>
      <c r="G22998" s="1" t="s">
        <v>82299</v>
      </c>
      <c r="H22998" s="1" t="s">
        <v>82300</v>
      </c>
      <c r="I22998" s="1" t="s">
        <v>81955</v>
      </c>
      <c r="J22998" s="1" t="s">
        <v>82399</v>
      </c>
    </row>
    <row r="22999" spans="1:10" x14ac:dyDescent="0.35">
      <c r="A22999" s="1" t="s">
        <v>1801</v>
      </c>
      <c r="B22999" s="1" t="s">
        <v>81949</v>
      </c>
      <c r="C22999" s="1" t="s">
        <v>155</v>
      </c>
      <c r="D22999" s="1" t="s">
        <v>82400</v>
      </c>
      <c r="E22999" s="1" t="s">
        <v>82401</v>
      </c>
      <c r="F22999" s="1" t="s">
        <v>82402</v>
      </c>
      <c r="G22999" s="1" t="s">
        <v>82299</v>
      </c>
      <c r="H22999" s="1" t="s">
        <v>82300</v>
      </c>
      <c r="I22999" s="1" t="s">
        <v>81955</v>
      </c>
      <c r="J22999" s="1" t="s">
        <v>82403</v>
      </c>
    </row>
    <row r="23000" spans="1:10" x14ac:dyDescent="0.35">
      <c r="A23000" s="1" t="s">
        <v>1801</v>
      </c>
      <c r="B23000" s="1" t="s">
        <v>81949</v>
      </c>
      <c r="C23000" s="1" t="s">
        <v>160</v>
      </c>
      <c r="D23000" s="1" t="s">
        <v>82404</v>
      </c>
      <c r="E23000" s="1" t="s">
        <v>82405</v>
      </c>
      <c r="F23000" s="1" t="s">
        <v>82406</v>
      </c>
      <c r="G23000" s="1" t="s">
        <v>82299</v>
      </c>
      <c r="H23000" s="1" t="s">
        <v>82300</v>
      </c>
      <c r="I23000" s="1" t="s">
        <v>81955</v>
      </c>
      <c r="J23000" s="1" t="s">
        <v>82407</v>
      </c>
    </row>
    <row r="23001" spans="1:10" x14ac:dyDescent="0.35">
      <c r="A23001" s="1" t="s">
        <v>1801</v>
      </c>
      <c r="B23001" s="1" t="s">
        <v>81949</v>
      </c>
      <c r="C23001" s="1" t="s">
        <v>165</v>
      </c>
      <c r="D23001" s="1" t="s">
        <v>78401</v>
      </c>
      <c r="E23001" s="1" t="s">
        <v>82408</v>
      </c>
      <c r="F23001" s="1" t="s">
        <v>82409</v>
      </c>
      <c r="G23001" s="1" t="s">
        <v>82299</v>
      </c>
      <c r="H23001" s="1" t="s">
        <v>82300</v>
      </c>
      <c r="I23001" s="1" t="s">
        <v>81955</v>
      </c>
      <c r="J23001" s="1" t="s">
        <v>82410</v>
      </c>
    </row>
    <row r="23002" spans="1:10" x14ac:dyDescent="0.35">
      <c r="A23002" s="1" t="s">
        <v>1801</v>
      </c>
      <c r="B23002" s="1" t="s">
        <v>81949</v>
      </c>
      <c r="C23002" s="1" t="s">
        <v>170</v>
      </c>
      <c r="D23002" s="1" t="s">
        <v>82411</v>
      </c>
      <c r="E23002" s="1" t="s">
        <v>82370</v>
      </c>
      <c r="F23002" s="1" t="s">
        <v>82412</v>
      </c>
      <c r="G23002" s="1" t="s">
        <v>82299</v>
      </c>
      <c r="H23002" s="1" t="s">
        <v>82300</v>
      </c>
      <c r="I23002" s="1" t="s">
        <v>81955</v>
      </c>
      <c r="J23002" s="1" t="s">
        <v>82413</v>
      </c>
    </row>
    <row r="23003" spans="1:10" x14ac:dyDescent="0.35">
      <c r="A23003" s="1" t="s">
        <v>82414</v>
      </c>
      <c r="B23003" s="1" t="s">
        <v>81949</v>
      </c>
      <c r="C23003" s="1" t="s">
        <v>8</v>
      </c>
      <c r="D23003" s="1" t="s">
        <v>82415</v>
      </c>
      <c r="E23003" s="1" t="s">
        <v>82416</v>
      </c>
      <c r="F23003" s="1" t="s">
        <v>82417</v>
      </c>
      <c r="G23003" s="1" t="s">
        <v>82418</v>
      </c>
      <c r="H23003" s="1" t="s">
        <v>82419</v>
      </c>
      <c r="I23003" s="1" t="s">
        <v>81955</v>
      </c>
      <c r="J23003" s="1" t="s">
        <v>13</v>
      </c>
    </row>
    <row r="23004" spans="1:10" x14ac:dyDescent="0.35">
      <c r="A23004" s="1" t="s">
        <v>82414</v>
      </c>
      <c r="B23004" s="1" t="s">
        <v>81949</v>
      </c>
      <c r="C23004" s="1" t="s">
        <v>15</v>
      </c>
      <c r="D23004" s="1" t="s">
        <v>281</v>
      </c>
      <c r="E23004" s="1" t="s">
        <v>82420</v>
      </c>
      <c r="F23004" s="1" t="s">
        <v>82421</v>
      </c>
      <c r="G23004" s="1" t="s">
        <v>82418</v>
      </c>
      <c r="H23004" s="1" t="s">
        <v>82419</v>
      </c>
      <c r="I23004" s="1" t="s">
        <v>81955</v>
      </c>
      <c r="J23004" s="1" t="s">
        <v>82422</v>
      </c>
    </row>
    <row r="23005" spans="1:10" x14ac:dyDescent="0.35">
      <c r="A23005" s="1" t="s">
        <v>82414</v>
      </c>
      <c r="B23005" s="1" t="s">
        <v>81949</v>
      </c>
      <c r="C23005" s="1" t="s">
        <v>20</v>
      </c>
      <c r="D23005" s="1" t="s">
        <v>82423</v>
      </c>
      <c r="E23005" s="1" t="s">
        <v>82424</v>
      </c>
      <c r="F23005" s="1" t="s">
        <v>82425</v>
      </c>
      <c r="G23005" s="1" t="s">
        <v>82418</v>
      </c>
      <c r="H23005" s="1" t="s">
        <v>82419</v>
      </c>
      <c r="I23005" s="1" t="s">
        <v>81955</v>
      </c>
      <c r="J23005" s="1" t="s">
        <v>82426</v>
      </c>
    </row>
    <row r="23006" spans="1:10" x14ac:dyDescent="0.35">
      <c r="A23006" s="1" t="s">
        <v>82414</v>
      </c>
      <c r="B23006" s="1" t="s">
        <v>81949</v>
      </c>
      <c r="C23006" s="1" t="s">
        <v>25</v>
      </c>
      <c r="D23006" s="1" t="s">
        <v>82427</v>
      </c>
      <c r="E23006" s="1" t="s">
        <v>82428</v>
      </c>
      <c r="F23006" s="1" t="s">
        <v>82429</v>
      </c>
      <c r="G23006" s="1" t="s">
        <v>82418</v>
      </c>
      <c r="H23006" s="1" t="s">
        <v>82419</v>
      </c>
      <c r="I23006" s="1" t="s">
        <v>81955</v>
      </c>
      <c r="J23006" s="1" t="s">
        <v>82430</v>
      </c>
    </row>
    <row r="23007" spans="1:10" x14ac:dyDescent="0.35">
      <c r="A23007" s="1" t="s">
        <v>82414</v>
      </c>
      <c r="B23007" s="1" t="s">
        <v>81949</v>
      </c>
      <c r="C23007" s="1" t="s">
        <v>30</v>
      </c>
      <c r="D23007" s="1" t="s">
        <v>44598</v>
      </c>
      <c r="E23007" s="1" t="s">
        <v>82431</v>
      </c>
      <c r="F23007" s="1" t="s">
        <v>82432</v>
      </c>
      <c r="G23007" s="1" t="s">
        <v>82418</v>
      </c>
      <c r="H23007" s="1" t="s">
        <v>82419</v>
      </c>
      <c r="I23007" s="1" t="s">
        <v>81955</v>
      </c>
      <c r="J23007" s="1" t="s">
        <v>82433</v>
      </c>
    </row>
    <row r="23008" spans="1:10" x14ac:dyDescent="0.35">
      <c r="A23008" s="1" t="s">
        <v>82414</v>
      </c>
      <c r="B23008" s="1" t="s">
        <v>81949</v>
      </c>
      <c r="C23008" s="1" t="s">
        <v>35</v>
      </c>
      <c r="D23008" s="1" t="s">
        <v>82434</v>
      </c>
      <c r="E23008" s="1" t="s">
        <v>82435</v>
      </c>
      <c r="F23008" s="1" t="s">
        <v>82436</v>
      </c>
      <c r="G23008" s="1" t="s">
        <v>82418</v>
      </c>
      <c r="H23008" s="1" t="s">
        <v>82419</v>
      </c>
      <c r="I23008" s="1" t="s">
        <v>81955</v>
      </c>
      <c r="J23008" s="1" t="s">
        <v>82437</v>
      </c>
    </row>
    <row r="23009" spans="1:10" x14ac:dyDescent="0.35">
      <c r="A23009" s="1" t="s">
        <v>82414</v>
      </c>
      <c r="B23009" s="1" t="s">
        <v>81949</v>
      </c>
      <c r="C23009" s="1" t="s">
        <v>40</v>
      </c>
      <c r="D23009" s="1" t="s">
        <v>30772</v>
      </c>
      <c r="E23009" s="1" t="s">
        <v>82438</v>
      </c>
      <c r="F23009" s="1" t="s">
        <v>82439</v>
      </c>
      <c r="G23009" s="1" t="s">
        <v>82418</v>
      </c>
      <c r="H23009" s="1" t="s">
        <v>82419</v>
      </c>
      <c r="I23009" s="1" t="s">
        <v>81955</v>
      </c>
      <c r="J23009" s="1" t="s">
        <v>82440</v>
      </c>
    </row>
    <row r="23010" spans="1:10" x14ac:dyDescent="0.35">
      <c r="A23010" s="1" t="s">
        <v>82414</v>
      </c>
      <c r="B23010" s="1" t="s">
        <v>81949</v>
      </c>
      <c r="C23010" s="1" t="s">
        <v>45</v>
      </c>
      <c r="D23010" s="1" t="s">
        <v>31193</v>
      </c>
      <c r="E23010" s="1" t="s">
        <v>82441</v>
      </c>
      <c r="F23010" s="1" t="s">
        <v>82442</v>
      </c>
      <c r="G23010" s="1" t="s">
        <v>82418</v>
      </c>
      <c r="H23010" s="1" t="s">
        <v>82419</v>
      </c>
      <c r="I23010" s="1" t="s">
        <v>81955</v>
      </c>
      <c r="J23010" s="1" t="s">
        <v>82443</v>
      </c>
    </row>
    <row r="23011" spans="1:10" x14ac:dyDescent="0.35">
      <c r="A23011" s="1" t="s">
        <v>82414</v>
      </c>
      <c r="B23011" s="1" t="s">
        <v>81949</v>
      </c>
      <c r="C23011" s="1" t="s">
        <v>50</v>
      </c>
      <c r="D23011" s="1" t="s">
        <v>13549</v>
      </c>
      <c r="E23011" s="1" t="s">
        <v>82444</v>
      </c>
      <c r="F23011" s="1" t="s">
        <v>82445</v>
      </c>
      <c r="G23011" s="1" t="s">
        <v>82418</v>
      </c>
      <c r="H23011" s="1" t="s">
        <v>82419</v>
      </c>
      <c r="I23011" s="1" t="s">
        <v>81955</v>
      </c>
      <c r="J23011" s="1" t="s">
        <v>82446</v>
      </c>
    </row>
    <row r="23012" spans="1:10" x14ac:dyDescent="0.35">
      <c r="A23012" s="1" t="s">
        <v>82414</v>
      </c>
      <c r="B23012" s="1" t="s">
        <v>81949</v>
      </c>
      <c r="C23012" s="1" t="s">
        <v>55</v>
      </c>
      <c r="D23012" s="1" t="s">
        <v>82447</v>
      </c>
      <c r="E23012" s="1" t="s">
        <v>82448</v>
      </c>
      <c r="F23012" s="1" t="s">
        <v>82449</v>
      </c>
      <c r="G23012" s="1" t="s">
        <v>82418</v>
      </c>
      <c r="H23012" s="1" t="s">
        <v>82419</v>
      </c>
      <c r="I23012" s="1" t="s">
        <v>81955</v>
      </c>
      <c r="J23012" s="1" t="s">
        <v>82450</v>
      </c>
    </row>
    <row r="23013" spans="1:10" x14ac:dyDescent="0.35">
      <c r="A23013" s="1" t="s">
        <v>82414</v>
      </c>
      <c r="B23013" s="1" t="s">
        <v>81949</v>
      </c>
      <c r="C23013" s="1" t="s">
        <v>60</v>
      </c>
      <c r="D23013" s="1" t="s">
        <v>18414</v>
      </c>
      <c r="E23013" s="1" t="s">
        <v>82451</v>
      </c>
      <c r="F23013" s="1" t="s">
        <v>82452</v>
      </c>
      <c r="G23013" s="1" t="s">
        <v>82418</v>
      </c>
      <c r="H23013" s="1" t="s">
        <v>82419</v>
      </c>
      <c r="I23013" s="1" t="s">
        <v>81955</v>
      </c>
      <c r="J23013" s="1" t="s">
        <v>82453</v>
      </c>
    </row>
    <row r="23014" spans="1:10" x14ac:dyDescent="0.35">
      <c r="A23014" s="1" t="s">
        <v>82414</v>
      </c>
      <c r="B23014" s="1" t="s">
        <v>81949</v>
      </c>
      <c r="C23014" s="1" t="s">
        <v>65</v>
      </c>
      <c r="D23014" s="1" t="s">
        <v>49294</v>
      </c>
      <c r="E23014" s="1" t="s">
        <v>82454</v>
      </c>
      <c r="F23014" s="1" t="s">
        <v>82455</v>
      </c>
      <c r="G23014" s="1" t="s">
        <v>82418</v>
      </c>
      <c r="H23014" s="1" t="s">
        <v>82419</v>
      </c>
      <c r="I23014" s="1" t="s">
        <v>81955</v>
      </c>
      <c r="J23014" s="1" t="s">
        <v>82456</v>
      </c>
    </row>
    <row r="23015" spans="1:10" x14ac:dyDescent="0.35">
      <c r="A23015" s="1" t="s">
        <v>82414</v>
      </c>
      <c r="B23015" s="1" t="s">
        <v>81949</v>
      </c>
      <c r="C23015" s="1" t="s">
        <v>70</v>
      </c>
      <c r="D23015" s="1" t="s">
        <v>82457</v>
      </c>
      <c r="E23015" s="1" t="s">
        <v>82458</v>
      </c>
      <c r="F23015" s="1" t="s">
        <v>82459</v>
      </c>
      <c r="G23015" s="1" t="s">
        <v>82418</v>
      </c>
      <c r="H23015" s="1" t="s">
        <v>82419</v>
      </c>
      <c r="I23015" s="1" t="s">
        <v>81955</v>
      </c>
      <c r="J23015" s="1" t="s">
        <v>82460</v>
      </c>
    </row>
    <row r="23016" spans="1:10" x14ac:dyDescent="0.35">
      <c r="A23016" s="1" t="s">
        <v>82414</v>
      </c>
      <c r="B23016" s="1" t="s">
        <v>81949</v>
      </c>
      <c r="C23016" s="1" t="s">
        <v>75</v>
      </c>
      <c r="D23016" s="1" t="s">
        <v>82461</v>
      </c>
      <c r="E23016" s="1" t="s">
        <v>82462</v>
      </c>
      <c r="F23016" s="1" t="s">
        <v>82463</v>
      </c>
      <c r="G23016" s="1" t="s">
        <v>82418</v>
      </c>
      <c r="H23016" s="1" t="s">
        <v>82419</v>
      </c>
      <c r="I23016" s="1" t="s">
        <v>81955</v>
      </c>
      <c r="J23016" s="1" t="s">
        <v>82464</v>
      </c>
    </row>
    <row r="23017" spans="1:10" x14ac:dyDescent="0.35">
      <c r="A23017" s="1" t="s">
        <v>82414</v>
      </c>
      <c r="B23017" s="1" t="s">
        <v>81949</v>
      </c>
      <c r="C23017" s="1" t="s">
        <v>80</v>
      </c>
      <c r="D23017" s="1" t="s">
        <v>82465</v>
      </c>
      <c r="E23017" s="1" t="s">
        <v>82466</v>
      </c>
      <c r="F23017" s="1" t="s">
        <v>82467</v>
      </c>
      <c r="G23017" s="1" t="s">
        <v>82418</v>
      </c>
      <c r="H23017" s="1" t="s">
        <v>82419</v>
      </c>
      <c r="I23017" s="1" t="s">
        <v>81955</v>
      </c>
      <c r="J23017" s="1" t="s">
        <v>82468</v>
      </c>
    </row>
    <row r="23018" spans="1:10" x14ac:dyDescent="0.35">
      <c r="A23018" s="1" t="s">
        <v>82414</v>
      </c>
      <c r="B23018" s="1" t="s">
        <v>81949</v>
      </c>
      <c r="C23018" s="1" t="s">
        <v>85</v>
      </c>
      <c r="D23018" s="1" t="s">
        <v>82469</v>
      </c>
      <c r="E23018" s="1" t="s">
        <v>82470</v>
      </c>
      <c r="F23018" s="1" t="s">
        <v>82471</v>
      </c>
      <c r="G23018" s="1" t="s">
        <v>82418</v>
      </c>
      <c r="H23018" s="1" t="s">
        <v>82419</v>
      </c>
      <c r="I23018" s="1" t="s">
        <v>81955</v>
      </c>
      <c r="J23018" s="1" t="s">
        <v>82472</v>
      </c>
    </row>
    <row r="23019" spans="1:10" x14ac:dyDescent="0.35">
      <c r="A23019" s="1" t="s">
        <v>82414</v>
      </c>
      <c r="B23019" s="1" t="s">
        <v>81949</v>
      </c>
      <c r="C23019" s="1" t="s">
        <v>90</v>
      </c>
      <c r="D23019" s="1" t="s">
        <v>82473</v>
      </c>
      <c r="E23019" s="1" t="s">
        <v>82474</v>
      </c>
      <c r="F23019" s="1" t="s">
        <v>82475</v>
      </c>
      <c r="G23019" s="1" t="s">
        <v>82418</v>
      </c>
      <c r="H23019" s="1" t="s">
        <v>82419</v>
      </c>
      <c r="I23019" s="1" t="s">
        <v>81955</v>
      </c>
      <c r="J23019" s="1" t="s">
        <v>82476</v>
      </c>
    </row>
    <row r="23020" spans="1:10" x14ac:dyDescent="0.35">
      <c r="A23020" s="1" t="s">
        <v>82414</v>
      </c>
      <c r="B23020" s="1" t="s">
        <v>81949</v>
      </c>
      <c r="C23020" s="1" t="s">
        <v>95</v>
      </c>
      <c r="D23020" s="1" t="s">
        <v>82477</v>
      </c>
      <c r="E23020" s="1" t="s">
        <v>82478</v>
      </c>
      <c r="F23020" s="1" t="s">
        <v>82479</v>
      </c>
      <c r="G23020" s="1" t="s">
        <v>82418</v>
      </c>
      <c r="H23020" s="1" t="s">
        <v>82419</v>
      </c>
      <c r="I23020" s="1" t="s">
        <v>81955</v>
      </c>
      <c r="J23020" s="1" t="s">
        <v>82480</v>
      </c>
    </row>
    <row r="23021" spans="1:10" x14ac:dyDescent="0.35">
      <c r="A23021" s="1" t="s">
        <v>82414</v>
      </c>
      <c r="B23021" s="1" t="s">
        <v>81949</v>
      </c>
      <c r="C23021" s="1" t="s">
        <v>100</v>
      </c>
      <c r="D23021" s="1" t="s">
        <v>82481</v>
      </c>
      <c r="E23021" s="1" t="s">
        <v>82482</v>
      </c>
      <c r="F23021" s="1" t="s">
        <v>82483</v>
      </c>
      <c r="G23021" s="1" t="s">
        <v>82418</v>
      </c>
      <c r="H23021" s="1" t="s">
        <v>82419</v>
      </c>
      <c r="I23021" s="1" t="s">
        <v>81955</v>
      </c>
      <c r="J23021" s="1" t="s">
        <v>82484</v>
      </c>
    </row>
    <row r="23022" spans="1:10" x14ac:dyDescent="0.35">
      <c r="A23022" s="1" t="s">
        <v>82414</v>
      </c>
      <c r="B23022" s="1" t="s">
        <v>81949</v>
      </c>
      <c r="C23022" s="1" t="s">
        <v>105</v>
      </c>
      <c r="D23022" s="1" t="s">
        <v>82485</v>
      </c>
      <c r="E23022" s="1" t="s">
        <v>82486</v>
      </c>
      <c r="F23022" s="1" t="s">
        <v>82487</v>
      </c>
      <c r="G23022" s="1" t="s">
        <v>82418</v>
      </c>
      <c r="H23022" s="1" t="s">
        <v>82419</v>
      </c>
      <c r="I23022" s="1" t="s">
        <v>81955</v>
      </c>
      <c r="J23022" s="1" t="s">
        <v>82488</v>
      </c>
    </row>
    <row r="23023" spans="1:10" x14ac:dyDescent="0.35">
      <c r="A23023" s="1" t="s">
        <v>82414</v>
      </c>
      <c r="B23023" s="1" t="s">
        <v>81949</v>
      </c>
      <c r="C23023" s="1" t="s">
        <v>110</v>
      </c>
      <c r="D23023" s="1" t="s">
        <v>42161</v>
      </c>
      <c r="E23023" s="1" t="s">
        <v>82489</v>
      </c>
      <c r="F23023" s="1" t="s">
        <v>82490</v>
      </c>
      <c r="G23023" s="1" t="s">
        <v>82418</v>
      </c>
      <c r="H23023" s="1" t="s">
        <v>82419</v>
      </c>
      <c r="I23023" s="1" t="s">
        <v>81955</v>
      </c>
      <c r="J23023" s="1" t="s">
        <v>82491</v>
      </c>
    </row>
    <row r="23024" spans="1:10" x14ac:dyDescent="0.35">
      <c r="A23024" s="1" t="s">
        <v>82414</v>
      </c>
      <c r="B23024" s="1" t="s">
        <v>81949</v>
      </c>
      <c r="C23024" s="1" t="s">
        <v>115</v>
      </c>
      <c r="D23024" s="1" t="s">
        <v>82492</v>
      </c>
      <c r="E23024" s="1" t="s">
        <v>82493</v>
      </c>
      <c r="F23024" s="1" t="s">
        <v>82494</v>
      </c>
      <c r="G23024" s="1" t="s">
        <v>82418</v>
      </c>
      <c r="H23024" s="1" t="s">
        <v>82419</v>
      </c>
      <c r="I23024" s="1" t="s">
        <v>81955</v>
      </c>
      <c r="J23024" s="1" t="s">
        <v>82495</v>
      </c>
    </row>
    <row r="23025" spans="1:10" x14ac:dyDescent="0.35">
      <c r="A23025" s="1" t="s">
        <v>82414</v>
      </c>
      <c r="B23025" s="1" t="s">
        <v>81949</v>
      </c>
      <c r="C23025" s="1" t="s">
        <v>120</v>
      </c>
      <c r="D23025" s="1" t="s">
        <v>82496</v>
      </c>
      <c r="E23025" s="1" t="s">
        <v>82497</v>
      </c>
      <c r="F23025" s="1" t="s">
        <v>82498</v>
      </c>
      <c r="G23025" s="1" t="s">
        <v>82418</v>
      </c>
      <c r="H23025" s="1" t="s">
        <v>82419</v>
      </c>
      <c r="I23025" s="1" t="s">
        <v>81955</v>
      </c>
      <c r="J23025" s="1" t="s">
        <v>82499</v>
      </c>
    </row>
    <row r="23026" spans="1:10" x14ac:dyDescent="0.35">
      <c r="A23026" s="1" t="s">
        <v>82414</v>
      </c>
      <c r="B23026" s="1" t="s">
        <v>81949</v>
      </c>
      <c r="C23026" s="1" t="s">
        <v>125</v>
      </c>
      <c r="D23026" s="1" t="s">
        <v>82500</v>
      </c>
      <c r="E23026" s="1" t="s">
        <v>82501</v>
      </c>
      <c r="F23026" s="1" t="s">
        <v>82502</v>
      </c>
      <c r="G23026" s="1" t="s">
        <v>82418</v>
      </c>
      <c r="H23026" s="1" t="s">
        <v>82419</v>
      </c>
      <c r="I23026" s="1" t="s">
        <v>81955</v>
      </c>
      <c r="J23026" s="1" t="s">
        <v>82503</v>
      </c>
    </row>
    <row r="23027" spans="1:10" x14ac:dyDescent="0.35">
      <c r="A23027" s="1" t="s">
        <v>82414</v>
      </c>
      <c r="B23027" s="1" t="s">
        <v>81949</v>
      </c>
      <c r="C23027" s="1" t="s">
        <v>130</v>
      </c>
      <c r="D23027" s="1" t="s">
        <v>10654</v>
      </c>
      <c r="E23027" s="1" t="s">
        <v>82504</v>
      </c>
      <c r="F23027" s="1" t="s">
        <v>82505</v>
      </c>
      <c r="G23027" s="1" t="s">
        <v>82418</v>
      </c>
      <c r="H23027" s="1" t="s">
        <v>82419</v>
      </c>
      <c r="I23027" s="1" t="s">
        <v>81955</v>
      </c>
      <c r="J23027" s="1" t="s">
        <v>82506</v>
      </c>
    </row>
    <row r="23028" spans="1:10" x14ac:dyDescent="0.35">
      <c r="A23028" s="1" t="s">
        <v>82414</v>
      </c>
      <c r="B23028" s="1" t="s">
        <v>81949</v>
      </c>
      <c r="C23028" s="1" t="s">
        <v>135</v>
      </c>
      <c r="D23028" s="1" t="s">
        <v>82507</v>
      </c>
      <c r="E23028" s="1" t="s">
        <v>82508</v>
      </c>
      <c r="F23028" s="1" t="s">
        <v>82509</v>
      </c>
      <c r="G23028" s="1" t="s">
        <v>82418</v>
      </c>
      <c r="H23028" s="1" t="s">
        <v>82419</v>
      </c>
      <c r="I23028" s="1" t="s">
        <v>81955</v>
      </c>
      <c r="J23028" s="1" t="s">
        <v>82510</v>
      </c>
    </row>
    <row r="23029" spans="1:10" x14ac:dyDescent="0.35">
      <c r="A23029" s="1" t="s">
        <v>82414</v>
      </c>
      <c r="B23029" s="1" t="s">
        <v>81949</v>
      </c>
      <c r="C23029" s="1" t="s">
        <v>140</v>
      </c>
      <c r="D23029" s="1" t="s">
        <v>82511</v>
      </c>
      <c r="E23029" s="1" t="s">
        <v>82512</v>
      </c>
      <c r="F23029" s="1" t="s">
        <v>82513</v>
      </c>
      <c r="G23029" s="1" t="s">
        <v>82418</v>
      </c>
      <c r="H23029" s="1" t="s">
        <v>82419</v>
      </c>
      <c r="I23029" s="1" t="s">
        <v>81955</v>
      </c>
      <c r="J23029" s="1" t="s">
        <v>82514</v>
      </c>
    </row>
    <row r="23030" spans="1:10" x14ac:dyDescent="0.35">
      <c r="A23030" s="1" t="s">
        <v>82414</v>
      </c>
      <c r="B23030" s="1" t="s">
        <v>81949</v>
      </c>
      <c r="C23030" s="1" t="s">
        <v>145</v>
      </c>
      <c r="D23030" s="1" t="s">
        <v>82515</v>
      </c>
      <c r="E23030" s="1" t="s">
        <v>82516</v>
      </c>
      <c r="F23030" s="1" t="s">
        <v>82517</v>
      </c>
      <c r="G23030" s="1" t="s">
        <v>82418</v>
      </c>
      <c r="H23030" s="1" t="s">
        <v>82419</v>
      </c>
      <c r="I23030" s="1" t="s">
        <v>81955</v>
      </c>
      <c r="J23030" s="1" t="s">
        <v>82518</v>
      </c>
    </row>
    <row r="23031" spans="1:10" x14ac:dyDescent="0.35">
      <c r="A23031" s="1" t="s">
        <v>82414</v>
      </c>
      <c r="B23031" s="1" t="s">
        <v>81949</v>
      </c>
      <c r="C23031" s="1" t="s">
        <v>150</v>
      </c>
      <c r="D23031" s="1" t="s">
        <v>82519</v>
      </c>
      <c r="E23031" s="1" t="s">
        <v>82520</v>
      </c>
      <c r="F23031" s="1" t="s">
        <v>82521</v>
      </c>
      <c r="G23031" s="1" t="s">
        <v>82418</v>
      </c>
      <c r="H23031" s="1" t="s">
        <v>82419</v>
      </c>
      <c r="I23031" s="1" t="s">
        <v>81955</v>
      </c>
      <c r="J23031" s="1" t="s">
        <v>82522</v>
      </c>
    </row>
    <row r="23032" spans="1:10" x14ac:dyDescent="0.35">
      <c r="A23032" s="1" t="s">
        <v>82414</v>
      </c>
      <c r="B23032" s="1" t="s">
        <v>81949</v>
      </c>
      <c r="C23032" s="1" t="s">
        <v>155</v>
      </c>
      <c r="D23032" s="1" t="s">
        <v>76950</v>
      </c>
      <c r="E23032" s="1" t="s">
        <v>82523</v>
      </c>
      <c r="F23032" s="1" t="s">
        <v>82524</v>
      </c>
      <c r="G23032" s="1" t="s">
        <v>82418</v>
      </c>
      <c r="H23032" s="1" t="s">
        <v>82419</v>
      </c>
      <c r="I23032" s="1" t="s">
        <v>81955</v>
      </c>
      <c r="J23032" s="1" t="s">
        <v>82525</v>
      </c>
    </row>
    <row r="23033" spans="1:10" x14ac:dyDescent="0.35">
      <c r="A23033" s="1" t="s">
        <v>82414</v>
      </c>
      <c r="B23033" s="1" t="s">
        <v>81949</v>
      </c>
      <c r="C23033" s="1" t="s">
        <v>160</v>
      </c>
      <c r="D23033" s="1" t="s">
        <v>82526</v>
      </c>
      <c r="E23033" s="1" t="s">
        <v>82527</v>
      </c>
      <c r="F23033" s="1" t="s">
        <v>82528</v>
      </c>
      <c r="G23033" s="1" t="s">
        <v>82418</v>
      </c>
      <c r="H23033" s="1" t="s">
        <v>82419</v>
      </c>
      <c r="I23033" s="1" t="s">
        <v>81955</v>
      </c>
      <c r="J23033" s="1" t="s">
        <v>82529</v>
      </c>
    </row>
    <row r="23034" spans="1:10" x14ac:dyDescent="0.35">
      <c r="A23034" s="1" t="s">
        <v>82414</v>
      </c>
      <c r="B23034" s="1" t="s">
        <v>81949</v>
      </c>
      <c r="C23034" s="1" t="s">
        <v>165</v>
      </c>
      <c r="D23034" s="1" t="s">
        <v>19113</v>
      </c>
      <c r="E23034" s="1" t="s">
        <v>82530</v>
      </c>
      <c r="F23034" s="1" t="s">
        <v>82531</v>
      </c>
      <c r="G23034" s="1" t="s">
        <v>82418</v>
      </c>
      <c r="H23034" s="1" t="s">
        <v>82419</v>
      </c>
      <c r="I23034" s="1" t="s">
        <v>81955</v>
      </c>
      <c r="J23034" s="1" t="s">
        <v>82532</v>
      </c>
    </row>
    <row r="23035" spans="1:10" x14ac:dyDescent="0.35">
      <c r="A23035" s="1" t="s">
        <v>82414</v>
      </c>
      <c r="B23035" s="1" t="s">
        <v>81949</v>
      </c>
      <c r="C23035" s="1" t="s">
        <v>170</v>
      </c>
      <c r="D23035" s="1" t="s">
        <v>82533</v>
      </c>
      <c r="E23035" s="1" t="s">
        <v>82534</v>
      </c>
      <c r="F23035" s="1" t="s">
        <v>82535</v>
      </c>
      <c r="G23035" s="1" t="s">
        <v>82418</v>
      </c>
      <c r="H23035" s="1" t="s">
        <v>82419</v>
      </c>
      <c r="I23035" s="1" t="s">
        <v>81955</v>
      </c>
      <c r="J23035" s="1" t="s">
        <v>82536</v>
      </c>
    </row>
    <row r="23036" spans="1:10" x14ac:dyDescent="0.35">
      <c r="A23036" s="1" t="s">
        <v>82537</v>
      </c>
      <c r="B23036" s="1" t="s">
        <v>81949</v>
      </c>
      <c r="C23036" s="1" t="s">
        <v>8</v>
      </c>
      <c r="D23036" s="1" t="s">
        <v>50658</v>
      </c>
      <c r="E23036" s="1" t="s">
        <v>82538</v>
      </c>
      <c r="F23036" s="1" t="s">
        <v>52455</v>
      </c>
      <c r="G23036" s="1" t="s">
        <v>82539</v>
      </c>
      <c r="H23036" s="1" t="s">
        <v>82540</v>
      </c>
      <c r="I23036" s="1" t="s">
        <v>81955</v>
      </c>
      <c r="J23036" s="1" t="s">
        <v>13</v>
      </c>
    </row>
    <row r="23037" spans="1:10" x14ac:dyDescent="0.35">
      <c r="A23037" s="1" t="s">
        <v>82537</v>
      </c>
      <c r="B23037" s="1" t="s">
        <v>81949</v>
      </c>
      <c r="C23037" s="1" t="s">
        <v>15</v>
      </c>
      <c r="D23037" s="1" t="s">
        <v>19802</v>
      </c>
      <c r="E23037" s="1" t="s">
        <v>82541</v>
      </c>
      <c r="F23037" s="1" t="s">
        <v>61766</v>
      </c>
      <c r="G23037" s="1" t="s">
        <v>82539</v>
      </c>
      <c r="H23037" s="1" t="s">
        <v>82540</v>
      </c>
      <c r="I23037" s="1" t="s">
        <v>81955</v>
      </c>
      <c r="J23037" s="1" t="s">
        <v>82542</v>
      </c>
    </row>
    <row r="23038" spans="1:10" x14ac:dyDescent="0.35">
      <c r="A23038" s="1" t="s">
        <v>82537</v>
      </c>
      <c r="B23038" s="1" t="s">
        <v>81949</v>
      </c>
      <c r="C23038" s="1" t="s">
        <v>20</v>
      </c>
      <c r="D23038" s="1" t="s">
        <v>8823</v>
      </c>
      <c r="E23038" s="1" t="s">
        <v>82543</v>
      </c>
      <c r="F23038" s="1" t="s">
        <v>56759</v>
      </c>
      <c r="G23038" s="1" t="s">
        <v>82539</v>
      </c>
      <c r="H23038" s="1" t="s">
        <v>82540</v>
      </c>
      <c r="I23038" s="1" t="s">
        <v>81955</v>
      </c>
      <c r="J23038" s="1" t="s">
        <v>82544</v>
      </c>
    </row>
    <row r="23039" spans="1:10" x14ac:dyDescent="0.35">
      <c r="A23039" s="1" t="s">
        <v>82537</v>
      </c>
      <c r="B23039" s="1" t="s">
        <v>81949</v>
      </c>
      <c r="C23039" s="1" t="s">
        <v>25</v>
      </c>
      <c r="D23039" s="1" t="s">
        <v>82545</v>
      </c>
      <c r="E23039" s="1" t="s">
        <v>82546</v>
      </c>
      <c r="F23039" s="1" t="s">
        <v>82547</v>
      </c>
      <c r="G23039" s="1" t="s">
        <v>82539</v>
      </c>
      <c r="H23039" s="1" t="s">
        <v>82540</v>
      </c>
      <c r="I23039" s="1" t="s">
        <v>81955</v>
      </c>
      <c r="J23039" s="1" t="s">
        <v>82548</v>
      </c>
    </row>
    <row r="23040" spans="1:10" x14ac:dyDescent="0.35">
      <c r="A23040" s="1" t="s">
        <v>82537</v>
      </c>
      <c r="B23040" s="1" t="s">
        <v>81949</v>
      </c>
      <c r="C23040" s="1" t="s">
        <v>30</v>
      </c>
      <c r="D23040" s="1" t="s">
        <v>74259</v>
      </c>
      <c r="E23040" s="1" t="s">
        <v>82549</v>
      </c>
      <c r="F23040" s="1" t="s">
        <v>82550</v>
      </c>
      <c r="G23040" s="1" t="s">
        <v>82539</v>
      </c>
      <c r="H23040" s="1" t="s">
        <v>82540</v>
      </c>
      <c r="I23040" s="1" t="s">
        <v>81955</v>
      </c>
      <c r="J23040" s="1" t="s">
        <v>82551</v>
      </c>
    </row>
    <row r="23041" spans="1:10" x14ac:dyDescent="0.35">
      <c r="A23041" s="1" t="s">
        <v>82537</v>
      </c>
      <c r="B23041" s="1" t="s">
        <v>81949</v>
      </c>
      <c r="C23041" s="1" t="s">
        <v>35</v>
      </c>
      <c r="D23041" s="1" t="s">
        <v>82552</v>
      </c>
      <c r="E23041" s="1" t="s">
        <v>82553</v>
      </c>
      <c r="F23041" s="1" t="s">
        <v>82554</v>
      </c>
      <c r="G23041" s="1" t="s">
        <v>82539</v>
      </c>
      <c r="H23041" s="1" t="s">
        <v>82540</v>
      </c>
      <c r="I23041" s="1" t="s">
        <v>81955</v>
      </c>
      <c r="J23041" s="1" t="s">
        <v>82555</v>
      </c>
    </row>
    <row r="23042" spans="1:10" x14ac:dyDescent="0.35">
      <c r="A23042" s="1" t="s">
        <v>82537</v>
      </c>
      <c r="B23042" s="1" t="s">
        <v>81949</v>
      </c>
      <c r="C23042" s="1" t="s">
        <v>40</v>
      </c>
      <c r="D23042" s="1" t="s">
        <v>6755</v>
      </c>
      <c r="E23042" s="1" t="s">
        <v>82556</v>
      </c>
      <c r="F23042" s="1" t="s">
        <v>60258</v>
      </c>
      <c r="G23042" s="1" t="s">
        <v>82539</v>
      </c>
      <c r="H23042" s="1" t="s">
        <v>82540</v>
      </c>
      <c r="I23042" s="1" t="s">
        <v>81955</v>
      </c>
      <c r="J23042" s="1" t="s">
        <v>82557</v>
      </c>
    </row>
    <row r="23043" spans="1:10" x14ac:dyDescent="0.35">
      <c r="A23043" s="1" t="s">
        <v>82537</v>
      </c>
      <c r="B23043" s="1" t="s">
        <v>81949</v>
      </c>
      <c r="C23043" s="1" t="s">
        <v>45</v>
      </c>
      <c r="D23043" s="1" t="s">
        <v>82558</v>
      </c>
      <c r="E23043" s="1" t="s">
        <v>22434</v>
      </c>
      <c r="F23043" s="1" t="s">
        <v>64515</v>
      </c>
      <c r="G23043" s="1" t="s">
        <v>82539</v>
      </c>
      <c r="H23043" s="1" t="s">
        <v>82540</v>
      </c>
      <c r="I23043" s="1" t="s">
        <v>81955</v>
      </c>
      <c r="J23043" s="1" t="s">
        <v>82559</v>
      </c>
    </row>
    <row r="23044" spans="1:10" x14ac:dyDescent="0.35">
      <c r="A23044" s="1" t="s">
        <v>82537</v>
      </c>
      <c r="B23044" s="1" t="s">
        <v>81949</v>
      </c>
      <c r="C23044" s="1" t="s">
        <v>50</v>
      </c>
      <c r="D23044" s="1" t="s">
        <v>82560</v>
      </c>
      <c r="E23044" s="1" t="s">
        <v>82561</v>
      </c>
      <c r="F23044" s="1" t="s">
        <v>82562</v>
      </c>
      <c r="G23044" s="1" t="s">
        <v>82539</v>
      </c>
      <c r="H23044" s="1" t="s">
        <v>82540</v>
      </c>
      <c r="I23044" s="1" t="s">
        <v>81955</v>
      </c>
      <c r="J23044" s="1" t="s">
        <v>82563</v>
      </c>
    </row>
    <row r="23045" spans="1:10" x14ac:dyDescent="0.35">
      <c r="A23045" s="1" t="s">
        <v>82537</v>
      </c>
      <c r="B23045" s="1" t="s">
        <v>81949</v>
      </c>
      <c r="C23045" s="1" t="s">
        <v>55</v>
      </c>
      <c r="D23045" s="1" t="s">
        <v>82564</v>
      </c>
      <c r="E23045" s="1" t="s">
        <v>82565</v>
      </c>
      <c r="F23045" s="1" t="s">
        <v>82566</v>
      </c>
      <c r="G23045" s="1" t="s">
        <v>82539</v>
      </c>
      <c r="H23045" s="1" t="s">
        <v>82540</v>
      </c>
      <c r="I23045" s="1" t="s">
        <v>81955</v>
      </c>
      <c r="J23045" s="1" t="s">
        <v>82567</v>
      </c>
    </row>
    <row r="23046" spans="1:10" x14ac:dyDescent="0.35">
      <c r="A23046" s="1" t="s">
        <v>82537</v>
      </c>
      <c r="B23046" s="1" t="s">
        <v>81949</v>
      </c>
      <c r="C23046" s="1" t="s">
        <v>60</v>
      </c>
      <c r="D23046" s="1" t="s">
        <v>82568</v>
      </c>
      <c r="E23046" s="1" t="s">
        <v>82569</v>
      </c>
      <c r="F23046" s="1" t="s">
        <v>54140</v>
      </c>
      <c r="G23046" s="1" t="s">
        <v>82539</v>
      </c>
      <c r="H23046" s="1" t="s">
        <v>82540</v>
      </c>
      <c r="I23046" s="1" t="s">
        <v>81955</v>
      </c>
      <c r="J23046" s="1" t="s">
        <v>82570</v>
      </c>
    </row>
    <row r="23047" spans="1:10" x14ac:dyDescent="0.35">
      <c r="A23047" s="1" t="s">
        <v>82537</v>
      </c>
      <c r="B23047" s="1" t="s">
        <v>81949</v>
      </c>
      <c r="C23047" s="1" t="s">
        <v>65</v>
      </c>
      <c r="D23047" s="1" t="s">
        <v>82571</v>
      </c>
      <c r="E23047" s="1" t="s">
        <v>21529</v>
      </c>
      <c r="F23047" s="1" t="s">
        <v>82572</v>
      </c>
      <c r="G23047" s="1" t="s">
        <v>82539</v>
      </c>
      <c r="H23047" s="1" t="s">
        <v>82540</v>
      </c>
      <c r="I23047" s="1" t="s">
        <v>81955</v>
      </c>
      <c r="J23047" s="1" t="s">
        <v>82573</v>
      </c>
    </row>
    <row r="23048" spans="1:10" x14ac:dyDescent="0.35">
      <c r="A23048" s="1" t="s">
        <v>82537</v>
      </c>
      <c r="B23048" s="1" t="s">
        <v>81949</v>
      </c>
      <c r="C23048" s="1" t="s">
        <v>70</v>
      </c>
      <c r="D23048" s="1" t="s">
        <v>82574</v>
      </c>
      <c r="E23048" s="1" t="s">
        <v>21072</v>
      </c>
      <c r="F23048" s="1" t="s">
        <v>82575</v>
      </c>
      <c r="G23048" s="1" t="s">
        <v>82539</v>
      </c>
      <c r="H23048" s="1" t="s">
        <v>82540</v>
      </c>
      <c r="I23048" s="1" t="s">
        <v>81955</v>
      </c>
      <c r="J23048" s="1" t="s">
        <v>82576</v>
      </c>
    </row>
    <row r="23049" spans="1:10" x14ac:dyDescent="0.35">
      <c r="A23049" s="1" t="s">
        <v>82537</v>
      </c>
      <c r="B23049" s="1" t="s">
        <v>81949</v>
      </c>
      <c r="C23049" s="1" t="s">
        <v>75</v>
      </c>
      <c r="D23049" s="1" t="s">
        <v>76946</v>
      </c>
      <c r="E23049" s="1" t="s">
        <v>82577</v>
      </c>
      <c r="F23049" s="1" t="s">
        <v>82578</v>
      </c>
      <c r="G23049" s="1" t="s">
        <v>82539</v>
      </c>
      <c r="H23049" s="1" t="s">
        <v>82540</v>
      </c>
      <c r="I23049" s="1" t="s">
        <v>81955</v>
      </c>
      <c r="J23049" s="1" t="s">
        <v>82579</v>
      </c>
    </row>
    <row r="23050" spans="1:10" x14ac:dyDescent="0.35">
      <c r="A23050" s="1" t="s">
        <v>82537</v>
      </c>
      <c r="B23050" s="1" t="s">
        <v>81949</v>
      </c>
      <c r="C23050" s="1" t="s">
        <v>80</v>
      </c>
      <c r="D23050" s="1" t="s">
        <v>19109</v>
      </c>
      <c r="E23050" s="1" t="s">
        <v>14654</v>
      </c>
      <c r="F23050" s="1" t="s">
        <v>66181</v>
      </c>
      <c r="G23050" s="1" t="s">
        <v>82539</v>
      </c>
      <c r="H23050" s="1" t="s">
        <v>82540</v>
      </c>
      <c r="I23050" s="1" t="s">
        <v>81955</v>
      </c>
      <c r="J23050" s="1" t="s">
        <v>82580</v>
      </c>
    </row>
    <row r="23051" spans="1:10" x14ac:dyDescent="0.35">
      <c r="A23051" s="1" t="s">
        <v>82537</v>
      </c>
      <c r="B23051" s="1" t="s">
        <v>81949</v>
      </c>
      <c r="C23051" s="1" t="s">
        <v>85</v>
      </c>
      <c r="D23051" s="1" t="s">
        <v>54142</v>
      </c>
      <c r="E23051" s="1" t="s">
        <v>82581</v>
      </c>
      <c r="F23051" s="1" t="s">
        <v>82582</v>
      </c>
      <c r="G23051" s="1" t="s">
        <v>82539</v>
      </c>
      <c r="H23051" s="1" t="s">
        <v>82540</v>
      </c>
      <c r="I23051" s="1" t="s">
        <v>81955</v>
      </c>
      <c r="J23051" s="1" t="s">
        <v>82583</v>
      </c>
    </row>
    <row r="23052" spans="1:10" x14ac:dyDescent="0.35">
      <c r="A23052" s="1" t="s">
        <v>82537</v>
      </c>
      <c r="B23052" s="1" t="s">
        <v>81949</v>
      </c>
      <c r="C23052" s="1" t="s">
        <v>90</v>
      </c>
      <c r="D23052" s="1" t="s">
        <v>78561</v>
      </c>
      <c r="E23052" s="1" t="s">
        <v>52478</v>
      </c>
      <c r="F23052" s="1" t="s">
        <v>82584</v>
      </c>
      <c r="G23052" s="1" t="s">
        <v>82539</v>
      </c>
      <c r="H23052" s="1" t="s">
        <v>82540</v>
      </c>
      <c r="I23052" s="1" t="s">
        <v>81955</v>
      </c>
      <c r="J23052" s="1" t="s">
        <v>82585</v>
      </c>
    </row>
    <row r="23053" spans="1:10" x14ac:dyDescent="0.35">
      <c r="A23053" s="1" t="s">
        <v>82537</v>
      </c>
      <c r="B23053" s="1" t="s">
        <v>81949</v>
      </c>
      <c r="C23053" s="1" t="s">
        <v>95</v>
      </c>
      <c r="D23053" s="1" t="s">
        <v>60780</v>
      </c>
      <c r="E23053" s="1" t="s">
        <v>82586</v>
      </c>
      <c r="F23053" s="1" t="s">
        <v>82587</v>
      </c>
      <c r="G23053" s="1" t="s">
        <v>82539</v>
      </c>
      <c r="H23053" s="1" t="s">
        <v>82540</v>
      </c>
      <c r="I23053" s="1" t="s">
        <v>81955</v>
      </c>
      <c r="J23053" s="1" t="s">
        <v>82588</v>
      </c>
    </row>
    <row r="23054" spans="1:10" x14ac:dyDescent="0.35">
      <c r="A23054" s="1" t="s">
        <v>82537</v>
      </c>
      <c r="B23054" s="1" t="s">
        <v>81949</v>
      </c>
      <c r="C23054" s="1" t="s">
        <v>100</v>
      </c>
      <c r="D23054" s="1" t="s">
        <v>53968</v>
      </c>
      <c r="E23054" s="1" t="s">
        <v>82113</v>
      </c>
      <c r="F23054" s="1" t="s">
        <v>66875</v>
      </c>
      <c r="G23054" s="1" t="s">
        <v>82539</v>
      </c>
      <c r="H23054" s="1" t="s">
        <v>82540</v>
      </c>
      <c r="I23054" s="1" t="s">
        <v>81955</v>
      </c>
      <c r="J23054" s="1" t="s">
        <v>82589</v>
      </c>
    </row>
    <row r="23055" spans="1:10" x14ac:dyDescent="0.35">
      <c r="A23055" s="1" t="s">
        <v>82537</v>
      </c>
      <c r="B23055" s="1" t="s">
        <v>81949</v>
      </c>
      <c r="C23055" s="1" t="s">
        <v>105</v>
      </c>
      <c r="D23055" s="1" t="s">
        <v>82590</v>
      </c>
      <c r="E23055" s="1" t="s">
        <v>22408</v>
      </c>
      <c r="F23055" s="1" t="s">
        <v>82591</v>
      </c>
      <c r="G23055" s="1" t="s">
        <v>82539</v>
      </c>
      <c r="H23055" s="1" t="s">
        <v>82540</v>
      </c>
      <c r="I23055" s="1" t="s">
        <v>81955</v>
      </c>
      <c r="J23055" s="1" t="s">
        <v>82592</v>
      </c>
    </row>
    <row r="23056" spans="1:10" x14ac:dyDescent="0.35">
      <c r="A23056" s="1" t="s">
        <v>82537</v>
      </c>
      <c r="B23056" s="1" t="s">
        <v>81949</v>
      </c>
      <c r="C23056" s="1" t="s">
        <v>110</v>
      </c>
      <c r="D23056" s="1" t="s">
        <v>59248</v>
      </c>
      <c r="E23056" s="1" t="s">
        <v>23767</v>
      </c>
      <c r="F23056" s="1" t="s">
        <v>82593</v>
      </c>
      <c r="G23056" s="1" t="s">
        <v>82539</v>
      </c>
      <c r="H23056" s="1" t="s">
        <v>82540</v>
      </c>
      <c r="I23056" s="1" t="s">
        <v>81955</v>
      </c>
      <c r="J23056" s="1" t="s">
        <v>82594</v>
      </c>
    </row>
    <row r="23057" spans="1:10" x14ac:dyDescent="0.35">
      <c r="A23057" s="1" t="s">
        <v>82537</v>
      </c>
      <c r="B23057" s="1" t="s">
        <v>81949</v>
      </c>
      <c r="C23057" s="1" t="s">
        <v>115</v>
      </c>
      <c r="D23057" s="1" t="s">
        <v>82595</v>
      </c>
      <c r="E23057" s="1" t="s">
        <v>82596</v>
      </c>
      <c r="F23057" s="1" t="s">
        <v>82597</v>
      </c>
      <c r="G23057" s="1" t="s">
        <v>82539</v>
      </c>
      <c r="H23057" s="1" t="s">
        <v>82540</v>
      </c>
      <c r="I23057" s="1" t="s">
        <v>81955</v>
      </c>
      <c r="J23057" s="1" t="s">
        <v>82598</v>
      </c>
    </row>
    <row r="23058" spans="1:10" x14ac:dyDescent="0.35">
      <c r="A23058" s="1" t="s">
        <v>82537</v>
      </c>
      <c r="B23058" s="1" t="s">
        <v>81949</v>
      </c>
      <c r="C23058" s="1" t="s">
        <v>120</v>
      </c>
      <c r="D23058" s="1" t="s">
        <v>82599</v>
      </c>
      <c r="E23058" s="1" t="s">
        <v>82600</v>
      </c>
      <c r="F23058" s="1" t="s">
        <v>82601</v>
      </c>
      <c r="G23058" s="1" t="s">
        <v>82539</v>
      </c>
      <c r="H23058" s="1" t="s">
        <v>82540</v>
      </c>
      <c r="I23058" s="1" t="s">
        <v>81955</v>
      </c>
      <c r="J23058" s="1" t="s">
        <v>82602</v>
      </c>
    </row>
    <row r="23059" spans="1:10" x14ac:dyDescent="0.35">
      <c r="A23059" s="1" t="s">
        <v>82537</v>
      </c>
      <c r="B23059" s="1" t="s">
        <v>81949</v>
      </c>
      <c r="C23059" s="1" t="s">
        <v>125</v>
      </c>
      <c r="D23059" s="1" t="s">
        <v>82603</v>
      </c>
      <c r="E23059" s="1" t="s">
        <v>82604</v>
      </c>
      <c r="F23059" s="1" t="s">
        <v>82605</v>
      </c>
      <c r="G23059" s="1" t="s">
        <v>82539</v>
      </c>
      <c r="H23059" s="1" t="s">
        <v>82540</v>
      </c>
      <c r="I23059" s="1" t="s">
        <v>81955</v>
      </c>
      <c r="J23059" s="1" t="s">
        <v>82606</v>
      </c>
    </row>
    <row r="23060" spans="1:10" x14ac:dyDescent="0.35">
      <c r="A23060" s="1" t="s">
        <v>82537</v>
      </c>
      <c r="B23060" s="1" t="s">
        <v>81949</v>
      </c>
      <c r="C23060" s="1" t="s">
        <v>130</v>
      </c>
      <c r="D23060" s="1" t="s">
        <v>82607</v>
      </c>
      <c r="E23060" s="1" t="s">
        <v>82608</v>
      </c>
      <c r="F23060" s="1" t="s">
        <v>82609</v>
      </c>
      <c r="G23060" s="1" t="s">
        <v>82539</v>
      </c>
      <c r="H23060" s="1" t="s">
        <v>82540</v>
      </c>
      <c r="I23060" s="1" t="s">
        <v>81955</v>
      </c>
      <c r="J23060" s="1" t="s">
        <v>82610</v>
      </c>
    </row>
    <row r="23061" spans="1:10" x14ac:dyDescent="0.35">
      <c r="A23061" s="1" t="s">
        <v>82537</v>
      </c>
      <c r="B23061" s="1" t="s">
        <v>81949</v>
      </c>
      <c r="C23061" s="1" t="s">
        <v>135</v>
      </c>
      <c r="D23061" s="1" t="s">
        <v>82611</v>
      </c>
      <c r="E23061" s="1" t="s">
        <v>24777</v>
      </c>
      <c r="F23061" s="1" t="s">
        <v>82612</v>
      </c>
      <c r="G23061" s="1" t="s">
        <v>82539</v>
      </c>
      <c r="H23061" s="1" t="s">
        <v>82540</v>
      </c>
      <c r="I23061" s="1" t="s">
        <v>81955</v>
      </c>
      <c r="J23061" s="1" t="s">
        <v>82613</v>
      </c>
    </row>
    <row r="23062" spans="1:10" x14ac:dyDescent="0.35">
      <c r="A23062" s="1" t="s">
        <v>82537</v>
      </c>
      <c r="B23062" s="1" t="s">
        <v>81949</v>
      </c>
      <c r="C23062" s="1" t="s">
        <v>140</v>
      </c>
      <c r="D23062" s="1" t="s">
        <v>82614</v>
      </c>
      <c r="E23062" s="1" t="s">
        <v>82090</v>
      </c>
      <c r="F23062" s="1" t="s">
        <v>60847</v>
      </c>
      <c r="G23062" s="1" t="s">
        <v>82539</v>
      </c>
      <c r="H23062" s="1" t="s">
        <v>82540</v>
      </c>
      <c r="I23062" s="1" t="s">
        <v>81955</v>
      </c>
      <c r="J23062" s="1" t="s">
        <v>82615</v>
      </c>
    </row>
    <row r="23063" spans="1:10" x14ac:dyDescent="0.35">
      <c r="A23063" s="1" t="s">
        <v>82537</v>
      </c>
      <c r="B23063" s="1" t="s">
        <v>81949</v>
      </c>
      <c r="C23063" s="1" t="s">
        <v>145</v>
      </c>
      <c r="D23063" s="1" t="s">
        <v>82616</v>
      </c>
      <c r="E23063" s="1" t="s">
        <v>82617</v>
      </c>
      <c r="F23063" s="1" t="s">
        <v>82618</v>
      </c>
      <c r="G23063" s="1" t="s">
        <v>82539</v>
      </c>
      <c r="H23063" s="1" t="s">
        <v>82540</v>
      </c>
      <c r="I23063" s="1" t="s">
        <v>81955</v>
      </c>
      <c r="J23063" s="1" t="s">
        <v>82619</v>
      </c>
    </row>
    <row r="23064" spans="1:10" x14ac:dyDescent="0.35">
      <c r="A23064" s="1" t="s">
        <v>82537</v>
      </c>
      <c r="B23064" s="1" t="s">
        <v>81949</v>
      </c>
      <c r="C23064" s="1" t="s">
        <v>150</v>
      </c>
      <c r="D23064" s="1" t="s">
        <v>55865</v>
      </c>
      <c r="E23064" s="1" t="s">
        <v>82620</v>
      </c>
      <c r="F23064" s="1" t="s">
        <v>60378</v>
      </c>
      <c r="G23064" s="1" t="s">
        <v>82539</v>
      </c>
      <c r="H23064" s="1" t="s">
        <v>82540</v>
      </c>
      <c r="I23064" s="1" t="s">
        <v>81955</v>
      </c>
      <c r="J23064" s="1" t="s">
        <v>82621</v>
      </c>
    </row>
    <row r="23065" spans="1:10" x14ac:dyDescent="0.35">
      <c r="A23065" s="1" t="s">
        <v>82537</v>
      </c>
      <c r="B23065" s="1" t="s">
        <v>81949</v>
      </c>
      <c r="C23065" s="1" t="s">
        <v>155</v>
      </c>
      <c r="D23065" s="1" t="s">
        <v>82622</v>
      </c>
      <c r="E23065" s="1" t="s">
        <v>60289</v>
      </c>
      <c r="F23065" s="1" t="s">
        <v>82623</v>
      </c>
      <c r="G23065" s="1" t="s">
        <v>82539</v>
      </c>
      <c r="H23065" s="1" t="s">
        <v>82540</v>
      </c>
      <c r="I23065" s="1" t="s">
        <v>81955</v>
      </c>
      <c r="J23065" s="1" t="s">
        <v>82624</v>
      </c>
    </row>
    <row r="23066" spans="1:10" x14ac:dyDescent="0.35">
      <c r="A23066" s="1" t="s">
        <v>82537</v>
      </c>
      <c r="B23066" s="1" t="s">
        <v>81949</v>
      </c>
      <c r="C23066" s="1" t="s">
        <v>160</v>
      </c>
      <c r="D23066" s="1" t="s">
        <v>56249</v>
      </c>
      <c r="E23066" s="1" t="s">
        <v>57908</v>
      </c>
      <c r="F23066" s="1" t="s">
        <v>82625</v>
      </c>
      <c r="G23066" s="1" t="s">
        <v>82539</v>
      </c>
      <c r="H23066" s="1" t="s">
        <v>82540</v>
      </c>
      <c r="I23066" s="1" t="s">
        <v>81955</v>
      </c>
      <c r="J23066" s="1" t="s">
        <v>82626</v>
      </c>
    </row>
    <row r="23067" spans="1:10" x14ac:dyDescent="0.35">
      <c r="A23067" s="1" t="s">
        <v>82537</v>
      </c>
      <c r="B23067" s="1" t="s">
        <v>81949</v>
      </c>
      <c r="C23067" s="1" t="s">
        <v>165</v>
      </c>
      <c r="D23067" s="1" t="s">
        <v>66018</v>
      </c>
      <c r="E23067" s="1" t="s">
        <v>82627</v>
      </c>
      <c r="F23067" s="1" t="s">
        <v>82628</v>
      </c>
      <c r="G23067" s="1" t="s">
        <v>82539</v>
      </c>
      <c r="H23067" s="1" t="s">
        <v>82540</v>
      </c>
      <c r="I23067" s="1" t="s">
        <v>81955</v>
      </c>
      <c r="J23067" s="1" t="s">
        <v>82629</v>
      </c>
    </row>
    <row r="23068" spans="1:10" x14ac:dyDescent="0.35">
      <c r="A23068" s="1" t="s">
        <v>82537</v>
      </c>
      <c r="B23068" s="1" t="s">
        <v>81949</v>
      </c>
      <c r="C23068" s="1" t="s">
        <v>170</v>
      </c>
      <c r="D23068" s="1" t="s">
        <v>82630</v>
      </c>
      <c r="E23068" s="1" t="s">
        <v>58323</v>
      </c>
      <c r="F23068" s="1" t="s">
        <v>82631</v>
      </c>
      <c r="G23068" s="1" t="s">
        <v>82539</v>
      </c>
      <c r="H23068" s="1" t="s">
        <v>82540</v>
      </c>
      <c r="I23068" s="1" t="s">
        <v>81955</v>
      </c>
      <c r="J23068" s="1" t="s">
        <v>82632</v>
      </c>
    </row>
    <row r="23069" spans="1:10" x14ac:dyDescent="0.35">
      <c r="A23069" s="1" t="s">
        <v>7312</v>
      </c>
      <c r="B23069" s="1" t="s">
        <v>81949</v>
      </c>
      <c r="C23069" s="1" t="s">
        <v>8</v>
      </c>
      <c r="D23069" s="1" t="s">
        <v>82633</v>
      </c>
      <c r="E23069" s="1" t="s">
        <v>82634</v>
      </c>
      <c r="F23069" s="1" t="s">
        <v>82635</v>
      </c>
      <c r="G23069" s="1" t="s">
        <v>82636</v>
      </c>
      <c r="H23069" s="1" t="s">
        <v>82637</v>
      </c>
      <c r="I23069" s="1" t="s">
        <v>81955</v>
      </c>
      <c r="J23069" s="1" t="s">
        <v>13</v>
      </c>
    </row>
    <row r="23070" spans="1:10" x14ac:dyDescent="0.35">
      <c r="A23070" s="1" t="s">
        <v>7312</v>
      </c>
      <c r="B23070" s="1" t="s">
        <v>81949</v>
      </c>
      <c r="C23070" s="1" t="s">
        <v>15</v>
      </c>
      <c r="D23070" s="1" t="s">
        <v>7163</v>
      </c>
      <c r="E23070" s="1" t="s">
        <v>82638</v>
      </c>
      <c r="F23070" s="1" t="s">
        <v>82639</v>
      </c>
      <c r="G23070" s="1" t="s">
        <v>82636</v>
      </c>
      <c r="H23070" s="1" t="s">
        <v>82637</v>
      </c>
      <c r="I23070" s="1" t="s">
        <v>81955</v>
      </c>
      <c r="J23070" s="1" t="s">
        <v>82640</v>
      </c>
    </row>
    <row r="23071" spans="1:10" x14ac:dyDescent="0.35">
      <c r="A23071" s="1" t="s">
        <v>7312</v>
      </c>
      <c r="B23071" s="1" t="s">
        <v>81949</v>
      </c>
      <c r="C23071" s="1" t="s">
        <v>20</v>
      </c>
      <c r="D23071" s="1" t="s">
        <v>82641</v>
      </c>
      <c r="E23071" s="1" t="s">
        <v>82642</v>
      </c>
      <c r="F23071" s="1" t="s">
        <v>82643</v>
      </c>
      <c r="G23071" s="1" t="s">
        <v>82636</v>
      </c>
      <c r="H23071" s="1" t="s">
        <v>82637</v>
      </c>
      <c r="I23071" s="1" t="s">
        <v>81955</v>
      </c>
      <c r="J23071" s="1" t="s">
        <v>82644</v>
      </c>
    </row>
    <row r="23072" spans="1:10" x14ac:dyDescent="0.35">
      <c r="A23072" s="1" t="s">
        <v>7312</v>
      </c>
      <c r="B23072" s="1" t="s">
        <v>81949</v>
      </c>
      <c r="C23072" s="1" t="s">
        <v>25</v>
      </c>
      <c r="D23072" s="1" t="s">
        <v>35362</v>
      </c>
      <c r="E23072" s="1" t="s">
        <v>82645</v>
      </c>
      <c r="F23072" s="1" t="s">
        <v>82646</v>
      </c>
      <c r="G23072" s="1" t="s">
        <v>82636</v>
      </c>
      <c r="H23072" s="1" t="s">
        <v>82637</v>
      </c>
      <c r="I23072" s="1" t="s">
        <v>81955</v>
      </c>
      <c r="J23072" s="1" t="s">
        <v>82647</v>
      </c>
    </row>
    <row r="23073" spans="1:10" x14ac:dyDescent="0.35">
      <c r="A23073" s="1" t="s">
        <v>7312</v>
      </c>
      <c r="B23073" s="1" t="s">
        <v>81949</v>
      </c>
      <c r="C23073" s="1" t="s">
        <v>30</v>
      </c>
      <c r="D23073" s="1" t="s">
        <v>15819</v>
      </c>
      <c r="E23073" s="1" t="s">
        <v>82648</v>
      </c>
      <c r="F23073" s="1" t="s">
        <v>82649</v>
      </c>
      <c r="G23073" s="1" t="s">
        <v>82636</v>
      </c>
      <c r="H23073" s="1" t="s">
        <v>82637</v>
      </c>
      <c r="I23073" s="1" t="s">
        <v>81955</v>
      </c>
      <c r="J23073" s="1" t="s">
        <v>82650</v>
      </c>
    </row>
    <row r="23074" spans="1:10" x14ac:dyDescent="0.35">
      <c r="A23074" s="1" t="s">
        <v>7312</v>
      </c>
      <c r="B23074" s="1" t="s">
        <v>81949</v>
      </c>
      <c r="C23074" s="1" t="s">
        <v>35</v>
      </c>
      <c r="D23074" s="1" t="s">
        <v>82346</v>
      </c>
      <c r="E23074" s="1" t="s">
        <v>82651</v>
      </c>
      <c r="F23074" s="1" t="s">
        <v>82652</v>
      </c>
      <c r="G23074" s="1" t="s">
        <v>82636</v>
      </c>
      <c r="H23074" s="1" t="s">
        <v>82637</v>
      </c>
      <c r="I23074" s="1" t="s">
        <v>81955</v>
      </c>
      <c r="J23074" s="1" t="s">
        <v>82653</v>
      </c>
    </row>
    <row r="23075" spans="1:10" x14ac:dyDescent="0.35">
      <c r="A23075" s="1" t="s">
        <v>7312</v>
      </c>
      <c r="B23075" s="1" t="s">
        <v>81949</v>
      </c>
      <c r="C23075" s="1" t="s">
        <v>40</v>
      </c>
      <c r="D23075" s="1" t="s">
        <v>3077</v>
      </c>
      <c r="E23075" s="1" t="s">
        <v>82654</v>
      </c>
      <c r="F23075" s="1" t="s">
        <v>82655</v>
      </c>
      <c r="G23075" s="1" t="s">
        <v>82636</v>
      </c>
      <c r="H23075" s="1" t="s">
        <v>82637</v>
      </c>
      <c r="I23075" s="1" t="s">
        <v>81955</v>
      </c>
      <c r="J23075" s="1" t="s">
        <v>82656</v>
      </c>
    </row>
    <row r="23076" spans="1:10" x14ac:dyDescent="0.35">
      <c r="A23076" s="1" t="s">
        <v>7312</v>
      </c>
      <c r="B23076" s="1" t="s">
        <v>81949</v>
      </c>
      <c r="C23076" s="1" t="s">
        <v>45</v>
      </c>
      <c r="D23076" s="1" t="s">
        <v>420</v>
      </c>
      <c r="E23076" s="1" t="s">
        <v>82657</v>
      </c>
      <c r="F23076" s="1" t="s">
        <v>82658</v>
      </c>
      <c r="G23076" s="1" t="s">
        <v>82636</v>
      </c>
      <c r="H23076" s="1" t="s">
        <v>82637</v>
      </c>
      <c r="I23076" s="1" t="s">
        <v>81955</v>
      </c>
      <c r="J23076" s="1" t="s">
        <v>82659</v>
      </c>
    </row>
    <row r="23077" spans="1:10" x14ac:dyDescent="0.35">
      <c r="A23077" s="1" t="s">
        <v>7312</v>
      </c>
      <c r="B23077" s="1" t="s">
        <v>81949</v>
      </c>
      <c r="C23077" s="1" t="s">
        <v>50</v>
      </c>
      <c r="D23077" s="1" t="s">
        <v>82660</v>
      </c>
      <c r="E23077" s="1" t="s">
        <v>82661</v>
      </c>
      <c r="F23077" s="1" t="s">
        <v>82662</v>
      </c>
      <c r="G23077" s="1" t="s">
        <v>82636</v>
      </c>
      <c r="H23077" s="1" t="s">
        <v>82637</v>
      </c>
      <c r="I23077" s="1" t="s">
        <v>81955</v>
      </c>
      <c r="J23077" s="1" t="s">
        <v>82663</v>
      </c>
    </row>
    <row r="23078" spans="1:10" x14ac:dyDescent="0.35">
      <c r="A23078" s="1" t="s">
        <v>7312</v>
      </c>
      <c r="B23078" s="1" t="s">
        <v>81949</v>
      </c>
      <c r="C23078" s="1" t="s">
        <v>55</v>
      </c>
      <c r="D23078" s="1" t="s">
        <v>82664</v>
      </c>
      <c r="E23078" s="1" t="s">
        <v>82665</v>
      </c>
      <c r="F23078" s="1" t="s">
        <v>82666</v>
      </c>
      <c r="G23078" s="1" t="s">
        <v>82636</v>
      </c>
      <c r="H23078" s="1" t="s">
        <v>82637</v>
      </c>
      <c r="I23078" s="1" t="s">
        <v>81955</v>
      </c>
      <c r="J23078" s="1" t="s">
        <v>82667</v>
      </c>
    </row>
    <row r="23079" spans="1:10" x14ac:dyDescent="0.35">
      <c r="A23079" s="1" t="s">
        <v>7312</v>
      </c>
      <c r="B23079" s="1" t="s">
        <v>81949</v>
      </c>
      <c r="C23079" s="1" t="s">
        <v>60</v>
      </c>
      <c r="D23079" s="1" t="s">
        <v>13545</v>
      </c>
      <c r="E23079" s="1" t="s">
        <v>82668</v>
      </c>
      <c r="F23079" s="1" t="s">
        <v>82669</v>
      </c>
      <c r="G23079" s="1" t="s">
        <v>82636</v>
      </c>
      <c r="H23079" s="1" t="s">
        <v>82637</v>
      </c>
      <c r="I23079" s="1" t="s">
        <v>81955</v>
      </c>
      <c r="J23079" s="1" t="s">
        <v>82670</v>
      </c>
    </row>
    <row r="23080" spans="1:10" x14ac:dyDescent="0.35">
      <c r="A23080" s="1" t="s">
        <v>7312</v>
      </c>
      <c r="B23080" s="1" t="s">
        <v>81949</v>
      </c>
      <c r="C23080" s="1" t="s">
        <v>65</v>
      </c>
      <c r="D23080" s="1" t="s">
        <v>37106</v>
      </c>
      <c r="E23080" s="1" t="s">
        <v>82671</v>
      </c>
      <c r="F23080" s="1" t="s">
        <v>82672</v>
      </c>
      <c r="G23080" s="1" t="s">
        <v>82636</v>
      </c>
      <c r="H23080" s="1" t="s">
        <v>82637</v>
      </c>
      <c r="I23080" s="1" t="s">
        <v>81955</v>
      </c>
      <c r="J23080" s="1" t="s">
        <v>82673</v>
      </c>
    </row>
    <row r="23081" spans="1:10" x14ac:dyDescent="0.35">
      <c r="A23081" s="1" t="s">
        <v>7312</v>
      </c>
      <c r="B23081" s="1" t="s">
        <v>81949</v>
      </c>
      <c r="C23081" s="1" t="s">
        <v>70</v>
      </c>
      <c r="D23081" s="1" t="s">
        <v>82674</v>
      </c>
      <c r="E23081" s="1" t="s">
        <v>82675</v>
      </c>
      <c r="F23081" s="1" t="s">
        <v>82676</v>
      </c>
      <c r="G23081" s="1" t="s">
        <v>82636</v>
      </c>
      <c r="H23081" s="1" t="s">
        <v>82637</v>
      </c>
      <c r="I23081" s="1" t="s">
        <v>81955</v>
      </c>
      <c r="J23081" s="1" t="s">
        <v>82677</v>
      </c>
    </row>
    <row r="23082" spans="1:10" x14ac:dyDescent="0.35">
      <c r="A23082" s="1" t="s">
        <v>7312</v>
      </c>
      <c r="B23082" s="1" t="s">
        <v>81949</v>
      </c>
      <c r="C23082" s="1" t="s">
        <v>75</v>
      </c>
      <c r="D23082" s="1" t="s">
        <v>82678</v>
      </c>
      <c r="E23082" s="1" t="s">
        <v>82679</v>
      </c>
      <c r="F23082" s="1" t="s">
        <v>82680</v>
      </c>
      <c r="G23082" s="1" t="s">
        <v>82636</v>
      </c>
      <c r="H23082" s="1" t="s">
        <v>82637</v>
      </c>
      <c r="I23082" s="1" t="s">
        <v>81955</v>
      </c>
      <c r="J23082" s="1" t="s">
        <v>82681</v>
      </c>
    </row>
    <row r="23083" spans="1:10" x14ac:dyDescent="0.35">
      <c r="A23083" s="1" t="s">
        <v>7312</v>
      </c>
      <c r="B23083" s="1" t="s">
        <v>81949</v>
      </c>
      <c r="C23083" s="1" t="s">
        <v>80</v>
      </c>
      <c r="D23083" s="1" t="s">
        <v>82682</v>
      </c>
      <c r="E23083" s="1" t="s">
        <v>82683</v>
      </c>
      <c r="F23083" s="1" t="s">
        <v>82684</v>
      </c>
      <c r="G23083" s="1" t="s">
        <v>82636</v>
      </c>
      <c r="H23083" s="1" t="s">
        <v>82637</v>
      </c>
      <c r="I23083" s="1" t="s">
        <v>81955</v>
      </c>
      <c r="J23083" s="1" t="s">
        <v>82685</v>
      </c>
    </row>
    <row r="23084" spans="1:10" x14ac:dyDescent="0.35">
      <c r="A23084" s="1" t="s">
        <v>7312</v>
      </c>
      <c r="B23084" s="1" t="s">
        <v>81949</v>
      </c>
      <c r="C23084" s="1" t="s">
        <v>85</v>
      </c>
      <c r="D23084" s="1" t="s">
        <v>82686</v>
      </c>
      <c r="E23084" s="1" t="s">
        <v>82687</v>
      </c>
      <c r="F23084" s="1" t="s">
        <v>82688</v>
      </c>
      <c r="G23084" s="1" t="s">
        <v>82636</v>
      </c>
      <c r="H23084" s="1" t="s">
        <v>82637</v>
      </c>
      <c r="I23084" s="1" t="s">
        <v>81955</v>
      </c>
      <c r="J23084" s="1" t="s">
        <v>82689</v>
      </c>
    </row>
    <row r="23085" spans="1:10" x14ac:dyDescent="0.35">
      <c r="A23085" s="1" t="s">
        <v>7312</v>
      </c>
      <c r="B23085" s="1" t="s">
        <v>81949</v>
      </c>
      <c r="C23085" s="1" t="s">
        <v>90</v>
      </c>
      <c r="D23085" s="1" t="s">
        <v>82690</v>
      </c>
      <c r="E23085" s="1" t="s">
        <v>82691</v>
      </c>
      <c r="F23085" s="1" t="s">
        <v>82692</v>
      </c>
      <c r="G23085" s="1" t="s">
        <v>82636</v>
      </c>
      <c r="H23085" s="1" t="s">
        <v>82637</v>
      </c>
      <c r="I23085" s="1" t="s">
        <v>81955</v>
      </c>
      <c r="J23085" s="1" t="s">
        <v>82693</v>
      </c>
    </row>
    <row r="23086" spans="1:10" x14ac:dyDescent="0.35">
      <c r="A23086" s="1" t="s">
        <v>7312</v>
      </c>
      <c r="B23086" s="1" t="s">
        <v>81949</v>
      </c>
      <c r="C23086" s="1" t="s">
        <v>95</v>
      </c>
      <c r="D23086" s="1" t="s">
        <v>61058</v>
      </c>
      <c r="E23086" s="1" t="s">
        <v>82694</v>
      </c>
      <c r="F23086" s="1" t="s">
        <v>82695</v>
      </c>
      <c r="G23086" s="1" t="s">
        <v>82636</v>
      </c>
      <c r="H23086" s="1" t="s">
        <v>82637</v>
      </c>
      <c r="I23086" s="1" t="s">
        <v>81955</v>
      </c>
      <c r="J23086" s="1" t="s">
        <v>82696</v>
      </c>
    </row>
    <row r="23087" spans="1:10" x14ac:dyDescent="0.35">
      <c r="A23087" s="1" t="s">
        <v>7312</v>
      </c>
      <c r="B23087" s="1" t="s">
        <v>81949</v>
      </c>
      <c r="C23087" s="1" t="s">
        <v>100</v>
      </c>
      <c r="D23087" s="1" t="s">
        <v>82697</v>
      </c>
      <c r="E23087" s="1" t="s">
        <v>82698</v>
      </c>
      <c r="F23087" s="1" t="s">
        <v>82699</v>
      </c>
      <c r="G23087" s="1" t="s">
        <v>82636</v>
      </c>
      <c r="H23087" s="1" t="s">
        <v>82637</v>
      </c>
      <c r="I23087" s="1" t="s">
        <v>81955</v>
      </c>
      <c r="J23087" s="1" t="s">
        <v>82700</v>
      </c>
    </row>
    <row r="23088" spans="1:10" x14ac:dyDescent="0.35">
      <c r="A23088" s="1" t="s">
        <v>7312</v>
      </c>
      <c r="B23088" s="1" t="s">
        <v>81949</v>
      </c>
      <c r="C23088" s="1" t="s">
        <v>105</v>
      </c>
      <c r="D23088" s="1" t="s">
        <v>33036</v>
      </c>
      <c r="E23088" s="1" t="s">
        <v>82701</v>
      </c>
      <c r="F23088" s="1" t="s">
        <v>82702</v>
      </c>
      <c r="G23088" s="1" t="s">
        <v>82636</v>
      </c>
      <c r="H23088" s="1" t="s">
        <v>82637</v>
      </c>
      <c r="I23088" s="1" t="s">
        <v>81955</v>
      </c>
      <c r="J23088" s="1" t="s">
        <v>82703</v>
      </c>
    </row>
    <row r="23089" spans="1:10" x14ac:dyDescent="0.35">
      <c r="A23089" s="1" t="s">
        <v>7312</v>
      </c>
      <c r="B23089" s="1" t="s">
        <v>81949</v>
      </c>
      <c r="C23089" s="1" t="s">
        <v>110</v>
      </c>
      <c r="D23089" s="1" t="s">
        <v>82704</v>
      </c>
      <c r="E23089" s="1" t="s">
        <v>82705</v>
      </c>
      <c r="F23089" s="1" t="s">
        <v>82706</v>
      </c>
      <c r="G23089" s="1" t="s">
        <v>82636</v>
      </c>
      <c r="H23089" s="1" t="s">
        <v>82637</v>
      </c>
      <c r="I23089" s="1" t="s">
        <v>81955</v>
      </c>
      <c r="J23089" s="1" t="s">
        <v>82707</v>
      </c>
    </row>
    <row r="23090" spans="1:10" x14ac:dyDescent="0.35">
      <c r="A23090" s="1" t="s">
        <v>7312</v>
      </c>
      <c r="B23090" s="1" t="s">
        <v>81949</v>
      </c>
      <c r="C23090" s="1" t="s">
        <v>115</v>
      </c>
      <c r="D23090" s="1" t="s">
        <v>82140</v>
      </c>
      <c r="E23090" s="1" t="s">
        <v>82708</v>
      </c>
      <c r="F23090" s="1" t="s">
        <v>82709</v>
      </c>
      <c r="G23090" s="1" t="s">
        <v>82636</v>
      </c>
      <c r="H23090" s="1" t="s">
        <v>82637</v>
      </c>
      <c r="I23090" s="1" t="s">
        <v>81955</v>
      </c>
      <c r="J23090" s="1" t="s">
        <v>82710</v>
      </c>
    </row>
    <row r="23091" spans="1:10" x14ac:dyDescent="0.35">
      <c r="A23091" s="1" t="s">
        <v>7312</v>
      </c>
      <c r="B23091" s="1" t="s">
        <v>81949</v>
      </c>
      <c r="C23091" s="1" t="s">
        <v>120</v>
      </c>
      <c r="D23091" s="1" t="s">
        <v>36868</v>
      </c>
      <c r="E23091" s="1" t="s">
        <v>82711</v>
      </c>
      <c r="F23091" s="1" t="s">
        <v>82712</v>
      </c>
      <c r="G23091" s="1" t="s">
        <v>82636</v>
      </c>
      <c r="H23091" s="1" t="s">
        <v>82637</v>
      </c>
      <c r="I23091" s="1" t="s">
        <v>81955</v>
      </c>
      <c r="J23091" s="1" t="s">
        <v>82713</v>
      </c>
    </row>
    <row r="23092" spans="1:10" x14ac:dyDescent="0.35">
      <c r="A23092" s="1" t="s">
        <v>7312</v>
      </c>
      <c r="B23092" s="1" t="s">
        <v>81949</v>
      </c>
      <c r="C23092" s="1" t="s">
        <v>125</v>
      </c>
      <c r="D23092" s="1" t="s">
        <v>82714</v>
      </c>
      <c r="E23092" s="1" t="s">
        <v>82715</v>
      </c>
      <c r="F23092" s="1" t="s">
        <v>82716</v>
      </c>
      <c r="G23092" s="1" t="s">
        <v>82636</v>
      </c>
      <c r="H23092" s="1" t="s">
        <v>82637</v>
      </c>
      <c r="I23092" s="1" t="s">
        <v>81955</v>
      </c>
      <c r="J23092" s="1" t="s">
        <v>82717</v>
      </c>
    </row>
    <row r="23093" spans="1:10" x14ac:dyDescent="0.35">
      <c r="A23093" s="1" t="s">
        <v>7312</v>
      </c>
      <c r="B23093" s="1" t="s">
        <v>81949</v>
      </c>
      <c r="C23093" s="1" t="s">
        <v>130</v>
      </c>
      <c r="D23093" s="1" t="s">
        <v>82718</v>
      </c>
      <c r="E23093" s="1" t="s">
        <v>82719</v>
      </c>
      <c r="F23093" s="1" t="s">
        <v>82720</v>
      </c>
      <c r="G23093" s="1" t="s">
        <v>82636</v>
      </c>
      <c r="H23093" s="1" t="s">
        <v>82637</v>
      </c>
      <c r="I23093" s="1" t="s">
        <v>81955</v>
      </c>
      <c r="J23093" s="1" t="s">
        <v>82721</v>
      </c>
    </row>
    <row r="23094" spans="1:10" x14ac:dyDescent="0.35">
      <c r="A23094" s="1" t="s">
        <v>7312</v>
      </c>
      <c r="B23094" s="1" t="s">
        <v>81949</v>
      </c>
      <c r="C23094" s="1" t="s">
        <v>135</v>
      </c>
      <c r="D23094" s="1" t="s">
        <v>82722</v>
      </c>
      <c r="E23094" s="1" t="s">
        <v>82723</v>
      </c>
      <c r="F23094" s="1" t="s">
        <v>82724</v>
      </c>
      <c r="G23094" s="1" t="s">
        <v>82636</v>
      </c>
      <c r="H23094" s="1" t="s">
        <v>82637</v>
      </c>
      <c r="I23094" s="1" t="s">
        <v>81955</v>
      </c>
      <c r="J23094" s="1" t="s">
        <v>82725</v>
      </c>
    </row>
    <row r="23095" spans="1:10" x14ac:dyDescent="0.35">
      <c r="A23095" s="1" t="s">
        <v>7312</v>
      </c>
      <c r="B23095" s="1" t="s">
        <v>81949</v>
      </c>
      <c r="C23095" s="1" t="s">
        <v>140</v>
      </c>
      <c r="D23095" s="1" t="s">
        <v>82726</v>
      </c>
      <c r="E23095" s="1" t="s">
        <v>82727</v>
      </c>
      <c r="F23095" s="1" t="s">
        <v>82728</v>
      </c>
      <c r="G23095" s="1" t="s">
        <v>82636</v>
      </c>
      <c r="H23095" s="1" t="s">
        <v>82637</v>
      </c>
      <c r="I23095" s="1" t="s">
        <v>81955</v>
      </c>
      <c r="J23095" s="1" t="s">
        <v>82729</v>
      </c>
    </row>
    <row r="23096" spans="1:10" x14ac:dyDescent="0.35">
      <c r="A23096" s="1" t="s">
        <v>7312</v>
      </c>
      <c r="B23096" s="1" t="s">
        <v>81949</v>
      </c>
      <c r="C23096" s="1" t="s">
        <v>145</v>
      </c>
      <c r="D23096" s="1" t="s">
        <v>9102</v>
      </c>
      <c r="E23096" s="1" t="s">
        <v>82730</v>
      </c>
      <c r="F23096" s="1" t="s">
        <v>82731</v>
      </c>
      <c r="G23096" s="1" t="s">
        <v>82636</v>
      </c>
      <c r="H23096" s="1" t="s">
        <v>82637</v>
      </c>
      <c r="I23096" s="1" t="s">
        <v>81955</v>
      </c>
      <c r="J23096" s="1" t="s">
        <v>82732</v>
      </c>
    </row>
    <row r="23097" spans="1:10" x14ac:dyDescent="0.35">
      <c r="A23097" s="1" t="s">
        <v>7312</v>
      </c>
      <c r="B23097" s="1" t="s">
        <v>81949</v>
      </c>
      <c r="C23097" s="1" t="s">
        <v>150</v>
      </c>
      <c r="D23097" s="1" t="s">
        <v>82733</v>
      </c>
      <c r="E23097" s="1" t="s">
        <v>82734</v>
      </c>
      <c r="F23097" s="1" t="s">
        <v>82735</v>
      </c>
      <c r="G23097" s="1" t="s">
        <v>82636</v>
      </c>
      <c r="H23097" s="1" t="s">
        <v>82637</v>
      </c>
      <c r="I23097" s="1" t="s">
        <v>81955</v>
      </c>
      <c r="J23097" s="1" t="s">
        <v>82736</v>
      </c>
    </row>
    <row r="23098" spans="1:10" x14ac:dyDescent="0.35">
      <c r="A23098" s="1" t="s">
        <v>7312</v>
      </c>
      <c r="B23098" s="1" t="s">
        <v>81949</v>
      </c>
      <c r="C23098" s="1" t="s">
        <v>155</v>
      </c>
      <c r="D23098" s="1" t="s">
        <v>82737</v>
      </c>
      <c r="E23098" s="1" t="s">
        <v>82738</v>
      </c>
      <c r="F23098" s="1" t="s">
        <v>82739</v>
      </c>
      <c r="G23098" s="1" t="s">
        <v>82636</v>
      </c>
      <c r="H23098" s="1" t="s">
        <v>82637</v>
      </c>
      <c r="I23098" s="1" t="s">
        <v>81955</v>
      </c>
      <c r="J23098" s="1" t="s">
        <v>82740</v>
      </c>
    </row>
    <row r="23099" spans="1:10" x14ac:dyDescent="0.35">
      <c r="A23099" s="1" t="s">
        <v>7312</v>
      </c>
      <c r="B23099" s="1" t="s">
        <v>81949</v>
      </c>
      <c r="C23099" s="1" t="s">
        <v>160</v>
      </c>
      <c r="D23099" s="1" t="s">
        <v>82741</v>
      </c>
      <c r="E23099" s="1" t="s">
        <v>82742</v>
      </c>
      <c r="F23099" s="1" t="s">
        <v>82743</v>
      </c>
      <c r="G23099" s="1" t="s">
        <v>82636</v>
      </c>
      <c r="H23099" s="1" t="s">
        <v>82637</v>
      </c>
      <c r="I23099" s="1" t="s">
        <v>81955</v>
      </c>
      <c r="J23099" s="1" t="s">
        <v>82744</v>
      </c>
    </row>
    <row r="23100" spans="1:10" x14ac:dyDescent="0.35">
      <c r="A23100" s="1" t="s">
        <v>7312</v>
      </c>
      <c r="B23100" s="1" t="s">
        <v>81949</v>
      </c>
      <c r="C23100" s="1" t="s">
        <v>165</v>
      </c>
      <c r="D23100" s="1" t="s">
        <v>82745</v>
      </c>
      <c r="E23100" s="1" t="s">
        <v>82746</v>
      </c>
      <c r="F23100" s="1" t="s">
        <v>82747</v>
      </c>
      <c r="G23100" s="1" t="s">
        <v>82636</v>
      </c>
      <c r="H23100" s="1" t="s">
        <v>82637</v>
      </c>
      <c r="I23100" s="1" t="s">
        <v>81955</v>
      </c>
      <c r="J23100" s="1" t="s">
        <v>82748</v>
      </c>
    </row>
    <row r="23101" spans="1:10" x14ac:dyDescent="0.35">
      <c r="A23101" s="1" t="s">
        <v>7312</v>
      </c>
      <c r="B23101" s="1" t="s">
        <v>81949</v>
      </c>
      <c r="C23101" s="1" t="s">
        <v>170</v>
      </c>
      <c r="D23101" s="1" t="s">
        <v>82749</v>
      </c>
      <c r="E23101" s="1" t="s">
        <v>82750</v>
      </c>
      <c r="F23101" s="1" t="s">
        <v>82751</v>
      </c>
      <c r="G23101" s="1" t="s">
        <v>82636</v>
      </c>
      <c r="H23101" s="1" t="s">
        <v>82637</v>
      </c>
      <c r="I23101" s="1" t="s">
        <v>81955</v>
      </c>
      <c r="J23101" s="1" t="s">
        <v>82752</v>
      </c>
    </row>
    <row r="23102" spans="1:10" x14ac:dyDescent="0.35">
      <c r="A23102" s="1" t="s">
        <v>1785</v>
      </c>
      <c r="B23102" s="1" t="s">
        <v>81949</v>
      </c>
      <c r="C23102" s="1" t="s">
        <v>8</v>
      </c>
      <c r="D23102" s="1" t="s">
        <v>82753</v>
      </c>
      <c r="E23102" s="1" t="s">
        <v>82754</v>
      </c>
      <c r="F23102" s="1" t="s">
        <v>82755</v>
      </c>
      <c r="G23102" s="1" t="s">
        <v>82756</v>
      </c>
      <c r="H23102" s="1" t="s">
        <v>82757</v>
      </c>
      <c r="I23102" s="1" t="s">
        <v>81955</v>
      </c>
      <c r="J23102" s="1" t="s">
        <v>13</v>
      </c>
    </row>
    <row r="23103" spans="1:10" x14ac:dyDescent="0.35">
      <c r="A23103" s="1" t="s">
        <v>1785</v>
      </c>
      <c r="B23103" s="1" t="s">
        <v>81949</v>
      </c>
      <c r="C23103" s="1" t="s">
        <v>15</v>
      </c>
      <c r="D23103" s="1" t="s">
        <v>42028</v>
      </c>
      <c r="E23103" s="1" t="s">
        <v>82758</v>
      </c>
      <c r="F23103" s="1" t="s">
        <v>82759</v>
      </c>
      <c r="G23103" s="1" t="s">
        <v>82756</v>
      </c>
      <c r="H23103" s="1" t="s">
        <v>82757</v>
      </c>
      <c r="I23103" s="1" t="s">
        <v>81955</v>
      </c>
      <c r="J23103" s="1" t="s">
        <v>82760</v>
      </c>
    </row>
    <row r="23104" spans="1:10" x14ac:dyDescent="0.35">
      <c r="A23104" s="1" t="s">
        <v>1785</v>
      </c>
      <c r="B23104" s="1" t="s">
        <v>81949</v>
      </c>
      <c r="C23104" s="1" t="s">
        <v>20</v>
      </c>
      <c r="D23104" s="1" t="s">
        <v>73458</v>
      </c>
      <c r="E23104" s="1" t="s">
        <v>82761</v>
      </c>
      <c r="F23104" s="1" t="s">
        <v>82762</v>
      </c>
      <c r="G23104" s="1" t="s">
        <v>82756</v>
      </c>
      <c r="H23104" s="1" t="s">
        <v>82757</v>
      </c>
      <c r="I23104" s="1" t="s">
        <v>81955</v>
      </c>
      <c r="J23104" s="1" t="s">
        <v>82763</v>
      </c>
    </row>
    <row r="23105" spans="1:10" x14ac:dyDescent="0.35">
      <c r="A23105" s="1" t="s">
        <v>1785</v>
      </c>
      <c r="B23105" s="1" t="s">
        <v>81949</v>
      </c>
      <c r="C23105" s="1" t="s">
        <v>25</v>
      </c>
      <c r="D23105" s="1" t="s">
        <v>82764</v>
      </c>
      <c r="E23105" s="1" t="s">
        <v>82765</v>
      </c>
      <c r="F23105" s="1" t="s">
        <v>82766</v>
      </c>
      <c r="G23105" s="1" t="s">
        <v>82756</v>
      </c>
      <c r="H23105" s="1" t="s">
        <v>82757</v>
      </c>
      <c r="I23105" s="1" t="s">
        <v>81955</v>
      </c>
      <c r="J23105" s="1" t="s">
        <v>82767</v>
      </c>
    </row>
    <row r="23106" spans="1:10" x14ac:dyDescent="0.35">
      <c r="A23106" s="1" t="s">
        <v>1785</v>
      </c>
      <c r="B23106" s="1" t="s">
        <v>81949</v>
      </c>
      <c r="C23106" s="1" t="s">
        <v>30</v>
      </c>
      <c r="D23106" s="1" t="s">
        <v>82768</v>
      </c>
      <c r="E23106" s="1" t="s">
        <v>82769</v>
      </c>
      <c r="F23106" s="1" t="s">
        <v>82770</v>
      </c>
      <c r="G23106" s="1" t="s">
        <v>82756</v>
      </c>
      <c r="H23106" s="1" t="s">
        <v>82757</v>
      </c>
      <c r="I23106" s="1" t="s">
        <v>81955</v>
      </c>
      <c r="J23106" s="1" t="s">
        <v>82771</v>
      </c>
    </row>
    <row r="23107" spans="1:10" x14ac:dyDescent="0.35">
      <c r="A23107" s="1" t="s">
        <v>1785</v>
      </c>
      <c r="B23107" s="1" t="s">
        <v>81949</v>
      </c>
      <c r="C23107" s="1" t="s">
        <v>35</v>
      </c>
      <c r="D23107" s="1" t="s">
        <v>10784</v>
      </c>
      <c r="E23107" s="1" t="s">
        <v>82772</v>
      </c>
      <c r="F23107" s="1" t="s">
        <v>82773</v>
      </c>
      <c r="G23107" s="1" t="s">
        <v>82756</v>
      </c>
      <c r="H23107" s="1" t="s">
        <v>82757</v>
      </c>
      <c r="I23107" s="1" t="s">
        <v>81955</v>
      </c>
      <c r="J23107" s="1" t="s">
        <v>82774</v>
      </c>
    </row>
    <row r="23108" spans="1:10" x14ac:dyDescent="0.35">
      <c r="A23108" s="1" t="s">
        <v>1785</v>
      </c>
      <c r="B23108" s="1" t="s">
        <v>81949</v>
      </c>
      <c r="C23108" s="1" t="s">
        <v>40</v>
      </c>
      <c r="D23108" s="1" t="s">
        <v>82775</v>
      </c>
      <c r="E23108" s="1" t="s">
        <v>82776</v>
      </c>
      <c r="F23108" s="1" t="s">
        <v>82777</v>
      </c>
      <c r="G23108" s="1" t="s">
        <v>82756</v>
      </c>
      <c r="H23108" s="1" t="s">
        <v>82757</v>
      </c>
      <c r="I23108" s="1" t="s">
        <v>81955</v>
      </c>
      <c r="J23108" s="1" t="s">
        <v>82778</v>
      </c>
    </row>
    <row r="23109" spans="1:10" x14ac:dyDescent="0.35">
      <c r="A23109" s="1" t="s">
        <v>1785</v>
      </c>
      <c r="B23109" s="1" t="s">
        <v>81949</v>
      </c>
      <c r="C23109" s="1" t="s">
        <v>45</v>
      </c>
      <c r="D23109" s="1" t="s">
        <v>16248</v>
      </c>
      <c r="E23109" s="1" t="s">
        <v>82779</v>
      </c>
      <c r="F23109" s="1" t="s">
        <v>82780</v>
      </c>
      <c r="G23109" s="1" t="s">
        <v>82756</v>
      </c>
      <c r="H23109" s="1" t="s">
        <v>82757</v>
      </c>
      <c r="I23109" s="1" t="s">
        <v>81955</v>
      </c>
      <c r="J23109" s="1" t="s">
        <v>82781</v>
      </c>
    </row>
    <row r="23110" spans="1:10" x14ac:dyDescent="0.35">
      <c r="A23110" s="1" t="s">
        <v>1785</v>
      </c>
      <c r="B23110" s="1" t="s">
        <v>81949</v>
      </c>
      <c r="C23110" s="1" t="s">
        <v>50</v>
      </c>
      <c r="D23110" s="1" t="s">
        <v>82782</v>
      </c>
      <c r="E23110" s="1" t="s">
        <v>82783</v>
      </c>
      <c r="F23110" s="1" t="s">
        <v>82784</v>
      </c>
      <c r="G23110" s="1" t="s">
        <v>82756</v>
      </c>
      <c r="H23110" s="1" t="s">
        <v>82757</v>
      </c>
      <c r="I23110" s="1" t="s">
        <v>81955</v>
      </c>
      <c r="J23110" s="1" t="s">
        <v>82785</v>
      </c>
    </row>
    <row r="23111" spans="1:10" x14ac:dyDescent="0.35">
      <c r="A23111" s="1" t="s">
        <v>1785</v>
      </c>
      <c r="B23111" s="1" t="s">
        <v>81949</v>
      </c>
      <c r="C23111" s="1" t="s">
        <v>55</v>
      </c>
      <c r="D23111" s="1" t="s">
        <v>82786</v>
      </c>
      <c r="E23111" s="1" t="s">
        <v>82787</v>
      </c>
      <c r="F23111" s="1" t="s">
        <v>82788</v>
      </c>
      <c r="G23111" s="1" t="s">
        <v>82756</v>
      </c>
      <c r="H23111" s="1" t="s">
        <v>82757</v>
      </c>
      <c r="I23111" s="1" t="s">
        <v>81955</v>
      </c>
      <c r="J23111" s="1" t="s">
        <v>82789</v>
      </c>
    </row>
    <row r="23112" spans="1:10" x14ac:dyDescent="0.35">
      <c r="A23112" s="1" t="s">
        <v>1785</v>
      </c>
      <c r="B23112" s="1" t="s">
        <v>81949</v>
      </c>
      <c r="C23112" s="1" t="s">
        <v>60</v>
      </c>
      <c r="D23112" s="1" t="s">
        <v>82790</v>
      </c>
      <c r="E23112" s="1" t="s">
        <v>82791</v>
      </c>
      <c r="F23112" s="1" t="s">
        <v>82792</v>
      </c>
      <c r="G23112" s="1" t="s">
        <v>82756</v>
      </c>
      <c r="H23112" s="1" t="s">
        <v>82757</v>
      </c>
      <c r="I23112" s="1" t="s">
        <v>81955</v>
      </c>
      <c r="J23112" s="1" t="s">
        <v>82793</v>
      </c>
    </row>
    <row r="23113" spans="1:10" x14ac:dyDescent="0.35">
      <c r="A23113" s="1" t="s">
        <v>1785</v>
      </c>
      <c r="B23113" s="1" t="s">
        <v>81949</v>
      </c>
      <c r="C23113" s="1" t="s">
        <v>65</v>
      </c>
      <c r="D23113" s="1" t="s">
        <v>82794</v>
      </c>
      <c r="E23113" s="1" t="s">
        <v>82795</v>
      </c>
      <c r="F23113" s="1" t="s">
        <v>82796</v>
      </c>
      <c r="G23113" s="1" t="s">
        <v>82756</v>
      </c>
      <c r="H23113" s="1" t="s">
        <v>82757</v>
      </c>
      <c r="I23113" s="1" t="s">
        <v>81955</v>
      </c>
      <c r="J23113" s="1" t="s">
        <v>82797</v>
      </c>
    </row>
    <row r="23114" spans="1:10" x14ac:dyDescent="0.35">
      <c r="A23114" s="1" t="s">
        <v>1785</v>
      </c>
      <c r="B23114" s="1" t="s">
        <v>81949</v>
      </c>
      <c r="C23114" s="1" t="s">
        <v>70</v>
      </c>
      <c r="D23114" s="1" t="s">
        <v>74601</v>
      </c>
      <c r="E23114" s="1" t="s">
        <v>82798</v>
      </c>
      <c r="F23114" s="1" t="s">
        <v>82799</v>
      </c>
      <c r="G23114" s="1" t="s">
        <v>82756</v>
      </c>
      <c r="H23114" s="1" t="s">
        <v>82757</v>
      </c>
      <c r="I23114" s="1" t="s">
        <v>81955</v>
      </c>
      <c r="J23114" s="1" t="s">
        <v>82800</v>
      </c>
    </row>
    <row r="23115" spans="1:10" x14ac:dyDescent="0.35">
      <c r="A23115" s="1" t="s">
        <v>1785</v>
      </c>
      <c r="B23115" s="1" t="s">
        <v>81949</v>
      </c>
      <c r="C23115" s="1" t="s">
        <v>75</v>
      </c>
      <c r="D23115" s="1" t="s">
        <v>82801</v>
      </c>
      <c r="E23115" s="1" t="s">
        <v>82802</v>
      </c>
      <c r="F23115" s="1" t="s">
        <v>82803</v>
      </c>
      <c r="G23115" s="1" t="s">
        <v>82756</v>
      </c>
      <c r="H23115" s="1" t="s">
        <v>82757</v>
      </c>
      <c r="I23115" s="1" t="s">
        <v>81955</v>
      </c>
      <c r="J23115" s="1" t="s">
        <v>82804</v>
      </c>
    </row>
    <row r="23116" spans="1:10" x14ac:dyDescent="0.35">
      <c r="A23116" s="1" t="s">
        <v>1785</v>
      </c>
      <c r="B23116" s="1" t="s">
        <v>81949</v>
      </c>
      <c r="C23116" s="1" t="s">
        <v>80</v>
      </c>
      <c r="D23116" s="1" t="s">
        <v>11483</v>
      </c>
      <c r="E23116" s="1" t="s">
        <v>82805</v>
      </c>
      <c r="F23116" s="1" t="s">
        <v>82806</v>
      </c>
      <c r="G23116" s="1" t="s">
        <v>82756</v>
      </c>
      <c r="H23116" s="1" t="s">
        <v>82757</v>
      </c>
      <c r="I23116" s="1" t="s">
        <v>81955</v>
      </c>
      <c r="J23116" s="1" t="s">
        <v>82807</v>
      </c>
    </row>
    <row r="23117" spans="1:10" x14ac:dyDescent="0.35">
      <c r="A23117" s="1" t="s">
        <v>1785</v>
      </c>
      <c r="B23117" s="1" t="s">
        <v>81949</v>
      </c>
      <c r="C23117" s="1" t="s">
        <v>85</v>
      </c>
      <c r="D23117" s="1" t="s">
        <v>82808</v>
      </c>
      <c r="E23117" s="1" t="s">
        <v>82809</v>
      </c>
      <c r="F23117" s="1" t="s">
        <v>82810</v>
      </c>
      <c r="G23117" s="1" t="s">
        <v>82756</v>
      </c>
      <c r="H23117" s="1" t="s">
        <v>82757</v>
      </c>
      <c r="I23117" s="1" t="s">
        <v>81955</v>
      </c>
      <c r="J23117" s="1" t="s">
        <v>82811</v>
      </c>
    </row>
    <row r="23118" spans="1:10" x14ac:dyDescent="0.35">
      <c r="A23118" s="1" t="s">
        <v>1785</v>
      </c>
      <c r="B23118" s="1" t="s">
        <v>81949</v>
      </c>
      <c r="C23118" s="1" t="s">
        <v>90</v>
      </c>
      <c r="D23118" s="1" t="s">
        <v>82812</v>
      </c>
      <c r="E23118" s="1" t="s">
        <v>82813</v>
      </c>
      <c r="F23118" s="1" t="s">
        <v>82814</v>
      </c>
      <c r="G23118" s="1" t="s">
        <v>82756</v>
      </c>
      <c r="H23118" s="1" t="s">
        <v>82757</v>
      </c>
      <c r="I23118" s="1" t="s">
        <v>81955</v>
      </c>
      <c r="J23118" s="1" t="s">
        <v>82815</v>
      </c>
    </row>
    <row r="23119" spans="1:10" x14ac:dyDescent="0.35">
      <c r="A23119" s="1" t="s">
        <v>1785</v>
      </c>
      <c r="B23119" s="1" t="s">
        <v>81949</v>
      </c>
      <c r="C23119" s="1" t="s">
        <v>95</v>
      </c>
      <c r="D23119" s="1" t="s">
        <v>82816</v>
      </c>
      <c r="E23119" s="1" t="s">
        <v>82754</v>
      </c>
      <c r="F23119" s="1" t="s">
        <v>82817</v>
      </c>
      <c r="G23119" s="1" t="s">
        <v>82756</v>
      </c>
      <c r="H23119" s="1" t="s">
        <v>82757</v>
      </c>
      <c r="I23119" s="1" t="s">
        <v>81955</v>
      </c>
      <c r="J23119" s="1" t="s">
        <v>82818</v>
      </c>
    </row>
    <row r="23120" spans="1:10" x14ac:dyDescent="0.35">
      <c r="A23120" s="1" t="s">
        <v>1785</v>
      </c>
      <c r="B23120" s="1" t="s">
        <v>81949</v>
      </c>
      <c r="C23120" s="1" t="s">
        <v>100</v>
      </c>
      <c r="D23120" s="1" t="s">
        <v>82819</v>
      </c>
      <c r="E23120" s="1" t="s">
        <v>82820</v>
      </c>
      <c r="F23120" s="1" t="s">
        <v>82821</v>
      </c>
      <c r="G23120" s="1" t="s">
        <v>82756</v>
      </c>
      <c r="H23120" s="1" t="s">
        <v>82757</v>
      </c>
      <c r="I23120" s="1" t="s">
        <v>81955</v>
      </c>
      <c r="J23120" s="1" t="s">
        <v>82822</v>
      </c>
    </row>
    <row r="23121" spans="1:10" x14ac:dyDescent="0.35">
      <c r="A23121" s="1" t="s">
        <v>1785</v>
      </c>
      <c r="B23121" s="1" t="s">
        <v>81949</v>
      </c>
      <c r="C23121" s="1" t="s">
        <v>105</v>
      </c>
      <c r="D23121" s="1" t="s">
        <v>82823</v>
      </c>
      <c r="E23121" s="1" t="s">
        <v>82824</v>
      </c>
      <c r="F23121" s="1" t="s">
        <v>82825</v>
      </c>
      <c r="G23121" s="1" t="s">
        <v>82756</v>
      </c>
      <c r="H23121" s="1" t="s">
        <v>82757</v>
      </c>
      <c r="I23121" s="1" t="s">
        <v>81955</v>
      </c>
      <c r="J23121" s="1" t="s">
        <v>82826</v>
      </c>
    </row>
    <row r="23122" spans="1:10" x14ac:dyDescent="0.35">
      <c r="A23122" s="1" t="s">
        <v>1785</v>
      </c>
      <c r="B23122" s="1" t="s">
        <v>81949</v>
      </c>
      <c r="C23122" s="1" t="s">
        <v>110</v>
      </c>
      <c r="D23122" s="1" t="s">
        <v>82827</v>
      </c>
      <c r="E23122" s="1" t="s">
        <v>82828</v>
      </c>
      <c r="F23122" s="1" t="s">
        <v>82829</v>
      </c>
      <c r="G23122" s="1" t="s">
        <v>82756</v>
      </c>
      <c r="H23122" s="1" t="s">
        <v>82757</v>
      </c>
      <c r="I23122" s="1" t="s">
        <v>81955</v>
      </c>
      <c r="J23122" s="1" t="s">
        <v>82830</v>
      </c>
    </row>
    <row r="23123" spans="1:10" x14ac:dyDescent="0.35">
      <c r="A23123" s="1" t="s">
        <v>1785</v>
      </c>
      <c r="B23123" s="1" t="s">
        <v>81949</v>
      </c>
      <c r="C23123" s="1" t="s">
        <v>115</v>
      </c>
      <c r="D23123" s="1" t="s">
        <v>82831</v>
      </c>
      <c r="E23123" s="1" t="s">
        <v>82832</v>
      </c>
      <c r="F23123" s="1" t="s">
        <v>82833</v>
      </c>
      <c r="G23123" s="1" t="s">
        <v>82756</v>
      </c>
      <c r="H23123" s="1" t="s">
        <v>82757</v>
      </c>
      <c r="I23123" s="1" t="s">
        <v>81955</v>
      </c>
      <c r="J23123" s="1" t="s">
        <v>82834</v>
      </c>
    </row>
    <row r="23124" spans="1:10" x14ac:dyDescent="0.35">
      <c r="A23124" s="1" t="s">
        <v>1785</v>
      </c>
      <c r="B23124" s="1" t="s">
        <v>81949</v>
      </c>
      <c r="C23124" s="1" t="s">
        <v>120</v>
      </c>
      <c r="D23124" s="1" t="s">
        <v>82835</v>
      </c>
      <c r="E23124" s="1" t="s">
        <v>82836</v>
      </c>
      <c r="F23124" s="1" t="s">
        <v>82837</v>
      </c>
      <c r="G23124" s="1" t="s">
        <v>82756</v>
      </c>
      <c r="H23124" s="1" t="s">
        <v>82757</v>
      </c>
      <c r="I23124" s="1" t="s">
        <v>81955</v>
      </c>
      <c r="J23124" s="1" t="s">
        <v>82838</v>
      </c>
    </row>
    <row r="23125" spans="1:10" x14ac:dyDescent="0.35">
      <c r="A23125" s="1" t="s">
        <v>1785</v>
      </c>
      <c r="B23125" s="1" t="s">
        <v>81949</v>
      </c>
      <c r="C23125" s="1" t="s">
        <v>125</v>
      </c>
      <c r="D23125" s="1" t="s">
        <v>82839</v>
      </c>
      <c r="E23125" s="1" t="s">
        <v>82840</v>
      </c>
      <c r="F23125" s="1" t="s">
        <v>82841</v>
      </c>
      <c r="G23125" s="1" t="s">
        <v>82756</v>
      </c>
      <c r="H23125" s="1" t="s">
        <v>82757</v>
      </c>
      <c r="I23125" s="1" t="s">
        <v>81955</v>
      </c>
      <c r="J23125" s="1" t="s">
        <v>82842</v>
      </c>
    </row>
    <row r="23126" spans="1:10" x14ac:dyDescent="0.35">
      <c r="A23126" s="1" t="s">
        <v>1785</v>
      </c>
      <c r="B23126" s="1" t="s">
        <v>81949</v>
      </c>
      <c r="C23126" s="1" t="s">
        <v>130</v>
      </c>
      <c r="D23126" s="1" t="s">
        <v>82843</v>
      </c>
      <c r="E23126" s="1" t="s">
        <v>82844</v>
      </c>
      <c r="F23126" s="1" t="s">
        <v>82845</v>
      </c>
      <c r="G23126" s="1" t="s">
        <v>82756</v>
      </c>
      <c r="H23126" s="1" t="s">
        <v>82757</v>
      </c>
      <c r="I23126" s="1" t="s">
        <v>81955</v>
      </c>
      <c r="J23126" s="1" t="s">
        <v>82846</v>
      </c>
    </row>
    <row r="23127" spans="1:10" x14ac:dyDescent="0.35">
      <c r="A23127" s="1" t="s">
        <v>1785</v>
      </c>
      <c r="B23127" s="1" t="s">
        <v>81949</v>
      </c>
      <c r="C23127" s="1" t="s">
        <v>135</v>
      </c>
      <c r="D23127" s="1" t="s">
        <v>38690</v>
      </c>
      <c r="E23127" s="1" t="s">
        <v>82847</v>
      </c>
      <c r="F23127" s="1" t="s">
        <v>82848</v>
      </c>
      <c r="G23127" s="1" t="s">
        <v>82756</v>
      </c>
      <c r="H23127" s="1" t="s">
        <v>82757</v>
      </c>
      <c r="I23127" s="1" t="s">
        <v>81955</v>
      </c>
      <c r="J23127" s="1" t="s">
        <v>82849</v>
      </c>
    </row>
    <row r="23128" spans="1:10" x14ac:dyDescent="0.35">
      <c r="A23128" s="1" t="s">
        <v>1785</v>
      </c>
      <c r="B23128" s="1" t="s">
        <v>81949</v>
      </c>
      <c r="C23128" s="1" t="s">
        <v>140</v>
      </c>
      <c r="D23128" s="1" t="s">
        <v>11250</v>
      </c>
      <c r="E23128" s="1" t="s">
        <v>82850</v>
      </c>
      <c r="F23128" s="1" t="s">
        <v>82851</v>
      </c>
      <c r="G23128" s="1" t="s">
        <v>82756</v>
      </c>
      <c r="H23128" s="1" t="s">
        <v>82757</v>
      </c>
      <c r="I23128" s="1" t="s">
        <v>81955</v>
      </c>
      <c r="J23128" s="1" t="s">
        <v>82852</v>
      </c>
    </row>
    <row r="23129" spans="1:10" x14ac:dyDescent="0.35">
      <c r="A23129" s="1" t="s">
        <v>1785</v>
      </c>
      <c r="B23129" s="1" t="s">
        <v>81949</v>
      </c>
      <c r="C23129" s="1" t="s">
        <v>145</v>
      </c>
      <c r="D23129" s="1" t="s">
        <v>76946</v>
      </c>
      <c r="E23129" s="1" t="s">
        <v>82853</v>
      </c>
      <c r="F23129" s="1" t="s">
        <v>82854</v>
      </c>
      <c r="G23129" s="1" t="s">
        <v>82756</v>
      </c>
      <c r="H23129" s="1" t="s">
        <v>82757</v>
      </c>
      <c r="I23129" s="1" t="s">
        <v>81955</v>
      </c>
      <c r="J23129" s="1" t="s">
        <v>82855</v>
      </c>
    </row>
    <row r="23130" spans="1:10" x14ac:dyDescent="0.35">
      <c r="A23130" s="1" t="s">
        <v>1785</v>
      </c>
      <c r="B23130" s="1" t="s">
        <v>81949</v>
      </c>
      <c r="C23130" s="1" t="s">
        <v>150</v>
      </c>
      <c r="D23130" s="1" t="s">
        <v>82856</v>
      </c>
      <c r="E23130" s="1" t="s">
        <v>82857</v>
      </c>
      <c r="F23130" s="1" t="s">
        <v>82858</v>
      </c>
      <c r="G23130" s="1" t="s">
        <v>82756</v>
      </c>
      <c r="H23130" s="1" t="s">
        <v>82757</v>
      </c>
      <c r="I23130" s="1" t="s">
        <v>81955</v>
      </c>
      <c r="J23130" s="1" t="s">
        <v>82859</v>
      </c>
    </row>
    <row r="23131" spans="1:10" x14ac:dyDescent="0.35">
      <c r="A23131" s="1" t="s">
        <v>1785</v>
      </c>
      <c r="B23131" s="1" t="s">
        <v>81949</v>
      </c>
      <c r="C23131" s="1" t="s">
        <v>155</v>
      </c>
      <c r="D23131" s="1" t="s">
        <v>82860</v>
      </c>
      <c r="E23131" s="1" t="s">
        <v>82861</v>
      </c>
      <c r="F23131" s="1" t="s">
        <v>82862</v>
      </c>
      <c r="G23131" s="1" t="s">
        <v>82756</v>
      </c>
      <c r="H23131" s="1" t="s">
        <v>82757</v>
      </c>
      <c r="I23131" s="1" t="s">
        <v>81955</v>
      </c>
      <c r="J23131" s="1" t="s">
        <v>82863</v>
      </c>
    </row>
    <row r="23132" spans="1:10" x14ac:dyDescent="0.35">
      <c r="A23132" s="1" t="s">
        <v>1785</v>
      </c>
      <c r="B23132" s="1" t="s">
        <v>81949</v>
      </c>
      <c r="C23132" s="1" t="s">
        <v>160</v>
      </c>
      <c r="D23132" s="1" t="s">
        <v>82864</v>
      </c>
      <c r="E23132" s="1" t="s">
        <v>82865</v>
      </c>
      <c r="F23132" s="1" t="s">
        <v>82866</v>
      </c>
      <c r="G23132" s="1" t="s">
        <v>82756</v>
      </c>
      <c r="H23132" s="1" t="s">
        <v>82757</v>
      </c>
      <c r="I23132" s="1" t="s">
        <v>81955</v>
      </c>
      <c r="J23132" s="1" t="s">
        <v>82867</v>
      </c>
    </row>
    <row r="23133" spans="1:10" x14ac:dyDescent="0.35">
      <c r="A23133" s="1" t="s">
        <v>1785</v>
      </c>
      <c r="B23133" s="1" t="s">
        <v>81949</v>
      </c>
      <c r="C23133" s="1" t="s">
        <v>165</v>
      </c>
      <c r="D23133" s="1" t="s">
        <v>82868</v>
      </c>
      <c r="E23133" s="1" t="s">
        <v>82869</v>
      </c>
      <c r="F23133" s="1" t="s">
        <v>82870</v>
      </c>
      <c r="G23133" s="1" t="s">
        <v>82756</v>
      </c>
      <c r="H23133" s="1" t="s">
        <v>82757</v>
      </c>
      <c r="I23133" s="1" t="s">
        <v>81955</v>
      </c>
      <c r="J23133" s="1" t="s">
        <v>82871</v>
      </c>
    </row>
    <row r="23134" spans="1:10" x14ac:dyDescent="0.35">
      <c r="A23134" s="1" t="s">
        <v>1785</v>
      </c>
      <c r="B23134" s="1" t="s">
        <v>81949</v>
      </c>
      <c r="C23134" s="1" t="s">
        <v>170</v>
      </c>
      <c r="D23134" s="1" t="s">
        <v>82872</v>
      </c>
      <c r="E23134" s="1" t="s">
        <v>82873</v>
      </c>
      <c r="F23134" s="1" t="s">
        <v>82874</v>
      </c>
      <c r="G23134" s="1" t="s">
        <v>82756</v>
      </c>
      <c r="H23134" s="1" t="s">
        <v>82757</v>
      </c>
      <c r="I23134" s="1" t="s">
        <v>81955</v>
      </c>
      <c r="J23134" s="1" t="s">
        <v>82875</v>
      </c>
    </row>
    <row r="23135" spans="1:10" x14ac:dyDescent="0.35">
      <c r="A23135" s="1" t="s">
        <v>1825</v>
      </c>
      <c r="B23135" s="1" t="s">
        <v>81949</v>
      </c>
      <c r="C23135" s="1" t="s">
        <v>8</v>
      </c>
      <c r="D23135" s="1" t="s">
        <v>49871</v>
      </c>
      <c r="E23135" s="1" t="s">
        <v>22894</v>
      </c>
      <c r="F23135" s="1" t="s">
        <v>82593</v>
      </c>
      <c r="G23135" s="1" t="s">
        <v>82876</v>
      </c>
      <c r="H23135" s="1" t="s">
        <v>82877</v>
      </c>
      <c r="I23135" s="1" t="s">
        <v>81955</v>
      </c>
      <c r="J23135" s="1" t="s">
        <v>13</v>
      </c>
    </row>
    <row r="23136" spans="1:10" x14ac:dyDescent="0.35">
      <c r="A23136" s="1" t="s">
        <v>1825</v>
      </c>
      <c r="B23136" s="1" t="s">
        <v>81949</v>
      </c>
      <c r="C23136" s="1" t="s">
        <v>15</v>
      </c>
      <c r="D23136" s="1" t="s">
        <v>71181</v>
      </c>
      <c r="E23136" s="1" t="s">
        <v>82878</v>
      </c>
      <c r="F23136" s="1" t="s">
        <v>69585</v>
      </c>
      <c r="G23136" s="1" t="s">
        <v>82876</v>
      </c>
      <c r="H23136" s="1" t="s">
        <v>82877</v>
      </c>
      <c r="I23136" s="1" t="s">
        <v>81955</v>
      </c>
      <c r="J23136" s="1" t="s">
        <v>82879</v>
      </c>
    </row>
    <row r="23137" spans="1:10" x14ac:dyDescent="0.35">
      <c r="A23137" s="1" t="s">
        <v>1825</v>
      </c>
      <c r="B23137" s="1" t="s">
        <v>81949</v>
      </c>
      <c r="C23137" s="1" t="s">
        <v>20</v>
      </c>
      <c r="D23137" s="1" t="s">
        <v>82880</v>
      </c>
      <c r="E23137" s="1" t="s">
        <v>66346</v>
      </c>
      <c r="F23137" s="1" t="s">
        <v>82881</v>
      </c>
      <c r="G23137" s="1" t="s">
        <v>82876</v>
      </c>
      <c r="H23137" s="1" t="s">
        <v>82877</v>
      </c>
      <c r="I23137" s="1" t="s">
        <v>81955</v>
      </c>
      <c r="J23137" s="1" t="s">
        <v>82882</v>
      </c>
    </row>
    <row r="23138" spans="1:10" x14ac:dyDescent="0.35">
      <c r="A23138" s="1" t="s">
        <v>1825</v>
      </c>
      <c r="B23138" s="1" t="s">
        <v>81949</v>
      </c>
      <c r="C23138" s="1" t="s">
        <v>25</v>
      </c>
      <c r="D23138" s="1" t="s">
        <v>82883</v>
      </c>
      <c r="E23138" s="1" t="s">
        <v>82884</v>
      </c>
      <c r="F23138" s="1" t="s">
        <v>82885</v>
      </c>
      <c r="G23138" s="1" t="s">
        <v>82876</v>
      </c>
      <c r="H23138" s="1" t="s">
        <v>82877</v>
      </c>
      <c r="I23138" s="1" t="s">
        <v>81955</v>
      </c>
      <c r="J23138" s="1" t="s">
        <v>82886</v>
      </c>
    </row>
    <row r="23139" spans="1:10" x14ac:dyDescent="0.35">
      <c r="A23139" s="1" t="s">
        <v>1825</v>
      </c>
      <c r="B23139" s="1" t="s">
        <v>81949</v>
      </c>
      <c r="C23139" s="1" t="s">
        <v>30</v>
      </c>
      <c r="D23139" s="1" t="s">
        <v>3008</v>
      </c>
      <c r="E23139" s="1" t="s">
        <v>23623</v>
      </c>
      <c r="F23139" s="1" t="s">
        <v>67261</v>
      </c>
      <c r="G23139" s="1" t="s">
        <v>82876</v>
      </c>
      <c r="H23139" s="1" t="s">
        <v>82877</v>
      </c>
      <c r="I23139" s="1" t="s">
        <v>81955</v>
      </c>
      <c r="J23139" s="1" t="s">
        <v>82887</v>
      </c>
    </row>
    <row r="23140" spans="1:10" x14ac:dyDescent="0.35">
      <c r="A23140" s="1" t="s">
        <v>1825</v>
      </c>
      <c r="B23140" s="1" t="s">
        <v>81949</v>
      </c>
      <c r="C23140" s="1" t="s">
        <v>35</v>
      </c>
      <c r="D23140" s="1" t="s">
        <v>71627</v>
      </c>
      <c r="E23140" s="1" t="s">
        <v>82888</v>
      </c>
      <c r="F23140" s="1" t="s">
        <v>69722</v>
      </c>
      <c r="G23140" s="1" t="s">
        <v>82876</v>
      </c>
      <c r="H23140" s="1" t="s">
        <v>82877</v>
      </c>
      <c r="I23140" s="1" t="s">
        <v>81955</v>
      </c>
      <c r="J23140" s="1" t="s">
        <v>82889</v>
      </c>
    </row>
    <row r="23141" spans="1:10" x14ac:dyDescent="0.35">
      <c r="A23141" s="1" t="s">
        <v>1825</v>
      </c>
      <c r="B23141" s="1" t="s">
        <v>81949</v>
      </c>
      <c r="C23141" s="1" t="s">
        <v>40</v>
      </c>
      <c r="D23141" s="1" t="s">
        <v>82890</v>
      </c>
      <c r="E23141" s="1" t="s">
        <v>82891</v>
      </c>
      <c r="F23141" s="1" t="s">
        <v>59538</v>
      </c>
      <c r="G23141" s="1" t="s">
        <v>82876</v>
      </c>
      <c r="H23141" s="1" t="s">
        <v>82877</v>
      </c>
      <c r="I23141" s="1" t="s">
        <v>81955</v>
      </c>
      <c r="J23141" s="1" t="s">
        <v>82892</v>
      </c>
    </row>
    <row r="23142" spans="1:10" x14ac:dyDescent="0.35">
      <c r="A23142" s="1" t="s">
        <v>1825</v>
      </c>
      <c r="B23142" s="1" t="s">
        <v>81949</v>
      </c>
      <c r="C23142" s="1" t="s">
        <v>45</v>
      </c>
      <c r="D23142" s="1" t="s">
        <v>33492</v>
      </c>
      <c r="E23142" s="1" t="s">
        <v>82893</v>
      </c>
      <c r="F23142" s="1" t="s">
        <v>82894</v>
      </c>
      <c r="G23142" s="1" t="s">
        <v>82876</v>
      </c>
      <c r="H23142" s="1" t="s">
        <v>82877</v>
      </c>
      <c r="I23142" s="1" t="s">
        <v>81955</v>
      </c>
      <c r="J23142" s="1" t="s">
        <v>82895</v>
      </c>
    </row>
    <row r="23143" spans="1:10" x14ac:dyDescent="0.35">
      <c r="A23143" s="1" t="s">
        <v>1825</v>
      </c>
      <c r="B23143" s="1" t="s">
        <v>81949</v>
      </c>
      <c r="C23143" s="1" t="s">
        <v>50</v>
      </c>
      <c r="D23143" s="1" t="s">
        <v>46407</v>
      </c>
      <c r="E23143" s="1" t="s">
        <v>21064</v>
      </c>
      <c r="F23143" s="1" t="s">
        <v>65471</v>
      </c>
      <c r="G23143" s="1" t="s">
        <v>82876</v>
      </c>
      <c r="H23143" s="1" t="s">
        <v>82877</v>
      </c>
      <c r="I23143" s="1" t="s">
        <v>81955</v>
      </c>
      <c r="J23143" s="1" t="s">
        <v>82896</v>
      </c>
    </row>
    <row r="23144" spans="1:10" x14ac:dyDescent="0.35">
      <c r="A23144" s="1" t="s">
        <v>1825</v>
      </c>
      <c r="B23144" s="1" t="s">
        <v>81949</v>
      </c>
      <c r="C23144" s="1" t="s">
        <v>55</v>
      </c>
      <c r="D23144" s="1" t="s">
        <v>82897</v>
      </c>
      <c r="E23144" s="1" t="s">
        <v>82898</v>
      </c>
      <c r="F23144" s="1" t="s">
        <v>82899</v>
      </c>
      <c r="G23144" s="1" t="s">
        <v>82876</v>
      </c>
      <c r="H23144" s="1" t="s">
        <v>82877</v>
      </c>
      <c r="I23144" s="1" t="s">
        <v>81955</v>
      </c>
      <c r="J23144" s="1" t="s">
        <v>82900</v>
      </c>
    </row>
    <row r="23145" spans="1:10" x14ac:dyDescent="0.35">
      <c r="A23145" s="1" t="s">
        <v>1825</v>
      </c>
      <c r="B23145" s="1" t="s">
        <v>81949</v>
      </c>
      <c r="C23145" s="1" t="s">
        <v>60</v>
      </c>
      <c r="D23145" s="1" t="s">
        <v>82901</v>
      </c>
      <c r="E23145" s="1" t="s">
        <v>54963</v>
      </c>
      <c r="F23145" s="1" t="s">
        <v>54143</v>
      </c>
      <c r="G23145" s="1" t="s">
        <v>82876</v>
      </c>
      <c r="H23145" s="1" t="s">
        <v>82877</v>
      </c>
      <c r="I23145" s="1" t="s">
        <v>81955</v>
      </c>
      <c r="J23145" s="1" t="s">
        <v>82902</v>
      </c>
    </row>
    <row r="23146" spans="1:10" x14ac:dyDescent="0.35">
      <c r="A23146" s="1" t="s">
        <v>1825</v>
      </c>
      <c r="B23146" s="1" t="s">
        <v>81949</v>
      </c>
      <c r="C23146" s="1" t="s">
        <v>65</v>
      </c>
      <c r="D23146" s="1" t="s">
        <v>82903</v>
      </c>
      <c r="E23146" s="1" t="s">
        <v>82904</v>
      </c>
      <c r="F23146" s="1" t="s">
        <v>58948</v>
      </c>
      <c r="G23146" s="1" t="s">
        <v>82876</v>
      </c>
      <c r="H23146" s="1" t="s">
        <v>82877</v>
      </c>
      <c r="I23146" s="1" t="s">
        <v>81955</v>
      </c>
      <c r="J23146" s="1" t="s">
        <v>82905</v>
      </c>
    </row>
    <row r="23147" spans="1:10" x14ac:dyDescent="0.35">
      <c r="A23147" s="1" t="s">
        <v>1825</v>
      </c>
      <c r="B23147" s="1" t="s">
        <v>81949</v>
      </c>
      <c r="C23147" s="1" t="s">
        <v>70</v>
      </c>
      <c r="D23147" s="1" t="s">
        <v>82906</v>
      </c>
      <c r="E23147" s="1" t="s">
        <v>23643</v>
      </c>
      <c r="F23147" s="1" t="s">
        <v>66274</v>
      </c>
      <c r="G23147" s="1" t="s">
        <v>82876</v>
      </c>
      <c r="H23147" s="1" t="s">
        <v>82877</v>
      </c>
      <c r="I23147" s="1" t="s">
        <v>81955</v>
      </c>
      <c r="J23147" s="1" t="s">
        <v>82907</v>
      </c>
    </row>
    <row r="23148" spans="1:10" x14ac:dyDescent="0.35">
      <c r="A23148" s="1" t="s">
        <v>1825</v>
      </c>
      <c r="B23148" s="1" t="s">
        <v>81949</v>
      </c>
      <c r="C23148" s="1" t="s">
        <v>75</v>
      </c>
      <c r="D23148" s="1" t="s">
        <v>82908</v>
      </c>
      <c r="E23148" s="1" t="s">
        <v>82909</v>
      </c>
      <c r="F23148" s="1" t="s">
        <v>64748</v>
      </c>
      <c r="G23148" s="1" t="s">
        <v>82876</v>
      </c>
      <c r="H23148" s="1" t="s">
        <v>82877</v>
      </c>
      <c r="I23148" s="1" t="s">
        <v>81955</v>
      </c>
      <c r="J23148" s="1" t="s">
        <v>82910</v>
      </c>
    </row>
    <row r="23149" spans="1:10" x14ac:dyDescent="0.35">
      <c r="A23149" s="1" t="s">
        <v>1825</v>
      </c>
      <c r="B23149" s="1" t="s">
        <v>81949</v>
      </c>
      <c r="C23149" s="1" t="s">
        <v>80</v>
      </c>
      <c r="D23149" s="1" t="s">
        <v>82911</v>
      </c>
      <c r="E23149" s="1" t="s">
        <v>22453</v>
      </c>
      <c r="F23149" s="1" t="s">
        <v>82912</v>
      </c>
      <c r="G23149" s="1" t="s">
        <v>82876</v>
      </c>
      <c r="H23149" s="1" t="s">
        <v>82877</v>
      </c>
      <c r="I23149" s="1" t="s">
        <v>81955</v>
      </c>
      <c r="J23149" s="1" t="s">
        <v>82913</v>
      </c>
    </row>
    <row r="23150" spans="1:10" x14ac:dyDescent="0.35">
      <c r="A23150" s="1" t="s">
        <v>1825</v>
      </c>
      <c r="B23150" s="1" t="s">
        <v>81949</v>
      </c>
      <c r="C23150" s="1" t="s">
        <v>85</v>
      </c>
      <c r="D23150" s="1" t="s">
        <v>82914</v>
      </c>
      <c r="E23150" s="1" t="s">
        <v>82915</v>
      </c>
      <c r="F23150" s="1" t="s">
        <v>82916</v>
      </c>
      <c r="G23150" s="1" t="s">
        <v>82876</v>
      </c>
      <c r="H23150" s="1" t="s">
        <v>82877</v>
      </c>
      <c r="I23150" s="1" t="s">
        <v>81955</v>
      </c>
      <c r="J23150" s="1" t="s">
        <v>82917</v>
      </c>
    </row>
    <row r="23151" spans="1:10" x14ac:dyDescent="0.35">
      <c r="A23151" s="1" t="s">
        <v>1825</v>
      </c>
      <c r="B23151" s="1" t="s">
        <v>81949</v>
      </c>
      <c r="C23151" s="1" t="s">
        <v>90</v>
      </c>
      <c r="D23151" s="1" t="s">
        <v>82918</v>
      </c>
      <c r="E23151" s="1" t="s">
        <v>82919</v>
      </c>
      <c r="F23151" s="1" t="s">
        <v>19929</v>
      </c>
      <c r="G23151" s="1" t="s">
        <v>82876</v>
      </c>
      <c r="H23151" s="1" t="s">
        <v>82877</v>
      </c>
      <c r="I23151" s="1" t="s">
        <v>81955</v>
      </c>
      <c r="J23151" s="1" t="s">
        <v>82920</v>
      </c>
    </row>
    <row r="23152" spans="1:10" x14ac:dyDescent="0.35">
      <c r="A23152" s="1" t="s">
        <v>1825</v>
      </c>
      <c r="B23152" s="1" t="s">
        <v>81949</v>
      </c>
      <c r="C23152" s="1" t="s">
        <v>95</v>
      </c>
      <c r="D23152" s="1" t="s">
        <v>82921</v>
      </c>
      <c r="E23152" s="1" t="s">
        <v>24762</v>
      </c>
      <c r="F23152" s="1" t="s">
        <v>55402</v>
      </c>
      <c r="G23152" s="1" t="s">
        <v>82876</v>
      </c>
      <c r="H23152" s="1" t="s">
        <v>82877</v>
      </c>
      <c r="I23152" s="1" t="s">
        <v>81955</v>
      </c>
      <c r="J23152" s="1" t="s">
        <v>82922</v>
      </c>
    </row>
    <row r="23153" spans="1:10" x14ac:dyDescent="0.35">
      <c r="A23153" s="1" t="s">
        <v>1825</v>
      </c>
      <c r="B23153" s="1" t="s">
        <v>81949</v>
      </c>
      <c r="C23153" s="1" t="s">
        <v>100</v>
      </c>
      <c r="D23153" s="1" t="s">
        <v>46616</v>
      </c>
      <c r="E23153" s="1" t="s">
        <v>82923</v>
      </c>
      <c r="F23153" s="1" t="s">
        <v>82924</v>
      </c>
      <c r="G23153" s="1" t="s">
        <v>82876</v>
      </c>
      <c r="H23153" s="1" t="s">
        <v>82877</v>
      </c>
      <c r="I23153" s="1" t="s">
        <v>81955</v>
      </c>
      <c r="J23153" s="1" t="s">
        <v>82925</v>
      </c>
    </row>
    <row r="23154" spans="1:10" x14ac:dyDescent="0.35">
      <c r="A23154" s="1" t="s">
        <v>1825</v>
      </c>
      <c r="B23154" s="1" t="s">
        <v>81949</v>
      </c>
      <c r="C23154" s="1" t="s">
        <v>105</v>
      </c>
      <c r="D23154" s="1" t="s">
        <v>82926</v>
      </c>
      <c r="E23154" s="1" t="s">
        <v>21477</v>
      </c>
      <c r="F23154" s="1" t="s">
        <v>82927</v>
      </c>
      <c r="G23154" s="1" t="s">
        <v>82876</v>
      </c>
      <c r="H23154" s="1" t="s">
        <v>82877</v>
      </c>
      <c r="I23154" s="1" t="s">
        <v>81955</v>
      </c>
      <c r="J23154" s="1" t="s">
        <v>82928</v>
      </c>
    </row>
    <row r="23155" spans="1:10" x14ac:dyDescent="0.35">
      <c r="A23155" s="1" t="s">
        <v>1825</v>
      </c>
      <c r="B23155" s="1" t="s">
        <v>81949</v>
      </c>
      <c r="C23155" s="1" t="s">
        <v>110</v>
      </c>
      <c r="D23155" s="1" t="s">
        <v>33519</v>
      </c>
      <c r="E23155" s="1" t="s">
        <v>41720</v>
      </c>
      <c r="F23155" s="1" t="s">
        <v>68488</v>
      </c>
      <c r="G23155" s="1" t="s">
        <v>82876</v>
      </c>
      <c r="H23155" s="1" t="s">
        <v>82877</v>
      </c>
      <c r="I23155" s="1" t="s">
        <v>81955</v>
      </c>
      <c r="J23155" s="1" t="s">
        <v>82929</v>
      </c>
    </row>
    <row r="23156" spans="1:10" x14ac:dyDescent="0.35">
      <c r="A23156" s="1" t="s">
        <v>1825</v>
      </c>
      <c r="B23156" s="1" t="s">
        <v>81949</v>
      </c>
      <c r="C23156" s="1" t="s">
        <v>115</v>
      </c>
      <c r="D23156" s="1" t="s">
        <v>82930</v>
      </c>
      <c r="E23156" s="1" t="s">
        <v>82931</v>
      </c>
      <c r="F23156" s="1" t="s">
        <v>82932</v>
      </c>
      <c r="G23156" s="1" t="s">
        <v>82876</v>
      </c>
      <c r="H23156" s="1" t="s">
        <v>82877</v>
      </c>
      <c r="I23156" s="1" t="s">
        <v>81955</v>
      </c>
      <c r="J23156" s="1" t="s">
        <v>82933</v>
      </c>
    </row>
    <row r="23157" spans="1:10" x14ac:dyDescent="0.35">
      <c r="A23157" s="1" t="s">
        <v>1825</v>
      </c>
      <c r="B23157" s="1" t="s">
        <v>81949</v>
      </c>
      <c r="C23157" s="1" t="s">
        <v>120</v>
      </c>
      <c r="D23157" s="1" t="s">
        <v>82934</v>
      </c>
      <c r="E23157" s="1" t="s">
        <v>82935</v>
      </c>
      <c r="F23157" s="1" t="s">
        <v>30661</v>
      </c>
      <c r="G23157" s="1" t="s">
        <v>82876</v>
      </c>
      <c r="H23157" s="1" t="s">
        <v>82877</v>
      </c>
      <c r="I23157" s="1" t="s">
        <v>81955</v>
      </c>
      <c r="J23157" s="1" t="s">
        <v>82936</v>
      </c>
    </row>
    <row r="23158" spans="1:10" x14ac:dyDescent="0.35">
      <c r="A23158" s="1" t="s">
        <v>1825</v>
      </c>
      <c r="B23158" s="1" t="s">
        <v>81949</v>
      </c>
      <c r="C23158" s="1" t="s">
        <v>125</v>
      </c>
      <c r="D23158" s="1" t="s">
        <v>35978</v>
      </c>
      <c r="E23158" s="1" t="s">
        <v>82937</v>
      </c>
      <c r="F23158" s="1" t="s">
        <v>82938</v>
      </c>
      <c r="G23158" s="1" t="s">
        <v>82876</v>
      </c>
      <c r="H23158" s="1" t="s">
        <v>82877</v>
      </c>
      <c r="I23158" s="1" t="s">
        <v>81955</v>
      </c>
      <c r="J23158" s="1" t="s">
        <v>82939</v>
      </c>
    </row>
    <row r="23159" spans="1:10" x14ac:dyDescent="0.35">
      <c r="A23159" s="1" t="s">
        <v>1825</v>
      </c>
      <c r="B23159" s="1" t="s">
        <v>81949</v>
      </c>
      <c r="C23159" s="1" t="s">
        <v>130</v>
      </c>
      <c r="D23159" s="1" t="s">
        <v>18970</v>
      </c>
      <c r="E23159" s="1" t="s">
        <v>82940</v>
      </c>
      <c r="F23159" s="1" t="s">
        <v>57100</v>
      </c>
      <c r="G23159" s="1" t="s">
        <v>82876</v>
      </c>
      <c r="H23159" s="1" t="s">
        <v>82877</v>
      </c>
      <c r="I23159" s="1" t="s">
        <v>81955</v>
      </c>
      <c r="J23159" s="1" t="s">
        <v>82941</v>
      </c>
    </row>
    <row r="23160" spans="1:10" x14ac:dyDescent="0.35">
      <c r="A23160" s="1" t="s">
        <v>1825</v>
      </c>
      <c r="B23160" s="1" t="s">
        <v>81949</v>
      </c>
      <c r="C23160" s="1" t="s">
        <v>135</v>
      </c>
      <c r="D23160" s="1" t="s">
        <v>82942</v>
      </c>
      <c r="E23160" s="1" t="s">
        <v>21082</v>
      </c>
      <c r="F23160" s="1" t="s">
        <v>82943</v>
      </c>
      <c r="G23160" s="1" t="s">
        <v>82876</v>
      </c>
      <c r="H23160" s="1" t="s">
        <v>82877</v>
      </c>
      <c r="I23160" s="1" t="s">
        <v>81955</v>
      </c>
      <c r="J23160" s="1" t="s">
        <v>82944</v>
      </c>
    </row>
    <row r="23161" spans="1:10" x14ac:dyDescent="0.35">
      <c r="A23161" s="1" t="s">
        <v>1825</v>
      </c>
      <c r="B23161" s="1" t="s">
        <v>81949</v>
      </c>
      <c r="C23161" s="1" t="s">
        <v>140</v>
      </c>
      <c r="D23161" s="1" t="s">
        <v>82945</v>
      </c>
      <c r="E23161" s="1" t="s">
        <v>82946</v>
      </c>
      <c r="F23161" s="1" t="s">
        <v>82947</v>
      </c>
      <c r="G23161" s="1" t="s">
        <v>82876</v>
      </c>
      <c r="H23161" s="1" t="s">
        <v>82877</v>
      </c>
      <c r="I23161" s="1" t="s">
        <v>81955</v>
      </c>
      <c r="J23161" s="1" t="s">
        <v>82948</v>
      </c>
    </row>
    <row r="23162" spans="1:10" x14ac:dyDescent="0.35">
      <c r="A23162" s="1" t="s">
        <v>1825</v>
      </c>
      <c r="B23162" s="1" t="s">
        <v>81949</v>
      </c>
      <c r="C23162" s="1" t="s">
        <v>145</v>
      </c>
      <c r="D23162" s="1" t="s">
        <v>82949</v>
      </c>
      <c r="E23162" s="1" t="s">
        <v>82950</v>
      </c>
      <c r="F23162" s="1" t="s">
        <v>82951</v>
      </c>
      <c r="G23162" s="1" t="s">
        <v>82876</v>
      </c>
      <c r="H23162" s="1" t="s">
        <v>82877</v>
      </c>
      <c r="I23162" s="1" t="s">
        <v>81955</v>
      </c>
      <c r="J23162" s="1" t="s">
        <v>82952</v>
      </c>
    </row>
    <row r="23163" spans="1:10" x14ac:dyDescent="0.35">
      <c r="A23163" s="1" t="s">
        <v>1825</v>
      </c>
      <c r="B23163" s="1" t="s">
        <v>81949</v>
      </c>
      <c r="C23163" s="1" t="s">
        <v>150</v>
      </c>
      <c r="D23163" s="1" t="s">
        <v>82953</v>
      </c>
      <c r="E23163" s="1" t="s">
        <v>23310</v>
      </c>
      <c r="F23163" s="1" t="s">
        <v>60611</v>
      </c>
      <c r="G23163" s="1" t="s">
        <v>82876</v>
      </c>
      <c r="H23163" s="1" t="s">
        <v>82877</v>
      </c>
      <c r="I23163" s="1" t="s">
        <v>81955</v>
      </c>
      <c r="J23163" s="1" t="s">
        <v>82954</v>
      </c>
    </row>
    <row r="23164" spans="1:10" x14ac:dyDescent="0.35">
      <c r="A23164" s="1" t="s">
        <v>1825</v>
      </c>
      <c r="B23164" s="1" t="s">
        <v>81949</v>
      </c>
      <c r="C23164" s="1" t="s">
        <v>155</v>
      </c>
      <c r="D23164" s="1" t="s">
        <v>82955</v>
      </c>
      <c r="E23164" s="1" t="s">
        <v>21105</v>
      </c>
      <c r="F23164" s="1" t="s">
        <v>67499</v>
      </c>
      <c r="G23164" s="1" t="s">
        <v>82876</v>
      </c>
      <c r="H23164" s="1" t="s">
        <v>82877</v>
      </c>
      <c r="I23164" s="1" t="s">
        <v>81955</v>
      </c>
      <c r="J23164" s="1" t="s">
        <v>82956</v>
      </c>
    </row>
    <row r="23165" spans="1:10" x14ac:dyDescent="0.35">
      <c r="A23165" s="1" t="s">
        <v>1825</v>
      </c>
      <c r="B23165" s="1" t="s">
        <v>81949</v>
      </c>
      <c r="C23165" s="1" t="s">
        <v>160</v>
      </c>
      <c r="D23165" s="1" t="s">
        <v>82957</v>
      </c>
      <c r="E23165" s="1" t="s">
        <v>40640</v>
      </c>
      <c r="F23165" s="1" t="s">
        <v>67918</v>
      </c>
      <c r="G23165" s="1" t="s">
        <v>82876</v>
      </c>
      <c r="H23165" s="1" t="s">
        <v>82877</v>
      </c>
      <c r="I23165" s="1" t="s">
        <v>81955</v>
      </c>
      <c r="J23165" s="1" t="s">
        <v>82958</v>
      </c>
    </row>
    <row r="23166" spans="1:10" x14ac:dyDescent="0.35">
      <c r="A23166" s="1" t="s">
        <v>1825</v>
      </c>
      <c r="B23166" s="1" t="s">
        <v>81949</v>
      </c>
      <c r="C23166" s="1" t="s">
        <v>165</v>
      </c>
      <c r="D23166" s="1" t="s">
        <v>82959</v>
      </c>
      <c r="E23166" s="1" t="s">
        <v>82960</v>
      </c>
      <c r="F23166" s="1" t="s">
        <v>82961</v>
      </c>
      <c r="G23166" s="1" t="s">
        <v>82876</v>
      </c>
      <c r="H23166" s="1" t="s">
        <v>82877</v>
      </c>
      <c r="I23166" s="1" t="s">
        <v>81955</v>
      </c>
      <c r="J23166" s="1" t="s">
        <v>82962</v>
      </c>
    </row>
    <row r="23167" spans="1:10" x14ac:dyDescent="0.35">
      <c r="A23167" s="1" t="s">
        <v>1825</v>
      </c>
      <c r="B23167" s="1" t="s">
        <v>81949</v>
      </c>
      <c r="C23167" s="1" t="s">
        <v>170</v>
      </c>
      <c r="D23167" s="1" t="s">
        <v>82963</v>
      </c>
      <c r="E23167" s="1" t="s">
        <v>59167</v>
      </c>
      <c r="F23167" s="1" t="s">
        <v>82964</v>
      </c>
      <c r="G23167" s="1" t="s">
        <v>82876</v>
      </c>
      <c r="H23167" s="1" t="s">
        <v>82877</v>
      </c>
      <c r="I23167" s="1" t="s">
        <v>81955</v>
      </c>
      <c r="J23167" s="1" t="s">
        <v>82965</v>
      </c>
    </row>
    <row r="23168" spans="1:10" x14ac:dyDescent="0.35">
      <c r="A23168" s="1" t="s">
        <v>43773</v>
      </c>
      <c r="B23168" s="1" t="s">
        <v>81949</v>
      </c>
      <c r="C23168" s="1" t="s">
        <v>8</v>
      </c>
      <c r="D23168" s="1" t="s">
        <v>82966</v>
      </c>
      <c r="E23168" s="1" t="s">
        <v>82967</v>
      </c>
      <c r="F23168" s="1" t="s">
        <v>82968</v>
      </c>
      <c r="G23168" s="1" t="s">
        <v>82969</v>
      </c>
      <c r="H23168" s="1" t="s">
        <v>82970</v>
      </c>
      <c r="I23168" s="1" t="s">
        <v>81955</v>
      </c>
      <c r="J23168" s="1" t="s">
        <v>13</v>
      </c>
    </row>
    <row r="23169" spans="1:10" x14ac:dyDescent="0.35">
      <c r="A23169" s="1" t="s">
        <v>43773</v>
      </c>
      <c r="B23169" s="1" t="s">
        <v>81949</v>
      </c>
      <c r="C23169" s="1" t="s">
        <v>15</v>
      </c>
      <c r="D23169" s="1" t="s">
        <v>72968</v>
      </c>
      <c r="E23169" s="1" t="s">
        <v>82971</v>
      </c>
      <c r="F23169" s="1" t="s">
        <v>82972</v>
      </c>
      <c r="G23169" s="1" t="s">
        <v>82969</v>
      </c>
      <c r="H23169" s="1" t="s">
        <v>82970</v>
      </c>
      <c r="I23169" s="1" t="s">
        <v>81955</v>
      </c>
      <c r="J23169" s="1" t="s">
        <v>10546</v>
      </c>
    </row>
    <row r="23170" spans="1:10" x14ac:dyDescent="0.35">
      <c r="A23170" s="1" t="s">
        <v>43773</v>
      </c>
      <c r="B23170" s="1" t="s">
        <v>81949</v>
      </c>
      <c r="C23170" s="1" t="s">
        <v>20</v>
      </c>
      <c r="D23170" s="1" t="s">
        <v>82973</v>
      </c>
      <c r="E23170" s="1" t="s">
        <v>82974</v>
      </c>
      <c r="F23170" s="1" t="s">
        <v>82975</v>
      </c>
      <c r="G23170" s="1" t="s">
        <v>82969</v>
      </c>
      <c r="H23170" s="1" t="s">
        <v>82970</v>
      </c>
      <c r="I23170" s="1" t="s">
        <v>81955</v>
      </c>
      <c r="J23170" s="1" t="s">
        <v>82976</v>
      </c>
    </row>
    <row r="23171" spans="1:10" x14ac:dyDescent="0.35">
      <c r="A23171" s="1" t="s">
        <v>43773</v>
      </c>
      <c r="B23171" s="1" t="s">
        <v>81949</v>
      </c>
      <c r="C23171" s="1" t="s">
        <v>25</v>
      </c>
      <c r="D23171" s="1" t="s">
        <v>24832</v>
      </c>
      <c r="E23171" s="1" t="s">
        <v>82977</v>
      </c>
      <c r="F23171" s="1" t="s">
        <v>82978</v>
      </c>
      <c r="G23171" s="1" t="s">
        <v>82969</v>
      </c>
      <c r="H23171" s="1" t="s">
        <v>82970</v>
      </c>
      <c r="I23171" s="1" t="s">
        <v>81955</v>
      </c>
      <c r="J23171" s="1" t="s">
        <v>82979</v>
      </c>
    </row>
    <row r="23172" spans="1:10" x14ac:dyDescent="0.35">
      <c r="A23172" s="1" t="s">
        <v>43773</v>
      </c>
      <c r="B23172" s="1" t="s">
        <v>81949</v>
      </c>
      <c r="C23172" s="1" t="s">
        <v>30</v>
      </c>
      <c r="D23172" s="1" t="s">
        <v>82980</v>
      </c>
      <c r="E23172" s="1" t="s">
        <v>82981</v>
      </c>
      <c r="F23172" s="1" t="s">
        <v>82982</v>
      </c>
      <c r="G23172" s="1" t="s">
        <v>82969</v>
      </c>
      <c r="H23172" s="1" t="s">
        <v>82970</v>
      </c>
      <c r="I23172" s="1" t="s">
        <v>81955</v>
      </c>
      <c r="J23172" s="1" t="s">
        <v>82983</v>
      </c>
    </row>
    <row r="23173" spans="1:10" x14ac:dyDescent="0.35">
      <c r="A23173" s="1" t="s">
        <v>43773</v>
      </c>
      <c r="B23173" s="1" t="s">
        <v>81949</v>
      </c>
      <c r="C23173" s="1" t="s">
        <v>35</v>
      </c>
      <c r="D23173" s="1" t="s">
        <v>61</v>
      </c>
      <c r="E23173" s="1" t="s">
        <v>82984</v>
      </c>
      <c r="F23173" s="1" t="s">
        <v>82985</v>
      </c>
      <c r="G23173" s="1" t="s">
        <v>82969</v>
      </c>
      <c r="H23173" s="1" t="s">
        <v>82970</v>
      </c>
      <c r="I23173" s="1" t="s">
        <v>81955</v>
      </c>
      <c r="J23173" s="1" t="s">
        <v>82986</v>
      </c>
    </row>
    <row r="23174" spans="1:10" x14ac:dyDescent="0.35">
      <c r="A23174" s="1" t="s">
        <v>43773</v>
      </c>
      <c r="B23174" s="1" t="s">
        <v>81949</v>
      </c>
      <c r="C23174" s="1" t="s">
        <v>40</v>
      </c>
      <c r="D23174" s="1" t="s">
        <v>19564</v>
      </c>
      <c r="E23174" s="1" t="s">
        <v>82987</v>
      </c>
      <c r="F23174" s="1" t="s">
        <v>82988</v>
      </c>
      <c r="G23174" s="1" t="s">
        <v>82969</v>
      </c>
      <c r="H23174" s="1" t="s">
        <v>82970</v>
      </c>
      <c r="I23174" s="1" t="s">
        <v>81955</v>
      </c>
      <c r="J23174" s="1" t="s">
        <v>82989</v>
      </c>
    </row>
    <row r="23175" spans="1:10" x14ac:dyDescent="0.35">
      <c r="A23175" s="1" t="s">
        <v>43773</v>
      </c>
      <c r="B23175" s="1" t="s">
        <v>81949</v>
      </c>
      <c r="C23175" s="1" t="s">
        <v>45</v>
      </c>
      <c r="D23175" s="1" t="s">
        <v>46160</v>
      </c>
      <c r="E23175" s="1" t="s">
        <v>82990</v>
      </c>
      <c r="F23175" s="1" t="s">
        <v>82991</v>
      </c>
      <c r="G23175" s="1" t="s">
        <v>82969</v>
      </c>
      <c r="H23175" s="1" t="s">
        <v>82970</v>
      </c>
      <c r="I23175" s="1" t="s">
        <v>81955</v>
      </c>
      <c r="J23175" s="1" t="s">
        <v>82992</v>
      </c>
    </row>
    <row r="23176" spans="1:10" x14ac:dyDescent="0.35">
      <c r="A23176" s="1" t="s">
        <v>43773</v>
      </c>
      <c r="B23176" s="1" t="s">
        <v>81949</v>
      </c>
      <c r="C23176" s="1" t="s">
        <v>50</v>
      </c>
      <c r="D23176" s="1" t="s">
        <v>82993</v>
      </c>
      <c r="E23176" s="1" t="s">
        <v>82994</v>
      </c>
      <c r="F23176" s="1" t="s">
        <v>82995</v>
      </c>
      <c r="G23176" s="1" t="s">
        <v>82969</v>
      </c>
      <c r="H23176" s="1" t="s">
        <v>82970</v>
      </c>
      <c r="I23176" s="1" t="s">
        <v>81955</v>
      </c>
      <c r="J23176" s="1" t="s">
        <v>82996</v>
      </c>
    </row>
    <row r="23177" spans="1:10" x14ac:dyDescent="0.35">
      <c r="A23177" s="1" t="s">
        <v>43773</v>
      </c>
      <c r="B23177" s="1" t="s">
        <v>81949</v>
      </c>
      <c r="C23177" s="1" t="s">
        <v>55</v>
      </c>
      <c r="D23177" s="1" t="s">
        <v>82997</v>
      </c>
      <c r="E23177" s="1" t="s">
        <v>82998</v>
      </c>
      <c r="F23177" s="1" t="s">
        <v>82999</v>
      </c>
      <c r="G23177" s="1" t="s">
        <v>82969</v>
      </c>
      <c r="H23177" s="1" t="s">
        <v>82970</v>
      </c>
      <c r="I23177" s="1" t="s">
        <v>81955</v>
      </c>
      <c r="J23177" s="1" t="s">
        <v>83000</v>
      </c>
    </row>
    <row r="23178" spans="1:10" x14ac:dyDescent="0.35">
      <c r="A23178" s="1" t="s">
        <v>43773</v>
      </c>
      <c r="B23178" s="1" t="s">
        <v>81949</v>
      </c>
      <c r="C23178" s="1" t="s">
        <v>60</v>
      </c>
      <c r="D23178" s="1" t="s">
        <v>83001</v>
      </c>
      <c r="E23178" s="1" t="s">
        <v>83002</v>
      </c>
      <c r="F23178" s="1" t="s">
        <v>83003</v>
      </c>
      <c r="G23178" s="1" t="s">
        <v>82969</v>
      </c>
      <c r="H23178" s="1" t="s">
        <v>82970</v>
      </c>
      <c r="I23178" s="1" t="s">
        <v>81955</v>
      </c>
      <c r="J23178" s="1" t="s">
        <v>83004</v>
      </c>
    </row>
    <row r="23179" spans="1:10" x14ac:dyDescent="0.35">
      <c r="A23179" s="1" t="s">
        <v>43773</v>
      </c>
      <c r="B23179" s="1" t="s">
        <v>81949</v>
      </c>
      <c r="C23179" s="1" t="s">
        <v>65</v>
      </c>
      <c r="D23179" s="1" t="s">
        <v>11210</v>
      </c>
      <c r="E23179" s="1" t="s">
        <v>83005</v>
      </c>
      <c r="F23179" s="1" t="s">
        <v>83006</v>
      </c>
      <c r="G23179" s="1" t="s">
        <v>82969</v>
      </c>
      <c r="H23179" s="1" t="s">
        <v>82970</v>
      </c>
      <c r="I23179" s="1" t="s">
        <v>81955</v>
      </c>
      <c r="J23179" s="1" t="s">
        <v>83007</v>
      </c>
    </row>
    <row r="23180" spans="1:10" x14ac:dyDescent="0.35">
      <c r="A23180" s="1" t="s">
        <v>43773</v>
      </c>
      <c r="B23180" s="1" t="s">
        <v>81949</v>
      </c>
      <c r="C23180" s="1" t="s">
        <v>70</v>
      </c>
      <c r="D23180" s="1" t="s">
        <v>45193</v>
      </c>
      <c r="E23180" s="1" t="s">
        <v>83008</v>
      </c>
      <c r="F23180" s="1" t="s">
        <v>83009</v>
      </c>
      <c r="G23180" s="1" t="s">
        <v>82969</v>
      </c>
      <c r="H23180" s="1" t="s">
        <v>82970</v>
      </c>
      <c r="I23180" s="1" t="s">
        <v>81955</v>
      </c>
      <c r="J23180" s="1" t="s">
        <v>83010</v>
      </c>
    </row>
    <row r="23181" spans="1:10" x14ac:dyDescent="0.35">
      <c r="A23181" s="1" t="s">
        <v>43773</v>
      </c>
      <c r="B23181" s="1" t="s">
        <v>81949</v>
      </c>
      <c r="C23181" s="1" t="s">
        <v>75</v>
      </c>
      <c r="D23181" s="1" t="s">
        <v>37169</v>
      </c>
      <c r="E23181" s="1" t="s">
        <v>83011</v>
      </c>
      <c r="F23181" s="1" t="s">
        <v>83012</v>
      </c>
      <c r="G23181" s="1" t="s">
        <v>82969</v>
      </c>
      <c r="H23181" s="1" t="s">
        <v>82970</v>
      </c>
      <c r="I23181" s="1" t="s">
        <v>81955</v>
      </c>
      <c r="J23181" s="1" t="s">
        <v>83013</v>
      </c>
    </row>
    <row r="23182" spans="1:10" x14ac:dyDescent="0.35">
      <c r="A23182" s="1" t="s">
        <v>43773</v>
      </c>
      <c r="B23182" s="1" t="s">
        <v>81949</v>
      </c>
      <c r="C23182" s="1" t="s">
        <v>80</v>
      </c>
      <c r="D23182" s="1" t="s">
        <v>83014</v>
      </c>
      <c r="E23182" s="1" t="s">
        <v>83015</v>
      </c>
      <c r="F23182" s="1" t="s">
        <v>83016</v>
      </c>
      <c r="G23182" s="1" t="s">
        <v>82969</v>
      </c>
      <c r="H23182" s="1" t="s">
        <v>82970</v>
      </c>
      <c r="I23182" s="1" t="s">
        <v>81955</v>
      </c>
      <c r="J23182" s="1" t="s">
        <v>83017</v>
      </c>
    </row>
    <row r="23183" spans="1:10" x14ac:dyDescent="0.35">
      <c r="A23183" s="1" t="s">
        <v>43773</v>
      </c>
      <c r="B23183" s="1" t="s">
        <v>81949</v>
      </c>
      <c r="C23183" s="1" t="s">
        <v>85</v>
      </c>
      <c r="D23183" s="1" t="s">
        <v>83018</v>
      </c>
      <c r="E23183" s="1" t="s">
        <v>83019</v>
      </c>
      <c r="F23183" s="1" t="s">
        <v>83020</v>
      </c>
      <c r="G23183" s="1" t="s">
        <v>82969</v>
      </c>
      <c r="H23183" s="1" t="s">
        <v>82970</v>
      </c>
      <c r="I23183" s="1" t="s">
        <v>81955</v>
      </c>
      <c r="J23183" s="1" t="s">
        <v>83021</v>
      </c>
    </row>
    <row r="23184" spans="1:10" x14ac:dyDescent="0.35">
      <c r="A23184" s="1" t="s">
        <v>43773</v>
      </c>
      <c r="B23184" s="1" t="s">
        <v>81949</v>
      </c>
      <c r="C23184" s="1" t="s">
        <v>90</v>
      </c>
      <c r="D23184" s="1" t="s">
        <v>43011</v>
      </c>
      <c r="E23184" s="1" t="s">
        <v>83022</v>
      </c>
      <c r="F23184" s="1" t="s">
        <v>83023</v>
      </c>
      <c r="G23184" s="1" t="s">
        <v>82969</v>
      </c>
      <c r="H23184" s="1" t="s">
        <v>82970</v>
      </c>
      <c r="I23184" s="1" t="s">
        <v>81955</v>
      </c>
      <c r="J23184" s="1" t="s">
        <v>83024</v>
      </c>
    </row>
    <row r="23185" spans="1:10" x14ac:dyDescent="0.35">
      <c r="A23185" s="1" t="s">
        <v>43773</v>
      </c>
      <c r="B23185" s="1" t="s">
        <v>81949</v>
      </c>
      <c r="C23185" s="1" t="s">
        <v>95</v>
      </c>
      <c r="D23185" s="1" t="s">
        <v>83025</v>
      </c>
      <c r="E23185" s="1" t="s">
        <v>83026</v>
      </c>
      <c r="F23185" s="1" t="s">
        <v>83027</v>
      </c>
      <c r="G23185" s="1" t="s">
        <v>82969</v>
      </c>
      <c r="H23185" s="1" t="s">
        <v>82970</v>
      </c>
      <c r="I23185" s="1" t="s">
        <v>81955</v>
      </c>
      <c r="J23185" s="1" t="s">
        <v>83028</v>
      </c>
    </row>
    <row r="23186" spans="1:10" x14ac:dyDescent="0.35">
      <c r="A23186" s="1" t="s">
        <v>43773</v>
      </c>
      <c r="B23186" s="1" t="s">
        <v>81949</v>
      </c>
      <c r="C23186" s="1" t="s">
        <v>100</v>
      </c>
      <c r="D23186" s="1" t="s">
        <v>83029</v>
      </c>
      <c r="E23186" s="1" t="s">
        <v>83030</v>
      </c>
      <c r="F23186" s="1" t="s">
        <v>83031</v>
      </c>
      <c r="G23186" s="1" t="s">
        <v>82969</v>
      </c>
      <c r="H23186" s="1" t="s">
        <v>82970</v>
      </c>
      <c r="I23186" s="1" t="s">
        <v>81955</v>
      </c>
      <c r="J23186" s="1" t="s">
        <v>83032</v>
      </c>
    </row>
    <row r="23187" spans="1:10" x14ac:dyDescent="0.35">
      <c r="A23187" s="1" t="s">
        <v>43773</v>
      </c>
      <c r="B23187" s="1" t="s">
        <v>81949</v>
      </c>
      <c r="C23187" s="1" t="s">
        <v>105</v>
      </c>
      <c r="D23187" s="1" t="s">
        <v>83033</v>
      </c>
      <c r="E23187" s="1" t="s">
        <v>83034</v>
      </c>
      <c r="F23187" s="1" t="s">
        <v>83035</v>
      </c>
      <c r="G23187" s="1" t="s">
        <v>82969</v>
      </c>
      <c r="H23187" s="1" t="s">
        <v>82970</v>
      </c>
      <c r="I23187" s="1" t="s">
        <v>81955</v>
      </c>
      <c r="J23187" s="1" t="s">
        <v>83036</v>
      </c>
    </row>
    <row r="23188" spans="1:10" x14ac:dyDescent="0.35">
      <c r="A23188" s="1" t="s">
        <v>43773</v>
      </c>
      <c r="B23188" s="1" t="s">
        <v>81949</v>
      </c>
      <c r="C23188" s="1" t="s">
        <v>110</v>
      </c>
      <c r="D23188" s="1" t="s">
        <v>34207</v>
      </c>
      <c r="E23188" s="1" t="s">
        <v>83037</v>
      </c>
      <c r="F23188" s="1" t="s">
        <v>83038</v>
      </c>
      <c r="G23188" s="1" t="s">
        <v>82969</v>
      </c>
      <c r="H23188" s="1" t="s">
        <v>82970</v>
      </c>
      <c r="I23188" s="1" t="s">
        <v>81955</v>
      </c>
      <c r="J23188" s="1" t="s">
        <v>83039</v>
      </c>
    </row>
    <row r="23189" spans="1:10" x14ac:dyDescent="0.35">
      <c r="A23189" s="1" t="s">
        <v>43773</v>
      </c>
      <c r="B23189" s="1" t="s">
        <v>81949</v>
      </c>
      <c r="C23189" s="1" t="s">
        <v>115</v>
      </c>
      <c r="D23189" s="1" t="s">
        <v>83040</v>
      </c>
      <c r="E23189" s="1" t="s">
        <v>83041</v>
      </c>
      <c r="F23189" s="1" t="s">
        <v>83042</v>
      </c>
      <c r="G23189" s="1" t="s">
        <v>82969</v>
      </c>
      <c r="H23189" s="1" t="s">
        <v>82970</v>
      </c>
      <c r="I23189" s="1" t="s">
        <v>81955</v>
      </c>
      <c r="J23189" s="1" t="s">
        <v>83043</v>
      </c>
    </row>
    <row r="23190" spans="1:10" x14ac:dyDescent="0.35">
      <c r="A23190" s="1" t="s">
        <v>43773</v>
      </c>
      <c r="B23190" s="1" t="s">
        <v>81949</v>
      </c>
      <c r="C23190" s="1" t="s">
        <v>120</v>
      </c>
      <c r="D23190" s="1" t="s">
        <v>83044</v>
      </c>
      <c r="E23190" s="1" t="s">
        <v>83045</v>
      </c>
      <c r="F23190" s="1" t="s">
        <v>83046</v>
      </c>
      <c r="G23190" s="1" t="s">
        <v>82969</v>
      </c>
      <c r="H23190" s="1" t="s">
        <v>82970</v>
      </c>
      <c r="I23190" s="1" t="s">
        <v>81955</v>
      </c>
      <c r="J23190" s="1" t="s">
        <v>83047</v>
      </c>
    </row>
    <row r="23191" spans="1:10" x14ac:dyDescent="0.35">
      <c r="A23191" s="1" t="s">
        <v>43773</v>
      </c>
      <c r="B23191" s="1" t="s">
        <v>81949</v>
      </c>
      <c r="C23191" s="1" t="s">
        <v>125</v>
      </c>
      <c r="D23191" s="1" t="s">
        <v>81973</v>
      </c>
      <c r="E23191" s="1" t="s">
        <v>83048</v>
      </c>
      <c r="F23191" s="1" t="s">
        <v>83049</v>
      </c>
      <c r="G23191" s="1" t="s">
        <v>82969</v>
      </c>
      <c r="H23191" s="1" t="s">
        <v>82970</v>
      </c>
      <c r="I23191" s="1" t="s">
        <v>81955</v>
      </c>
      <c r="J23191" s="1" t="s">
        <v>83050</v>
      </c>
    </row>
    <row r="23192" spans="1:10" x14ac:dyDescent="0.35">
      <c r="A23192" s="1" t="s">
        <v>43773</v>
      </c>
      <c r="B23192" s="1" t="s">
        <v>81949</v>
      </c>
      <c r="C23192" s="1" t="s">
        <v>130</v>
      </c>
      <c r="D23192" s="1" t="s">
        <v>83051</v>
      </c>
      <c r="E23192" s="1" t="s">
        <v>83052</v>
      </c>
      <c r="F23192" s="1" t="s">
        <v>83053</v>
      </c>
      <c r="G23192" s="1" t="s">
        <v>82969</v>
      </c>
      <c r="H23192" s="1" t="s">
        <v>82970</v>
      </c>
      <c r="I23192" s="1" t="s">
        <v>81955</v>
      </c>
      <c r="J23192" s="1" t="s">
        <v>83054</v>
      </c>
    </row>
    <row r="23193" spans="1:10" x14ac:dyDescent="0.35">
      <c r="A23193" s="1" t="s">
        <v>43773</v>
      </c>
      <c r="B23193" s="1" t="s">
        <v>81949</v>
      </c>
      <c r="C23193" s="1" t="s">
        <v>135</v>
      </c>
      <c r="D23193" s="1" t="s">
        <v>83055</v>
      </c>
      <c r="E23193" s="1" t="s">
        <v>83056</v>
      </c>
      <c r="F23193" s="1" t="s">
        <v>83057</v>
      </c>
      <c r="G23193" s="1" t="s">
        <v>82969</v>
      </c>
      <c r="H23193" s="1" t="s">
        <v>82970</v>
      </c>
      <c r="I23193" s="1" t="s">
        <v>81955</v>
      </c>
      <c r="J23193" s="1" t="s">
        <v>83058</v>
      </c>
    </row>
    <row r="23194" spans="1:10" x14ac:dyDescent="0.35">
      <c r="A23194" s="1" t="s">
        <v>43773</v>
      </c>
      <c r="B23194" s="1" t="s">
        <v>81949</v>
      </c>
      <c r="C23194" s="1" t="s">
        <v>140</v>
      </c>
      <c r="D23194" s="1" t="s">
        <v>83059</v>
      </c>
      <c r="E23194" s="1" t="s">
        <v>83060</v>
      </c>
      <c r="F23194" s="1" t="s">
        <v>83061</v>
      </c>
      <c r="G23194" s="1" t="s">
        <v>82969</v>
      </c>
      <c r="H23194" s="1" t="s">
        <v>82970</v>
      </c>
      <c r="I23194" s="1" t="s">
        <v>81955</v>
      </c>
      <c r="J23194" s="1" t="s">
        <v>83062</v>
      </c>
    </row>
    <row r="23195" spans="1:10" x14ac:dyDescent="0.35">
      <c r="A23195" s="1" t="s">
        <v>43773</v>
      </c>
      <c r="B23195" s="1" t="s">
        <v>81949</v>
      </c>
      <c r="C23195" s="1" t="s">
        <v>145</v>
      </c>
      <c r="D23195" s="1" t="s">
        <v>83063</v>
      </c>
      <c r="E23195" s="1" t="s">
        <v>83064</v>
      </c>
      <c r="F23195" s="1" t="s">
        <v>83065</v>
      </c>
      <c r="G23195" s="1" t="s">
        <v>82969</v>
      </c>
      <c r="H23195" s="1" t="s">
        <v>82970</v>
      </c>
      <c r="I23195" s="1" t="s">
        <v>81955</v>
      </c>
      <c r="J23195" s="1" t="s">
        <v>83066</v>
      </c>
    </row>
    <row r="23196" spans="1:10" x14ac:dyDescent="0.35">
      <c r="A23196" s="1" t="s">
        <v>43773</v>
      </c>
      <c r="B23196" s="1" t="s">
        <v>81949</v>
      </c>
      <c r="C23196" s="1" t="s">
        <v>150</v>
      </c>
      <c r="D23196" s="1" t="s">
        <v>83067</v>
      </c>
      <c r="E23196" s="1" t="s">
        <v>83068</v>
      </c>
      <c r="F23196" s="1" t="s">
        <v>83069</v>
      </c>
      <c r="G23196" s="1" t="s">
        <v>82969</v>
      </c>
      <c r="H23196" s="1" t="s">
        <v>82970</v>
      </c>
      <c r="I23196" s="1" t="s">
        <v>81955</v>
      </c>
      <c r="J23196" s="1" t="s">
        <v>83070</v>
      </c>
    </row>
    <row r="23197" spans="1:10" x14ac:dyDescent="0.35">
      <c r="A23197" s="1" t="s">
        <v>43773</v>
      </c>
      <c r="B23197" s="1" t="s">
        <v>81949</v>
      </c>
      <c r="C23197" s="1" t="s">
        <v>155</v>
      </c>
      <c r="D23197" s="1" t="s">
        <v>83071</v>
      </c>
      <c r="E23197" s="1" t="s">
        <v>83072</v>
      </c>
      <c r="F23197" s="1" t="s">
        <v>83073</v>
      </c>
      <c r="G23197" s="1" t="s">
        <v>82969</v>
      </c>
      <c r="H23197" s="1" t="s">
        <v>82970</v>
      </c>
      <c r="I23197" s="1" t="s">
        <v>81955</v>
      </c>
      <c r="J23197" s="1" t="s">
        <v>83074</v>
      </c>
    </row>
    <row r="23198" spans="1:10" x14ac:dyDescent="0.35">
      <c r="A23198" s="1" t="s">
        <v>43773</v>
      </c>
      <c r="B23198" s="1" t="s">
        <v>81949</v>
      </c>
      <c r="C23198" s="1" t="s">
        <v>160</v>
      </c>
      <c r="D23198" s="1" t="s">
        <v>58704</v>
      </c>
      <c r="E23198" s="1" t="s">
        <v>83075</v>
      </c>
      <c r="F23198" s="1" t="s">
        <v>83076</v>
      </c>
      <c r="G23198" s="1" t="s">
        <v>82969</v>
      </c>
      <c r="H23198" s="1" t="s">
        <v>82970</v>
      </c>
      <c r="I23198" s="1" t="s">
        <v>81955</v>
      </c>
      <c r="J23198" s="1" t="s">
        <v>83077</v>
      </c>
    </row>
    <row r="23199" spans="1:10" x14ac:dyDescent="0.35">
      <c r="A23199" s="1" t="s">
        <v>43773</v>
      </c>
      <c r="B23199" s="1" t="s">
        <v>81949</v>
      </c>
      <c r="C23199" s="1" t="s">
        <v>165</v>
      </c>
      <c r="D23199" s="1" t="s">
        <v>83078</v>
      </c>
      <c r="E23199" s="1" t="s">
        <v>83079</v>
      </c>
      <c r="F23199" s="1" t="s">
        <v>83080</v>
      </c>
      <c r="G23199" s="1" t="s">
        <v>82969</v>
      </c>
      <c r="H23199" s="1" t="s">
        <v>82970</v>
      </c>
      <c r="I23199" s="1" t="s">
        <v>81955</v>
      </c>
      <c r="J23199" s="1" t="s">
        <v>83081</v>
      </c>
    </row>
    <row r="23200" spans="1:10" x14ac:dyDescent="0.35">
      <c r="A23200" s="1" t="s">
        <v>43773</v>
      </c>
      <c r="B23200" s="1" t="s">
        <v>81949</v>
      </c>
      <c r="C23200" s="1" t="s">
        <v>170</v>
      </c>
      <c r="D23200" s="1" t="s">
        <v>83082</v>
      </c>
      <c r="E23200" s="1" t="s">
        <v>83083</v>
      </c>
      <c r="F23200" s="1" t="s">
        <v>83084</v>
      </c>
      <c r="G23200" s="1" t="s">
        <v>82969</v>
      </c>
      <c r="H23200" s="1" t="s">
        <v>82970</v>
      </c>
      <c r="I23200" s="1" t="s">
        <v>81955</v>
      </c>
      <c r="J23200" s="1" t="s">
        <v>83085</v>
      </c>
    </row>
    <row r="23201" spans="1:10" x14ac:dyDescent="0.35">
      <c r="A23201" s="1" t="s">
        <v>83086</v>
      </c>
      <c r="B23201" s="1" t="s">
        <v>81949</v>
      </c>
      <c r="C23201" s="1" t="s">
        <v>8</v>
      </c>
      <c r="D23201" s="1" t="s">
        <v>83087</v>
      </c>
      <c r="E23201" s="1" t="s">
        <v>83088</v>
      </c>
      <c r="F23201" s="1" t="s">
        <v>83089</v>
      </c>
      <c r="G23201" s="1" t="s">
        <v>83090</v>
      </c>
      <c r="H23201" s="1" t="s">
        <v>83091</v>
      </c>
      <c r="I23201" s="1" t="s">
        <v>81955</v>
      </c>
      <c r="J23201" s="1" t="s">
        <v>13</v>
      </c>
    </row>
    <row r="23202" spans="1:10" x14ac:dyDescent="0.35">
      <c r="A23202" s="1" t="s">
        <v>83086</v>
      </c>
      <c r="B23202" s="1" t="s">
        <v>81949</v>
      </c>
      <c r="C23202" s="1" t="s">
        <v>15</v>
      </c>
      <c r="D23202" s="1" t="s">
        <v>16034</v>
      </c>
      <c r="E23202" s="1" t="s">
        <v>83092</v>
      </c>
      <c r="F23202" s="1" t="s">
        <v>83093</v>
      </c>
      <c r="G23202" s="1" t="s">
        <v>83090</v>
      </c>
      <c r="H23202" s="1" t="s">
        <v>83091</v>
      </c>
      <c r="I23202" s="1" t="s">
        <v>81955</v>
      </c>
      <c r="J23202" s="1" t="s">
        <v>83094</v>
      </c>
    </row>
    <row r="23203" spans="1:10" x14ac:dyDescent="0.35">
      <c r="A23203" s="1" t="s">
        <v>83086</v>
      </c>
      <c r="B23203" s="1" t="s">
        <v>81949</v>
      </c>
      <c r="C23203" s="1" t="s">
        <v>20</v>
      </c>
      <c r="D23203" s="1" t="s">
        <v>83095</v>
      </c>
      <c r="E23203" s="1" t="s">
        <v>83096</v>
      </c>
      <c r="F23203" s="1" t="s">
        <v>83097</v>
      </c>
      <c r="G23203" s="1" t="s">
        <v>83090</v>
      </c>
      <c r="H23203" s="1" t="s">
        <v>83091</v>
      </c>
      <c r="I23203" s="1" t="s">
        <v>81955</v>
      </c>
      <c r="J23203" s="1" t="s">
        <v>83098</v>
      </c>
    </row>
    <row r="23204" spans="1:10" x14ac:dyDescent="0.35">
      <c r="A23204" s="1" t="s">
        <v>83086</v>
      </c>
      <c r="B23204" s="1" t="s">
        <v>81949</v>
      </c>
      <c r="C23204" s="1" t="s">
        <v>25</v>
      </c>
      <c r="D23204" s="1" t="s">
        <v>17959</v>
      </c>
      <c r="E23204" s="1" t="s">
        <v>83099</v>
      </c>
      <c r="F23204" s="1" t="s">
        <v>83100</v>
      </c>
      <c r="G23204" s="1" t="s">
        <v>83090</v>
      </c>
      <c r="H23204" s="1" t="s">
        <v>83091</v>
      </c>
      <c r="I23204" s="1" t="s">
        <v>81955</v>
      </c>
      <c r="J23204" s="1" t="s">
        <v>83101</v>
      </c>
    </row>
    <row r="23205" spans="1:10" x14ac:dyDescent="0.35">
      <c r="A23205" s="1" t="s">
        <v>83086</v>
      </c>
      <c r="B23205" s="1" t="s">
        <v>81949</v>
      </c>
      <c r="C23205" s="1" t="s">
        <v>30</v>
      </c>
      <c r="D23205" s="1" t="s">
        <v>74234</v>
      </c>
      <c r="E23205" s="1" t="s">
        <v>83102</v>
      </c>
      <c r="F23205" s="1" t="s">
        <v>83103</v>
      </c>
      <c r="G23205" s="1" t="s">
        <v>83090</v>
      </c>
      <c r="H23205" s="1" t="s">
        <v>83091</v>
      </c>
      <c r="I23205" s="1" t="s">
        <v>81955</v>
      </c>
      <c r="J23205" s="1" t="s">
        <v>83104</v>
      </c>
    </row>
    <row r="23206" spans="1:10" x14ac:dyDescent="0.35">
      <c r="A23206" s="1" t="s">
        <v>83086</v>
      </c>
      <c r="B23206" s="1" t="s">
        <v>81949</v>
      </c>
      <c r="C23206" s="1" t="s">
        <v>35</v>
      </c>
      <c r="D23206" s="1" t="s">
        <v>83105</v>
      </c>
      <c r="E23206" s="1" t="s">
        <v>83106</v>
      </c>
      <c r="F23206" s="1" t="s">
        <v>83107</v>
      </c>
      <c r="G23206" s="1" t="s">
        <v>83090</v>
      </c>
      <c r="H23206" s="1" t="s">
        <v>83091</v>
      </c>
      <c r="I23206" s="1" t="s">
        <v>81955</v>
      </c>
      <c r="J23206" s="1" t="s">
        <v>83108</v>
      </c>
    </row>
    <row r="23207" spans="1:10" x14ac:dyDescent="0.35">
      <c r="A23207" s="1" t="s">
        <v>83086</v>
      </c>
      <c r="B23207" s="1" t="s">
        <v>81949</v>
      </c>
      <c r="C23207" s="1" t="s">
        <v>40</v>
      </c>
      <c r="D23207" s="1" t="s">
        <v>18549</v>
      </c>
      <c r="E23207" s="1" t="s">
        <v>83109</v>
      </c>
      <c r="F23207" s="1" t="s">
        <v>83110</v>
      </c>
      <c r="G23207" s="1" t="s">
        <v>83090</v>
      </c>
      <c r="H23207" s="1" t="s">
        <v>83091</v>
      </c>
      <c r="I23207" s="1" t="s">
        <v>81955</v>
      </c>
      <c r="J23207" s="1" t="s">
        <v>83111</v>
      </c>
    </row>
    <row r="23208" spans="1:10" x14ac:dyDescent="0.35">
      <c r="A23208" s="1" t="s">
        <v>83086</v>
      </c>
      <c r="B23208" s="1" t="s">
        <v>81949</v>
      </c>
      <c r="C23208" s="1" t="s">
        <v>45</v>
      </c>
      <c r="D23208" s="1" t="s">
        <v>83112</v>
      </c>
      <c r="E23208" s="1" t="s">
        <v>83113</v>
      </c>
      <c r="F23208" s="1" t="s">
        <v>83114</v>
      </c>
      <c r="G23208" s="1" t="s">
        <v>83090</v>
      </c>
      <c r="H23208" s="1" t="s">
        <v>83091</v>
      </c>
      <c r="I23208" s="1" t="s">
        <v>81955</v>
      </c>
      <c r="J23208" s="1" t="s">
        <v>83115</v>
      </c>
    </row>
    <row r="23209" spans="1:10" x14ac:dyDescent="0.35">
      <c r="A23209" s="1" t="s">
        <v>83086</v>
      </c>
      <c r="B23209" s="1" t="s">
        <v>81949</v>
      </c>
      <c r="C23209" s="1" t="s">
        <v>50</v>
      </c>
      <c r="D23209" s="1" t="s">
        <v>73376</v>
      </c>
      <c r="E23209" s="1" t="s">
        <v>83116</v>
      </c>
      <c r="F23209" s="1" t="s">
        <v>83117</v>
      </c>
      <c r="G23209" s="1" t="s">
        <v>83090</v>
      </c>
      <c r="H23209" s="1" t="s">
        <v>83091</v>
      </c>
      <c r="I23209" s="1" t="s">
        <v>81955</v>
      </c>
      <c r="J23209" s="1" t="s">
        <v>83118</v>
      </c>
    </row>
    <row r="23210" spans="1:10" x14ac:dyDescent="0.35">
      <c r="A23210" s="1" t="s">
        <v>83086</v>
      </c>
      <c r="B23210" s="1" t="s">
        <v>81949</v>
      </c>
      <c r="C23210" s="1" t="s">
        <v>55</v>
      </c>
      <c r="D23210" s="1" t="s">
        <v>83119</v>
      </c>
      <c r="E23210" s="1" t="s">
        <v>83120</v>
      </c>
      <c r="F23210" s="1" t="s">
        <v>83121</v>
      </c>
      <c r="G23210" s="1" t="s">
        <v>83090</v>
      </c>
      <c r="H23210" s="1" t="s">
        <v>83091</v>
      </c>
      <c r="I23210" s="1" t="s">
        <v>81955</v>
      </c>
      <c r="J23210" s="1" t="s">
        <v>83122</v>
      </c>
    </row>
    <row r="23211" spans="1:10" x14ac:dyDescent="0.35">
      <c r="A23211" s="1" t="s">
        <v>83086</v>
      </c>
      <c r="B23211" s="1" t="s">
        <v>81949</v>
      </c>
      <c r="C23211" s="1" t="s">
        <v>60</v>
      </c>
      <c r="D23211" s="1" t="s">
        <v>83123</v>
      </c>
      <c r="E23211" s="1" t="s">
        <v>83124</v>
      </c>
      <c r="F23211" s="1" t="s">
        <v>83125</v>
      </c>
      <c r="G23211" s="1" t="s">
        <v>83090</v>
      </c>
      <c r="H23211" s="1" t="s">
        <v>83091</v>
      </c>
      <c r="I23211" s="1" t="s">
        <v>81955</v>
      </c>
      <c r="J23211" s="1" t="s">
        <v>83126</v>
      </c>
    </row>
    <row r="23212" spans="1:10" x14ac:dyDescent="0.35">
      <c r="A23212" s="1" t="s">
        <v>83086</v>
      </c>
      <c r="B23212" s="1" t="s">
        <v>81949</v>
      </c>
      <c r="C23212" s="1" t="s">
        <v>65</v>
      </c>
      <c r="D23212" s="1" t="s">
        <v>47388</v>
      </c>
      <c r="E23212" s="1" t="s">
        <v>83127</v>
      </c>
      <c r="F23212" s="1" t="s">
        <v>83128</v>
      </c>
      <c r="G23212" s="1" t="s">
        <v>83090</v>
      </c>
      <c r="H23212" s="1" t="s">
        <v>83091</v>
      </c>
      <c r="I23212" s="1" t="s">
        <v>81955</v>
      </c>
      <c r="J23212" s="1" t="s">
        <v>83129</v>
      </c>
    </row>
    <row r="23213" spans="1:10" x14ac:dyDescent="0.35">
      <c r="A23213" s="1" t="s">
        <v>83086</v>
      </c>
      <c r="B23213" s="1" t="s">
        <v>81949</v>
      </c>
      <c r="C23213" s="1" t="s">
        <v>70</v>
      </c>
      <c r="D23213" s="1" t="s">
        <v>83130</v>
      </c>
      <c r="E23213" s="1" t="s">
        <v>83131</v>
      </c>
      <c r="F23213" s="1" t="s">
        <v>83132</v>
      </c>
      <c r="G23213" s="1" t="s">
        <v>83090</v>
      </c>
      <c r="H23213" s="1" t="s">
        <v>83091</v>
      </c>
      <c r="I23213" s="1" t="s">
        <v>81955</v>
      </c>
      <c r="J23213" s="1" t="s">
        <v>83133</v>
      </c>
    </row>
    <row r="23214" spans="1:10" x14ac:dyDescent="0.35">
      <c r="A23214" s="1" t="s">
        <v>83086</v>
      </c>
      <c r="B23214" s="1" t="s">
        <v>81949</v>
      </c>
      <c r="C23214" s="1" t="s">
        <v>75</v>
      </c>
      <c r="D23214" s="1" t="s">
        <v>83134</v>
      </c>
      <c r="E23214" s="1" t="s">
        <v>83135</v>
      </c>
      <c r="F23214" s="1" t="s">
        <v>83136</v>
      </c>
      <c r="G23214" s="1" t="s">
        <v>83090</v>
      </c>
      <c r="H23214" s="1" t="s">
        <v>83091</v>
      </c>
      <c r="I23214" s="1" t="s">
        <v>81955</v>
      </c>
      <c r="J23214" s="1" t="s">
        <v>83137</v>
      </c>
    </row>
    <row r="23215" spans="1:10" x14ac:dyDescent="0.35">
      <c r="A23215" s="1" t="s">
        <v>83086</v>
      </c>
      <c r="B23215" s="1" t="s">
        <v>81949</v>
      </c>
      <c r="C23215" s="1" t="s">
        <v>80</v>
      </c>
      <c r="D23215" s="1" t="s">
        <v>37946</v>
      </c>
      <c r="E23215" s="1" t="s">
        <v>83138</v>
      </c>
      <c r="F23215" s="1" t="s">
        <v>83139</v>
      </c>
      <c r="G23215" s="1" t="s">
        <v>83090</v>
      </c>
      <c r="H23215" s="1" t="s">
        <v>83091</v>
      </c>
      <c r="I23215" s="1" t="s">
        <v>81955</v>
      </c>
      <c r="J23215" s="1" t="s">
        <v>83140</v>
      </c>
    </row>
    <row r="23216" spans="1:10" x14ac:dyDescent="0.35">
      <c r="A23216" s="1" t="s">
        <v>83086</v>
      </c>
      <c r="B23216" s="1" t="s">
        <v>81949</v>
      </c>
      <c r="C23216" s="1" t="s">
        <v>85</v>
      </c>
      <c r="D23216" s="1" t="s">
        <v>83141</v>
      </c>
      <c r="E23216" s="1" t="s">
        <v>83142</v>
      </c>
      <c r="F23216" s="1" t="s">
        <v>83143</v>
      </c>
      <c r="G23216" s="1" t="s">
        <v>83090</v>
      </c>
      <c r="H23216" s="1" t="s">
        <v>83091</v>
      </c>
      <c r="I23216" s="1" t="s">
        <v>81955</v>
      </c>
      <c r="J23216" s="1" t="s">
        <v>83144</v>
      </c>
    </row>
    <row r="23217" spans="1:10" x14ac:dyDescent="0.35">
      <c r="A23217" s="1" t="s">
        <v>83086</v>
      </c>
      <c r="B23217" s="1" t="s">
        <v>81949</v>
      </c>
      <c r="C23217" s="1" t="s">
        <v>90</v>
      </c>
      <c r="D23217" s="1" t="s">
        <v>83145</v>
      </c>
      <c r="E23217" s="1" t="s">
        <v>83146</v>
      </c>
      <c r="F23217" s="1" t="s">
        <v>83147</v>
      </c>
      <c r="G23217" s="1" t="s">
        <v>83090</v>
      </c>
      <c r="H23217" s="1" t="s">
        <v>83091</v>
      </c>
      <c r="I23217" s="1" t="s">
        <v>81955</v>
      </c>
      <c r="J23217" s="1" t="s">
        <v>83148</v>
      </c>
    </row>
    <row r="23218" spans="1:10" x14ac:dyDescent="0.35">
      <c r="A23218" s="1" t="s">
        <v>83086</v>
      </c>
      <c r="B23218" s="1" t="s">
        <v>81949</v>
      </c>
      <c r="C23218" s="1" t="s">
        <v>95</v>
      </c>
      <c r="D23218" s="1" t="s">
        <v>83149</v>
      </c>
      <c r="E23218" s="1" t="s">
        <v>83150</v>
      </c>
      <c r="F23218" s="1" t="s">
        <v>83151</v>
      </c>
      <c r="G23218" s="1" t="s">
        <v>83090</v>
      </c>
      <c r="H23218" s="1" t="s">
        <v>83091</v>
      </c>
      <c r="I23218" s="1" t="s">
        <v>81955</v>
      </c>
      <c r="J23218" s="1" t="s">
        <v>83152</v>
      </c>
    </row>
    <row r="23219" spans="1:10" x14ac:dyDescent="0.35">
      <c r="A23219" s="1" t="s">
        <v>83086</v>
      </c>
      <c r="B23219" s="1" t="s">
        <v>81949</v>
      </c>
      <c r="C23219" s="1" t="s">
        <v>100</v>
      </c>
      <c r="D23219" s="1" t="s">
        <v>83153</v>
      </c>
      <c r="E23219" s="1" t="s">
        <v>83154</v>
      </c>
      <c r="F23219" s="1" t="s">
        <v>83155</v>
      </c>
      <c r="G23219" s="1" t="s">
        <v>83090</v>
      </c>
      <c r="H23219" s="1" t="s">
        <v>83091</v>
      </c>
      <c r="I23219" s="1" t="s">
        <v>81955</v>
      </c>
      <c r="J23219" s="1" t="s">
        <v>83156</v>
      </c>
    </row>
    <row r="23220" spans="1:10" x14ac:dyDescent="0.35">
      <c r="A23220" s="1" t="s">
        <v>83086</v>
      </c>
      <c r="B23220" s="1" t="s">
        <v>81949</v>
      </c>
      <c r="C23220" s="1" t="s">
        <v>105</v>
      </c>
      <c r="D23220" s="1" t="s">
        <v>83157</v>
      </c>
      <c r="E23220" s="1" t="s">
        <v>83158</v>
      </c>
      <c r="F23220" s="1" t="s">
        <v>83159</v>
      </c>
      <c r="G23220" s="1" t="s">
        <v>83090</v>
      </c>
      <c r="H23220" s="1" t="s">
        <v>83091</v>
      </c>
      <c r="I23220" s="1" t="s">
        <v>81955</v>
      </c>
      <c r="J23220" s="1" t="s">
        <v>83160</v>
      </c>
    </row>
    <row r="23221" spans="1:10" x14ac:dyDescent="0.35">
      <c r="A23221" s="1" t="s">
        <v>83086</v>
      </c>
      <c r="B23221" s="1" t="s">
        <v>81949</v>
      </c>
      <c r="C23221" s="1" t="s">
        <v>110</v>
      </c>
      <c r="D23221" s="1" t="s">
        <v>83161</v>
      </c>
      <c r="E23221" s="1" t="s">
        <v>83162</v>
      </c>
      <c r="F23221" s="1" t="s">
        <v>83163</v>
      </c>
      <c r="G23221" s="1" t="s">
        <v>83090</v>
      </c>
      <c r="H23221" s="1" t="s">
        <v>83091</v>
      </c>
      <c r="I23221" s="1" t="s">
        <v>81955</v>
      </c>
      <c r="J23221" s="1" t="s">
        <v>83164</v>
      </c>
    </row>
    <row r="23222" spans="1:10" x14ac:dyDescent="0.35">
      <c r="A23222" s="1" t="s">
        <v>83086</v>
      </c>
      <c r="B23222" s="1" t="s">
        <v>81949</v>
      </c>
      <c r="C23222" s="1" t="s">
        <v>115</v>
      </c>
      <c r="D23222" s="1" t="s">
        <v>33073</v>
      </c>
      <c r="E23222" s="1" t="s">
        <v>83165</v>
      </c>
      <c r="F23222" s="1" t="s">
        <v>83166</v>
      </c>
      <c r="G23222" s="1" t="s">
        <v>83090</v>
      </c>
      <c r="H23222" s="1" t="s">
        <v>83091</v>
      </c>
      <c r="I23222" s="1" t="s">
        <v>81955</v>
      </c>
      <c r="J23222" s="1" t="s">
        <v>83167</v>
      </c>
    </row>
    <row r="23223" spans="1:10" x14ac:dyDescent="0.35">
      <c r="A23223" s="1" t="s">
        <v>83086</v>
      </c>
      <c r="B23223" s="1" t="s">
        <v>81949</v>
      </c>
      <c r="C23223" s="1" t="s">
        <v>120</v>
      </c>
      <c r="D23223" s="1" t="s">
        <v>13553</v>
      </c>
      <c r="E23223" s="1" t="s">
        <v>83168</v>
      </c>
      <c r="F23223" s="1" t="s">
        <v>83169</v>
      </c>
      <c r="G23223" s="1" t="s">
        <v>83090</v>
      </c>
      <c r="H23223" s="1" t="s">
        <v>83091</v>
      </c>
      <c r="I23223" s="1" t="s">
        <v>81955</v>
      </c>
      <c r="J23223" s="1" t="s">
        <v>83170</v>
      </c>
    </row>
    <row r="23224" spans="1:10" x14ac:dyDescent="0.35">
      <c r="A23224" s="1" t="s">
        <v>83086</v>
      </c>
      <c r="B23224" s="1" t="s">
        <v>81949</v>
      </c>
      <c r="C23224" s="1" t="s">
        <v>125</v>
      </c>
      <c r="D23224" s="1" t="s">
        <v>83171</v>
      </c>
      <c r="E23224" s="1" t="s">
        <v>83172</v>
      </c>
      <c r="F23224" s="1" t="s">
        <v>83173</v>
      </c>
      <c r="G23224" s="1" t="s">
        <v>83090</v>
      </c>
      <c r="H23224" s="1" t="s">
        <v>83091</v>
      </c>
      <c r="I23224" s="1" t="s">
        <v>81955</v>
      </c>
      <c r="J23224" s="1" t="s">
        <v>83174</v>
      </c>
    </row>
    <row r="23225" spans="1:10" x14ac:dyDescent="0.35">
      <c r="A23225" s="1" t="s">
        <v>83086</v>
      </c>
      <c r="B23225" s="1" t="s">
        <v>81949</v>
      </c>
      <c r="C23225" s="1" t="s">
        <v>130</v>
      </c>
      <c r="D23225" s="1" t="s">
        <v>83175</v>
      </c>
      <c r="E23225" s="1" t="s">
        <v>83176</v>
      </c>
      <c r="F23225" s="1" t="s">
        <v>83177</v>
      </c>
      <c r="G23225" s="1" t="s">
        <v>83090</v>
      </c>
      <c r="H23225" s="1" t="s">
        <v>83091</v>
      </c>
      <c r="I23225" s="1" t="s">
        <v>81955</v>
      </c>
      <c r="J23225" s="1" t="s">
        <v>83178</v>
      </c>
    </row>
    <row r="23226" spans="1:10" x14ac:dyDescent="0.35">
      <c r="A23226" s="1" t="s">
        <v>83086</v>
      </c>
      <c r="B23226" s="1" t="s">
        <v>81949</v>
      </c>
      <c r="C23226" s="1" t="s">
        <v>135</v>
      </c>
      <c r="D23226" s="1" t="s">
        <v>33988</v>
      </c>
      <c r="E23226" s="1" t="s">
        <v>83179</v>
      </c>
      <c r="F23226" s="1" t="s">
        <v>83180</v>
      </c>
      <c r="G23226" s="1" t="s">
        <v>83090</v>
      </c>
      <c r="H23226" s="1" t="s">
        <v>83091</v>
      </c>
      <c r="I23226" s="1" t="s">
        <v>81955</v>
      </c>
      <c r="J23226" s="1" t="s">
        <v>83181</v>
      </c>
    </row>
    <row r="23227" spans="1:10" x14ac:dyDescent="0.35">
      <c r="A23227" s="1" t="s">
        <v>83086</v>
      </c>
      <c r="B23227" s="1" t="s">
        <v>81949</v>
      </c>
      <c r="C23227" s="1" t="s">
        <v>140</v>
      </c>
      <c r="D23227" s="1" t="s">
        <v>83182</v>
      </c>
      <c r="E23227" s="1" t="s">
        <v>83183</v>
      </c>
      <c r="F23227" s="1" t="s">
        <v>83184</v>
      </c>
      <c r="G23227" s="1" t="s">
        <v>83090</v>
      </c>
      <c r="H23227" s="1" t="s">
        <v>83091</v>
      </c>
      <c r="I23227" s="1" t="s">
        <v>81955</v>
      </c>
      <c r="J23227" s="1" t="s">
        <v>83185</v>
      </c>
    </row>
    <row r="23228" spans="1:10" x14ac:dyDescent="0.35">
      <c r="A23228" s="1" t="s">
        <v>83086</v>
      </c>
      <c r="B23228" s="1" t="s">
        <v>81949</v>
      </c>
      <c r="C23228" s="1" t="s">
        <v>145</v>
      </c>
      <c r="D23228" s="1" t="s">
        <v>83186</v>
      </c>
      <c r="E23228" s="1" t="s">
        <v>83187</v>
      </c>
      <c r="F23228" s="1" t="s">
        <v>83188</v>
      </c>
      <c r="G23228" s="1" t="s">
        <v>83090</v>
      </c>
      <c r="H23228" s="1" t="s">
        <v>83091</v>
      </c>
      <c r="I23228" s="1" t="s">
        <v>81955</v>
      </c>
      <c r="J23228" s="1" t="s">
        <v>83189</v>
      </c>
    </row>
    <row r="23229" spans="1:10" x14ac:dyDescent="0.35">
      <c r="A23229" s="1" t="s">
        <v>83086</v>
      </c>
      <c r="B23229" s="1" t="s">
        <v>81949</v>
      </c>
      <c r="C23229" s="1" t="s">
        <v>150</v>
      </c>
      <c r="D23229" s="1" t="s">
        <v>83190</v>
      </c>
      <c r="E23229" s="1" t="s">
        <v>83191</v>
      </c>
      <c r="F23229" s="1" t="s">
        <v>83192</v>
      </c>
      <c r="G23229" s="1" t="s">
        <v>83090</v>
      </c>
      <c r="H23229" s="1" t="s">
        <v>83091</v>
      </c>
      <c r="I23229" s="1" t="s">
        <v>81955</v>
      </c>
      <c r="J23229" s="1" t="s">
        <v>83193</v>
      </c>
    </row>
    <row r="23230" spans="1:10" x14ac:dyDescent="0.35">
      <c r="A23230" s="1" t="s">
        <v>83086</v>
      </c>
      <c r="B23230" s="1" t="s">
        <v>81949</v>
      </c>
      <c r="C23230" s="1" t="s">
        <v>155</v>
      </c>
      <c r="D23230" s="1" t="s">
        <v>58667</v>
      </c>
      <c r="E23230" s="1" t="s">
        <v>83194</v>
      </c>
      <c r="F23230" s="1" t="s">
        <v>83195</v>
      </c>
      <c r="G23230" s="1" t="s">
        <v>83090</v>
      </c>
      <c r="H23230" s="1" t="s">
        <v>83091</v>
      </c>
      <c r="I23230" s="1" t="s">
        <v>81955</v>
      </c>
      <c r="J23230" s="1" t="s">
        <v>83196</v>
      </c>
    </row>
    <row r="23231" spans="1:10" x14ac:dyDescent="0.35">
      <c r="A23231" s="1" t="s">
        <v>83086</v>
      </c>
      <c r="B23231" s="1" t="s">
        <v>81949</v>
      </c>
      <c r="C23231" s="1" t="s">
        <v>160</v>
      </c>
      <c r="D23231" s="1" t="s">
        <v>19407</v>
      </c>
      <c r="E23231" s="1" t="s">
        <v>83197</v>
      </c>
      <c r="F23231" s="1" t="s">
        <v>83198</v>
      </c>
      <c r="G23231" s="1" t="s">
        <v>83090</v>
      </c>
      <c r="H23231" s="1" t="s">
        <v>83091</v>
      </c>
      <c r="I23231" s="1" t="s">
        <v>81955</v>
      </c>
      <c r="J23231" s="1" t="s">
        <v>83199</v>
      </c>
    </row>
    <row r="23232" spans="1:10" x14ac:dyDescent="0.35">
      <c r="A23232" s="1" t="s">
        <v>83086</v>
      </c>
      <c r="B23232" s="1" t="s">
        <v>81949</v>
      </c>
      <c r="C23232" s="1" t="s">
        <v>165</v>
      </c>
      <c r="D23232" s="1" t="s">
        <v>83200</v>
      </c>
      <c r="E23232" s="1" t="s">
        <v>83201</v>
      </c>
      <c r="F23232" s="1" t="s">
        <v>83202</v>
      </c>
      <c r="G23232" s="1" t="s">
        <v>83090</v>
      </c>
      <c r="H23232" s="1" t="s">
        <v>83091</v>
      </c>
      <c r="I23232" s="1" t="s">
        <v>81955</v>
      </c>
      <c r="J23232" s="1" t="s">
        <v>83203</v>
      </c>
    </row>
    <row r="23233" spans="1:10" x14ac:dyDescent="0.35">
      <c r="A23233" s="1" t="s">
        <v>83086</v>
      </c>
      <c r="B23233" s="1" t="s">
        <v>81949</v>
      </c>
      <c r="C23233" s="1" t="s">
        <v>170</v>
      </c>
      <c r="D23233" s="1" t="s">
        <v>83204</v>
      </c>
      <c r="E23233" s="1" t="s">
        <v>83205</v>
      </c>
      <c r="F23233" s="1" t="s">
        <v>83206</v>
      </c>
      <c r="G23233" s="1" t="s">
        <v>83090</v>
      </c>
      <c r="H23233" s="1" t="s">
        <v>83091</v>
      </c>
      <c r="I23233" s="1" t="s">
        <v>81955</v>
      </c>
      <c r="J23233" s="1" t="s">
        <v>83207</v>
      </c>
    </row>
    <row r="23234" spans="1:10" x14ac:dyDescent="0.35">
      <c r="A23234" s="1" t="s">
        <v>25954</v>
      </c>
      <c r="B23234" s="1" t="s">
        <v>81949</v>
      </c>
      <c r="C23234" s="1" t="s">
        <v>8</v>
      </c>
      <c r="D23234" s="1" t="s">
        <v>83208</v>
      </c>
      <c r="E23234" s="1" t="s">
        <v>83209</v>
      </c>
      <c r="F23234" s="1" t="s">
        <v>83210</v>
      </c>
      <c r="G23234" s="1" t="s">
        <v>83211</v>
      </c>
      <c r="H23234" s="1" t="s">
        <v>83212</v>
      </c>
      <c r="I23234" s="1" t="s">
        <v>81955</v>
      </c>
      <c r="J23234" s="1" t="s">
        <v>13</v>
      </c>
    </row>
    <row r="23235" spans="1:10" x14ac:dyDescent="0.35">
      <c r="A23235" s="1" t="s">
        <v>25954</v>
      </c>
      <c r="B23235" s="1" t="s">
        <v>81949</v>
      </c>
      <c r="C23235" s="1" t="s">
        <v>15</v>
      </c>
      <c r="D23235" s="1" t="s">
        <v>83213</v>
      </c>
      <c r="E23235" s="1" t="s">
        <v>83214</v>
      </c>
      <c r="F23235" s="1" t="s">
        <v>83215</v>
      </c>
      <c r="G23235" s="1" t="s">
        <v>83211</v>
      </c>
      <c r="H23235" s="1" t="s">
        <v>83212</v>
      </c>
      <c r="I23235" s="1" t="s">
        <v>81955</v>
      </c>
      <c r="J23235" s="1" t="s">
        <v>83216</v>
      </c>
    </row>
    <row r="23236" spans="1:10" x14ac:dyDescent="0.35">
      <c r="A23236" s="1" t="s">
        <v>25954</v>
      </c>
      <c r="B23236" s="1" t="s">
        <v>81949</v>
      </c>
      <c r="C23236" s="1" t="s">
        <v>20</v>
      </c>
      <c r="D23236" s="1" t="s">
        <v>73452</v>
      </c>
      <c r="E23236" s="1" t="s">
        <v>83217</v>
      </c>
      <c r="F23236" s="1" t="s">
        <v>83218</v>
      </c>
      <c r="G23236" s="1" t="s">
        <v>83211</v>
      </c>
      <c r="H23236" s="1" t="s">
        <v>83212</v>
      </c>
      <c r="I23236" s="1" t="s">
        <v>81955</v>
      </c>
      <c r="J23236" s="1" t="s">
        <v>83219</v>
      </c>
    </row>
    <row r="23237" spans="1:10" x14ac:dyDescent="0.35">
      <c r="A23237" s="1" t="s">
        <v>25954</v>
      </c>
      <c r="B23237" s="1" t="s">
        <v>81949</v>
      </c>
      <c r="C23237" s="1" t="s">
        <v>25</v>
      </c>
      <c r="D23237" s="1" t="s">
        <v>83220</v>
      </c>
      <c r="E23237" s="1" t="s">
        <v>83221</v>
      </c>
      <c r="F23237" s="1" t="s">
        <v>83222</v>
      </c>
      <c r="G23237" s="1" t="s">
        <v>83211</v>
      </c>
      <c r="H23237" s="1" t="s">
        <v>83212</v>
      </c>
      <c r="I23237" s="1" t="s">
        <v>81955</v>
      </c>
      <c r="J23237" s="1" t="s">
        <v>83223</v>
      </c>
    </row>
    <row r="23238" spans="1:10" x14ac:dyDescent="0.35">
      <c r="A23238" s="1" t="s">
        <v>25954</v>
      </c>
      <c r="B23238" s="1" t="s">
        <v>81949</v>
      </c>
      <c r="C23238" s="1" t="s">
        <v>30</v>
      </c>
      <c r="D23238" s="1" t="s">
        <v>28698</v>
      </c>
      <c r="E23238" s="1" t="s">
        <v>83224</v>
      </c>
      <c r="F23238" s="1" t="s">
        <v>83225</v>
      </c>
      <c r="G23238" s="1" t="s">
        <v>83211</v>
      </c>
      <c r="H23238" s="1" t="s">
        <v>83212</v>
      </c>
      <c r="I23238" s="1" t="s">
        <v>81955</v>
      </c>
      <c r="J23238" s="1" t="s">
        <v>83226</v>
      </c>
    </row>
    <row r="23239" spans="1:10" x14ac:dyDescent="0.35">
      <c r="A23239" s="1" t="s">
        <v>25954</v>
      </c>
      <c r="B23239" s="1" t="s">
        <v>81949</v>
      </c>
      <c r="C23239" s="1" t="s">
        <v>35</v>
      </c>
      <c r="D23239" s="1" t="s">
        <v>83227</v>
      </c>
      <c r="E23239" s="1" t="s">
        <v>83228</v>
      </c>
      <c r="F23239" s="1" t="s">
        <v>83229</v>
      </c>
      <c r="G23239" s="1" t="s">
        <v>83211</v>
      </c>
      <c r="H23239" s="1" t="s">
        <v>83212</v>
      </c>
      <c r="I23239" s="1" t="s">
        <v>81955</v>
      </c>
      <c r="J23239" s="1" t="s">
        <v>83230</v>
      </c>
    </row>
    <row r="23240" spans="1:10" x14ac:dyDescent="0.35">
      <c r="A23240" s="1" t="s">
        <v>25954</v>
      </c>
      <c r="B23240" s="1" t="s">
        <v>81949</v>
      </c>
      <c r="C23240" s="1" t="s">
        <v>40</v>
      </c>
      <c r="D23240" s="1" t="s">
        <v>9414</v>
      </c>
      <c r="E23240" s="1" t="s">
        <v>83231</v>
      </c>
      <c r="F23240" s="1" t="s">
        <v>83232</v>
      </c>
      <c r="G23240" s="1" t="s">
        <v>83211</v>
      </c>
      <c r="H23240" s="1" t="s">
        <v>83212</v>
      </c>
      <c r="I23240" s="1" t="s">
        <v>81955</v>
      </c>
      <c r="J23240" s="1" t="s">
        <v>83233</v>
      </c>
    </row>
    <row r="23241" spans="1:10" x14ac:dyDescent="0.35">
      <c r="A23241" s="1" t="s">
        <v>25954</v>
      </c>
      <c r="B23241" s="1" t="s">
        <v>81949</v>
      </c>
      <c r="C23241" s="1" t="s">
        <v>45</v>
      </c>
      <c r="D23241" s="1" t="s">
        <v>72554</v>
      </c>
      <c r="E23241" s="1" t="s">
        <v>83234</v>
      </c>
      <c r="F23241" s="1" t="s">
        <v>83235</v>
      </c>
      <c r="G23241" s="1" t="s">
        <v>83211</v>
      </c>
      <c r="H23241" s="1" t="s">
        <v>83212</v>
      </c>
      <c r="I23241" s="1" t="s">
        <v>81955</v>
      </c>
      <c r="J23241" s="1" t="s">
        <v>83236</v>
      </c>
    </row>
    <row r="23242" spans="1:10" x14ac:dyDescent="0.35">
      <c r="A23242" s="1" t="s">
        <v>25954</v>
      </c>
      <c r="B23242" s="1" t="s">
        <v>81949</v>
      </c>
      <c r="C23242" s="1" t="s">
        <v>50</v>
      </c>
      <c r="D23242" s="1" t="s">
        <v>412</v>
      </c>
      <c r="E23242" s="1" t="s">
        <v>83237</v>
      </c>
      <c r="F23242" s="1" t="s">
        <v>83238</v>
      </c>
      <c r="G23242" s="1" t="s">
        <v>83211</v>
      </c>
      <c r="H23242" s="1" t="s">
        <v>83212</v>
      </c>
      <c r="I23242" s="1" t="s">
        <v>81955</v>
      </c>
      <c r="J23242" s="1" t="s">
        <v>83239</v>
      </c>
    </row>
    <row r="23243" spans="1:10" x14ac:dyDescent="0.35">
      <c r="A23243" s="1" t="s">
        <v>25954</v>
      </c>
      <c r="B23243" s="1" t="s">
        <v>81949</v>
      </c>
      <c r="C23243" s="1" t="s">
        <v>55</v>
      </c>
      <c r="D23243" s="1" t="s">
        <v>83240</v>
      </c>
      <c r="E23243" s="1" t="s">
        <v>83241</v>
      </c>
      <c r="F23243" s="1" t="s">
        <v>83242</v>
      </c>
      <c r="G23243" s="1" t="s">
        <v>83211</v>
      </c>
      <c r="H23243" s="1" t="s">
        <v>83212</v>
      </c>
      <c r="I23243" s="1" t="s">
        <v>81955</v>
      </c>
      <c r="J23243" s="1" t="s">
        <v>83243</v>
      </c>
    </row>
    <row r="23244" spans="1:10" x14ac:dyDescent="0.35">
      <c r="A23244" s="1" t="s">
        <v>25954</v>
      </c>
      <c r="B23244" s="1" t="s">
        <v>81949</v>
      </c>
      <c r="C23244" s="1" t="s">
        <v>60</v>
      </c>
      <c r="D23244" s="1" t="s">
        <v>83244</v>
      </c>
      <c r="E23244" s="1" t="s">
        <v>83245</v>
      </c>
      <c r="F23244" s="1" t="s">
        <v>83246</v>
      </c>
      <c r="G23244" s="1" t="s">
        <v>83211</v>
      </c>
      <c r="H23244" s="1" t="s">
        <v>83212</v>
      </c>
      <c r="I23244" s="1" t="s">
        <v>81955</v>
      </c>
      <c r="J23244" s="1" t="s">
        <v>83247</v>
      </c>
    </row>
    <row r="23245" spans="1:10" x14ac:dyDescent="0.35">
      <c r="A23245" s="1" t="s">
        <v>25954</v>
      </c>
      <c r="B23245" s="1" t="s">
        <v>81949</v>
      </c>
      <c r="C23245" s="1" t="s">
        <v>65</v>
      </c>
      <c r="D23245" s="1" t="s">
        <v>83248</v>
      </c>
      <c r="E23245" s="1" t="s">
        <v>83249</v>
      </c>
      <c r="F23245" s="1" t="s">
        <v>83250</v>
      </c>
      <c r="G23245" s="1" t="s">
        <v>83211</v>
      </c>
      <c r="H23245" s="1" t="s">
        <v>83212</v>
      </c>
      <c r="I23245" s="1" t="s">
        <v>81955</v>
      </c>
      <c r="J23245" s="1" t="s">
        <v>73567</v>
      </c>
    </row>
    <row r="23246" spans="1:10" x14ac:dyDescent="0.35">
      <c r="A23246" s="1" t="s">
        <v>25954</v>
      </c>
      <c r="B23246" s="1" t="s">
        <v>81949</v>
      </c>
      <c r="C23246" s="1" t="s">
        <v>70</v>
      </c>
      <c r="D23246" s="1" t="s">
        <v>47615</v>
      </c>
      <c r="E23246" s="1" t="s">
        <v>83251</v>
      </c>
      <c r="F23246" s="1" t="s">
        <v>83252</v>
      </c>
      <c r="G23246" s="1" t="s">
        <v>83211</v>
      </c>
      <c r="H23246" s="1" t="s">
        <v>83212</v>
      </c>
      <c r="I23246" s="1" t="s">
        <v>81955</v>
      </c>
      <c r="J23246" s="1" t="s">
        <v>83253</v>
      </c>
    </row>
    <row r="23247" spans="1:10" x14ac:dyDescent="0.35">
      <c r="A23247" s="1" t="s">
        <v>25954</v>
      </c>
      <c r="B23247" s="1" t="s">
        <v>81949</v>
      </c>
      <c r="C23247" s="1" t="s">
        <v>75</v>
      </c>
      <c r="D23247" s="1" t="s">
        <v>83254</v>
      </c>
      <c r="E23247" s="1" t="s">
        <v>83255</v>
      </c>
      <c r="F23247" s="1" t="s">
        <v>83256</v>
      </c>
      <c r="G23247" s="1" t="s">
        <v>83211</v>
      </c>
      <c r="H23247" s="1" t="s">
        <v>83212</v>
      </c>
      <c r="I23247" s="1" t="s">
        <v>81955</v>
      </c>
      <c r="J23247" s="1" t="s">
        <v>83257</v>
      </c>
    </row>
    <row r="23248" spans="1:10" x14ac:dyDescent="0.35">
      <c r="A23248" s="1" t="s">
        <v>25954</v>
      </c>
      <c r="B23248" s="1" t="s">
        <v>81949</v>
      </c>
      <c r="C23248" s="1" t="s">
        <v>80</v>
      </c>
      <c r="D23248" s="1" t="s">
        <v>83258</v>
      </c>
      <c r="E23248" s="1" t="s">
        <v>83259</v>
      </c>
      <c r="F23248" s="1" t="s">
        <v>83260</v>
      </c>
      <c r="G23248" s="1" t="s">
        <v>83211</v>
      </c>
      <c r="H23248" s="1" t="s">
        <v>83212</v>
      </c>
      <c r="I23248" s="1" t="s">
        <v>81955</v>
      </c>
      <c r="J23248" s="1" t="s">
        <v>83261</v>
      </c>
    </row>
    <row r="23249" spans="1:10" x14ac:dyDescent="0.35">
      <c r="A23249" s="1" t="s">
        <v>25954</v>
      </c>
      <c r="B23249" s="1" t="s">
        <v>81949</v>
      </c>
      <c r="C23249" s="1" t="s">
        <v>85</v>
      </c>
      <c r="D23249" s="1" t="s">
        <v>83262</v>
      </c>
      <c r="E23249" s="1" t="s">
        <v>83263</v>
      </c>
      <c r="F23249" s="1" t="s">
        <v>83264</v>
      </c>
      <c r="G23249" s="1" t="s">
        <v>83211</v>
      </c>
      <c r="H23249" s="1" t="s">
        <v>83212</v>
      </c>
      <c r="I23249" s="1" t="s">
        <v>81955</v>
      </c>
      <c r="J23249" s="1" t="s">
        <v>83265</v>
      </c>
    </row>
    <row r="23250" spans="1:10" x14ac:dyDescent="0.35">
      <c r="A23250" s="1" t="s">
        <v>25954</v>
      </c>
      <c r="B23250" s="1" t="s">
        <v>81949</v>
      </c>
      <c r="C23250" s="1" t="s">
        <v>90</v>
      </c>
      <c r="D23250" s="1" t="s">
        <v>83266</v>
      </c>
      <c r="E23250" s="1" t="s">
        <v>83267</v>
      </c>
      <c r="F23250" s="1" t="s">
        <v>83268</v>
      </c>
      <c r="G23250" s="1" t="s">
        <v>83211</v>
      </c>
      <c r="H23250" s="1" t="s">
        <v>83212</v>
      </c>
      <c r="I23250" s="1" t="s">
        <v>81955</v>
      </c>
      <c r="J23250" s="1" t="s">
        <v>83269</v>
      </c>
    </row>
    <row r="23251" spans="1:10" x14ac:dyDescent="0.35">
      <c r="A23251" s="1" t="s">
        <v>25954</v>
      </c>
      <c r="B23251" s="1" t="s">
        <v>81949</v>
      </c>
      <c r="C23251" s="1" t="s">
        <v>95</v>
      </c>
      <c r="D23251" s="1" t="s">
        <v>2533</v>
      </c>
      <c r="E23251" s="1" t="s">
        <v>83270</v>
      </c>
      <c r="F23251" s="1" t="s">
        <v>83271</v>
      </c>
      <c r="G23251" s="1" t="s">
        <v>83211</v>
      </c>
      <c r="H23251" s="1" t="s">
        <v>83212</v>
      </c>
      <c r="I23251" s="1" t="s">
        <v>81955</v>
      </c>
      <c r="J23251" s="1" t="s">
        <v>83272</v>
      </c>
    </row>
    <row r="23252" spans="1:10" x14ac:dyDescent="0.35">
      <c r="A23252" s="1" t="s">
        <v>25954</v>
      </c>
      <c r="B23252" s="1" t="s">
        <v>81949</v>
      </c>
      <c r="C23252" s="1" t="s">
        <v>100</v>
      </c>
      <c r="D23252" s="1" t="s">
        <v>83273</v>
      </c>
      <c r="E23252" s="1" t="s">
        <v>83274</v>
      </c>
      <c r="F23252" s="1" t="s">
        <v>83275</v>
      </c>
      <c r="G23252" s="1" t="s">
        <v>83211</v>
      </c>
      <c r="H23252" s="1" t="s">
        <v>83212</v>
      </c>
      <c r="I23252" s="1" t="s">
        <v>81955</v>
      </c>
      <c r="J23252" s="1" t="s">
        <v>83276</v>
      </c>
    </row>
    <row r="23253" spans="1:10" x14ac:dyDescent="0.35">
      <c r="A23253" s="1" t="s">
        <v>25954</v>
      </c>
      <c r="B23253" s="1" t="s">
        <v>81949</v>
      </c>
      <c r="C23253" s="1" t="s">
        <v>105</v>
      </c>
      <c r="D23253" s="1" t="s">
        <v>83277</v>
      </c>
      <c r="E23253" s="1" t="s">
        <v>83278</v>
      </c>
      <c r="F23253" s="1" t="s">
        <v>83279</v>
      </c>
      <c r="G23253" s="1" t="s">
        <v>83211</v>
      </c>
      <c r="H23253" s="1" t="s">
        <v>83212</v>
      </c>
      <c r="I23253" s="1" t="s">
        <v>81955</v>
      </c>
      <c r="J23253" s="1" t="s">
        <v>83280</v>
      </c>
    </row>
    <row r="23254" spans="1:10" x14ac:dyDescent="0.35">
      <c r="A23254" s="1" t="s">
        <v>25954</v>
      </c>
      <c r="B23254" s="1" t="s">
        <v>81949</v>
      </c>
      <c r="C23254" s="1" t="s">
        <v>110</v>
      </c>
      <c r="D23254" s="1" t="s">
        <v>83281</v>
      </c>
      <c r="E23254" s="1" t="s">
        <v>83282</v>
      </c>
      <c r="F23254" s="1" t="s">
        <v>83283</v>
      </c>
      <c r="G23254" s="1" t="s">
        <v>83211</v>
      </c>
      <c r="H23254" s="1" t="s">
        <v>83212</v>
      </c>
      <c r="I23254" s="1" t="s">
        <v>81955</v>
      </c>
      <c r="J23254" s="1" t="s">
        <v>83284</v>
      </c>
    </row>
    <row r="23255" spans="1:10" x14ac:dyDescent="0.35">
      <c r="A23255" s="1" t="s">
        <v>25954</v>
      </c>
      <c r="B23255" s="1" t="s">
        <v>81949</v>
      </c>
      <c r="C23255" s="1" t="s">
        <v>115</v>
      </c>
      <c r="D23255" s="1" t="s">
        <v>83285</v>
      </c>
      <c r="E23255" s="1" t="s">
        <v>83286</v>
      </c>
      <c r="F23255" s="1" t="s">
        <v>83287</v>
      </c>
      <c r="G23255" s="1" t="s">
        <v>83211</v>
      </c>
      <c r="H23255" s="1" t="s">
        <v>83212</v>
      </c>
      <c r="I23255" s="1" t="s">
        <v>81955</v>
      </c>
      <c r="J23255" s="1" t="s">
        <v>83288</v>
      </c>
    </row>
    <row r="23256" spans="1:10" x14ac:dyDescent="0.35">
      <c r="A23256" s="1" t="s">
        <v>25954</v>
      </c>
      <c r="B23256" s="1" t="s">
        <v>81949</v>
      </c>
      <c r="C23256" s="1" t="s">
        <v>120</v>
      </c>
      <c r="D23256" s="1" t="s">
        <v>79133</v>
      </c>
      <c r="E23256" s="1" t="s">
        <v>83289</v>
      </c>
      <c r="F23256" s="1" t="s">
        <v>83290</v>
      </c>
      <c r="G23256" s="1" t="s">
        <v>83211</v>
      </c>
      <c r="H23256" s="1" t="s">
        <v>83212</v>
      </c>
      <c r="I23256" s="1" t="s">
        <v>81955</v>
      </c>
      <c r="J23256" s="1" t="s">
        <v>83291</v>
      </c>
    </row>
    <row r="23257" spans="1:10" x14ac:dyDescent="0.35">
      <c r="A23257" s="1" t="s">
        <v>25954</v>
      </c>
      <c r="B23257" s="1" t="s">
        <v>81949</v>
      </c>
      <c r="C23257" s="1" t="s">
        <v>125</v>
      </c>
      <c r="D23257" s="1" t="s">
        <v>83292</v>
      </c>
      <c r="E23257" s="1" t="s">
        <v>83293</v>
      </c>
      <c r="F23257" s="1" t="s">
        <v>83294</v>
      </c>
      <c r="G23257" s="1" t="s">
        <v>83211</v>
      </c>
      <c r="H23257" s="1" t="s">
        <v>83212</v>
      </c>
      <c r="I23257" s="1" t="s">
        <v>81955</v>
      </c>
      <c r="J23257" s="1" t="s">
        <v>83295</v>
      </c>
    </row>
    <row r="23258" spans="1:10" x14ac:dyDescent="0.35">
      <c r="A23258" s="1" t="s">
        <v>25954</v>
      </c>
      <c r="B23258" s="1" t="s">
        <v>81949</v>
      </c>
      <c r="C23258" s="1" t="s">
        <v>130</v>
      </c>
      <c r="D23258" s="1" t="s">
        <v>83296</v>
      </c>
      <c r="E23258" s="1" t="s">
        <v>83297</v>
      </c>
      <c r="F23258" s="1" t="s">
        <v>83298</v>
      </c>
      <c r="G23258" s="1" t="s">
        <v>83211</v>
      </c>
      <c r="H23258" s="1" t="s">
        <v>83212</v>
      </c>
      <c r="I23258" s="1" t="s">
        <v>81955</v>
      </c>
      <c r="J23258" s="1" t="s">
        <v>83299</v>
      </c>
    </row>
    <row r="23259" spans="1:10" x14ac:dyDescent="0.35">
      <c r="A23259" s="1" t="s">
        <v>25954</v>
      </c>
      <c r="B23259" s="1" t="s">
        <v>81949</v>
      </c>
      <c r="C23259" s="1" t="s">
        <v>135</v>
      </c>
      <c r="D23259" s="1" t="s">
        <v>83300</v>
      </c>
      <c r="E23259" s="1" t="s">
        <v>83301</v>
      </c>
      <c r="F23259" s="1" t="s">
        <v>83302</v>
      </c>
      <c r="G23259" s="1" t="s">
        <v>83211</v>
      </c>
      <c r="H23259" s="1" t="s">
        <v>83212</v>
      </c>
      <c r="I23259" s="1" t="s">
        <v>81955</v>
      </c>
      <c r="J23259" s="1" t="s">
        <v>83303</v>
      </c>
    </row>
    <row r="23260" spans="1:10" x14ac:dyDescent="0.35">
      <c r="A23260" s="1" t="s">
        <v>25954</v>
      </c>
      <c r="B23260" s="1" t="s">
        <v>81949</v>
      </c>
      <c r="C23260" s="1" t="s">
        <v>140</v>
      </c>
      <c r="D23260" s="1" t="s">
        <v>83304</v>
      </c>
      <c r="E23260" s="1" t="s">
        <v>83305</v>
      </c>
      <c r="F23260" s="1" t="s">
        <v>83306</v>
      </c>
      <c r="G23260" s="1" t="s">
        <v>83211</v>
      </c>
      <c r="H23260" s="1" t="s">
        <v>83212</v>
      </c>
      <c r="I23260" s="1" t="s">
        <v>81955</v>
      </c>
      <c r="J23260" s="1" t="s">
        <v>83307</v>
      </c>
    </row>
    <row r="23261" spans="1:10" x14ac:dyDescent="0.35">
      <c r="A23261" s="1" t="s">
        <v>25954</v>
      </c>
      <c r="B23261" s="1" t="s">
        <v>81949</v>
      </c>
      <c r="C23261" s="1" t="s">
        <v>145</v>
      </c>
      <c r="D23261" s="1" t="s">
        <v>83308</v>
      </c>
      <c r="E23261" s="1" t="s">
        <v>83309</v>
      </c>
      <c r="F23261" s="1" t="s">
        <v>83310</v>
      </c>
      <c r="G23261" s="1" t="s">
        <v>83211</v>
      </c>
      <c r="H23261" s="1" t="s">
        <v>83212</v>
      </c>
      <c r="I23261" s="1" t="s">
        <v>81955</v>
      </c>
      <c r="J23261" s="1" t="s">
        <v>83311</v>
      </c>
    </row>
    <row r="23262" spans="1:10" x14ac:dyDescent="0.35">
      <c r="A23262" s="1" t="s">
        <v>25954</v>
      </c>
      <c r="B23262" s="1" t="s">
        <v>81949</v>
      </c>
      <c r="C23262" s="1" t="s">
        <v>150</v>
      </c>
      <c r="D23262" s="1" t="s">
        <v>83312</v>
      </c>
      <c r="E23262" s="1" t="s">
        <v>83313</v>
      </c>
      <c r="F23262" s="1" t="s">
        <v>83314</v>
      </c>
      <c r="G23262" s="1" t="s">
        <v>83211</v>
      </c>
      <c r="H23262" s="1" t="s">
        <v>83212</v>
      </c>
      <c r="I23262" s="1" t="s">
        <v>81955</v>
      </c>
      <c r="J23262" s="1" t="s">
        <v>83315</v>
      </c>
    </row>
    <row r="23263" spans="1:10" x14ac:dyDescent="0.35">
      <c r="A23263" s="1" t="s">
        <v>25954</v>
      </c>
      <c r="B23263" s="1" t="s">
        <v>81949</v>
      </c>
      <c r="C23263" s="1" t="s">
        <v>155</v>
      </c>
      <c r="D23263" s="1" t="s">
        <v>83316</v>
      </c>
      <c r="E23263" s="1" t="s">
        <v>83317</v>
      </c>
      <c r="F23263" s="1" t="s">
        <v>83318</v>
      </c>
      <c r="G23263" s="1" t="s">
        <v>83211</v>
      </c>
      <c r="H23263" s="1" t="s">
        <v>83212</v>
      </c>
      <c r="I23263" s="1" t="s">
        <v>81955</v>
      </c>
      <c r="J23263" s="1" t="s">
        <v>83319</v>
      </c>
    </row>
    <row r="23264" spans="1:10" x14ac:dyDescent="0.35">
      <c r="A23264" s="1" t="s">
        <v>25954</v>
      </c>
      <c r="B23264" s="1" t="s">
        <v>81949</v>
      </c>
      <c r="C23264" s="1" t="s">
        <v>160</v>
      </c>
      <c r="D23264" s="1" t="s">
        <v>83320</v>
      </c>
      <c r="E23264" s="1" t="s">
        <v>83321</v>
      </c>
      <c r="F23264" s="1" t="s">
        <v>83322</v>
      </c>
      <c r="G23264" s="1" t="s">
        <v>83211</v>
      </c>
      <c r="H23264" s="1" t="s">
        <v>83212</v>
      </c>
      <c r="I23264" s="1" t="s">
        <v>81955</v>
      </c>
      <c r="J23264" s="1" t="s">
        <v>83323</v>
      </c>
    </row>
    <row r="23265" spans="1:10" x14ac:dyDescent="0.35">
      <c r="A23265" s="1" t="s">
        <v>25954</v>
      </c>
      <c r="B23265" s="1" t="s">
        <v>81949</v>
      </c>
      <c r="C23265" s="1" t="s">
        <v>165</v>
      </c>
      <c r="D23265" s="1" t="s">
        <v>83324</v>
      </c>
      <c r="E23265" s="1" t="s">
        <v>83325</v>
      </c>
      <c r="F23265" s="1" t="s">
        <v>83326</v>
      </c>
      <c r="G23265" s="1" t="s">
        <v>83211</v>
      </c>
      <c r="H23265" s="1" t="s">
        <v>83212</v>
      </c>
      <c r="I23265" s="1" t="s">
        <v>81955</v>
      </c>
      <c r="J23265" s="1" t="s">
        <v>83327</v>
      </c>
    </row>
    <row r="23266" spans="1:10" x14ac:dyDescent="0.35">
      <c r="A23266" s="1" t="s">
        <v>25954</v>
      </c>
      <c r="B23266" s="1" t="s">
        <v>81949</v>
      </c>
      <c r="C23266" s="1" t="s">
        <v>170</v>
      </c>
      <c r="D23266" s="1" t="s">
        <v>83328</v>
      </c>
      <c r="E23266" s="1" t="s">
        <v>83329</v>
      </c>
      <c r="F23266" s="1" t="s">
        <v>83330</v>
      </c>
      <c r="G23266" s="1" t="s">
        <v>83211</v>
      </c>
      <c r="H23266" s="1" t="s">
        <v>83212</v>
      </c>
      <c r="I23266" s="1" t="s">
        <v>81955</v>
      </c>
      <c r="J23266" s="1" t="s">
        <v>83331</v>
      </c>
    </row>
    <row r="23267" spans="1:10" x14ac:dyDescent="0.35">
      <c r="A23267" s="1" t="s">
        <v>25088</v>
      </c>
      <c r="B23267" s="1" t="s">
        <v>81949</v>
      </c>
      <c r="C23267" s="1" t="s">
        <v>8</v>
      </c>
      <c r="D23267" s="1" t="s">
        <v>50658</v>
      </c>
      <c r="E23267" s="1" t="s">
        <v>83332</v>
      </c>
      <c r="F23267" s="1" t="s">
        <v>83333</v>
      </c>
      <c r="G23267" s="1" t="s">
        <v>83334</v>
      </c>
      <c r="H23267" s="1" t="s">
        <v>83335</v>
      </c>
      <c r="I23267" s="1" t="s">
        <v>81955</v>
      </c>
      <c r="J23267" s="1" t="s">
        <v>13</v>
      </c>
    </row>
    <row r="23268" spans="1:10" x14ac:dyDescent="0.35">
      <c r="A23268" s="1" t="s">
        <v>25088</v>
      </c>
      <c r="B23268" s="1" t="s">
        <v>81949</v>
      </c>
      <c r="C23268" s="1" t="s">
        <v>15</v>
      </c>
      <c r="D23268" s="1" t="s">
        <v>19802</v>
      </c>
      <c r="E23268" s="1" t="s">
        <v>83336</v>
      </c>
      <c r="F23268" s="1" t="s">
        <v>83337</v>
      </c>
      <c r="G23268" s="1" t="s">
        <v>83334</v>
      </c>
      <c r="H23268" s="1" t="s">
        <v>83335</v>
      </c>
      <c r="I23268" s="1" t="s">
        <v>81955</v>
      </c>
      <c r="J23268" s="1" t="s">
        <v>82542</v>
      </c>
    </row>
    <row r="23269" spans="1:10" x14ac:dyDescent="0.35">
      <c r="A23269" s="1" t="s">
        <v>25088</v>
      </c>
      <c r="B23269" s="1" t="s">
        <v>81949</v>
      </c>
      <c r="C23269" s="1" t="s">
        <v>20</v>
      </c>
      <c r="D23269" s="1" t="s">
        <v>8823</v>
      </c>
      <c r="E23269" s="1" t="s">
        <v>83338</v>
      </c>
      <c r="F23269" s="1" t="s">
        <v>83339</v>
      </c>
      <c r="G23269" s="1" t="s">
        <v>83334</v>
      </c>
      <c r="H23269" s="1" t="s">
        <v>83335</v>
      </c>
      <c r="I23269" s="1" t="s">
        <v>81955</v>
      </c>
      <c r="J23269" s="1" t="s">
        <v>82544</v>
      </c>
    </row>
    <row r="23270" spans="1:10" x14ac:dyDescent="0.35">
      <c r="A23270" s="1" t="s">
        <v>25088</v>
      </c>
      <c r="B23270" s="1" t="s">
        <v>81949</v>
      </c>
      <c r="C23270" s="1" t="s">
        <v>25</v>
      </c>
      <c r="D23270" s="1" t="s">
        <v>82545</v>
      </c>
      <c r="E23270" s="1" t="s">
        <v>83340</v>
      </c>
      <c r="F23270" s="1" t="s">
        <v>83341</v>
      </c>
      <c r="G23270" s="1" t="s">
        <v>83334</v>
      </c>
      <c r="H23270" s="1" t="s">
        <v>83335</v>
      </c>
      <c r="I23270" s="1" t="s">
        <v>81955</v>
      </c>
      <c r="J23270" s="1" t="s">
        <v>82548</v>
      </c>
    </row>
    <row r="23271" spans="1:10" x14ac:dyDescent="0.35">
      <c r="A23271" s="1" t="s">
        <v>25088</v>
      </c>
      <c r="B23271" s="1" t="s">
        <v>81949</v>
      </c>
      <c r="C23271" s="1" t="s">
        <v>30</v>
      </c>
      <c r="D23271" s="1" t="s">
        <v>74259</v>
      </c>
      <c r="E23271" s="1" t="s">
        <v>83342</v>
      </c>
      <c r="F23271" s="1" t="s">
        <v>83343</v>
      </c>
      <c r="G23271" s="1" t="s">
        <v>83334</v>
      </c>
      <c r="H23271" s="1" t="s">
        <v>83335</v>
      </c>
      <c r="I23271" s="1" t="s">
        <v>81955</v>
      </c>
      <c r="J23271" s="1" t="s">
        <v>82551</v>
      </c>
    </row>
    <row r="23272" spans="1:10" x14ac:dyDescent="0.35">
      <c r="A23272" s="1" t="s">
        <v>25088</v>
      </c>
      <c r="B23272" s="1" t="s">
        <v>81949</v>
      </c>
      <c r="C23272" s="1" t="s">
        <v>35</v>
      </c>
      <c r="D23272" s="1" t="s">
        <v>82552</v>
      </c>
      <c r="E23272" s="1" t="s">
        <v>83344</v>
      </c>
      <c r="F23272" s="1" t="s">
        <v>83345</v>
      </c>
      <c r="G23272" s="1" t="s">
        <v>83334</v>
      </c>
      <c r="H23272" s="1" t="s">
        <v>83335</v>
      </c>
      <c r="I23272" s="1" t="s">
        <v>81955</v>
      </c>
      <c r="J23272" s="1" t="s">
        <v>82555</v>
      </c>
    </row>
    <row r="23273" spans="1:10" x14ac:dyDescent="0.35">
      <c r="A23273" s="1" t="s">
        <v>25088</v>
      </c>
      <c r="B23273" s="1" t="s">
        <v>81949</v>
      </c>
      <c r="C23273" s="1" t="s">
        <v>40</v>
      </c>
      <c r="D23273" s="1" t="s">
        <v>6755</v>
      </c>
      <c r="E23273" s="1" t="s">
        <v>83346</v>
      </c>
      <c r="F23273" s="1" t="s">
        <v>83347</v>
      </c>
      <c r="G23273" s="1" t="s">
        <v>83334</v>
      </c>
      <c r="H23273" s="1" t="s">
        <v>83335</v>
      </c>
      <c r="I23273" s="1" t="s">
        <v>81955</v>
      </c>
      <c r="J23273" s="1" t="s">
        <v>82557</v>
      </c>
    </row>
    <row r="23274" spans="1:10" x14ac:dyDescent="0.35">
      <c r="A23274" s="1" t="s">
        <v>25088</v>
      </c>
      <c r="B23274" s="1" t="s">
        <v>81949</v>
      </c>
      <c r="C23274" s="1" t="s">
        <v>45</v>
      </c>
      <c r="D23274" s="1" t="s">
        <v>82558</v>
      </c>
      <c r="E23274" s="1" t="s">
        <v>83348</v>
      </c>
      <c r="F23274" s="1" t="s">
        <v>83349</v>
      </c>
      <c r="G23274" s="1" t="s">
        <v>83334</v>
      </c>
      <c r="H23274" s="1" t="s">
        <v>83335</v>
      </c>
      <c r="I23274" s="1" t="s">
        <v>81955</v>
      </c>
      <c r="J23274" s="1" t="s">
        <v>82559</v>
      </c>
    </row>
    <row r="23275" spans="1:10" x14ac:dyDescent="0.35">
      <c r="A23275" s="1" t="s">
        <v>25088</v>
      </c>
      <c r="B23275" s="1" t="s">
        <v>81949</v>
      </c>
      <c r="C23275" s="1" t="s">
        <v>50</v>
      </c>
      <c r="D23275" s="1" t="s">
        <v>82560</v>
      </c>
      <c r="E23275" s="1" t="s">
        <v>83350</v>
      </c>
      <c r="F23275" s="1" t="s">
        <v>83351</v>
      </c>
      <c r="G23275" s="1" t="s">
        <v>83334</v>
      </c>
      <c r="H23275" s="1" t="s">
        <v>83335</v>
      </c>
      <c r="I23275" s="1" t="s">
        <v>81955</v>
      </c>
      <c r="J23275" s="1" t="s">
        <v>82563</v>
      </c>
    </row>
    <row r="23276" spans="1:10" x14ac:dyDescent="0.35">
      <c r="A23276" s="1" t="s">
        <v>25088</v>
      </c>
      <c r="B23276" s="1" t="s">
        <v>81949</v>
      </c>
      <c r="C23276" s="1" t="s">
        <v>55</v>
      </c>
      <c r="D23276" s="1" t="s">
        <v>82564</v>
      </c>
      <c r="E23276" s="1" t="s">
        <v>83352</v>
      </c>
      <c r="F23276" s="1" t="s">
        <v>83353</v>
      </c>
      <c r="G23276" s="1" t="s">
        <v>83334</v>
      </c>
      <c r="H23276" s="1" t="s">
        <v>83335</v>
      </c>
      <c r="I23276" s="1" t="s">
        <v>81955</v>
      </c>
      <c r="J23276" s="1" t="s">
        <v>82567</v>
      </c>
    </row>
    <row r="23277" spans="1:10" x14ac:dyDescent="0.35">
      <c r="A23277" s="1" t="s">
        <v>25088</v>
      </c>
      <c r="B23277" s="1" t="s">
        <v>81949</v>
      </c>
      <c r="C23277" s="1" t="s">
        <v>60</v>
      </c>
      <c r="D23277" s="1" t="s">
        <v>82568</v>
      </c>
      <c r="E23277" s="1" t="s">
        <v>83354</v>
      </c>
      <c r="F23277" s="1" t="s">
        <v>83355</v>
      </c>
      <c r="G23277" s="1" t="s">
        <v>83334</v>
      </c>
      <c r="H23277" s="1" t="s">
        <v>83335</v>
      </c>
      <c r="I23277" s="1" t="s">
        <v>81955</v>
      </c>
      <c r="J23277" s="1" t="s">
        <v>82570</v>
      </c>
    </row>
    <row r="23278" spans="1:10" x14ac:dyDescent="0.35">
      <c r="A23278" s="1" t="s">
        <v>25088</v>
      </c>
      <c r="B23278" s="1" t="s">
        <v>81949</v>
      </c>
      <c r="C23278" s="1" t="s">
        <v>65</v>
      </c>
      <c r="D23278" s="1" t="s">
        <v>82571</v>
      </c>
      <c r="E23278" s="1" t="s">
        <v>83356</v>
      </c>
      <c r="F23278" s="1" t="s">
        <v>83357</v>
      </c>
      <c r="G23278" s="1" t="s">
        <v>83334</v>
      </c>
      <c r="H23278" s="1" t="s">
        <v>83335</v>
      </c>
      <c r="I23278" s="1" t="s">
        <v>81955</v>
      </c>
      <c r="J23278" s="1" t="s">
        <v>82573</v>
      </c>
    </row>
    <row r="23279" spans="1:10" x14ac:dyDescent="0.35">
      <c r="A23279" s="1" t="s">
        <v>25088</v>
      </c>
      <c r="B23279" s="1" t="s">
        <v>81949</v>
      </c>
      <c r="C23279" s="1" t="s">
        <v>70</v>
      </c>
      <c r="D23279" s="1" t="s">
        <v>82574</v>
      </c>
      <c r="E23279" s="1" t="s">
        <v>83358</v>
      </c>
      <c r="F23279" s="1" t="s">
        <v>83359</v>
      </c>
      <c r="G23279" s="1" t="s">
        <v>83334</v>
      </c>
      <c r="H23279" s="1" t="s">
        <v>83335</v>
      </c>
      <c r="I23279" s="1" t="s">
        <v>81955</v>
      </c>
      <c r="J23279" s="1" t="s">
        <v>82576</v>
      </c>
    </row>
    <row r="23280" spans="1:10" x14ac:dyDescent="0.35">
      <c r="A23280" s="1" t="s">
        <v>25088</v>
      </c>
      <c r="B23280" s="1" t="s">
        <v>81949</v>
      </c>
      <c r="C23280" s="1" t="s">
        <v>75</v>
      </c>
      <c r="D23280" s="1" t="s">
        <v>76946</v>
      </c>
      <c r="E23280" s="1" t="s">
        <v>83360</v>
      </c>
      <c r="F23280" s="1" t="s">
        <v>83361</v>
      </c>
      <c r="G23280" s="1" t="s">
        <v>83334</v>
      </c>
      <c r="H23280" s="1" t="s">
        <v>83335</v>
      </c>
      <c r="I23280" s="1" t="s">
        <v>81955</v>
      </c>
      <c r="J23280" s="1" t="s">
        <v>82579</v>
      </c>
    </row>
    <row r="23281" spans="1:10" x14ac:dyDescent="0.35">
      <c r="A23281" s="1" t="s">
        <v>25088</v>
      </c>
      <c r="B23281" s="1" t="s">
        <v>81949</v>
      </c>
      <c r="C23281" s="1" t="s">
        <v>80</v>
      </c>
      <c r="D23281" s="1" t="s">
        <v>19109</v>
      </c>
      <c r="E23281" s="1" t="s">
        <v>83362</v>
      </c>
      <c r="F23281" s="1" t="s">
        <v>83363</v>
      </c>
      <c r="G23281" s="1" t="s">
        <v>83334</v>
      </c>
      <c r="H23281" s="1" t="s">
        <v>83335</v>
      </c>
      <c r="I23281" s="1" t="s">
        <v>81955</v>
      </c>
      <c r="J23281" s="1" t="s">
        <v>82580</v>
      </c>
    </row>
    <row r="23282" spans="1:10" x14ac:dyDescent="0.35">
      <c r="A23282" s="1" t="s">
        <v>25088</v>
      </c>
      <c r="B23282" s="1" t="s">
        <v>81949</v>
      </c>
      <c r="C23282" s="1" t="s">
        <v>85</v>
      </c>
      <c r="D23282" s="1" t="s">
        <v>54142</v>
      </c>
      <c r="E23282" s="1" t="s">
        <v>83356</v>
      </c>
      <c r="F23282" s="1" t="s">
        <v>83364</v>
      </c>
      <c r="G23282" s="1" t="s">
        <v>83334</v>
      </c>
      <c r="H23282" s="1" t="s">
        <v>83335</v>
      </c>
      <c r="I23282" s="1" t="s">
        <v>81955</v>
      </c>
      <c r="J23282" s="1" t="s">
        <v>82583</v>
      </c>
    </row>
    <row r="23283" spans="1:10" x14ac:dyDescent="0.35">
      <c r="A23283" s="1" t="s">
        <v>25088</v>
      </c>
      <c r="B23283" s="1" t="s">
        <v>81949</v>
      </c>
      <c r="C23283" s="1" t="s">
        <v>90</v>
      </c>
      <c r="D23283" s="1" t="s">
        <v>78561</v>
      </c>
      <c r="E23283" s="1" t="s">
        <v>83365</v>
      </c>
      <c r="F23283" s="1" t="s">
        <v>83366</v>
      </c>
      <c r="G23283" s="1" t="s">
        <v>83334</v>
      </c>
      <c r="H23283" s="1" t="s">
        <v>83335</v>
      </c>
      <c r="I23283" s="1" t="s">
        <v>81955</v>
      </c>
      <c r="J23283" s="1" t="s">
        <v>82585</v>
      </c>
    </row>
    <row r="23284" spans="1:10" x14ac:dyDescent="0.35">
      <c r="A23284" s="1" t="s">
        <v>25088</v>
      </c>
      <c r="B23284" s="1" t="s">
        <v>81949</v>
      </c>
      <c r="C23284" s="1" t="s">
        <v>95</v>
      </c>
      <c r="D23284" s="1" t="s">
        <v>60780</v>
      </c>
      <c r="E23284" s="1" t="s">
        <v>83367</v>
      </c>
      <c r="F23284" s="1" t="s">
        <v>83368</v>
      </c>
      <c r="G23284" s="1" t="s">
        <v>83334</v>
      </c>
      <c r="H23284" s="1" t="s">
        <v>83335</v>
      </c>
      <c r="I23284" s="1" t="s">
        <v>81955</v>
      </c>
      <c r="J23284" s="1" t="s">
        <v>82588</v>
      </c>
    </row>
    <row r="23285" spans="1:10" x14ac:dyDescent="0.35">
      <c r="A23285" s="1" t="s">
        <v>25088</v>
      </c>
      <c r="B23285" s="1" t="s">
        <v>81949</v>
      </c>
      <c r="C23285" s="1" t="s">
        <v>100</v>
      </c>
      <c r="D23285" s="1" t="s">
        <v>53968</v>
      </c>
      <c r="E23285" s="1" t="s">
        <v>83369</v>
      </c>
      <c r="F23285" s="1" t="s">
        <v>83370</v>
      </c>
      <c r="G23285" s="1" t="s">
        <v>83334</v>
      </c>
      <c r="H23285" s="1" t="s">
        <v>83335</v>
      </c>
      <c r="I23285" s="1" t="s">
        <v>81955</v>
      </c>
      <c r="J23285" s="1" t="s">
        <v>82589</v>
      </c>
    </row>
    <row r="23286" spans="1:10" x14ac:dyDescent="0.35">
      <c r="A23286" s="1" t="s">
        <v>25088</v>
      </c>
      <c r="B23286" s="1" t="s">
        <v>81949</v>
      </c>
      <c r="C23286" s="1" t="s">
        <v>105</v>
      </c>
      <c r="D23286" s="1" t="s">
        <v>82590</v>
      </c>
      <c r="E23286" s="1" t="s">
        <v>83371</v>
      </c>
      <c r="F23286" s="1" t="s">
        <v>83372</v>
      </c>
      <c r="G23286" s="1" t="s">
        <v>83334</v>
      </c>
      <c r="H23286" s="1" t="s">
        <v>83335</v>
      </c>
      <c r="I23286" s="1" t="s">
        <v>81955</v>
      </c>
      <c r="J23286" s="1" t="s">
        <v>82592</v>
      </c>
    </row>
    <row r="23287" spans="1:10" x14ac:dyDescent="0.35">
      <c r="A23287" s="1" t="s">
        <v>25088</v>
      </c>
      <c r="B23287" s="1" t="s">
        <v>81949</v>
      </c>
      <c r="C23287" s="1" t="s">
        <v>110</v>
      </c>
      <c r="D23287" s="1" t="s">
        <v>59248</v>
      </c>
      <c r="E23287" s="1" t="s">
        <v>83373</v>
      </c>
      <c r="F23287" s="1" t="s">
        <v>83374</v>
      </c>
      <c r="G23287" s="1" t="s">
        <v>83334</v>
      </c>
      <c r="H23287" s="1" t="s">
        <v>83335</v>
      </c>
      <c r="I23287" s="1" t="s">
        <v>81955</v>
      </c>
      <c r="J23287" s="1" t="s">
        <v>82594</v>
      </c>
    </row>
    <row r="23288" spans="1:10" x14ac:dyDescent="0.35">
      <c r="A23288" s="1" t="s">
        <v>25088</v>
      </c>
      <c r="B23288" s="1" t="s">
        <v>81949</v>
      </c>
      <c r="C23288" s="1" t="s">
        <v>115</v>
      </c>
      <c r="D23288" s="1" t="s">
        <v>82595</v>
      </c>
      <c r="E23288" s="1" t="s">
        <v>83375</v>
      </c>
      <c r="F23288" s="1" t="s">
        <v>83376</v>
      </c>
      <c r="G23288" s="1" t="s">
        <v>83334</v>
      </c>
      <c r="H23288" s="1" t="s">
        <v>83335</v>
      </c>
      <c r="I23288" s="1" t="s">
        <v>81955</v>
      </c>
      <c r="J23288" s="1" t="s">
        <v>82598</v>
      </c>
    </row>
    <row r="23289" spans="1:10" x14ac:dyDescent="0.35">
      <c r="A23289" s="1" t="s">
        <v>25088</v>
      </c>
      <c r="B23289" s="1" t="s">
        <v>81949</v>
      </c>
      <c r="C23289" s="1" t="s">
        <v>120</v>
      </c>
      <c r="D23289" s="1" t="s">
        <v>82599</v>
      </c>
      <c r="E23289" s="1" t="s">
        <v>83377</v>
      </c>
      <c r="F23289" s="1" t="s">
        <v>83378</v>
      </c>
      <c r="G23289" s="1" t="s">
        <v>83334</v>
      </c>
      <c r="H23289" s="1" t="s">
        <v>83335</v>
      </c>
      <c r="I23289" s="1" t="s">
        <v>81955</v>
      </c>
      <c r="J23289" s="1" t="s">
        <v>82602</v>
      </c>
    </row>
    <row r="23290" spans="1:10" x14ac:dyDescent="0.35">
      <c r="A23290" s="1" t="s">
        <v>25088</v>
      </c>
      <c r="B23290" s="1" t="s">
        <v>81949</v>
      </c>
      <c r="C23290" s="1" t="s">
        <v>125</v>
      </c>
      <c r="D23290" s="1" t="s">
        <v>82603</v>
      </c>
      <c r="E23290" s="1" t="s">
        <v>83379</v>
      </c>
      <c r="F23290" s="1" t="s">
        <v>83380</v>
      </c>
      <c r="G23290" s="1" t="s">
        <v>83334</v>
      </c>
      <c r="H23290" s="1" t="s">
        <v>83335</v>
      </c>
      <c r="I23290" s="1" t="s">
        <v>81955</v>
      </c>
      <c r="J23290" s="1" t="s">
        <v>82606</v>
      </c>
    </row>
    <row r="23291" spans="1:10" x14ac:dyDescent="0.35">
      <c r="A23291" s="1" t="s">
        <v>25088</v>
      </c>
      <c r="B23291" s="1" t="s">
        <v>81949</v>
      </c>
      <c r="C23291" s="1" t="s">
        <v>130</v>
      </c>
      <c r="D23291" s="1" t="s">
        <v>82607</v>
      </c>
      <c r="E23291" s="1" t="s">
        <v>83381</v>
      </c>
      <c r="F23291" s="1" t="s">
        <v>83382</v>
      </c>
      <c r="G23291" s="1" t="s">
        <v>83334</v>
      </c>
      <c r="H23291" s="1" t="s">
        <v>83335</v>
      </c>
      <c r="I23291" s="1" t="s">
        <v>81955</v>
      </c>
      <c r="J23291" s="1" t="s">
        <v>82610</v>
      </c>
    </row>
    <row r="23292" spans="1:10" x14ac:dyDescent="0.35">
      <c r="A23292" s="1" t="s">
        <v>25088</v>
      </c>
      <c r="B23292" s="1" t="s">
        <v>81949</v>
      </c>
      <c r="C23292" s="1" t="s">
        <v>135</v>
      </c>
      <c r="D23292" s="1" t="s">
        <v>82611</v>
      </c>
      <c r="E23292" s="1" t="s">
        <v>83383</v>
      </c>
      <c r="F23292" s="1" t="s">
        <v>83384</v>
      </c>
      <c r="G23292" s="1" t="s">
        <v>83334</v>
      </c>
      <c r="H23292" s="1" t="s">
        <v>83335</v>
      </c>
      <c r="I23292" s="1" t="s">
        <v>81955</v>
      </c>
      <c r="J23292" s="1" t="s">
        <v>82613</v>
      </c>
    </row>
    <row r="23293" spans="1:10" x14ac:dyDescent="0.35">
      <c r="A23293" s="1" t="s">
        <v>25088</v>
      </c>
      <c r="B23293" s="1" t="s">
        <v>81949</v>
      </c>
      <c r="C23293" s="1" t="s">
        <v>140</v>
      </c>
      <c r="D23293" s="1" t="s">
        <v>82614</v>
      </c>
      <c r="E23293" s="1" t="s">
        <v>83385</v>
      </c>
      <c r="F23293" s="1" t="s">
        <v>83386</v>
      </c>
      <c r="G23293" s="1" t="s">
        <v>83334</v>
      </c>
      <c r="H23293" s="1" t="s">
        <v>83335</v>
      </c>
      <c r="I23293" s="1" t="s">
        <v>81955</v>
      </c>
      <c r="J23293" s="1" t="s">
        <v>82615</v>
      </c>
    </row>
    <row r="23294" spans="1:10" x14ac:dyDescent="0.35">
      <c r="A23294" s="1" t="s">
        <v>25088</v>
      </c>
      <c r="B23294" s="1" t="s">
        <v>81949</v>
      </c>
      <c r="C23294" s="1" t="s">
        <v>145</v>
      </c>
      <c r="D23294" s="1" t="s">
        <v>82616</v>
      </c>
      <c r="E23294" s="1" t="s">
        <v>83387</v>
      </c>
      <c r="F23294" s="1" t="s">
        <v>83388</v>
      </c>
      <c r="G23294" s="1" t="s">
        <v>83334</v>
      </c>
      <c r="H23294" s="1" t="s">
        <v>83335</v>
      </c>
      <c r="I23294" s="1" t="s">
        <v>81955</v>
      </c>
      <c r="J23294" s="1" t="s">
        <v>82619</v>
      </c>
    </row>
    <row r="23295" spans="1:10" x14ac:dyDescent="0.35">
      <c r="A23295" s="1" t="s">
        <v>25088</v>
      </c>
      <c r="B23295" s="1" t="s">
        <v>81949</v>
      </c>
      <c r="C23295" s="1" t="s">
        <v>150</v>
      </c>
      <c r="D23295" s="1" t="s">
        <v>55865</v>
      </c>
      <c r="E23295" s="1" t="s">
        <v>83389</v>
      </c>
      <c r="F23295" s="1" t="s">
        <v>83390</v>
      </c>
      <c r="G23295" s="1" t="s">
        <v>83334</v>
      </c>
      <c r="H23295" s="1" t="s">
        <v>83335</v>
      </c>
      <c r="I23295" s="1" t="s">
        <v>81955</v>
      </c>
      <c r="J23295" s="1" t="s">
        <v>82621</v>
      </c>
    </row>
    <row r="23296" spans="1:10" x14ac:dyDescent="0.35">
      <c r="A23296" s="1" t="s">
        <v>25088</v>
      </c>
      <c r="B23296" s="1" t="s">
        <v>81949</v>
      </c>
      <c r="C23296" s="1" t="s">
        <v>155</v>
      </c>
      <c r="D23296" s="1" t="s">
        <v>82622</v>
      </c>
      <c r="E23296" s="1" t="s">
        <v>83391</v>
      </c>
      <c r="F23296" s="1" t="s">
        <v>83392</v>
      </c>
      <c r="G23296" s="1" t="s">
        <v>83334</v>
      </c>
      <c r="H23296" s="1" t="s">
        <v>83335</v>
      </c>
      <c r="I23296" s="1" t="s">
        <v>81955</v>
      </c>
      <c r="J23296" s="1" t="s">
        <v>82624</v>
      </c>
    </row>
    <row r="23297" spans="1:10" x14ac:dyDescent="0.35">
      <c r="A23297" s="1" t="s">
        <v>25088</v>
      </c>
      <c r="B23297" s="1" t="s">
        <v>81949</v>
      </c>
      <c r="C23297" s="1" t="s">
        <v>160</v>
      </c>
      <c r="D23297" s="1" t="s">
        <v>56249</v>
      </c>
      <c r="E23297" s="1" t="s">
        <v>83393</v>
      </c>
      <c r="F23297" s="1" t="s">
        <v>83394</v>
      </c>
      <c r="G23297" s="1" t="s">
        <v>83334</v>
      </c>
      <c r="H23297" s="1" t="s">
        <v>83335</v>
      </c>
      <c r="I23297" s="1" t="s">
        <v>81955</v>
      </c>
      <c r="J23297" s="1" t="s">
        <v>82626</v>
      </c>
    </row>
    <row r="23298" spans="1:10" x14ac:dyDescent="0.35">
      <c r="A23298" s="1" t="s">
        <v>25088</v>
      </c>
      <c r="B23298" s="1" t="s">
        <v>81949</v>
      </c>
      <c r="C23298" s="1" t="s">
        <v>165</v>
      </c>
      <c r="D23298" s="1" t="s">
        <v>66018</v>
      </c>
      <c r="E23298" s="1" t="s">
        <v>83395</v>
      </c>
      <c r="F23298" s="1" t="s">
        <v>83396</v>
      </c>
      <c r="G23298" s="1" t="s">
        <v>83334</v>
      </c>
      <c r="H23298" s="1" t="s">
        <v>83335</v>
      </c>
      <c r="I23298" s="1" t="s">
        <v>81955</v>
      </c>
      <c r="J23298" s="1" t="s">
        <v>82629</v>
      </c>
    </row>
    <row r="23299" spans="1:10" x14ac:dyDescent="0.35">
      <c r="A23299" s="1" t="s">
        <v>25088</v>
      </c>
      <c r="B23299" s="1" t="s">
        <v>81949</v>
      </c>
      <c r="C23299" s="1" t="s">
        <v>170</v>
      </c>
      <c r="D23299" s="1" t="s">
        <v>82630</v>
      </c>
      <c r="E23299" s="1" t="s">
        <v>83375</v>
      </c>
      <c r="F23299" s="1" t="s">
        <v>83397</v>
      </c>
      <c r="G23299" s="1" t="s">
        <v>83334</v>
      </c>
      <c r="H23299" s="1" t="s">
        <v>83335</v>
      </c>
      <c r="I23299" s="1" t="s">
        <v>81955</v>
      </c>
      <c r="J23299" s="1" t="s">
        <v>82632</v>
      </c>
    </row>
    <row r="23300" spans="1:10" x14ac:dyDescent="0.35">
      <c r="A23300" s="1" t="s">
        <v>83398</v>
      </c>
      <c r="B23300" s="1" t="s">
        <v>81949</v>
      </c>
      <c r="C23300" s="1" t="s">
        <v>8</v>
      </c>
      <c r="D23300" s="1" t="s">
        <v>83399</v>
      </c>
      <c r="E23300" s="1" t="s">
        <v>83400</v>
      </c>
      <c r="F23300" s="1" t="s">
        <v>83401</v>
      </c>
      <c r="G23300" s="1" t="s">
        <v>83402</v>
      </c>
      <c r="H23300" s="1" t="s">
        <v>83403</v>
      </c>
      <c r="I23300" s="1" t="s">
        <v>81955</v>
      </c>
      <c r="J23300" s="1" t="s">
        <v>13</v>
      </c>
    </row>
    <row r="23301" spans="1:10" x14ac:dyDescent="0.35">
      <c r="A23301" s="1" t="s">
        <v>83398</v>
      </c>
      <c r="B23301" s="1" t="s">
        <v>81949</v>
      </c>
      <c r="C23301" s="1" t="s">
        <v>15</v>
      </c>
      <c r="D23301" s="1" t="s">
        <v>83404</v>
      </c>
      <c r="E23301" s="1" t="s">
        <v>83405</v>
      </c>
      <c r="F23301" s="1" t="s">
        <v>60661</v>
      </c>
      <c r="G23301" s="1" t="s">
        <v>83402</v>
      </c>
      <c r="H23301" s="1" t="s">
        <v>83403</v>
      </c>
      <c r="I23301" s="1" t="s">
        <v>81955</v>
      </c>
      <c r="J23301" s="1" t="s">
        <v>83406</v>
      </c>
    </row>
    <row r="23302" spans="1:10" x14ac:dyDescent="0.35">
      <c r="A23302" s="1" t="s">
        <v>83398</v>
      </c>
      <c r="B23302" s="1" t="s">
        <v>81949</v>
      </c>
      <c r="C23302" s="1" t="s">
        <v>20</v>
      </c>
      <c r="D23302" s="1" t="s">
        <v>34007</v>
      </c>
      <c r="E23302" s="1" t="s">
        <v>83407</v>
      </c>
      <c r="F23302" s="1" t="s">
        <v>32612</v>
      </c>
      <c r="G23302" s="1" t="s">
        <v>83402</v>
      </c>
      <c r="H23302" s="1" t="s">
        <v>83403</v>
      </c>
      <c r="I23302" s="1" t="s">
        <v>81955</v>
      </c>
      <c r="J23302" s="1" t="s">
        <v>83408</v>
      </c>
    </row>
    <row r="23303" spans="1:10" x14ac:dyDescent="0.35">
      <c r="A23303" s="1" t="s">
        <v>83398</v>
      </c>
      <c r="B23303" s="1" t="s">
        <v>81949</v>
      </c>
      <c r="C23303" s="1" t="s">
        <v>25</v>
      </c>
      <c r="D23303" s="1" t="s">
        <v>51224</v>
      </c>
      <c r="E23303" s="1" t="s">
        <v>22739</v>
      </c>
      <c r="F23303" s="1" t="s">
        <v>83409</v>
      </c>
      <c r="G23303" s="1" t="s">
        <v>83402</v>
      </c>
      <c r="H23303" s="1" t="s">
        <v>83403</v>
      </c>
      <c r="I23303" s="1" t="s">
        <v>81955</v>
      </c>
      <c r="J23303" s="1" t="s">
        <v>83223</v>
      </c>
    </row>
    <row r="23304" spans="1:10" x14ac:dyDescent="0.35">
      <c r="A23304" s="1" t="s">
        <v>83398</v>
      </c>
      <c r="B23304" s="1" t="s">
        <v>81949</v>
      </c>
      <c r="C23304" s="1" t="s">
        <v>30</v>
      </c>
      <c r="D23304" s="1" t="s">
        <v>83410</v>
      </c>
      <c r="E23304" s="1" t="s">
        <v>83411</v>
      </c>
      <c r="F23304" s="1" t="s">
        <v>62876</v>
      </c>
      <c r="G23304" s="1" t="s">
        <v>83402</v>
      </c>
      <c r="H23304" s="1" t="s">
        <v>83403</v>
      </c>
      <c r="I23304" s="1" t="s">
        <v>81955</v>
      </c>
      <c r="J23304" s="1" t="s">
        <v>83412</v>
      </c>
    </row>
    <row r="23305" spans="1:10" x14ac:dyDescent="0.35">
      <c r="A23305" s="1" t="s">
        <v>83398</v>
      </c>
      <c r="B23305" s="1" t="s">
        <v>81949</v>
      </c>
      <c r="C23305" s="1" t="s">
        <v>35</v>
      </c>
      <c r="D23305" s="1" t="s">
        <v>49034</v>
      </c>
      <c r="E23305" s="1" t="s">
        <v>62804</v>
      </c>
      <c r="F23305" s="1" t="s">
        <v>54143</v>
      </c>
      <c r="G23305" s="1" t="s">
        <v>83402</v>
      </c>
      <c r="H23305" s="1" t="s">
        <v>83403</v>
      </c>
      <c r="I23305" s="1" t="s">
        <v>81955</v>
      </c>
      <c r="J23305" s="1" t="s">
        <v>83413</v>
      </c>
    </row>
    <row r="23306" spans="1:10" x14ac:dyDescent="0.35">
      <c r="A23306" s="1" t="s">
        <v>83398</v>
      </c>
      <c r="B23306" s="1" t="s">
        <v>81949</v>
      </c>
      <c r="C23306" s="1" t="s">
        <v>40</v>
      </c>
      <c r="D23306" s="1" t="s">
        <v>83414</v>
      </c>
      <c r="E23306" s="1" t="s">
        <v>83415</v>
      </c>
      <c r="F23306" s="1" t="s">
        <v>83416</v>
      </c>
      <c r="G23306" s="1" t="s">
        <v>83402</v>
      </c>
      <c r="H23306" s="1" t="s">
        <v>83403</v>
      </c>
      <c r="I23306" s="1" t="s">
        <v>81955</v>
      </c>
      <c r="J23306" s="1" t="s">
        <v>83417</v>
      </c>
    </row>
    <row r="23307" spans="1:10" x14ac:dyDescent="0.35">
      <c r="A23307" s="1" t="s">
        <v>83398</v>
      </c>
      <c r="B23307" s="1" t="s">
        <v>81949</v>
      </c>
      <c r="C23307" s="1" t="s">
        <v>45</v>
      </c>
      <c r="D23307" s="1" t="s">
        <v>74877</v>
      </c>
      <c r="E23307" s="1" t="s">
        <v>21525</v>
      </c>
      <c r="F23307" s="1" t="s">
        <v>65465</v>
      </c>
      <c r="G23307" s="1" t="s">
        <v>83402</v>
      </c>
      <c r="H23307" s="1" t="s">
        <v>83403</v>
      </c>
      <c r="I23307" s="1" t="s">
        <v>81955</v>
      </c>
      <c r="J23307" s="1" t="s">
        <v>83418</v>
      </c>
    </row>
    <row r="23308" spans="1:10" x14ac:dyDescent="0.35">
      <c r="A23308" s="1" t="s">
        <v>83398</v>
      </c>
      <c r="B23308" s="1" t="s">
        <v>81949</v>
      </c>
      <c r="C23308" s="1" t="s">
        <v>50</v>
      </c>
      <c r="D23308" s="1" t="s">
        <v>83419</v>
      </c>
      <c r="E23308" s="1" t="s">
        <v>23756</v>
      </c>
      <c r="F23308" s="1" t="s">
        <v>67627</v>
      </c>
      <c r="G23308" s="1" t="s">
        <v>83402</v>
      </c>
      <c r="H23308" s="1" t="s">
        <v>83403</v>
      </c>
      <c r="I23308" s="1" t="s">
        <v>81955</v>
      </c>
      <c r="J23308" s="1" t="s">
        <v>83420</v>
      </c>
    </row>
    <row r="23309" spans="1:10" x14ac:dyDescent="0.35">
      <c r="A23309" s="1" t="s">
        <v>83398</v>
      </c>
      <c r="B23309" s="1" t="s">
        <v>81949</v>
      </c>
      <c r="C23309" s="1" t="s">
        <v>55</v>
      </c>
      <c r="D23309" s="1" t="s">
        <v>83421</v>
      </c>
      <c r="E23309" s="1" t="s">
        <v>83422</v>
      </c>
      <c r="F23309" s="1" t="s">
        <v>83423</v>
      </c>
      <c r="G23309" s="1" t="s">
        <v>83402</v>
      </c>
      <c r="H23309" s="1" t="s">
        <v>83403</v>
      </c>
      <c r="I23309" s="1" t="s">
        <v>81955</v>
      </c>
      <c r="J23309" s="1" t="s">
        <v>83424</v>
      </c>
    </row>
    <row r="23310" spans="1:10" x14ac:dyDescent="0.35">
      <c r="A23310" s="1" t="s">
        <v>83398</v>
      </c>
      <c r="B23310" s="1" t="s">
        <v>81949</v>
      </c>
      <c r="C23310" s="1" t="s">
        <v>60</v>
      </c>
      <c r="D23310" s="1" t="s">
        <v>83425</v>
      </c>
      <c r="E23310" s="1" t="s">
        <v>23322</v>
      </c>
      <c r="F23310" s="1" t="s">
        <v>26573</v>
      </c>
      <c r="G23310" s="1" t="s">
        <v>83402</v>
      </c>
      <c r="H23310" s="1" t="s">
        <v>83403</v>
      </c>
      <c r="I23310" s="1" t="s">
        <v>81955</v>
      </c>
      <c r="J23310" s="1" t="s">
        <v>83426</v>
      </c>
    </row>
    <row r="23311" spans="1:10" x14ac:dyDescent="0.35">
      <c r="A23311" s="1" t="s">
        <v>83398</v>
      </c>
      <c r="B23311" s="1" t="s">
        <v>81949</v>
      </c>
      <c r="C23311" s="1" t="s">
        <v>65</v>
      </c>
      <c r="D23311" s="1" t="s">
        <v>83427</v>
      </c>
      <c r="E23311" s="1" t="s">
        <v>83428</v>
      </c>
      <c r="F23311" s="1" t="s">
        <v>83429</v>
      </c>
      <c r="G23311" s="1" t="s">
        <v>83402</v>
      </c>
      <c r="H23311" s="1" t="s">
        <v>83403</v>
      </c>
      <c r="I23311" s="1" t="s">
        <v>81955</v>
      </c>
      <c r="J23311" s="1" t="s">
        <v>83430</v>
      </c>
    </row>
    <row r="23312" spans="1:10" x14ac:dyDescent="0.35">
      <c r="A23312" s="1" t="s">
        <v>83398</v>
      </c>
      <c r="B23312" s="1" t="s">
        <v>81949</v>
      </c>
      <c r="C23312" s="1" t="s">
        <v>70</v>
      </c>
      <c r="D23312" s="1" t="s">
        <v>36015</v>
      </c>
      <c r="E23312" s="1" t="s">
        <v>21525</v>
      </c>
      <c r="F23312" s="1" t="s">
        <v>83431</v>
      </c>
      <c r="G23312" s="1" t="s">
        <v>83402</v>
      </c>
      <c r="H23312" s="1" t="s">
        <v>83403</v>
      </c>
      <c r="I23312" s="1" t="s">
        <v>81955</v>
      </c>
      <c r="J23312" s="1" t="s">
        <v>83432</v>
      </c>
    </row>
    <row r="23313" spans="1:10" x14ac:dyDescent="0.35">
      <c r="A23313" s="1" t="s">
        <v>83398</v>
      </c>
      <c r="B23313" s="1" t="s">
        <v>81949</v>
      </c>
      <c r="C23313" s="1" t="s">
        <v>75</v>
      </c>
      <c r="D23313" s="1" t="s">
        <v>3052</v>
      </c>
      <c r="E23313" s="1" t="s">
        <v>83433</v>
      </c>
      <c r="F23313" s="1" t="s">
        <v>64043</v>
      </c>
      <c r="G23313" s="1" t="s">
        <v>83402</v>
      </c>
      <c r="H23313" s="1" t="s">
        <v>83403</v>
      </c>
      <c r="I23313" s="1" t="s">
        <v>81955</v>
      </c>
      <c r="J23313" s="1" t="s">
        <v>83434</v>
      </c>
    </row>
    <row r="23314" spans="1:10" x14ac:dyDescent="0.35">
      <c r="A23314" s="1" t="s">
        <v>83398</v>
      </c>
      <c r="B23314" s="1" t="s">
        <v>81949</v>
      </c>
      <c r="C23314" s="1" t="s">
        <v>80</v>
      </c>
      <c r="D23314" s="1" t="s">
        <v>13263</v>
      </c>
      <c r="E23314" s="1" t="s">
        <v>82937</v>
      </c>
      <c r="F23314" s="1" t="s">
        <v>22325</v>
      </c>
      <c r="G23314" s="1" t="s">
        <v>83402</v>
      </c>
      <c r="H23314" s="1" t="s">
        <v>83403</v>
      </c>
      <c r="I23314" s="1" t="s">
        <v>81955</v>
      </c>
      <c r="J23314" s="1" t="s">
        <v>83435</v>
      </c>
    </row>
    <row r="23315" spans="1:10" x14ac:dyDescent="0.35">
      <c r="A23315" s="1" t="s">
        <v>83398</v>
      </c>
      <c r="B23315" s="1" t="s">
        <v>81949</v>
      </c>
      <c r="C23315" s="1" t="s">
        <v>85</v>
      </c>
      <c r="D23315" s="1" t="s">
        <v>37110</v>
      </c>
      <c r="E23315" s="1" t="s">
        <v>21485</v>
      </c>
      <c r="F23315" s="1" t="s">
        <v>83436</v>
      </c>
      <c r="G23315" s="1" t="s">
        <v>83402</v>
      </c>
      <c r="H23315" s="1" t="s">
        <v>83403</v>
      </c>
      <c r="I23315" s="1" t="s">
        <v>81955</v>
      </c>
      <c r="J23315" s="1" t="s">
        <v>83437</v>
      </c>
    </row>
    <row r="23316" spans="1:10" x14ac:dyDescent="0.35">
      <c r="A23316" s="1" t="s">
        <v>83398</v>
      </c>
      <c r="B23316" s="1" t="s">
        <v>81949</v>
      </c>
      <c r="C23316" s="1" t="s">
        <v>90</v>
      </c>
      <c r="D23316" s="1" t="s">
        <v>17675</v>
      </c>
      <c r="E23316" s="1" t="s">
        <v>83438</v>
      </c>
      <c r="F23316" s="1" t="s">
        <v>83439</v>
      </c>
      <c r="G23316" s="1" t="s">
        <v>83402</v>
      </c>
      <c r="H23316" s="1" t="s">
        <v>83403</v>
      </c>
      <c r="I23316" s="1" t="s">
        <v>81955</v>
      </c>
      <c r="J23316" s="1" t="s">
        <v>83440</v>
      </c>
    </row>
    <row r="23317" spans="1:10" x14ac:dyDescent="0.35">
      <c r="A23317" s="1" t="s">
        <v>83398</v>
      </c>
      <c r="B23317" s="1" t="s">
        <v>81949</v>
      </c>
      <c r="C23317" s="1" t="s">
        <v>95</v>
      </c>
      <c r="D23317" s="1" t="s">
        <v>83441</v>
      </c>
      <c r="E23317" s="1" t="s">
        <v>83442</v>
      </c>
      <c r="F23317" s="1" t="s">
        <v>83443</v>
      </c>
      <c r="G23317" s="1" t="s">
        <v>83402</v>
      </c>
      <c r="H23317" s="1" t="s">
        <v>83403</v>
      </c>
      <c r="I23317" s="1" t="s">
        <v>81955</v>
      </c>
      <c r="J23317" s="1" t="s">
        <v>83444</v>
      </c>
    </row>
    <row r="23318" spans="1:10" x14ac:dyDescent="0.35">
      <c r="A23318" s="1" t="s">
        <v>83398</v>
      </c>
      <c r="B23318" s="1" t="s">
        <v>81949</v>
      </c>
      <c r="C23318" s="1" t="s">
        <v>100</v>
      </c>
      <c r="D23318" s="1" t="s">
        <v>43205</v>
      </c>
      <c r="E23318" s="1" t="s">
        <v>83445</v>
      </c>
      <c r="F23318" s="1" t="s">
        <v>83446</v>
      </c>
      <c r="G23318" s="1" t="s">
        <v>83402</v>
      </c>
      <c r="H23318" s="1" t="s">
        <v>83403</v>
      </c>
      <c r="I23318" s="1" t="s">
        <v>81955</v>
      </c>
      <c r="J23318" s="1" t="s">
        <v>83447</v>
      </c>
    </row>
    <row r="23319" spans="1:10" x14ac:dyDescent="0.35">
      <c r="A23319" s="1" t="s">
        <v>83398</v>
      </c>
      <c r="B23319" s="1" t="s">
        <v>81949</v>
      </c>
      <c r="C23319" s="1" t="s">
        <v>105</v>
      </c>
      <c r="D23319" s="1" t="s">
        <v>35960</v>
      </c>
      <c r="E23319" s="1" t="s">
        <v>83448</v>
      </c>
      <c r="F23319" s="1" t="s">
        <v>83449</v>
      </c>
      <c r="G23319" s="1" t="s">
        <v>83402</v>
      </c>
      <c r="H23319" s="1" t="s">
        <v>83403</v>
      </c>
      <c r="I23319" s="1" t="s">
        <v>81955</v>
      </c>
      <c r="J23319" s="1" t="s">
        <v>83450</v>
      </c>
    </row>
    <row r="23320" spans="1:10" x14ac:dyDescent="0.35">
      <c r="A23320" s="1" t="s">
        <v>83398</v>
      </c>
      <c r="B23320" s="1" t="s">
        <v>81949</v>
      </c>
      <c r="C23320" s="1" t="s">
        <v>110</v>
      </c>
      <c r="D23320" s="1" t="s">
        <v>83451</v>
      </c>
      <c r="E23320" s="1" t="s">
        <v>62804</v>
      </c>
      <c r="F23320" s="1" t="s">
        <v>83452</v>
      </c>
      <c r="G23320" s="1" t="s">
        <v>83402</v>
      </c>
      <c r="H23320" s="1" t="s">
        <v>83403</v>
      </c>
      <c r="I23320" s="1" t="s">
        <v>81955</v>
      </c>
      <c r="J23320" s="1" t="s">
        <v>83453</v>
      </c>
    </row>
    <row r="23321" spans="1:10" x14ac:dyDescent="0.35">
      <c r="A23321" s="1" t="s">
        <v>83398</v>
      </c>
      <c r="B23321" s="1" t="s">
        <v>81949</v>
      </c>
      <c r="C23321" s="1" t="s">
        <v>115</v>
      </c>
      <c r="D23321" s="1" t="s">
        <v>43297</v>
      </c>
      <c r="E23321" s="1" t="s">
        <v>21580</v>
      </c>
      <c r="F23321" s="1" t="s">
        <v>83454</v>
      </c>
      <c r="G23321" s="1" t="s">
        <v>83402</v>
      </c>
      <c r="H23321" s="1" t="s">
        <v>83403</v>
      </c>
      <c r="I23321" s="1" t="s">
        <v>81955</v>
      </c>
      <c r="J23321" s="1" t="s">
        <v>83455</v>
      </c>
    </row>
    <row r="23322" spans="1:10" x14ac:dyDescent="0.35">
      <c r="A23322" s="1" t="s">
        <v>83398</v>
      </c>
      <c r="B23322" s="1" t="s">
        <v>81949</v>
      </c>
      <c r="C23322" s="1" t="s">
        <v>120</v>
      </c>
      <c r="D23322" s="1" t="s">
        <v>18030</v>
      </c>
      <c r="E23322" s="1" t="s">
        <v>83456</v>
      </c>
      <c r="F23322" s="1" t="s">
        <v>83457</v>
      </c>
      <c r="G23322" s="1" t="s">
        <v>83402</v>
      </c>
      <c r="H23322" s="1" t="s">
        <v>83403</v>
      </c>
      <c r="I23322" s="1" t="s">
        <v>81955</v>
      </c>
      <c r="J23322" s="1" t="s">
        <v>83458</v>
      </c>
    </row>
    <row r="23323" spans="1:10" x14ac:dyDescent="0.35">
      <c r="A23323" s="1" t="s">
        <v>83398</v>
      </c>
      <c r="B23323" s="1" t="s">
        <v>81949</v>
      </c>
      <c r="C23323" s="1" t="s">
        <v>125</v>
      </c>
      <c r="D23323" s="1" t="s">
        <v>83459</v>
      </c>
      <c r="E23323" s="1" t="s">
        <v>83460</v>
      </c>
      <c r="F23323" s="1" t="s">
        <v>55951</v>
      </c>
      <c r="G23323" s="1" t="s">
        <v>83402</v>
      </c>
      <c r="H23323" s="1" t="s">
        <v>83403</v>
      </c>
      <c r="I23323" s="1" t="s">
        <v>81955</v>
      </c>
      <c r="J23323" s="1" t="s">
        <v>83461</v>
      </c>
    </row>
    <row r="23324" spans="1:10" x14ac:dyDescent="0.35">
      <c r="A23324" s="1" t="s">
        <v>83398</v>
      </c>
      <c r="B23324" s="1" t="s">
        <v>81949</v>
      </c>
      <c r="C23324" s="1" t="s">
        <v>130</v>
      </c>
      <c r="D23324" s="1" t="s">
        <v>83462</v>
      </c>
      <c r="E23324" s="1" t="s">
        <v>21120</v>
      </c>
      <c r="F23324" s="1" t="s">
        <v>66395</v>
      </c>
      <c r="G23324" s="1" t="s">
        <v>83402</v>
      </c>
      <c r="H23324" s="1" t="s">
        <v>83403</v>
      </c>
      <c r="I23324" s="1" t="s">
        <v>81955</v>
      </c>
      <c r="J23324" s="1" t="s">
        <v>83463</v>
      </c>
    </row>
    <row r="23325" spans="1:10" x14ac:dyDescent="0.35">
      <c r="A23325" s="1" t="s">
        <v>83398</v>
      </c>
      <c r="B23325" s="1" t="s">
        <v>81949</v>
      </c>
      <c r="C23325" s="1" t="s">
        <v>135</v>
      </c>
      <c r="D23325" s="1" t="s">
        <v>31899</v>
      </c>
      <c r="E23325" s="1" t="s">
        <v>58268</v>
      </c>
      <c r="F23325" s="1" t="s">
        <v>83464</v>
      </c>
      <c r="G23325" s="1" t="s">
        <v>83402</v>
      </c>
      <c r="H23325" s="1" t="s">
        <v>83403</v>
      </c>
      <c r="I23325" s="1" t="s">
        <v>81955</v>
      </c>
      <c r="J23325" s="1" t="s">
        <v>83465</v>
      </c>
    </row>
    <row r="23326" spans="1:10" x14ac:dyDescent="0.35">
      <c r="A23326" s="1" t="s">
        <v>83398</v>
      </c>
      <c r="B23326" s="1" t="s">
        <v>81949</v>
      </c>
      <c r="C23326" s="1" t="s">
        <v>140</v>
      </c>
      <c r="D23326" s="1" t="s">
        <v>83466</v>
      </c>
      <c r="E23326" s="1" t="s">
        <v>83467</v>
      </c>
      <c r="F23326" s="1" t="s">
        <v>83468</v>
      </c>
      <c r="G23326" s="1" t="s">
        <v>83402</v>
      </c>
      <c r="H23326" s="1" t="s">
        <v>83403</v>
      </c>
      <c r="I23326" s="1" t="s">
        <v>81955</v>
      </c>
      <c r="J23326" s="1" t="s">
        <v>83469</v>
      </c>
    </row>
    <row r="23327" spans="1:10" x14ac:dyDescent="0.35">
      <c r="A23327" s="1" t="s">
        <v>83398</v>
      </c>
      <c r="B23327" s="1" t="s">
        <v>81949</v>
      </c>
      <c r="C23327" s="1" t="s">
        <v>145</v>
      </c>
      <c r="D23327" s="1" t="s">
        <v>2485</v>
      </c>
      <c r="E23327" s="1" t="s">
        <v>24680</v>
      </c>
      <c r="F23327" s="1" t="s">
        <v>83470</v>
      </c>
      <c r="G23327" s="1" t="s">
        <v>83402</v>
      </c>
      <c r="H23327" s="1" t="s">
        <v>83403</v>
      </c>
      <c r="I23327" s="1" t="s">
        <v>81955</v>
      </c>
      <c r="J23327" s="1" t="s">
        <v>83471</v>
      </c>
    </row>
    <row r="23328" spans="1:10" x14ac:dyDescent="0.35">
      <c r="A23328" s="1" t="s">
        <v>83398</v>
      </c>
      <c r="B23328" s="1" t="s">
        <v>81949</v>
      </c>
      <c r="C23328" s="1" t="s">
        <v>150</v>
      </c>
      <c r="D23328" s="1" t="s">
        <v>83472</v>
      </c>
      <c r="E23328" s="1" t="s">
        <v>58173</v>
      </c>
      <c r="F23328" s="1" t="s">
        <v>83473</v>
      </c>
      <c r="G23328" s="1" t="s">
        <v>83402</v>
      </c>
      <c r="H23328" s="1" t="s">
        <v>83403</v>
      </c>
      <c r="I23328" s="1" t="s">
        <v>81955</v>
      </c>
      <c r="J23328" s="1" t="s">
        <v>83474</v>
      </c>
    </row>
    <row r="23329" spans="1:10" x14ac:dyDescent="0.35">
      <c r="A23329" s="1" t="s">
        <v>83398</v>
      </c>
      <c r="B23329" s="1" t="s">
        <v>81949</v>
      </c>
      <c r="C23329" s="1" t="s">
        <v>155</v>
      </c>
      <c r="D23329" s="1" t="s">
        <v>42596</v>
      </c>
      <c r="E23329" s="1" t="s">
        <v>54985</v>
      </c>
      <c r="F23329" s="1" t="s">
        <v>57246</v>
      </c>
      <c r="G23329" s="1" t="s">
        <v>83402</v>
      </c>
      <c r="H23329" s="1" t="s">
        <v>83403</v>
      </c>
      <c r="I23329" s="1" t="s">
        <v>81955</v>
      </c>
      <c r="J23329" s="1" t="s">
        <v>83475</v>
      </c>
    </row>
    <row r="23330" spans="1:10" x14ac:dyDescent="0.35">
      <c r="A23330" s="1" t="s">
        <v>83398</v>
      </c>
      <c r="B23330" s="1" t="s">
        <v>81949</v>
      </c>
      <c r="C23330" s="1" t="s">
        <v>160</v>
      </c>
      <c r="D23330" s="1" t="s">
        <v>42841</v>
      </c>
      <c r="E23330" s="1" t="s">
        <v>62568</v>
      </c>
      <c r="F23330" s="1" t="s">
        <v>83476</v>
      </c>
      <c r="G23330" s="1" t="s">
        <v>83402</v>
      </c>
      <c r="H23330" s="1" t="s">
        <v>83403</v>
      </c>
      <c r="I23330" s="1" t="s">
        <v>81955</v>
      </c>
      <c r="J23330" s="1" t="s">
        <v>83477</v>
      </c>
    </row>
    <row r="23331" spans="1:10" x14ac:dyDescent="0.35">
      <c r="A23331" s="1" t="s">
        <v>83398</v>
      </c>
      <c r="B23331" s="1" t="s">
        <v>81949</v>
      </c>
      <c r="C23331" s="1" t="s">
        <v>165</v>
      </c>
      <c r="D23331" s="1" t="s">
        <v>83478</v>
      </c>
      <c r="E23331" s="1" t="s">
        <v>83479</v>
      </c>
      <c r="F23331" s="1" t="s">
        <v>59259</v>
      </c>
      <c r="G23331" s="1" t="s">
        <v>83402</v>
      </c>
      <c r="H23331" s="1" t="s">
        <v>83403</v>
      </c>
      <c r="I23331" s="1" t="s">
        <v>81955</v>
      </c>
      <c r="J23331" s="1" t="s">
        <v>83480</v>
      </c>
    </row>
    <row r="23332" spans="1:10" x14ac:dyDescent="0.35">
      <c r="A23332" s="1" t="s">
        <v>83398</v>
      </c>
      <c r="B23332" s="1" t="s">
        <v>81949</v>
      </c>
      <c r="C23332" s="1" t="s">
        <v>170</v>
      </c>
      <c r="D23332" s="1" t="s">
        <v>83481</v>
      </c>
      <c r="E23332" s="1" t="s">
        <v>23274</v>
      </c>
      <c r="F23332" s="1" t="s">
        <v>83482</v>
      </c>
      <c r="G23332" s="1" t="s">
        <v>83402</v>
      </c>
      <c r="H23332" s="1" t="s">
        <v>83403</v>
      </c>
      <c r="I23332" s="1" t="s">
        <v>81955</v>
      </c>
      <c r="J23332" s="1" t="s">
        <v>83483</v>
      </c>
    </row>
    <row r="23333" spans="1:10" x14ac:dyDescent="0.35">
      <c r="A23333" s="1" t="s">
        <v>1118</v>
      </c>
      <c r="B23333" s="1" t="s">
        <v>81949</v>
      </c>
      <c r="C23333" s="1" t="s">
        <v>8</v>
      </c>
      <c r="D23333" s="1" t="s">
        <v>16005</v>
      </c>
      <c r="E23333" s="1" t="s">
        <v>83484</v>
      </c>
      <c r="F23333" s="1" t="s">
        <v>83485</v>
      </c>
      <c r="G23333" s="1" t="s">
        <v>83486</v>
      </c>
      <c r="H23333" s="1" t="s">
        <v>83487</v>
      </c>
      <c r="I23333" s="1" t="s">
        <v>81955</v>
      </c>
      <c r="J23333" s="1" t="s">
        <v>13</v>
      </c>
    </row>
    <row r="23334" spans="1:10" x14ac:dyDescent="0.35">
      <c r="A23334" s="1" t="s">
        <v>1118</v>
      </c>
      <c r="B23334" s="1" t="s">
        <v>81949</v>
      </c>
      <c r="C23334" s="1" t="s">
        <v>15</v>
      </c>
      <c r="D23334" s="1" t="s">
        <v>31731</v>
      </c>
      <c r="E23334" s="1" t="s">
        <v>83488</v>
      </c>
      <c r="F23334" s="1" t="s">
        <v>83489</v>
      </c>
      <c r="G23334" s="1" t="s">
        <v>83486</v>
      </c>
      <c r="H23334" s="1" t="s">
        <v>83487</v>
      </c>
      <c r="I23334" s="1" t="s">
        <v>81955</v>
      </c>
      <c r="J23334" s="1" t="s">
        <v>83490</v>
      </c>
    </row>
    <row r="23335" spans="1:10" x14ac:dyDescent="0.35">
      <c r="A23335" s="1" t="s">
        <v>1118</v>
      </c>
      <c r="B23335" s="1" t="s">
        <v>81949</v>
      </c>
      <c r="C23335" s="1" t="s">
        <v>20</v>
      </c>
      <c r="D23335" s="1" t="s">
        <v>83491</v>
      </c>
      <c r="E23335" s="1" t="s">
        <v>83492</v>
      </c>
      <c r="F23335" s="1" t="s">
        <v>83493</v>
      </c>
      <c r="G23335" s="1" t="s">
        <v>83486</v>
      </c>
      <c r="H23335" s="1" t="s">
        <v>83487</v>
      </c>
      <c r="I23335" s="1" t="s">
        <v>81955</v>
      </c>
      <c r="J23335" s="1" t="s">
        <v>83494</v>
      </c>
    </row>
    <row r="23336" spans="1:10" x14ac:dyDescent="0.35">
      <c r="A23336" s="1" t="s">
        <v>1118</v>
      </c>
      <c r="B23336" s="1" t="s">
        <v>81949</v>
      </c>
      <c r="C23336" s="1" t="s">
        <v>25</v>
      </c>
      <c r="D23336" s="1" t="s">
        <v>16384</v>
      </c>
      <c r="E23336" s="1" t="s">
        <v>83495</v>
      </c>
      <c r="F23336" s="1" t="s">
        <v>83496</v>
      </c>
      <c r="G23336" s="1" t="s">
        <v>83486</v>
      </c>
      <c r="H23336" s="1" t="s">
        <v>83487</v>
      </c>
      <c r="I23336" s="1" t="s">
        <v>81955</v>
      </c>
      <c r="J23336" s="1" t="s">
        <v>83497</v>
      </c>
    </row>
    <row r="23337" spans="1:10" x14ac:dyDescent="0.35">
      <c r="A23337" s="1" t="s">
        <v>1118</v>
      </c>
      <c r="B23337" s="1" t="s">
        <v>81949</v>
      </c>
      <c r="C23337" s="1" t="s">
        <v>30</v>
      </c>
      <c r="D23337" s="1" t="s">
        <v>83498</v>
      </c>
      <c r="E23337" s="1" t="s">
        <v>83499</v>
      </c>
      <c r="F23337" s="1" t="s">
        <v>83500</v>
      </c>
      <c r="G23337" s="1" t="s">
        <v>83486</v>
      </c>
      <c r="H23337" s="1" t="s">
        <v>83487</v>
      </c>
      <c r="I23337" s="1" t="s">
        <v>81955</v>
      </c>
      <c r="J23337" s="1" t="s">
        <v>83501</v>
      </c>
    </row>
    <row r="23338" spans="1:10" x14ac:dyDescent="0.35">
      <c r="A23338" s="1" t="s">
        <v>1118</v>
      </c>
      <c r="B23338" s="1" t="s">
        <v>81949</v>
      </c>
      <c r="C23338" s="1" t="s">
        <v>35</v>
      </c>
      <c r="D23338" s="1" t="s">
        <v>73656</v>
      </c>
      <c r="E23338" s="1" t="s">
        <v>83502</v>
      </c>
      <c r="F23338" s="1" t="s">
        <v>83503</v>
      </c>
      <c r="G23338" s="1" t="s">
        <v>83486</v>
      </c>
      <c r="H23338" s="1" t="s">
        <v>83487</v>
      </c>
      <c r="I23338" s="1" t="s">
        <v>81955</v>
      </c>
      <c r="J23338" s="1" t="s">
        <v>83504</v>
      </c>
    </row>
    <row r="23339" spans="1:10" x14ac:dyDescent="0.35">
      <c r="A23339" s="1" t="s">
        <v>1118</v>
      </c>
      <c r="B23339" s="1" t="s">
        <v>81949</v>
      </c>
      <c r="C23339" s="1" t="s">
        <v>40</v>
      </c>
      <c r="D23339" s="1" t="s">
        <v>83505</v>
      </c>
      <c r="E23339" s="1" t="s">
        <v>83506</v>
      </c>
      <c r="F23339" s="1" t="s">
        <v>83507</v>
      </c>
      <c r="G23339" s="1" t="s">
        <v>83486</v>
      </c>
      <c r="H23339" s="1" t="s">
        <v>83487</v>
      </c>
      <c r="I23339" s="1" t="s">
        <v>81955</v>
      </c>
      <c r="J23339" s="1" t="s">
        <v>83508</v>
      </c>
    </row>
    <row r="23340" spans="1:10" x14ac:dyDescent="0.35">
      <c r="A23340" s="1" t="s">
        <v>1118</v>
      </c>
      <c r="B23340" s="1" t="s">
        <v>81949</v>
      </c>
      <c r="C23340" s="1" t="s">
        <v>45</v>
      </c>
      <c r="D23340" s="1" t="s">
        <v>83509</v>
      </c>
      <c r="E23340" s="1" t="s">
        <v>83510</v>
      </c>
      <c r="F23340" s="1" t="s">
        <v>83511</v>
      </c>
      <c r="G23340" s="1" t="s">
        <v>83486</v>
      </c>
      <c r="H23340" s="1" t="s">
        <v>83487</v>
      </c>
      <c r="I23340" s="1" t="s">
        <v>81955</v>
      </c>
      <c r="J23340" s="1" t="s">
        <v>83512</v>
      </c>
    </row>
    <row r="23341" spans="1:10" x14ac:dyDescent="0.35">
      <c r="A23341" s="1" t="s">
        <v>1118</v>
      </c>
      <c r="B23341" s="1" t="s">
        <v>81949</v>
      </c>
      <c r="C23341" s="1" t="s">
        <v>50</v>
      </c>
      <c r="D23341" s="1" t="s">
        <v>83513</v>
      </c>
      <c r="E23341" s="1" t="s">
        <v>83514</v>
      </c>
      <c r="F23341" s="1" t="s">
        <v>83515</v>
      </c>
      <c r="G23341" s="1" t="s">
        <v>83486</v>
      </c>
      <c r="H23341" s="1" t="s">
        <v>83487</v>
      </c>
      <c r="I23341" s="1" t="s">
        <v>81955</v>
      </c>
      <c r="J23341" s="1" t="s">
        <v>83516</v>
      </c>
    </row>
    <row r="23342" spans="1:10" x14ac:dyDescent="0.35">
      <c r="A23342" s="1" t="s">
        <v>1118</v>
      </c>
      <c r="B23342" s="1" t="s">
        <v>81949</v>
      </c>
      <c r="C23342" s="1" t="s">
        <v>55</v>
      </c>
      <c r="D23342" s="1" t="s">
        <v>83517</v>
      </c>
      <c r="E23342" s="1" t="s">
        <v>83518</v>
      </c>
      <c r="F23342" s="1" t="s">
        <v>83519</v>
      </c>
      <c r="G23342" s="1" t="s">
        <v>83486</v>
      </c>
      <c r="H23342" s="1" t="s">
        <v>83487</v>
      </c>
      <c r="I23342" s="1" t="s">
        <v>81955</v>
      </c>
      <c r="J23342" s="1" t="s">
        <v>83520</v>
      </c>
    </row>
    <row r="23343" spans="1:10" x14ac:dyDescent="0.35">
      <c r="A23343" s="1" t="s">
        <v>1118</v>
      </c>
      <c r="B23343" s="1" t="s">
        <v>81949</v>
      </c>
      <c r="C23343" s="1" t="s">
        <v>60</v>
      </c>
      <c r="D23343" s="1" t="s">
        <v>47583</v>
      </c>
      <c r="E23343" s="1" t="s">
        <v>83521</v>
      </c>
      <c r="F23343" s="1" t="s">
        <v>83522</v>
      </c>
      <c r="G23343" s="1" t="s">
        <v>83486</v>
      </c>
      <c r="H23343" s="1" t="s">
        <v>83487</v>
      </c>
      <c r="I23343" s="1" t="s">
        <v>81955</v>
      </c>
      <c r="J23343" s="1" t="s">
        <v>83523</v>
      </c>
    </row>
    <row r="23344" spans="1:10" x14ac:dyDescent="0.35">
      <c r="A23344" s="1" t="s">
        <v>1118</v>
      </c>
      <c r="B23344" s="1" t="s">
        <v>81949</v>
      </c>
      <c r="C23344" s="1" t="s">
        <v>65</v>
      </c>
      <c r="D23344" s="1" t="s">
        <v>3036</v>
      </c>
      <c r="E23344" s="1" t="s">
        <v>83524</v>
      </c>
      <c r="F23344" s="1" t="s">
        <v>83525</v>
      </c>
      <c r="G23344" s="1" t="s">
        <v>83486</v>
      </c>
      <c r="H23344" s="1" t="s">
        <v>83487</v>
      </c>
      <c r="I23344" s="1" t="s">
        <v>81955</v>
      </c>
      <c r="J23344" s="1" t="s">
        <v>83526</v>
      </c>
    </row>
    <row r="23345" spans="1:10" x14ac:dyDescent="0.35">
      <c r="A23345" s="1" t="s">
        <v>1118</v>
      </c>
      <c r="B23345" s="1" t="s">
        <v>81949</v>
      </c>
      <c r="C23345" s="1" t="s">
        <v>70</v>
      </c>
      <c r="D23345" s="1" t="s">
        <v>31638</v>
      </c>
      <c r="E23345" s="1" t="s">
        <v>83527</v>
      </c>
      <c r="F23345" s="1" t="s">
        <v>83528</v>
      </c>
      <c r="G23345" s="1" t="s">
        <v>83486</v>
      </c>
      <c r="H23345" s="1" t="s">
        <v>83487</v>
      </c>
      <c r="I23345" s="1" t="s">
        <v>81955</v>
      </c>
      <c r="J23345" s="1" t="s">
        <v>83529</v>
      </c>
    </row>
    <row r="23346" spans="1:10" x14ac:dyDescent="0.35">
      <c r="A23346" s="1" t="s">
        <v>1118</v>
      </c>
      <c r="B23346" s="1" t="s">
        <v>81949</v>
      </c>
      <c r="C23346" s="1" t="s">
        <v>75</v>
      </c>
      <c r="D23346" s="1" t="s">
        <v>83530</v>
      </c>
      <c r="E23346" s="1" t="s">
        <v>83531</v>
      </c>
      <c r="F23346" s="1" t="s">
        <v>83532</v>
      </c>
      <c r="G23346" s="1" t="s">
        <v>83486</v>
      </c>
      <c r="H23346" s="1" t="s">
        <v>83487</v>
      </c>
      <c r="I23346" s="1" t="s">
        <v>81955</v>
      </c>
      <c r="J23346" s="1" t="s">
        <v>83533</v>
      </c>
    </row>
    <row r="23347" spans="1:10" x14ac:dyDescent="0.35">
      <c r="A23347" s="1" t="s">
        <v>1118</v>
      </c>
      <c r="B23347" s="1" t="s">
        <v>81949</v>
      </c>
      <c r="C23347" s="1" t="s">
        <v>80</v>
      </c>
      <c r="D23347" s="1" t="s">
        <v>83534</v>
      </c>
      <c r="E23347" s="1" t="s">
        <v>83535</v>
      </c>
      <c r="F23347" s="1" t="s">
        <v>83536</v>
      </c>
      <c r="G23347" s="1" t="s">
        <v>83486</v>
      </c>
      <c r="H23347" s="1" t="s">
        <v>83487</v>
      </c>
      <c r="I23347" s="1" t="s">
        <v>81955</v>
      </c>
      <c r="J23347" s="1" t="s">
        <v>83537</v>
      </c>
    </row>
    <row r="23348" spans="1:10" x14ac:dyDescent="0.35">
      <c r="A23348" s="1" t="s">
        <v>1118</v>
      </c>
      <c r="B23348" s="1" t="s">
        <v>81949</v>
      </c>
      <c r="C23348" s="1" t="s">
        <v>85</v>
      </c>
      <c r="D23348" s="1" t="s">
        <v>83538</v>
      </c>
      <c r="E23348" s="1" t="s">
        <v>83539</v>
      </c>
      <c r="F23348" s="1" t="s">
        <v>83540</v>
      </c>
      <c r="G23348" s="1" t="s">
        <v>83486</v>
      </c>
      <c r="H23348" s="1" t="s">
        <v>83487</v>
      </c>
      <c r="I23348" s="1" t="s">
        <v>81955</v>
      </c>
      <c r="J23348" s="1" t="s">
        <v>83541</v>
      </c>
    </row>
    <row r="23349" spans="1:10" x14ac:dyDescent="0.35">
      <c r="A23349" s="1" t="s">
        <v>1118</v>
      </c>
      <c r="B23349" s="1" t="s">
        <v>81949</v>
      </c>
      <c r="C23349" s="1" t="s">
        <v>90</v>
      </c>
      <c r="D23349" s="1" t="s">
        <v>83542</v>
      </c>
      <c r="E23349" s="1" t="s">
        <v>83543</v>
      </c>
      <c r="F23349" s="1" t="s">
        <v>83544</v>
      </c>
      <c r="G23349" s="1" t="s">
        <v>83486</v>
      </c>
      <c r="H23349" s="1" t="s">
        <v>83487</v>
      </c>
      <c r="I23349" s="1" t="s">
        <v>81955</v>
      </c>
      <c r="J23349" s="1" t="s">
        <v>83545</v>
      </c>
    </row>
    <row r="23350" spans="1:10" x14ac:dyDescent="0.35">
      <c r="A23350" s="1" t="s">
        <v>1118</v>
      </c>
      <c r="B23350" s="1" t="s">
        <v>81949</v>
      </c>
      <c r="C23350" s="1" t="s">
        <v>95</v>
      </c>
      <c r="D23350" s="1" t="s">
        <v>83546</v>
      </c>
      <c r="E23350" s="1" t="s">
        <v>83547</v>
      </c>
      <c r="F23350" s="1" t="s">
        <v>83548</v>
      </c>
      <c r="G23350" s="1" t="s">
        <v>83486</v>
      </c>
      <c r="H23350" s="1" t="s">
        <v>83487</v>
      </c>
      <c r="I23350" s="1" t="s">
        <v>81955</v>
      </c>
      <c r="J23350" s="1" t="s">
        <v>83549</v>
      </c>
    </row>
    <row r="23351" spans="1:10" x14ac:dyDescent="0.35">
      <c r="A23351" s="1" t="s">
        <v>1118</v>
      </c>
      <c r="B23351" s="1" t="s">
        <v>81949</v>
      </c>
      <c r="C23351" s="1" t="s">
        <v>100</v>
      </c>
      <c r="D23351" s="1" t="s">
        <v>83550</v>
      </c>
      <c r="E23351" s="1" t="s">
        <v>83551</v>
      </c>
      <c r="F23351" s="1" t="s">
        <v>83552</v>
      </c>
      <c r="G23351" s="1" t="s">
        <v>83486</v>
      </c>
      <c r="H23351" s="1" t="s">
        <v>83487</v>
      </c>
      <c r="I23351" s="1" t="s">
        <v>81955</v>
      </c>
      <c r="J23351" s="1" t="s">
        <v>83553</v>
      </c>
    </row>
    <row r="23352" spans="1:10" x14ac:dyDescent="0.35">
      <c r="A23352" s="1" t="s">
        <v>1118</v>
      </c>
      <c r="B23352" s="1" t="s">
        <v>81949</v>
      </c>
      <c r="C23352" s="1" t="s">
        <v>105</v>
      </c>
      <c r="D23352" s="1" t="s">
        <v>83554</v>
      </c>
      <c r="E23352" s="1" t="s">
        <v>83555</v>
      </c>
      <c r="F23352" s="1" t="s">
        <v>83556</v>
      </c>
      <c r="G23352" s="1" t="s">
        <v>83486</v>
      </c>
      <c r="H23352" s="1" t="s">
        <v>83487</v>
      </c>
      <c r="I23352" s="1" t="s">
        <v>81955</v>
      </c>
      <c r="J23352" s="1" t="s">
        <v>83557</v>
      </c>
    </row>
    <row r="23353" spans="1:10" x14ac:dyDescent="0.35">
      <c r="A23353" s="1" t="s">
        <v>1118</v>
      </c>
      <c r="B23353" s="1" t="s">
        <v>81949</v>
      </c>
      <c r="C23353" s="1" t="s">
        <v>110</v>
      </c>
      <c r="D23353" s="1" t="s">
        <v>83558</v>
      </c>
      <c r="E23353" s="1" t="s">
        <v>83559</v>
      </c>
      <c r="F23353" s="1" t="s">
        <v>83560</v>
      </c>
      <c r="G23353" s="1" t="s">
        <v>83486</v>
      </c>
      <c r="H23353" s="1" t="s">
        <v>83487</v>
      </c>
      <c r="I23353" s="1" t="s">
        <v>81955</v>
      </c>
      <c r="J23353" s="1" t="s">
        <v>83561</v>
      </c>
    </row>
    <row r="23354" spans="1:10" x14ac:dyDescent="0.35">
      <c r="A23354" s="1" t="s">
        <v>1118</v>
      </c>
      <c r="B23354" s="1" t="s">
        <v>81949</v>
      </c>
      <c r="C23354" s="1" t="s">
        <v>115</v>
      </c>
      <c r="D23354" s="1" t="s">
        <v>83562</v>
      </c>
      <c r="E23354" s="1" t="s">
        <v>83563</v>
      </c>
      <c r="F23354" s="1" t="s">
        <v>83564</v>
      </c>
      <c r="G23354" s="1" t="s">
        <v>83486</v>
      </c>
      <c r="H23354" s="1" t="s">
        <v>83487</v>
      </c>
      <c r="I23354" s="1" t="s">
        <v>81955</v>
      </c>
      <c r="J23354" s="1" t="s">
        <v>83565</v>
      </c>
    </row>
    <row r="23355" spans="1:10" x14ac:dyDescent="0.35">
      <c r="A23355" s="1" t="s">
        <v>1118</v>
      </c>
      <c r="B23355" s="1" t="s">
        <v>81949</v>
      </c>
      <c r="C23355" s="1" t="s">
        <v>120</v>
      </c>
      <c r="D23355" s="1" t="s">
        <v>83566</v>
      </c>
      <c r="E23355" s="1" t="s">
        <v>83567</v>
      </c>
      <c r="F23355" s="1" t="s">
        <v>83568</v>
      </c>
      <c r="G23355" s="1" t="s">
        <v>83486</v>
      </c>
      <c r="H23355" s="1" t="s">
        <v>83487</v>
      </c>
      <c r="I23355" s="1" t="s">
        <v>81955</v>
      </c>
      <c r="J23355" s="1" t="s">
        <v>83569</v>
      </c>
    </row>
    <row r="23356" spans="1:10" x14ac:dyDescent="0.35">
      <c r="A23356" s="1" t="s">
        <v>1118</v>
      </c>
      <c r="B23356" s="1" t="s">
        <v>81949</v>
      </c>
      <c r="C23356" s="1" t="s">
        <v>125</v>
      </c>
      <c r="D23356" s="1" t="s">
        <v>15084</v>
      </c>
      <c r="E23356" s="1" t="s">
        <v>83570</v>
      </c>
      <c r="F23356" s="1" t="s">
        <v>83571</v>
      </c>
      <c r="G23356" s="1" t="s">
        <v>83486</v>
      </c>
      <c r="H23356" s="1" t="s">
        <v>83487</v>
      </c>
      <c r="I23356" s="1" t="s">
        <v>81955</v>
      </c>
      <c r="J23356" s="1" t="s">
        <v>83572</v>
      </c>
    </row>
    <row r="23357" spans="1:10" x14ac:dyDescent="0.35">
      <c r="A23357" s="1" t="s">
        <v>1118</v>
      </c>
      <c r="B23357" s="1" t="s">
        <v>81949</v>
      </c>
      <c r="C23357" s="1" t="s">
        <v>130</v>
      </c>
      <c r="D23357" s="1" t="s">
        <v>83573</v>
      </c>
      <c r="E23357" s="1" t="s">
        <v>83574</v>
      </c>
      <c r="F23357" s="1" t="s">
        <v>83575</v>
      </c>
      <c r="G23357" s="1" t="s">
        <v>83486</v>
      </c>
      <c r="H23357" s="1" t="s">
        <v>83487</v>
      </c>
      <c r="I23357" s="1" t="s">
        <v>81955</v>
      </c>
      <c r="J23357" s="1" t="s">
        <v>83576</v>
      </c>
    </row>
    <row r="23358" spans="1:10" x14ac:dyDescent="0.35">
      <c r="A23358" s="1" t="s">
        <v>1118</v>
      </c>
      <c r="B23358" s="1" t="s">
        <v>81949</v>
      </c>
      <c r="C23358" s="1" t="s">
        <v>135</v>
      </c>
      <c r="D23358" s="1" t="s">
        <v>11079</v>
      </c>
      <c r="E23358" s="1" t="s">
        <v>83577</v>
      </c>
      <c r="F23358" s="1" t="s">
        <v>83578</v>
      </c>
      <c r="G23358" s="1" t="s">
        <v>83486</v>
      </c>
      <c r="H23358" s="1" t="s">
        <v>83487</v>
      </c>
      <c r="I23358" s="1" t="s">
        <v>81955</v>
      </c>
      <c r="J23358" s="1" t="s">
        <v>83579</v>
      </c>
    </row>
    <row r="23359" spans="1:10" x14ac:dyDescent="0.35">
      <c r="A23359" s="1" t="s">
        <v>1118</v>
      </c>
      <c r="B23359" s="1" t="s">
        <v>81949</v>
      </c>
      <c r="C23359" s="1" t="s">
        <v>140</v>
      </c>
      <c r="D23359" s="1" t="s">
        <v>77917</v>
      </c>
      <c r="E23359" s="1" t="s">
        <v>83580</v>
      </c>
      <c r="F23359" s="1" t="s">
        <v>83581</v>
      </c>
      <c r="G23359" s="1" t="s">
        <v>83486</v>
      </c>
      <c r="H23359" s="1" t="s">
        <v>83487</v>
      </c>
      <c r="I23359" s="1" t="s">
        <v>81955</v>
      </c>
      <c r="J23359" s="1" t="s">
        <v>83582</v>
      </c>
    </row>
    <row r="23360" spans="1:10" x14ac:dyDescent="0.35">
      <c r="A23360" s="1" t="s">
        <v>1118</v>
      </c>
      <c r="B23360" s="1" t="s">
        <v>81949</v>
      </c>
      <c r="C23360" s="1" t="s">
        <v>145</v>
      </c>
      <c r="D23360" s="1" t="s">
        <v>83583</v>
      </c>
      <c r="E23360" s="1" t="s">
        <v>83584</v>
      </c>
      <c r="F23360" s="1" t="s">
        <v>83585</v>
      </c>
      <c r="G23360" s="1" t="s">
        <v>83486</v>
      </c>
      <c r="H23360" s="1" t="s">
        <v>83487</v>
      </c>
      <c r="I23360" s="1" t="s">
        <v>81955</v>
      </c>
      <c r="J23360" s="1" t="s">
        <v>83586</v>
      </c>
    </row>
    <row r="23361" spans="1:10" x14ac:dyDescent="0.35">
      <c r="A23361" s="1" t="s">
        <v>1118</v>
      </c>
      <c r="B23361" s="1" t="s">
        <v>81949</v>
      </c>
      <c r="C23361" s="1" t="s">
        <v>150</v>
      </c>
      <c r="D23361" s="1" t="s">
        <v>59890</v>
      </c>
      <c r="E23361" s="1" t="s">
        <v>83587</v>
      </c>
      <c r="F23361" s="1" t="s">
        <v>83588</v>
      </c>
      <c r="G23361" s="1" t="s">
        <v>83486</v>
      </c>
      <c r="H23361" s="1" t="s">
        <v>83487</v>
      </c>
      <c r="I23361" s="1" t="s">
        <v>81955</v>
      </c>
      <c r="J23361" s="1" t="s">
        <v>83589</v>
      </c>
    </row>
    <row r="23362" spans="1:10" x14ac:dyDescent="0.35">
      <c r="A23362" s="1" t="s">
        <v>1118</v>
      </c>
      <c r="B23362" s="1" t="s">
        <v>81949</v>
      </c>
      <c r="C23362" s="1" t="s">
        <v>155</v>
      </c>
      <c r="D23362" s="1" t="s">
        <v>83590</v>
      </c>
      <c r="E23362" s="1" t="s">
        <v>83591</v>
      </c>
      <c r="F23362" s="1" t="s">
        <v>83592</v>
      </c>
      <c r="G23362" s="1" t="s">
        <v>83486</v>
      </c>
      <c r="H23362" s="1" t="s">
        <v>83487</v>
      </c>
      <c r="I23362" s="1" t="s">
        <v>81955</v>
      </c>
      <c r="J23362" s="1" t="s">
        <v>83593</v>
      </c>
    </row>
    <row r="23363" spans="1:10" x14ac:dyDescent="0.35">
      <c r="A23363" s="1" t="s">
        <v>1118</v>
      </c>
      <c r="B23363" s="1" t="s">
        <v>81949</v>
      </c>
      <c r="C23363" s="1" t="s">
        <v>160</v>
      </c>
      <c r="D23363" s="1" t="s">
        <v>83594</v>
      </c>
      <c r="E23363" s="1" t="s">
        <v>83595</v>
      </c>
      <c r="F23363" s="1" t="s">
        <v>83596</v>
      </c>
      <c r="G23363" s="1" t="s">
        <v>83486</v>
      </c>
      <c r="H23363" s="1" t="s">
        <v>83487</v>
      </c>
      <c r="I23363" s="1" t="s">
        <v>81955</v>
      </c>
      <c r="J23363" s="1" t="s">
        <v>83597</v>
      </c>
    </row>
    <row r="23364" spans="1:10" x14ac:dyDescent="0.35">
      <c r="A23364" s="1" t="s">
        <v>1118</v>
      </c>
      <c r="B23364" s="1" t="s">
        <v>81949</v>
      </c>
      <c r="C23364" s="1" t="s">
        <v>165</v>
      </c>
      <c r="D23364" s="1" t="s">
        <v>52872</v>
      </c>
      <c r="E23364" s="1" t="s">
        <v>83598</v>
      </c>
      <c r="F23364" s="1" t="s">
        <v>83599</v>
      </c>
      <c r="G23364" s="1" t="s">
        <v>83486</v>
      </c>
      <c r="H23364" s="1" t="s">
        <v>83487</v>
      </c>
      <c r="I23364" s="1" t="s">
        <v>81955</v>
      </c>
      <c r="J23364" s="1" t="s">
        <v>83600</v>
      </c>
    </row>
    <row r="23365" spans="1:10" x14ac:dyDescent="0.35">
      <c r="A23365" s="1" t="s">
        <v>1118</v>
      </c>
      <c r="B23365" s="1" t="s">
        <v>81949</v>
      </c>
      <c r="C23365" s="1" t="s">
        <v>170</v>
      </c>
      <c r="D23365" s="1" t="s">
        <v>83601</v>
      </c>
      <c r="E23365" s="1" t="s">
        <v>83602</v>
      </c>
      <c r="F23365" s="1" t="s">
        <v>83603</v>
      </c>
      <c r="G23365" s="1" t="s">
        <v>83486</v>
      </c>
      <c r="H23365" s="1" t="s">
        <v>83487</v>
      </c>
      <c r="I23365" s="1" t="s">
        <v>81955</v>
      </c>
      <c r="J23365" s="1" t="s">
        <v>83604</v>
      </c>
    </row>
    <row r="23366" spans="1:10" x14ac:dyDescent="0.35">
      <c r="A23366" s="1" t="s">
        <v>1773</v>
      </c>
      <c r="B23366" s="1" t="s">
        <v>81949</v>
      </c>
      <c r="C23366" s="1" t="s">
        <v>8</v>
      </c>
      <c r="D23366" s="1" t="s">
        <v>83605</v>
      </c>
      <c r="E23366" s="1" t="s">
        <v>83606</v>
      </c>
      <c r="F23366" s="1" t="s">
        <v>83607</v>
      </c>
      <c r="G23366" s="1" t="s">
        <v>83608</v>
      </c>
      <c r="H23366" s="1" t="s">
        <v>83609</v>
      </c>
      <c r="I23366" s="1" t="s">
        <v>81955</v>
      </c>
      <c r="J23366" s="1" t="s">
        <v>13</v>
      </c>
    </row>
    <row r="23367" spans="1:10" x14ac:dyDescent="0.35">
      <c r="A23367" s="1" t="s">
        <v>1773</v>
      </c>
      <c r="B23367" s="1" t="s">
        <v>81949</v>
      </c>
      <c r="C23367" s="1" t="s">
        <v>15</v>
      </c>
      <c r="D23367" s="1" t="s">
        <v>73767</v>
      </c>
      <c r="E23367" s="1" t="s">
        <v>83610</v>
      </c>
      <c r="F23367" s="1" t="s">
        <v>83611</v>
      </c>
      <c r="G23367" s="1" t="s">
        <v>83608</v>
      </c>
      <c r="H23367" s="1" t="s">
        <v>83609</v>
      </c>
      <c r="I23367" s="1" t="s">
        <v>81955</v>
      </c>
      <c r="J23367" s="1" t="s">
        <v>83612</v>
      </c>
    </row>
    <row r="23368" spans="1:10" x14ac:dyDescent="0.35">
      <c r="A23368" s="1" t="s">
        <v>1773</v>
      </c>
      <c r="B23368" s="1" t="s">
        <v>81949</v>
      </c>
      <c r="C23368" s="1" t="s">
        <v>20</v>
      </c>
      <c r="D23368" s="1" t="s">
        <v>36085</v>
      </c>
      <c r="E23368" s="1" t="s">
        <v>83613</v>
      </c>
      <c r="F23368" s="1" t="s">
        <v>83614</v>
      </c>
      <c r="G23368" s="1" t="s">
        <v>83608</v>
      </c>
      <c r="H23368" s="1" t="s">
        <v>83609</v>
      </c>
      <c r="I23368" s="1" t="s">
        <v>81955</v>
      </c>
      <c r="J23368" s="1" t="s">
        <v>83615</v>
      </c>
    </row>
    <row r="23369" spans="1:10" x14ac:dyDescent="0.35">
      <c r="A23369" s="1" t="s">
        <v>1773</v>
      </c>
      <c r="B23369" s="1" t="s">
        <v>81949</v>
      </c>
      <c r="C23369" s="1" t="s">
        <v>25</v>
      </c>
      <c r="D23369" s="1" t="s">
        <v>83616</v>
      </c>
      <c r="E23369" s="1" t="s">
        <v>83617</v>
      </c>
      <c r="F23369" s="1" t="s">
        <v>83618</v>
      </c>
      <c r="G23369" s="1" t="s">
        <v>83608</v>
      </c>
      <c r="H23369" s="1" t="s">
        <v>83609</v>
      </c>
      <c r="I23369" s="1" t="s">
        <v>81955</v>
      </c>
      <c r="J23369" s="1" t="s">
        <v>83619</v>
      </c>
    </row>
    <row r="23370" spans="1:10" x14ac:dyDescent="0.35">
      <c r="A23370" s="1" t="s">
        <v>1773</v>
      </c>
      <c r="B23370" s="1" t="s">
        <v>81949</v>
      </c>
      <c r="C23370" s="1" t="s">
        <v>30</v>
      </c>
      <c r="D23370" s="1" t="s">
        <v>49783</v>
      </c>
      <c r="E23370" s="1" t="s">
        <v>83620</v>
      </c>
      <c r="F23370" s="1" t="s">
        <v>83621</v>
      </c>
      <c r="G23370" s="1" t="s">
        <v>83608</v>
      </c>
      <c r="H23370" s="1" t="s">
        <v>83609</v>
      </c>
      <c r="I23370" s="1" t="s">
        <v>81955</v>
      </c>
      <c r="J23370" s="1" t="s">
        <v>83622</v>
      </c>
    </row>
    <row r="23371" spans="1:10" x14ac:dyDescent="0.35">
      <c r="A23371" s="1" t="s">
        <v>1773</v>
      </c>
      <c r="B23371" s="1" t="s">
        <v>81949</v>
      </c>
      <c r="C23371" s="1" t="s">
        <v>35</v>
      </c>
      <c r="D23371" s="1" t="s">
        <v>83623</v>
      </c>
      <c r="E23371" s="1" t="s">
        <v>83624</v>
      </c>
      <c r="F23371" s="1" t="s">
        <v>83625</v>
      </c>
      <c r="G23371" s="1" t="s">
        <v>83608</v>
      </c>
      <c r="H23371" s="1" t="s">
        <v>83609</v>
      </c>
      <c r="I23371" s="1" t="s">
        <v>81955</v>
      </c>
      <c r="J23371" s="1" t="s">
        <v>83626</v>
      </c>
    </row>
    <row r="23372" spans="1:10" x14ac:dyDescent="0.35">
      <c r="A23372" s="1" t="s">
        <v>1773</v>
      </c>
      <c r="B23372" s="1" t="s">
        <v>81949</v>
      </c>
      <c r="C23372" s="1" t="s">
        <v>40</v>
      </c>
      <c r="D23372" s="1" t="s">
        <v>83627</v>
      </c>
      <c r="E23372" s="1" t="s">
        <v>83628</v>
      </c>
      <c r="F23372" s="1" t="s">
        <v>83629</v>
      </c>
      <c r="G23372" s="1" t="s">
        <v>83608</v>
      </c>
      <c r="H23372" s="1" t="s">
        <v>83609</v>
      </c>
      <c r="I23372" s="1" t="s">
        <v>81955</v>
      </c>
      <c r="J23372" s="1" t="s">
        <v>83630</v>
      </c>
    </row>
    <row r="23373" spans="1:10" x14ac:dyDescent="0.35">
      <c r="A23373" s="1" t="s">
        <v>1773</v>
      </c>
      <c r="B23373" s="1" t="s">
        <v>81949</v>
      </c>
      <c r="C23373" s="1" t="s">
        <v>45</v>
      </c>
      <c r="D23373" s="1" t="s">
        <v>83631</v>
      </c>
      <c r="E23373" s="1" t="s">
        <v>83632</v>
      </c>
      <c r="F23373" s="1" t="s">
        <v>83633</v>
      </c>
      <c r="G23373" s="1" t="s">
        <v>83608</v>
      </c>
      <c r="H23373" s="1" t="s">
        <v>83609</v>
      </c>
      <c r="I23373" s="1" t="s">
        <v>81955</v>
      </c>
      <c r="J23373" s="1" t="s">
        <v>83634</v>
      </c>
    </row>
    <row r="23374" spans="1:10" x14ac:dyDescent="0.35">
      <c r="A23374" s="1" t="s">
        <v>1773</v>
      </c>
      <c r="B23374" s="1" t="s">
        <v>81949</v>
      </c>
      <c r="C23374" s="1" t="s">
        <v>50</v>
      </c>
      <c r="D23374" s="1" t="s">
        <v>83635</v>
      </c>
      <c r="E23374" s="1" t="s">
        <v>83636</v>
      </c>
      <c r="F23374" s="1" t="s">
        <v>83637</v>
      </c>
      <c r="G23374" s="1" t="s">
        <v>83608</v>
      </c>
      <c r="H23374" s="1" t="s">
        <v>83609</v>
      </c>
      <c r="I23374" s="1" t="s">
        <v>81955</v>
      </c>
      <c r="J23374" s="1" t="s">
        <v>83638</v>
      </c>
    </row>
    <row r="23375" spans="1:10" x14ac:dyDescent="0.35">
      <c r="A23375" s="1" t="s">
        <v>1773</v>
      </c>
      <c r="B23375" s="1" t="s">
        <v>81949</v>
      </c>
      <c r="C23375" s="1" t="s">
        <v>55</v>
      </c>
      <c r="D23375" s="1" t="s">
        <v>19584</v>
      </c>
      <c r="E23375" s="1" t="s">
        <v>83639</v>
      </c>
      <c r="F23375" s="1" t="s">
        <v>83640</v>
      </c>
      <c r="G23375" s="1" t="s">
        <v>83608</v>
      </c>
      <c r="H23375" s="1" t="s">
        <v>83609</v>
      </c>
      <c r="I23375" s="1" t="s">
        <v>81955</v>
      </c>
      <c r="J23375" s="1" t="s">
        <v>83641</v>
      </c>
    </row>
    <row r="23376" spans="1:10" x14ac:dyDescent="0.35">
      <c r="A23376" s="1" t="s">
        <v>1773</v>
      </c>
      <c r="B23376" s="1" t="s">
        <v>81949</v>
      </c>
      <c r="C23376" s="1" t="s">
        <v>60</v>
      </c>
      <c r="D23376" s="1" t="s">
        <v>83642</v>
      </c>
      <c r="E23376" s="1" t="s">
        <v>83643</v>
      </c>
      <c r="F23376" s="1" t="s">
        <v>83644</v>
      </c>
      <c r="G23376" s="1" t="s">
        <v>83608</v>
      </c>
      <c r="H23376" s="1" t="s">
        <v>83609</v>
      </c>
      <c r="I23376" s="1" t="s">
        <v>81955</v>
      </c>
      <c r="J23376" s="1" t="s">
        <v>83645</v>
      </c>
    </row>
    <row r="23377" spans="1:10" x14ac:dyDescent="0.35">
      <c r="A23377" s="1" t="s">
        <v>1773</v>
      </c>
      <c r="B23377" s="1" t="s">
        <v>81949</v>
      </c>
      <c r="C23377" s="1" t="s">
        <v>65</v>
      </c>
      <c r="D23377" s="1" t="s">
        <v>18526</v>
      </c>
      <c r="E23377" s="1" t="s">
        <v>83646</v>
      </c>
      <c r="F23377" s="1" t="s">
        <v>83647</v>
      </c>
      <c r="G23377" s="1" t="s">
        <v>83608</v>
      </c>
      <c r="H23377" s="1" t="s">
        <v>83609</v>
      </c>
      <c r="I23377" s="1" t="s">
        <v>81955</v>
      </c>
      <c r="J23377" s="1" t="s">
        <v>83648</v>
      </c>
    </row>
    <row r="23378" spans="1:10" x14ac:dyDescent="0.35">
      <c r="A23378" s="1" t="s">
        <v>1773</v>
      </c>
      <c r="B23378" s="1" t="s">
        <v>81949</v>
      </c>
      <c r="C23378" s="1" t="s">
        <v>70</v>
      </c>
      <c r="D23378" s="1" t="s">
        <v>83649</v>
      </c>
      <c r="E23378" s="1" t="s">
        <v>83650</v>
      </c>
      <c r="F23378" s="1" t="s">
        <v>83651</v>
      </c>
      <c r="G23378" s="1" t="s">
        <v>83608</v>
      </c>
      <c r="H23378" s="1" t="s">
        <v>83609</v>
      </c>
      <c r="I23378" s="1" t="s">
        <v>81955</v>
      </c>
      <c r="J23378" s="1" t="s">
        <v>83652</v>
      </c>
    </row>
    <row r="23379" spans="1:10" x14ac:dyDescent="0.35">
      <c r="A23379" s="1" t="s">
        <v>1773</v>
      </c>
      <c r="B23379" s="1" t="s">
        <v>81949</v>
      </c>
      <c r="C23379" s="1" t="s">
        <v>75</v>
      </c>
      <c r="D23379" s="1" t="s">
        <v>17683</v>
      </c>
      <c r="E23379" s="1" t="s">
        <v>83653</v>
      </c>
      <c r="F23379" s="1" t="s">
        <v>83654</v>
      </c>
      <c r="G23379" s="1" t="s">
        <v>83608</v>
      </c>
      <c r="H23379" s="1" t="s">
        <v>83609</v>
      </c>
      <c r="I23379" s="1" t="s">
        <v>81955</v>
      </c>
      <c r="J23379" s="1" t="s">
        <v>83655</v>
      </c>
    </row>
    <row r="23380" spans="1:10" x14ac:dyDescent="0.35">
      <c r="A23380" s="1" t="s">
        <v>1773</v>
      </c>
      <c r="B23380" s="1" t="s">
        <v>81949</v>
      </c>
      <c r="C23380" s="1" t="s">
        <v>80</v>
      </c>
      <c r="D23380" s="1" t="s">
        <v>83656</v>
      </c>
      <c r="E23380" s="1" t="s">
        <v>83657</v>
      </c>
      <c r="F23380" s="1" t="s">
        <v>83658</v>
      </c>
      <c r="G23380" s="1" t="s">
        <v>83608</v>
      </c>
      <c r="H23380" s="1" t="s">
        <v>83609</v>
      </c>
      <c r="I23380" s="1" t="s">
        <v>81955</v>
      </c>
      <c r="J23380" s="1" t="s">
        <v>83659</v>
      </c>
    </row>
    <row r="23381" spans="1:10" x14ac:dyDescent="0.35">
      <c r="A23381" s="1" t="s">
        <v>1773</v>
      </c>
      <c r="B23381" s="1" t="s">
        <v>81949</v>
      </c>
      <c r="C23381" s="1" t="s">
        <v>85</v>
      </c>
      <c r="D23381" s="1" t="s">
        <v>3869</v>
      </c>
      <c r="E23381" s="1" t="s">
        <v>83660</v>
      </c>
      <c r="F23381" s="1" t="s">
        <v>83661</v>
      </c>
      <c r="G23381" s="1" t="s">
        <v>83608</v>
      </c>
      <c r="H23381" s="1" t="s">
        <v>83609</v>
      </c>
      <c r="I23381" s="1" t="s">
        <v>81955</v>
      </c>
      <c r="J23381" s="1" t="s">
        <v>83662</v>
      </c>
    </row>
    <row r="23382" spans="1:10" x14ac:dyDescent="0.35">
      <c r="A23382" s="1" t="s">
        <v>1773</v>
      </c>
      <c r="B23382" s="1" t="s">
        <v>81949</v>
      </c>
      <c r="C23382" s="1" t="s">
        <v>90</v>
      </c>
      <c r="D23382" s="1" t="s">
        <v>32465</v>
      </c>
      <c r="E23382" s="1" t="s">
        <v>83663</v>
      </c>
      <c r="F23382" s="1" t="s">
        <v>83664</v>
      </c>
      <c r="G23382" s="1" t="s">
        <v>83608</v>
      </c>
      <c r="H23382" s="1" t="s">
        <v>83609</v>
      </c>
      <c r="I23382" s="1" t="s">
        <v>81955</v>
      </c>
      <c r="J23382" s="1" t="s">
        <v>83665</v>
      </c>
    </row>
    <row r="23383" spans="1:10" x14ac:dyDescent="0.35">
      <c r="A23383" s="1" t="s">
        <v>1773</v>
      </c>
      <c r="B23383" s="1" t="s">
        <v>81949</v>
      </c>
      <c r="C23383" s="1" t="s">
        <v>95</v>
      </c>
      <c r="D23383" s="1" t="s">
        <v>83666</v>
      </c>
      <c r="E23383" s="1" t="s">
        <v>83667</v>
      </c>
      <c r="F23383" s="1" t="s">
        <v>83668</v>
      </c>
      <c r="G23383" s="1" t="s">
        <v>83608</v>
      </c>
      <c r="H23383" s="1" t="s">
        <v>83609</v>
      </c>
      <c r="I23383" s="1" t="s">
        <v>81955</v>
      </c>
      <c r="J23383" s="1" t="s">
        <v>83669</v>
      </c>
    </row>
    <row r="23384" spans="1:10" x14ac:dyDescent="0.35">
      <c r="A23384" s="1" t="s">
        <v>1773</v>
      </c>
      <c r="B23384" s="1" t="s">
        <v>81949</v>
      </c>
      <c r="C23384" s="1" t="s">
        <v>100</v>
      </c>
      <c r="D23384" s="1" t="s">
        <v>83670</v>
      </c>
      <c r="E23384" s="1" t="s">
        <v>83671</v>
      </c>
      <c r="F23384" s="1" t="s">
        <v>83672</v>
      </c>
      <c r="G23384" s="1" t="s">
        <v>83608</v>
      </c>
      <c r="H23384" s="1" t="s">
        <v>83609</v>
      </c>
      <c r="I23384" s="1" t="s">
        <v>81955</v>
      </c>
      <c r="J23384" s="1" t="s">
        <v>83673</v>
      </c>
    </row>
    <row r="23385" spans="1:10" x14ac:dyDescent="0.35">
      <c r="A23385" s="1" t="s">
        <v>1773</v>
      </c>
      <c r="B23385" s="1" t="s">
        <v>81949</v>
      </c>
      <c r="C23385" s="1" t="s">
        <v>105</v>
      </c>
      <c r="D23385" s="1" t="s">
        <v>83674</v>
      </c>
      <c r="E23385" s="1" t="s">
        <v>83675</v>
      </c>
      <c r="F23385" s="1" t="s">
        <v>83676</v>
      </c>
      <c r="G23385" s="1" t="s">
        <v>83608</v>
      </c>
      <c r="H23385" s="1" t="s">
        <v>83609</v>
      </c>
      <c r="I23385" s="1" t="s">
        <v>81955</v>
      </c>
      <c r="J23385" s="1" t="s">
        <v>83677</v>
      </c>
    </row>
    <row r="23386" spans="1:10" x14ac:dyDescent="0.35">
      <c r="A23386" s="1" t="s">
        <v>1773</v>
      </c>
      <c r="B23386" s="1" t="s">
        <v>81949</v>
      </c>
      <c r="C23386" s="1" t="s">
        <v>110</v>
      </c>
      <c r="D23386" s="1" t="s">
        <v>83678</v>
      </c>
      <c r="E23386" s="1" t="s">
        <v>83624</v>
      </c>
      <c r="F23386" s="1" t="s">
        <v>83679</v>
      </c>
      <c r="G23386" s="1" t="s">
        <v>83608</v>
      </c>
      <c r="H23386" s="1" t="s">
        <v>83609</v>
      </c>
      <c r="I23386" s="1" t="s">
        <v>81955</v>
      </c>
      <c r="J23386" s="1" t="s">
        <v>83680</v>
      </c>
    </row>
    <row r="23387" spans="1:10" x14ac:dyDescent="0.35">
      <c r="A23387" s="1" t="s">
        <v>1773</v>
      </c>
      <c r="B23387" s="1" t="s">
        <v>81949</v>
      </c>
      <c r="C23387" s="1" t="s">
        <v>115</v>
      </c>
      <c r="D23387" s="1" t="s">
        <v>16283</v>
      </c>
      <c r="E23387" s="1" t="s">
        <v>83681</v>
      </c>
      <c r="F23387" s="1" t="s">
        <v>83682</v>
      </c>
      <c r="G23387" s="1" t="s">
        <v>83608</v>
      </c>
      <c r="H23387" s="1" t="s">
        <v>83609</v>
      </c>
      <c r="I23387" s="1" t="s">
        <v>81955</v>
      </c>
      <c r="J23387" s="1" t="s">
        <v>83683</v>
      </c>
    </row>
    <row r="23388" spans="1:10" x14ac:dyDescent="0.35">
      <c r="A23388" s="1" t="s">
        <v>1773</v>
      </c>
      <c r="B23388" s="1" t="s">
        <v>81949</v>
      </c>
      <c r="C23388" s="1" t="s">
        <v>120</v>
      </c>
      <c r="D23388" s="1" t="s">
        <v>83684</v>
      </c>
      <c r="E23388" s="1" t="s">
        <v>83685</v>
      </c>
      <c r="F23388" s="1" t="s">
        <v>83686</v>
      </c>
      <c r="G23388" s="1" t="s">
        <v>83608</v>
      </c>
      <c r="H23388" s="1" t="s">
        <v>83609</v>
      </c>
      <c r="I23388" s="1" t="s">
        <v>81955</v>
      </c>
      <c r="J23388" s="1" t="s">
        <v>83687</v>
      </c>
    </row>
    <row r="23389" spans="1:10" x14ac:dyDescent="0.35">
      <c r="A23389" s="1" t="s">
        <v>1773</v>
      </c>
      <c r="B23389" s="1" t="s">
        <v>81949</v>
      </c>
      <c r="C23389" s="1" t="s">
        <v>125</v>
      </c>
      <c r="D23389" s="1" t="s">
        <v>83688</v>
      </c>
      <c r="E23389" s="1" t="s">
        <v>83689</v>
      </c>
      <c r="F23389" s="1" t="s">
        <v>83690</v>
      </c>
      <c r="G23389" s="1" t="s">
        <v>83608</v>
      </c>
      <c r="H23389" s="1" t="s">
        <v>83609</v>
      </c>
      <c r="I23389" s="1" t="s">
        <v>81955</v>
      </c>
      <c r="J23389" s="1" t="s">
        <v>83691</v>
      </c>
    </row>
    <row r="23390" spans="1:10" x14ac:dyDescent="0.35">
      <c r="A23390" s="1" t="s">
        <v>1773</v>
      </c>
      <c r="B23390" s="1" t="s">
        <v>81949</v>
      </c>
      <c r="C23390" s="1" t="s">
        <v>130</v>
      </c>
      <c r="D23390" s="1" t="s">
        <v>32894</v>
      </c>
      <c r="E23390" s="1" t="s">
        <v>83692</v>
      </c>
      <c r="F23390" s="1" t="s">
        <v>83693</v>
      </c>
      <c r="G23390" s="1" t="s">
        <v>83608</v>
      </c>
      <c r="H23390" s="1" t="s">
        <v>83609</v>
      </c>
      <c r="I23390" s="1" t="s">
        <v>81955</v>
      </c>
      <c r="J23390" s="1" t="s">
        <v>83694</v>
      </c>
    </row>
    <row r="23391" spans="1:10" x14ac:dyDescent="0.35">
      <c r="A23391" s="1" t="s">
        <v>1773</v>
      </c>
      <c r="B23391" s="1" t="s">
        <v>81949</v>
      </c>
      <c r="C23391" s="1" t="s">
        <v>135</v>
      </c>
      <c r="D23391" s="1" t="s">
        <v>83695</v>
      </c>
      <c r="E23391" s="1" t="s">
        <v>83696</v>
      </c>
      <c r="F23391" s="1" t="s">
        <v>83697</v>
      </c>
      <c r="G23391" s="1" t="s">
        <v>83608</v>
      </c>
      <c r="H23391" s="1" t="s">
        <v>83609</v>
      </c>
      <c r="I23391" s="1" t="s">
        <v>81955</v>
      </c>
      <c r="J23391" s="1" t="s">
        <v>83698</v>
      </c>
    </row>
    <row r="23392" spans="1:10" x14ac:dyDescent="0.35">
      <c r="A23392" s="1" t="s">
        <v>1773</v>
      </c>
      <c r="B23392" s="1" t="s">
        <v>81949</v>
      </c>
      <c r="C23392" s="1" t="s">
        <v>140</v>
      </c>
      <c r="D23392" s="1" t="s">
        <v>83699</v>
      </c>
      <c r="E23392" s="1" t="s">
        <v>83700</v>
      </c>
      <c r="F23392" s="1" t="s">
        <v>83701</v>
      </c>
      <c r="G23392" s="1" t="s">
        <v>83608</v>
      </c>
      <c r="H23392" s="1" t="s">
        <v>83609</v>
      </c>
      <c r="I23392" s="1" t="s">
        <v>81955</v>
      </c>
      <c r="J23392" s="1" t="s">
        <v>83702</v>
      </c>
    </row>
    <row r="23393" spans="1:10" x14ac:dyDescent="0.35">
      <c r="A23393" s="1" t="s">
        <v>1773</v>
      </c>
      <c r="B23393" s="1" t="s">
        <v>81949</v>
      </c>
      <c r="C23393" s="1" t="s">
        <v>145</v>
      </c>
      <c r="D23393" s="1" t="s">
        <v>83703</v>
      </c>
      <c r="E23393" s="1" t="s">
        <v>83704</v>
      </c>
      <c r="F23393" s="1" t="s">
        <v>83705</v>
      </c>
      <c r="G23393" s="1" t="s">
        <v>83608</v>
      </c>
      <c r="H23393" s="1" t="s">
        <v>83609</v>
      </c>
      <c r="I23393" s="1" t="s">
        <v>81955</v>
      </c>
      <c r="J23393" s="1" t="s">
        <v>83706</v>
      </c>
    </row>
    <row r="23394" spans="1:10" x14ac:dyDescent="0.35">
      <c r="A23394" s="1" t="s">
        <v>1773</v>
      </c>
      <c r="B23394" s="1" t="s">
        <v>81949</v>
      </c>
      <c r="C23394" s="1" t="s">
        <v>150</v>
      </c>
      <c r="D23394" s="1" t="s">
        <v>83707</v>
      </c>
      <c r="E23394" s="1" t="s">
        <v>83708</v>
      </c>
      <c r="F23394" s="1" t="s">
        <v>83709</v>
      </c>
      <c r="G23394" s="1" t="s">
        <v>83608</v>
      </c>
      <c r="H23394" s="1" t="s">
        <v>83609</v>
      </c>
      <c r="I23394" s="1" t="s">
        <v>81955</v>
      </c>
      <c r="J23394" s="1" t="s">
        <v>83710</v>
      </c>
    </row>
    <row r="23395" spans="1:10" x14ac:dyDescent="0.35">
      <c r="A23395" s="1" t="s">
        <v>1773</v>
      </c>
      <c r="B23395" s="1" t="s">
        <v>81949</v>
      </c>
      <c r="C23395" s="1" t="s">
        <v>155</v>
      </c>
      <c r="D23395" s="1" t="s">
        <v>9098</v>
      </c>
      <c r="E23395" s="1" t="s">
        <v>83711</v>
      </c>
      <c r="F23395" s="1" t="s">
        <v>83712</v>
      </c>
      <c r="G23395" s="1" t="s">
        <v>83608</v>
      </c>
      <c r="H23395" s="1" t="s">
        <v>83609</v>
      </c>
      <c r="I23395" s="1" t="s">
        <v>81955</v>
      </c>
      <c r="J23395" s="1" t="s">
        <v>83713</v>
      </c>
    </row>
    <row r="23396" spans="1:10" x14ac:dyDescent="0.35">
      <c r="A23396" s="1" t="s">
        <v>1773</v>
      </c>
      <c r="B23396" s="1" t="s">
        <v>81949</v>
      </c>
      <c r="C23396" s="1" t="s">
        <v>160</v>
      </c>
      <c r="D23396" s="1" t="s">
        <v>83714</v>
      </c>
      <c r="E23396" s="1" t="s">
        <v>83715</v>
      </c>
      <c r="F23396" s="1" t="s">
        <v>83716</v>
      </c>
      <c r="G23396" s="1" t="s">
        <v>83608</v>
      </c>
      <c r="H23396" s="1" t="s">
        <v>83609</v>
      </c>
      <c r="I23396" s="1" t="s">
        <v>81955</v>
      </c>
      <c r="J23396" s="1" t="s">
        <v>83717</v>
      </c>
    </row>
    <row r="23397" spans="1:10" x14ac:dyDescent="0.35">
      <c r="A23397" s="1" t="s">
        <v>1773</v>
      </c>
      <c r="B23397" s="1" t="s">
        <v>81949</v>
      </c>
      <c r="C23397" s="1" t="s">
        <v>165</v>
      </c>
      <c r="D23397" s="1" t="s">
        <v>83718</v>
      </c>
      <c r="E23397" s="1" t="s">
        <v>83719</v>
      </c>
      <c r="F23397" s="1" t="s">
        <v>83720</v>
      </c>
      <c r="G23397" s="1" t="s">
        <v>83608</v>
      </c>
      <c r="H23397" s="1" t="s">
        <v>83609</v>
      </c>
      <c r="I23397" s="1" t="s">
        <v>81955</v>
      </c>
      <c r="J23397" s="1" t="s">
        <v>83721</v>
      </c>
    </row>
    <row r="23398" spans="1:10" x14ac:dyDescent="0.35">
      <c r="A23398" s="1" t="s">
        <v>1773</v>
      </c>
      <c r="B23398" s="1" t="s">
        <v>81949</v>
      </c>
      <c r="C23398" s="1" t="s">
        <v>170</v>
      </c>
      <c r="D23398" s="1" t="s">
        <v>83722</v>
      </c>
      <c r="E23398" s="1" t="s">
        <v>83723</v>
      </c>
      <c r="F23398" s="1" t="s">
        <v>83724</v>
      </c>
      <c r="G23398" s="1" t="s">
        <v>83608</v>
      </c>
      <c r="H23398" s="1" t="s">
        <v>83609</v>
      </c>
      <c r="I23398" s="1" t="s">
        <v>81955</v>
      </c>
      <c r="J23398" s="1" t="s">
        <v>83725</v>
      </c>
    </row>
    <row r="23399" spans="1:10" x14ac:dyDescent="0.35">
      <c r="A23399" s="1" t="s">
        <v>83726</v>
      </c>
      <c r="B23399" s="1" t="s">
        <v>83727</v>
      </c>
      <c r="C23399" s="1" t="s">
        <v>8</v>
      </c>
      <c r="D23399" s="1" t="s">
        <v>83728</v>
      </c>
      <c r="E23399" s="1" t="s">
        <v>83729</v>
      </c>
      <c r="F23399" s="1" t="s">
        <v>83730</v>
      </c>
      <c r="G23399" s="1" t="s">
        <v>83731</v>
      </c>
      <c r="H23399" s="1" t="s">
        <v>83732</v>
      </c>
      <c r="I23399" s="1" t="s">
        <v>83733</v>
      </c>
      <c r="J23399" s="1" t="s">
        <v>13</v>
      </c>
    </row>
    <row r="23400" spans="1:10" x14ac:dyDescent="0.35">
      <c r="A23400" s="1" t="s">
        <v>83726</v>
      </c>
      <c r="B23400" s="1" t="s">
        <v>83727</v>
      </c>
      <c r="C23400" s="1" t="s">
        <v>15</v>
      </c>
      <c r="D23400" s="1" t="s">
        <v>83734</v>
      </c>
      <c r="E23400" s="1" t="s">
        <v>83735</v>
      </c>
      <c r="F23400" s="1" t="s">
        <v>83736</v>
      </c>
      <c r="G23400" s="1" t="s">
        <v>83731</v>
      </c>
      <c r="H23400" s="1" t="s">
        <v>83732</v>
      </c>
      <c r="I23400" s="1" t="s">
        <v>83733</v>
      </c>
      <c r="J23400" s="1" t="s">
        <v>83737</v>
      </c>
    </row>
    <row r="23401" spans="1:10" x14ac:dyDescent="0.35">
      <c r="A23401" s="1" t="s">
        <v>83726</v>
      </c>
      <c r="B23401" s="1" t="s">
        <v>83727</v>
      </c>
      <c r="C23401" s="1" t="s">
        <v>20</v>
      </c>
      <c r="D23401" s="1" t="s">
        <v>83738</v>
      </c>
      <c r="E23401" s="1" t="s">
        <v>83739</v>
      </c>
      <c r="F23401" s="1" t="s">
        <v>83740</v>
      </c>
      <c r="G23401" s="1" t="s">
        <v>83731</v>
      </c>
      <c r="H23401" s="1" t="s">
        <v>83732</v>
      </c>
      <c r="I23401" s="1" t="s">
        <v>83733</v>
      </c>
      <c r="J23401" s="1" t="s">
        <v>83741</v>
      </c>
    </row>
    <row r="23402" spans="1:10" x14ac:dyDescent="0.35">
      <c r="A23402" s="1" t="s">
        <v>83726</v>
      </c>
      <c r="B23402" s="1" t="s">
        <v>83727</v>
      </c>
      <c r="C23402" s="1" t="s">
        <v>25</v>
      </c>
      <c r="D23402" s="1" t="s">
        <v>19431</v>
      </c>
      <c r="E23402" s="1" t="s">
        <v>83742</v>
      </c>
      <c r="F23402" s="1" t="s">
        <v>83743</v>
      </c>
      <c r="G23402" s="1" t="s">
        <v>83731</v>
      </c>
      <c r="H23402" s="1" t="s">
        <v>83732</v>
      </c>
      <c r="I23402" s="1" t="s">
        <v>83733</v>
      </c>
      <c r="J23402" s="1" t="s">
        <v>83744</v>
      </c>
    </row>
    <row r="23403" spans="1:10" x14ac:dyDescent="0.35">
      <c r="A23403" s="1" t="s">
        <v>83726</v>
      </c>
      <c r="B23403" s="1" t="s">
        <v>83727</v>
      </c>
      <c r="C23403" s="1" t="s">
        <v>30</v>
      </c>
      <c r="D23403" s="1" t="s">
        <v>78463</v>
      </c>
      <c r="E23403" s="1" t="s">
        <v>83745</v>
      </c>
      <c r="F23403" s="1" t="s">
        <v>83746</v>
      </c>
      <c r="G23403" s="1" t="s">
        <v>83731</v>
      </c>
      <c r="H23403" s="1" t="s">
        <v>83732</v>
      </c>
      <c r="I23403" s="1" t="s">
        <v>83733</v>
      </c>
      <c r="J23403" s="1" t="s">
        <v>83747</v>
      </c>
    </row>
    <row r="23404" spans="1:10" x14ac:dyDescent="0.35">
      <c r="A23404" s="1" t="s">
        <v>83726</v>
      </c>
      <c r="B23404" s="1" t="s">
        <v>83727</v>
      </c>
      <c r="C23404" s="1" t="s">
        <v>35</v>
      </c>
      <c r="D23404" s="1" t="s">
        <v>83748</v>
      </c>
      <c r="E23404" s="1" t="s">
        <v>83749</v>
      </c>
      <c r="F23404" s="1" t="s">
        <v>83750</v>
      </c>
      <c r="G23404" s="1" t="s">
        <v>83731</v>
      </c>
      <c r="H23404" s="1" t="s">
        <v>83732</v>
      </c>
      <c r="I23404" s="1" t="s">
        <v>83733</v>
      </c>
      <c r="J23404" s="1" t="s">
        <v>83751</v>
      </c>
    </row>
    <row r="23405" spans="1:10" x14ac:dyDescent="0.35">
      <c r="A23405" s="1" t="s">
        <v>83726</v>
      </c>
      <c r="B23405" s="1" t="s">
        <v>83727</v>
      </c>
      <c r="C23405" s="1" t="s">
        <v>40</v>
      </c>
      <c r="D23405" s="1" t="s">
        <v>5839</v>
      </c>
      <c r="E23405" s="1" t="s">
        <v>83752</v>
      </c>
      <c r="F23405" s="1" t="s">
        <v>83753</v>
      </c>
      <c r="G23405" s="1" t="s">
        <v>83731</v>
      </c>
      <c r="H23405" s="1" t="s">
        <v>83732</v>
      </c>
      <c r="I23405" s="1" t="s">
        <v>83733</v>
      </c>
      <c r="J23405" s="1" t="s">
        <v>83754</v>
      </c>
    </row>
    <row r="23406" spans="1:10" x14ac:dyDescent="0.35">
      <c r="A23406" s="1" t="s">
        <v>83726</v>
      </c>
      <c r="B23406" s="1" t="s">
        <v>83727</v>
      </c>
      <c r="C23406" s="1" t="s">
        <v>45</v>
      </c>
      <c r="D23406" s="1" t="s">
        <v>83755</v>
      </c>
      <c r="E23406" s="1" t="s">
        <v>83756</v>
      </c>
      <c r="F23406" s="1" t="s">
        <v>83757</v>
      </c>
      <c r="G23406" s="1" t="s">
        <v>83731</v>
      </c>
      <c r="H23406" s="1" t="s">
        <v>83732</v>
      </c>
      <c r="I23406" s="1" t="s">
        <v>83733</v>
      </c>
      <c r="J23406" s="1" t="s">
        <v>83758</v>
      </c>
    </row>
    <row r="23407" spans="1:10" x14ac:dyDescent="0.35">
      <c r="A23407" s="1" t="s">
        <v>83726</v>
      </c>
      <c r="B23407" s="1" t="s">
        <v>83727</v>
      </c>
      <c r="C23407" s="1" t="s">
        <v>50</v>
      </c>
      <c r="D23407" s="1" t="s">
        <v>83759</v>
      </c>
      <c r="E23407" s="1" t="s">
        <v>83760</v>
      </c>
      <c r="F23407" s="1" t="s">
        <v>83761</v>
      </c>
      <c r="G23407" s="1" t="s">
        <v>83731</v>
      </c>
      <c r="H23407" s="1" t="s">
        <v>83732</v>
      </c>
      <c r="I23407" s="1" t="s">
        <v>83733</v>
      </c>
      <c r="J23407" s="1" t="s">
        <v>83762</v>
      </c>
    </row>
    <row r="23408" spans="1:10" x14ac:dyDescent="0.35">
      <c r="A23408" s="1" t="s">
        <v>83726</v>
      </c>
      <c r="B23408" s="1" t="s">
        <v>83727</v>
      </c>
      <c r="C23408" s="1" t="s">
        <v>55</v>
      </c>
      <c r="D23408" s="1" t="s">
        <v>83763</v>
      </c>
      <c r="E23408" s="1" t="s">
        <v>83764</v>
      </c>
      <c r="F23408" s="1" t="s">
        <v>83765</v>
      </c>
      <c r="G23408" s="1" t="s">
        <v>83731</v>
      </c>
      <c r="H23408" s="1" t="s">
        <v>83732</v>
      </c>
      <c r="I23408" s="1" t="s">
        <v>83733</v>
      </c>
      <c r="J23408" s="1" t="s">
        <v>83766</v>
      </c>
    </row>
    <row r="23409" spans="1:10" x14ac:dyDescent="0.35">
      <c r="A23409" s="1" t="s">
        <v>83726</v>
      </c>
      <c r="B23409" s="1" t="s">
        <v>83727</v>
      </c>
      <c r="C23409" s="1" t="s">
        <v>60</v>
      </c>
      <c r="D23409" s="1" t="s">
        <v>77552</v>
      </c>
      <c r="E23409" s="1" t="s">
        <v>83767</v>
      </c>
      <c r="F23409" s="1" t="s">
        <v>83768</v>
      </c>
      <c r="G23409" s="1" t="s">
        <v>83731</v>
      </c>
      <c r="H23409" s="1" t="s">
        <v>83732</v>
      </c>
      <c r="I23409" s="1" t="s">
        <v>83733</v>
      </c>
      <c r="J23409" s="1" t="s">
        <v>83769</v>
      </c>
    </row>
    <row r="23410" spans="1:10" x14ac:dyDescent="0.35">
      <c r="A23410" s="1" t="s">
        <v>83726</v>
      </c>
      <c r="B23410" s="1" t="s">
        <v>83727</v>
      </c>
      <c r="C23410" s="1" t="s">
        <v>65</v>
      </c>
      <c r="D23410" s="1" t="s">
        <v>54946</v>
      </c>
      <c r="E23410" s="1" t="s">
        <v>83770</v>
      </c>
      <c r="F23410" s="1" t="s">
        <v>83771</v>
      </c>
      <c r="G23410" s="1" t="s">
        <v>83731</v>
      </c>
      <c r="H23410" s="1" t="s">
        <v>83732</v>
      </c>
      <c r="I23410" s="1" t="s">
        <v>83733</v>
      </c>
      <c r="J23410" s="1" t="s">
        <v>83772</v>
      </c>
    </row>
    <row r="23411" spans="1:10" x14ac:dyDescent="0.35">
      <c r="A23411" s="1" t="s">
        <v>83726</v>
      </c>
      <c r="B23411" s="1" t="s">
        <v>83727</v>
      </c>
      <c r="C23411" s="1" t="s">
        <v>70</v>
      </c>
      <c r="D23411" s="1" t="s">
        <v>13459</v>
      </c>
      <c r="E23411" s="1" t="s">
        <v>83773</v>
      </c>
      <c r="F23411" s="1" t="s">
        <v>83774</v>
      </c>
      <c r="G23411" s="1" t="s">
        <v>83731</v>
      </c>
      <c r="H23411" s="1" t="s">
        <v>83732</v>
      </c>
      <c r="I23411" s="1" t="s">
        <v>83733</v>
      </c>
      <c r="J23411" s="1" t="s">
        <v>83775</v>
      </c>
    </row>
    <row r="23412" spans="1:10" x14ac:dyDescent="0.35">
      <c r="A23412" s="1" t="s">
        <v>83726</v>
      </c>
      <c r="B23412" s="1" t="s">
        <v>83727</v>
      </c>
      <c r="C23412" s="1" t="s">
        <v>75</v>
      </c>
      <c r="D23412" s="1" t="s">
        <v>58230</v>
      </c>
      <c r="E23412" s="1" t="s">
        <v>83776</v>
      </c>
      <c r="F23412" s="1" t="s">
        <v>83777</v>
      </c>
      <c r="G23412" s="1" t="s">
        <v>83731</v>
      </c>
      <c r="H23412" s="1" t="s">
        <v>83732</v>
      </c>
      <c r="I23412" s="1" t="s">
        <v>83733</v>
      </c>
      <c r="J23412" s="1" t="s">
        <v>83778</v>
      </c>
    </row>
    <row r="23413" spans="1:10" x14ac:dyDescent="0.35">
      <c r="A23413" s="1" t="s">
        <v>83726</v>
      </c>
      <c r="B23413" s="1" t="s">
        <v>83727</v>
      </c>
      <c r="C23413" s="1" t="s">
        <v>80</v>
      </c>
      <c r="D23413" s="1" t="s">
        <v>83779</v>
      </c>
      <c r="E23413" s="1" t="s">
        <v>83780</v>
      </c>
      <c r="F23413" s="1" t="s">
        <v>83781</v>
      </c>
      <c r="G23413" s="1" t="s">
        <v>83731</v>
      </c>
      <c r="H23413" s="1" t="s">
        <v>83732</v>
      </c>
      <c r="I23413" s="1" t="s">
        <v>83733</v>
      </c>
      <c r="J23413" s="1" t="s">
        <v>83782</v>
      </c>
    </row>
    <row r="23414" spans="1:10" x14ac:dyDescent="0.35">
      <c r="A23414" s="1" t="s">
        <v>83726</v>
      </c>
      <c r="B23414" s="1" t="s">
        <v>83727</v>
      </c>
      <c r="C23414" s="1" t="s">
        <v>85</v>
      </c>
      <c r="D23414" s="1" t="s">
        <v>83783</v>
      </c>
      <c r="E23414" s="1" t="s">
        <v>83784</v>
      </c>
      <c r="F23414" s="1" t="s">
        <v>83785</v>
      </c>
      <c r="G23414" s="1" t="s">
        <v>83731</v>
      </c>
      <c r="H23414" s="1" t="s">
        <v>83732</v>
      </c>
      <c r="I23414" s="1" t="s">
        <v>83733</v>
      </c>
      <c r="J23414" s="1" t="s">
        <v>83786</v>
      </c>
    </row>
    <row r="23415" spans="1:10" x14ac:dyDescent="0.35">
      <c r="A23415" s="1" t="s">
        <v>83726</v>
      </c>
      <c r="B23415" s="1" t="s">
        <v>83727</v>
      </c>
      <c r="C23415" s="1" t="s">
        <v>90</v>
      </c>
      <c r="D23415" s="1" t="s">
        <v>83787</v>
      </c>
      <c r="E23415" s="1" t="s">
        <v>83788</v>
      </c>
      <c r="F23415" s="1" t="s">
        <v>83789</v>
      </c>
      <c r="G23415" s="1" t="s">
        <v>83731</v>
      </c>
      <c r="H23415" s="1" t="s">
        <v>83732</v>
      </c>
      <c r="I23415" s="1" t="s">
        <v>83733</v>
      </c>
      <c r="J23415" s="1" t="s">
        <v>83790</v>
      </c>
    </row>
    <row r="23416" spans="1:10" x14ac:dyDescent="0.35">
      <c r="A23416" s="1" t="s">
        <v>83726</v>
      </c>
      <c r="B23416" s="1" t="s">
        <v>83727</v>
      </c>
      <c r="C23416" s="1" t="s">
        <v>95</v>
      </c>
      <c r="D23416" s="1" t="s">
        <v>83791</v>
      </c>
      <c r="E23416" s="1" t="s">
        <v>83792</v>
      </c>
      <c r="F23416" s="1" t="s">
        <v>83793</v>
      </c>
      <c r="G23416" s="1" t="s">
        <v>83731</v>
      </c>
      <c r="H23416" s="1" t="s">
        <v>83732</v>
      </c>
      <c r="I23416" s="1" t="s">
        <v>83733</v>
      </c>
      <c r="J23416" s="1" t="s">
        <v>83794</v>
      </c>
    </row>
    <row r="23417" spans="1:10" x14ac:dyDescent="0.35">
      <c r="A23417" s="1" t="s">
        <v>83726</v>
      </c>
      <c r="B23417" s="1" t="s">
        <v>83727</v>
      </c>
      <c r="C23417" s="1" t="s">
        <v>100</v>
      </c>
      <c r="D23417" s="1" t="s">
        <v>83795</v>
      </c>
      <c r="E23417" s="1" t="s">
        <v>83796</v>
      </c>
      <c r="F23417" s="1" t="s">
        <v>83797</v>
      </c>
      <c r="G23417" s="1" t="s">
        <v>83731</v>
      </c>
      <c r="H23417" s="1" t="s">
        <v>83732</v>
      </c>
      <c r="I23417" s="1" t="s">
        <v>83733</v>
      </c>
      <c r="J23417" s="1" t="s">
        <v>83798</v>
      </c>
    </row>
    <row r="23418" spans="1:10" x14ac:dyDescent="0.35">
      <c r="A23418" s="1" t="s">
        <v>83726</v>
      </c>
      <c r="B23418" s="1" t="s">
        <v>83727</v>
      </c>
      <c r="C23418" s="1" t="s">
        <v>105</v>
      </c>
      <c r="D23418" s="1" t="s">
        <v>58537</v>
      </c>
      <c r="E23418" s="1" t="s">
        <v>83799</v>
      </c>
      <c r="F23418" s="1" t="s">
        <v>83800</v>
      </c>
      <c r="G23418" s="1" t="s">
        <v>83731</v>
      </c>
      <c r="H23418" s="1" t="s">
        <v>83732</v>
      </c>
      <c r="I23418" s="1" t="s">
        <v>83733</v>
      </c>
      <c r="J23418" s="1" t="s">
        <v>83801</v>
      </c>
    </row>
    <row r="23419" spans="1:10" x14ac:dyDescent="0.35">
      <c r="A23419" s="1" t="s">
        <v>83726</v>
      </c>
      <c r="B23419" s="1" t="s">
        <v>83727</v>
      </c>
      <c r="C23419" s="1" t="s">
        <v>110</v>
      </c>
      <c r="D23419" s="1" t="s">
        <v>83802</v>
      </c>
      <c r="E23419" s="1" t="s">
        <v>83803</v>
      </c>
      <c r="F23419" s="1" t="s">
        <v>83804</v>
      </c>
      <c r="G23419" s="1" t="s">
        <v>83731</v>
      </c>
      <c r="H23419" s="1" t="s">
        <v>83732</v>
      </c>
      <c r="I23419" s="1" t="s">
        <v>83733</v>
      </c>
      <c r="J23419" s="1" t="s">
        <v>83805</v>
      </c>
    </row>
    <row r="23420" spans="1:10" x14ac:dyDescent="0.35">
      <c r="A23420" s="1" t="s">
        <v>83726</v>
      </c>
      <c r="B23420" s="1" t="s">
        <v>83727</v>
      </c>
      <c r="C23420" s="1" t="s">
        <v>115</v>
      </c>
      <c r="D23420" s="1" t="s">
        <v>83806</v>
      </c>
      <c r="E23420" s="1" t="s">
        <v>83807</v>
      </c>
      <c r="F23420" s="1" t="s">
        <v>83808</v>
      </c>
      <c r="G23420" s="1" t="s">
        <v>83731</v>
      </c>
      <c r="H23420" s="1" t="s">
        <v>83732</v>
      </c>
      <c r="I23420" s="1" t="s">
        <v>83733</v>
      </c>
      <c r="J23420" s="1" t="s">
        <v>83809</v>
      </c>
    </row>
    <row r="23421" spans="1:10" x14ac:dyDescent="0.35">
      <c r="A23421" s="1" t="s">
        <v>83726</v>
      </c>
      <c r="B23421" s="1" t="s">
        <v>83727</v>
      </c>
      <c r="C23421" s="1" t="s">
        <v>120</v>
      </c>
      <c r="D23421" s="1" t="s">
        <v>83810</v>
      </c>
      <c r="E23421" s="1" t="s">
        <v>83811</v>
      </c>
      <c r="F23421" s="1" t="s">
        <v>83812</v>
      </c>
      <c r="G23421" s="1" t="s">
        <v>83731</v>
      </c>
      <c r="H23421" s="1" t="s">
        <v>83732</v>
      </c>
      <c r="I23421" s="1" t="s">
        <v>83733</v>
      </c>
      <c r="J23421" s="1" t="s">
        <v>83813</v>
      </c>
    </row>
    <row r="23422" spans="1:10" x14ac:dyDescent="0.35">
      <c r="A23422" s="1" t="s">
        <v>83726</v>
      </c>
      <c r="B23422" s="1" t="s">
        <v>83727</v>
      </c>
      <c r="C23422" s="1" t="s">
        <v>125</v>
      </c>
      <c r="D23422" s="1" t="s">
        <v>83814</v>
      </c>
      <c r="E23422" s="1" t="s">
        <v>83815</v>
      </c>
      <c r="F23422" s="1" t="s">
        <v>83816</v>
      </c>
      <c r="G23422" s="1" t="s">
        <v>83731</v>
      </c>
      <c r="H23422" s="1" t="s">
        <v>83732</v>
      </c>
      <c r="I23422" s="1" t="s">
        <v>83733</v>
      </c>
      <c r="J23422" s="1" t="s">
        <v>83817</v>
      </c>
    </row>
    <row r="23423" spans="1:10" x14ac:dyDescent="0.35">
      <c r="A23423" s="1" t="s">
        <v>83726</v>
      </c>
      <c r="B23423" s="1" t="s">
        <v>83727</v>
      </c>
      <c r="C23423" s="1" t="s">
        <v>130</v>
      </c>
      <c r="D23423" s="1" t="s">
        <v>83818</v>
      </c>
      <c r="E23423" s="1" t="s">
        <v>83819</v>
      </c>
      <c r="F23423" s="1" t="s">
        <v>83820</v>
      </c>
      <c r="G23423" s="1" t="s">
        <v>83731</v>
      </c>
      <c r="H23423" s="1" t="s">
        <v>83732</v>
      </c>
      <c r="I23423" s="1" t="s">
        <v>83733</v>
      </c>
      <c r="J23423" s="1" t="s">
        <v>83821</v>
      </c>
    </row>
    <row r="23424" spans="1:10" x14ac:dyDescent="0.35">
      <c r="A23424" s="1" t="s">
        <v>83726</v>
      </c>
      <c r="B23424" s="1" t="s">
        <v>83727</v>
      </c>
      <c r="C23424" s="1" t="s">
        <v>135</v>
      </c>
      <c r="D23424" s="1" t="s">
        <v>83822</v>
      </c>
      <c r="E23424" s="1" t="s">
        <v>83823</v>
      </c>
      <c r="F23424" s="1" t="s">
        <v>83824</v>
      </c>
      <c r="G23424" s="1" t="s">
        <v>83731</v>
      </c>
      <c r="H23424" s="1" t="s">
        <v>83732</v>
      </c>
      <c r="I23424" s="1" t="s">
        <v>83733</v>
      </c>
      <c r="J23424" s="1" t="s">
        <v>83825</v>
      </c>
    </row>
    <row r="23425" spans="1:10" x14ac:dyDescent="0.35">
      <c r="A23425" s="1" t="s">
        <v>83726</v>
      </c>
      <c r="B23425" s="1" t="s">
        <v>83727</v>
      </c>
      <c r="C23425" s="1" t="s">
        <v>140</v>
      </c>
      <c r="D23425" s="1" t="s">
        <v>83826</v>
      </c>
      <c r="E23425" s="1" t="s">
        <v>83827</v>
      </c>
      <c r="F23425" s="1" t="s">
        <v>83828</v>
      </c>
      <c r="G23425" s="1" t="s">
        <v>83731</v>
      </c>
      <c r="H23425" s="1" t="s">
        <v>83732</v>
      </c>
      <c r="I23425" s="1" t="s">
        <v>83733</v>
      </c>
      <c r="J23425" s="1" t="s">
        <v>83829</v>
      </c>
    </row>
    <row r="23426" spans="1:10" x14ac:dyDescent="0.35">
      <c r="A23426" s="1" t="s">
        <v>83726</v>
      </c>
      <c r="B23426" s="1" t="s">
        <v>83727</v>
      </c>
      <c r="C23426" s="1" t="s">
        <v>145</v>
      </c>
      <c r="D23426" s="1" t="s">
        <v>83830</v>
      </c>
      <c r="E23426" s="1" t="s">
        <v>83831</v>
      </c>
      <c r="F23426" s="1" t="s">
        <v>83832</v>
      </c>
      <c r="G23426" s="1" t="s">
        <v>83731</v>
      </c>
      <c r="H23426" s="1" t="s">
        <v>83732</v>
      </c>
      <c r="I23426" s="1" t="s">
        <v>83733</v>
      </c>
      <c r="J23426" s="1" t="s">
        <v>83833</v>
      </c>
    </row>
    <row r="23427" spans="1:10" x14ac:dyDescent="0.35">
      <c r="A23427" s="1" t="s">
        <v>83726</v>
      </c>
      <c r="B23427" s="1" t="s">
        <v>83727</v>
      </c>
      <c r="C23427" s="1" t="s">
        <v>150</v>
      </c>
      <c r="D23427" s="1" t="s">
        <v>83834</v>
      </c>
      <c r="E23427" s="1" t="s">
        <v>83835</v>
      </c>
      <c r="F23427" s="1" t="s">
        <v>83836</v>
      </c>
      <c r="G23427" s="1" t="s">
        <v>83731</v>
      </c>
      <c r="H23427" s="1" t="s">
        <v>83732</v>
      </c>
      <c r="I23427" s="1" t="s">
        <v>83733</v>
      </c>
      <c r="J23427" s="1" t="s">
        <v>83837</v>
      </c>
    </row>
    <row r="23428" spans="1:10" x14ac:dyDescent="0.35">
      <c r="A23428" s="1" t="s">
        <v>83726</v>
      </c>
      <c r="B23428" s="1" t="s">
        <v>83727</v>
      </c>
      <c r="C23428" s="1" t="s">
        <v>155</v>
      </c>
      <c r="D23428" s="1" t="s">
        <v>21977</v>
      </c>
      <c r="E23428" s="1" t="s">
        <v>83838</v>
      </c>
      <c r="F23428" s="1" t="s">
        <v>83839</v>
      </c>
      <c r="G23428" s="1" t="s">
        <v>83731</v>
      </c>
      <c r="H23428" s="1" t="s">
        <v>83732</v>
      </c>
      <c r="I23428" s="1" t="s">
        <v>83733</v>
      </c>
      <c r="J23428" s="1" t="s">
        <v>83840</v>
      </c>
    </row>
    <row r="23429" spans="1:10" x14ac:dyDescent="0.35">
      <c r="A23429" s="1" t="s">
        <v>83726</v>
      </c>
      <c r="B23429" s="1" t="s">
        <v>83727</v>
      </c>
      <c r="C23429" s="1" t="s">
        <v>160</v>
      </c>
      <c r="D23429" s="1" t="s">
        <v>64821</v>
      </c>
      <c r="E23429" s="1" t="s">
        <v>83841</v>
      </c>
      <c r="F23429" s="1" t="s">
        <v>83842</v>
      </c>
      <c r="G23429" s="1" t="s">
        <v>83731</v>
      </c>
      <c r="H23429" s="1" t="s">
        <v>83732</v>
      </c>
      <c r="I23429" s="1" t="s">
        <v>83733</v>
      </c>
      <c r="J23429" s="1" t="s">
        <v>83843</v>
      </c>
    </row>
    <row r="23430" spans="1:10" x14ac:dyDescent="0.35">
      <c r="A23430" s="1" t="s">
        <v>83726</v>
      </c>
      <c r="B23430" s="1" t="s">
        <v>83727</v>
      </c>
      <c r="C23430" s="1" t="s">
        <v>165</v>
      </c>
      <c r="D23430" s="1" t="s">
        <v>83844</v>
      </c>
      <c r="E23430" s="1" t="s">
        <v>83845</v>
      </c>
      <c r="F23430" s="1" t="s">
        <v>83846</v>
      </c>
      <c r="G23430" s="1" t="s">
        <v>83731</v>
      </c>
      <c r="H23430" s="1" t="s">
        <v>83732</v>
      </c>
      <c r="I23430" s="1" t="s">
        <v>83733</v>
      </c>
      <c r="J23430" s="1" t="s">
        <v>83847</v>
      </c>
    </row>
    <row r="23431" spans="1:10" x14ac:dyDescent="0.35">
      <c r="A23431" s="1" t="s">
        <v>83726</v>
      </c>
      <c r="B23431" s="1" t="s">
        <v>83727</v>
      </c>
      <c r="C23431" s="1" t="s">
        <v>170</v>
      </c>
      <c r="D23431" s="1" t="s">
        <v>83848</v>
      </c>
      <c r="E23431" s="1" t="s">
        <v>83849</v>
      </c>
      <c r="F23431" s="1" t="s">
        <v>83850</v>
      </c>
      <c r="G23431" s="1" t="s">
        <v>83731</v>
      </c>
      <c r="H23431" s="1" t="s">
        <v>83732</v>
      </c>
      <c r="I23431" s="1" t="s">
        <v>83733</v>
      </c>
      <c r="J23431" s="1" t="s">
        <v>83851</v>
      </c>
    </row>
    <row r="23432" spans="1:10" x14ac:dyDescent="0.35">
      <c r="A23432" s="1" t="s">
        <v>1110</v>
      </c>
      <c r="B23432" s="1" t="s">
        <v>83727</v>
      </c>
      <c r="C23432" s="1" t="s">
        <v>8</v>
      </c>
      <c r="D23432" s="1" t="s">
        <v>83852</v>
      </c>
      <c r="E23432" s="1" t="s">
        <v>83853</v>
      </c>
      <c r="F23432" s="1" t="s">
        <v>83854</v>
      </c>
      <c r="G23432" s="1" t="s">
        <v>83855</v>
      </c>
      <c r="H23432" s="1" t="s">
        <v>83856</v>
      </c>
      <c r="I23432" s="1" t="s">
        <v>83733</v>
      </c>
      <c r="J23432" s="1" t="s">
        <v>13</v>
      </c>
    </row>
    <row r="23433" spans="1:10" x14ac:dyDescent="0.35">
      <c r="A23433" s="1" t="s">
        <v>1110</v>
      </c>
      <c r="B23433" s="1" t="s">
        <v>83727</v>
      </c>
      <c r="C23433" s="1" t="s">
        <v>15</v>
      </c>
      <c r="D23433" s="1" t="s">
        <v>83857</v>
      </c>
      <c r="E23433" s="1" t="s">
        <v>83858</v>
      </c>
      <c r="F23433" s="1" t="s">
        <v>83859</v>
      </c>
      <c r="G23433" s="1" t="s">
        <v>83855</v>
      </c>
      <c r="H23433" s="1" t="s">
        <v>83856</v>
      </c>
      <c r="I23433" s="1" t="s">
        <v>83733</v>
      </c>
      <c r="J23433" s="1" t="s">
        <v>83860</v>
      </c>
    </row>
    <row r="23434" spans="1:10" x14ac:dyDescent="0.35">
      <c r="A23434" s="1" t="s">
        <v>1110</v>
      </c>
      <c r="B23434" s="1" t="s">
        <v>83727</v>
      </c>
      <c r="C23434" s="1" t="s">
        <v>20</v>
      </c>
      <c r="D23434" s="1" t="s">
        <v>83861</v>
      </c>
      <c r="E23434" s="1" t="s">
        <v>83862</v>
      </c>
      <c r="F23434" s="1" t="s">
        <v>83863</v>
      </c>
      <c r="G23434" s="1" t="s">
        <v>83855</v>
      </c>
      <c r="H23434" s="1" t="s">
        <v>83856</v>
      </c>
      <c r="I23434" s="1" t="s">
        <v>83733</v>
      </c>
      <c r="J23434" s="1" t="s">
        <v>83864</v>
      </c>
    </row>
    <row r="23435" spans="1:10" x14ac:dyDescent="0.35">
      <c r="A23435" s="1" t="s">
        <v>1110</v>
      </c>
      <c r="B23435" s="1" t="s">
        <v>83727</v>
      </c>
      <c r="C23435" s="1" t="s">
        <v>25</v>
      </c>
      <c r="D23435" s="1" t="s">
        <v>83865</v>
      </c>
      <c r="E23435" s="1" t="s">
        <v>83866</v>
      </c>
      <c r="F23435" s="1" t="s">
        <v>83867</v>
      </c>
      <c r="G23435" s="1" t="s">
        <v>83855</v>
      </c>
      <c r="H23435" s="1" t="s">
        <v>83856</v>
      </c>
      <c r="I23435" s="1" t="s">
        <v>83733</v>
      </c>
      <c r="J23435" s="1" t="s">
        <v>83868</v>
      </c>
    </row>
    <row r="23436" spans="1:10" x14ac:dyDescent="0.35">
      <c r="A23436" s="1" t="s">
        <v>1110</v>
      </c>
      <c r="B23436" s="1" t="s">
        <v>83727</v>
      </c>
      <c r="C23436" s="1" t="s">
        <v>30</v>
      </c>
      <c r="D23436" s="1" t="s">
        <v>83869</v>
      </c>
      <c r="E23436" s="1" t="s">
        <v>83870</v>
      </c>
      <c r="F23436" s="1" t="s">
        <v>83871</v>
      </c>
      <c r="G23436" s="1" t="s">
        <v>83855</v>
      </c>
      <c r="H23436" s="1" t="s">
        <v>83856</v>
      </c>
      <c r="I23436" s="1" t="s">
        <v>83733</v>
      </c>
      <c r="J23436" s="1" t="s">
        <v>83872</v>
      </c>
    </row>
    <row r="23437" spans="1:10" x14ac:dyDescent="0.35">
      <c r="A23437" s="1" t="s">
        <v>1110</v>
      </c>
      <c r="B23437" s="1" t="s">
        <v>83727</v>
      </c>
      <c r="C23437" s="1" t="s">
        <v>35</v>
      </c>
      <c r="D23437" s="1" t="s">
        <v>83873</v>
      </c>
      <c r="E23437" s="1" t="s">
        <v>83874</v>
      </c>
      <c r="F23437" s="1" t="s">
        <v>83875</v>
      </c>
      <c r="G23437" s="1" t="s">
        <v>83855</v>
      </c>
      <c r="H23437" s="1" t="s">
        <v>83856</v>
      </c>
      <c r="I23437" s="1" t="s">
        <v>83733</v>
      </c>
      <c r="J23437" s="1" t="s">
        <v>83876</v>
      </c>
    </row>
    <row r="23438" spans="1:10" x14ac:dyDescent="0.35">
      <c r="A23438" s="1" t="s">
        <v>1110</v>
      </c>
      <c r="B23438" s="1" t="s">
        <v>83727</v>
      </c>
      <c r="C23438" s="1" t="s">
        <v>40</v>
      </c>
      <c r="D23438" s="1" t="s">
        <v>83877</v>
      </c>
      <c r="E23438" s="1" t="s">
        <v>83878</v>
      </c>
      <c r="F23438" s="1" t="s">
        <v>83879</v>
      </c>
      <c r="G23438" s="1" t="s">
        <v>83855</v>
      </c>
      <c r="H23438" s="1" t="s">
        <v>83856</v>
      </c>
      <c r="I23438" s="1" t="s">
        <v>83733</v>
      </c>
      <c r="J23438" s="1" t="s">
        <v>83880</v>
      </c>
    </row>
    <row r="23439" spans="1:10" x14ac:dyDescent="0.35">
      <c r="A23439" s="1" t="s">
        <v>1110</v>
      </c>
      <c r="B23439" s="1" t="s">
        <v>83727</v>
      </c>
      <c r="C23439" s="1" t="s">
        <v>45</v>
      </c>
      <c r="D23439" s="1" t="s">
        <v>83881</v>
      </c>
      <c r="E23439" s="1" t="s">
        <v>83882</v>
      </c>
      <c r="F23439" s="1" t="s">
        <v>83883</v>
      </c>
      <c r="G23439" s="1" t="s">
        <v>83855</v>
      </c>
      <c r="H23439" s="1" t="s">
        <v>83856</v>
      </c>
      <c r="I23439" s="1" t="s">
        <v>83733</v>
      </c>
      <c r="J23439" s="1" t="s">
        <v>83884</v>
      </c>
    </row>
    <row r="23440" spans="1:10" x14ac:dyDescent="0.35">
      <c r="A23440" s="1" t="s">
        <v>1110</v>
      </c>
      <c r="B23440" s="1" t="s">
        <v>83727</v>
      </c>
      <c r="C23440" s="1" t="s">
        <v>50</v>
      </c>
      <c r="D23440" s="1" t="s">
        <v>83885</v>
      </c>
      <c r="E23440" s="1" t="s">
        <v>83886</v>
      </c>
      <c r="F23440" s="1" t="s">
        <v>83887</v>
      </c>
      <c r="G23440" s="1" t="s">
        <v>83855</v>
      </c>
      <c r="H23440" s="1" t="s">
        <v>83856</v>
      </c>
      <c r="I23440" s="1" t="s">
        <v>83733</v>
      </c>
      <c r="J23440" s="1" t="s">
        <v>83888</v>
      </c>
    </row>
    <row r="23441" spans="1:10" x14ac:dyDescent="0.35">
      <c r="A23441" s="1" t="s">
        <v>1110</v>
      </c>
      <c r="B23441" s="1" t="s">
        <v>83727</v>
      </c>
      <c r="C23441" s="1" t="s">
        <v>55</v>
      </c>
      <c r="D23441" s="1" t="s">
        <v>59404</v>
      </c>
      <c r="E23441" s="1" t="s">
        <v>83889</v>
      </c>
      <c r="F23441" s="1" t="s">
        <v>83890</v>
      </c>
      <c r="G23441" s="1" t="s">
        <v>83855</v>
      </c>
      <c r="H23441" s="1" t="s">
        <v>83856</v>
      </c>
      <c r="I23441" s="1" t="s">
        <v>83733</v>
      </c>
      <c r="J23441" s="1" t="s">
        <v>83891</v>
      </c>
    </row>
    <row r="23442" spans="1:10" x14ac:dyDescent="0.35">
      <c r="A23442" s="1" t="s">
        <v>1110</v>
      </c>
      <c r="B23442" s="1" t="s">
        <v>83727</v>
      </c>
      <c r="C23442" s="1" t="s">
        <v>60</v>
      </c>
      <c r="D23442" s="1" t="s">
        <v>83892</v>
      </c>
      <c r="E23442" s="1" t="s">
        <v>83893</v>
      </c>
      <c r="F23442" s="1" t="s">
        <v>83894</v>
      </c>
      <c r="G23442" s="1" t="s">
        <v>83855</v>
      </c>
      <c r="H23442" s="1" t="s">
        <v>83856</v>
      </c>
      <c r="I23442" s="1" t="s">
        <v>83733</v>
      </c>
      <c r="J23442" s="1" t="s">
        <v>83895</v>
      </c>
    </row>
    <row r="23443" spans="1:10" x14ac:dyDescent="0.35">
      <c r="A23443" s="1" t="s">
        <v>1110</v>
      </c>
      <c r="B23443" s="1" t="s">
        <v>83727</v>
      </c>
      <c r="C23443" s="1" t="s">
        <v>65</v>
      </c>
      <c r="D23443" s="1" t="s">
        <v>76437</v>
      </c>
      <c r="E23443" s="1" t="s">
        <v>83896</v>
      </c>
      <c r="F23443" s="1" t="s">
        <v>83897</v>
      </c>
      <c r="G23443" s="1" t="s">
        <v>83855</v>
      </c>
      <c r="H23443" s="1" t="s">
        <v>83856</v>
      </c>
      <c r="I23443" s="1" t="s">
        <v>83733</v>
      </c>
      <c r="J23443" s="1" t="s">
        <v>83898</v>
      </c>
    </row>
    <row r="23444" spans="1:10" x14ac:dyDescent="0.35">
      <c r="A23444" s="1" t="s">
        <v>1110</v>
      </c>
      <c r="B23444" s="1" t="s">
        <v>83727</v>
      </c>
      <c r="C23444" s="1" t="s">
        <v>70</v>
      </c>
      <c r="D23444" s="1" t="s">
        <v>78819</v>
      </c>
      <c r="E23444" s="1" t="s">
        <v>83899</v>
      </c>
      <c r="F23444" s="1" t="s">
        <v>83900</v>
      </c>
      <c r="G23444" s="1" t="s">
        <v>83855</v>
      </c>
      <c r="H23444" s="1" t="s">
        <v>83856</v>
      </c>
      <c r="I23444" s="1" t="s">
        <v>83733</v>
      </c>
      <c r="J23444" s="1" t="s">
        <v>83901</v>
      </c>
    </row>
    <row r="23445" spans="1:10" x14ac:dyDescent="0.35">
      <c r="A23445" s="1" t="s">
        <v>1110</v>
      </c>
      <c r="B23445" s="1" t="s">
        <v>83727</v>
      </c>
      <c r="C23445" s="1" t="s">
        <v>75</v>
      </c>
      <c r="D23445" s="1" t="s">
        <v>83902</v>
      </c>
      <c r="E23445" s="1" t="s">
        <v>83903</v>
      </c>
      <c r="F23445" s="1" t="s">
        <v>83904</v>
      </c>
      <c r="G23445" s="1" t="s">
        <v>83855</v>
      </c>
      <c r="H23445" s="1" t="s">
        <v>83856</v>
      </c>
      <c r="I23445" s="1" t="s">
        <v>83733</v>
      </c>
      <c r="J23445" s="1" t="s">
        <v>83905</v>
      </c>
    </row>
    <row r="23446" spans="1:10" x14ac:dyDescent="0.35">
      <c r="A23446" s="1" t="s">
        <v>1110</v>
      </c>
      <c r="B23446" s="1" t="s">
        <v>83727</v>
      </c>
      <c r="C23446" s="1" t="s">
        <v>80</v>
      </c>
      <c r="D23446" s="1" t="s">
        <v>83906</v>
      </c>
      <c r="E23446" s="1" t="s">
        <v>83907</v>
      </c>
      <c r="F23446" s="1" t="s">
        <v>83908</v>
      </c>
      <c r="G23446" s="1" t="s">
        <v>83855</v>
      </c>
      <c r="H23446" s="1" t="s">
        <v>83856</v>
      </c>
      <c r="I23446" s="1" t="s">
        <v>83733</v>
      </c>
      <c r="J23446" s="1" t="s">
        <v>83909</v>
      </c>
    </row>
    <row r="23447" spans="1:10" x14ac:dyDescent="0.35">
      <c r="A23447" s="1" t="s">
        <v>1110</v>
      </c>
      <c r="B23447" s="1" t="s">
        <v>83727</v>
      </c>
      <c r="C23447" s="1" t="s">
        <v>85</v>
      </c>
      <c r="D23447" s="1" t="s">
        <v>83910</v>
      </c>
      <c r="E23447" s="1" t="s">
        <v>83911</v>
      </c>
      <c r="F23447" s="1" t="s">
        <v>83912</v>
      </c>
      <c r="G23447" s="1" t="s">
        <v>83855</v>
      </c>
      <c r="H23447" s="1" t="s">
        <v>83856</v>
      </c>
      <c r="I23447" s="1" t="s">
        <v>83733</v>
      </c>
      <c r="J23447" s="1" t="s">
        <v>83913</v>
      </c>
    </row>
    <row r="23448" spans="1:10" x14ac:dyDescent="0.35">
      <c r="A23448" s="1" t="s">
        <v>1110</v>
      </c>
      <c r="B23448" s="1" t="s">
        <v>83727</v>
      </c>
      <c r="C23448" s="1" t="s">
        <v>90</v>
      </c>
      <c r="D23448" s="1" t="s">
        <v>83914</v>
      </c>
      <c r="E23448" s="1" t="s">
        <v>83915</v>
      </c>
      <c r="F23448" s="1" t="s">
        <v>83916</v>
      </c>
      <c r="G23448" s="1" t="s">
        <v>83855</v>
      </c>
      <c r="H23448" s="1" t="s">
        <v>83856</v>
      </c>
      <c r="I23448" s="1" t="s">
        <v>83733</v>
      </c>
      <c r="J23448" s="1" t="s">
        <v>83917</v>
      </c>
    </row>
    <row r="23449" spans="1:10" x14ac:dyDescent="0.35">
      <c r="A23449" s="1" t="s">
        <v>1110</v>
      </c>
      <c r="B23449" s="1" t="s">
        <v>83727</v>
      </c>
      <c r="C23449" s="1" t="s">
        <v>95</v>
      </c>
      <c r="D23449" s="1" t="s">
        <v>83918</v>
      </c>
      <c r="E23449" s="1" t="s">
        <v>83919</v>
      </c>
      <c r="F23449" s="1" t="s">
        <v>83920</v>
      </c>
      <c r="G23449" s="1" t="s">
        <v>83855</v>
      </c>
      <c r="H23449" s="1" t="s">
        <v>83856</v>
      </c>
      <c r="I23449" s="1" t="s">
        <v>83733</v>
      </c>
      <c r="J23449" s="1" t="s">
        <v>83921</v>
      </c>
    </row>
    <row r="23450" spans="1:10" x14ac:dyDescent="0.35">
      <c r="A23450" s="1" t="s">
        <v>1110</v>
      </c>
      <c r="B23450" s="1" t="s">
        <v>83727</v>
      </c>
      <c r="C23450" s="1" t="s">
        <v>100</v>
      </c>
      <c r="D23450" s="1" t="s">
        <v>83922</v>
      </c>
      <c r="E23450" s="1" t="s">
        <v>83923</v>
      </c>
      <c r="F23450" s="1" t="s">
        <v>83924</v>
      </c>
      <c r="G23450" s="1" t="s">
        <v>83855</v>
      </c>
      <c r="H23450" s="1" t="s">
        <v>83856</v>
      </c>
      <c r="I23450" s="1" t="s">
        <v>83733</v>
      </c>
      <c r="J23450" s="1" t="s">
        <v>83925</v>
      </c>
    </row>
    <row r="23451" spans="1:10" x14ac:dyDescent="0.35">
      <c r="A23451" s="1" t="s">
        <v>1110</v>
      </c>
      <c r="B23451" s="1" t="s">
        <v>83727</v>
      </c>
      <c r="C23451" s="1" t="s">
        <v>105</v>
      </c>
      <c r="D23451" s="1" t="s">
        <v>83926</v>
      </c>
      <c r="E23451" s="1" t="s">
        <v>83927</v>
      </c>
      <c r="F23451" s="1" t="s">
        <v>83928</v>
      </c>
      <c r="G23451" s="1" t="s">
        <v>83855</v>
      </c>
      <c r="H23451" s="1" t="s">
        <v>83856</v>
      </c>
      <c r="I23451" s="1" t="s">
        <v>83733</v>
      </c>
      <c r="J23451" s="1" t="s">
        <v>83929</v>
      </c>
    </row>
    <row r="23452" spans="1:10" x14ac:dyDescent="0.35">
      <c r="A23452" s="1" t="s">
        <v>1110</v>
      </c>
      <c r="B23452" s="1" t="s">
        <v>83727</v>
      </c>
      <c r="C23452" s="1" t="s">
        <v>110</v>
      </c>
      <c r="D23452" s="1" t="s">
        <v>83930</v>
      </c>
      <c r="E23452" s="1" t="s">
        <v>83931</v>
      </c>
      <c r="F23452" s="1" t="s">
        <v>83932</v>
      </c>
      <c r="G23452" s="1" t="s">
        <v>83855</v>
      </c>
      <c r="H23452" s="1" t="s">
        <v>83856</v>
      </c>
      <c r="I23452" s="1" t="s">
        <v>83733</v>
      </c>
      <c r="J23452" s="1" t="s">
        <v>83933</v>
      </c>
    </row>
    <row r="23453" spans="1:10" x14ac:dyDescent="0.35">
      <c r="A23453" s="1" t="s">
        <v>1110</v>
      </c>
      <c r="B23453" s="1" t="s">
        <v>83727</v>
      </c>
      <c r="C23453" s="1" t="s">
        <v>115</v>
      </c>
      <c r="D23453" s="1" t="s">
        <v>83934</v>
      </c>
      <c r="E23453" s="1" t="s">
        <v>83935</v>
      </c>
      <c r="F23453" s="1" t="s">
        <v>83936</v>
      </c>
      <c r="G23453" s="1" t="s">
        <v>83855</v>
      </c>
      <c r="H23453" s="1" t="s">
        <v>83856</v>
      </c>
      <c r="I23453" s="1" t="s">
        <v>83733</v>
      </c>
      <c r="J23453" s="1" t="s">
        <v>83937</v>
      </c>
    </row>
    <row r="23454" spans="1:10" x14ac:dyDescent="0.35">
      <c r="A23454" s="1" t="s">
        <v>1110</v>
      </c>
      <c r="B23454" s="1" t="s">
        <v>83727</v>
      </c>
      <c r="C23454" s="1" t="s">
        <v>120</v>
      </c>
      <c r="D23454" s="1" t="s">
        <v>83938</v>
      </c>
      <c r="E23454" s="1" t="s">
        <v>83939</v>
      </c>
      <c r="F23454" s="1" t="s">
        <v>83940</v>
      </c>
      <c r="G23454" s="1" t="s">
        <v>83855</v>
      </c>
      <c r="H23454" s="1" t="s">
        <v>83856</v>
      </c>
      <c r="I23454" s="1" t="s">
        <v>83733</v>
      </c>
      <c r="J23454" s="1" t="s">
        <v>83941</v>
      </c>
    </row>
    <row r="23455" spans="1:10" x14ac:dyDescent="0.35">
      <c r="A23455" s="1" t="s">
        <v>1110</v>
      </c>
      <c r="B23455" s="1" t="s">
        <v>83727</v>
      </c>
      <c r="C23455" s="1" t="s">
        <v>125</v>
      </c>
      <c r="D23455" s="1" t="s">
        <v>5815</v>
      </c>
      <c r="E23455" s="1" t="s">
        <v>83942</v>
      </c>
      <c r="F23455" s="1" t="s">
        <v>83943</v>
      </c>
      <c r="G23455" s="1" t="s">
        <v>83855</v>
      </c>
      <c r="H23455" s="1" t="s">
        <v>83856</v>
      </c>
      <c r="I23455" s="1" t="s">
        <v>83733</v>
      </c>
      <c r="J23455" s="1" t="s">
        <v>83944</v>
      </c>
    </row>
    <row r="23456" spans="1:10" x14ac:dyDescent="0.35">
      <c r="A23456" s="1" t="s">
        <v>1110</v>
      </c>
      <c r="B23456" s="1" t="s">
        <v>83727</v>
      </c>
      <c r="C23456" s="1" t="s">
        <v>130</v>
      </c>
      <c r="D23456" s="1" t="s">
        <v>76496</v>
      </c>
      <c r="E23456" s="1" t="s">
        <v>83945</v>
      </c>
      <c r="F23456" s="1" t="s">
        <v>83946</v>
      </c>
      <c r="G23456" s="1" t="s">
        <v>83855</v>
      </c>
      <c r="H23456" s="1" t="s">
        <v>83856</v>
      </c>
      <c r="I23456" s="1" t="s">
        <v>83733</v>
      </c>
      <c r="J23456" s="1" t="s">
        <v>83947</v>
      </c>
    </row>
    <row r="23457" spans="1:10" x14ac:dyDescent="0.35">
      <c r="A23457" s="1" t="s">
        <v>1110</v>
      </c>
      <c r="B23457" s="1" t="s">
        <v>83727</v>
      </c>
      <c r="C23457" s="1" t="s">
        <v>135</v>
      </c>
      <c r="D23457" s="1" t="s">
        <v>62045</v>
      </c>
      <c r="E23457" s="1" t="s">
        <v>83948</v>
      </c>
      <c r="F23457" s="1" t="s">
        <v>83949</v>
      </c>
      <c r="G23457" s="1" t="s">
        <v>83855</v>
      </c>
      <c r="H23457" s="1" t="s">
        <v>83856</v>
      </c>
      <c r="I23457" s="1" t="s">
        <v>83733</v>
      </c>
      <c r="J23457" s="1" t="s">
        <v>83950</v>
      </c>
    </row>
    <row r="23458" spans="1:10" x14ac:dyDescent="0.35">
      <c r="A23458" s="1" t="s">
        <v>1110</v>
      </c>
      <c r="B23458" s="1" t="s">
        <v>83727</v>
      </c>
      <c r="C23458" s="1" t="s">
        <v>140</v>
      </c>
      <c r="D23458" s="1" t="s">
        <v>83951</v>
      </c>
      <c r="E23458" s="1" t="s">
        <v>83952</v>
      </c>
      <c r="F23458" s="1" t="s">
        <v>83953</v>
      </c>
      <c r="G23458" s="1" t="s">
        <v>83855</v>
      </c>
      <c r="H23458" s="1" t="s">
        <v>83856</v>
      </c>
      <c r="I23458" s="1" t="s">
        <v>83733</v>
      </c>
      <c r="J23458" s="1" t="s">
        <v>83954</v>
      </c>
    </row>
    <row r="23459" spans="1:10" x14ac:dyDescent="0.35">
      <c r="A23459" s="1" t="s">
        <v>1110</v>
      </c>
      <c r="B23459" s="1" t="s">
        <v>83727</v>
      </c>
      <c r="C23459" s="1" t="s">
        <v>145</v>
      </c>
      <c r="D23459" s="1" t="s">
        <v>83955</v>
      </c>
      <c r="E23459" s="1" t="s">
        <v>83956</v>
      </c>
      <c r="F23459" s="1" t="s">
        <v>83957</v>
      </c>
      <c r="G23459" s="1" t="s">
        <v>83855</v>
      </c>
      <c r="H23459" s="1" t="s">
        <v>83856</v>
      </c>
      <c r="I23459" s="1" t="s">
        <v>83733</v>
      </c>
      <c r="J23459" s="1" t="s">
        <v>83958</v>
      </c>
    </row>
    <row r="23460" spans="1:10" x14ac:dyDescent="0.35">
      <c r="A23460" s="1" t="s">
        <v>1110</v>
      </c>
      <c r="B23460" s="1" t="s">
        <v>83727</v>
      </c>
      <c r="C23460" s="1" t="s">
        <v>150</v>
      </c>
      <c r="D23460" s="1" t="s">
        <v>83959</v>
      </c>
      <c r="E23460" s="1" t="s">
        <v>83960</v>
      </c>
      <c r="F23460" s="1" t="s">
        <v>83961</v>
      </c>
      <c r="G23460" s="1" t="s">
        <v>83855</v>
      </c>
      <c r="H23460" s="1" t="s">
        <v>83856</v>
      </c>
      <c r="I23460" s="1" t="s">
        <v>83733</v>
      </c>
      <c r="J23460" s="1" t="s">
        <v>83962</v>
      </c>
    </row>
    <row r="23461" spans="1:10" x14ac:dyDescent="0.35">
      <c r="A23461" s="1" t="s">
        <v>1110</v>
      </c>
      <c r="B23461" s="1" t="s">
        <v>83727</v>
      </c>
      <c r="C23461" s="1" t="s">
        <v>155</v>
      </c>
      <c r="D23461" s="1" t="s">
        <v>83963</v>
      </c>
      <c r="E23461" s="1" t="s">
        <v>83964</v>
      </c>
      <c r="F23461" s="1" t="s">
        <v>83965</v>
      </c>
      <c r="G23461" s="1" t="s">
        <v>83855</v>
      </c>
      <c r="H23461" s="1" t="s">
        <v>83856</v>
      </c>
      <c r="I23461" s="1" t="s">
        <v>83733</v>
      </c>
      <c r="J23461" s="1" t="s">
        <v>83966</v>
      </c>
    </row>
    <row r="23462" spans="1:10" x14ac:dyDescent="0.35">
      <c r="A23462" s="1" t="s">
        <v>1110</v>
      </c>
      <c r="B23462" s="1" t="s">
        <v>83727</v>
      </c>
      <c r="C23462" s="1" t="s">
        <v>160</v>
      </c>
      <c r="D23462" s="1" t="s">
        <v>83967</v>
      </c>
      <c r="E23462" s="1" t="s">
        <v>83968</v>
      </c>
      <c r="F23462" s="1" t="s">
        <v>83969</v>
      </c>
      <c r="G23462" s="1" t="s">
        <v>83855</v>
      </c>
      <c r="H23462" s="1" t="s">
        <v>83856</v>
      </c>
      <c r="I23462" s="1" t="s">
        <v>83733</v>
      </c>
      <c r="J23462" s="1" t="s">
        <v>83970</v>
      </c>
    </row>
    <row r="23463" spans="1:10" x14ac:dyDescent="0.35">
      <c r="A23463" s="1" t="s">
        <v>1110</v>
      </c>
      <c r="B23463" s="1" t="s">
        <v>83727</v>
      </c>
      <c r="C23463" s="1" t="s">
        <v>165</v>
      </c>
      <c r="D23463" s="1" t="s">
        <v>83971</v>
      </c>
      <c r="E23463" s="1" t="s">
        <v>83972</v>
      </c>
      <c r="F23463" s="1" t="s">
        <v>83973</v>
      </c>
      <c r="G23463" s="1" t="s">
        <v>83855</v>
      </c>
      <c r="H23463" s="1" t="s">
        <v>83856</v>
      </c>
      <c r="I23463" s="1" t="s">
        <v>83733</v>
      </c>
      <c r="J23463" s="1" t="s">
        <v>83974</v>
      </c>
    </row>
    <row r="23464" spans="1:10" x14ac:dyDescent="0.35">
      <c r="A23464" s="1" t="s">
        <v>1110</v>
      </c>
      <c r="B23464" s="1" t="s">
        <v>83727</v>
      </c>
      <c r="C23464" s="1" t="s">
        <v>170</v>
      </c>
      <c r="D23464" s="1" t="s">
        <v>83975</v>
      </c>
      <c r="E23464" s="1" t="s">
        <v>83976</v>
      </c>
      <c r="F23464" s="1" t="s">
        <v>83977</v>
      </c>
      <c r="G23464" s="1" t="s">
        <v>83855</v>
      </c>
      <c r="H23464" s="1" t="s">
        <v>83856</v>
      </c>
      <c r="I23464" s="1" t="s">
        <v>83733</v>
      </c>
      <c r="J23464" s="1" t="s">
        <v>83978</v>
      </c>
    </row>
    <row r="23465" spans="1:10" x14ac:dyDescent="0.35">
      <c r="A23465" s="1" t="s">
        <v>8438</v>
      </c>
      <c r="B23465" s="1" t="s">
        <v>83727</v>
      </c>
      <c r="C23465" s="1" t="s">
        <v>8</v>
      </c>
      <c r="D23465" s="1" t="s">
        <v>83979</v>
      </c>
      <c r="E23465" s="1" t="s">
        <v>83980</v>
      </c>
      <c r="F23465" s="1" t="s">
        <v>83981</v>
      </c>
      <c r="G23465" s="1" t="s">
        <v>83982</v>
      </c>
      <c r="H23465" s="1" t="s">
        <v>83983</v>
      </c>
      <c r="I23465" s="1" t="s">
        <v>83733</v>
      </c>
      <c r="J23465" s="1" t="s">
        <v>13</v>
      </c>
    </row>
    <row r="23466" spans="1:10" x14ac:dyDescent="0.35">
      <c r="A23466" s="1" t="s">
        <v>8438</v>
      </c>
      <c r="B23466" s="1" t="s">
        <v>83727</v>
      </c>
      <c r="C23466" s="1" t="s">
        <v>15</v>
      </c>
      <c r="D23466" s="1" t="s">
        <v>56262</v>
      </c>
      <c r="E23466" s="1" t="s">
        <v>83984</v>
      </c>
      <c r="F23466" s="1" t="s">
        <v>83985</v>
      </c>
      <c r="G23466" s="1" t="s">
        <v>83982</v>
      </c>
      <c r="H23466" s="1" t="s">
        <v>83983</v>
      </c>
      <c r="I23466" s="1" t="s">
        <v>83733</v>
      </c>
      <c r="J23466" s="1" t="s">
        <v>83986</v>
      </c>
    </row>
    <row r="23467" spans="1:10" x14ac:dyDescent="0.35">
      <c r="A23467" s="1" t="s">
        <v>8438</v>
      </c>
      <c r="B23467" s="1" t="s">
        <v>83727</v>
      </c>
      <c r="C23467" s="1" t="s">
        <v>20</v>
      </c>
      <c r="D23467" s="1" t="s">
        <v>83987</v>
      </c>
      <c r="E23467" s="1" t="s">
        <v>83988</v>
      </c>
      <c r="F23467" s="1" t="s">
        <v>83989</v>
      </c>
      <c r="G23467" s="1" t="s">
        <v>83982</v>
      </c>
      <c r="H23467" s="1" t="s">
        <v>83983</v>
      </c>
      <c r="I23467" s="1" t="s">
        <v>83733</v>
      </c>
      <c r="J23467" s="1" t="s">
        <v>83990</v>
      </c>
    </row>
    <row r="23468" spans="1:10" x14ac:dyDescent="0.35">
      <c r="A23468" s="1" t="s">
        <v>8438</v>
      </c>
      <c r="B23468" s="1" t="s">
        <v>83727</v>
      </c>
      <c r="C23468" s="1" t="s">
        <v>25</v>
      </c>
      <c r="D23468" s="1" t="s">
        <v>83991</v>
      </c>
      <c r="E23468" s="1" t="s">
        <v>83992</v>
      </c>
      <c r="F23468" s="1" t="s">
        <v>83993</v>
      </c>
      <c r="G23468" s="1" t="s">
        <v>83982</v>
      </c>
      <c r="H23468" s="1" t="s">
        <v>83983</v>
      </c>
      <c r="I23468" s="1" t="s">
        <v>83733</v>
      </c>
      <c r="J23468" s="1" t="s">
        <v>83994</v>
      </c>
    </row>
    <row r="23469" spans="1:10" x14ac:dyDescent="0.35">
      <c r="A23469" s="1" t="s">
        <v>8438</v>
      </c>
      <c r="B23469" s="1" t="s">
        <v>83727</v>
      </c>
      <c r="C23469" s="1" t="s">
        <v>30</v>
      </c>
      <c r="D23469" s="1" t="s">
        <v>57641</v>
      </c>
      <c r="E23469" s="1" t="s">
        <v>83995</v>
      </c>
      <c r="F23469" s="1" t="s">
        <v>83996</v>
      </c>
      <c r="G23469" s="1" t="s">
        <v>83982</v>
      </c>
      <c r="H23469" s="1" t="s">
        <v>83983</v>
      </c>
      <c r="I23469" s="1" t="s">
        <v>83733</v>
      </c>
      <c r="J23469" s="1" t="s">
        <v>83997</v>
      </c>
    </row>
    <row r="23470" spans="1:10" x14ac:dyDescent="0.35">
      <c r="A23470" s="1" t="s">
        <v>8438</v>
      </c>
      <c r="B23470" s="1" t="s">
        <v>83727</v>
      </c>
      <c r="C23470" s="1" t="s">
        <v>35</v>
      </c>
      <c r="D23470" s="1" t="s">
        <v>83998</v>
      </c>
      <c r="E23470" s="1" t="s">
        <v>83999</v>
      </c>
      <c r="F23470" s="1" t="s">
        <v>84000</v>
      </c>
      <c r="G23470" s="1" t="s">
        <v>83982</v>
      </c>
      <c r="H23470" s="1" t="s">
        <v>83983</v>
      </c>
      <c r="I23470" s="1" t="s">
        <v>83733</v>
      </c>
      <c r="J23470" s="1" t="s">
        <v>84001</v>
      </c>
    </row>
    <row r="23471" spans="1:10" x14ac:dyDescent="0.35">
      <c r="A23471" s="1" t="s">
        <v>8438</v>
      </c>
      <c r="B23471" s="1" t="s">
        <v>83727</v>
      </c>
      <c r="C23471" s="1" t="s">
        <v>40</v>
      </c>
      <c r="D23471" s="1" t="s">
        <v>84002</v>
      </c>
      <c r="E23471" s="1" t="s">
        <v>84003</v>
      </c>
      <c r="F23471" s="1" t="s">
        <v>84004</v>
      </c>
      <c r="G23471" s="1" t="s">
        <v>83982</v>
      </c>
      <c r="H23471" s="1" t="s">
        <v>83983</v>
      </c>
      <c r="I23471" s="1" t="s">
        <v>83733</v>
      </c>
      <c r="J23471" s="1" t="s">
        <v>84005</v>
      </c>
    </row>
    <row r="23472" spans="1:10" x14ac:dyDescent="0.35">
      <c r="A23472" s="1" t="s">
        <v>8438</v>
      </c>
      <c r="B23472" s="1" t="s">
        <v>83727</v>
      </c>
      <c r="C23472" s="1" t="s">
        <v>45</v>
      </c>
      <c r="D23472" s="1" t="s">
        <v>62860</v>
      </c>
      <c r="E23472" s="1" t="s">
        <v>84006</v>
      </c>
      <c r="F23472" s="1" t="s">
        <v>84007</v>
      </c>
      <c r="G23472" s="1" t="s">
        <v>83982</v>
      </c>
      <c r="H23472" s="1" t="s">
        <v>83983</v>
      </c>
      <c r="I23472" s="1" t="s">
        <v>83733</v>
      </c>
      <c r="J23472" s="1" t="s">
        <v>84008</v>
      </c>
    </row>
    <row r="23473" spans="1:10" x14ac:dyDescent="0.35">
      <c r="A23473" s="1" t="s">
        <v>8438</v>
      </c>
      <c r="B23473" s="1" t="s">
        <v>83727</v>
      </c>
      <c r="C23473" s="1" t="s">
        <v>50</v>
      </c>
      <c r="D23473" s="1" t="s">
        <v>84009</v>
      </c>
      <c r="E23473" s="1" t="s">
        <v>84010</v>
      </c>
      <c r="F23473" s="1" t="s">
        <v>84011</v>
      </c>
      <c r="G23473" s="1" t="s">
        <v>83982</v>
      </c>
      <c r="H23473" s="1" t="s">
        <v>83983</v>
      </c>
      <c r="I23473" s="1" t="s">
        <v>83733</v>
      </c>
      <c r="J23473" s="1" t="s">
        <v>32695</v>
      </c>
    </row>
    <row r="23474" spans="1:10" x14ac:dyDescent="0.35">
      <c r="A23474" s="1" t="s">
        <v>8438</v>
      </c>
      <c r="B23474" s="1" t="s">
        <v>83727</v>
      </c>
      <c r="C23474" s="1" t="s">
        <v>55</v>
      </c>
      <c r="D23474" s="1" t="s">
        <v>70168</v>
      </c>
      <c r="E23474" s="1" t="s">
        <v>84012</v>
      </c>
      <c r="F23474" s="1" t="s">
        <v>84013</v>
      </c>
      <c r="G23474" s="1" t="s">
        <v>83982</v>
      </c>
      <c r="H23474" s="1" t="s">
        <v>83983</v>
      </c>
      <c r="I23474" s="1" t="s">
        <v>83733</v>
      </c>
      <c r="J23474" s="1" t="s">
        <v>84014</v>
      </c>
    </row>
    <row r="23475" spans="1:10" x14ac:dyDescent="0.35">
      <c r="A23475" s="1" t="s">
        <v>8438</v>
      </c>
      <c r="B23475" s="1" t="s">
        <v>83727</v>
      </c>
      <c r="C23475" s="1" t="s">
        <v>60</v>
      </c>
      <c r="D23475" s="1" t="s">
        <v>22610</v>
      </c>
      <c r="E23475" s="1" t="s">
        <v>84015</v>
      </c>
      <c r="F23475" s="1" t="s">
        <v>84016</v>
      </c>
      <c r="G23475" s="1" t="s">
        <v>83982</v>
      </c>
      <c r="H23475" s="1" t="s">
        <v>83983</v>
      </c>
      <c r="I23475" s="1" t="s">
        <v>83733</v>
      </c>
      <c r="J23475" s="1" t="s">
        <v>84017</v>
      </c>
    </row>
    <row r="23476" spans="1:10" x14ac:dyDescent="0.35">
      <c r="A23476" s="1" t="s">
        <v>8438</v>
      </c>
      <c r="B23476" s="1" t="s">
        <v>83727</v>
      </c>
      <c r="C23476" s="1" t="s">
        <v>65</v>
      </c>
      <c r="D23476" s="1" t="s">
        <v>84018</v>
      </c>
      <c r="E23476" s="1" t="s">
        <v>84019</v>
      </c>
      <c r="F23476" s="1" t="s">
        <v>84020</v>
      </c>
      <c r="G23476" s="1" t="s">
        <v>83982</v>
      </c>
      <c r="H23476" s="1" t="s">
        <v>83983</v>
      </c>
      <c r="I23476" s="1" t="s">
        <v>83733</v>
      </c>
      <c r="J23476" s="1" t="s">
        <v>84021</v>
      </c>
    </row>
    <row r="23477" spans="1:10" x14ac:dyDescent="0.35">
      <c r="A23477" s="1" t="s">
        <v>8438</v>
      </c>
      <c r="B23477" s="1" t="s">
        <v>83727</v>
      </c>
      <c r="C23477" s="1" t="s">
        <v>70</v>
      </c>
      <c r="D23477" s="1" t="s">
        <v>84022</v>
      </c>
      <c r="E23477" s="1" t="s">
        <v>84023</v>
      </c>
      <c r="F23477" s="1" t="s">
        <v>84024</v>
      </c>
      <c r="G23477" s="1" t="s">
        <v>83982</v>
      </c>
      <c r="H23477" s="1" t="s">
        <v>83983</v>
      </c>
      <c r="I23477" s="1" t="s">
        <v>83733</v>
      </c>
      <c r="J23477" s="1" t="s">
        <v>84025</v>
      </c>
    </row>
    <row r="23478" spans="1:10" x14ac:dyDescent="0.35">
      <c r="A23478" s="1" t="s">
        <v>8438</v>
      </c>
      <c r="B23478" s="1" t="s">
        <v>83727</v>
      </c>
      <c r="C23478" s="1" t="s">
        <v>75</v>
      </c>
      <c r="D23478" s="1" t="s">
        <v>84026</v>
      </c>
      <c r="E23478" s="1" t="s">
        <v>84027</v>
      </c>
      <c r="F23478" s="1" t="s">
        <v>84028</v>
      </c>
      <c r="G23478" s="1" t="s">
        <v>83982</v>
      </c>
      <c r="H23478" s="1" t="s">
        <v>83983</v>
      </c>
      <c r="I23478" s="1" t="s">
        <v>83733</v>
      </c>
      <c r="J23478" s="1" t="s">
        <v>84029</v>
      </c>
    </row>
    <row r="23479" spans="1:10" x14ac:dyDescent="0.35">
      <c r="A23479" s="1" t="s">
        <v>8438</v>
      </c>
      <c r="B23479" s="1" t="s">
        <v>83727</v>
      </c>
      <c r="C23479" s="1" t="s">
        <v>80</v>
      </c>
      <c r="D23479" s="1" t="s">
        <v>84030</v>
      </c>
      <c r="E23479" s="1" t="s">
        <v>84031</v>
      </c>
      <c r="F23479" s="1" t="s">
        <v>84032</v>
      </c>
      <c r="G23479" s="1" t="s">
        <v>83982</v>
      </c>
      <c r="H23479" s="1" t="s">
        <v>83983</v>
      </c>
      <c r="I23479" s="1" t="s">
        <v>83733</v>
      </c>
      <c r="J23479" s="1" t="s">
        <v>84033</v>
      </c>
    </row>
    <row r="23480" spans="1:10" x14ac:dyDescent="0.35">
      <c r="A23480" s="1" t="s">
        <v>8438</v>
      </c>
      <c r="B23480" s="1" t="s">
        <v>83727</v>
      </c>
      <c r="C23480" s="1" t="s">
        <v>85</v>
      </c>
      <c r="D23480" s="1" t="s">
        <v>84034</v>
      </c>
      <c r="E23480" s="1" t="s">
        <v>84035</v>
      </c>
      <c r="F23480" s="1" t="s">
        <v>84036</v>
      </c>
      <c r="G23480" s="1" t="s">
        <v>83982</v>
      </c>
      <c r="H23480" s="1" t="s">
        <v>83983</v>
      </c>
      <c r="I23480" s="1" t="s">
        <v>83733</v>
      </c>
      <c r="J23480" s="1" t="s">
        <v>84037</v>
      </c>
    </row>
    <row r="23481" spans="1:10" x14ac:dyDescent="0.35">
      <c r="A23481" s="1" t="s">
        <v>8438</v>
      </c>
      <c r="B23481" s="1" t="s">
        <v>83727</v>
      </c>
      <c r="C23481" s="1" t="s">
        <v>90</v>
      </c>
      <c r="D23481" s="1" t="s">
        <v>84038</v>
      </c>
      <c r="E23481" s="1" t="s">
        <v>84039</v>
      </c>
      <c r="F23481" s="1" t="s">
        <v>84040</v>
      </c>
      <c r="G23481" s="1" t="s">
        <v>83982</v>
      </c>
      <c r="H23481" s="1" t="s">
        <v>83983</v>
      </c>
      <c r="I23481" s="1" t="s">
        <v>83733</v>
      </c>
      <c r="J23481" s="1" t="s">
        <v>84041</v>
      </c>
    </row>
    <row r="23482" spans="1:10" x14ac:dyDescent="0.35">
      <c r="A23482" s="1" t="s">
        <v>8438</v>
      </c>
      <c r="B23482" s="1" t="s">
        <v>83727</v>
      </c>
      <c r="C23482" s="1" t="s">
        <v>95</v>
      </c>
      <c r="D23482" s="1" t="s">
        <v>84042</v>
      </c>
      <c r="E23482" s="1" t="s">
        <v>84043</v>
      </c>
      <c r="F23482" s="1" t="s">
        <v>84044</v>
      </c>
      <c r="G23482" s="1" t="s">
        <v>83982</v>
      </c>
      <c r="H23482" s="1" t="s">
        <v>83983</v>
      </c>
      <c r="I23482" s="1" t="s">
        <v>83733</v>
      </c>
      <c r="J23482" s="1" t="s">
        <v>84045</v>
      </c>
    </row>
    <row r="23483" spans="1:10" x14ac:dyDescent="0.35">
      <c r="A23483" s="1" t="s">
        <v>8438</v>
      </c>
      <c r="B23483" s="1" t="s">
        <v>83727</v>
      </c>
      <c r="C23483" s="1" t="s">
        <v>100</v>
      </c>
      <c r="D23483" s="1" t="s">
        <v>84046</v>
      </c>
      <c r="E23483" s="1" t="s">
        <v>84047</v>
      </c>
      <c r="F23483" s="1" t="s">
        <v>84048</v>
      </c>
      <c r="G23483" s="1" t="s">
        <v>83982</v>
      </c>
      <c r="H23483" s="1" t="s">
        <v>83983</v>
      </c>
      <c r="I23483" s="1" t="s">
        <v>83733</v>
      </c>
      <c r="J23483" s="1" t="s">
        <v>84049</v>
      </c>
    </row>
    <row r="23484" spans="1:10" x14ac:dyDescent="0.35">
      <c r="A23484" s="1" t="s">
        <v>8438</v>
      </c>
      <c r="B23484" s="1" t="s">
        <v>83727</v>
      </c>
      <c r="C23484" s="1" t="s">
        <v>105</v>
      </c>
      <c r="D23484" s="1" t="s">
        <v>84050</v>
      </c>
      <c r="E23484" s="1" t="s">
        <v>84051</v>
      </c>
      <c r="F23484" s="1" t="s">
        <v>84052</v>
      </c>
      <c r="G23484" s="1" t="s">
        <v>83982</v>
      </c>
      <c r="H23484" s="1" t="s">
        <v>83983</v>
      </c>
      <c r="I23484" s="1" t="s">
        <v>83733</v>
      </c>
      <c r="J23484" s="1" t="s">
        <v>84053</v>
      </c>
    </row>
    <row r="23485" spans="1:10" x14ac:dyDescent="0.35">
      <c r="A23485" s="1" t="s">
        <v>8438</v>
      </c>
      <c r="B23485" s="1" t="s">
        <v>83727</v>
      </c>
      <c r="C23485" s="1" t="s">
        <v>110</v>
      </c>
      <c r="D23485" s="1" t="s">
        <v>84054</v>
      </c>
      <c r="E23485" s="1" t="s">
        <v>84055</v>
      </c>
      <c r="F23485" s="1" t="s">
        <v>84056</v>
      </c>
      <c r="G23485" s="1" t="s">
        <v>83982</v>
      </c>
      <c r="H23485" s="1" t="s">
        <v>83983</v>
      </c>
      <c r="I23485" s="1" t="s">
        <v>83733</v>
      </c>
      <c r="J23485" s="1" t="s">
        <v>84057</v>
      </c>
    </row>
    <row r="23486" spans="1:10" x14ac:dyDescent="0.35">
      <c r="A23486" s="1" t="s">
        <v>8438</v>
      </c>
      <c r="B23486" s="1" t="s">
        <v>83727</v>
      </c>
      <c r="C23486" s="1" t="s">
        <v>115</v>
      </c>
      <c r="D23486" s="1" t="s">
        <v>84058</v>
      </c>
      <c r="E23486" s="1" t="s">
        <v>84059</v>
      </c>
      <c r="F23486" s="1" t="s">
        <v>84060</v>
      </c>
      <c r="G23486" s="1" t="s">
        <v>83982</v>
      </c>
      <c r="H23486" s="1" t="s">
        <v>83983</v>
      </c>
      <c r="I23486" s="1" t="s">
        <v>83733</v>
      </c>
      <c r="J23486" s="1" t="s">
        <v>84061</v>
      </c>
    </row>
    <row r="23487" spans="1:10" x14ac:dyDescent="0.35">
      <c r="A23487" s="1" t="s">
        <v>8438</v>
      </c>
      <c r="B23487" s="1" t="s">
        <v>83727</v>
      </c>
      <c r="C23487" s="1" t="s">
        <v>120</v>
      </c>
      <c r="D23487" s="1" t="s">
        <v>64629</v>
      </c>
      <c r="E23487" s="1" t="s">
        <v>84062</v>
      </c>
      <c r="F23487" s="1" t="s">
        <v>84063</v>
      </c>
      <c r="G23487" s="1" t="s">
        <v>83982</v>
      </c>
      <c r="H23487" s="1" t="s">
        <v>83983</v>
      </c>
      <c r="I23487" s="1" t="s">
        <v>83733</v>
      </c>
      <c r="J23487" s="1" t="s">
        <v>84064</v>
      </c>
    </row>
    <row r="23488" spans="1:10" x14ac:dyDescent="0.35">
      <c r="A23488" s="1" t="s">
        <v>8438</v>
      </c>
      <c r="B23488" s="1" t="s">
        <v>83727</v>
      </c>
      <c r="C23488" s="1" t="s">
        <v>125</v>
      </c>
      <c r="D23488" s="1" t="s">
        <v>11151</v>
      </c>
      <c r="E23488" s="1" t="s">
        <v>84065</v>
      </c>
      <c r="F23488" s="1" t="s">
        <v>84066</v>
      </c>
      <c r="G23488" s="1" t="s">
        <v>83982</v>
      </c>
      <c r="H23488" s="1" t="s">
        <v>83983</v>
      </c>
      <c r="I23488" s="1" t="s">
        <v>83733</v>
      </c>
      <c r="J23488" s="1" t="s">
        <v>84067</v>
      </c>
    </row>
    <row r="23489" spans="1:10" x14ac:dyDescent="0.35">
      <c r="A23489" s="1" t="s">
        <v>8438</v>
      </c>
      <c r="B23489" s="1" t="s">
        <v>83727</v>
      </c>
      <c r="C23489" s="1" t="s">
        <v>130</v>
      </c>
      <c r="D23489" s="1" t="s">
        <v>67310</v>
      </c>
      <c r="E23489" s="1" t="s">
        <v>84068</v>
      </c>
      <c r="F23489" s="1" t="s">
        <v>84069</v>
      </c>
      <c r="G23489" s="1" t="s">
        <v>83982</v>
      </c>
      <c r="H23489" s="1" t="s">
        <v>83983</v>
      </c>
      <c r="I23489" s="1" t="s">
        <v>83733</v>
      </c>
      <c r="J23489" s="1" t="s">
        <v>84070</v>
      </c>
    </row>
    <row r="23490" spans="1:10" x14ac:dyDescent="0.35">
      <c r="A23490" s="1" t="s">
        <v>8438</v>
      </c>
      <c r="B23490" s="1" t="s">
        <v>83727</v>
      </c>
      <c r="C23490" s="1" t="s">
        <v>135</v>
      </c>
      <c r="D23490" s="1" t="s">
        <v>68988</v>
      </c>
      <c r="E23490" s="1" t="s">
        <v>84071</v>
      </c>
      <c r="F23490" s="1" t="s">
        <v>84072</v>
      </c>
      <c r="G23490" s="1" t="s">
        <v>83982</v>
      </c>
      <c r="H23490" s="1" t="s">
        <v>83983</v>
      </c>
      <c r="I23490" s="1" t="s">
        <v>83733</v>
      </c>
      <c r="J23490" s="1" t="s">
        <v>84073</v>
      </c>
    </row>
    <row r="23491" spans="1:10" x14ac:dyDescent="0.35">
      <c r="A23491" s="1" t="s">
        <v>8438</v>
      </c>
      <c r="B23491" s="1" t="s">
        <v>83727</v>
      </c>
      <c r="C23491" s="1" t="s">
        <v>140</v>
      </c>
      <c r="D23491" s="1" t="s">
        <v>20086</v>
      </c>
      <c r="E23491" s="1" t="s">
        <v>84074</v>
      </c>
      <c r="F23491" s="1" t="s">
        <v>84075</v>
      </c>
      <c r="G23491" s="1" t="s">
        <v>83982</v>
      </c>
      <c r="H23491" s="1" t="s">
        <v>83983</v>
      </c>
      <c r="I23491" s="1" t="s">
        <v>83733</v>
      </c>
      <c r="J23491" s="1" t="s">
        <v>84076</v>
      </c>
    </row>
    <row r="23492" spans="1:10" x14ac:dyDescent="0.35">
      <c r="A23492" s="1" t="s">
        <v>8438</v>
      </c>
      <c r="B23492" s="1" t="s">
        <v>83727</v>
      </c>
      <c r="C23492" s="1" t="s">
        <v>145</v>
      </c>
      <c r="D23492" s="1" t="s">
        <v>84077</v>
      </c>
      <c r="E23492" s="1" t="s">
        <v>84078</v>
      </c>
      <c r="F23492" s="1" t="s">
        <v>84079</v>
      </c>
      <c r="G23492" s="1" t="s">
        <v>83982</v>
      </c>
      <c r="H23492" s="1" t="s">
        <v>83983</v>
      </c>
      <c r="I23492" s="1" t="s">
        <v>83733</v>
      </c>
      <c r="J23492" s="1" t="s">
        <v>84080</v>
      </c>
    </row>
    <row r="23493" spans="1:10" x14ac:dyDescent="0.35">
      <c r="A23493" s="1" t="s">
        <v>8438</v>
      </c>
      <c r="B23493" s="1" t="s">
        <v>83727</v>
      </c>
      <c r="C23493" s="1" t="s">
        <v>150</v>
      </c>
      <c r="D23493" s="1" t="s">
        <v>84081</v>
      </c>
      <c r="E23493" s="1" t="s">
        <v>84082</v>
      </c>
      <c r="F23493" s="1" t="s">
        <v>84083</v>
      </c>
      <c r="G23493" s="1" t="s">
        <v>83982</v>
      </c>
      <c r="H23493" s="1" t="s">
        <v>83983</v>
      </c>
      <c r="I23493" s="1" t="s">
        <v>83733</v>
      </c>
      <c r="J23493" s="1" t="s">
        <v>84084</v>
      </c>
    </row>
    <row r="23494" spans="1:10" x14ac:dyDescent="0.35">
      <c r="A23494" s="1" t="s">
        <v>8438</v>
      </c>
      <c r="B23494" s="1" t="s">
        <v>83727</v>
      </c>
      <c r="C23494" s="1" t="s">
        <v>155</v>
      </c>
      <c r="D23494" s="1" t="s">
        <v>84085</v>
      </c>
      <c r="E23494" s="1" t="s">
        <v>84086</v>
      </c>
      <c r="F23494" s="1" t="s">
        <v>84087</v>
      </c>
      <c r="G23494" s="1" t="s">
        <v>83982</v>
      </c>
      <c r="H23494" s="1" t="s">
        <v>83983</v>
      </c>
      <c r="I23494" s="1" t="s">
        <v>83733</v>
      </c>
      <c r="J23494" s="1" t="s">
        <v>84088</v>
      </c>
    </row>
    <row r="23495" spans="1:10" x14ac:dyDescent="0.35">
      <c r="A23495" s="1" t="s">
        <v>8438</v>
      </c>
      <c r="B23495" s="1" t="s">
        <v>83727</v>
      </c>
      <c r="C23495" s="1" t="s">
        <v>160</v>
      </c>
      <c r="D23495" s="1" t="s">
        <v>84089</v>
      </c>
      <c r="E23495" s="1" t="s">
        <v>84090</v>
      </c>
      <c r="F23495" s="1" t="s">
        <v>84091</v>
      </c>
      <c r="G23495" s="1" t="s">
        <v>83982</v>
      </c>
      <c r="H23495" s="1" t="s">
        <v>83983</v>
      </c>
      <c r="I23495" s="1" t="s">
        <v>83733</v>
      </c>
      <c r="J23495" s="1" t="s">
        <v>84092</v>
      </c>
    </row>
    <row r="23496" spans="1:10" x14ac:dyDescent="0.35">
      <c r="A23496" s="1" t="s">
        <v>8438</v>
      </c>
      <c r="B23496" s="1" t="s">
        <v>83727</v>
      </c>
      <c r="C23496" s="1" t="s">
        <v>165</v>
      </c>
      <c r="D23496" s="1" t="s">
        <v>84093</v>
      </c>
      <c r="E23496" s="1" t="s">
        <v>84094</v>
      </c>
      <c r="F23496" s="1" t="s">
        <v>84095</v>
      </c>
      <c r="G23496" s="1" t="s">
        <v>83982</v>
      </c>
      <c r="H23496" s="1" t="s">
        <v>83983</v>
      </c>
      <c r="I23496" s="1" t="s">
        <v>83733</v>
      </c>
      <c r="J23496" s="1" t="s">
        <v>84096</v>
      </c>
    </row>
    <row r="23497" spans="1:10" x14ac:dyDescent="0.35">
      <c r="A23497" s="1" t="s">
        <v>8438</v>
      </c>
      <c r="B23497" s="1" t="s">
        <v>83727</v>
      </c>
      <c r="C23497" s="1" t="s">
        <v>170</v>
      </c>
      <c r="D23497" s="1" t="s">
        <v>84097</v>
      </c>
      <c r="E23497" s="1" t="s">
        <v>84098</v>
      </c>
      <c r="F23497" s="1" t="s">
        <v>84099</v>
      </c>
      <c r="G23497" s="1" t="s">
        <v>83982</v>
      </c>
      <c r="H23497" s="1" t="s">
        <v>83983</v>
      </c>
      <c r="I23497" s="1" t="s">
        <v>83733</v>
      </c>
      <c r="J23497" s="1" t="s">
        <v>84100</v>
      </c>
    </row>
    <row r="23498" spans="1:10" x14ac:dyDescent="0.35">
      <c r="A23498" s="1" t="s">
        <v>44642</v>
      </c>
      <c r="B23498" s="1" t="s">
        <v>83727</v>
      </c>
      <c r="C23498" s="1" t="s">
        <v>8</v>
      </c>
      <c r="D23498" s="1" t="s">
        <v>84101</v>
      </c>
      <c r="E23498" s="1" t="s">
        <v>84102</v>
      </c>
      <c r="F23498" s="1" t="s">
        <v>84103</v>
      </c>
      <c r="G23498" s="1" t="s">
        <v>84104</v>
      </c>
      <c r="H23498" s="1" t="s">
        <v>84105</v>
      </c>
      <c r="I23498" s="1" t="s">
        <v>83733</v>
      </c>
      <c r="J23498" s="1" t="s">
        <v>13</v>
      </c>
    </row>
    <row r="23499" spans="1:10" x14ac:dyDescent="0.35">
      <c r="A23499" s="1" t="s">
        <v>44642</v>
      </c>
      <c r="B23499" s="1" t="s">
        <v>83727</v>
      </c>
      <c r="C23499" s="1" t="s">
        <v>15</v>
      </c>
      <c r="D23499" s="1" t="s">
        <v>84106</v>
      </c>
      <c r="E23499" s="1" t="s">
        <v>84107</v>
      </c>
      <c r="F23499" s="1" t="s">
        <v>84108</v>
      </c>
      <c r="G23499" s="1" t="s">
        <v>84104</v>
      </c>
      <c r="H23499" s="1" t="s">
        <v>84105</v>
      </c>
      <c r="I23499" s="1" t="s">
        <v>83733</v>
      </c>
      <c r="J23499" s="1" t="s">
        <v>84109</v>
      </c>
    </row>
    <row r="23500" spans="1:10" x14ac:dyDescent="0.35">
      <c r="A23500" s="1" t="s">
        <v>44642</v>
      </c>
      <c r="B23500" s="1" t="s">
        <v>83727</v>
      </c>
      <c r="C23500" s="1" t="s">
        <v>20</v>
      </c>
      <c r="D23500" s="1" t="s">
        <v>84110</v>
      </c>
      <c r="E23500" s="1" t="s">
        <v>84111</v>
      </c>
      <c r="F23500" s="1" t="s">
        <v>84112</v>
      </c>
      <c r="G23500" s="1" t="s">
        <v>84104</v>
      </c>
      <c r="H23500" s="1" t="s">
        <v>84105</v>
      </c>
      <c r="I23500" s="1" t="s">
        <v>83733</v>
      </c>
      <c r="J23500" s="1" t="s">
        <v>84113</v>
      </c>
    </row>
    <row r="23501" spans="1:10" x14ac:dyDescent="0.35">
      <c r="A23501" s="1" t="s">
        <v>44642</v>
      </c>
      <c r="B23501" s="1" t="s">
        <v>83727</v>
      </c>
      <c r="C23501" s="1" t="s">
        <v>25</v>
      </c>
      <c r="D23501" s="1" t="s">
        <v>84114</v>
      </c>
      <c r="E23501" s="1" t="s">
        <v>84115</v>
      </c>
      <c r="F23501" s="1" t="s">
        <v>84116</v>
      </c>
      <c r="G23501" s="1" t="s">
        <v>84104</v>
      </c>
      <c r="H23501" s="1" t="s">
        <v>84105</v>
      </c>
      <c r="I23501" s="1" t="s">
        <v>83733</v>
      </c>
      <c r="J23501" s="1" t="s">
        <v>84117</v>
      </c>
    </row>
    <row r="23502" spans="1:10" x14ac:dyDescent="0.35">
      <c r="A23502" s="1" t="s">
        <v>44642</v>
      </c>
      <c r="B23502" s="1" t="s">
        <v>83727</v>
      </c>
      <c r="C23502" s="1" t="s">
        <v>30</v>
      </c>
      <c r="D23502" s="1" t="s">
        <v>84118</v>
      </c>
      <c r="E23502" s="1" t="s">
        <v>84119</v>
      </c>
      <c r="F23502" s="1" t="s">
        <v>84120</v>
      </c>
      <c r="G23502" s="1" t="s">
        <v>84104</v>
      </c>
      <c r="H23502" s="1" t="s">
        <v>84105</v>
      </c>
      <c r="I23502" s="1" t="s">
        <v>83733</v>
      </c>
      <c r="J23502" s="1" t="s">
        <v>84121</v>
      </c>
    </row>
    <row r="23503" spans="1:10" x14ac:dyDescent="0.35">
      <c r="A23503" s="1" t="s">
        <v>44642</v>
      </c>
      <c r="B23503" s="1" t="s">
        <v>83727</v>
      </c>
      <c r="C23503" s="1" t="s">
        <v>35</v>
      </c>
      <c r="D23503" s="1" t="s">
        <v>84122</v>
      </c>
      <c r="E23503" s="1" t="s">
        <v>84123</v>
      </c>
      <c r="F23503" s="1" t="s">
        <v>84124</v>
      </c>
      <c r="G23503" s="1" t="s">
        <v>84104</v>
      </c>
      <c r="H23503" s="1" t="s">
        <v>84105</v>
      </c>
      <c r="I23503" s="1" t="s">
        <v>83733</v>
      </c>
      <c r="J23503" s="1" t="s">
        <v>84125</v>
      </c>
    </row>
    <row r="23504" spans="1:10" x14ac:dyDescent="0.35">
      <c r="A23504" s="1" t="s">
        <v>44642</v>
      </c>
      <c r="B23504" s="1" t="s">
        <v>83727</v>
      </c>
      <c r="C23504" s="1" t="s">
        <v>40</v>
      </c>
      <c r="D23504" s="1" t="s">
        <v>63606</v>
      </c>
      <c r="E23504" s="1" t="s">
        <v>84126</v>
      </c>
      <c r="F23504" s="1" t="s">
        <v>84127</v>
      </c>
      <c r="G23504" s="1" t="s">
        <v>84104</v>
      </c>
      <c r="H23504" s="1" t="s">
        <v>84105</v>
      </c>
      <c r="I23504" s="1" t="s">
        <v>83733</v>
      </c>
      <c r="J23504" s="1" t="s">
        <v>84128</v>
      </c>
    </row>
    <row r="23505" spans="1:10" x14ac:dyDescent="0.35">
      <c r="A23505" s="1" t="s">
        <v>44642</v>
      </c>
      <c r="B23505" s="1" t="s">
        <v>83727</v>
      </c>
      <c r="C23505" s="1" t="s">
        <v>45</v>
      </c>
      <c r="D23505" s="1" t="s">
        <v>84129</v>
      </c>
      <c r="E23505" s="1" t="s">
        <v>84130</v>
      </c>
      <c r="F23505" s="1" t="s">
        <v>84131</v>
      </c>
      <c r="G23505" s="1" t="s">
        <v>84104</v>
      </c>
      <c r="H23505" s="1" t="s">
        <v>84105</v>
      </c>
      <c r="I23505" s="1" t="s">
        <v>83733</v>
      </c>
      <c r="J23505" s="1" t="s">
        <v>84132</v>
      </c>
    </row>
    <row r="23506" spans="1:10" x14ac:dyDescent="0.35">
      <c r="A23506" s="1" t="s">
        <v>44642</v>
      </c>
      <c r="B23506" s="1" t="s">
        <v>83727</v>
      </c>
      <c r="C23506" s="1" t="s">
        <v>50</v>
      </c>
      <c r="D23506" s="1" t="s">
        <v>84133</v>
      </c>
      <c r="E23506" s="1" t="s">
        <v>84134</v>
      </c>
      <c r="F23506" s="1" t="s">
        <v>84135</v>
      </c>
      <c r="G23506" s="1" t="s">
        <v>84104</v>
      </c>
      <c r="H23506" s="1" t="s">
        <v>84105</v>
      </c>
      <c r="I23506" s="1" t="s">
        <v>83733</v>
      </c>
      <c r="J23506" s="1" t="s">
        <v>84136</v>
      </c>
    </row>
    <row r="23507" spans="1:10" x14ac:dyDescent="0.35">
      <c r="A23507" s="1" t="s">
        <v>44642</v>
      </c>
      <c r="B23507" s="1" t="s">
        <v>83727</v>
      </c>
      <c r="C23507" s="1" t="s">
        <v>55</v>
      </c>
      <c r="D23507" s="1" t="s">
        <v>84137</v>
      </c>
      <c r="E23507" s="1" t="s">
        <v>84138</v>
      </c>
      <c r="F23507" s="1" t="s">
        <v>84139</v>
      </c>
      <c r="G23507" s="1" t="s">
        <v>84104</v>
      </c>
      <c r="H23507" s="1" t="s">
        <v>84105</v>
      </c>
      <c r="I23507" s="1" t="s">
        <v>83733</v>
      </c>
      <c r="J23507" s="1" t="s">
        <v>84140</v>
      </c>
    </row>
    <row r="23508" spans="1:10" x14ac:dyDescent="0.35">
      <c r="A23508" s="1" t="s">
        <v>44642</v>
      </c>
      <c r="B23508" s="1" t="s">
        <v>83727</v>
      </c>
      <c r="C23508" s="1" t="s">
        <v>60</v>
      </c>
      <c r="D23508" s="1" t="s">
        <v>84141</v>
      </c>
      <c r="E23508" s="1" t="s">
        <v>84142</v>
      </c>
      <c r="F23508" s="1" t="s">
        <v>84143</v>
      </c>
      <c r="G23508" s="1" t="s">
        <v>84104</v>
      </c>
      <c r="H23508" s="1" t="s">
        <v>84105</v>
      </c>
      <c r="I23508" s="1" t="s">
        <v>83733</v>
      </c>
      <c r="J23508" s="1" t="s">
        <v>84144</v>
      </c>
    </row>
    <row r="23509" spans="1:10" x14ac:dyDescent="0.35">
      <c r="A23509" s="1" t="s">
        <v>44642</v>
      </c>
      <c r="B23509" s="1" t="s">
        <v>83727</v>
      </c>
      <c r="C23509" s="1" t="s">
        <v>65</v>
      </c>
      <c r="D23509" s="1" t="s">
        <v>84145</v>
      </c>
      <c r="E23509" s="1" t="s">
        <v>84146</v>
      </c>
      <c r="F23509" s="1" t="s">
        <v>84147</v>
      </c>
      <c r="G23509" s="1" t="s">
        <v>84104</v>
      </c>
      <c r="H23509" s="1" t="s">
        <v>84105</v>
      </c>
      <c r="I23509" s="1" t="s">
        <v>83733</v>
      </c>
      <c r="J23509" s="1" t="s">
        <v>84148</v>
      </c>
    </row>
    <row r="23510" spans="1:10" x14ac:dyDescent="0.35">
      <c r="A23510" s="1" t="s">
        <v>44642</v>
      </c>
      <c r="B23510" s="1" t="s">
        <v>83727</v>
      </c>
      <c r="C23510" s="1" t="s">
        <v>70</v>
      </c>
      <c r="D23510" s="1" t="s">
        <v>84149</v>
      </c>
      <c r="E23510" s="1" t="s">
        <v>84150</v>
      </c>
      <c r="F23510" s="1" t="s">
        <v>84151</v>
      </c>
      <c r="G23510" s="1" t="s">
        <v>84104</v>
      </c>
      <c r="H23510" s="1" t="s">
        <v>84105</v>
      </c>
      <c r="I23510" s="1" t="s">
        <v>83733</v>
      </c>
      <c r="J23510" s="1" t="s">
        <v>84152</v>
      </c>
    </row>
    <row r="23511" spans="1:10" x14ac:dyDescent="0.35">
      <c r="A23511" s="1" t="s">
        <v>44642</v>
      </c>
      <c r="B23511" s="1" t="s">
        <v>83727</v>
      </c>
      <c r="C23511" s="1" t="s">
        <v>75</v>
      </c>
      <c r="D23511" s="1" t="s">
        <v>84153</v>
      </c>
      <c r="E23511" s="1" t="s">
        <v>84154</v>
      </c>
      <c r="F23511" s="1" t="s">
        <v>84155</v>
      </c>
      <c r="G23511" s="1" t="s">
        <v>84104</v>
      </c>
      <c r="H23511" s="1" t="s">
        <v>84105</v>
      </c>
      <c r="I23511" s="1" t="s">
        <v>83733</v>
      </c>
      <c r="J23511" s="1" t="s">
        <v>84156</v>
      </c>
    </row>
    <row r="23512" spans="1:10" x14ac:dyDescent="0.35">
      <c r="A23512" s="1" t="s">
        <v>44642</v>
      </c>
      <c r="B23512" s="1" t="s">
        <v>83727</v>
      </c>
      <c r="C23512" s="1" t="s">
        <v>80</v>
      </c>
      <c r="D23512" s="1" t="s">
        <v>84157</v>
      </c>
      <c r="E23512" s="1" t="s">
        <v>84158</v>
      </c>
      <c r="F23512" s="1" t="s">
        <v>84159</v>
      </c>
      <c r="G23512" s="1" t="s">
        <v>84104</v>
      </c>
      <c r="H23512" s="1" t="s">
        <v>84105</v>
      </c>
      <c r="I23512" s="1" t="s">
        <v>83733</v>
      </c>
      <c r="J23512" s="1" t="s">
        <v>84160</v>
      </c>
    </row>
    <row r="23513" spans="1:10" x14ac:dyDescent="0.35">
      <c r="A23513" s="1" t="s">
        <v>44642</v>
      </c>
      <c r="B23513" s="1" t="s">
        <v>83727</v>
      </c>
      <c r="C23513" s="1" t="s">
        <v>85</v>
      </c>
      <c r="D23513" s="1" t="s">
        <v>84161</v>
      </c>
      <c r="E23513" s="1" t="s">
        <v>84162</v>
      </c>
      <c r="F23513" s="1" t="s">
        <v>84163</v>
      </c>
      <c r="G23513" s="1" t="s">
        <v>84104</v>
      </c>
      <c r="H23513" s="1" t="s">
        <v>84105</v>
      </c>
      <c r="I23513" s="1" t="s">
        <v>83733</v>
      </c>
      <c r="J23513" s="1" t="s">
        <v>84164</v>
      </c>
    </row>
    <row r="23514" spans="1:10" x14ac:dyDescent="0.35">
      <c r="A23514" s="1" t="s">
        <v>44642</v>
      </c>
      <c r="B23514" s="1" t="s">
        <v>83727</v>
      </c>
      <c r="C23514" s="1" t="s">
        <v>90</v>
      </c>
      <c r="D23514" s="1" t="s">
        <v>84165</v>
      </c>
      <c r="E23514" s="1" t="s">
        <v>84166</v>
      </c>
      <c r="F23514" s="1" t="s">
        <v>84167</v>
      </c>
      <c r="G23514" s="1" t="s">
        <v>84104</v>
      </c>
      <c r="H23514" s="1" t="s">
        <v>84105</v>
      </c>
      <c r="I23514" s="1" t="s">
        <v>83733</v>
      </c>
      <c r="J23514" s="1" t="s">
        <v>84168</v>
      </c>
    </row>
    <row r="23515" spans="1:10" x14ac:dyDescent="0.35">
      <c r="A23515" s="1" t="s">
        <v>44642</v>
      </c>
      <c r="B23515" s="1" t="s">
        <v>83727</v>
      </c>
      <c r="C23515" s="1" t="s">
        <v>95</v>
      </c>
      <c r="D23515" s="1" t="s">
        <v>71505</v>
      </c>
      <c r="E23515" s="1" t="s">
        <v>84169</v>
      </c>
      <c r="F23515" s="1" t="s">
        <v>84170</v>
      </c>
      <c r="G23515" s="1" t="s">
        <v>84104</v>
      </c>
      <c r="H23515" s="1" t="s">
        <v>84105</v>
      </c>
      <c r="I23515" s="1" t="s">
        <v>83733</v>
      </c>
      <c r="J23515" s="1" t="s">
        <v>84171</v>
      </c>
    </row>
    <row r="23516" spans="1:10" x14ac:dyDescent="0.35">
      <c r="A23516" s="1" t="s">
        <v>44642</v>
      </c>
      <c r="B23516" s="1" t="s">
        <v>83727</v>
      </c>
      <c r="C23516" s="1" t="s">
        <v>100</v>
      </c>
      <c r="D23516" s="1" t="s">
        <v>84172</v>
      </c>
      <c r="E23516" s="1" t="s">
        <v>84173</v>
      </c>
      <c r="F23516" s="1" t="s">
        <v>84174</v>
      </c>
      <c r="G23516" s="1" t="s">
        <v>84104</v>
      </c>
      <c r="H23516" s="1" t="s">
        <v>84105</v>
      </c>
      <c r="I23516" s="1" t="s">
        <v>83733</v>
      </c>
      <c r="J23516" s="1" t="s">
        <v>84175</v>
      </c>
    </row>
    <row r="23517" spans="1:10" x14ac:dyDescent="0.35">
      <c r="A23517" s="1" t="s">
        <v>44642</v>
      </c>
      <c r="B23517" s="1" t="s">
        <v>83727</v>
      </c>
      <c r="C23517" s="1" t="s">
        <v>105</v>
      </c>
      <c r="D23517" s="1" t="s">
        <v>84176</v>
      </c>
      <c r="E23517" s="1" t="s">
        <v>84177</v>
      </c>
      <c r="F23517" s="1" t="s">
        <v>84178</v>
      </c>
      <c r="G23517" s="1" t="s">
        <v>84104</v>
      </c>
      <c r="H23517" s="1" t="s">
        <v>84105</v>
      </c>
      <c r="I23517" s="1" t="s">
        <v>83733</v>
      </c>
      <c r="J23517" s="1" t="s">
        <v>84179</v>
      </c>
    </row>
    <row r="23518" spans="1:10" x14ac:dyDescent="0.35">
      <c r="A23518" s="1" t="s">
        <v>44642</v>
      </c>
      <c r="B23518" s="1" t="s">
        <v>83727</v>
      </c>
      <c r="C23518" s="1" t="s">
        <v>110</v>
      </c>
      <c r="D23518" s="1" t="s">
        <v>84180</v>
      </c>
      <c r="E23518" s="1" t="s">
        <v>84181</v>
      </c>
      <c r="F23518" s="1" t="s">
        <v>84182</v>
      </c>
      <c r="G23518" s="1" t="s">
        <v>84104</v>
      </c>
      <c r="H23518" s="1" t="s">
        <v>84105</v>
      </c>
      <c r="I23518" s="1" t="s">
        <v>83733</v>
      </c>
      <c r="J23518" s="1" t="s">
        <v>84183</v>
      </c>
    </row>
    <row r="23519" spans="1:10" x14ac:dyDescent="0.35">
      <c r="A23519" s="1" t="s">
        <v>44642</v>
      </c>
      <c r="B23519" s="1" t="s">
        <v>83727</v>
      </c>
      <c r="C23519" s="1" t="s">
        <v>115</v>
      </c>
      <c r="D23519" s="1" t="s">
        <v>84184</v>
      </c>
      <c r="E23519" s="1" t="s">
        <v>84185</v>
      </c>
      <c r="F23519" s="1" t="s">
        <v>84186</v>
      </c>
      <c r="G23519" s="1" t="s">
        <v>84104</v>
      </c>
      <c r="H23519" s="1" t="s">
        <v>84105</v>
      </c>
      <c r="I23519" s="1" t="s">
        <v>83733</v>
      </c>
      <c r="J23519" s="1" t="s">
        <v>84187</v>
      </c>
    </row>
    <row r="23520" spans="1:10" x14ac:dyDescent="0.35">
      <c r="A23520" s="1" t="s">
        <v>44642</v>
      </c>
      <c r="B23520" s="1" t="s">
        <v>83727</v>
      </c>
      <c r="C23520" s="1" t="s">
        <v>120</v>
      </c>
      <c r="D23520" s="1" t="s">
        <v>84188</v>
      </c>
      <c r="E23520" s="1" t="s">
        <v>84189</v>
      </c>
      <c r="F23520" s="1" t="s">
        <v>84190</v>
      </c>
      <c r="G23520" s="1" t="s">
        <v>84104</v>
      </c>
      <c r="H23520" s="1" t="s">
        <v>84105</v>
      </c>
      <c r="I23520" s="1" t="s">
        <v>83733</v>
      </c>
      <c r="J23520" s="1" t="s">
        <v>84191</v>
      </c>
    </row>
    <row r="23521" spans="1:10" x14ac:dyDescent="0.35">
      <c r="A23521" s="1" t="s">
        <v>44642</v>
      </c>
      <c r="B23521" s="1" t="s">
        <v>83727</v>
      </c>
      <c r="C23521" s="1" t="s">
        <v>125</v>
      </c>
      <c r="D23521" s="1" t="s">
        <v>84192</v>
      </c>
      <c r="E23521" s="1" t="s">
        <v>84193</v>
      </c>
      <c r="F23521" s="1" t="s">
        <v>84194</v>
      </c>
      <c r="G23521" s="1" t="s">
        <v>84104</v>
      </c>
      <c r="H23521" s="1" t="s">
        <v>84105</v>
      </c>
      <c r="I23521" s="1" t="s">
        <v>83733</v>
      </c>
      <c r="J23521" s="1" t="s">
        <v>84195</v>
      </c>
    </row>
    <row r="23522" spans="1:10" x14ac:dyDescent="0.35">
      <c r="A23522" s="1" t="s">
        <v>44642</v>
      </c>
      <c r="B23522" s="1" t="s">
        <v>83727</v>
      </c>
      <c r="C23522" s="1" t="s">
        <v>130</v>
      </c>
      <c r="D23522" s="1" t="s">
        <v>84196</v>
      </c>
      <c r="E23522" s="1" t="s">
        <v>84197</v>
      </c>
      <c r="F23522" s="1" t="s">
        <v>84198</v>
      </c>
      <c r="G23522" s="1" t="s">
        <v>84104</v>
      </c>
      <c r="H23522" s="1" t="s">
        <v>84105</v>
      </c>
      <c r="I23522" s="1" t="s">
        <v>83733</v>
      </c>
      <c r="J23522" s="1" t="s">
        <v>84199</v>
      </c>
    </row>
    <row r="23523" spans="1:10" x14ac:dyDescent="0.35">
      <c r="A23523" s="1" t="s">
        <v>44642</v>
      </c>
      <c r="B23523" s="1" t="s">
        <v>83727</v>
      </c>
      <c r="C23523" s="1" t="s">
        <v>135</v>
      </c>
      <c r="D23523" s="1" t="s">
        <v>19690</v>
      </c>
      <c r="E23523" s="1" t="s">
        <v>84200</v>
      </c>
      <c r="F23523" s="1" t="s">
        <v>84201</v>
      </c>
      <c r="G23523" s="1" t="s">
        <v>84104</v>
      </c>
      <c r="H23523" s="1" t="s">
        <v>84105</v>
      </c>
      <c r="I23523" s="1" t="s">
        <v>83733</v>
      </c>
      <c r="J23523" s="1" t="s">
        <v>84202</v>
      </c>
    </row>
    <row r="23524" spans="1:10" x14ac:dyDescent="0.35">
      <c r="A23524" s="1" t="s">
        <v>44642</v>
      </c>
      <c r="B23524" s="1" t="s">
        <v>83727</v>
      </c>
      <c r="C23524" s="1" t="s">
        <v>140</v>
      </c>
      <c r="D23524" s="1" t="s">
        <v>84203</v>
      </c>
      <c r="E23524" s="1" t="s">
        <v>84204</v>
      </c>
      <c r="F23524" s="1" t="s">
        <v>84205</v>
      </c>
      <c r="G23524" s="1" t="s">
        <v>84104</v>
      </c>
      <c r="H23524" s="1" t="s">
        <v>84105</v>
      </c>
      <c r="I23524" s="1" t="s">
        <v>83733</v>
      </c>
      <c r="J23524" s="1" t="s">
        <v>84206</v>
      </c>
    </row>
    <row r="23525" spans="1:10" x14ac:dyDescent="0.35">
      <c r="A23525" s="1" t="s">
        <v>44642</v>
      </c>
      <c r="B23525" s="1" t="s">
        <v>83727</v>
      </c>
      <c r="C23525" s="1" t="s">
        <v>145</v>
      </c>
      <c r="D23525" s="1" t="s">
        <v>84207</v>
      </c>
      <c r="E23525" s="1" t="s">
        <v>84208</v>
      </c>
      <c r="F23525" s="1" t="s">
        <v>84209</v>
      </c>
      <c r="G23525" s="1" t="s">
        <v>84104</v>
      </c>
      <c r="H23525" s="1" t="s">
        <v>84105</v>
      </c>
      <c r="I23525" s="1" t="s">
        <v>83733</v>
      </c>
      <c r="J23525" s="1" t="s">
        <v>84210</v>
      </c>
    </row>
    <row r="23526" spans="1:10" x14ac:dyDescent="0.35">
      <c r="A23526" s="1" t="s">
        <v>44642</v>
      </c>
      <c r="B23526" s="1" t="s">
        <v>83727</v>
      </c>
      <c r="C23526" s="1" t="s">
        <v>150</v>
      </c>
      <c r="D23526" s="1" t="s">
        <v>84211</v>
      </c>
      <c r="E23526" s="1" t="s">
        <v>84212</v>
      </c>
      <c r="F23526" s="1" t="s">
        <v>84213</v>
      </c>
      <c r="G23526" s="1" t="s">
        <v>84104</v>
      </c>
      <c r="H23526" s="1" t="s">
        <v>84105</v>
      </c>
      <c r="I23526" s="1" t="s">
        <v>83733</v>
      </c>
      <c r="J23526" s="1" t="s">
        <v>84214</v>
      </c>
    </row>
    <row r="23527" spans="1:10" x14ac:dyDescent="0.35">
      <c r="A23527" s="1" t="s">
        <v>44642</v>
      </c>
      <c r="B23527" s="1" t="s">
        <v>83727</v>
      </c>
      <c r="C23527" s="1" t="s">
        <v>155</v>
      </c>
      <c r="D23527" s="1" t="s">
        <v>84215</v>
      </c>
      <c r="E23527" s="1" t="s">
        <v>84216</v>
      </c>
      <c r="F23527" s="1" t="s">
        <v>84217</v>
      </c>
      <c r="G23527" s="1" t="s">
        <v>84104</v>
      </c>
      <c r="H23527" s="1" t="s">
        <v>84105</v>
      </c>
      <c r="I23527" s="1" t="s">
        <v>83733</v>
      </c>
      <c r="J23527" s="1" t="s">
        <v>84218</v>
      </c>
    </row>
    <row r="23528" spans="1:10" x14ac:dyDescent="0.35">
      <c r="A23528" s="1" t="s">
        <v>44642</v>
      </c>
      <c r="B23528" s="1" t="s">
        <v>83727</v>
      </c>
      <c r="C23528" s="1" t="s">
        <v>160</v>
      </c>
      <c r="D23528" s="1" t="s">
        <v>84219</v>
      </c>
      <c r="E23528" s="1" t="s">
        <v>84220</v>
      </c>
      <c r="F23528" s="1" t="s">
        <v>84221</v>
      </c>
      <c r="G23528" s="1" t="s">
        <v>84104</v>
      </c>
      <c r="H23528" s="1" t="s">
        <v>84105</v>
      </c>
      <c r="I23528" s="1" t="s">
        <v>83733</v>
      </c>
      <c r="J23528" s="1" t="s">
        <v>84222</v>
      </c>
    </row>
    <row r="23529" spans="1:10" x14ac:dyDescent="0.35">
      <c r="A23529" s="1" t="s">
        <v>44642</v>
      </c>
      <c r="B23529" s="1" t="s">
        <v>83727</v>
      </c>
      <c r="C23529" s="1" t="s">
        <v>165</v>
      </c>
      <c r="D23529" s="1" t="s">
        <v>84223</v>
      </c>
      <c r="E23529" s="1" t="s">
        <v>84224</v>
      </c>
      <c r="F23529" s="1" t="s">
        <v>84225</v>
      </c>
      <c r="G23529" s="1" t="s">
        <v>84104</v>
      </c>
      <c r="H23529" s="1" t="s">
        <v>84105</v>
      </c>
      <c r="I23529" s="1" t="s">
        <v>83733</v>
      </c>
      <c r="J23529" s="1" t="s">
        <v>84226</v>
      </c>
    </row>
    <row r="23530" spans="1:10" x14ac:dyDescent="0.35">
      <c r="A23530" s="1" t="s">
        <v>44642</v>
      </c>
      <c r="B23530" s="1" t="s">
        <v>83727</v>
      </c>
      <c r="C23530" s="1" t="s">
        <v>170</v>
      </c>
      <c r="D23530" s="1" t="s">
        <v>84227</v>
      </c>
      <c r="E23530" s="1" t="s">
        <v>84228</v>
      </c>
      <c r="F23530" s="1" t="s">
        <v>84229</v>
      </c>
      <c r="G23530" s="1" t="s">
        <v>84104</v>
      </c>
      <c r="H23530" s="1" t="s">
        <v>84105</v>
      </c>
      <c r="I23530" s="1" t="s">
        <v>83733</v>
      </c>
      <c r="J23530" s="1" t="s">
        <v>84230</v>
      </c>
    </row>
    <row r="23531" spans="1:10" x14ac:dyDescent="0.35">
      <c r="A23531" s="1" t="s">
        <v>2259</v>
      </c>
      <c r="B23531" s="1" t="s">
        <v>83727</v>
      </c>
      <c r="C23531" s="1" t="s">
        <v>8</v>
      </c>
      <c r="D23531" s="1" t="s">
        <v>84231</v>
      </c>
      <c r="E23531" s="1" t="s">
        <v>84232</v>
      </c>
      <c r="F23531" s="1" t="s">
        <v>84233</v>
      </c>
      <c r="G23531" s="1" t="s">
        <v>84234</v>
      </c>
      <c r="H23531" s="1" t="s">
        <v>84235</v>
      </c>
      <c r="I23531" s="1" t="s">
        <v>83733</v>
      </c>
      <c r="J23531" s="1" t="s">
        <v>13</v>
      </c>
    </row>
    <row r="23532" spans="1:10" x14ac:dyDescent="0.35">
      <c r="A23532" s="1" t="s">
        <v>2259</v>
      </c>
      <c r="B23532" s="1" t="s">
        <v>83727</v>
      </c>
      <c r="C23532" s="1" t="s">
        <v>15</v>
      </c>
      <c r="D23532" s="1" t="s">
        <v>84236</v>
      </c>
      <c r="E23532" s="1" t="s">
        <v>84237</v>
      </c>
      <c r="F23532" s="1" t="s">
        <v>84238</v>
      </c>
      <c r="G23532" s="1" t="s">
        <v>84234</v>
      </c>
      <c r="H23532" s="1" t="s">
        <v>84235</v>
      </c>
      <c r="I23532" s="1" t="s">
        <v>83733</v>
      </c>
      <c r="J23532" s="1" t="s">
        <v>84239</v>
      </c>
    </row>
    <row r="23533" spans="1:10" x14ac:dyDescent="0.35">
      <c r="A23533" s="1" t="s">
        <v>2259</v>
      </c>
      <c r="B23533" s="1" t="s">
        <v>83727</v>
      </c>
      <c r="C23533" s="1" t="s">
        <v>20</v>
      </c>
      <c r="D23533" s="1" t="s">
        <v>84240</v>
      </c>
      <c r="E23533" s="1" t="s">
        <v>84241</v>
      </c>
      <c r="F23533" s="1" t="s">
        <v>84242</v>
      </c>
      <c r="G23533" s="1" t="s">
        <v>84234</v>
      </c>
      <c r="H23533" s="1" t="s">
        <v>84235</v>
      </c>
      <c r="I23533" s="1" t="s">
        <v>83733</v>
      </c>
      <c r="J23533" s="1" t="s">
        <v>84243</v>
      </c>
    </row>
    <row r="23534" spans="1:10" x14ac:dyDescent="0.35">
      <c r="A23534" s="1" t="s">
        <v>2259</v>
      </c>
      <c r="B23534" s="1" t="s">
        <v>83727</v>
      </c>
      <c r="C23534" s="1" t="s">
        <v>25</v>
      </c>
      <c r="D23534" s="1" t="s">
        <v>11648</v>
      </c>
      <c r="E23534" s="1" t="s">
        <v>84244</v>
      </c>
      <c r="F23534" s="1" t="s">
        <v>84245</v>
      </c>
      <c r="G23534" s="1" t="s">
        <v>84234</v>
      </c>
      <c r="H23534" s="1" t="s">
        <v>84235</v>
      </c>
      <c r="I23534" s="1" t="s">
        <v>83733</v>
      </c>
      <c r="J23534" s="1" t="s">
        <v>84246</v>
      </c>
    </row>
    <row r="23535" spans="1:10" x14ac:dyDescent="0.35">
      <c r="A23535" s="1" t="s">
        <v>2259</v>
      </c>
      <c r="B23535" s="1" t="s">
        <v>83727</v>
      </c>
      <c r="C23535" s="1" t="s">
        <v>30</v>
      </c>
      <c r="D23535" s="1" t="s">
        <v>43757</v>
      </c>
      <c r="E23535" s="1" t="s">
        <v>84247</v>
      </c>
      <c r="F23535" s="1" t="s">
        <v>84248</v>
      </c>
      <c r="G23535" s="1" t="s">
        <v>84234</v>
      </c>
      <c r="H23535" s="1" t="s">
        <v>84235</v>
      </c>
      <c r="I23535" s="1" t="s">
        <v>83733</v>
      </c>
      <c r="J23535" s="1" t="s">
        <v>84249</v>
      </c>
    </row>
    <row r="23536" spans="1:10" x14ac:dyDescent="0.35">
      <c r="A23536" s="1" t="s">
        <v>2259</v>
      </c>
      <c r="B23536" s="1" t="s">
        <v>83727</v>
      </c>
      <c r="C23536" s="1" t="s">
        <v>35</v>
      </c>
      <c r="D23536" s="1" t="s">
        <v>84250</v>
      </c>
      <c r="E23536" s="1" t="s">
        <v>84251</v>
      </c>
      <c r="F23536" s="1" t="s">
        <v>84252</v>
      </c>
      <c r="G23536" s="1" t="s">
        <v>84234</v>
      </c>
      <c r="H23536" s="1" t="s">
        <v>84235</v>
      </c>
      <c r="I23536" s="1" t="s">
        <v>83733</v>
      </c>
      <c r="J23536" s="1" t="s">
        <v>84253</v>
      </c>
    </row>
    <row r="23537" spans="1:10" x14ac:dyDescent="0.35">
      <c r="A23537" s="1" t="s">
        <v>2259</v>
      </c>
      <c r="B23537" s="1" t="s">
        <v>83727</v>
      </c>
      <c r="C23537" s="1" t="s">
        <v>40</v>
      </c>
      <c r="D23537" s="1" t="s">
        <v>84254</v>
      </c>
      <c r="E23537" s="1" t="s">
        <v>84255</v>
      </c>
      <c r="F23537" s="1" t="s">
        <v>84256</v>
      </c>
      <c r="G23537" s="1" t="s">
        <v>84234</v>
      </c>
      <c r="H23537" s="1" t="s">
        <v>84235</v>
      </c>
      <c r="I23537" s="1" t="s">
        <v>83733</v>
      </c>
      <c r="J23537" s="1" t="s">
        <v>84257</v>
      </c>
    </row>
    <row r="23538" spans="1:10" x14ac:dyDescent="0.35">
      <c r="A23538" s="1" t="s">
        <v>2259</v>
      </c>
      <c r="B23538" s="1" t="s">
        <v>83727</v>
      </c>
      <c r="C23538" s="1" t="s">
        <v>45</v>
      </c>
      <c r="D23538" s="1" t="s">
        <v>84258</v>
      </c>
      <c r="E23538" s="1" t="s">
        <v>84259</v>
      </c>
      <c r="F23538" s="1" t="s">
        <v>84260</v>
      </c>
      <c r="G23538" s="1" t="s">
        <v>84234</v>
      </c>
      <c r="H23538" s="1" t="s">
        <v>84235</v>
      </c>
      <c r="I23538" s="1" t="s">
        <v>83733</v>
      </c>
      <c r="J23538" s="1" t="s">
        <v>84261</v>
      </c>
    </row>
    <row r="23539" spans="1:10" x14ac:dyDescent="0.35">
      <c r="A23539" s="1" t="s">
        <v>2259</v>
      </c>
      <c r="B23539" s="1" t="s">
        <v>83727</v>
      </c>
      <c r="C23539" s="1" t="s">
        <v>50</v>
      </c>
      <c r="D23539" s="1" t="s">
        <v>14315</v>
      </c>
      <c r="E23539" s="1" t="s">
        <v>84262</v>
      </c>
      <c r="F23539" s="1" t="s">
        <v>84263</v>
      </c>
      <c r="G23539" s="1" t="s">
        <v>84234</v>
      </c>
      <c r="H23539" s="1" t="s">
        <v>84235</v>
      </c>
      <c r="I23539" s="1" t="s">
        <v>83733</v>
      </c>
      <c r="J23539" s="1" t="s">
        <v>84264</v>
      </c>
    </row>
    <row r="23540" spans="1:10" x14ac:dyDescent="0.35">
      <c r="A23540" s="1" t="s">
        <v>2259</v>
      </c>
      <c r="B23540" s="1" t="s">
        <v>83727</v>
      </c>
      <c r="C23540" s="1" t="s">
        <v>55</v>
      </c>
      <c r="D23540" s="1" t="s">
        <v>84265</v>
      </c>
      <c r="E23540" s="1" t="s">
        <v>84266</v>
      </c>
      <c r="F23540" s="1" t="s">
        <v>84267</v>
      </c>
      <c r="G23540" s="1" t="s">
        <v>84234</v>
      </c>
      <c r="H23540" s="1" t="s">
        <v>84235</v>
      </c>
      <c r="I23540" s="1" t="s">
        <v>83733</v>
      </c>
      <c r="J23540" s="1" t="s">
        <v>84268</v>
      </c>
    </row>
    <row r="23541" spans="1:10" x14ac:dyDescent="0.35">
      <c r="A23541" s="1" t="s">
        <v>2259</v>
      </c>
      <c r="B23541" s="1" t="s">
        <v>83727</v>
      </c>
      <c r="C23541" s="1" t="s">
        <v>60</v>
      </c>
      <c r="D23541" s="1" t="s">
        <v>84269</v>
      </c>
      <c r="E23541" s="1" t="s">
        <v>84270</v>
      </c>
      <c r="F23541" s="1" t="s">
        <v>84271</v>
      </c>
      <c r="G23541" s="1" t="s">
        <v>84234</v>
      </c>
      <c r="H23541" s="1" t="s">
        <v>84235</v>
      </c>
      <c r="I23541" s="1" t="s">
        <v>83733</v>
      </c>
      <c r="J23541" s="1" t="s">
        <v>84272</v>
      </c>
    </row>
    <row r="23542" spans="1:10" x14ac:dyDescent="0.35">
      <c r="A23542" s="1" t="s">
        <v>2259</v>
      </c>
      <c r="B23542" s="1" t="s">
        <v>83727</v>
      </c>
      <c r="C23542" s="1" t="s">
        <v>65</v>
      </c>
      <c r="D23542" s="1" t="s">
        <v>84273</v>
      </c>
      <c r="E23542" s="1" t="s">
        <v>84274</v>
      </c>
      <c r="F23542" s="1" t="s">
        <v>84275</v>
      </c>
      <c r="G23542" s="1" t="s">
        <v>84234</v>
      </c>
      <c r="H23542" s="1" t="s">
        <v>84235</v>
      </c>
      <c r="I23542" s="1" t="s">
        <v>83733</v>
      </c>
      <c r="J23542" s="1" t="s">
        <v>84276</v>
      </c>
    </row>
    <row r="23543" spans="1:10" x14ac:dyDescent="0.35">
      <c r="A23543" s="1" t="s">
        <v>2259</v>
      </c>
      <c r="B23543" s="1" t="s">
        <v>83727</v>
      </c>
      <c r="C23543" s="1" t="s">
        <v>70</v>
      </c>
      <c r="D23543" s="1" t="s">
        <v>84277</v>
      </c>
      <c r="E23543" s="1" t="s">
        <v>84278</v>
      </c>
      <c r="F23543" s="1" t="s">
        <v>84279</v>
      </c>
      <c r="G23543" s="1" t="s">
        <v>84234</v>
      </c>
      <c r="H23543" s="1" t="s">
        <v>84235</v>
      </c>
      <c r="I23543" s="1" t="s">
        <v>83733</v>
      </c>
      <c r="J23543" s="1" t="s">
        <v>84280</v>
      </c>
    </row>
    <row r="23544" spans="1:10" x14ac:dyDescent="0.35">
      <c r="A23544" s="1" t="s">
        <v>2259</v>
      </c>
      <c r="B23544" s="1" t="s">
        <v>83727</v>
      </c>
      <c r="C23544" s="1" t="s">
        <v>75</v>
      </c>
      <c r="D23544" s="1" t="s">
        <v>14673</v>
      </c>
      <c r="E23544" s="1" t="s">
        <v>84281</v>
      </c>
      <c r="F23544" s="1" t="s">
        <v>84282</v>
      </c>
      <c r="G23544" s="1" t="s">
        <v>84234</v>
      </c>
      <c r="H23544" s="1" t="s">
        <v>84235</v>
      </c>
      <c r="I23544" s="1" t="s">
        <v>83733</v>
      </c>
      <c r="J23544" s="1" t="s">
        <v>84283</v>
      </c>
    </row>
    <row r="23545" spans="1:10" x14ac:dyDescent="0.35">
      <c r="A23545" s="1" t="s">
        <v>2259</v>
      </c>
      <c r="B23545" s="1" t="s">
        <v>83727</v>
      </c>
      <c r="C23545" s="1" t="s">
        <v>80</v>
      </c>
      <c r="D23545" s="1" t="s">
        <v>84284</v>
      </c>
      <c r="E23545" s="1" t="s">
        <v>84285</v>
      </c>
      <c r="F23545" s="1" t="s">
        <v>84286</v>
      </c>
      <c r="G23545" s="1" t="s">
        <v>84234</v>
      </c>
      <c r="H23545" s="1" t="s">
        <v>84235</v>
      </c>
      <c r="I23545" s="1" t="s">
        <v>83733</v>
      </c>
      <c r="J23545" s="1" t="s">
        <v>84287</v>
      </c>
    </row>
    <row r="23546" spans="1:10" x14ac:dyDescent="0.35">
      <c r="A23546" s="1" t="s">
        <v>2259</v>
      </c>
      <c r="B23546" s="1" t="s">
        <v>83727</v>
      </c>
      <c r="C23546" s="1" t="s">
        <v>85</v>
      </c>
      <c r="D23546" s="1" t="s">
        <v>84288</v>
      </c>
      <c r="E23546" s="1" t="s">
        <v>84289</v>
      </c>
      <c r="F23546" s="1" t="s">
        <v>84290</v>
      </c>
      <c r="G23546" s="1" t="s">
        <v>84234</v>
      </c>
      <c r="H23546" s="1" t="s">
        <v>84235</v>
      </c>
      <c r="I23546" s="1" t="s">
        <v>83733</v>
      </c>
      <c r="J23546" s="1" t="s">
        <v>84291</v>
      </c>
    </row>
    <row r="23547" spans="1:10" x14ac:dyDescent="0.35">
      <c r="A23547" s="1" t="s">
        <v>2259</v>
      </c>
      <c r="B23547" s="1" t="s">
        <v>83727</v>
      </c>
      <c r="C23547" s="1" t="s">
        <v>90</v>
      </c>
      <c r="D23547" s="1" t="s">
        <v>84292</v>
      </c>
      <c r="E23547" s="1" t="s">
        <v>84293</v>
      </c>
      <c r="F23547" s="1" t="s">
        <v>84294</v>
      </c>
      <c r="G23547" s="1" t="s">
        <v>84234</v>
      </c>
      <c r="H23547" s="1" t="s">
        <v>84235</v>
      </c>
      <c r="I23547" s="1" t="s">
        <v>83733</v>
      </c>
      <c r="J23547" s="1" t="s">
        <v>84295</v>
      </c>
    </row>
    <row r="23548" spans="1:10" x14ac:dyDescent="0.35">
      <c r="A23548" s="1" t="s">
        <v>2259</v>
      </c>
      <c r="B23548" s="1" t="s">
        <v>83727</v>
      </c>
      <c r="C23548" s="1" t="s">
        <v>95</v>
      </c>
      <c r="D23548" s="1" t="s">
        <v>84296</v>
      </c>
      <c r="E23548" s="1" t="s">
        <v>84297</v>
      </c>
      <c r="F23548" s="1" t="s">
        <v>84298</v>
      </c>
      <c r="G23548" s="1" t="s">
        <v>84234</v>
      </c>
      <c r="H23548" s="1" t="s">
        <v>84235</v>
      </c>
      <c r="I23548" s="1" t="s">
        <v>83733</v>
      </c>
      <c r="J23548" s="1" t="s">
        <v>84299</v>
      </c>
    </row>
    <row r="23549" spans="1:10" x14ac:dyDescent="0.35">
      <c r="A23549" s="1" t="s">
        <v>2259</v>
      </c>
      <c r="B23549" s="1" t="s">
        <v>83727</v>
      </c>
      <c r="C23549" s="1" t="s">
        <v>100</v>
      </c>
      <c r="D23549" s="1" t="s">
        <v>84300</v>
      </c>
      <c r="E23549" s="1" t="s">
        <v>84301</v>
      </c>
      <c r="F23549" s="1" t="s">
        <v>84302</v>
      </c>
      <c r="G23549" s="1" t="s">
        <v>84234</v>
      </c>
      <c r="H23549" s="1" t="s">
        <v>84235</v>
      </c>
      <c r="I23549" s="1" t="s">
        <v>83733</v>
      </c>
      <c r="J23549" s="1" t="s">
        <v>84303</v>
      </c>
    </row>
    <row r="23550" spans="1:10" x14ac:dyDescent="0.35">
      <c r="A23550" s="1" t="s">
        <v>2259</v>
      </c>
      <c r="B23550" s="1" t="s">
        <v>83727</v>
      </c>
      <c r="C23550" s="1" t="s">
        <v>105</v>
      </c>
      <c r="D23550" s="1" t="s">
        <v>81185</v>
      </c>
      <c r="E23550" s="1" t="s">
        <v>84304</v>
      </c>
      <c r="F23550" s="1" t="s">
        <v>84305</v>
      </c>
      <c r="G23550" s="1" t="s">
        <v>84234</v>
      </c>
      <c r="H23550" s="1" t="s">
        <v>84235</v>
      </c>
      <c r="I23550" s="1" t="s">
        <v>83733</v>
      </c>
      <c r="J23550" s="1" t="s">
        <v>84306</v>
      </c>
    </row>
    <row r="23551" spans="1:10" x14ac:dyDescent="0.35">
      <c r="A23551" s="1" t="s">
        <v>2259</v>
      </c>
      <c r="B23551" s="1" t="s">
        <v>83727</v>
      </c>
      <c r="C23551" s="1" t="s">
        <v>110</v>
      </c>
      <c r="D23551" s="1" t="s">
        <v>65854</v>
      </c>
      <c r="E23551" s="1" t="s">
        <v>84307</v>
      </c>
      <c r="F23551" s="1" t="s">
        <v>84308</v>
      </c>
      <c r="G23551" s="1" t="s">
        <v>84234</v>
      </c>
      <c r="H23551" s="1" t="s">
        <v>84235</v>
      </c>
      <c r="I23551" s="1" t="s">
        <v>83733</v>
      </c>
      <c r="J23551" s="1" t="s">
        <v>84309</v>
      </c>
    </row>
    <row r="23552" spans="1:10" x14ac:dyDescent="0.35">
      <c r="A23552" s="1" t="s">
        <v>2259</v>
      </c>
      <c r="B23552" s="1" t="s">
        <v>83727</v>
      </c>
      <c r="C23552" s="1" t="s">
        <v>115</v>
      </c>
      <c r="D23552" s="1" t="s">
        <v>84310</v>
      </c>
      <c r="E23552" s="1" t="s">
        <v>84311</v>
      </c>
      <c r="F23552" s="1" t="s">
        <v>84312</v>
      </c>
      <c r="G23552" s="1" t="s">
        <v>84234</v>
      </c>
      <c r="H23552" s="1" t="s">
        <v>84235</v>
      </c>
      <c r="I23552" s="1" t="s">
        <v>83733</v>
      </c>
      <c r="J23552" s="1" t="s">
        <v>84313</v>
      </c>
    </row>
    <row r="23553" spans="1:10" x14ac:dyDescent="0.35">
      <c r="A23553" s="1" t="s">
        <v>2259</v>
      </c>
      <c r="B23553" s="1" t="s">
        <v>83727</v>
      </c>
      <c r="C23553" s="1" t="s">
        <v>120</v>
      </c>
      <c r="D23553" s="1" t="s">
        <v>84314</v>
      </c>
      <c r="E23553" s="1" t="s">
        <v>84315</v>
      </c>
      <c r="F23553" s="1" t="s">
        <v>84316</v>
      </c>
      <c r="G23553" s="1" t="s">
        <v>84234</v>
      </c>
      <c r="H23553" s="1" t="s">
        <v>84235</v>
      </c>
      <c r="I23553" s="1" t="s">
        <v>83733</v>
      </c>
      <c r="J23553" s="1" t="s">
        <v>84317</v>
      </c>
    </row>
    <row r="23554" spans="1:10" x14ac:dyDescent="0.35">
      <c r="A23554" s="1" t="s">
        <v>2259</v>
      </c>
      <c r="B23554" s="1" t="s">
        <v>83727</v>
      </c>
      <c r="C23554" s="1" t="s">
        <v>125</v>
      </c>
      <c r="D23554" s="1" t="s">
        <v>84318</v>
      </c>
      <c r="E23554" s="1" t="s">
        <v>84319</v>
      </c>
      <c r="F23554" s="1" t="s">
        <v>84320</v>
      </c>
      <c r="G23554" s="1" t="s">
        <v>84234</v>
      </c>
      <c r="H23554" s="1" t="s">
        <v>84235</v>
      </c>
      <c r="I23554" s="1" t="s">
        <v>83733</v>
      </c>
      <c r="J23554" s="1" t="s">
        <v>84321</v>
      </c>
    </row>
    <row r="23555" spans="1:10" x14ac:dyDescent="0.35">
      <c r="A23555" s="1" t="s">
        <v>2259</v>
      </c>
      <c r="B23555" s="1" t="s">
        <v>83727</v>
      </c>
      <c r="C23555" s="1" t="s">
        <v>130</v>
      </c>
      <c r="D23555" s="1" t="s">
        <v>57251</v>
      </c>
      <c r="E23555" s="1" t="s">
        <v>84322</v>
      </c>
      <c r="F23555" s="1" t="s">
        <v>84323</v>
      </c>
      <c r="G23555" s="1" t="s">
        <v>84234</v>
      </c>
      <c r="H23555" s="1" t="s">
        <v>84235</v>
      </c>
      <c r="I23555" s="1" t="s">
        <v>83733</v>
      </c>
      <c r="J23555" s="1" t="s">
        <v>84324</v>
      </c>
    </row>
    <row r="23556" spans="1:10" x14ac:dyDescent="0.35">
      <c r="A23556" s="1" t="s">
        <v>2259</v>
      </c>
      <c r="B23556" s="1" t="s">
        <v>83727</v>
      </c>
      <c r="C23556" s="1" t="s">
        <v>135</v>
      </c>
      <c r="D23556" s="1" t="s">
        <v>63703</v>
      </c>
      <c r="E23556" s="1" t="s">
        <v>84325</v>
      </c>
      <c r="F23556" s="1" t="s">
        <v>84326</v>
      </c>
      <c r="G23556" s="1" t="s">
        <v>84234</v>
      </c>
      <c r="H23556" s="1" t="s">
        <v>84235</v>
      </c>
      <c r="I23556" s="1" t="s">
        <v>83733</v>
      </c>
      <c r="J23556" s="1" t="s">
        <v>84327</v>
      </c>
    </row>
    <row r="23557" spans="1:10" x14ac:dyDescent="0.35">
      <c r="A23557" s="1" t="s">
        <v>2259</v>
      </c>
      <c r="B23557" s="1" t="s">
        <v>83727</v>
      </c>
      <c r="C23557" s="1" t="s">
        <v>140</v>
      </c>
      <c r="D23557" s="1" t="s">
        <v>84328</v>
      </c>
      <c r="E23557" s="1" t="s">
        <v>84329</v>
      </c>
      <c r="F23557" s="1" t="s">
        <v>84330</v>
      </c>
      <c r="G23557" s="1" t="s">
        <v>84234</v>
      </c>
      <c r="H23557" s="1" t="s">
        <v>84235</v>
      </c>
      <c r="I23557" s="1" t="s">
        <v>83733</v>
      </c>
      <c r="J23557" s="1" t="s">
        <v>84331</v>
      </c>
    </row>
    <row r="23558" spans="1:10" x14ac:dyDescent="0.35">
      <c r="A23558" s="1" t="s">
        <v>2259</v>
      </c>
      <c r="B23558" s="1" t="s">
        <v>83727</v>
      </c>
      <c r="C23558" s="1" t="s">
        <v>145</v>
      </c>
      <c r="D23558" s="1" t="s">
        <v>84332</v>
      </c>
      <c r="E23558" s="1" t="s">
        <v>84333</v>
      </c>
      <c r="F23558" s="1" t="s">
        <v>84334</v>
      </c>
      <c r="G23558" s="1" t="s">
        <v>84234</v>
      </c>
      <c r="H23558" s="1" t="s">
        <v>84235</v>
      </c>
      <c r="I23558" s="1" t="s">
        <v>83733</v>
      </c>
      <c r="J23558" s="1" t="s">
        <v>84335</v>
      </c>
    </row>
    <row r="23559" spans="1:10" x14ac:dyDescent="0.35">
      <c r="A23559" s="1" t="s">
        <v>2259</v>
      </c>
      <c r="B23559" s="1" t="s">
        <v>83727</v>
      </c>
      <c r="C23559" s="1" t="s">
        <v>150</v>
      </c>
      <c r="D23559" s="1" t="s">
        <v>84336</v>
      </c>
      <c r="E23559" s="1" t="s">
        <v>84337</v>
      </c>
      <c r="F23559" s="1" t="s">
        <v>84338</v>
      </c>
      <c r="G23559" s="1" t="s">
        <v>84234</v>
      </c>
      <c r="H23559" s="1" t="s">
        <v>84235</v>
      </c>
      <c r="I23559" s="1" t="s">
        <v>83733</v>
      </c>
      <c r="J23559" s="1" t="s">
        <v>84339</v>
      </c>
    </row>
    <row r="23560" spans="1:10" x14ac:dyDescent="0.35">
      <c r="A23560" s="1" t="s">
        <v>2259</v>
      </c>
      <c r="B23560" s="1" t="s">
        <v>83727</v>
      </c>
      <c r="C23560" s="1" t="s">
        <v>155</v>
      </c>
      <c r="D23560" s="1" t="s">
        <v>84340</v>
      </c>
      <c r="E23560" s="1" t="s">
        <v>84341</v>
      </c>
      <c r="F23560" s="1" t="s">
        <v>84342</v>
      </c>
      <c r="G23560" s="1" t="s">
        <v>84234</v>
      </c>
      <c r="H23560" s="1" t="s">
        <v>84235</v>
      </c>
      <c r="I23560" s="1" t="s">
        <v>83733</v>
      </c>
      <c r="J23560" s="1" t="s">
        <v>84343</v>
      </c>
    </row>
    <row r="23561" spans="1:10" x14ac:dyDescent="0.35">
      <c r="A23561" s="1" t="s">
        <v>2259</v>
      </c>
      <c r="B23561" s="1" t="s">
        <v>83727</v>
      </c>
      <c r="C23561" s="1" t="s">
        <v>160</v>
      </c>
      <c r="D23561" s="1" t="s">
        <v>84344</v>
      </c>
      <c r="E23561" s="1" t="s">
        <v>84345</v>
      </c>
      <c r="F23561" s="1" t="s">
        <v>84346</v>
      </c>
      <c r="G23561" s="1" t="s">
        <v>84234</v>
      </c>
      <c r="H23561" s="1" t="s">
        <v>84235</v>
      </c>
      <c r="I23561" s="1" t="s">
        <v>83733</v>
      </c>
      <c r="J23561" s="1" t="s">
        <v>84347</v>
      </c>
    </row>
    <row r="23562" spans="1:10" x14ac:dyDescent="0.35">
      <c r="A23562" s="1" t="s">
        <v>2259</v>
      </c>
      <c r="B23562" s="1" t="s">
        <v>83727</v>
      </c>
      <c r="C23562" s="1" t="s">
        <v>165</v>
      </c>
      <c r="D23562" s="1" t="s">
        <v>84348</v>
      </c>
      <c r="E23562" s="1" t="s">
        <v>84349</v>
      </c>
      <c r="F23562" s="1" t="s">
        <v>84350</v>
      </c>
      <c r="G23562" s="1" t="s">
        <v>84234</v>
      </c>
      <c r="H23562" s="1" t="s">
        <v>84235</v>
      </c>
      <c r="I23562" s="1" t="s">
        <v>83733</v>
      </c>
      <c r="J23562" s="1" t="s">
        <v>84351</v>
      </c>
    </row>
    <row r="23563" spans="1:10" x14ac:dyDescent="0.35">
      <c r="A23563" s="1" t="s">
        <v>2259</v>
      </c>
      <c r="B23563" s="1" t="s">
        <v>83727</v>
      </c>
      <c r="C23563" s="1" t="s">
        <v>170</v>
      </c>
      <c r="D23563" s="1" t="s">
        <v>84352</v>
      </c>
      <c r="E23563" s="1" t="s">
        <v>84353</v>
      </c>
      <c r="F23563" s="1" t="s">
        <v>84354</v>
      </c>
      <c r="G23563" s="1" t="s">
        <v>84234</v>
      </c>
      <c r="H23563" s="1" t="s">
        <v>84235</v>
      </c>
      <c r="I23563" s="1" t="s">
        <v>83733</v>
      </c>
      <c r="J23563" s="1" t="s">
        <v>84355</v>
      </c>
    </row>
    <row r="23564" spans="1:10" x14ac:dyDescent="0.35">
      <c r="A23564" s="1" t="s">
        <v>7308</v>
      </c>
      <c r="B23564" s="1" t="s">
        <v>83727</v>
      </c>
      <c r="C23564" s="1" t="s">
        <v>8</v>
      </c>
      <c r="D23564" s="1" t="s">
        <v>39772</v>
      </c>
      <c r="E23564" s="1" t="s">
        <v>84356</v>
      </c>
      <c r="F23564" s="1" t="s">
        <v>84357</v>
      </c>
      <c r="G23564" s="1" t="s">
        <v>84358</v>
      </c>
      <c r="H23564" s="1" t="s">
        <v>84359</v>
      </c>
      <c r="I23564" s="1" t="s">
        <v>83733</v>
      </c>
      <c r="J23564" s="1" t="s">
        <v>13</v>
      </c>
    </row>
    <row r="23565" spans="1:10" x14ac:dyDescent="0.35">
      <c r="A23565" s="1" t="s">
        <v>7308</v>
      </c>
      <c r="B23565" s="1" t="s">
        <v>83727</v>
      </c>
      <c r="C23565" s="1" t="s">
        <v>15</v>
      </c>
      <c r="D23565" s="1" t="s">
        <v>84360</v>
      </c>
      <c r="E23565" s="1" t="s">
        <v>84361</v>
      </c>
      <c r="F23565" s="1" t="s">
        <v>84362</v>
      </c>
      <c r="G23565" s="1" t="s">
        <v>84358</v>
      </c>
      <c r="H23565" s="1" t="s">
        <v>84359</v>
      </c>
      <c r="I23565" s="1" t="s">
        <v>83733</v>
      </c>
      <c r="J23565" s="1" t="s">
        <v>84363</v>
      </c>
    </row>
    <row r="23566" spans="1:10" x14ac:dyDescent="0.35">
      <c r="A23566" s="1" t="s">
        <v>7308</v>
      </c>
      <c r="B23566" s="1" t="s">
        <v>83727</v>
      </c>
      <c r="C23566" s="1" t="s">
        <v>20</v>
      </c>
      <c r="D23566" s="1" t="s">
        <v>84364</v>
      </c>
      <c r="E23566" s="1" t="s">
        <v>84365</v>
      </c>
      <c r="F23566" s="1" t="s">
        <v>84366</v>
      </c>
      <c r="G23566" s="1" t="s">
        <v>84358</v>
      </c>
      <c r="H23566" s="1" t="s">
        <v>84359</v>
      </c>
      <c r="I23566" s="1" t="s">
        <v>83733</v>
      </c>
      <c r="J23566" s="1" t="s">
        <v>84367</v>
      </c>
    </row>
    <row r="23567" spans="1:10" x14ac:dyDescent="0.35">
      <c r="A23567" s="1" t="s">
        <v>7308</v>
      </c>
      <c r="B23567" s="1" t="s">
        <v>83727</v>
      </c>
      <c r="C23567" s="1" t="s">
        <v>25</v>
      </c>
      <c r="D23567" s="1" t="s">
        <v>53830</v>
      </c>
      <c r="E23567" s="1" t="s">
        <v>84368</v>
      </c>
      <c r="F23567" s="1" t="s">
        <v>84369</v>
      </c>
      <c r="G23567" s="1" t="s">
        <v>84358</v>
      </c>
      <c r="H23567" s="1" t="s">
        <v>84359</v>
      </c>
      <c r="I23567" s="1" t="s">
        <v>83733</v>
      </c>
      <c r="J23567" s="1" t="s">
        <v>84370</v>
      </c>
    </row>
    <row r="23568" spans="1:10" x14ac:dyDescent="0.35">
      <c r="A23568" s="1" t="s">
        <v>7308</v>
      </c>
      <c r="B23568" s="1" t="s">
        <v>83727</v>
      </c>
      <c r="C23568" s="1" t="s">
        <v>30</v>
      </c>
      <c r="D23568" s="1" t="s">
        <v>84371</v>
      </c>
      <c r="E23568" s="1" t="s">
        <v>84372</v>
      </c>
      <c r="F23568" s="1" t="s">
        <v>84373</v>
      </c>
      <c r="G23568" s="1" t="s">
        <v>84358</v>
      </c>
      <c r="H23568" s="1" t="s">
        <v>84359</v>
      </c>
      <c r="I23568" s="1" t="s">
        <v>83733</v>
      </c>
      <c r="J23568" s="1" t="s">
        <v>84374</v>
      </c>
    </row>
    <row r="23569" spans="1:10" x14ac:dyDescent="0.35">
      <c r="A23569" s="1" t="s">
        <v>7308</v>
      </c>
      <c r="B23569" s="1" t="s">
        <v>83727</v>
      </c>
      <c r="C23569" s="1" t="s">
        <v>35</v>
      </c>
      <c r="D23569" s="1" t="s">
        <v>84375</v>
      </c>
      <c r="E23569" s="1" t="s">
        <v>84376</v>
      </c>
      <c r="F23569" s="1" t="s">
        <v>84377</v>
      </c>
      <c r="G23569" s="1" t="s">
        <v>84358</v>
      </c>
      <c r="H23569" s="1" t="s">
        <v>84359</v>
      </c>
      <c r="I23569" s="1" t="s">
        <v>83733</v>
      </c>
      <c r="J23569" s="1" t="s">
        <v>84378</v>
      </c>
    </row>
    <row r="23570" spans="1:10" x14ac:dyDescent="0.35">
      <c r="A23570" s="1" t="s">
        <v>7308</v>
      </c>
      <c r="B23570" s="1" t="s">
        <v>83727</v>
      </c>
      <c r="C23570" s="1" t="s">
        <v>40</v>
      </c>
      <c r="D23570" s="1" t="s">
        <v>84379</v>
      </c>
      <c r="E23570" s="1" t="s">
        <v>84380</v>
      </c>
      <c r="F23570" s="1" t="s">
        <v>84381</v>
      </c>
      <c r="G23570" s="1" t="s">
        <v>84358</v>
      </c>
      <c r="H23570" s="1" t="s">
        <v>84359</v>
      </c>
      <c r="I23570" s="1" t="s">
        <v>83733</v>
      </c>
      <c r="J23570" s="1" t="s">
        <v>84382</v>
      </c>
    </row>
    <row r="23571" spans="1:10" x14ac:dyDescent="0.35">
      <c r="A23571" s="1" t="s">
        <v>7308</v>
      </c>
      <c r="B23571" s="1" t="s">
        <v>83727</v>
      </c>
      <c r="C23571" s="1" t="s">
        <v>45</v>
      </c>
      <c r="D23571" s="1" t="s">
        <v>79871</v>
      </c>
      <c r="E23571" s="1" t="s">
        <v>84383</v>
      </c>
      <c r="F23571" s="1" t="s">
        <v>84384</v>
      </c>
      <c r="G23571" s="1" t="s">
        <v>84358</v>
      </c>
      <c r="H23571" s="1" t="s">
        <v>84359</v>
      </c>
      <c r="I23571" s="1" t="s">
        <v>83733</v>
      </c>
      <c r="J23571" s="1" t="s">
        <v>84385</v>
      </c>
    </row>
    <row r="23572" spans="1:10" x14ac:dyDescent="0.35">
      <c r="A23572" s="1" t="s">
        <v>7308</v>
      </c>
      <c r="B23572" s="1" t="s">
        <v>83727</v>
      </c>
      <c r="C23572" s="1" t="s">
        <v>50</v>
      </c>
      <c r="D23572" s="1" t="s">
        <v>84386</v>
      </c>
      <c r="E23572" s="1" t="s">
        <v>84387</v>
      </c>
      <c r="F23572" s="1" t="s">
        <v>84388</v>
      </c>
      <c r="G23572" s="1" t="s">
        <v>84358</v>
      </c>
      <c r="H23572" s="1" t="s">
        <v>84359</v>
      </c>
      <c r="I23572" s="1" t="s">
        <v>83733</v>
      </c>
      <c r="J23572" s="1" t="s">
        <v>84389</v>
      </c>
    </row>
    <row r="23573" spans="1:10" x14ac:dyDescent="0.35">
      <c r="A23573" s="1" t="s">
        <v>7308</v>
      </c>
      <c r="B23573" s="1" t="s">
        <v>83727</v>
      </c>
      <c r="C23573" s="1" t="s">
        <v>55</v>
      </c>
      <c r="D23573" s="1" t="s">
        <v>24029</v>
      </c>
      <c r="E23573" s="1" t="s">
        <v>84390</v>
      </c>
      <c r="F23573" s="1" t="s">
        <v>84391</v>
      </c>
      <c r="G23573" s="1" t="s">
        <v>84358</v>
      </c>
      <c r="H23573" s="1" t="s">
        <v>84359</v>
      </c>
      <c r="I23573" s="1" t="s">
        <v>83733</v>
      </c>
      <c r="J23573" s="1" t="s">
        <v>84392</v>
      </c>
    </row>
    <row r="23574" spans="1:10" x14ac:dyDescent="0.35">
      <c r="A23574" s="1" t="s">
        <v>7308</v>
      </c>
      <c r="B23574" s="1" t="s">
        <v>83727</v>
      </c>
      <c r="C23574" s="1" t="s">
        <v>60</v>
      </c>
      <c r="D23574" s="1" t="s">
        <v>84393</v>
      </c>
      <c r="E23574" s="1" t="s">
        <v>84394</v>
      </c>
      <c r="F23574" s="1" t="s">
        <v>84395</v>
      </c>
      <c r="G23574" s="1" t="s">
        <v>84358</v>
      </c>
      <c r="H23574" s="1" t="s">
        <v>84359</v>
      </c>
      <c r="I23574" s="1" t="s">
        <v>83733</v>
      </c>
      <c r="J23574" s="1" t="s">
        <v>84396</v>
      </c>
    </row>
    <row r="23575" spans="1:10" x14ac:dyDescent="0.35">
      <c r="A23575" s="1" t="s">
        <v>7308</v>
      </c>
      <c r="B23575" s="1" t="s">
        <v>83727</v>
      </c>
      <c r="C23575" s="1" t="s">
        <v>65</v>
      </c>
      <c r="D23575" s="1" t="s">
        <v>58656</v>
      </c>
      <c r="E23575" s="1" t="s">
        <v>84397</v>
      </c>
      <c r="F23575" s="1" t="s">
        <v>84398</v>
      </c>
      <c r="G23575" s="1" t="s">
        <v>84358</v>
      </c>
      <c r="H23575" s="1" t="s">
        <v>84359</v>
      </c>
      <c r="I23575" s="1" t="s">
        <v>83733</v>
      </c>
      <c r="J23575" s="1" t="s">
        <v>84399</v>
      </c>
    </row>
    <row r="23576" spans="1:10" x14ac:dyDescent="0.35">
      <c r="A23576" s="1" t="s">
        <v>7308</v>
      </c>
      <c r="B23576" s="1" t="s">
        <v>83727</v>
      </c>
      <c r="C23576" s="1" t="s">
        <v>70</v>
      </c>
      <c r="D23576" s="1" t="s">
        <v>84400</v>
      </c>
      <c r="E23576" s="1" t="s">
        <v>84401</v>
      </c>
      <c r="F23576" s="1" t="s">
        <v>84402</v>
      </c>
      <c r="G23576" s="1" t="s">
        <v>84358</v>
      </c>
      <c r="H23576" s="1" t="s">
        <v>84359</v>
      </c>
      <c r="I23576" s="1" t="s">
        <v>83733</v>
      </c>
      <c r="J23576" s="1" t="s">
        <v>84403</v>
      </c>
    </row>
    <row r="23577" spans="1:10" x14ac:dyDescent="0.35">
      <c r="A23577" s="1" t="s">
        <v>7308</v>
      </c>
      <c r="B23577" s="1" t="s">
        <v>83727</v>
      </c>
      <c r="C23577" s="1" t="s">
        <v>75</v>
      </c>
      <c r="D23577" s="1" t="s">
        <v>84404</v>
      </c>
      <c r="E23577" s="1" t="s">
        <v>84405</v>
      </c>
      <c r="F23577" s="1" t="s">
        <v>84406</v>
      </c>
      <c r="G23577" s="1" t="s">
        <v>84358</v>
      </c>
      <c r="H23577" s="1" t="s">
        <v>84359</v>
      </c>
      <c r="I23577" s="1" t="s">
        <v>83733</v>
      </c>
      <c r="J23577" s="1" t="s">
        <v>84407</v>
      </c>
    </row>
    <row r="23578" spans="1:10" x14ac:dyDescent="0.35">
      <c r="A23578" s="1" t="s">
        <v>7308</v>
      </c>
      <c r="B23578" s="1" t="s">
        <v>83727</v>
      </c>
      <c r="C23578" s="1" t="s">
        <v>80</v>
      </c>
      <c r="D23578" s="1" t="s">
        <v>84408</v>
      </c>
      <c r="E23578" s="1" t="s">
        <v>84409</v>
      </c>
      <c r="F23578" s="1" t="s">
        <v>84410</v>
      </c>
      <c r="G23578" s="1" t="s">
        <v>84358</v>
      </c>
      <c r="H23578" s="1" t="s">
        <v>84359</v>
      </c>
      <c r="I23578" s="1" t="s">
        <v>83733</v>
      </c>
      <c r="J23578" s="1" t="s">
        <v>84411</v>
      </c>
    </row>
    <row r="23579" spans="1:10" x14ac:dyDescent="0.35">
      <c r="A23579" s="1" t="s">
        <v>7308</v>
      </c>
      <c r="B23579" s="1" t="s">
        <v>83727</v>
      </c>
      <c r="C23579" s="1" t="s">
        <v>85</v>
      </c>
      <c r="D23579" s="1" t="s">
        <v>84412</v>
      </c>
      <c r="E23579" s="1" t="s">
        <v>84413</v>
      </c>
      <c r="F23579" s="1" t="s">
        <v>84414</v>
      </c>
      <c r="G23579" s="1" t="s">
        <v>84358</v>
      </c>
      <c r="H23579" s="1" t="s">
        <v>84359</v>
      </c>
      <c r="I23579" s="1" t="s">
        <v>83733</v>
      </c>
      <c r="J23579" s="1" t="s">
        <v>84415</v>
      </c>
    </row>
    <row r="23580" spans="1:10" x14ac:dyDescent="0.35">
      <c r="A23580" s="1" t="s">
        <v>7308</v>
      </c>
      <c r="B23580" s="1" t="s">
        <v>83727</v>
      </c>
      <c r="C23580" s="1" t="s">
        <v>90</v>
      </c>
      <c r="D23580" s="1" t="s">
        <v>84416</v>
      </c>
      <c r="E23580" s="1" t="s">
        <v>84417</v>
      </c>
      <c r="F23580" s="1" t="s">
        <v>84418</v>
      </c>
      <c r="G23580" s="1" t="s">
        <v>84358</v>
      </c>
      <c r="H23580" s="1" t="s">
        <v>84359</v>
      </c>
      <c r="I23580" s="1" t="s">
        <v>83733</v>
      </c>
      <c r="J23580" s="1" t="s">
        <v>84419</v>
      </c>
    </row>
    <row r="23581" spans="1:10" x14ac:dyDescent="0.35">
      <c r="A23581" s="1" t="s">
        <v>7308</v>
      </c>
      <c r="B23581" s="1" t="s">
        <v>83727</v>
      </c>
      <c r="C23581" s="1" t="s">
        <v>95</v>
      </c>
      <c r="D23581" s="1" t="s">
        <v>84420</v>
      </c>
      <c r="E23581" s="1" t="s">
        <v>84421</v>
      </c>
      <c r="F23581" s="1" t="s">
        <v>84422</v>
      </c>
      <c r="G23581" s="1" t="s">
        <v>84358</v>
      </c>
      <c r="H23581" s="1" t="s">
        <v>84359</v>
      </c>
      <c r="I23581" s="1" t="s">
        <v>83733</v>
      </c>
      <c r="J23581" s="1" t="s">
        <v>84423</v>
      </c>
    </row>
    <row r="23582" spans="1:10" x14ac:dyDescent="0.35">
      <c r="A23582" s="1" t="s">
        <v>7308</v>
      </c>
      <c r="B23582" s="1" t="s">
        <v>83727</v>
      </c>
      <c r="C23582" s="1" t="s">
        <v>100</v>
      </c>
      <c r="D23582" s="1" t="s">
        <v>84424</v>
      </c>
      <c r="E23582" s="1" t="s">
        <v>84425</v>
      </c>
      <c r="F23582" s="1" t="s">
        <v>84426</v>
      </c>
      <c r="G23582" s="1" t="s">
        <v>84358</v>
      </c>
      <c r="H23582" s="1" t="s">
        <v>84359</v>
      </c>
      <c r="I23582" s="1" t="s">
        <v>83733</v>
      </c>
      <c r="J23582" s="1" t="s">
        <v>84427</v>
      </c>
    </row>
    <row r="23583" spans="1:10" x14ac:dyDescent="0.35">
      <c r="A23583" s="1" t="s">
        <v>7308</v>
      </c>
      <c r="B23583" s="1" t="s">
        <v>83727</v>
      </c>
      <c r="C23583" s="1" t="s">
        <v>105</v>
      </c>
      <c r="D23583" s="1" t="s">
        <v>84428</v>
      </c>
      <c r="E23583" s="1" t="s">
        <v>84429</v>
      </c>
      <c r="F23583" s="1" t="s">
        <v>84430</v>
      </c>
      <c r="G23583" s="1" t="s">
        <v>84358</v>
      </c>
      <c r="H23583" s="1" t="s">
        <v>84359</v>
      </c>
      <c r="I23583" s="1" t="s">
        <v>83733</v>
      </c>
      <c r="J23583" s="1" t="s">
        <v>84431</v>
      </c>
    </row>
    <row r="23584" spans="1:10" x14ac:dyDescent="0.35">
      <c r="A23584" s="1" t="s">
        <v>7308</v>
      </c>
      <c r="B23584" s="1" t="s">
        <v>83727</v>
      </c>
      <c r="C23584" s="1" t="s">
        <v>110</v>
      </c>
      <c r="D23584" s="1" t="s">
        <v>76352</v>
      </c>
      <c r="E23584" s="1" t="s">
        <v>84432</v>
      </c>
      <c r="F23584" s="1" t="s">
        <v>84433</v>
      </c>
      <c r="G23584" s="1" t="s">
        <v>84358</v>
      </c>
      <c r="H23584" s="1" t="s">
        <v>84359</v>
      </c>
      <c r="I23584" s="1" t="s">
        <v>83733</v>
      </c>
      <c r="J23584" s="1" t="s">
        <v>84434</v>
      </c>
    </row>
    <row r="23585" spans="1:10" x14ac:dyDescent="0.35">
      <c r="A23585" s="1" t="s">
        <v>7308</v>
      </c>
      <c r="B23585" s="1" t="s">
        <v>83727</v>
      </c>
      <c r="C23585" s="1" t="s">
        <v>115</v>
      </c>
      <c r="D23585" s="1" t="s">
        <v>84435</v>
      </c>
      <c r="E23585" s="1" t="s">
        <v>84436</v>
      </c>
      <c r="F23585" s="1" t="s">
        <v>84437</v>
      </c>
      <c r="G23585" s="1" t="s">
        <v>84358</v>
      </c>
      <c r="H23585" s="1" t="s">
        <v>84359</v>
      </c>
      <c r="I23585" s="1" t="s">
        <v>83733</v>
      </c>
      <c r="J23585" s="1" t="s">
        <v>84438</v>
      </c>
    </row>
    <row r="23586" spans="1:10" x14ac:dyDescent="0.35">
      <c r="A23586" s="1" t="s">
        <v>7308</v>
      </c>
      <c r="B23586" s="1" t="s">
        <v>83727</v>
      </c>
      <c r="C23586" s="1" t="s">
        <v>120</v>
      </c>
      <c r="D23586" s="1" t="s">
        <v>58885</v>
      </c>
      <c r="E23586" s="1" t="s">
        <v>84439</v>
      </c>
      <c r="F23586" s="1" t="s">
        <v>84440</v>
      </c>
      <c r="G23586" s="1" t="s">
        <v>84358</v>
      </c>
      <c r="H23586" s="1" t="s">
        <v>84359</v>
      </c>
      <c r="I23586" s="1" t="s">
        <v>83733</v>
      </c>
      <c r="J23586" s="1" t="s">
        <v>84441</v>
      </c>
    </row>
    <row r="23587" spans="1:10" x14ac:dyDescent="0.35">
      <c r="A23587" s="1" t="s">
        <v>7308</v>
      </c>
      <c r="B23587" s="1" t="s">
        <v>83727</v>
      </c>
      <c r="C23587" s="1" t="s">
        <v>125</v>
      </c>
      <c r="D23587" s="1" t="s">
        <v>84442</v>
      </c>
      <c r="E23587" s="1" t="s">
        <v>84443</v>
      </c>
      <c r="F23587" s="1" t="s">
        <v>84444</v>
      </c>
      <c r="G23587" s="1" t="s">
        <v>84358</v>
      </c>
      <c r="H23587" s="1" t="s">
        <v>84359</v>
      </c>
      <c r="I23587" s="1" t="s">
        <v>83733</v>
      </c>
      <c r="J23587" s="1" t="s">
        <v>84445</v>
      </c>
    </row>
    <row r="23588" spans="1:10" x14ac:dyDescent="0.35">
      <c r="A23588" s="1" t="s">
        <v>7308</v>
      </c>
      <c r="B23588" s="1" t="s">
        <v>83727</v>
      </c>
      <c r="C23588" s="1" t="s">
        <v>130</v>
      </c>
      <c r="D23588" s="1" t="s">
        <v>84446</v>
      </c>
      <c r="E23588" s="1" t="s">
        <v>84447</v>
      </c>
      <c r="F23588" s="1" t="s">
        <v>84448</v>
      </c>
      <c r="G23588" s="1" t="s">
        <v>84358</v>
      </c>
      <c r="H23588" s="1" t="s">
        <v>84359</v>
      </c>
      <c r="I23588" s="1" t="s">
        <v>83733</v>
      </c>
      <c r="J23588" s="1" t="s">
        <v>84449</v>
      </c>
    </row>
    <row r="23589" spans="1:10" x14ac:dyDescent="0.35">
      <c r="A23589" s="1" t="s">
        <v>7308</v>
      </c>
      <c r="B23589" s="1" t="s">
        <v>83727</v>
      </c>
      <c r="C23589" s="1" t="s">
        <v>135</v>
      </c>
      <c r="D23589" s="1" t="s">
        <v>84450</v>
      </c>
      <c r="E23589" s="1" t="s">
        <v>84451</v>
      </c>
      <c r="F23589" s="1" t="s">
        <v>84452</v>
      </c>
      <c r="G23589" s="1" t="s">
        <v>84358</v>
      </c>
      <c r="H23589" s="1" t="s">
        <v>84359</v>
      </c>
      <c r="I23589" s="1" t="s">
        <v>83733</v>
      </c>
      <c r="J23589" s="1" t="s">
        <v>84453</v>
      </c>
    </row>
    <row r="23590" spans="1:10" x14ac:dyDescent="0.35">
      <c r="A23590" s="1" t="s">
        <v>7308</v>
      </c>
      <c r="B23590" s="1" t="s">
        <v>83727</v>
      </c>
      <c r="C23590" s="1" t="s">
        <v>140</v>
      </c>
      <c r="D23590" s="1" t="s">
        <v>81680</v>
      </c>
      <c r="E23590" s="1" t="s">
        <v>84454</v>
      </c>
      <c r="F23590" s="1" t="s">
        <v>84455</v>
      </c>
      <c r="G23590" s="1" t="s">
        <v>84358</v>
      </c>
      <c r="H23590" s="1" t="s">
        <v>84359</v>
      </c>
      <c r="I23590" s="1" t="s">
        <v>83733</v>
      </c>
      <c r="J23590" s="1" t="s">
        <v>84456</v>
      </c>
    </row>
    <row r="23591" spans="1:10" x14ac:dyDescent="0.35">
      <c r="A23591" s="1" t="s">
        <v>7308</v>
      </c>
      <c r="B23591" s="1" t="s">
        <v>83727</v>
      </c>
      <c r="C23591" s="1" t="s">
        <v>145</v>
      </c>
      <c r="D23591" s="1" t="s">
        <v>84457</v>
      </c>
      <c r="E23591" s="1" t="s">
        <v>84458</v>
      </c>
      <c r="F23591" s="1" t="s">
        <v>84459</v>
      </c>
      <c r="G23591" s="1" t="s">
        <v>84358</v>
      </c>
      <c r="H23591" s="1" t="s">
        <v>84359</v>
      </c>
      <c r="I23591" s="1" t="s">
        <v>83733</v>
      </c>
      <c r="J23591" s="1" t="s">
        <v>84460</v>
      </c>
    </row>
    <row r="23592" spans="1:10" x14ac:dyDescent="0.35">
      <c r="A23592" s="1" t="s">
        <v>7308</v>
      </c>
      <c r="B23592" s="1" t="s">
        <v>83727</v>
      </c>
      <c r="C23592" s="1" t="s">
        <v>150</v>
      </c>
      <c r="D23592" s="1" t="s">
        <v>79294</v>
      </c>
      <c r="E23592" s="1" t="s">
        <v>84461</v>
      </c>
      <c r="F23592" s="1" t="s">
        <v>84462</v>
      </c>
      <c r="G23592" s="1" t="s">
        <v>84358</v>
      </c>
      <c r="H23592" s="1" t="s">
        <v>84359</v>
      </c>
      <c r="I23592" s="1" t="s">
        <v>83733</v>
      </c>
      <c r="J23592" s="1" t="s">
        <v>84463</v>
      </c>
    </row>
    <row r="23593" spans="1:10" x14ac:dyDescent="0.35">
      <c r="A23593" s="1" t="s">
        <v>7308</v>
      </c>
      <c r="B23593" s="1" t="s">
        <v>83727</v>
      </c>
      <c r="C23593" s="1" t="s">
        <v>155</v>
      </c>
      <c r="D23593" s="1" t="s">
        <v>55455</v>
      </c>
      <c r="E23593" s="1" t="s">
        <v>84464</v>
      </c>
      <c r="F23593" s="1" t="s">
        <v>84465</v>
      </c>
      <c r="G23593" s="1" t="s">
        <v>84358</v>
      </c>
      <c r="H23593" s="1" t="s">
        <v>84359</v>
      </c>
      <c r="I23593" s="1" t="s">
        <v>83733</v>
      </c>
      <c r="J23593" s="1" t="s">
        <v>84466</v>
      </c>
    </row>
    <row r="23594" spans="1:10" x14ac:dyDescent="0.35">
      <c r="A23594" s="1" t="s">
        <v>7308</v>
      </c>
      <c r="B23594" s="1" t="s">
        <v>83727</v>
      </c>
      <c r="C23594" s="1" t="s">
        <v>160</v>
      </c>
      <c r="D23594" s="1" t="s">
        <v>40760</v>
      </c>
      <c r="E23594" s="1" t="s">
        <v>84467</v>
      </c>
      <c r="F23594" s="1" t="s">
        <v>84468</v>
      </c>
      <c r="G23594" s="1" t="s">
        <v>84358</v>
      </c>
      <c r="H23594" s="1" t="s">
        <v>84359</v>
      </c>
      <c r="I23594" s="1" t="s">
        <v>83733</v>
      </c>
      <c r="J23594" s="1" t="s">
        <v>84469</v>
      </c>
    </row>
    <row r="23595" spans="1:10" x14ac:dyDescent="0.35">
      <c r="A23595" s="1" t="s">
        <v>7308</v>
      </c>
      <c r="B23595" s="1" t="s">
        <v>83727</v>
      </c>
      <c r="C23595" s="1" t="s">
        <v>165</v>
      </c>
      <c r="D23595" s="1" t="s">
        <v>26201</v>
      </c>
      <c r="E23595" s="1" t="s">
        <v>84470</v>
      </c>
      <c r="F23595" s="1" t="s">
        <v>84471</v>
      </c>
      <c r="G23595" s="1" t="s">
        <v>84358</v>
      </c>
      <c r="H23595" s="1" t="s">
        <v>84359</v>
      </c>
      <c r="I23595" s="1" t="s">
        <v>83733</v>
      </c>
      <c r="J23595" s="1" t="s">
        <v>84472</v>
      </c>
    </row>
    <row r="23596" spans="1:10" x14ac:dyDescent="0.35">
      <c r="A23596" s="1" t="s">
        <v>7308</v>
      </c>
      <c r="B23596" s="1" t="s">
        <v>83727</v>
      </c>
      <c r="C23596" s="1" t="s">
        <v>170</v>
      </c>
      <c r="D23596" s="1" t="s">
        <v>84473</v>
      </c>
      <c r="E23596" s="1" t="s">
        <v>84474</v>
      </c>
      <c r="F23596" s="1" t="s">
        <v>84475</v>
      </c>
      <c r="G23596" s="1" t="s">
        <v>84358</v>
      </c>
      <c r="H23596" s="1" t="s">
        <v>84359</v>
      </c>
      <c r="I23596" s="1" t="s">
        <v>83733</v>
      </c>
      <c r="J23596" s="1" t="s">
        <v>84476</v>
      </c>
    </row>
    <row r="23597" spans="1:10" x14ac:dyDescent="0.35">
      <c r="A23597" s="1" t="s">
        <v>45101</v>
      </c>
      <c r="B23597" s="1" t="s">
        <v>83727</v>
      </c>
      <c r="C23597" s="1" t="s">
        <v>8</v>
      </c>
      <c r="D23597" s="1" t="s">
        <v>65899</v>
      </c>
      <c r="E23597" s="1" t="s">
        <v>84477</v>
      </c>
      <c r="F23597" s="1" t="s">
        <v>84478</v>
      </c>
      <c r="G23597" s="1" t="s">
        <v>84479</v>
      </c>
      <c r="H23597" s="1" t="s">
        <v>84480</v>
      </c>
      <c r="I23597" s="1" t="s">
        <v>83733</v>
      </c>
      <c r="J23597" s="1" t="s">
        <v>13</v>
      </c>
    </row>
    <row r="23598" spans="1:10" x14ac:dyDescent="0.35">
      <c r="A23598" s="1" t="s">
        <v>45101</v>
      </c>
      <c r="B23598" s="1" t="s">
        <v>83727</v>
      </c>
      <c r="C23598" s="1" t="s">
        <v>15</v>
      </c>
      <c r="D23598" s="1" t="s">
        <v>59299</v>
      </c>
      <c r="E23598" s="1" t="s">
        <v>84481</v>
      </c>
      <c r="F23598" s="1" t="s">
        <v>84482</v>
      </c>
      <c r="G23598" s="1" t="s">
        <v>84479</v>
      </c>
      <c r="H23598" s="1" t="s">
        <v>84480</v>
      </c>
      <c r="I23598" s="1" t="s">
        <v>83733</v>
      </c>
      <c r="J23598" s="1" t="s">
        <v>84483</v>
      </c>
    </row>
    <row r="23599" spans="1:10" x14ac:dyDescent="0.35">
      <c r="A23599" s="1" t="s">
        <v>45101</v>
      </c>
      <c r="B23599" s="1" t="s">
        <v>83727</v>
      </c>
      <c r="C23599" s="1" t="s">
        <v>20</v>
      </c>
      <c r="D23599" s="1" t="s">
        <v>84484</v>
      </c>
      <c r="E23599" s="1" t="s">
        <v>84485</v>
      </c>
      <c r="F23599" s="1" t="s">
        <v>84486</v>
      </c>
      <c r="G23599" s="1" t="s">
        <v>84479</v>
      </c>
      <c r="H23599" s="1" t="s">
        <v>84480</v>
      </c>
      <c r="I23599" s="1" t="s">
        <v>83733</v>
      </c>
      <c r="J23599" s="1" t="s">
        <v>84487</v>
      </c>
    </row>
    <row r="23600" spans="1:10" x14ac:dyDescent="0.35">
      <c r="A23600" s="1" t="s">
        <v>45101</v>
      </c>
      <c r="B23600" s="1" t="s">
        <v>83727</v>
      </c>
      <c r="C23600" s="1" t="s">
        <v>25</v>
      </c>
      <c r="D23600" s="1" t="s">
        <v>22631</v>
      </c>
      <c r="E23600" s="1" t="s">
        <v>84488</v>
      </c>
      <c r="F23600" s="1" t="s">
        <v>84489</v>
      </c>
      <c r="G23600" s="1" t="s">
        <v>84479</v>
      </c>
      <c r="H23600" s="1" t="s">
        <v>84480</v>
      </c>
      <c r="I23600" s="1" t="s">
        <v>83733</v>
      </c>
      <c r="J23600" s="1" t="s">
        <v>84490</v>
      </c>
    </row>
    <row r="23601" spans="1:10" x14ac:dyDescent="0.35">
      <c r="A23601" s="1" t="s">
        <v>45101</v>
      </c>
      <c r="B23601" s="1" t="s">
        <v>83727</v>
      </c>
      <c r="C23601" s="1" t="s">
        <v>30</v>
      </c>
      <c r="D23601" s="1" t="s">
        <v>84491</v>
      </c>
      <c r="E23601" s="1" t="s">
        <v>84492</v>
      </c>
      <c r="F23601" s="1" t="s">
        <v>84493</v>
      </c>
      <c r="G23601" s="1" t="s">
        <v>84479</v>
      </c>
      <c r="H23601" s="1" t="s">
        <v>84480</v>
      </c>
      <c r="I23601" s="1" t="s">
        <v>83733</v>
      </c>
      <c r="J23601" s="1" t="s">
        <v>84494</v>
      </c>
    </row>
    <row r="23602" spans="1:10" x14ac:dyDescent="0.35">
      <c r="A23602" s="1" t="s">
        <v>45101</v>
      </c>
      <c r="B23602" s="1" t="s">
        <v>83727</v>
      </c>
      <c r="C23602" s="1" t="s">
        <v>35</v>
      </c>
      <c r="D23602" s="1" t="s">
        <v>84495</v>
      </c>
      <c r="E23602" s="1" t="s">
        <v>84496</v>
      </c>
      <c r="F23602" s="1" t="s">
        <v>84497</v>
      </c>
      <c r="G23602" s="1" t="s">
        <v>84479</v>
      </c>
      <c r="H23602" s="1" t="s">
        <v>84480</v>
      </c>
      <c r="I23602" s="1" t="s">
        <v>83733</v>
      </c>
      <c r="J23602" s="1" t="s">
        <v>84498</v>
      </c>
    </row>
    <row r="23603" spans="1:10" x14ac:dyDescent="0.35">
      <c r="A23603" s="1" t="s">
        <v>45101</v>
      </c>
      <c r="B23603" s="1" t="s">
        <v>83727</v>
      </c>
      <c r="C23603" s="1" t="s">
        <v>40</v>
      </c>
      <c r="D23603" s="1" t="s">
        <v>84499</v>
      </c>
      <c r="E23603" s="1" t="s">
        <v>84500</v>
      </c>
      <c r="F23603" s="1" t="s">
        <v>84501</v>
      </c>
      <c r="G23603" s="1" t="s">
        <v>84479</v>
      </c>
      <c r="H23603" s="1" t="s">
        <v>84480</v>
      </c>
      <c r="I23603" s="1" t="s">
        <v>83733</v>
      </c>
      <c r="J23603" s="1" t="s">
        <v>84502</v>
      </c>
    </row>
    <row r="23604" spans="1:10" x14ac:dyDescent="0.35">
      <c r="A23604" s="1" t="s">
        <v>45101</v>
      </c>
      <c r="B23604" s="1" t="s">
        <v>83727</v>
      </c>
      <c r="C23604" s="1" t="s">
        <v>45</v>
      </c>
      <c r="D23604" s="1" t="s">
        <v>84503</v>
      </c>
      <c r="E23604" s="1" t="s">
        <v>84504</v>
      </c>
      <c r="F23604" s="1" t="s">
        <v>84505</v>
      </c>
      <c r="G23604" s="1" t="s">
        <v>84479</v>
      </c>
      <c r="H23604" s="1" t="s">
        <v>84480</v>
      </c>
      <c r="I23604" s="1" t="s">
        <v>83733</v>
      </c>
      <c r="J23604" s="1" t="s">
        <v>84506</v>
      </c>
    </row>
    <row r="23605" spans="1:10" x14ac:dyDescent="0.35">
      <c r="A23605" s="1" t="s">
        <v>45101</v>
      </c>
      <c r="B23605" s="1" t="s">
        <v>83727</v>
      </c>
      <c r="C23605" s="1" t="s">
        <v>50</v>
      </c>
      <c r="D23605" s="1" t="s">
        <v>66850</v>
      </c>
      <c r="E23605" s="1" t="s">
        <v>84507</v>
      </c>
      <c r="F23605" s="1" t="s">
        <v>84508</v>
      </c>
      <c r="G23605" s="1" t="s">
        <v>84479</v>
      </c>
      <c r="H23605" s="1" t="s">
        <v>84480</v>
      </c>
      <c r="I23605" s="1" t="s">
        <v>83733</v>
      </c>
      <c r="J23605" s="1" t="s">
        <v>84509</v>
      </c>
    </row>
    <row r="23606" spans="1:10" x14ac:dyDescent="0.35">
      <c r="A23606" s="1" t="s">
        <v>45101</v>
      </c>
      <c r="B23606" s="1" t="s">
        <v>83727</v>
      </c>
      <c r="C23606" s="1" t="s">
        <v>55</v>
      </c>
      <c r="D23606" s="1" t="s">
        <v>84510</v>
      </c>
      <c r="E23606" s="1" t="s">
        <v>84511</v>
      </c>
      <c r="F23606" s="1" t="s">
        <v>84512</v>
      </c>
      <c r="G23606" s="1" t="s">
        <v>84479</v>
      </c>
      <c r="H23606" s="1" t="s">
        <v>84480</v>
      </c>
      <c r="I23606" s="1" t="s">
        <v>83733</v>
      </c>
      <c r="J23606" s="1" t="s">
        <v>84513</v>
      </c>
    </row>
    <row r="23607" spans="1:10" x14ac:dyDescent="0.35">
      <c r="A23607" s="1" t="s">
        <v>45101</v>
      </c>
      <c r="B23607" s="1" t="s">
        <v>83727</v>
      </c>
      <c r="C23607" s="1" t="s">
        <v>60</v>
      </c>
      <c r="D23607" s="1" t="s">
        <v>84514</v>
      </c>
      <c r="E23607" s="1" t="s">
        <v>84515</v>
      </c>
      <c r="F23607" s="1" t="s">
        <v>84516</v>
      </c>
      <c r="G23607" s="1" t="s">
        <v>84479</v>
      </c>
      <c r="H23607" s="1" t="s">
        <v>84480</v>
      </c>
      <c r="I23607" s="1" t="s">
        <v>83733</v>
      </c>
      <c r="J23607" s="1" t="s">
        <v>84517</v>
      </c>
    </row>
    <row r="23608" spans="1:10" x14ac:dyDescent="0.35">
      <c r="A23608" s="1" t="s">
        <v>45101</v>
      </c>
      <c r="B23608" s="1" t="s">
        <v>83727</v>
      </c>
      <c r="C23608" s="1" t="s">
        <v>65</v>
      </c>
      <c r="D23608" s="1" t="s">
        <v>67113</v>
      </c>
      <c r="E23608" s="1" t="s">
        <v>84518</v>
      </c>
      <c r="F23608" s="1" t="s">
        <v>84519</v>
      </c>
      <c r="G23608" s="1" t="s">
        <v>84479</v>
      </c>
      <c r="H23608" s="1" t="s">
        <v>84480</v>
      </c>
      <c r="I23608" s="1" t="s">
        <v>83733</v>
      </c>
      <c r="J23608" s="1" t="s">
        <v>84520</v>
      </c>
    </row>
    <row r="23609" spans="1:10" x14ac:dyDescent="0.35">
      <c r="A23609" s="1" t="s">
        <v>45101</v>
      </c>
      <c r="B23609" s="1" t="s">
        <v>83727</v>
      </c>
      <c r="C23609" s="1" t="s">
        <v>70</v>
      </c>
      <c r="D23609" s="1" t="s">
        <v>57658</v>
      </c>
      <c r="E23609" s="1" t="s">
        <v>84521</v>
      </c>
      <c r="F23609" s="1" t="s">
        <v>84522</v>
      </c>
      <c r="G23609" s="1" t="s">
        <v>84479</v>
      </c>
      <c r="H23609" s="1" t="s">
        <v>84480</v>
      </c>
      <c r="I23609" s="1" t="s">
        <v>83733</v>
      </c>
      <c r="J23609" s="1" t="s">
        <v>84523</v>
      </c>
    </row>
    <row r="23610" spans="1:10" x14ac:dyDescent="0.35">
      <c r="A23610" s="1" t="s">
        <v>45101</v>
      </c>
      <c r="B23610" s="1" t="s">
        <v>83727</v>
      </c>
      <c r="C23610" s="1" t="s">
        <v>75</v>
      </c>
      <c r="D23610" s="1" t="s">
        <v>84524</v>
      </c>
      <c r="E23610" s="1" t="s">
        <v>84525</v>
      </c>
      <c r="F23610" s="1" t="s">
        <v>84526</v>
      </c>
      <c r="G23610" s="1" t="s">
        <v>84479</v>
      </c>
      <c r="H23610" s="1" t="s">
        <v>84480</v>
      </c>
      <c r="I23610" s="1" t="s">
        <v>83733</v>
      </c>
      <c r="J23610" s="1" t="s">
        <v>84527</v>
      </c>
    </row>
    <row r="23611" spans="1:10" x14ac:dyDescent="0.35">
      <c r="A23611" s="1" t="s">
        <v>45101</v>
      </c>
      <c r="B23611" s="1" t="s">
        <v>83727</v>
      </c>
      <c r="C23611" s="1" t="s">
        <v>80</v>
      </c>
      <c r="D23611" s="1" t="s">
        <v>68887</v>
      </c>
      <c r="E23611" s="1" t="s">
        <v>84528</v>
      </c>
      <c r="F23611" s="1" t="s">
        <v>84529</v>
      </c>
      <c r="G23611" s="1" t="s">
        <v>84479</v>
      </c>
      <c r="H23611" s="1" t="s">
        <v>84480</v>
      </c>
      <c r="I23611" s="1" t="s">
        <v>83733</v>
      </c>
      <c r="J23611" s="1" t="s">
        <v>84530</v>
      </c>
    </row>
    <row r="23612" spans="1:10" x14ac:dyDescent="0.35">
      <c r="A23612" s="1" t="s">
        <v>45101</v>
      </c>
      <c r="B23612" s="1" t="s">
        <v>83727</v>
      </c>
      <c r="C23612" s="1" t="s">
        <v>85</v>
      </c>
      <c r="D23612" s="1" t="s">
        <v>84531</v>
      </c>
      <c r="E23612" s="1" t="s">
        <v>84532</v>
      </c>
      <c r="F23612" s="1" t="s">
        <v>84533</v>
      </c>
      <c r="G23612" s="1" t="s">
        <v>84479</v>
      </c>
      <c r="H23612" s="1" t="s">
        <v>84480</v>
      </c>
      <c r="I23612" s="1" t="s">
        <v>83733</v>
      </c>
      <c r="J23612" s="1" t="s">
        <v>84534</v>
      </c>
    </row>
    <row r="23613" spans="1:10" x14ac:dyDescent="0.35">
      <c r="A23613" s="1" t="s">
        <v>45101</v>
      </c>
      <c r="B23613" s="1" t="s">
        <v>83727</v>
      </c>
      <c r="C23613" s="1" t="s">
        <v>90</v>
      </c>
      <c r="D23613" s="1" t="s">
        <v>84535</v>
      </c>
      <c r="E23613" s="1" t="s">
        <v>84536</v>
      </c>
      <c r="F23613" s="1" t="s">
        <v>84537</v>
      </c>
      <c r="G23613" s="1" t="s">
        <v>84479</v>
      </c>
      <c r="H23613" s="1" t="s">
        <v>84480</v>
      </c>
      <c r="I23613" s="1" t="s">
        <v>83733</v>
      </c>
      <c r="J23613" s="1" t="s">
        <v>84538</v>
      </c>
    </row>
    <row r="23614" spans="1:10" x14ac:dyDescent="0.35">
      <c r="A23614" s="1" t="s">
        <v>45101</v>
      </c>
      <c r="B23614" s="1" t="s">
        <v>83727</v>
      </c>
      <c r="C23614" s="1" t="s">
        <v>95</v>
      </c>
      <c r="D23614" s="1" t="s">
        <v>84539</v>
      </c>
      <c r="E23614" s="1" t="s">
        <v>84540</v>
      </c>
      <c r="F23614" s="1" t="s">
        <v>84541</v>
      </c>
      <c r="G23614" s="1" t="s">
        <v>84479</v>
      </c>
      <c r="H23614" s="1" t="s">
        <v>84480</v>
      </c>
      <c r="I23614" s="1" t="s">
        <v>83733</v>
      </c>
      <c r="J23614" s="1" t="s">
        <v>84542</v>
      </c>
    </row>
    <row r="23615" spans="1:10" x14ac:dyDescent="0.35">
      <c r="A23615" s="1" t="s">
        <v>45101</v>
      </c>
      <c r="B23615" s="1" t="s">
        <v>83727</v>
      </c>
      <c r="C23615" s="1" t="s">
        <v>100</v>
      </c>
      <c r="D23615" s="1" t="s">
        <v>59191</v>
      </c>
      <c r="E23615" s="1" t="s">
        <v>84543</v>
      </c>
      <c r="F23615" s="1" t="s">
        <v>84544</v>
      </c>
      <c r="G23615" s="1" t="s">
        <v>84479</v>
      </c>
      <c r="H23615" s="1" t="s">
        <v>84480</v>
      </c>
      <c r="I23615" s="1" t="s">
        <v>83733</v>
      </c>
      <c r="J23615" s="1" t="s">
        <v>84545</v>
      </c>
    </row>
    <row r="23616" spans="1:10" x14ac:dyDescent="0.35">
      <c r="A23616" s="1" t="s">
        <v>45101</v>
      </c>
      <c r="B23616" s="1" t="s">
        <v>83727</v>
      </c>
      <c r="C23616" s="1" t="s">
        <v>105</v>
      </c>
      <c r="D23616" s="1" t="s">
        <v>84546</v>
      </c>
      <c r="E23616" s="1" t="s">
        <v>84547</v>
      </c>
      <c r="F23616" s="1" t="s">
        <v>84548</v>
      </c>
      <c r="G23616" s="1" t="s">
        <v>84479</v>
      </c>
      <c r="H23616" s="1" t="s">
        <v>84480</v>
      </c>
      <c r="I23616" s="1" t="s">
        <v>83733</v>
      </c>
      <c r="J23616" s="1" t="s">
        <v>84549</v>
      </c>
    </row>
    <row r="23617" spans="1:10" x14ac:dyDescent="0.35">
      <c r="A23617" s="1" t="s">
        <v>45101</v>
      </c>
      <c r="B23617" s="1" t="s">
        <v>83727</v>
      </c>
      <c r="C23617" s="1" t="s">
        <v>110</v>
      </c>
      <c r="D23617" s="1" t="s">
        <v>84550</v>
      </c>
      <c r="E23617" s="1" t="s">
        <v>84551</v>
      </c>
      <c r="F23617" s="1" t="s">
        <v>84552</v>
      </c>
      <c r="G23617" s="1" t="s">
        <v>84479</v>
      </c>
      <c r="H23617" s="1" t="s">
        <v>84480</v>
      </c>
      <c r="I23617" s="1" t="s">
        <v>83733</v>
      </c>
      <c r="J23617" s="1" t="s">
        <v>84553</v>
      </c>
    </row>
    <row r="23618" spans="1:10" x14ac:dyDescent="0.35">
      <c r="A23618" s="1" t="s">
        <v>45101</v>
      </c>
      <c r="B23618" s="1" t="s">
        <v>83727</v>
      </c>
      <c r="C23618" s="1" t="s">
        <v>115</v>
      </c>
      <c r="D23618" s="1" t="s">
        <v>69763</v>
      </c>
      <c r="E23618" s="1" t="s">
        <v>84554</v>
      </c>
      <c r="F23618" s="1" t="s">
        <v>84555</v>
      </c>
      <c r="G23618" s="1" t="s">
        <v>84479</v>
      </c>
      <c r="H23618" s="1" t="s">
        <v>84480</v>
      </c>
      <c r="I23618" s="1" t="s">
        <v>83733</v>
      </c>
      <c r="J23618" s="1" t="s">
        <v>84556</v>
      </c>
    </row>
    <row r="23619" spans="1:10" x14ac:dyDescent="0.35">
      <c r="A23619" s="1" t="s">
        <v>45101</v>
      </c>
      <c r="B23619" s="1" t="s">
        <v>83727</v>
      </c>
      <c r="C23619" s="1" t="s">
        <v>120</v>
      </c>
      <c r="D23619" s="1" t="s">
        <v>84557</v>
      </c>
      <c r="E23619" s="1" t="s">
        <v>84558</v>
      </c>
      <c r="F23619" s="1" t="s">
        <v>84559</v>
      </c>
      <c r="G23619" s="1" t="s">
        <v>84479</v>
      </c>
      <c r="H23619" s="1" t="s">
        <v>84480</v>
      </c>
      <c r="I23619" s="1" t="s">
        <v>83733</v>
      </c>
      <c r="J23619" s="1" t="s">
        <v>84560</v>
      </c>
    </row>
    <row r="23620" spans="1:10" x14ac:dyDescent="0.35">
      <c r="A23620" s="1" t="s">
        <v>45101</v>
      </c>
      <c r="B23620" s="1" t="s">
        <v>83727</v>
      </c>
      <c r="C23620" s="1" t="s">
        <v>125</v>
      </c>
      <c r="D23620" s="1" t="s">
        <v>84561</v>
      </c>
      <c r="E23620" s="1" t="s">
        <v>84562</v>
      </c>
      <c r="F23620" s="1" t="s">
        <v>84563</v>
      </c>
      <c r="G23620" s="1" t="s">
        <v>84479</v>
      </c>
      <c r="H23620" s="1" t="s">
        <v>84480</v>
      </c>
      <c r="I23620" s="1" t="s">
        <v>83733</v>
      </c>
      <c r="J23620" s="1" t="s">
        <v>84564</v>
      </c>
    </row>
    <row r="23621" spans="1:10" x14ac:dyDescent="0.35">
      <c r="A23621" s="1" t="s">
        <v>45101</v>
      </c>
      <c r="B23621" s="1" t="s">
        <v>83727</v>
      </c>
      <c r="C23621" s="1" t="s">
        <v>130</v>
      </c>
      <c r="D23621" s="1" t="s">
        <v>84565</v>
      </c>
      <c r="E23621" s="1" t="s">
        <v>84566</v>
      </c>
      <c r="F23621" s="1" t="s">
        <v>84567</v>
      </c>
      <c r="G23621" s="1" t="s">
        <v>84479</v>
      </c>
      <c r="H23621" s="1" t="s">
        <v>84480</v>
      </c>
      <c r="I23621" s="1" t="s">
        <v>83733</v>
      </c>
      <c r="J23621" s="1" t="s">
        <v>84568</v>
      </c>
    </row>
    <row r="23622" spans="1:10" x14ac:dyDescent="0.35">
      <c r="A23622" s="1" t="s">
        <v>45101</v>
      </c>
      <c r="B23622" s="1" t="s">
        <v>83727</v>
      </c>
      <c r="C23622" s="1" t="s">
        <v>135</v>
      </c>
      <c r="D23622" s="1" t="s">
        <v>84569</v>
      </c>
      <c r="E23622" s="1" t="s">
        <v>84570</v>
      </c>
      <c r="F23622" s="1" t="s">
        <v>84571</v>
      </c>
      <c r="G23622" s="1" t="s">
        <v>84479</v>
      </c>
      <c r="H23622" s="1" t="s">
        <v>84480</v>
      </c>
      <c r="I23622" s="1" t="s">
        <v>83733</v>
      </c>
      <c r="J23622" s="1" t="s">
        <v>84572</v>
      </c>
    </row>
    <row r="23623" spans="1:10" x14ac:dyDescent="0.35">
      <c r="A23623" s="1" t="s">
        <v>45101</v>
      </c>
      <c r="B23623" s="1" t="s">
        <v>83727</v>
      </c>
      <c r="C23623" s="1" t="s">
        <v>140</v>
      </c>
      <c r="D23623" s="1" t="s">
        <v>84573</v>
      </c>
      <c r="E23623" s="1" t="s">
        <v>84574</v>
      </c>
      <c r="F23623" s="1" t="s">
        <v>84575</v>
      </c>
      <c r="G23623" s="1" t="s">
        <v>84479</v>
      </c>
      <c r="H23623" s="1" t="s">
        <v>84480</v>
      </c>
      <c r="I23623" s="1" t="s">
        <v>83733</v>
      </c>
      <c r="J23623" s="1" t="s">
        <v>84576</v>
      </c>
    </row>
    <row r="23624" spans="1:10" x14ac:dyDescent="0.35">
      <c r="A23624" s="1" t="s">
        <v>45101</v>
      </c>
      <c r="B23624" s="1" t="s">
        <v>83727</v>
      </c>
      <c r="C23624" s="1" t="s">
        <v>145</v>
      </c>
      <c r="D23624" s="1" t="s">
        <v>84577</v>
      </c>
      <c r="E23624" s="1" t="s">
        <v>84578</v>
      </c>
      <c r="F23624" s="1" t="s">
        <v>84579</v>
      </c>
      <c r="G23624" s="1" t="s">
        <v>84479</v>
      </c>
      <c r="H23624" s="1" t="s">
        <v>84480</v>
      </c>
      <c r="I23624" s="1" t="s">
        <v>83733</v>
      </c>
      <c r="J23624" s="1" t="s">
        <v>84580</v>
      </c>
    </row>
    <row r="23625" spans="1:10" x14ac:dyDescent="0.35">
      <c r="A23625" s="1" t="s">
        <v>45101</v>
      </c>
      <c r="B23625" s="1" t="s">
        <v>83727</v>
      </c>
      <c r="C23625" s="1" t="s">
        <v>150</v>
      </c>
      <c r="D23625" s="1" t="s">
        <v>84581</v>
      </c>
      <c r="E23625" s="1" t="s">
        <v>84582</v>
      </c>
      <c r="F23625" s="1" t="s">
        <v>84583</v>
      </c>
      <c r="G23625" s="1" t="s">
        <v>84479</v>
      </c>
      <c r="H23625" s="1" t="s">
        <v>84480</v>
      </c>
      <c r="I23625" s="1" t="s">
        <v>83733</v>
      </c>
      <c r="J23625" s="1" t="s">
        <v>84584</v>
      </c>
    </row>
    <row r="23626" spans="1:10" x14ac:dyDescent="0.35">
      <c r="A23626" s="1" t="s">
        <v>45101</v>
      </c>
      <c r="B23626" s="1" t="s">
        <v>83727</v>
      </c>
      <c r="C23626" s="1" t="s">
        <v>155</v>
      </c>
      <c r="D23626" s="1" t="s">
        <v>84585</v>
      </c>
      <c r="E23626" s="1" t="s">
        <v>84586</v>
      </c>
      <c r="F23626" s="1" t="s">
        <v>84587</v>
      </c>
      <c r="G23626" s="1" t="s">
        <v>84479</v>
      </c>
      <c r="H23626" s="1" t="s">
        <v>84480</v>
      </c>
      <c r="I23626" s="1" t="s">
        <v>83733</v>
      </c>
      <c r="J23626" s="1" t="s">
        <v>84588</v>
      </c>
    </row>
    <row r="23627" spans="1:10" x14ac:dyDescent="0.35">
      <c r="A23627" s="1" t="s">
        <v>45101</v>
      </c>
      <c r="B23627" s="1" t="s">
        <v>83727</v>
      </c>
      <c r="C23627" s="1" t="s">
        <v>160</v>
      </c>
      <c r="D23627" s="1" t="s">
        <v>56467</v>
      </c>
      <c r="E23627" s="1" t="s">
        <v>84589</v>
      </c>
      <c r="F23627" s="1" t="s">
        <v>84590</v>
      </c>
      <c r="G23627" s="1" t="s">
        <v>84479</v>
      </c>
      <c r="H23627" s="1" t="s">
        <v>84480</v>
      </c>
      <c r="I23627" s="1" t="s">
        <v>83733</v>
      </c>
      <c r="J23627" s="1" t="s">
        <v>84591</v>
      </c>
    </row>
    <row r="23628" spans="1:10" x14ac:dyDescent="0.35">
      <c r="A23628" s="1" t="s">
        <v>45101</v>
      </c>
      <c r="B23628" s="1" t="s">
        <v>83727</v>
      </c>
      <c r="C23628" s="1" t="s">
        <v>165</v>
      </c>
      <c r="D23628" s="1" t="s">
        <v>84592</v>
      </c>
      <c r="E23628" s="1" t="s">
        <v>84593</v>
      </c>
      <c r="F23628" s="1" t="s">
        <v>84594</v>
      </c>
      <c r="G23628" s="1" t="s">
        <v>84479</v>
      </c>
      <c r="H23628" s="1" t="s">
        <v>84480</v>
      </c>
      <c r="I23628" s="1" t="s">
        <v>83733</v>
      </c>
      <c r="J23628" s="1" t="s">
        <v>84595</v>
      </c>
    </row>
    <row r="23629" spans="1:10" x14ac:dyDescent="0.35">
      <c r="A23629" s="1" t="s">
        <v>45101</v>
      </c>
      <c r="B23629" s="1" t="s">
        <v>83727</v>
      </c>
      <c r="C23629" s="1" t="s">
        <v>170</v>
      </c>
      <c r="D23629" s="1" t="s">
        <v>84596</v>
      </c>
      <c r="E23629" s="1" t="s">
        <v>84597</v>
      </c>
      <c r="F23629" s="1" t="s">
        <v>84598</v>
      </c>
      <c r="G23629" s="1" t="s">
        <v>84479</v>
      </c>
      <c r="H23629" s="1" t="s">
        <v>84480</v>
      </c>
      <c r="I23629" s="1" t="s">
        <v>83733</v>
      </c>
      <c r="J23629" s="1" t="s">
        <v>84599</v>
      </c>
    </row>
    <row r="23630" spans="1:10" x14ac:dyDescent="0.35">
      <c r="A23630" s="1" t="s">
        <v>1891</v>
      </c>
      <c r="B23630" s="1" t="s">
        <v>83727</v>
      </c>
      <c r="C23630" s="1" t="s">
        <v>8</v>
      </c>
      <c r="D23630" s="1" t="s">
        <v>84600</v>
      </c>
      <c r="E23630" s="1" t="s">
        <v>84601</v>
      </c>
      <c r="F23630" s="1" t="s">
        <v>84602</v>
      </c>
      <c r="G23630" s="1" t="s">
        <v>84603</v>
      </c>
      <c r="H23630" s="1" t="s">
        <v>84604</v>
      </c>
      <c r="I23630" s="1" t="s">
        <v>83733</v>
      </c>
      <c r="J23630" s="1" t="s">
        <v>13</v>
      </c>
    </row>
    <row r="23631" spans="1:10" x14ac:dyDescent="0.35">
      <c r="A23631" s="1" t="s">
        <v>1891</v>
      </c>
      <c r="B23631" s="1" t="s">
        <v>83727</v>
      </c>
      <c r="C23631" s="1" t="s">
        <v>15</v>
      </c>
      <c r="D23631" s="1" t="s">
        <v>84605</v>
      </c>
      <c r="E23631" s="1" t="s">
        <v>84606</v>
      </c>
      <c r="F23631" s="1" t="s">
        <v>84607</v>
      </c>
      <c r="G23631" s="1" t="s">
        <v>84603</v>
      </c>
      <c r="H23631" s="1" t="s">
        <v>84604</v>
      </c>
      <c r="I23631" s="1" t="s">
        <v>83733</v>
      </c>
      <c r="J23631" s="1" t="s">
        <v>84608</v>
      </c>
    </row>
    <row r="23632" spans="1:10" x14ac:dyDescent="0.35">
      <c r="A23632" s="1" t="s">
        <v>1891</v>
      </c>
      <c r="B23632" s="1" t="s">
        <v>83727</v>
      </c>
      <c r="C23632" s="1" t="s">
        <v>20</v>
      </c>
      <c r="D23632" s="1" t="s">
        <v>84609</v>
      </c>
      <c r="E23632" s="1" t="s">
        <v>84610</v>
      </c>
      <c r="F23632" s="1" t="s">
        <v>84611</v>
      </c>
      <c r="G23632" s="1" t="s">
        <v>84603</v>
      </c>
      <c r="H23632" s="1" t="s">
        <v>84604</v>
      </c>
      <c r="I23632" s="1" t="s">
        <v>83733</v>
      </c>
      <c r="J23632" s="1" t="s">
        <v>84612</v>
      </c>
    </row>
    <row r="23633" spans="1:10" x14ac:dyDescent="0.35">
      <c r="A23633" s="1" t="s">
        <v>1891</v>
      </c>
      <c r="B23633" s="1" t="s">
        <v>83727</v>
      </c>
      <c r="C23633" s="1" t="s">
        <v>25</v>
      </c>
      <c r="D23633" s="1" t="s">
        <v>84613</v>
      </c>
      <c r="E23633" s="1" t="s">
        <v>84614</v>
      </c>
      <c r="F23633" s="1" t="s">
        <v>84615</v>
      </c>
      <c r="G23633" s="1" t="s">
        <v>84603</v>
      </c>
      <c r="H23633" s="1" t="s">
        <v>84604</v>
      </c>
      <c r="I23633" s="1" t="s">
        <v>83733</v>
      </c>
      <c r="J23633" s="1" t="s">
        <v>84616</v>
      </c>
    </row>
    <row r="23634" spans="1:10" x14ac:dyDescent="0.35">
      <c r="A23634" s="1" t="s">
        <v>1891</v>
      </c>
      <c r="B23634" s="1" t="s">
        <v>83727</v>
      </c>
      <c r="C23634" s="1" t="s">
        <v>30</v>
      </c>
      <c r="D23634" s="1" t="s">
        <v>42746</v>
      </c>
      <c r="E23634" s="1" t="s">
        <v>84617</v>
      </c>
      <c r="F23634" s="1" t="s">
        <v>84618</v>
      </c>
      <c r="G23634" s="1" t="s">
        <v>84603</v>
      </c>
      <c r="H23634" s="1" t="s">
        <v>84604</v>
      </c>
      <c r="I23634" s="1" t="s">
        <v>83733</v>
      </c>
      <c r="J23634" s="1" t="s">
        <v>84619</v>
      </c>
    </row>
    <row r="23635" spans="1:10" x14ac:dyDescent="0.35">
      <c r="A23635" s="1" t="s">
        <v>1891</v>
      </c>
      <c r="B23635" s="1" t="s">
        <v>83727</v>
      </c>
      <c r="C23635" s="1" t="s">
        <v>35</v>
      </c>
      <c r="D23635" s="1" t="s">
        <v>12444</v>
      </c>
      <c r="E23635" s="1" t="s">
        <v>84620</v>
      </c>
      <c r="F23635" s="1" t="s">
        <v>84621</v>
      </c>
      <c r="G23635" s="1" t="s">
        <v>84603</v>
      </c>
      <c r="H23635" s="1" t="s">
        <v>84604</v>
      </c>
      <c r="I23635" s="1" t="s">
        <v>83733</v>
      </c>
      <c r="J23635" s="1" t="s">
        <v>84622</v>
      </c>
    </row>
    <row r="23636" spans="1:10" x14ac:dyDescent="0.35">
      <c r="A23636" s="1" t="s">
        <v>1891</v>
      </c>
      <c r="B23636" s="1" t="s">
        <v>83727</v>
      </c>
      <c r="C23636" s="1" t="s">
        <v>40</v>
      </c>
      <c r="D23636" s="1" t="s">
        <v>84623</v>
      </c>
      <c r="E23636" s="1" t="s">
        <v>84624</v>
      </c>
      <c r="F23636" s="1" t="s">
        <v>84625</v>
      </c>
      <c r="G23636" s="1" t="s">
        <v>84603</v>
      </c>
      <c r="H23636" s="1" t="s">
        <v>84604</v>
      </c>
      <c r="I23636" s="1" t="s">
        <v>83733</v>
      </c>
      <c r="J23636" s="1" t="s">
        <v>84626</v>
      </c>
    </row>
    <row r="23637" spans="1:10" x14ac:dyDescent="0.35">
      <c r="A23637" s="1" t="s">
        <v>1891</v>
      </c>
      <c r="B23637" s="1" t="s">
        <v>83727</v>
      </c>
      <c r="C23637" s="1" t="s">
        <v>45</v>
      </c>
      <c r="D23637" s="1" t="s">
        <v>84627</v>
      </c>
      <c r="E23637" s="1" t="s">
        <v>84628</v>
      </c>
      <c r="F23637" s="1" t="s">
        <v>84629</v>
      </c>
      <c r="G23637" s="1" t="s">
        <v>84603</v>
      </c>
      <c r="H23637" s="1" t="s">
        <v>84604</v>
      </c>
      <c r="I23637" s="1" t="s">
        <v>83733</v>
      </c>
      <c r="J23637" s="1" t="s">
        <v>84630</v>
      </c>
    </row>
    <row r="23638" spans="1:10" x14ac:dyDescent="0.35">
      <c r="A23638" s="1" t="s">
        <v>1891</v>
      </c>
      <c r="B23638" s="1" t="s">
        <v>83727</v>
      </c>
      <c r="C23638" s="1" t="s">
        <v>50</v>
      </c>
      <c r="D23638" s="1" t="s">
        <v>84631</v>
      </c>
      <c r="E23638" s="1" t="s">
        <v>84632</v>
      </c>
      <c r="F23638" s="1" t="s">
        <v>84633</v>
      </c>
      <c r="G23638" s="1" t="s">
        <v>84603</v>
      </c>
      <c r="H23638" s="1" t="s">
        <v>84604</v>
      </c>
      <c r="I23638" s="1" t="s">
        <v>83733</v>
      </c>
      <c r="J23638" s="1" t="s">
        <v>84634</v>
      </c>
    </row>
    <row r="23639" spans="1:10" x14ac:dyDescent="0.35">
      <c r="A23639" s="1" t="s">
        <v>1891</v>
      </c>
      <c r="B23639" s="1" t="s">
        <v>83727</v>
      </c>
      <c r="C23639" s="1" t="s">
        <v>55</v>
      </c>
      <c r="D23639" s="1" t="s">
        <v>84635</v>
      </c>
      <c r="E23639" s="1" t="s">
        <v>84636</v>
      </c>
      <c r="F23639" s="1" t="s">
        <v>84637</v>
      </c>
      <c r="G23639" s="1" t="s">
        <v>84603</v>
      </c>
      <c r="H23639" s="1" t="s">
        <v>84604</v>
      </c>
      <c r="I23639" s="1" t="s">
        <v>83733</v>
      </c>
      <c r="J23639" s="1" t="s">
        <v>84638</v>
      </c>
    </row>
    <row r="23640" spans="1:10" x14ac:dyDescent="0.35">
      <c r="A23640" s="1" t="s">
        <v>1891</v>
      </c>
      <c r="B23640" s="1" t="s">
        <v>83727</v>
      </c>
      <c r="C23640" s="1" t="s">
        <v>60</v>
      </c>
      <c r="D23640" s="1" t="s">
        <v>84639</v>
      </c>
      <c r="E23640" s="1" t="s">
        <v>84640</v>
      </c>
      <c r="F23640" s="1" t="s">
        <v>84641</v>
      </c>
      <c r="G23640" s="1" t="s">
        <v>84603</v>
      </c>
      <c r="H23640" s="1" t="s">
        <v>84604</v>
      </c>
      <c r="I23640" s="1" t="s">
        <v>83733</v>
      </c>
      <c r="J23640" s="1" t="s">
        <v>84642</v>
      </c>
    </row>
    <row r="23641" spans="1:10" x14ac:dyDescent="0.35">
      <c r="A23641" s="1" t="s">
        <v>1891</v>
      </c>
      <c r="B23641" s="1" t="s">
        <v>83727</v>
      </c>
      <c r="C23641" s="1" t="s">
        <v>65</v>
      </c>
      <c r="D23641" s="1" t="s">
        <v>84643</v>
      </c>
      <c r="E23641" s="1" t="s">
        <v>84644</v>
      </c>
      <c r="F23641" s="1" t="s">
        <v>84645</v>
      </c>
      <c r="G23641" s="1" t="s">
        <v>84603</v>
      </c>
      <c r="H23641" s="1" t="s">
        <v>84604</v>
      </c>
      <c r="I23641" s="1" t="s">
        <v>83733</v>
      </c>
      <c r="J23641" s="1" t="s">
        <v>84646</v>
      </c>
    </row>
    <row r="23642" spans="1:10" x14ac:dyDescent="0.35">
      <c r="A23642" s="1" t="s">
        <v>1891</v>
      </c>
      <c r="B23642" s="1" t="s">
        <v>83727</v>
      </c>
      <c r="C23642" s="1" t="s">
        <v>70</v>
      </c>
      <c r="D23642" s="1" t="s">
        <v>84647</v>
      </c>
      <c r="E23642" s="1" t="s">
        <v>84648</v>
      </c>
      <c r="F23642" s="1" t="s">
        <v>84649</v>
      </c>
      <c r="G23642" s="1" t="s">
        <v>84603</v>
      </c>
      <c r="H23642" s="1" t="s">
        <v>84604</v>
      </c>
      <c r="I23642" s="1" t="s">
        <v>83733</v>
      </c>
      <c r="J23642" s="1" t="s">
        <v>84650</v>
      </c>
    </row>
    <row r="23643" spans="1:10" x14ac:dyDescent="0.35">
      <c r="A23643" s="1" t="s">
        <v>1891</v>
      </c>
      <c r="B23643" s="1" t="s">
        <v>83727</v>
      </c>
      <c r="C23643" s="1" t="s">
        <v>75</v>
      </c>
      <c r="D23643" s="1" t="s">
        <v>84651</v>
      </c>
      <c r="E23643" s="1" t="s">
        <v>84652</v>
      </c>
      <c r="F23643" s="1" t="s">
        <v>84653</v>
      </c>
      <c r="G23643" s="1" t="s">
        <v>84603</v>
      </c>
      <c r="H23643" s="1" t="s">
        <v>84604</v>
      </c>
      <c r="I23643" s="1" t="s">
        <v>83733</v>
      </c>
      <c r="J23643" s="1" t="s">
        <v>84654</v>
      </c>
    </row>
    <row r="23644" spans="1:10" x14ac:dyDescent="0.35">
      <c r="A23644" s="1" t="s">
        <v>1891</v>
      </c>
      <c r="B23644" s="1" t="s">
        <v>83727</v>
      </c>
      <c r="C23644" s="1" t="s">
        <v>80</v>
      </c>
      <c r="D23644" s="1" t="s">
        <v>81177</v>
      </c>
      <c r="E23644" s="1" t="s">
        <v>84655</v>
      </c>
      <c r="F23644" s="1" t="s">
        <v>84656</v>
      </c>
      <c r="G23644" s="1" t="s">
        <v>84603</v>
      </c>
      <c r="H23644" s="1" t="s">
        <v>84604</v>
      </c>
      <c r="I23644" s="1" t="s">
        <v>83733</v>
      </c>
      <c r="J23644" s="1" t="s">
        <v>84657</v>
      </c>
    </row>
    <row r="23645" spans="1:10" x14ac:dyDescent="0.35">
      <c r="A23645" s="1" t="s">
        <v>1891</v>
      </c>
      <c r="B23645" s="1" t="s">
        <v>83727</v>
      </c>
      <c r="C23645" s="1" t="s">
        <v>85</v>
      </c>
      <c r="D23645" s="1" t="s">
        <v>84658</v>
      </c>
      <c r="E23645" s="1" t="s">
        <v>84659</v>
      </c>
      <c r="F23645" s="1" t="s">
        <v>84660</v>
      </c>
      <c r="G23645" s="1" t="s">
        <v>84603</v>
      </c>
      <c r="H23645" s="1" t="s">
        <v>84604</v>
      </c>
      <c r="I23645" s="1" t="s">
        <v>83733</v>
      </c>
      <c r="J23645" s="1" t="s">
        <v>84661</v>
      </c>
    </row>
    <row r="23646" spans="1:10" x14ac:dyDescent="0.35">
      <c r="A23646" s="1" t="s">
        <v>1891</v>
      </c>
      <c r="B23646" s="1" t="s">
        <v>83727</v>
      </c>
      <c r="C23646" s="1" t="s">
        <v>90</v>
      </c>
      <c r="D23646" s="1" t="s">
        <v>84662</v>
      </c>
      <c r="E23646" s="1" t="s">
        <v>84663</v>
      </c>
      <c r="F23646" s="1" t="s">
        <v>84664</v>
      </c>
      <c r="G23646" s="1" t="s">
        <v>84603</v>
      </c>
      <c r="H23646" s="1" t="s">
        <v>84604</v>
      </c>
      <c r="I23646" s="1" t="s">
        <v>83733</v>
      </c>
      <c r="J23646" s="1" t="s">
        <v>84665</v>
      </c>
    </row>
    <row r="23647" spans="1:10" x14ac:dyDescent="0.35">
      <c r="A23647" s="1" t="s">
        <v>1891</v>
      </c>
      <c r="B23647" s="1" t="s">
        <v>83727</v>
      </c>
      <c r="C23647" s="1" t="s">
        <v>95</v>
      </c>
      <c r="D23647" s="1" t="s">
        <v>84666</v>
      </c>
      <c r="E23647" s="1" t="s">
        <v>84667</v>
      </c>
      <c r="F23647" s="1" t="s">
        <v>84668</v>
      </c>
      <c r="G23647" s="1" t="s">
        <v>84603</v>
      </c>
      <c r="H23647" s="1" t="s">
        <v>84604</v>
      </c>
      <c r="I23647" s="1" t="s">
        <v>83733</v>
      </c>
      <c r="J23647" s="1" t="s">
        <v>84669</v>
      </c>
    </row>
    <row r="23648" spans="1:10" x14ac:dyDescent="0.35">
      <c r="A23648" s="1" t="s">
        <v>1891</v>
      </c>
      <c r="B23648" s="1" t="s">
        <v>83727</v>
      </c>
      <c r="C23648" s="1" t="s">
        <v>100</v>
      </c>
      <c r="D23648" s="1" t="s">
        <v>84670</v>
      </c>
      <c r="E23648" s="1" t="s">
        <v>84671</v>
      </c>
      <c r="F23648" s="1" t="s">
        <v>84672</v>
      </c>
      <c r="G23648" s="1" t="s">
        <v>84603</v>
      </c>
      <c r="H23648" s="1" t="s">
        <v>84604</v>
      </c>
      <c r="I23648" s="1" t="s">
        <v>83733</v>
      </c>
      <c r="J23648" s="1" t="s">
        <v>84673</v>
      </c>
    </row>
    <row r="23649" spans="1:10" x14ac:dyDescent="0.35">
      <c r="A23649" s="1" t="s">
        <v>1891</v>
      </c>
      <c r="B23649" s="1" t="s">
        <v>83727</v>
      </c>
      <c r="C23649" s="1" t="s">
        <v>105</v>
      </c>
      <c r="D23649" s="1" t="s">
        <v>52289</v>
      </c>
      <c r="E23649" s="1" t="s">
        <v>84674</v>
      </c>
      <c r="F23649" s="1" t="s">
        <v>84675</v>
      </c>
      <c r="G23649" s="1" t="s">
        <v>84603</v>
      </c>
      <c r="H23649" s="1" t="s">
        <v>84604</v>
      </c>
      <c r="I23649" s="1" t="s">
        <v>83733</v>
      </c>
      <c r="J23649" s="1" t="s">
        <v>84676</v>
      </c>
    </row>
    <row r="23650" spans="1:10" x14ac:dyDescent="0.35">
      <c r="A23650" s="1" t="s">
        <v>1891</v>
      </c>
      <c r="B23650" s="1" t="s">
        <v>83727</v>
      </c>
      <c r="C23650" s="1" t="s">
        <v>110</v>
      </c>
      <c r="D23650" s="1" t="s">
        <v>84677</v>
      </c>
      <c r="E23650" s="1" t="s">
        <v>84678</v>
      </c>
      <c r="F23650" s="1" t="s">
        <v>84679</v>
      </c>
      <c r="G23650" s="1" t="s">
        <v>84603</v>
      </c>
      <c r="H23650" s="1" t="s">
        <v>84604</v>
      </c>
      <c r="I23650" s="1" t="s">
        <v>83733</v>
      </c>
      <c r="J23650" s="1" t="s">
        <v>84680</v>
      </c>
    </row>
    <row r="23651" spans="1:10" x14ac:dyDescent="0.35">
      <c r="A23651" s="1" t="s">
        <v>1891</v>
      </c>
      <c r="B23651" s="1" t="s">
        <v>83727</v>
      </c>
      <c r="C23651" s="1" t="s">
        <v>115</v>
      </c>
      <c r="D23651" s="1" t="s">
        <v>84681</v>
      </c>
      <c r="E23651" s="1" t="s">
        <v>84682</v>
      </c>
      <c r="F23651" s="1" t="s">
        <v>84683</v>
      </c>
      <c r="G23651" s="1" t="s">
        <v>84603</v>
      </c>
      <c r="H23651" s="1" t="s">
        <v>84604</v>
      </c>
      <c r="I23651" s="1" t="s">
        <v>83733</v>
      </c>
      <c r="J23651" s="1" t="s">
        <v>84684</v>
      </c>
    </row>
    <row r="23652" spans="1:10" x14ac:dyDescent="0.35">
      <c r="A23652" s="1" t="s">
        <v>1891</v>
      </c>
      <c r="B23652" s="1" t="s">
        <v>83727</v>
      </c>
      <c r="C23652" s="1" t="s">
        <v>120</v>
      </c>
      <c r="D23652" s="1" t="s">
        <v>84685</v>
      </c>
      <c r="E23652" s="1" t="s">
        <v>84686</v>
      </c>
      <c r="F23652" s="1" t="s">
        <v>84687</v>
      </c>
      <c r="G23652" s="1" t="s">
        <v>84603</v>
      </c>
      <c r="H23652" s="1" t="s">
        <v>84604</v>
      </c>
      <c r="I23652" s="1" t="s">
        <v>83733</v>
      </c>
      <c r="J23652" s="1" t="s">
        <v>84688</v>
      </c>
    </row>
    <row r="23653" spans="1:10" x14ac:dyDescent="0.35">
      <c r="A23653" s="1" t="s">
        <v>1891</v>
      </c>
      <c r="B23653" s="1" t="s">
        <v>83727</v>
      </c>
      <c r="C23653" s="1" t="s">
        <v>125</v>
      </c>
      <c r="D23653" s="1" t="s">
        <v>84689</v>
      </c>
      <c r="E23653" s="1" t="s">
        <v>84690</v>
      </c>
      <c r="F23653" s="1" t="s">
        <v>84691</v>
      </c>
      <c r="G23653" s="1" t="s">
        <v>84603</v>
      </c>
      <c r="H23653" s="1" t="s">
        <v>84604</v>
      </c>
      <c r="I23653" s="1" t="s">
        <v>83733</v>
      </c>
      <c r="J23653" s="1" t="s">
        <v>84692</v>
      </c>
    </row>
    <row r="23654" spans="1:10" x14ac:dyDescent="0.35">
      <c r="A23654" s="1" t="s">
        <v>1891</v>
      </c>
      <c r="B23654" s="1" t="s">
        <v>83727</v>
      </c>
      <c r="C23654" s="1" t="s">
        <v>130</v>
      </c>
      <c r="D23654" s="1" t="s">
        <v>61975</v>
      </c>
      <c r="E23654" s="1" t="s">
        <v>84693</v>
      </c>
      <c r="F23654" s="1" t="s">
        <v>84694</v>
      </c>
      <c r="G23654" s="1" t="s">
        <v>84603</v>
      </c>
      <c r="H23654" s="1" t="s">
        <v>84604</v>
      </c>
      <c r="I23654" s="1" t="s">
        <v>83733</v>
      </c>
      <c r="J23654" s="1" t="s">
        <v>84695</v>
      </c>
    </row>
    <row r="23655" spans="1:10" x14ac:dyDescent="0.35">
      <c r="A23655" s="1" t="s">
        <v>1891</v>
      </c>
      <c r="B23655" s="1" t="s">
        <v>83727</v>
      </c>
      <c r="C23655" s="1" t="s">
        <v>135</v>
      </c>
      <c r="D23655" s="1" t="s">
        <v>69730</v>
      </c>
      <c r="E23655" s="1" t="s">
        <v>84696</v>
      </c>
      <c r="F23655" s="1" t="s">
        <v>84697</v>
      </c>
      <c r="G23655" s="1" t="s">
        <v>84603</v>
      </c>
      <c r="H23655" s="1" t="s">
        <v>84604</v>
      </c>
      <c r="I23655" s="1" t="s">
        <v>83733</v>
      </c>
      <c r="J23655" s="1" t="s">
        <v>84698</v>
      </c>
    </row>
    <row r="23656" spans="1:10" x14ac:dyDescent="0.35">
      <c r="A23656" s="1" t="s">
        <v>1891</v>
      </c>
      <c r="B23656" s="1" t="s">
        <v>83727</v>
      </c>
      <c r="C23656" s="1" t="s">
        <v>140</v>
      </c>
      <c r="D23656" s="1" t="s">
        <v>2790</v>
      </c>
      <c r="E23656" s="1" t="s">
        <v>84699</v>
      </c>
      <c r="F23656" s="1" t="s">
        <v>84700</v>
      </c>
      <c r="G23656" s="1" t="s">
        <v>84603</v>
      </c>
      <c r="H23656" s="1" t="s">
        <v>84604</v>
      </c>
      <c r="I23656" s="1" t="s">
        <v>83733</v>
      </c>
      <c r="J23656" s="1" t="s">
        <v>84701</v>
      </c>
    </row>
    <row r="23657" spans="1:10" x14ac:dyDescent="0.35">
      <c r="A23657" s="1" t="s">
        <v>1891</v>
      </c>
      <c r="B23657" s="1" t="s">
        <v>83727</v>
      </c>
      <c r="C23657" s="1" t="s">
        <v>145</v>
      </c>
      <c r="D23657" s="1" t="s">
        <v>84702</v>
      </c>
      <c r="E23657" s="1" t="s">
        <v>84703</v>
      </c>
      <c r="F23657" s="1" t="s">
        <v>84704</v>
      </c>
      <c r="G23657" s="1" t="s">
        <v>84603</v>
      </c>
      <c r="H23657" s="1" t="s">
        <v>84604</v>
      </c>
      <c r="I23657" s="1" t="s">
        <v>83733</v>
      </c>
      <c r="J23657" s="1" t="s">
        <v>84705</v>
      </c>
    </row>
    <row r="23658" spans="1:10" x14ac:dyDescent="0.35">
      <c r="A23658" s="1" t="s">
        <v>1891</v>
      </c>
      <c r="B23658" s="1" t="s">
        <v>83727</v>
      </c>
      <c r="C23658" s="1" t="s">
        <v>150</v>
      </c>
      <c r="D23658" s="1" t="s">
        <v>60998</v>
      </c>
      <c r="E23658" s="1" t="s">
        <v>84706</v>
      </c>
      <c r="F23658" s="1" t="s">
        <v>84707</v>
      </c>
      <c r="G23658" s="1" t="s">
        <v>84603</v>
      </c>
      <c r="H23658" s="1" t="s">
        <v>84604</v>
      </c>
      <c r="I23658" s="1" t="s">
        <v>83733</v>
      </c>
      <c r="J23658" s="1" t="s">
        <v>84708</v>
      </c>
    </row>
    <row r="23659" spans="1:10" x14ac:dyDescent="0.35">
      <c r="A23659" s="1" t="s">
        <v>1891</v>
      </c>
      <c r="B23659" s="1" t="s">
        <v>83727</v>
      </c>
      <c r="C23659" s="1" t="s">
        <v>155</v>
      </c>
      <c r="D23659" s="1" t="s">
        <v>84709</v>
      </c>
      <c r="E23659" s="1" t="s">
        <v>84710</v>
      </c>
      <c r="F23659" s="1" t="s">
        <v>84711</v>
      </c>
      <c r="G23659" s="1" t="s">
        <v>84603</v>
      </c>
      <c r="H23659" s="1" t="s">
        <v>84604</v>
      </c>
      <c r="I23659" s="1" t="s">
        <v>83733</v>
      </c>
      <c r="J23659" s="1" t="s">
        <v>84712</v>
      </c>
    </row>
    <row r="23660" spans="1:10" x14ac:dyDescent="0.35">
      <c r="A23660" s="1" t="s">
        <v>1891</v>
      </c>
      <c r="B23660" s="1" t="s">
        <v>83727</v>
      </c>
      <c r="C23660" s="1" t="s">
        <v>160</v>
      </c>
      <c r="D23660" s="1" t="s">
        <v>54676</v>
      </c>
      <c r="E23660" s="1" t="s">
        <v>84713</v>
      </c>
      <c r="F23660" s="1" t="s">
        <v>84714</v>
      </c>
      <c r="G23660" s="1" t="s">
        <v>84603</v>
      </c>
      <c r="H23660" s="1" t="s">
        <v>84604</v>
      </c>
      <c r="I23660" s="1" t="s">
        <v>83733</v>
      </c>
      <c r="J23660" s="1" t="s">
        <v>84715</v>
      </c>
    </row>
    <row r="23661" spans="1:10" x14ac:dyDescent="0.35">
      <c r="A23661" s="1" t="s">
        <v>1891</v>
      </c>
      <c r="B23661" s="1" t="s">
        <v>83727</v>
      </c>
      <c r="C23661" s="1" t="s">
        <v>165</v>
      </c>
      <c r="D23661" s="1" t="s">
        <v>22782</v>
      </c>
      <c r="E23661" s="1" t="s">
        <v>84716</v>
      </c>
      <c r="F23661" s="1" t="s">
        <v>84717</v>
      </c>
      <c r="G23661" s="1" t="s">
        <v>84603</v>
      </c>
      <c r="H23661" s="1" t="s">
        <v>84604</v>
      </c>
      <c r="I23661" s="1" t="s">
        <v>83733</v>
      </c>
      <c r="J23661" s="1" t="s">
        <v>84718</v>
      </c>
    </row>
    <row r="23662" spans="1:10" x14ac:dyDescent="0.35">
      <c r="A23662" s="1" t="s">
        <v>1891</v>
      </c>
      <c r="B23662" s="1" t="s">
        <v>83727</v>
      </c>
      <c r="C23662" s="1" t="s">
        <v>170</v>
      </c>
      <c r="D23662" s="1" t="s">
        <v>84719</v>
      </c>
      <c r="E23662" s="1" t="s">
        <v>84720</v>
      </c>
      <c r="F23662" s="1" t="s">
        <v>84721</v>
      </c>
      <c r="G23662" s="1" t="s">
        <v>84603</v>
      </c>
      <c r="H23662" s="1" t="s">
        <v>84604</v>
      </c>
      <c r="I23662" s="1" t="s">
        <v>83733</v>
      </c>
      <c r="J23662" s="1" t="s">
        <v>84722</v>
      </c>
    </row>
    <row r="23663" spans="1:10" x14ac:dyDescent="0.35">
      <c r="A23663" s="1" t="s">
        <v>1938</v>
      </c>
      <c r="B23663" s="1" t="s">
        <v>83727</v>
      </c>
      <c r="C23663" s="1" t="s">
        <v>8</v>
      </c>
      <c r="D23663" s="1" t="s">
        <v>84723</v>
      </c>
      <c r="E23663" s="1" t="s">
        <v>84724</v>
      </c>
      <c r="F23663" s="1" t="s">
        <v>84725</v>
      </c>
      <c r="G23663" s="1" t="s">
        <v>84726</v>
      </c>
      <c r="H23663" s="1" t="s">
        <v>84727</v>
      </c>
      <c r="I23663" s="1" t="s">
        <v>83733</v>
      </c>
      <c r="J23663" s="1" t="s">
        <v>13</v>
      </c>
    </row>
    <row r="23664" spans="1:10" x14ac:dyDescent="0.35">
      <c r="A23664" s="1" t="s">
        <v>1938</v>
      </c>
      <c r="B23664" s="1" t="s">
        <v>83727</v>
      </c>
      <c r="C23664" s="1" t="s">
        <v>15</v>
      </c>
      <c r="D23664" s="1" t="s">
        <v>84728</v>
      </c>
      <c r="E23664" s="1" t="s">
        <v>84729</v>
      </c>
      <c r="F23664" s="1" t="s">
        <v>84730</v>
      </c>
      <c r="G23664" s="1" t="s">
        <v>84726</v>
      </c>
      <c r="H23664" s="1" t="s">
        <v>84727</v>
      </c>
      <c r="I23664" s="1" t="s">
        <v>83733</v>
      </c>
      <c r="J23664" s="1" t="s">
        <v>84731</v>
      </c>
    </row>
    <row r="23665" spans="1:10" x14ac:dyDescent="0.35">
      <c r="A23665" s="1" t="s">
        <v>1938</v>
      </c>
      <c r="B23665" s="1" t="s">
        <v>83727</v>
      </c>
      <c r="C23665" s="1" t="s">
        <v>20</v>
      </c>
      <c r="D23665" s="1" t="s">
        <v>84732</v>
      </c>
      <c r="E23665" s="1" t="s">
        <v>84733</v>
      </c>
      <c r="F23665" s="1" t="s">
        <v>84734</v>
      </c>
      <c r="G23665" s="1" t="s">
        <v>84726</v>
      </c>
      <c r="H23665" s="1" t="s">
        <v>84727</v>
      </c>
      <c r="I23665" s="1" t="s">
        <v>83733</v>
      </c>
      <c r="J23665" s="1" t="s">
        <v>84735</v>
      </c>
    </row>
    <row r="23666" spans="1:10" x14ac:dyDescent="0.35">
      <c r="A23666" s="1" t="s">
        <v>1938</v>
      </c>
      <c r="B23666" s="1" t="s">
        <v>83727</v>
      </c>
      <c r="C23666" s="1" t="s">
        <v>25</v>
      </c>
      <c r="D23666" s="1" t="s">
        <v>81846</v>
      </c>
      <c r="E23666" s="1" t="s">
        <v>84736</v>
      </c>
      <c r="F23666" s="1" t="s">
        <v>84737</v>
      </c>
      <c r="G23666" s="1" t="s">
        <v>84726</v>
      </c>
      <c r="H23666" s="1" t="s">
        <v>84727</v>
      </c>
      <c r="I23666" s="1" t="s">
        <v>83733</v>
      </c>
      <c r="J23666" s="1" t="s">
        <v>84738</v>
      </c>
    </row>
    <row r="23667" spans="1:10" x14ac:dyDescent="0.35">
      <c r="A23667" s="1" t="s">
        <v>1938</v>
      </c>
      <c r="B23667" s="1" t="s">
        <v>83727</v>
      </c>
      <c r="C23667" s="1" t="s">
        <v>30</v>
      </c>
      <c r="D23667" s="1" t="s">
        <v>59529</v>
      </c>
      <c r="E23667" s="1" t="s">
        <v>84739</v>
      </c>
      <c r="F23667" s="1" t="s">
        <v>84740</v>
      </c>
      <c r="G23667" s="1" t="s">
        <v>84726</v>
      </c>
      <c r="H23667" s="1" t="s">
        <v>84727</v>
      </c>
      <c r="I23667" s="1" t="s">
        <v>83733</v>
      </c>
      <c r="J23667" s="1" t="s">
        <v>84741</v>
      </c>
    </row>
    <row r="23668" spans="1:10" x14ac:dyDescent="0.35">
      <c r="A23668" s="1" t="s">
        <v>1938</v>
      </c>
      <c r="B23668" s="1" t="s">
        <v>83727</v>
      </c>
      <c r="C23668" s="1" t="s">
        <v>35</v>
      </c>
      <c r="D23668" s="1" t="s">
        <v>84742</v>
      </c>
      <c r="E23668" s="1" t="s">
        <v>84743</v>
      </c>
      <c r="F23668" s="1" t="s">
        <v>84744</v>
      </c>
      <c r="G23668" s="1" t="s">
        <v>84726</v>
      </c>
      <c r="H23668" s="1" t="s">
        <v>84727</v>
      </c>
      <c r="I23668" s="1" t="s">
        <v>83733</v>
      </c>
      <c r="J23668" s="1" t="s">
        <v>84745</v>
      </c>
    </row>
    <row r="23669" spans="1:10" x14ac:dyDescent="0.35">
      <c r="A23669" s="1" t="s">
        <v>1938</v>
      </c>
      <c r="B23669" s="1" t="s">
        <v>83727</v>
      </c>
      <c r="C23669" s="1" t="s">
        <v>40</v>
      </c>
      <c r="D23669" s="1" t="s">
        <v>84746</v>
      </c>
      <c r="E23669" s="1" t="s">
        <v>84747</v>
      </c>
      <c r="F23669" s="1" t="s">
        <v>84748</v>
      </c>
      <c r="G23669" s="1" t="s">
        <v>84726</v>
      </c>
      <c r="H23669" s="1" t="s">
        <v>84727</v>
      </c>
      <c r="I23669" s="1" t="s">
        <v>83733</v>
      </c>
      <c r="J23669" s="1" t="s">
        <v>84749</v>
      </c>
    </row>
    <row r="23670" spans="1:10" x14ac:dyDescent="0.35">
      <c r="A23670" s="1" t="s">
        <v>1938</v>
      </c>
      <c r="B23670" s="1" t="s">
        <v>83727</v>
      </c>
      <c r="C23670" s="1" t="s">
        <v>45</v>
      </c>
      <c r="D23670" s="1" t="s">
        <v>84750</v>
      </c>
      <c r="E23670" s="1" t="s">
        <v>84751</v>
      </c>
      <c r="F23670" s="1" t="s">
        <v>84752</v>
      </c>
      <c r="G23670" s="1" t="s">
        <v>84726</v>
      </c>
      <c r="H23670" s="1" t="s">
        <v>84727</v>
      </c>
      <c r="I23670" s="1" t="s">
        <v>83733</v>
      </c>
      <c r="J23670" s="1" t="s">
        <v>84753</v>
      </c>
    </row>
    <row r="23671" spans="1:10" x14ac:dyDescent="0.35">
      <c r="A23671" s="1" t="s">
        <v>1938</v>
      </c>
      <c r="B23671" s="1" t="s">
        <v>83727</v>
      </c>
      <c r="C23671" s="1" t="s">
        <v>50</v>
      </c>
      <c r="D23671" s="1" t="s">
        <v>84754</v>
      </c>
      <c r="E23671" s="1" t="s">
        <v>84755</v>
      </c>
      <c r="F23671" s="1" t="s">
        <v>84756</v>
      </c>
      <c r="G23671" s="1" t="s">
        <v>84726</v>
      </c>
      <c r="H23671" s="1" t="s">
        <v>84727</v>
      </c>
      <c r="I23671" s="1" t="s">
        <v>83733</v>
      </c>
      <c r="J23671" s="1" t="s">
        <v>84757</v>
      </c>
    </row>
    <row r="23672" spans="1:10" x14ac:dyDescent="0.35">
      <c r="A23672" s="1" t="s">
        <v>1938</v>
      </c>
      <c r="B23672" s="1" t="s">
        <v>83727</v>
      </c>
      <c r="C23672" s="1" t="s">
        <v>55</v>
      </c>
      <c r="D23672" s="1" t="s">
        <v>84758</v>
      </c>
      <c r="E23672" s="1" t="s">
        <v>84759</v>
      </c>
      <c r="F23672" s="1" t="s">
        <v>84760</v>
      </c>
      <c r="G23672" s="1" t="s">
        <v>84726</v>
      </c>
      <c r="H23672" s="1" t="s">
        <v>84727</v>
      </c>
      <c r="I23672" s="1" t="s">
        <v>83733</v>
      </c>
      <c r="J23672" s="1" t="s">
        <v>84761</v>
      </c>
    </row>
    <row r="23673" spans="1:10" x14ac:dyDescent="0.35">
      <c r="A23673" s="1" t="s">
        <v>1938</v>
      </c>
      <c r="B23673" s="1" t="s">
        <v>83727</v>
      </c>
      <c r="C23673" s="1" t="s">
        <v>60</v>
      </c>
      <c r="D23673" s="1" t="s">
        <v>53833</v>
      </c>
      <c r="E23673" s="1" t="s">
        <v>84762</v>
      </c>
      <c r="F23673" s="1" t="s">
        <v>84763</v>
      </c>
      <c r="G23673" s="1" t="s">
        <v>84726</v>
      </c>
      <c r="H23673" s="1" t="s">
        <v>84727</v>
      </c>
      <c r="I23673" s="1" t="s">
        <v>83733</v>
      </c>
      <c r="J23673" s="1" t="s">
        <v>84764</v>
      </c>
    </row>
    <row r="23674" spans="1:10" x14ac:dyDescent="0.35">
      <c r="A23674" s="1" t="s">
        <v>1938</v>
      </c>
      <c r="B23674" s="1" t="s">
        <v>83727</v>
      </c>
      <c r="C23674" s="1" t="s">
        <v>65</v>
      </c>
      <c r="D23674" s="1" t="s">
        <v>57230</v>
      </c>
      <c r="E23674" s="1" t="s">
        <v>84765</v>
      </c>
      <c r="F23674" s="1" t="s">
        <v>84766</v>
      </c>
      <c r="G23674" s="1" t="s">
        <v>84726</v>
      </c>
      <c r="H23674" s="1" t="s">
        <v>84727</v>
      </c>
      <c r="I23674" s="1" t="s">
        <v>83733</v>
      </c>
      <c r="J23674" s="1" t="s">
        <v>84767</v>
      </c>
    </row>
    <row r="23675" spans="1:10" x14ac:dyDescent="0.35">
      <c r="A23675" s="1" t="s">
        <v>1938</v>
      </c>
      <c r="B23675" s="1" t="s">
        <v>83727</v>
      </c>
      <c r="C23675" s="1" t="s">
        <v>70</v>
      </c>
      <c r="D23675" s="1" t="s">
        <v>26751</v>
      </c>
      <c r="E23675" s="1" t="s">
        <v>84768</v>
      </c>
      <c r="F23675" s="1" t="s">
        <v>84769</v>
      </c>
      <c r="G23675" s="1" t="s">
        <v>84726</v>
      </c>
      <c r="H23675" s="1" t="s">
        <v>84727</v>
      </c>
      <c r="I23675" s="1" t="s">
        <v>83733</v>
      </c>
      <c r="J23675" s="1" t="s">
        <v>84770</v>
      </c>
    </row>
    <row r="23676" spans="1:10" x14ac:dyDescent="0.35">
      <c r="A23676" s="1" t="s">
        <v>1938</v>
      </c>
      <c r="B23676" s="1" t="s">
        <v>83727</v>
      </c>
      <c r="C23676" s="1" t="s">
        <v>75</v>
      </c>
      <c r="D23676" s="1" t="s">
        <v>81205</v>
      </c>
      <c r="E23676" s="1" t="s">
        <v>84771</v>
      </c>
      <c r="F23676" s="1" t="s">
        <v>84772</v>
      </c>
      <c r="G23676" s="1" t="s">
        <v>84726</v>
      </c>
      <c r="H23676" s="1" t="s">
        <v>84727</v>
      </c>
      <c r="I23676" s="1" t="s">
        <v>83733</v>
      </c>
      <c r="J23676" s="1" t="s">
        <v>84773</v>
      </c>
    </row>
    <row r="23677" spans="1:10" x14ac:dyDescent="0.35">
      <c r="A23677" s="1" t="s">
        <v>1938</v>
      </c>
      <c r="B23677" s="1" t="s">
        <v>83727</v>
      </c>
      <c r="C23677" s="1" t="s">
        <v>80</v>
      </c>
      <c r="D23677" s="1" t="s">
        <v>42348</v>
      </c>
      <c r="E23677" s="1" t="s">
        <v>84774</v>
      </c>
      <c r="F23677" s="1" t="s">
        <v>84775</v>
      </c>
      <c r="G23677" s="1" t="s">
        <v>84726</v>
      </c>
      <c r="H23677" s="1" t="s">
        <v>84727</v>
      </c>
      <c r="I23677" s="1" t="s">
        <v>83733</v>
      </c>
      <c r="J23677" s="1" t="s">
        <v>84776</v>
      </c>
    </row>
    <row r="23678" spans="1:10" x14ac:dyDescent="0.35">
      <c r="A23678" s="1" t="s">
        <v>1938</v>
      </c>
      <c r="B23678" s="1" t="s">
        <v>83727</v>
      </c>
      <c r="C23678" s="1" t="s">
        <v>85</v>
      </c>
      <c r="D23678" s="1" t="s">
        <v>24922</v>
      </c>
      <c r="E23678" s="1" t="s">
        <v>84777</v>
      </c>
      <c r="F23678" s="1" t="s">
        <v>84778</v>
      </c>
      <c r="G23678" s="1" t="s">
        <v>84726</v>
      </c>
      <c r="H23678" s="1" t="s">
        <v>84727</v>
      </c>
      <c r="I23678" s="1" t="s">
        <v>83733</v>
      </c>
      <c r="J23678" s="1" t="s">
        <v>84779</v>
      </c>
    </row>
    <row r="23679" spans="1:10" x14ac:dyDescent="0.35">
      <c r="A23679" s="1" t="s">
        <v>1938</v>
      </c>
      <c r="B23679" s="1" t="s">
        <v>83727</v>
      </c>
      <c r="C23679" s="1" t="s">
        <v>90</v>
      </c>
      <c r="D23679" s="1" t="s">
        <v>84780</v>
      </c>
      <c r="E23679" s="1" t="s">
        <v>84781</v>
      </c>
      <c r="F23679" s="1" t="s">
        <v>84782</v>
      </c>
      <c r="G23679" s="1" t="s">
        <v>84726</v>
      </c>
      <c r="H23679" s="1" t="s">
        <v>84727</v>
      </c>
      <c r="I23679" s="1" t="s">
        <v>83733</v>
      </c>
      <c r="J23679" s="1" t="s">
        <v>84783</v>
      </c>
    </row>
    <row r="23680" spans="1:10" x14ac:dyDescent="0.35">
      <c r="A23680" s="1" t="s">
        <v>1938</v>
      </c>
      <c r="B23680" s="1" t="s">
        <v>83727</v>
      </c>
      <c r="C23680" s="1" t="s">
        <v>95</v>
      </c>
      <c r="D23680" s="1" t="s">
        <v>84784</v>
      </c>
      <c r="E23680" s="1" t="s">
        <v>84785</v>
      </c>
      <c r="F23680" s="1" t="s">
        <v>84786</v>
      </c>
      <c r="G23680" s="1" t="s">
        <v>84726</v>
      </c>
      <c r="H23680" s="1" t="s">
        <v>84727</v>
      </c>
      <c r="I23680" s="1" t="s">
        <v>83733</v>
      </c>
      <c r="J23680" s="1" t="s">
        <v>84787</v>
      </c>
    </row>
    <row r="23681" spans="1:10" x14ac:dyDescent="0.35">
      <c r="A23681" s="1" t="s">
        <v>1938</v>
      </c>
      <c r="B23681" s="1" t="s">
        <v>83727</v>
      </c>
      <c r="C23681" s="1" t="s">
        <v>100</v>
      </c>
      <c r="D23681" s="1" t="s">
        <v>82007</v>
      </c>
      <c r="E23681" s="1" t="s">
        <v>84788</v>
      </c>
      <c r="F23681" s="1" t="s">
        <v>84789</v>
      </c>
      <c r="G23681" s="1" t="s">
        <v>84726</v>
      </c>
      <c r="H23681" s="1" t="s">
        <v>84727</v>
      </c>
      <c r="I23681" s="1" t="s">
        <v>83733</v>
      </c>
      <c r="J23681" s="1" t="s">
        <v>84790</v>
      </c>
    </row>
    <row r="23682" spans="1:10" x14ac:dyDescent="0.35">
      <c r="A23682" s="1" t="s">
        <v>1938</v>
      </c>
      <c r="B23682" s="1" t="s">
        <v>83727</v>
      </c>
      <c r="C23682" s="1" t="s">
        <v>105</v>
      </c>
      <c r="D23682" s="1" t="s">
        <v>84791</v>
      </c>
      <c r="E23682" s="1" t="s">
        <v>84792</v>
      </c>
      <c r="F23682" s="1" t="s">
        <v>84793</v>
      </c>
      <c r="G23682" s="1" t="s">
        <v>84726</v>
      </c>
      <c r="H23682" s="1" t="s">
        <v>84727</v>
      </c>
      <c r="I23682" s="1" t="s">
        <v>83733</v>
      </c>
      <c r="J23682" s="1" t="s">
        <v>84794</v>
      </c>
    </row>
    <row r="23683" spans="1:10" x14ac:dyDescent="0.35">
      <c r="A23683" s="1" t="s">
        <v>1938</v>
      </c>
      <c r="B23683" s="1" t="s">
        <v>83727</v>
      </c>
      <c r="C23683" s="1" t="s">
        <v>110</v>
      </c>
      <c r="D23683" s="1" t="s">
        <v>43566</v>
      </c>
      <c r="E23683" s="1" t="s">
        <v>84795</v>
      </c>
      <c r="F23683" s="1" t="s">
        <v>84796</v>
      </c>
      <c r="G23683" s="1" t="s">
        <v>84726</v>
      </c>
      <c r="H23683" s="1" t="s">
        <v>84727</v>
      </c>
      <c r="I23683" s="1" t="s">
        <v>83733</v>
      </c>
      <c r="J23683" s="1" t="s">
        <v>84797</v>
      </c>
    </row>
    <row r="23684" spans="1:10" x14ac:dyDescent="0.35">
      <c r="A23684" s="1" t="s">
        <v>1938</v>
      </c>
      <c r="B23684" s="1" t="s">
        <v>83727</v>
      </c>
      <c r="C23684" s="1" t="s">
        <v>115</v>
      </c>
      <c r="D23684" s="1" t="s">
        <v>66232</v>
      </c>
      <c r="E23684" s="1" t="s">
        <v>84798</v>
      </c>
      <c r="F23684" s="1" t="s">
        <v>84799</v>
      </c>
      <c r="G23684" s="1" t="s">
        <v>84726</v>
      </c>
      <c r="H23684" s="1" t="s">
        <v>84727</v>
      </c>
      <c r="I23684" s="1" t="s">
        <v>83733</v>
      </c>
      <c r="J23684" s="1" t="s">
        <v>84800</v>
      </c>
    </row>
    <row r="23685" spans="1:10" x14ac:dyDescent="0.35">
      <c r="A23685" s="1" t="s">
        <v>1938</v>
      </c>
      <c r="B23685" s="1" t="s">
        <v>83727</v>
      </c>
      <c r="C23685" s="1" t="s">
        <v>120</v>
      </c>
      <c r="D23685" s="1" t="s">
        <v>84801</v>
      </c>
      <c r="E23685" s="1" t="s">
        <v>84802</v>
      </c>
      <c r="F23685" s="1" t="s">
        <v>84803</v>
      </c>
      <c r="G23685" s="1" t="s">
        <v>84726</v>
      </c>
      <c r="H23685" s="1" t="s">
        <v>84727</v>
      </c>
      <c r="I23685" s="1" t="s">
        <v>83733</v>
      </c>
      <c r="J23685" s="1" t="s">
        <v>84804</v>
      </c>
    </row>
    <row r="23686" spans="1:10" x14ac:dyDescent="0.35">
      <c r="A23686" s="1" t="s">
        <v>1938</v>
      </c>
      <c r="B23686" s="1" t="s">
        <v>83727</v>
      </c>
      <c r="C23686" s="1" t="s">
        <v>125</v>
      </c>
      <c r="D23686" s="1" t="s">
        <v>84805</v>
      </c>
      <c r="E23686" s="1" t="s">
        <v>84806</v>
      </c>
      <c r="F23686" s="1" t="s">
        <v>84807</v>
      </c>
      <c r="G23686" s="1" t="s">
        <v>84726</v>
      </c>
      <c r="H23686" s="1" t="s">
        <v>84727</v>
      </c>
      <c r="I23686" s="1" t="s">
        <v>83733</v>
      </c>
      <c r="J23686" s="1" t="s">
        <v>84808</v>
      </c>
    </row>
    <row r="23687" spans="1:10" x14ac:dyDescent="0.35">
      <c r="A23687" s="1" t="s">
        <v>1938</v>
      </c>
      <c r="B23687" s="1" t="s">
        <v>83727</v>
      </c>
      <c r="C23687" s="1" t="s">
        <v>130</v>
      </c>
      <c r="D23687" s="1" t="s">
        <v>63794</v>
      </c>
      <c r="E23687" s="1" t="s">
        <v>84809</v>
      </c>
      <c r="F23687" s="1" t="s">
        <v>84810</v>
      </c>
      <c r="G23687" s="1" t="s">
        <v>84726</v>
      </c>
      <c r="H23687" s="1" t="s">
        <v>84727</v>
      </c>
      <c r="I23687" s="1" t="s">
        <v>83733</v>
      </c>
      <c r="J23687" s="1" t="s">
        <v>84811</v>
      </c>
    </row>
    <row r="23688" spans="1:10" x14ac:dyDescent="0.35">
      <c r="A23688" s="1" t="s">
        <v>1938</v>
      </c>
      <c r="B23688" s="1" t="s">
        <v>83727</v>
      </c>
      <c r="C23688" s="1" t="s">
        <v>135</v>
      </c>
      <c r="D23688" s="1" t="s">
        <v>84812</v>
      </c>
      <c r="E23688" s="1" t="s">
        <v>84813</v>
      </c>
      <c r="F23688" s="1" t="s">
        <v>84814</v>
      </c>
      <c r="G23688" s="1" t="s">
        <v>84726</v>
      </c>
      <c r="H23688" s="1" t="s">
        <v>84727</v>
      </c>
      <c r="I23688" s="1" t="s">
        <v>83733</v>
      </c>
      <c r="J23688" s="1" t="s">
        <v>84815</v>
      </c>
    </row>
    <row r="23689" spans="1:10" x14ac:dyDescent="0.35">
      <c r="A23689" s="1" t="s">
        <v>1938</v>
      </c>
      <c r="B23689" s="1" t="s">
        <v>83727</v>
      </c>
      <c r="C23689" s="1" t="s">
        <v>140</v>
      </c>
      <c r="D23689" s="1" t="s">
        <v>84816</v>
      </c>
      <c r="E23689" s="1" t="s">
        <v>84817</v>
      </c>
      <c r="F23689" s="1" t="s">
        <v>84818</v>
      </c>
      <c r="G23689" s="1" t="s">
        <v>84726</v>
      </c>
      <c r="H23689" s="1" t="s">
        <v>84727</v>
      </c>
      <c r="I23689" s="1" t="s">
        <v>83733</v>
      </c>
      <c r="J23689" s="1" t="s">
        <v>84819</v>
      </c>
    </row>
    <row r="23690" spans="1:10" x14ac:dyDescent="0.35">
      <c r="A23690" s="1" t="s">
        <v>1938</v>
      </c>
      <c r="B23690" s="1" t="s">
        <v>83727</v>
      </c>
      <c r="C23690" s="1" t="s">
        <v>145</v>
      </c>
      <c r="D23690" s="1" t="s">
        <v>22897</v>
      </c>
      <c r="E23690" s="1" t="s">
        <v>84820</v>
      </c>
      <c r="F23690" s="1" t="s">
        <v>84821</v>
      </c>
      <c r="G23690" s="1" t="s">
        <v>84726</v>
      </c>
      <c r="H23690" s="1" t="s">
        <v>84727</v>
      </c>
      <c r="I23690" s="1" t="s">
        <v>83733</v>
      </c>
      <c r="J23690" s="1" t="s">
        <v>84822</v>
      </c>
    </row>
    <row r="23691" spans="1:10" x14ac:dyDescent="0.35">
      <c r="A23691" s="1" t="s">
        <v>1938</v>
      </c>
      <c r="B23691" s="1" t="s">
        <v>83727</v>
      </c>
      <c r="C23691" s="1" t="s">
        <v>150</v>
      </c>
      <c r="D23691" s="1" t="s">
        <v>84823</v>
      </c>
      <c r="E23691" s="1" t="s">
        <v>84824</v>
      </c>
      <c r="F23691" s="1" t="s">
        <v>84825</v>
      </c>
      <c r="G23691" s="1" t="s">
        <v>84726</v>
      </c>
      <c r="H23691" s="1" t="s">
        <v>84727</v>
      </c>
      <c r="I23691" s="1" t="s">
        <v>83733</v>
      </c>
      <c r="J23691" s="1" t="s">
        <v>84826</v>
      </c>
    </row>
    <row r="23692" spans="1:10" x14ac:dyDescent="0.35">
      <c r="A23692" s="1" t="s">
        <v>1938</v>
      </c>
      <c r="B23692" s="1" t="s">
        <v>83727</v>
      </c>
      <c r="C23692" s="1" t="s">
        <v>155</v>
      </c>
      <c r="D23692" s="1" t="s">
        <v>66287</v>
      </c>
      <c r="E23692" s="1" t="s">
        <v>84827</v>
      </c>
      <c r="F23692" s="1" t="s">
        <v>84828</v>
      </c>
      <c r="G23692" s="1" t="s">
        <v>84726</v>
      </c>
      <c r="H23692" s="1" t="s">
        <v>84727</v>
      </c>
      <c r="I23692" s="1" t="s">
        <v>83733</v>
      </c>
      <c r="J23692" s="1" t="s">
        <v>84829</v>
      </c>
    </row>
    <row r="23693" spans="1:10" x14ac:dyDescent="0.35">
      <c r="A23693" s="1" t="s">
        <v>1938</v>
      </c>
      <c r="B23693" s="1" t="s">
        <v>83727</v>
      </c>
      <c r="C23693" s="1" t="s">
        <v>160</v>
      </c>
      <c r="D23693" s="1" t="s">
        <v>84830</v>
      </c>
      <c r="E23693" s="1" t="s">
        <v>84831</v>
      </c>
      <c r="F23693" s="1" t="s">
        <v>84832</v>
      </c>
      <c r="G23693" s="1" t="s">
        <v>84726</v>
      </c>
      <c r="H23693" s="1" t="s">
        <v>84727</v>
      </c>
      <c r="I23693" s="1" t="s">
        <v>83733</v>
      </c>
      <c r="J23693" s="1" t="s">
        <v>84833</v>
      </c>
    </row>
    <row r="23694" spans="1:10" x14ac:dyDescent="0.35">
      <c r="A23694" s="1" t="s">
        <v>1938</v>
      </c>
      <c r="B23694" s="1" t="s">
        <v>83727</v>
      </c>
      <c r="C23694" s="1" t="s">
        <v>165</v>
      </c>
      <c r="D23694" s="1" t="s">
        <v>84834</v>
      </c>
      <c r="E23694" s="1" t="s">
        <v>84835</v>
      </c>
      <c r="F23694" s="1" t="s">
        <v>84836</v>
      </c>
      <c r="G23694" s="1" t="s">
        <v>84726</v>
      </c>
      <c r="H23694" s="1" t="s">
        <v>84727</v>
      </c>
      <c r="I23694" s="1" t="s">
        <v>83733</v>
      </c>
      <c r="J23694" s="1" t="s">
        <v>84837</v>
      </c>
    </row>
    <row r="23695" spans="1:10" x14ac:dyDescent="0.35">
      <c r="A23695" s="1" t="s">
        <v>1938</v>
      </c>
      <c r="B23695" s="1" t="s">
        <v>83727</v>
      </c>
      <c r="C23695" s="1" t="s">
        <v>170</v>
      </c>
      <c r="D23695" s="1" t="s">
        <v>84838</v>
      </c>
      <c r="E23695" s="1" t="s">
        <v>84839</v>
      </c>
      <c r="F23695" s="1" t="s">
        <v>84840</v>
      </c>
      <c r="G23695" s="1" t="s">
        <v>84726</v>
      </c>
      <c r="H23695" s="1" t="s">
        <v>84727</v>
      </c>
      <c r="I23695" s="1" t="s">
        <v>83733</v>
      </c>
      <c r="J23695" s="1" t="s">
        <v>84841</v>
      </c>
    </row>
    <row r="23696" spans="1:10" x14ac:dyDescent="0.35">
      <c r="A23696" s="1" t="s">
        <v>1805</v>
      </c>
      <c r="B23696" s="1" t="s">
        <v>83727</v>
      </c>
      <c r="C23696" s="1" t="s">
        <v>8</v>
      </c>
      <c r="D23696" s="1" t="s">
        <v>65764</v>
      </c>
      <c r="E23696" s="1" t="s">
        <v>84842</v>
      </c>
      <c r="F23696" s="1" t="s">
        <v>84843</v>
      </c>
      <c r="G23696" s="1" t="s">
        <v>84844</v>
      </c>
      <c r="H23696" s="1" t="s">
        <v>84845</v>
      </c>
      <c r="I23696" s="1" t="s">
        <v>83733</v>
      </c>
      <c r="J23696" s="1" t="s">
        <v>13</v>
      </c>
    </row>
    <row r="23697" spans="1:10" x14ac:dyDescent="0.35">
      <c r="A23697" s="1" t="s">
        <v>1805</v>
      </c>
      <c r="B23697" s="1" t="s">
        <v>83727</v>
      </c>
      <c r="C23697" s="1" t="s">
        <v>15</v>
      </c>
      <c r="D23697" s="1" t="s">
        <v>84846</v>
      </c>
      <c r="E23697" s="1" t="s">
        <v>84847</v>
      </c>
      <c r="F23697" s="1" t="s">
        <v>84848</v>
      </c>
      <c r="G23697" s="1" t="s">
        <v>84844</v>
      </c>
      <c r="H23697" s="1" t="s">
        <v>84845</v>
      </c>
      <c r="I23697" s="1" t="s">
        <v>83733</v>
      </c>
      <c r="J23697" s="1" t="s">
        <v>84849</v>
      </c>
    </row>
    <row r="23698" spans="1:10" x14ac:dyDescent="0.35">
      <c r="A23698" s="1" t="s">
        <v>1805</v>
      </c>
      <c r="B23698" s="1" t="s">
        <v>83727</v>
      </c>
      <c r="C23698" s="1" t="s">
        <v>20</v>
      </c>
      <c r="D23698" s="1" t="s">
        <v>64014</v>
      </c>
      <c r="E23698" s="1" t="s">
        <v>84850</v>
      </c>
      <c r="F23698" s="1" t="s">
        <v>84851</v>
      </c>
      <c r="G23698" s="1" t="s">
        <v>84844</v>
      </c>
      <c r="H23698" s="1" t="s">
        <v>84845</v>
      </c>
      <c r="I23698" s="1" t="s">
        <v>83733</v>
      </c>
      <c r="J23698" s="1" t="s">
        <v>84852</v>
      </c>
    </row>
    <row r="23699" spans="1:10" x14ac:dyDescent="0.35">
      <c r="A23699" s="1" t="s">
        <v>1805</v>
      </c>
      <c r="B23699" s="1" t="s">
        <v>83727</v>
      </c>
      <c r="C23699" s="1" t="s">
        <v>25</v>
      </c>
      <c r="D23699" s="1" t="s">
        <v>84853</v>
      </c>
      <c r="E23699" s="1" t="s">
        <v>84854</v>
      </c>
      <c r="F23699" s="1" t="s">
        <v>84855</v>
      </c>
      <c r="G23699" s="1" t="s">
        <v>84844</v>
      </c>
      <c r="H23699" s="1" t="s">
        <v>84845</v>
      </c>
      <c r="I23699" s="1" t="s">
        <v>83733</v>
      </c>
      <c r="J23699" s="1" t="s">
        <v>84856</v>
      </c>
    </row>
    <row r="23700" spans="1:10" x14ac:dyDescent="0.35">
      <c r="A23700" s="1" t="s">
        <v>1805</v>
      </c>
      <c r="B23700" s="1" t="s">
        <v>83727</v>
      </c>
      <c r="C23700" s="1" t="s">
        <v>30</v>
      </c>
      <c r="D23700" s="1" t="s">
        <v>84857</v>
      </c>
      <c r="E23700" s="1" t="s">
        <v>84858</v>
      </c>
      <c r="F23700" s="1" t="s">
        <v>84859</v>
      </c>
      <c r="G23700" s="1" t="s">
        <v>84844</v>
      </c>
      <c r="H23700" s="1" t="s">
        <v>84845</v>
      </c>
      <c r="I23700" s="1" t="s">
        <v>83733</v>
      </c>
      <c r="J23700" s="1" t="s">
        <v>84860</v>
      </c>
    </row>
    <row r="23701" spans="1:10" x14ac:dyDescent="0.35">
      <c r="A23701" s="1" t="s">
        <v>1805</v>
      </c>
      <c r="B23701" s="1" t="s">
        <v>83727</v>
      </c>
      <c r="C23701" s="1" t="s">
        <v>35</v>
      </c>
      <c r="D23701" s="1" t="s">
        <v>84861</v>
      </c>
      <c r="E23701" s="1" t="s">
        <v>84862</v>
      </c>
      <c r="F23701" s="1" t="s">
        <v>84863</v>
      </c>
      <c r="G23701" s="1" t="s">
        <v>84844</v>
      </c>
      <c r="H23701" s="1" t="s">
        <v>84845</v>
      </c>
      <c r="I23701" s="1" t="s">
        <v>83733</v>
      </c>
      <c r="J23701" s="1" t="s">
        <v>84864</v>
      </c>
    </row>
    <row r="23702" spans="1:10" x14ac:dyDescent="0.35">
      <c r="A23702" s="1" t="s">
        <v>1805</v>
      </c>
      <c r="B23702" s="1" t="s">
        <v>83727</v>
      </c>
      <c r="C23702" s="1" t="s">
        <v>40</v>
      </c>
      <c r="D23702" s="1" t="s">
        <v>77143</v>
      </c>
      <c r="E23702" s="1" t="s">
        <v>84865</v>
      </c>
      <c r="F23702" s="1" t="s">
        <v>84866</v>
      </c>
      <c r="G23702" s="1" t="s">
        <v>84844</v>
      </c>
      <c r="H23702" s="1" t="s">
        <v>84845</v>
      </c>
      <c r="I23702" s="1" t="s">
        <v>83733</v>
      </c>
      <c r="J23702" s="1" t="s">
        <v>84867</v>
      </c>
    </row>
    <row r="23703" spans="1:10" x14ac:dyDescent="0.35">
      <c r="A23703" s="1" t="s">
        <v>1805</v>
      </c>
      <c r="B23703" s="1" t="s">
        <v>83727</v>
      </c>
      <c r="C23703" s="1" t="s">
        <v>45</v>
      </c>
      <c r="D23703" s="1" t="s">
        <v>84868</v>
      </c>
      <c r="E23703" s="1" t="s">
        <v>84869</v>
      </c>
      <c r="F23703" s="1" t="s">
        <v>84870</v>
      </c>
      <c r="G23703" s="1" t="s">
        <v>84844</v>
      </c>
      <c r="H23703" s="1" t="s">
        <v>84845</v>
      </c>
      <c r="I23703" s="1" t="s">
        <v>83733</v>
      </c>
      <c r="J23703" s="1" t="s">
        <v>84871</v>
      </c>
    </row>
    <row r="23704" spans="1:10" x14ac:dyDescent="0.35">
      <c r="A23704" s="1" t="s">
        <v>1805</v>
      </c>
      <c r="B23704" s="1" t="s">
        <v>83727</v>
      </c>
      <c r="C23704" s="1" t="s">
        <v>50</v>
      </c>
      <c r="D23704" s="1" t="s">
        <v>7720</v>
      </c>
      <c r="E23704" s="1" t="s">
        <v>84872</v>
      </c>
      <c r="F23704" s="1" t="s">
        <v>84873</v>
      </c>
      <c r="G23704" s="1" t="s">
        <v>84844</v>
      </c>
      <c r="H23704" s="1" t="s">
        <v>84845</v>
      </c>
      <c r="I23704" s="1" t="s">
        <v>83733</v>
      </c>
      <c r="J23704" s="1" t="s">
        <v>84874</v>
      </c>
    </row>
    <row r="23705" spans="1:10" x14ac:dyDescent="0.35">
      <c r="A23705" s="1" t="s">
        <v>1805</v>
      </c>
      <c r="B23705" s="1" t="s">
        <v>83727</v>
      </c>
      <c r="C23705" s="1" t="s">
        <v>55</v>
      </c>
      <c r="D23705" s="1" t="s">
        <v>84875</v>
      </c>
      <c r="E23705" s="1" t="s">
        <v>84876</v>
      </c>
      <c r="F23705" s="1" t="s">
        <v>84877</v>
      </c>
      <c r="G23705" s="1" t="s">
        <v>84844</v>
      </c>
      <c r="H23705" s="1" t="s">
        <v>84845</v>
      </c>
      <c r="I23705" s="1" t="s">
        <v>83733</v>
      </c>
      <c r="J23705" s="1" t="s">
        <v>84878</v>
      </c>
    </row>
    <row r="23706" spans="1:10" x14ac:dyDescent="0.35">
      <c r="A23706" s="1" t="s">
        <v>1805</v>
      </c>
      <c r="B23706" s="1" t="s">
        <v>83727</v>
      </c>
      <c r="C23706" s="1" t="s">
        <v>60</v>
      </c>
      <c r="D23706" s="1" t="s">
        <v>84879</v>
      </c>
      <c r="E23706" s="1" t="s">
        <v>84880</v>
      </c>
      <c r="F23706" s="1" t="s">
        <v>84881</v>
      </c>
      <c r="G23706" s="1" t="s">
        <v>84844</v>
      </c>
      <c r="H23706" s="1" t="s">
        <v>84845</v>
      </c>
      <c r="I23706" s="1" t="s">
        <v>83733</v>
      </c>
      <c r="J23706" s="1" t="s">
        <v>84882</v>
      </c>
    </row>
    <row r="23707" spans="1:10" x14ac:dyDescent="0.35">
      <c r="A23707" s="1" t="s">
        <v>1805</v>
      </c>
      <c r="B23707" s="1" t="s">
        <v>83727</v>
      </c>
      <c r="C23707" s="1" t="s">
        <v>65</v>
      </c>
      <c r="D23707" s="1" t="s">
        <v>84883</v>
      </c>
      <c r="E23707" s="1" t="s">
        <v>84884</v>
      </c>
      <c r="F23707" s="1" t="s">
        <v>84885</v>
      </c>
      <c r="G23707" s="1" t="s">
        <v>84844</v>
      </c>
      <c r="H23707" s="1" t="s">
        <v>84845</v>
      </c>
      <c r="I23707" s="1" t="s">
        <v>83733</v>
      </c>
      <c r="J23707" s="1" t="s">
        <v>84886</v>
      </c>
    </row>
    <row r="23708" spans="1:10" x14ac:dyDescent="0.35">
      <c r="A23708" s="1" t="s">
        <v>1805</v>
      </c>
      <c r="B23708" s="1" t="s">
        <v>83727</v>
      </c>
      <c r="C23708" s="1" t="s">
        <v>70</v>
      </c>
      <c r="D23708" s="1" t="s">
        <v>84887</v>
      </c>
      <c r="E23708" s="1" t="s">
        <v>84888</v>
      </c>
      <c r="F23708" s="1" t="s">
        <v>84889</v>
      </c>
      <c r="G23708" s="1" t="s">
        <v>84844</v>
      </c>
      <c r="H23708" s="1" t="s">
        <v>84845</v>
      </c>
      <c r="I23708" s="1" t="s">
        <v>83733</v>
      </c>
      <c r="J23708" s="1" t="s">
        <v>84890</v>
      </c>
    </row>
    <row r="23709" spans="1:10" x14ac:dyDescent="0.35">
      <c r="A23709" s="1" t="s">
        <v>1805</v>
      </c>
      <c r="B23709" s="1" t="s">
        <v>83727</v>
      </c>
      <c r="C23709" s="1" t="s">
        <v>75</v>
      </c>
      <c r="D23709" s="1" t="s">
        <v>84891</v>
      </c>
      <c r="E23709" s="1" t="s">
        <v>84892</v>
      </c>
      <c r="F23709" s="1" t="s">
        <v>84893</v>
      </c>
      <c r="G23709" s="1" t="s">
        <v>84844</v>
      </c>
      <c r="H23709" s="1" t="s">
        <v>84845</v>
      </c>
      <c r="I23709" s="1" t="s">
        <v>83733</v>
      </c>
      <c r="J23709" s="1" t="s">
        <v>84894</v>
      </c>
    </row>
    <row r="23710" spans="1:10" x14ac:dyDescent="0.35">
      <c r="A23710" s="1" t="s">
        <v>1805</v>
      </c>
      <c r="B23710" s="1" t="s">
        <v>83727</v>
      </c>
      <c r="C23710" s="1" t="s">
        <v>80</v>
      </c>
      <c r="D23710" s="1" t="s">
        <v>84895</v>
      </c>
      <c r="E23710" s="1" t="s">
        <v>84896</v>
      </c>
      <c r="F23710" s="1" t="s">
        <v>84897</v>
      </c>
      <c r="G23710" s="1" t="s">
        <v>84844</v>
      </c>
      <c r="H23710" s="1" t="s">
        <v>84845</v>
      </c>
      <c r="I23710" s="1" t="s">
        <v>83733</v>
      </c>
      <c r="J23710" s="1" t="s">
        <v>84898</v>
      </c>
    </row>
    <row r="23711" spans="1:10" x14ac:dyDescent="0.35">
      <c r="A23711" s="1" t="s">
        <v>1805</v>
      </c>
      <c r="B23711" s="1" t="s">
        <v>83727</v>
      </c>
      <c r="C23711" s="1" t="s">
        <v>85</v>
      </c>
      <c r="D23711" s="1" t="s">
        <v>84834</v>
      </c>
      <c r="E23711" s="1" t="s">
        <v>84899</v>
      </c>
      <c r="F23711" s="1" t="s">
        <v>84900</v>
      </c>
      <c r="G23711" s="1" t="s">
        <v>84844</v>
      </c>
      <c r="H23711" s="1" t="s">
        <v>84845</v>
      </c>
      <c r="I23711" s="1" t="s">
        <v>83733</v>
      </c>
      <c r="J23711" s="1" t="s">
        <v>84901</v>
      </c>
    </row>
    <row r="23712" spans="1:10" x14ac:dyDescent="0.35">
      <c r="A23712" s="1" t="s">
        <v>1805</v>
      </c>
      <c r="B23712" s="1" t="s">
        <v>83727</v>
      </c>
      <c r="C23712" s="1" t="s">
        <v>90</v>
      </c>
      <c r="D23712" s="1" t="s">
        <v>19674</v>
      </c>
      <c r="E23712" s="1" t="s">
        <v>84902</v>
      </c>
      <c r="F23712" s="1" t="s">
        <v>84903</v>
      </c>
      <c r="G23712" s="1" t="s">
        <v>84844</v>
      </c>
      <c r="H23712" s="1" t="s">
        <v>84845</v>
      </c>
      <c r="I23712" s="1" t="s">
        <v>83733</v>
      </c>
      <c r="J23712" s="1" t="s">
        <v>84904</v>
      </c>
    </row>
    <row r="23713" spans="1:10" x14ac:dyDescent="0.35">
      <c r="A23713" s="1" t="s">
        <v>1805</v>
      </c>
      <c r="B23713" s="1" t="s">
        <v>83727</v>
      </c>
      <c r="C23713" s="1" t="s">
        <v>95</v>
      </c>
      <c r="D23713" s="1" t="s">
        <v>84905</v>
      </c>
      <c r="E23713" s="1" t="s">
        <v>84906</v>
      </c>
      <c r="F23713" s="1" t="s">
        <v>84907</v>
      </c>
      <c r="G23713" s="1" t="s">
        <v>84844</v>
      </c>
      <c r="H23713" s="1" t="s">
        <v>84845</v>
      </c>
      <c r="I23713" s="1" t="s">
        <v>83733</v>
      </c>
      <c r="J23713" s="1" t="s">
        <v>84908</v>
      </c>
    </row>
    <row r="23714" spans="1:10" x14ac:dyDescent="0.35">
      <c r="A23714" s="1" t="s">
        <v>1805</v>
      </c>
      <c r="B23714" s="1" t="s">
        <v>83727</v>
      </c>
      <c r="C23714" s="1" t="s">
        <v>100</v>
      </c>
      <c r="D23714" s="1" t="s">
        <v>84909</v>
      </c>
      <c r="E23714" s="1" t="s">
        <v>84910</v>
      </c>
      <c r="F23714" s="1" t="s">
        <v>84911</v>
      </c>
      <c r="G23714" s="1" t="s">
        <v>84844</v>
      </c>
      <c r="H23714" s="1" t="s">
        <v>84845</v>
      </c>
      <c r="I23714" s="1" t="s">
        <v>83733</v>
      </c>
      <c r="J23714" s="1" t="s">
        <v>84912</v>
      </c>
    </row>
    <row r="23715" spans="1:10" x14ac:dyDescent="0.35">
      <c r="A23715" s="1" t="s">
        <v>1805</v>
      </c>
      <c r="B23715" s="1" t="s">
        <v>83727</v>
      </c>
      <c r="C23715" s="1" t="s">
        <v>105</v>
      </c>
      <c r="D23715" s="1" t="s">
        <v>84913</v>
      </c>
      <c r="E23715" s="1" t="s">
        <v>84914</v>
      </c>
      <c r="F23715" s="1" t="s">
        <v>84915</v>
      </c>
      <c r="G23715" s="1" t="s">
        <v>84844</v>
      </c>
      <c r="H23715" s="1" t="s">
        <v>84845</v>
      </c>
      <c r="I23715" s="1" t="s">
        <v>83733</v>
      </c>
      <c r="J23715" s="1" t="s">
        <v>84916</v>
      </c>
    </row>
    <row r="23716" spans="1:10" x14ac:dyDescent="0.35">
      <c r="A23716" s="1" t="s">
        <v>1805</v>
      </c>
      <c r="B23716" s="1" t="s">
        <v>83727</v>
      </c>
      <c r="C23716" s="1" t="s">
        <v>110</v>
      </c>
      <c r="D23716" s="1" t="s">
        <v>84917</v>
      </c>
      <c r="E23716" s="1" t="s">
        <v>84918</v>
      </c>
      <c r="F23716" s="1" t="s">
        <v>84919</v>
      </c>
      <c r="G23716" s="1" t="s">
        <v>84844</v>
      </c>
      <c r="H23716" s="1" t="s">
        <v>84845</v>
      </c>
      <c r="I23716" s="1" t="s">
        <v>83733</v>
      </c>
      <c r="J23716" s="1" t="s">
        <v>84920</v>
      </c>
    </row>
    <row r="23717" spans="1:10" x14ac:dyDescent="0.35">
      <c r="A23717" s="1" t="s">
        <v>1805</v>
      </c>
      <c r="B23717" s="1" t="s">
        <v>83727</v>
      </c>
      <c r="C23717" s="1" t="s">
        <v>115</v>
      </c>
      <c r="D23717" s="1" t="s">
        <v>84921</v>
      </c>
      <c r="E23717" s="1" t="s">
        <v>84922</v>
      </c>
      <c r="F23717" s="1" t="s">
        <v>84923</v>
      </c>
      <c r="G23717" s="1" t="s">
        <v>84844</v>
      </c>
      <c r="H23717" s="1" t="s">
        <v>84845</v>
      </c>
      <c r="I23717" s="1" t="s">
        <v>83733</v>
      </c>
      <c r="J23717" s="1" t="s">
        <v>84924</v>
      </c>
    </row>
    <row r="23718" spans="1:10" x14ac:dyDescent="0.35">
      <c r="A23718" s="1" t="s">
        <v>1805</v>
      </c>
      <c r="B23718" s="1" t="s">
        <v>83727</v>
      </c>
      <c r="C23718" s="1" t="s">
        <v>120</v>
      </c>
      <c r="D23718" s="1" t="s">
        <v>84925</v>
      </c>
      <c r="E23718" s="1" t="s">
        <v>84926</v>
      </c>
      <c r="F23718" s="1" t="s">
        <v>84927</v>
      </c>
      <c r="G23718" s="1" t="s">
        <v>84844</v>
      </c>
      <c r="H23718" s="1" t="s">
        <v>84845</v>
      </c>
      <c r="I23718" s="1" t="s">
        <v>83733</v>
      </c>
      <c r="J23718" s="1" t="s">
        <v>84928</v>
      </c>
    </row>
    <row r="23719" spans="1:10" x14ac:dyDescent="0.35">
      <c r="A23719" s="1" t="s">
        <v>1805</v>
      </c>
      <c r="B23719" s="1" t="s">
        <v>83727</v>
      </c>
      <c r="C23719" s="1" t="s">
        <v>125</v>
      </c>
      <c r="D23719" s="1" t="s">
        <v>84929</v>
      </c>
      <c r="E23719" s="1" t="s">
        <v>84930</v>
      </c>
      <c r="F23719" s="1" t="s">
        <v>84931</v>
      </c>
      <c r="G23719" s="1" t="s">
        <v>84844</v>
      </c>
      <c r="H23719" s="1" t="s">
        <v>84845</v>
      </c>
      <c r="I23719" s="1" t="s">
        <v>83733</v>
      </c>
      <c r="J23719" s="1" t="s">
        <v>84932</v>
      </c>
    </row>
    <row r="23720" spans="1:10" x14ac:dyDescent="0.35">
      <c r="A23720" s="1" t="s">
        <v>1805</v>
      </c>
      <c r="B23720" s="1" t="s">
        <v>83727</v>
      </c>
      <c r="C23720" s="1" t="s">
        <v>130</v>
      </c>
      <c r="D23720" s="1" t="s">
        <v>84933</v>
      </c>
      <c r="E23720" s="1" t="s">
        <v>84934</v>
      </c>
      <c r="F23720" s="1" t="s">
        <v>84935</v>
      </c>
      <c r="G23720" s="1" t="s">
        <v>84844</v>
      </c>
      <c r="H23720" s="1" t="s">
        <v>84845</v>
      </c>
      <c r="I23720" s="1" t="s">
        <v>83733</v>
      </c>
      <c r="J23720" s="1" t="s">
        <v>84936</v>
      </c>
    </row>
    <row r="23721" spans="1:10" x14ac:dyDescent="0.35">
      <c r="A23721" s="1" t="s">
        <v>1805</v>
      </c>
      <c r="B23721" s="1" t="s">
        <v>83727</v>
      </c>
      <c r="C23721" s="1" t="s">
        <v>135</v>
      </c>
      <c r="D23721" s="1" t="s">
        <v>84937</v>
      </c>
      <c r="E23721" s="1" t="s">
        <v>84938</v>
      </c>
      <c r="F23721" s="1" t="s">
        <v>84939</v>
      </c>
      <c r="G23721" s="1" t="s">
        <v>84844</v>
      </c>
      <c r="H23721" s="1" t="s">
        <v>84845</v>
      </c>
      <c r="I23721" s="1" t="s">
        <v>83733</v>
      </c>
      <c r="J23721" s="1" t="s">
        <v>84940</v>
      </c>
    </row>
    <row r="23722" spans="1:10" x14ac:dyDescent="0.35">
      <c r="A23722" s="1" t="s">
        <v>1805</v>
      </c>
      <c r="B23722" s="1" t="s">
        <v>83727</v>
      </c>
      <c r="C23722" s="1" t="s">
        <v>140</v>
      </c>
      <c r="D23722" s="1" t="s">
        <v>84941</v>
      </c>
      <c r="E23722" s="1" t="s">
        <v>84942</v>
      </c>
      <c r="F23722" s="1" t="s">
        <v>84943</v>
      </c>
      <c r="G23722" s="1" t="s">
        <v>84844</v>
      </c>
      <c r="H23722" s="1" t="s">
        <v>84845</v>
      </c>
      <c r="I23722" s="1" t="s">
        <v>83733</v>
      </c>
      <c r="J23722" s="1" t="s">
        <v>84944</v>
      </c>
    </row>
    <row r="23723" spans="1:10" x14ac:dyDescent="0.35">
      <c r="A23723" s="1" t="s">
        <v>1805</v>
      </c>
      <c r="B23723" s="1" t="s">
        <v>83727</v>
      </c>
      <c r="C23723" s="1" t="s">
        <v>145</v>
      </c>
      <c r="D23723" s="1" t="s">
        <v>41585</v>
      </c>
      <c r="E23723" s="1" t="s">
        <v>84945</v>
      </c>
      <c r="F23723" s="1" t="s">
        <v>84946</v>
      </c>
      <c r="G23723" s="1" t="s">
        <v>84844</v>
      </c>
      <c r="H23723" s="1" t="s">
        <v>84845</v>
      </c>
      <c r="I23723" s="1" t="s">
        <v>83733</v>
      </c>
      <c r="J23723" s="1" t="s">
        <v>84947</v>
      </c>
    </row>
    <row r="23724" spans="1:10" x14ac:dyDescent="0.35">
      <c r="A23724" s="1" t="s">
        <v>1805</v>
      </c>
      <c r="B23724" s="1" t="s">
        <v>83727</v>
      </c>
      <c r="C23724" s="1" t="s">
        <v>150</v>
      </c>
      <c r="D23724" s="1" t="s">
        <v>84948</v>
      </c>
      <c r="E23724" s="1" t="s">
        <v>84949</v>
      </c>
      <c r="F23724" s="1" t="s">
        <v>84950</v>
      </c>
      <c r="G23724" s="1" t="s">
        <v>84844</v>
      </c>
      <c r="H23724" s="1" t="s">
        <v>84845</v>
      </c>
      <c r="I23724" s="1" t="s">
        <v>83733</v>
      </c>
      <c r="J23724" s="1" t="s">
        <v>84951</v>
      </c>
    </row>
    <row r="23725" spans="1:10" x14ac:dyDescent="0.35">
      <c r="A23725" s="1" t="s">
        <v>1805</v>
      </c>
      <c r="B23725" s="1" t="s">
        <v>83727</v>
      </c>
      <c r="C23725" s="1" t="s">
        <v>155</v>
      </c>
      <c r="D23725" s="1" t="s">
        <v>84952</v>
      </c>
      <c r="E23725" s="1" t="s">
        <v>84953</v>
      </c>
      <c r="F23725" s="1" t="s">
        <v>84954</v>
      </c>
      <c r="G23725" s="1" t="s">
        <v>84844</v>
      </c>
      <c r="H23725" s="1" t="s">
        <v>84845</v>
      </c>
      <c r="I23725" s="1" t="s">
        <v>83733</v>
      </c>
      <c r="J23725" s="1" t="s">
        <v>84955</v>
      </c>
    </row>
    <row r="23726" spans="1:10" x14ac:dyDescent="0.35">
      <c r="A23726" s="1" t="s">
        <v>1805</v>
      </c>
      <c r="B23726" s="1" t="s">
        <v>83727</v>
      </c>
      <c r="C23726" s="1" t="s">
        <v>160</v>
      </c>
      <c r="D23726" s="1" t="s">
        <v>76557</v>
      </c>
      <c r="E23726" s="1" t="s">
        <v>84956</v>
      </c>
      <c r="F23726" s="1" t="s">
        <v>84957</v>
      </c>
      <c r="G23726" s="1" t="s">
        <v>84844</v>
      </c>
      <c r="H23726" s="1" t="s">
        <v>84845</v>
      </c>
      <c r="I23726" s="1" t="s">
        <v>83733</v>
      </c>
      <c r="J23726" s="1" t="s">
        <v>84958</v>
      </c>
    </row>
    <row r="23727" spans="1:10" x14ac:dyDescent="0.35">
      <c r="A23727" s="1" t="s">
        <v>1805</v>
      </c>
      <c r="B23727" s="1" t="s">
        <v>83727</v>
      </c>
      <c r="C23727" s="1" t="s">
        <v>165</v>
      </c>
      <c r="D23727" s="1" t="s">
        <v>510</v>
      </c>
      <c r="E23727" s="1" t="s">
        <v>84959</v>
      </c>
      <c r="F23727" s="1" t="s">
        <v>84960</v>
      </c>
      <c r="G23727" s="1" t="s">
        <v>84844</v>
      </c>
      <c r="H23727" s="1" t="s">
        <v>84845</v>
      </c>
      <c r="I23727" s="1" t="s">
        <v>83733</v>
      </c>
      <c r="J23727" s="1" t="s">
        <v>84961</v>
      </c>
    </row>
    <row r="23728" spans="1:10" x14ac:dyDescent="0.35">
      <c r="A23728" s="1" t="s">
        <v>1805</v>
      </c>
      <c r="B23728" s="1" t="s">
        <v>83727</v>
      </c>
      <c r="C23728" s="1" t="s">
        <v>170</v>
      </c>
      <c r="D23728" s="1" t="s">
        <v>84962</v>
      </c>
      <c r="E23728" s="1" t="s">
        <v>84963</v>
      </c>
      <c r="F23728" s="1" t="s">
        <v>84964</v>
      </c>
      <c r="G23728" s="1" t="s">
        <v>84844</v>
      </c>
      <c r="H23728" s="1" t="s">
        <v>84845</v>
      </c>
      <c r="I23728" s="1" t="s">
        <v>83733</v>
      </c>
      <c r="J23728" s="1" t="s">
        <v>84965</v>
      </c>
    </row>
    <row r="23729" spans="1:10" x14ac:dyDescent="0.35">
      <c r="A23729" s="1" t="s">
        <v>84966</v>
      </c>
      <c r="B23729" s="1" t="s">
        <v>83727</v>
      </c>
      <c r="C23729" s="1" t="s">
        <v>8</v>
      </c>
      <c r="D23729" s="1" t="s">
        <v>39749</v>
      </c>
      <c r="E23729" s="1" t="s">
        <v>84967</v>
      </c>
      <c r="F23729" s="1" t="s">
        <v>84968</v>
      </c>
      <c r="G23729" s="1" t="s">
        <v>84969</v>
      </c>
      <c r="H23729" s="1" t="s">
        <v>84970</v>
      </c>
      <c r="I23729" s="1" t="s">
        <v>83733</v>
      </c>
      <c r="J23729" s="1" t="s">
        <v>13</v>
      </c>
    </row>
    <row r="23730" spans="1:10" x14ac:dyDescent="0.35">
      <c r="A23730" s="1" t="s">
        <v>84966</v>
      </c>
      <c r="B23730" s="1" t="s">
        <v>83727</v>
      </c>
      <c r="C23730" s="1" t="s">
        <v>15</v>
      </c>
      <c r="D23730" s="1" t="s">
        <v>84971</v>
      </c>
      <c r="E23730" s="1" t="s">
        <v>84972</v>
      </c>
      <c r="F23730" s="1" t="s">
        <v>84973</v>
      </c>
      <c r="G23730" s="1" t="s">
        <v>84969</v>
      </c>
      <c r="H23730" s="1" t="s">
        <v>84970</v>
      </c>
      <c r="I23730" s="1" t="s">
        <v>83733</v>
      </c>
      <c r="J23730" s="1" t="s">
        <v>84974</v>
      </c>
    </row>
    <row r="23731" spans="1:10" x14ac:dyDescent="0.35">
      <c r="A23731" s="1" t="s">
        <v>84966</v>
      </c>
      <c r="B23731" s="1" t="s">
        <v>83727</v>
      </c>
      <c r="C23731" s="1" t="s">
        <v>20</v>
      </c>
      <c r="D23731" s="1" t="s">
        <v>84975</v>
      </c>
      <c r="E23731" s="1" t="s">
        <v>84976</v>
      </c>
      <c r="F23731" s="1" t="s">
        <v>84977</v>
      </c>
      <c r="G23731" s="1" t="s">
        <v>84969</v>
      </c>
      <c r="H23731" s="1" t="s">
        <v>84970</v>
      </c>
      <c r="I23731" s="1" t="s">
        <v>83733</v>
      </c>
      <c r="J23731" s="1" t="s">
        <v>84978</v>
      </c>
    </row>
    <row r="23732" spans="1:10" x14ac:dyDescent="0.35">
      <c r="A23732" s="1" t="s">
        <v>84966</v>
      </c>
      <c r="B23732" s="1" t="s">
        <v>83727</v>
      </c>
      <c r="C23732" s="1" t="s">
        <v>25</v>
      </c>
      <c r="D23732" s="1" t="s">
        <v>84979</v>
      </c>
      <c r="E23732" s="1" t="s">
        <v>84980</v>
      </c>
      <c r="F23732" s="1" t="s">
        <v>84981</v>
      </c>
      <c r="G23732" s="1" t="s">
        <v>84969</v>
      </c>
      <c r="H23732" s="1" t="s">
        <v>84970</v>
      </c>
      <c r="I23732" s="1" t="s">
        <v>83733</v>
      </c>
      <c r="J23732" s="1" t="s">
        <v>84982</v>
      </c>
    </row>
    <row r="23733" spans="1:10" x14ac:dyDescent="0.35">
      <c r="A23733" s="1" t="s">
        <v>84966</v>
      </c>
      <c r="B23733" s="1" t="s">
        <v>83727</v>
      </c>
      <c r="C23733" s="1" t="s">
        <v>30</v>
      </c>
      <c r="D23733" s="1" t="s">
        <v>21873</v>
      </c>
      <c r="E23733" s="1" t="s">
        <v>84983</v>
      </c>
      <c r="F23733" s="1" t="s">
        <v>84984</v>
      </c>
      <c r="G23733" s="1" t="s">
        <v>84969</v>
      </c>
      <c r="H23733" s="1" t="s">
        <v>84970</v>
      </c>
      <c r="I23733" s="1" t="s">
        <v>83733</v>
      </c>
      <c r="J23733" s="1" t="s">
        <v>84985</v>
      </c>
    </row>
    <row r="23734" spans="1:10" x14ac:dyDescent="0.35">
      <c r="A23734" s="1" t="s">
        <v>84966</v>
      </c>
      <c r="B23734" s="1" t="s">
        <v>83727</v>
      </c>
      <c r="C23734" s="1" t="s">
        <v>35</v>
      </c>
      <c r="D23734" s="1" t="s">
        <v>84986</v>
      </c>
      <c r="E23734" s="1" t="s">
        <v>84987</v>
      </c>
      <c r="F23734" s="1" t="s">
        <v>84988</v>
      </c>
      <c r="G23734" s="1" t="s">
        <v>84969</v>
      </c>
      <c r="H23734" s="1" t="s">
        <v>84970</v>
      </c>
      <c r="I23734" s="1" t="s">
        <v>83733</v>
      </c>
      <c r="J23734" s="1" t="s">
        <v>84989</v>
      </c>
    </row>
    <row r="23735" spans="1:10" x14ac:dyDescent="0.35">
      <c r="A23735" s="1" t="s">
        <v>84966</v>
      </c>
      <c r="B23735" s="1" t="s">
        <v>83727</v>
      </c>
      <c r="C23735" s="1" t="s">
        <v>40</v>
      </c>
      <c r="D23735" s="1" t="s">
        <v>84990</v>
      </c>
      <c r="E23735" s="1" t="s">
        <v>84991</v>
      </c>
      <c r="F23735" s="1" t="s">
        <v>84992</v>
      </c>
      <c r="G23735" s="1" t="s">
        <v>84969</v>
      </c>
      <c r="H23735" s="1" t="s">
        <v>84970</v>
      </c>
      <c r="I23735" s="1" t="s">
        <v>83733</v>
      </c>
      <c r="J23735" s="1" t="s">
        <v>84993</v>
      </c>
    </row>
    <row r="23736" spans="1:10" x14ac:dyDescent="0.35">
      <c r="A23736" s="1" t="s">
        <v>84966</v>
      </c>
      <c r="B23736" s="1" t="s">
        <v>83727</v>
      </c>
      <c r="C23736" s="1" t="s">
        <v>45</v>
      </c>
      <c r="D23736" s="1" t="s">
        <v>84994</v>
      </c>
      <c r="E23736" s="1" t="s">
        <v>84995</v>
      </c>
      <c r="F23736" s="1" t="s">
        <v>84996</v>
      </c>
      <c r="G23736" s="1" t="s">
        <v>84969</v>
      </c>
      <c r="H23736" s="1" t="s">
        <v>84970</v>
      </c>
      <c r="I23736" s="1" t="s">
        <v>83733</v>
      </c>
      <c r="J23736" s="1" t="s">
        <v>84997</v>
      </c>
    </row>
    <row r="23737" spans="1:10" x14ac:dyDescent="0.35">
      <c r="A23737" s="1" t="s">
        <v>84966</v>
      </c>
      <c r="B23737" s="1" t="s">
        <v>83727</v>
      </c>
      <c r="C23737" s="1" t="s">
        <v>50</v>
      </c>
      <c r="D23737" s="1" t="s">
        <v>84998</v>
      </c>
      <c r="E23737" s="1" t="s">
        <v>84999</v>
      </c>
      <c r="F23737" s="1" t="s">
        <v>85000</v>
      </c>
      <c r="G23737" s="1" t="s">
        <v>84969</v>
      </c>
      <c r="H23737" s="1" t="s">
        <v>84970</v>
      </c>
      <c r="I23737" s="1" t="s">
        <v>83733</v>
      </c>
      <c r="J23737" s="1" t="s">
        <v>85001</v>
      </c>
    </row>
    <row r="23738" spans="1:10" x14ac:dyDescent="0.35">
      <c r="A23738" s="1" t="s">
        <v>84966</v>
      </c>
      <c r="B23738" s="1" t="s">
        <v>83727</v>
      </c>
      <c r="C23738" s="1" t="s">
        <v>55</v>
      </c>
      <c r="D23738" s="1" t="s">
        <v>85002</v>
      </c>
      <c r="E23738" s="1" t="s">
        <v>85003</v>
      </c>
      <c r="F23738" s="1" t="s">
        <v>85004</v>
      </c>
      <c r="G23738" s="1" t="s">
        <v>84969</v>
      </c>
      <c r="H23738" s="1" t="s">
        <v>84970</v>
      </c>
      <c r="I23738" s="1" t="s">
        <v>83733</v>
      </c>
      <c r="J23738" s="1" t="s">
        <v>85005</v>
      </c>
    </row>
    <row r="23739" spans="1:10" x14ac:dyDescent="0.35">
      <c r="A23739" s="1" t="s">
        <v>84966</v>
      </c>
      <c r="B23739" s="1" t="s">
        <v>83727</v>
      </c>
      <c r="C23739" s="1" t="s">
        <v>60</v>
      </c>
      <c r="D23739" s="1" t="s">
        <v>62652</v>
      </c>
      <c r="E23739" s="1" t="s">
        <v>85006</v>
      </c>
      <c r="F23739" s="1" t="s">
        <v>85007</v>
      </c>
      <c r="G23739" s="1" t="s">
        <v>84969</v>
      </c>
      <c r="H23739" s="1" t="s">
        <v>84970</v>
      </c>
      <c r="I23739" s="1" t="s">
        <v>83733</v>
      </c>
      <c r="J23739" s="1" t="s">
        <v>85008</v>
      </c>
    </row>
    <row r="23740" spans="1:10" x14ac:dyDescent="0.35">
      <c r="A23740" s="1" t="s">
        <v>84966</v>
      </c>
      <c r="B23740" s="1" t="s">
        <v>83727</v>
      </c>
      <c r="C23740" s="1" t="s">
        <v>65</v>
      </c>
      <c r="D23740" s="1" t="s">
        <v>84561</v>
      </c>
      <c r="E23740" s="1" t="s">
        <v>85009</v>
      </c>
      <c r="F23740" s="1" t="s">
        <v>85010</v>
      </c>
      <c r="G23740" s="1" t="s">
        <v>84969</v>
      </c>
      <c r="H23740" s="1" t="s">
        <v>84970</v>
      </c>
      <c r="I23740" s="1" t="s">
        <v>83733</v>
      </c>
      <c r="J23740" s="1" t="s">
        <v>85011</v>
      </c>
    </row>
    <row r="23741" spans="1:10" x14ac:dyDescent="0.35">
      <c r="A23741" s="1" t="s">
        <v>84966</v>
      </c>
      <c r="B23741" s="1" t="s">
        <v>83727</v>
      </c>
      <c r="C23741" s="1" t="s">
        <v>70</v>
      </c>
      <c r="D23741" s="1" t="s">
        <v>12601</v>
      </c>
      <c r="E23741" s="1" t="s">
        <v>85012</v>
      </c>
      <c r="F23741" s="1" t="s">
        <v>85013</v>
      </c>
      <c r="G23741" s="1" t="s">
        <v>84969</v>
      </c>
      <c r="H23741" s="1" t="s">
        <v>84970</v>
      </c>
      <c r="I23741" s="1" t="s">
        <v>83733</v>
      </c>
      <c r="J23741" s="1" t="s">
        <v>85014</v>
      </c>
    </row>
    <row r="23742" spans="1:10" x14ac:dyDescent="0.35">
      <c r="A23742" s="1" t="s">
        <v>84966</v>
      </c>
      <c r="B23742" s="1" t="s">
        <v>83727</v>
      </c>
      <c r="C23742" s="1" t="s">
        <v>75</v>
      </c>
      <c r="D23742" s="1" t="s">
        <v>85015</v>
      </c>
      <c r="E23742" s="1" t="s">
        <v>85016</v>
      </c>
      <c r="F23742" s="1" t="s">
        <v>85017</v>
      </c>
      <c r="G23742" s="1" t="s">
        <v>84969</v>
      </c>
      <c r="H23742" s="1" t="s">
        <v>84970</v>
      </c>
      <c r="I23742" s="1" t="s">
        <v>83733</v>
      </c>
      <c r="J23742" s="1" t="s">
        <v>85018</v>
      </c>
    </row>
    <row r="23743" spans="1:10" x14ac:dyDescent="0.35">
      <c r="A23743" s="1" t="s">
        <v>84966</v>
      </c>
      <c r="B23743" s="1" t="s">
        <v>83727</v>
      </c>
      <c r="C23743" s="1" t="s">
        <v>80</v>
      </c>
      <c r="D23743" s="1" t="s">
        <v>76404</v>
      </c>
      <c r="E23743" s="1" t="s">
        <v>85019</v>
      </c>
      <c r="F23743" s="1" t="s">
        <v>85020</v>
      </c>
      <c r="G23743" s="1" t="s">
        <v>84969</v>
      </c>
      <c r="H23743" s="1" t="s">
        <v>84970</v>
      </c>
      <c r="I23743" s="1" t="s">
        <v>83733</v>
      </c>
      <c r="J23743" s="1" t="s">
        <v>85021</v>
      </c>
    </row>
    <row r="23744" spans="1:10" x14ac:dyDescent="0.35">
      <c r="A23744" s="1" t="s">
        <v>84966</v>
      </c>
      <c r="B23744" s="1" t="s">
        <v>83727</v>
      </c>
      <c r="C23744" s="1" t="s">
        <v>85</v>
      </c>
      <c r="D23744" s="1" t="s">
        <v>40937</v>
      </c>
      <c r="E23744" s="1" t="s">
        <v>85022</v>
      </c>
      <c r="F23744" s="1" t="s">
        <v>85023</v>
      </c>
      <c r="G23744" s="1" t="s">
        <v>84969</v>
      </c>
      <c r="H23744" s="1" t="s">
        <v>84970</v>
      </c>
      <c r="I23744" s="1" t="s">
        <v>83733</v>
      </c>
      <c r="J23744" s="1" t="s">
        <v>85024</v>
      </c>
    </row>
    <row r="23745" spans="1:10" x14ac:dyDescent="0.35">
      <c r="A23745" s="1" t="s">
        <v>84966</v>
      </c>
      <c r="B23745" s="1" t="s">
        <v>83727</v>
      </c>
      <c r="C23745" s="1" t="s">
        <v>90</v>
      </c>
      <c r="D23745" s="1" t="s">
        <v>85025</v>
      </c>
      <c r="E23745" s="1" t="s">
        <v>85026</v>
      </c>
      <c r="F23745" s="1" t="s">
        <v>85027</v>
      </c>
      <c r="G23745" s="1" t="s">
        <v>84969</v>
      </c>
      <c r="H23745" s="1" t="s">
        <v>84970</v>
      </c>
      <c r="I23745" s="1" t="s">
        <v>83733</v>
      </c>
      <c r="J23745" s="1" t="s">
        <v>85028</v>
      </c>
    </row>
    <row r="23746" spans="1:10" x14ac:dyDescent="0.35">
      <c r="A23746" s="1" t="s">
        <v>84966</v>
      </c>
      <c r="B23746" s="1" t="s">
        <v>83727</v>
      </c>
      <c r="C23746" s="1" t="s">
        <v>95</v>
      </c>
      <c r="D23746" s="1" t="s">
        <v>85029</v>
      </c>
      <c r="E23746" s="1" t="s">
        <v>85030</v>
      </c>
      <c r="F23746" s="1" t="s">
        <v>85031</v>
      </c>
      <c r="G23746" s="1" t="s">
        <v>84969</v>
      </c>
      <c r="H23746" s="1" t="s">
        <v>84970</v>
      </c>
      <c r="I23746" s="1" t="s">
        <v>83733</v>
      </c>
      <c r="J23746" s="1" t="s">
        <v>85032</v>
      </c>
    </row>
    <row r="23747" spans="1:10" x14ac:dyDescent="0.35">
      <c r="A23747" s="1" t="s">
        <v>84966</v>
      </c>
      <c r="B23747" s="1" t="s">
        <v>83727</v>
      </c>
      <c r="C23747" s="1" t="s">
        <v>100</v>
      </c>
      <c r="D23747" s="1" t="s">
        <v>85033</v>
      </c>
      <c r="E23747" s="1" t="s">
        <v>85034</v>
      </c>
      <c r="F23747" s="1" t="s">
        <v>85035</v>
      </c>
      <c r="G23747" s="1" t="s">
        <v>84969</v>
      </c>
      <c r="H23747" s="1" t="s">
        <v>84970</v>
      </c>
      <c r="I23747" s="1" t="s">
        <v>83733</v>
      </c>
      <c r="J23747" s="1" t="s">
        <v>85036</v>
      </c>
    </row>
    <row r="23748" spans="1:10" x14ac:dyDescent="0.35">
      <c r="A23748" s="1" t="s">
        <v>84966</v>
      </c>
      <c r="B23748" s="1" t="s">
        <v>83727</v>
      </c>
      <c r="C23748" s="1" t="s">
        <v>105</v>
      </c>
      <c r="D23748" s="1" t="s">
        <v>85037</v>
      </c>
      <c r="E23748" s="1" t="s">
        <v>85038</v>
      </c>
      <c r="F23748" s="1" t="s">
        <v>85039</v>
      </c>
      <c r="G23748" s="1" t="s">
        <v>84969</v>
      </c>
      <c r="H23748" s="1" t="s">
        <v>84970</v>
      </c>
      <c r="I23748" s="1" t="s">
        <v>83733</v>
      </c>
      <c r="J23748" s="1" t="s">
        <v>85040</v>
      </c>
    </row>
    <row r="23749" spans="1:10" x14ac:dyDescent="0.35">
      <c r="A23749" s="1" t="s">
        <v>84966</v>
      </c>
      <c r="B23749" s="1" t="s">
        <v>83727</v>
      </c>
      <c r="C23749" s="1" t="s">
        <v>110</v>
      </c>
      <c r="D23749" s="1" t="s">
        <v>85041</v>
      </c>
      <c r="E23749" s="1" t="s">
        <v>85042</v>
      </c>
      <c r="F23749" s="1" t="s">
        <v>85043</v>
      </c>
      <c r="G23749" s="1" t="s">
        <v>84969</v>
      </c>
      <c r="H23749" s="1" t="s">
        <v>84970</v>
      </c>
      <c r="I23749" s="1" t="s">
        <v>83733</v>
      </c>
      <c r="J23749" s="1" t="s">
        <v>85044</v>
      </c>
    </row>
    <row r="23750" spans="1:10" x14ac:dyDescent="0.35">
      <c r="A23750" s="1" t="s">
        <v>84966</v>
      </c>
      <c r="B23750" s="1" t="s">
        <v>83727</v>
      </c>
      <c r="C23750" s="1" t="s">
        <v>115</v>
      </c>
      <c r="D23750" s="1" t="s">
        <v>506</v>
      </c>
      <c r="E23750" s="1" t="s">
        <v>85045</v>
      </c>
      <c r="F23750" s="1" t="s">
        <v>85046</v>
      </c>
      <c r="G23750" s="1" t="s">
        <v>84969</v>
      </c>
      <c r="H23750" s="1" t="s">
        <v>84970</v>
      </c>
      <c r="I23750" s="1" t="s">
        <v>83733</v>
      </c>
      <c r="J23750" s="1" t="s">
        <v>85047</v>
      </c>
    </row>
    <row r="23751" spans="1:10" x14ac:dyDescent="0.35">
      <c r="A23751" s="1" t="s">
        <v>84966</v>
      </c>
      <c r="B23751" s="1" t="s">
        <v>83727</v>
      </c>
      <c r="C23751" s="1" t="s">
        <v>120</v>
      </c>
      <c r="D23751" s="1" t="s">
        <v>85048</v>
      </c>
      <c r="E23751" s="1" t="s">
        <v>85049</v>
      </c>
      <c r="F23751" s="1" t="s">
        <v>85050</v>
      </c>
      <c r="G23751" s="1" t="s">
        <v>84969</v>
      </c>
      <c r="H23751" s="1" t="s">
        <v>84970</v>
      </c>
      <c r="I23751" s="1" t="s">
        <v>83733</v>
      </c>
      <c r="J23751" s="1" t="s">
        <v>85051</v>
      </c>
    </row>
    <row r="23752" spans="1:10" x14ac:dyDescent="0.35">
      <c r="A23752" s="1" t="s">
        <v>84966</v>
      </c>
      <c r="B23752" s="1" t="s">
        <v>83727</v>
      </c>
      <c r="C23752" s="1" t="s">
        <v>125</v>
      </c>
      <c r="D23752" s="1" t="s">
        <v>76426</v>
      </c>
      <c r="E23752" s="1" t="s">
        <v>85052</v>
      </c>
      <c r="F23752" s="1" t="s">
        <v>85053</v>
      </c>
      <c r="G23752" s="1" t="s">
        <v>84969</v>
      </c>
      <c r="H23752" s="1" t="s">
        <v>84970</v>
      </c>
      <c r="I23752" s="1" t="s">
        <v>83733</v>
      </c>
      <c r="J23752" s="1" t="s">
        <v>85054</v>
      </c>
    </row>
    <row r="23753" spans="1:10" x14ac:dyDescent="0.35">
      <c r="A23753" s="1" t="s">
        <v>84966</v>
      </c>
      <c r="B23753" s="1" t="s">
        <v>83727</v>
      </c>
      <c r="C23753" s="1" t="s">
        <v>130</v>
      </c>
      <c r="D23753" s="1" t="s">
        <v>85055</v>
      </c>
      <c r="E23753" s="1" t="s">
        <v>85056</v>
      </c>
      <c r="F23753" s="1" t="s">
        <v>85057</v>
      </c>
      <c r="G23753" s="1" t="s">
        <v>84969</v>
      </c>
      <c r="H23753" s="1" t="s">
        <v>84970</v>
      </c>
      <c r="I23753" s="1" t="s">
        <v>83733</v>
      </c>
      <c r="J23753" s="1" t="s">
        <v>85058</v>
      </c>
    </row>
    <row r="23754" spans="1:10" x14ac:dyDescent="0.35">
      <c r="A23754" s="1" t="s">
        <v>84966</v>
      </c>
      <c r="B23754" s="1" t="s">
        <v>83727</v>
      </c>
      <c r="C23754" s="1" t="s">
        <v>135</v>
      </c>
      <c r="D23754" s="1" t="s">
        <v>61780</v>
      </c>
      <c r="E23754" s="1" t="s">
        <v>85059</v>
      </c>
      <c r="F23754" s="1" t="s">
        <v>85060</v>
      </c>
      <c r="G23754" s="1" t="s">
        <v>84969</v>
      </c>
      <c r="H23754" s="1" t="s">
        <v>84970</v>
      </c>
      <c r="I23754" s="1" t="s">
        <v>83733</v>
      </c>
      <c r="J23754" s="1" t="s">
        <v>85061</v>
      </c>
    </row>
    <row r="23755" spans="1:10" x14ac:dyDescent="0.35">
      <c r="A23755" s="1" t="s">
        <v>84966</v>
      </c>
      <c r="B23755" s="1" t="s">
        <v>83727</v>
      </c>
      <c r="C23755" s="1" t="s">
        <v>140</v>
      </c>
      <c r="D23755" s="1" t="s">
        <v>79982</v>
      </c>
      <c r="E23755" s="1" t="s">
        <v>85062</v>
      </c>
      <c r="F23755" s="1" t="s">
        <v>85063</v>
      </c>
      <c r="G23755" s="1" t="s">
        <v>84969</v>
      </c>
      <c r="H23755" s="1" t="s">
        <v>84970</v>
      </c>
      <c r="I23755" s="1" t="s">
        <v>83733</v>
      </c>
      <c r="J23755" s="1" t="s">
        <v>85064</v>
      </c>
    </row>
    <row r="23756" spans="1:10" x14ac:dyDescent="0.35">
      <c r="A23756" s="1" t="s">
        <v>84966</v>
      </c>
      <c r="B23756" s="1" t="s">
        <v>83727</v>
      </c>
      <c r="C23756" s="1" t="s">
        <v>145</v>
      </c>
      <c r="D23756" s="1" t="s">
        <v>85065</v>
      </c>
      <c r="E23756" s="1" t="s">
        <v>85066</v>
      </c>
      <c r="F23756" s="1" t="s">
        <v>85067</v>
      </c>
      <c r="G23756" s="1" t="s">
        <v>84969</v>
      </c>
      <c r="H23756" s="1" t="s">
        <v>84970</v>
      </c>
      <c r="I23756" s="1" t="s">
        <v>83733</v>
      </c>
      <c r="J23756" s="1" t="s">
        <v>85068</v>
      </c>
    </row>
    <row r="23757" spans="1:10" x14ac:dyDescent="0.35">
      <c r="A23757" s="1" t="s">
        <v>84966</v>
      </c>
      <c r="B23757" s="1" t="s">
        <v>83727</v>
      </c>
      <c r="C23757" s="1" t="s">
        <v>150</v>
      </c>
      <c r="D23757" s="1" t="s">
        <v>85069</v>
      </c>
      <c r="E23757" s="1" t="s">
        <v>85070</v>
      </c>
      <c r="F23757" s="1" t="s">
        <v>85071</v>
      </c>
      <c r="G23757" s="1" t="s">
        <v>84969</v>
      </c>
      <c r="H23757" s="1" t="s">
        <v>84970</v>
      </c>
      <c r="I23757" s="1" t="s">
        <v>83733</v>
      </c>
      <c r="J23757" s="1" t="s">
        <v>85072</v>
      </c>
    </row>
    <row r="23758" spans="1:10" x14ac:dyDescent="0.35">
      <c r="A23758" s="1" t="s">
        <v>84966</v>
      </c>
      <c r="B23758" s="1" t="s">
        <v>83727</v>
      </c>
      <c r="C23758" s="1" t="s">
        <v>155</v>
      </c>
      <c r="D23758" s="1" t="s">
        <v>55106</v>
      </c>
      <c r="E23758" s="1" t="s">
        <v>85073</v>
      </c>
      <c r="F23758" s="1" t="s">
        <v>85074</v>
      </c>
      <c r="G23758" s="1" t="s">
        <v>84969</v>
      </c>
      <c r="H23758" s="1" t="s">
        <v>84970</v>
      </c>
      <c r="I23758" s="1" t="s">
        <v>83733</v>
      </c>
      <c r="J23758" s="1" t="s">
        <v>85075</v>
      </c>
    </row>
    <row r="23759" spans="1:10" x14ac:dyDescent="0.35">
      <c r="A23759" s="1" t="s">
        <v>84966</v>
      </c>
      <c r="B23759" s="1" t="s">
        <v>83727</v>
      </c>
      <c r="C23759" s="1" t="s">
        <v>160</v>
      </c>
      <c r="D23759" s="1" t="s">
        <v>59212</v>
      </c>
      <c r="E23759" s="1" t="s">
        <v>85076</v>
      </c>
      <c r="F23759" s="1" t="s">
        <v>85077</v>
      </c>
      <c r="G23759" s="1" t="s">
        <v>84969</v>
      </c>
      <c r="H23759" s="1" t="s">
        <v>84970</v>
      </c>
      <c r="I23759" s="1" t="s">
        <v>83733</v>
      </c>
      <c r="J23759" s="1" t="s">
        <v>85078</v>
      </c>
    </row>
    <row r="23760" spans="1:10" x14ac:dyDescent="0.35">
      <c r="A23760" s="1" t="s">
        <v>84966</v>
      </c>
      <c r="B23760" s="1" t="s">
        <v>83727</v>
      </c>
      <c r="C23760" s="1" t="s">
        <v>165</v>
      </c>
      <c r="D23760" s="1" t="s">
        <v>66954</v>
      </c>
      <c r="E23760" s="1" t="s">
        <v>85079</v>
      </c>
      <c r="F23760" s="1" t="s">
        <v>85080</v>
      </c>
      <c r="G23760" s="1" t="s">
        <v>84969</v>
      </c>
      <c r="H23760" s="1" t="s">
        <v>84970</v>
      </c>
      <c r="I23760" s="1" t="s">
        <v>83733</v>
      </c>
      <c r="J23760" s="1" t="s">
        <v>85081</v>
      </c>
    </row>
    <row r="23761" spans="1:10" x14ac:dyDescent="0.35">
      <c r="A23761" s="1" t="s">
        <v>84966</v>
      </c>
      <c r="B23761" s="1" t="s">
        <v>83727</v>
      </c>
      <c r="C23761" s="1" t="s">
        <v>170</v>
      </c>
      <c r="D23761" s="1" t="s">
        <v>85082</v>
      </c>
      <c r="E23761" s="1" t="s">
        <v>85083</v>
      </c>
      <c r="F23761" s="1" t="s">
        <v>85084</v>
      </c>
      <c r="G23761" s="1" t="s">
        <v>84969</v>
      </c>
      <c r="H23761" s="1" t="s">
        <v>84970</v>
      </c>
      <c r="I23761" s="1" t="s">
        <v>83733</v>
      </c>
      <c r="J23761" s="1" t="s">
        <v>85085</v>
      </c>
    </row>
    <row r="23762" spans="1:10" x14ac:dyDescent="0.35">
      <c r="A23762" s="1" t="s">
        <v>1114</v>
      </c>
      <c r="B23762" s="1" t="s">
        <v>83727</v>
      </c>
      <c r="C23762" s="1" t="s">
        <v>8</v>
      </c>
      <c r="D23762" s="1" t="s">
        <v>57228</v>
      </c>
      <c r="E23762" s="1" t="s">
        <v>85086</v>
      </c>
      <c r="F23762" s="1" t="s">
        <v>85087</v>
      </c>
      <c r="G23762" s="1" t="s">
        <v>85088</v>
      </c>
      <c r="H23762" s="1" t="s">
        <v>85089</v>
      </c>
      <c r="I23762" s="1" t="s">
        <v>83733</v>
      </c>
      <c r="J23762" s="1" t="s">
        <v>13</v>
      </c>
    </row>
    <row r="23763" spans="1:10" x14ac:dyDescent="0.35">
      <c r="A23763" s="1" t="s">
        <v>1114</v>
      </c>
      <c r="B23763" s="1" t="s">
        <v>83727</v>
      </c>
      <c r="C23763" s="1" t="s">
        <v>15</v>
      </c>
      <c r="D23763" s="1" t="s">
        <v>85090</v>
      </c>
      <c r="E23763" s="1" t="s">
        <v>85091</v>
      </c>
      <c r="F23763" s="1" t="s">
        <v>85092</v>
      </c>
      <c r="G23763" s="1" t="s">
        <v>85088</v>
      </c>
      <c r="H23763" s="1" t="s">
        <v>85089</v>
      </c>
      <c r="I23763" s="1" t="s">
        <v>83733</v>
      </c>
      <c r="J23763" s="1" t="s">
        <v>85093</v>
      </c>
    </row>
    <row r="23764" spans="1:10" x14ac:dyDescent="0.35">
      <c r="A23764" s="1" t="s">
        <v>1114</v>
      </c>
      <c r="B23764" s="1" t="s">
        <v>83727</v>
      </c>
      <c r="C23764" s="1" t="s">
        <v>20</v>
      </c>
      <c r="D23764" s="1" t="s">
        <v>85094</v>
      </c>
      <c r="E23764" s="1" t="s">
        <v>85095</v>
      </c>
      <c r="F23764" s="1" t="s">
        <v>85096</v>
      </c>
      <c r="G23764" s="1" t="s">
        <v>85088</v>
      </c>
      <c r="H23764" s="1" t="s">
        <v>85089</v>
      </c>
      <c r="I23764" s="1" t="s">
        <v>83733</v>
      </c>
      <c r="J23764" s="1" t="s">
        <v>85097</v>
      </c>
    </row>
    <row r="23765" spans="1:10" x14ac:dyDescent="0.35">
      <c r="A23765" s="1" t="s">
        <v>1114</v>
      </c>
      <c r="B23765" s="1" t="s">
        <v>83727</v>
      </c>
      <c r="C23765" s="1" t="s">
        <v>25</v>
      </c>
      <c r="D23765" s="1" t="s">
        <v>85098</v>
      </c>
      <c r="E23765" s="1" t="s">
        <v>85099</v>
      </c>
      <c r="F23765" s="1" t="s">
        <v>85100</v>
      </c>
      <c r="G23765" s="1" t="s">
        <v>85088</v>
      </c>
      <c r="H23765" s="1" t="s">
        <v>85089</v>
      </c>
      <c r="I23765" s="1" t="s">
        <v>83733</v>
      </c>
      <c r="J23765" s="1" t="s">
        <v>85101</v>
      </c>
    </row>
    <row r="23766" spans="1:10" x14ac:dyDescent="0.35">
      <c r="A23766" s="1" t="s">
        <v>1114</v>
      </c>
      <c r="B23766" s="1" t="s">
        <v>83727</v>
      </c>
      <c r="C23766" s="1" t="s">
        <v>30</v>
      </c>
      <c r="D23766" s="1" t="s">
        <v>50882</v>
      </c>
      <c r="E23766" s="1" t="s">
        <v>85102</v>
      </c>
      <c r="F23766" s="1" t="s">
        <v>85103</v>
      </c>
      <c r="G23766" s="1" t="s">
        <v>85088</v>
      </c>
      <c r="H23766" s="1" t="s">
        <v>85089</v>
      </c>
      <c r="I23766" s="1" t="s">
        <v>83733</v>
      </c>
      <c r="J23766" s="1" t="s">
        <v>85104</v>
      </c>
    </row>
    <row r="23767" spans="1:10" x14ac:dyDescent="0.35">
      <c r="A23767" s="1" t="s">
        <v>1114</v>
      </c>
      <c r="B23767" s="1" t="s">
        <v>83727</v>
      </c>
      <c r="C23767" s="1" t="s">
        <v>35</v>
      </c>
      <c r="D23767" s="1" t="s">
        <v>69321</v>
      </c>
      <c r="E23767" s="1" t="s">
        <v>85105</v>
      </c>
      <c r="F23767" s="1" t="s">
        <v>85106</v>
      </c>
      <c r="G23767" s="1" t="s">
        <v>85088</v>
      </c>
      <c r="H23767" s="1" t="s">
        <v>85089</v>
      </c>
      <c r="I23767" s="1" t="s">
        <v>83733</v>
      </c>
      <c r="J23767" s="1" t="s">
        <v>85107</v>
      </c>
    </row>
    <row r="23768" spans="1:10" x14ac:dyDescent="0.35">
      <c r="A23768" s="1" t="s">
        <v>1114</v>
      </c>
      <c r="B23768" s="1" t="s">
        <v>83727</v>
      </c>
      <c r="C23768" s="1" t="s">
        <v>40</v>
      </c>
      <c r="D23768" s="1" t="s">
        <v>64045</v>
      </c>
      <c r="E23768" s="1" t="s">
        <v>85108</v>
      </c>
      <c r="F23768" s="1" t="s">
        <v>85109</v>
      </c>
      <c r="G23768" s="1" t="s">
        <v>85088</v>
      </c>
      <c r="H23768" s="1" t="s">
        <v>85089</v>
      </c>
      <c r="I23768" s="1" t="s">
        <v>83733</v>
      </c>
      <c r="J23768" s="1" t="s">
        <v>85110</v>
      </c>
    </row>
    <row r="23769" spans="1:10" x14ac:dyDescent="0.35">
      <c r="A23769" s="1" t="s">
        <v>1114</v>
      </c>
      <c r="B23769" s="1" t="s">
        <v>83727</v>
      </c>
      <c r="C23769" s="1" t="s">
        <v>45</v>
      </c>
      <c r="D23769" s="1" t="s">
        <v>84371</v>
      </c>
      <c r="E23769" s="1" t="s">
        <v>85111</v>
      </c>
      <c r="F23769" s="1" t="s">
        <v>85112</v>
      </c>
      <c r="G23769" s="1" t="s">
        <v>85088</v>
      </c>
      <c r="H23769" s="1" t="s">
        <v>85089</v>
      </c>
      <c r="I23769" s="1" t="s">
        <v>83733</v>
      </c>
      <c r="J23769" s="1" t="s">
        <v>85113</v>
      </c>
    </row>
    <row r="23770" spans="1:10" x14ac:dyDescent="0.35">
      <c r="A23770" s="1" t="s">
        <v>1114</v>
      </c>
      <c r="B23770" s="1" t="s">
        <v>83727</v>
      </c>
      <c r="C23770" s="1" t="s">
        <v>50</v>
      </c>
      <c r="D23770" s="1" t="s">
        <v>85114</v>
      </c>
      <c r="E23770" s="1" t="s">
        <v>85115</v>
      </c>
      <c r="F23770" s="1" t="s">
        <v>85116</v>
      </c>
      <c r="G23770" s="1" t="s">
        <v>85088</v>
      </c>
      <c r="H23770" s="1" t="s">
        <v>85089</v>
      </c>
      <c r="I23770" s="1" t="s">
        <v>83733</v>
      </c>
      <c r="J23770" s="1" t="s">
        <v>85117</v>
      </c>
    </row>
    <row r="23771" spans="1:10" x14ac:dyDescent="0.35">
      <c r="A23771" s="1" t="s">
        <v>1114</v>
      </c>
      <c r="B23771" s="1" t="s">
        <v>83727</v>
      </c>
      <c r="C23771" s="1" t="s">
        <v>55</v>
      </c>
      <c r="D23771" s="1" t="s">
        <v>84524</v>
      </c>
      <c r="E23771" s="1" t="s">
        <v>85118</v>
      </c>
      <c r="F23771" s="1" t="s">
        <v>85119</v>
      </c>
      <c r="G23771" s="1" t="s">
        <v>85088</v>
      </c>
      <c r="H23771" s="1" t="s">
        <v>85089</v>
      </c>
      <c r="I23771" s="1" t="s">
        <v>83733</v>
      </c>
      <c r="J23771" s="1" t="s">
        <v>85120</v>
      </c>
    </row>
    <row r="23772" spans="1:10" x14ac:dyDescent="0.35">
      <c r="A23772" s="1" t="s">
        <v>1114</v>
      </c>
      <c r="B23772" s="1" t="s">
        <v>83727</v>
      </c>
      <c r="C23772" s="1" t="s">
        <v>60</v>
      </c>
      <c r="D23772" s="1" t="s">
        <v>85121</v>
      </c>
      <c r="E23772" s="1" t="s">
        <v>85122</v>
      </c>
      <c r="F23772" s="1" t="s">
        <v>85123</v>
      </c>
      <c r="G23772" s="1" t="s">
        <v>85088</v>
      </c>
      <c r="H23772" s="1" t="s">
        <v>85089</v>
      </c>
      <c r="I23772" s="1" t="s">
        <v>83733</v>
      </c>
      <c r="J23772" s="1" t="s">
        <v>85124</v>
      </c>
    </row>
    <row r="23773" spans="1:10" x14ac:dyDescent="0.35">
      <c r="A23773" s="1" t="s">
        <v>1114</v>
      </c>
      <c r="B23773" s="1" t="s">
        <v>83727</v>
      </c>
      <c r="C23773" s="1" t="s">
        <v>65</v>
      </c>
      <c r="D23773" s="1" t="s">
        <v>85125</v>
      </c>
      <c r="E23773" s="1" t="s">
        <v>85126</v>
      </c>
      <c r="F23773" s="1" t="s">
        <v>85127</v>
      </c>
      <c r="G23773" s="1" t="s">
        <v>85088</v>
      </c>
      <c r="H23773" s="1" t="s">
        <v>85089</v>
      </c>
      <c r="I23773" s="1" t="s">
        <v>83733</v>
      </c>
      <c r="J23773" s="1" t="s">
        <v>85128</v>
      </c>
    </row>
    <row r="23774" spans="1:10" x14ac:dyDescent="0.35">
      <c r="A23774" s="1" t="s">
        <v>1114</v>
      </c>
      <c r="B23774" s="1" t="s">
        <v>83727</v>
      </c>
      <c r="C23774" s="1" t="s">
        <v>70</v>
      </c>
      <c r="D23774" s="1" t="s">
        <v>85129</v>
      </c>
      <c r="E23774" s="1" t="s">
        <v>85130</v>
      </c>
      <c r="F23774" s="1" t="s">
        <v>85131</v>
      </c>
      <c r="G23774" s="1" t="s">
        <v>85088</v>
      </c>
      <c r="H23774" s="1" t="s">
        <v>85089</v>
      </c>
      <c r="I23774" s="1" t="s">
        <v>83733</v>
      </c>
      <c r="J23774" s="1" t="s">
        <v>85132</v>
      </c>
    </row>
    <row r="23775" spans="1:10" x14ac:dyDescent="0.35">
      <c r="A23775" s="1" t="s">
        <v>1114</v>
      </c>
      <c r="B23775" s="1" t="s">
        <v>83727</v>
      </c>
      <c r="C23775" s="1" t="s">
        <v>75</v>
      </c>
      <c r="D23775" s="1" t="s">
        <v>85133</v>
      </c>
      <c r="E23775" s="1" t="s">
        <v>85134</v>
      </c>
      <c r="F23775" s="1" t="s">
        <v>85135</v>
      </c>
      <c r="G23775" s="1" t="s">
        <v>85088</v>
      </c>
      <c r="H23775" s="1" t="s">
        <v>85089</v>
      </c>
      <c r="I23775" s="1" t="s">
        <v>83733</v>
      </c>
      <c r="J23775" s="1" t="s">
        <v>85136</v>
      </c>
    </row>
    <row r="23776" spans="1:10" x14ac:dyDescent="0.35">
      <c r="A23776" s="1" t="s">
        <v>1114</v>
      </c>
      <c r="B23776" s="1" t="s">
        <v>83727</v>
      </c>
      <c r="C23776" s="1" t="s">
        <v>80</v>
      </c>
      <c r="D23776" s="1" t="s">
        <v>85137</v>
      </c>
      <c r="E23776" s="1" t="s">
        <v>85138</v>
      </c>
      <c r="F23776" s="1" t="s">
        <v>85139</v>
      </c>
      <c r="G23776" s="1" t="s">
        <v>85088</v>
      </c>
      <c r="H23776" s="1" t="s">
        <v>85089</v>
      </c>
      <c r="I23776" s="1" t="s">
        <v>83733</v>
      </c>
      <c r="J23776" s="1" t="s">
        <v>85140</v>
      </c>
    </row>
    <row r="23777" spans="1:10" x14ac:dyDescent="0.35">
      <c r="A23777" s="1" t="s">
        <v>1114</v>
      </c>
      <c r="B23777" s="1" t="s">
        <v>83727</v>
      </c>
      <c r="C23777" s="1" t="s">
        <v>85</v>
      </c>
      <c r="D23777" s="1" t="s">
        <v>85141</v>
      </c>
      <c r="E23777" s="1" t="s">
        <v>85142</v>
      </c>
      <c r="F23777" s="1" t="s">
        <v>85143</v>
      </c>
      <c r="G23777" s="1" t="s">
        <v>85088</v>
      </c>
      <c r="H23777" s="1" t="s">
        <v>85089</v>
      </c>
      <c r="I23777" s="1" t="s">
        <v>83733</v>
      </c>
      <c r="J23777" s="1" t="s">
        <v>85144</v>
      </c>
    </row>
    <row r="23778" spans="1:10" x14ac:dyDescent="0.35">
      <c r="A23778" s="1" t="s">
        <v>1114</v>
      </c>
      <c r="B23778" s="1" t="s">
        <v>83727</v>
      </c>
      <c r="C23778" s="1" t="s">
        <v>90</v>
      </c>
      <c r="D23778" s="1" t="s">
        <v>85145</v>
      </c>
      <c r="E23778" s="1" t="s">
        <v>85146</v>
      </c>
      <c r="F23778" s="1" t="s">
        <v>85147</v>
      </c>
      <c r="G23778" s="1" t="s">
        <v>85088</v>
      </c>
      <c r="H23778" s="1" t="s">
        <v>85089</v>
      </c>
      <c r="I23778" s="1" t="s">
        <v>83733</v>
      </c>
      <c r="J23778" s="1" t="s">
        <v>85148</v>
      </c>
    </row>
    <row r="23779" spans="1:10" x14ac:dyDescent="0.35">
      <c r="A23779" s="1" t="s">
        <v>1114</v>
      </c>
      <c r="B23779" s="1" t="s">
        <v>83727</v>
      </c>
      <c r="C23779" s="1" t="s">
        <v>95</v>
      </c>
      <c r="D23779" s="1" t="s">
        <v>85149</v>
      </c>
      <c r="E23779" s="1" t="s">
        <v>85150</v>
      </c>
      <c r="F23779" s="1" t="s">
        <v>85151</v>
      </c>
      <c r="G23779" s="1" t="s">
        <v>85088</v>
      </c>
      <c r="H23779" s="1" t="s">
        <v>85089</v>
      </c>
      <c r="I23779" s="1" t="s">
        <v>83733</v>
      </c>
      <c r="J23779" s="1" t="s">
        <v>85152</v>
      </c>
    </row>
    <row r="23780" spans="1:10" x14ac:dyDescent="0.35">
      <c r="A23780" s="1" t="s">
        <v>1114</v>
      </c>
      <c r="B23780" s="1" t="s">
        <v>83727</v>
      </c>
      <c r="C23780" s="1" t="s">
        <v>100</v>
      </c>
      <c r="D23780" s="1" t="s">
        <v>67131</v>
      </c>
      <c r="E23780" s="1" t="s">
        <v>85153</v>
      </c>
      <c r="F23780" s="1" t="s">
        <v>85154</v>
      </c>
      <c r="G23780" s="1" t="s">
        <v>85088</v>
      </c>
      <c r="H23780" s="1" t="s">
        <v>85089</v>
      </c>
      <c r="I23780" s="1" t="s">
        <v>83733</v>
      </c>
      <c r="J23780" s="1" t="s">
        <v>85155</v>
      </c>
    </row>
    <row r="23781" spans="1:10" x14ac:dyDescent="0.35">
      <c r="A23781" s="1" t="s">
        <v>1114</v>
      </c>
      <c r="B23781" s="1" t="s">
        <v>83727</v>
      </c>
      <c r="C23781" s="1" t="s">
        <v>105</v>
      </c>
      <c r="D23781" s="1" t="s">
        <v>85156</v>
      </c>
      <c r="E23781" s="1" t="s">
        <v>85157</v>
      </c>
      <c r="F23781" s="1" t="s">
        <v>85158</v>
      </c>
      <c r="G23781" s="1" t="s">
        <v>85088</v>
      </c>
      <c r="H23781" s="1" t="s">
        <v>85089</v>
      </c>
      <c r="I23781" s="1" t="s">
        <v>83733</v>
      </c>
      <c r="J23781" s="1" t="s">
        <v>85159</v>
      </c>
    </row>
    <row r="23782" spans="1:10" x14ac:dyDescent="0.35">
      <c r="A23782" s="1" t="s">
        <v>1114</v>
      </c>
      <c r="B23782" s="1" t="s">
        <v>83727</v>
      </c>
      <c r="C23782" s="1" t="s">
        <v>110</v>
      </c>
      <c r="D23782" s="1" t="s">
        <v>85160</v>
      </c>
      <c r="E23782" s="1" t="s">
        <v>85161</v>
      </c>
      <c r="F23782" s="1" t="s">
        <v>85162</v>
      </c>
      <c r="G23782" s="1" t="s">
        <v>85088</v>
      </c>
      <c r="H23782" s="1" t="s">
        <v>85089</v>
      </c>
      <c r="I23782" s="1" t="s">
        <v>83733</v>
      </c>
      <c r="J23782" s="1" t="s">
        <v>85163</v>
      </c>
    </row>
    <row r="23783" spans="1:10" x14ac:dyDescent="0.35">
      <c r="A23783" s="1" t="s">
        <v>1114</v>
      </c>
      <c r="B23783" s="1" t="s">
        <v>83727</v>
      </c>
      <c r="C23783" s="1" t="s">
        <v>115</v>
      </c>
      <c r="D23783" s="1" t="s">
        <v>63227</v>
      </c>
      <c r="E23783" s="1" t="s">
        <v>85164</v>
      </c>
      <c r="F23783" s="1" t="s">
        <v>85165</v>
      </c>
      <c r="G23783" s="1" t="s">
        <v>85088</v>
      </c>
      <c r="H23783" s="1" t="s">
        <v>85089</v>
      </c>
      <c r="I23783" s="1" t="s">
        <v>83733</v>
      </c>
      <c r="J23783" s="1" t="s">
        <v>85166</v>
      </c>
    </row>
    <row r="23784" spans="1:10" x14ac:dyDescent="0.35">
      <c r="A23784" s="1" t="s">
        <v>1114</v>
      </c>
      <c r="B23784" s="1" t="s">
        <v>83727</v>
      </c>
      <c r="C23784" s="1" t="s">
        <v>120</v>
      </c>
      <c r="D23784" s="1" t="s">
        <v>85167</v>
      </c>
      <c r="E23784" s="1" t="s">
        <v>85168</v>
      </c>
      <c r="F23784" s="1" t="s">
        <v>85169</v>
      </c>
      <c r="G23784" s="1" t="s">
        <v>85088</v>
      </c>
      <c r="H23784" s="1" t="s">
        <v>85089</v>
      </c>
      <c r="I23784" s="1" t="s">
        <v>83733</v>
      </c>
      <c r="J23784" s="1" t="s">
        <v>85170</v>
      </c>
    </row>
    <row r="23785" spans="1:10" x14ac:dyDescent="0.35">
      <c r="A23785" s="1" t="s">
        <v>1114</v>
      </c>
      <c r="B23785" s="1" t="s">
        <v>83727</v>
      </c>
      <c r="C23785" s="1" t="s">
        <v>125</v>
      </c>
      <c r="D23785" s="1" t="s">
        <v>5318</v>
      </c>
      <c r="E23785" s="1" t="s">
        <v>85171</v>
      </c>
      <c r="F23785" s="1" t="s">
        <v>85172</v>
      </c>
      <c r="G23785" s="1" t="s">
        <v>85088</v>
      </c>
      <c r="H23785" s="1" t="s">
        <v>85089</v>
      </c>
      <c r="I23785" s="1" t="s">
        <v>83733</v>
      </c>
      <c r="J23785" s="1" t="s">
        <v>85173</v>
      </c>
    </row>
    <row r="23786" spans="1:10" x14ac:dyDescent="0.35">
      <c r="A23786" s="1" t="s">
        <v>1114</v>
      </c>
      <c r="B23786" s="1" t="s">
        <v>83727</v>
      </c>
      <c r="C23786" s="1" t="s">
        <v>130</v>
      </c>
      <c r="D23786" s="1" t="s">
        <v>85174</v>
      </c>
      <c r="E23786" s="1" t="s">
        <v>85175</v>
      </c>
      <c r="F23786" s="1" t="s">
        <v>85176</v>
      </c>
      <c r="G23786" s="1" t="s">
        <v>85088</v>
      </c>
      <c r="H23786" s="1" t="s">
        <v>85089</v>
      </c>
      <c r="I23786" s="1" t="s">
        <v>83733</v>
      </c>
      <c r="J23786" s="1" t="s">
        <v>85177</v>
      </c>
    </row>
    <row r="23787" spans="1:10" x14ac:dyDescent="0.35">
      <c r="A23787" s="1" t="s">
        <v>1114</v>
      </c>
      <c r="B23787" s="1" t="s">
        <v>83727</v>
      </c>
      <c r="C23787" s="1" t="s">
        <v>135</v>
      </c>
      <c r="D23787" s="1" t="s">
        <v>85178</v>
      </c>
      <c r="E23787" s="1" t="s">
        <v>85179</v>
      </c>
      <c r="F23787" s="1" t="s">
        <v>85180</v>
      </c>
      <c r="G23787" s="1" t="s">
        <v>85088</v>
      </c>
      <c r="H23787" s="1" t="s">
        <v>85089</v>
      </c>
      <c r="I23787" s="1" t="s">
        <v>83733</v>
      </c>
      <c r="J23787" s="1" t="s">
        <v>85181</v>
      </c>
    </row>
    <row r="23788" spans="1:10" x14ac:dyDescent="0.35">
      <c r="A23788" s="1" t="s">
        <v>1114</v>
      </c>
      <c r="B23788" s="1" t="s">
        <v>83727</v>
      </c>
      <c r="C23788" s="1" t="s">
        <v>140</v>
      </c>
      <c r="D23788" s="1" t="s">
        <v>85182</v>
      </c>
      <c r="E23788" s="1" t="s">
        <v>85183</v>
      </c>
      <c r="F23788" s="1" t="s">
        <v>85184</v>
      </c>
      <c r="G23788" s="1" t="s">
        <v>85088</v>
      </c>
      <c r="H23788" s="1" t="s">
        <v>85089</v>
      </c>
      <c r="I23788" s="1" t="s">
        <v>83733</v>
      </c>
      <c r="J23788" s="1" t="s">
        <v>85185</v>
      </c>
    </row>
    <row r="23789" spans="1:10" x14ac:dyDescent="0.35">
      <c r="A23789" s="1" t="s">
        <v>1114</v>
      </c>
      <c r="B23789" s="1" t="s">
        <v>83727</v>
      </c>
      <c r="C23789" s="1" t="s">
        <v>145</v>
      </c>
      <c r="D23789" s="1" t="s">
        <v>66919</v>
      </c>
      <c r="E23789" s="1" t="s">
        <v>85186</v>
      </c>
      <c r="F23789" s="1" t="s">
        <v>85187</v>
      </c>
      <c r="G23789" s="1" t="s">
        <v>85088</v>
      </c>
      <c r="H23789" s="1" t="s">
        <v>85089</v>
      </c>
      <c r="I23789" s="1" t="s">
        <v>83733</v>
      </c>
      <c r="J23789" s="1" t="s">
        <v>85188</v>
      </c>
    </row>
    <row r="23790" spans="1:10" x14ac:dyDescent="0.35">
      <c r="A23790" s="1" t="s">
        <v>1114</v>
      </c>
      <c r="B23790" s="1" t="s">
        <v>83727</v>
      </c>
      <c r="C23790" s="1" t="s">
        <v>150</v>
      </c>
      <c r="D23790" s="1" t="s">
        <v>85189</v>
      </c>
      <c r="E23790" s="1" t="s">
        <v>85190</v>
      </c>
      <c r="F23790" s="1" t="s">
        <v>85191</v>
      </c>
      <c r="G23790" s="1" t="s">
        <v>85088</v>
      </c>
      <c r="H23790" s="1" t="s">
        <v>85089</v>
      </c>
      <c r="I23790" s="1" t="s">
        <v>83733</v>
      </c>
      <c r="J23790" s="1" t="s">
        <v>85192</v>
      </c>
    </row>
    <row r="23791" spans="1:10" x14ac:dyDescent="0.35">
      <c r="A23791" s="1" t="s">
        <v>1114</v>
      </c>
      <c r="B23791" s="1" t="s">
        <v>83727</v>
      </c>
      <c r="C23791" s="1" t="s">
        <v>155</v>
      </c>
      <c r="D23791" s="1" t="s">
        <v>85193</v>
      </c>
      <c r="E23791" s="1" t="s">
        <v>85194</v>
      </c>
      <c r="F23791" s="1" t="s">
        <v>85195</v>
      </c>
      <c r="G23791" s="1" t="s">
        <v>85088</v>
      </c>
      <c r="H23791" s="1" t="s">
        <v>85089</v>
      </c>
      <c r="I23791" s="1" t="s">
        <v>83733</v>
      </c>
      <c r="J23791" s="1" t="s">
        <v>85196</v>
      </c>
    </row>
    <row r="23792" spans="1:10" x14ac:dyDescent="0.35">
      <c r="A23792" s="1" t="s">
        <v>1114</v>
      </c>
      <c r="B23792" s="1" t="s">
        <v>83727</v>
      </c>
      <c r="C23792" s="1" t="s">
        <v>160</v>
      </c>
      <c r="D23792" s="1" t="s">
        <v>85193</v>
      </c>
      <c r="E23792" s="1" t="s">
        <v>85197</v>
      </c>
      <c r="F23792" s="1" t="s">
        <v>85198</v>
      </c>
      <c r="G23792" s="1" t="s">
        <v>85088</v>
      </c>
      <c r="H23792" s="1" t="s">
        <v>85089</v>
      </c>
      <c r="I23792" s="1" t="s">
        <v>83733</v>
      </c>
      <c r="J23792" s="1" t="s">
        <v>1180</v>
      </c>
    </row>
    <row r="23793" spans="1:10" x14ac:dyDescent="0.35">
      <c r="A23793" s="1" t="s">
        <v>1114</v>
      </c>
      <c r="B23793" s="1" t="s">
        <v>83727</v>
      </c>
      <c r="C23793" s="1" t="s">
        <v>165</v>
      </c>
      <c r="D23793" s="1" t="s">
        <v>85199</v>
      </c>
      <c r="E23793" s="1" t="s">
        <v>85200</v>
      </c>
      <c r="F23793" s="1" t="s">
        <v>85201</v>
      </c>
      <c r="G23793" s="1" t="s">
        <v>85088</v>
      </c>
      <c r="H23793" s="1" t="s">
        <v>85089</v>
      </c>
      <c r="I23793" s="1" t="s">
        <v>83733</v>
      </c>
      <c r="J23793" s="1" t="s">
        <v>85202</v>
      </c>
    </row>
    <row r="23794" spans="1:10" x14ac:dyDescent="0.35">
      <c r="A23794" s="1" t="s">
        <v>1114</v>
      </c>
      <c r="B23794" s="1" t="s">
        <v>83727</v>
      </c>
      <c r="C23794" s="1" t="s">
        <v>170</v>
      </c>
      <c r="D23794" s="1" t="s">
        <v>64629</v>
      </c>
      <c r="E23794" s="1" t="s">
        <v>85203</v>
      </c>
      <c r="F23794" s="1" t="s">
        <v>85204</v>
      </c>
      <c r="G23794" s="1" t="s">
        <v>85088</v>
      </c>
      <c r="H23794" s="1" t="s">
        <v>85089</v>
      </c>
      <c r="I23794" s="1" t="s">
        <v>83733</v>
      </c>
      <c r="J23794" s="1" t="s">
        <v>85205</v>
      </c>
    </row>
    <row r="23795" spans="1:10" x14ac:dyDescent="0.35">
      <c r="A23795" s="1" t="s">
        <v>51531</v>
      </c>
      <c r="B23795" s="1" t="s">
        <v>83727</v>
      </c>
      <c r="C23795" s="1" t="s">
        <v>8</v>
      </c>
      <c r="D23795" s="1" t="s">
        <v>22527</v>
      </c>
      <c r="E23795" s="1" t="s">
        <v>85206</v>
      </c>
      <c r="F23795" s="1" t="s">
        <v>85207</v>
      </c>
      <c r="G23795" s="1" t="s">
        <v>85208</v>
      </c>
      <c r="H23795" s="1" t="s">
        <v>85209</v>
      </c>
      <c r="I23795" s="1" t="s">
        <v>83733</v>
      </c>
      <c r="J23795" s="1" t="s">
        <v>13</v>
      </c>
    </row>
    <row r="23796" spans="1:10" x14ac:dyDescent="0.35">
      <c r="A23796" s="1" t="s">
        <v>51531</v>
      </c>
      <c r="B23796" s="1" t="s">
        <v>83727</v>
      </c>
      <c r="C23796" s="1" t="s">
        <v>15</v>
      </c>
      <c r="D23796" s="1" t="s">
        <v>85210</v>
      </c>
      <c r="E23796" s="1" t="s">
        <v>85211</v>
      </c>
      <c r="F23796" s="1" t="s">
        <v>85212</v>
      </c>
      <c r="G23796" s="1" t="s">
        <v>85208</v>
      </c>
      <c r="H23796" s="1" t="s">
        <v>85209</v>
      </c>
      <c r="I23796" s="1" t="s">
        <v>83733</v>
      </c>
      <c r="J23796" s="1" t="s">
        <v>85213</v>
      </c>
    </row>
    <row r="23797" spans="1:10" x14ac:dyDescent="0.35">
      <c r="A23797" s="1" t="s">
        <v>51531</v>
      </c>
      <c r="B23797" s="1" t="s">
        <v>83727</v>
      </c>
      <c r="C23797" s="1" t="s">
        <v>20</v>
      </c>
      <c r="D23797" s="1" t="s">
        <v>53459</v>
      </c>
      <c r="E23797" s="1" t="s">
        <v>85214</v>
      </c>
      <c r="F23797" s="1" t="s">
        <v>85215</v>
      </c>
      <c r="G23797" s="1" t="s">
        <v>85208</v>
      </c>
      <c r="H23797" s="1" t="s">
        <v>85209</v>
      </c>
      <c r="I23797" s="1" t="s">
        <v>83733</v>
      </c>
      <c r="J23797" s="1" t="s">
        <v>85216</v>
      </c>
    </row>
    <row r="23798" spans="1:10" x14ac:dyDescent="0.35">
      <c r="A23798" s="1" t="s">
        <v>51531</v>
      </c>
      <c r="B23798" s="1" t="s">
        <v>83727</v>
      </c>
      <c r="C23798" s="1" t="s">
        <v>25</v>
      </c>
      <c r="D23798" s="1" t="s">
        <v>22498</v>
      </c>
      <c r="E23798" s="1" t="s">
        <v>85217</v>
      </c>
      <c r="F23798" s="1" t="s">
        <v>85218</v>
      </c>
      <c r="G23798" s="1" t="s">
        <v>85208</v>
      </c>
      <c r="H23798" s="1" t="s">
        <v>85209</v>
      </c>
      <c r="I23798" s="1" t="s">
        <v>83733</v>
      </c>
      <c r="J23798" s="1" t="s">
        <v>85219</v>
      </c>
    </row>
    <row r="23799" spans="1:10" x14ac:dyDescent="0.35">
      <c r="A23799" s="1" t="s">
        <v>51531</v>
      </c>
      <c r="B23799" s="1" t="s">
        <v>83727</v>
      </c>
      <c r="C23799" s="1" t="s">
        <v>30</v>
      </c>
      <c r="D23799" s="1" t="s">
        <v>85220</v>
      </c>
      <c r="E23799" s="1" t="s">
        <v>85221</v>
      </c>
      <c r="F23799" s="1" t="s">
        <v>85222</v>
      </c>
      <c r="G23799" s="1" t="s">
        <v>85208</v>
      </c>
      <c r="H23799" s="1" t="s">
        <v>85209</v>
      </c>
      <c r="I23799" s="1" t="s">
        <v>83733</v>
      </c>
      <c r="J23799" s="1" t="s">
        <v>85223</v>
      </c>
    </row>
    <row r="23800" spans="1:10" x14ac:dyDescent="0.35">
      <c r="A23800" s="1" t="s">
        <v>51531</v>
      </c>
      <c r="B23800" s="1" t="s">
        <v>83727</v>
      </c>
      <c r="C23800" s="1" t="s">
        <v>35</v>
      </c>
      <c r="D23800" s="1" t="s">
        <v>84484</v>
      </c>
      <c r="E23800" s="1" t="s">
        <v>85224</v>
      </c>
      <c r="F23800" s="1" t="s">
        <v>85225</v>
      </c>
      <c r="G23800" s="1" t="s">
        <v>85208</v>
      </c>
      <c r="H23800" s="1" t="s">
        <v>85209</v>
      </c>
      <c r="I23800" s="1" t="s">
        <v>83733</v>
      </c>
      <c r="J23800" s="1" t="s">
        <v>85226</v>
      </c>
    </row>
    <row r="23801" spans="1:10" x14ac:dyDescent="0.35">
      <c r="A23801" s="1" t="s">
        <v>51531</v>
      </c>
      <c r="B23801" s="1" t="s">
        <v>83727</v>
      </c>
      <c r="C23801" s="1" t="s">
        <v>40</v>
      </c>
      <c r="D23801" s="1" t="s">
        <v>76566</v>
      </c>
      <c r="E23801" s="1" t="s">
        <v>85227</v>
      </c>
      <c r="F23801" s="1" t="s">
        <v>85228</v>
      </c>
      <c r="G23801" s="1" t="s">
        <v>85208</v>
      </c>
      <c r="H23801" s="1" t="s">
        <v>85209</v>
      </c>
      <c r="I23801" s="1" t="s">
        <v>83733</v>
      </c>
      <c r="J23801" s="1" t="s">
        <v>85229</v>
      </c>
    </row>
    <row r="23802" spans="1:10" x14ac:dyDescent="0.35">
      <c r="A23802" s="1" t="s">
        <v>51531</v>
      </c>
      <c r="B23802" s="1" t="s">
        <v>83727</v>
      </c>
      <c r="C23802" s="1" t="s">
        <v>45</v>
      </c>
      <c r="D23802" s="1" t="s">
        <v>85230</v>
      </c>
      <c r="E23802" s="1" t="s">
        <v>85231</v>
      </c>
      <c r="F23802" s="1" t="s">
        <v>85232</v>
      </c>
      <c r="G23802" s="1" t="s">
        <v>85208</v>
      </c>
      <c r="H23802" s="1" t="s">
        <v>85209</v>
      </c>
      <c r="I23802" s="1" t="s">
        <v>83733</v>
      </c>
      <c r="J23802" s="1" t="s">
        <v>85233</v>
      </c>
    </row>
    <row r="23803" spans="1:10" x14ac:dyDescent="0.35">
      <c r="A23803" s="1" t="s">
        <v>51531</v>
      </c>
      <c r="B23803" s="1" t="s">
        <v>83727</v>
      </c>
      <c r="C23803" s="1" t="s">
        <v>50</v>
      </c>
      <c r="D23803" s="1" t="s">
        <v>85234</v>
      </c>
      <c r="E23803" s="1" t="s">
        <v>85235</v>
      </c>
      <c r="F23803" s="1" t="s">
        <v>85236</v>
      </c>
      <c r="G23803" s="1" t="s">
        <v>85208</v>
      </c>
      <c r="H23803" s="1" t="s">
        <v>85209</v>
      </c>
      <c r="I23803" s="1" t="s">
        <v>83733</v>
      </c>
      <c r="J23803" s="1" t="s">
        <v>85237</v>
      </c>
    </row>
    <row r="23804" spans="1:10" x14ac:dyDescent="0.35">
      <c r="A23804" s="1" t="s">
        <v>51531</v>
      </c>
      <c r="B23804" s="1" t="s">
        <v>83727</v>
      </c>
      <c r="C23804" s="1" t="s">
        <v>55</v>
      </c>
      <c r="D23804" s="1" t="s">
        <v>77860</v>
      </c>
      <c r="E23804" s="1" t="s">
        <v>85238</v>
      </c>
      <c r="F23804" s="1" t="s">
        <v>85239</v>
      </c>
      <c r="G23804" s="1" t="s">
        <v>85208</v>
      </c>
      <c r="H23804" s="1" t="s">
        <v>85209</v>
      </c>
      <c r="I23804" s="1" t="s">
        <v>83733</v>
      </c>
      <c r="J23804" s="1" t="s">
        <v>85240</v>
      </c>
    </row>
    <row r="23805" spans="1:10" x14ac:dyDescent="0.35">
      <c r="A23805" s="1" t="s">
        <v>51531</v>
      </c>
      <c r="B23805" s="1" t="s">
        <v>83727</v>
      </c>
      <c r="C23805" s="1" t="s">
        <v>60</v>
      </c>
      <c r="D23805" s="1" t="s">
        <v>85241</v>
      </c>
      <c r="E23805" s="1" t="s">
        <v>85242</v>
      </c>
      <c r="F23805" s="1" t="s">
        <v>85243</v>
      </c>
      <c r="G23805" s="1" t="s">
        <v>85208</v>
      </c>
      <c r="H23805" s="1" t="s">
        <v>85209</v>
      </c>
      <c r="I23805" s="1" t="s">
        <v>83733</v>
      </c>
      <c r="J23805" s="1" t="s">
        <v>85244</v>
      </c>
    </row>
    <row r="23806" spans="1:10" x14ac:dyDescent="0.35">
      <c r="A23806" s="1" t="s">
        <v>51531</v>
      </c>
      <c r="B23806" s="1" t="s">
        <v>83727</v>
      </c>
      <c r="C23806" s="1" t="s">
        <v>65</v>
      </c>
      <c r="D23806" s="1" t="s">
        <v>85245</v>
      </c>
      <c r="E23806" s="1" t="s">
        <v>85246</v>
      </c>
      <c r="F23806" s="1" t="s">
        <v>85247</v>
      </c>
      <c r="G23806" s="1" t="s">
        <v>85208</v>
      </c>
      <c r="H23806" s="1" t="s">
        <v>85209</v>
      </c>
      <c r="I23806" s="1" t="s">
        <v>83733</v>
      </c>
      <c r="J23806" s="1" t="s">
        <v>85248</v>
      </c>
    </row>
    <row r="23807" spans="1:10" x14ac:dyDescent="0.35">
      <c r="A23807" s="1" t="s">
        <v>51531</v>
      </c>
      <c r="B23807" s="1" t="s">
        <v>83727</v>
      </c>
      <c r="C23807" s="1" t="s">
        <v>70</v>
      </c>
      <c r="D23807" s="1" t="s">
        <v>82630</v>
      </c>
      <c r="E23807" s="1" t="s">
        <v>85249</v>
      </c>
      <c r="F23807" s="1" t="s">
        <v>85250</v>
      </c>
      <c r="G23807" s="1" t="s">
        <v>85208</v>
      </c>
      <c r="H23807" s="1" t="s">
        <v>85209</v>
      </c>
      <c r="I23807" s="1" t="s">
        <v>83733</v>
      </c>
      <c r="J23807" s="1" t="s">
        <v>85251</v>
      </c>
    </row>
    <row r="23808" spans="1:10" x14ac:dyDescent="0.35">
      <c r="A23808" s="1" t="s">
        <v>51531</v>
      </c>
      <c r="B23808" s="1" t="s">
        <v>83727</v>
      </c>
      <c r="C23808" s="1" t="s">
        <v>75</v>
      </c>
      <c r="D23808" s="1" t="s">
        <v>85252</v>
      </c>
      <c r="E23808" s="1" t="s">
        <v>85253</v>
      </c>
      <c r="F23808" s="1" t="s">
        <v>85254</v>
      </c>
      <c r="G23808" s="1" t="s">
        <v>85208</v>
      </c>
      <c r="H23808" s="1" t="s">
        <v>85209</v>
      </c>
      <c r="I23808" s="1" t="s">
        <v>83733</v>
      </c>
      <c r="J23808" s="1" t="s">
        <v>85255</v>
      </c>
    </row>
    <row r="23809" spans="1:10" x14ac:dyDescent="0.35">
      <c r="A23809" s="1" t="s">
        <v>51531</v>
      </c>
      <c r="B23809" s="1" t="s">
        <v>83727</v>
      </c>
      <c r="C23809" s="1" t="s">
        <v>80</v>
      </c>
      <c r="D23809" s="1" t="s">
        <v>52396</v>
      </c>
      <c r="E23809" s="1" t="s">
        <v>85256</v>
      </c>
      <c r="F23809" s="1" t="s">
        <v>85257</v>
      </c>
      <c r="G23809" s="1" t="s">
        <v>85208</v>
      </c>
      <c r="H23809" s="1" t="s">
        <v>85209</v>
      </c>
      <c r="I23809" s="1" t="s">
        <v>83733</v>
      </c>
      <c r="J23809" s="1" t="s">
        <v>85258</v>
      </c>
    </row>
    <row r="23810" spans="1:10" x14ac:dyDescent="0.35">
      <c r="A23810" s="1" t="s">
        <v>51531</v>
      </c>
      <c r="B23810" s="1" t="s">
        <v>83727</v>
      </c>
      <c r="C23810" s="1" t="s">
        <v>85</v>
      </c>
      <c r="D23810" s="1" t="s">
        <v>85259</v>
      </c>
      <c r="E23810" s="1" t="s">
        <v>85260</v>
      </c>
      <c r="F23810" s="1" t="s">
        <v>85261</v>
      </c>
      <c r="G23810" s="1" t="s">
        <v>85208</v>
      </c>
      <c r="H23810" s="1" t="s">
        <v>85209</v>
      </c>
      <c r="I23810" s="1" t="s">
        <v>83733</v>
      </c>
      <c r="J23810" s="1" t="s">
        <v>85262</v>
      </c>
    </row>
    <row r="23811" spans="1:10" x14ac:dyDescent="0.35">
      <c r="A23811" s="1" t="s">
        <v>51531</v>
      </c>
      <c r="B23811" s="1" t="s">
        <v>83727</v>
      </c>
      <c r="C23811" s="1" t="s">
        <v>90</v>
      </c>
      <c r="D23811" s="1" t="s">
        <v>54950</v>
      </c>
      <c r="E23811" s="1" t="s">
        <v>85263</v>
      </c>
      <c r="F23811" s="1" t="s">
        <v>85264</v>
      </c>
      <c r="G23811" s="1" t="s">
        <v>85208</v>
      </c>
      <c r="H23811" s="1" t="s">
        <v>85209</v>
      </c>
      <c r="I23811" s="1" t="s">
        <v>83733</v>
      </c>
      <c r="J23811" s="1" t="s">
        <v>85265</v>
      </c>
    </row>
    <row r="23812" spans="1:10" x14ac:dyDescent="0.35">
      <c r="A23812" s="1" t="s">
        <v>51531</v>
      </c>
      <c r="B23812" s="1" t="s">
        <v>83727</v>
      </c>
      <c r="C23812" s="1" t="s">
        <v>95</v>
      </c>
      <c r="D23812" s="1" t="s">
        <v>23159</v>
      </c>
      <c r="E23812" s="1" t="s">
        <v>85266</v>
      </c>
      <c r="F23812" s="1" t="s">
        <v>85267</v>
      </c>
      <c r="G23812" s="1" t="s">
        <v>85208</v>
      </c>
      <c r="H23812" s="1" t="s">
        <v>85209</v>
      </c>
      <c r="I23812" s="1" t="s">
        <v>83733</v>
      </c>
      <c r="J23812" s="1" t="s">
        <v>85268</v>
      </c>
    </row>
    <row r="23813" spans="1:10" x14ac:dyDescent="0.35">
      <c r="A23813" s="1" t="s">
        <v>51531</v>
      </c>
      <c r="B23813" s="1" t="s">
        <v>83727</v>
      </c>
      <c r="C23813" s="1" t="s">
        <v>100</v>
      </c>
      <c r="D23813" s="1" t="s">
        <v>85269</v>
      </c>
      <c r="E23813" s="1" t="s">
        <v>85270</v>
      </c>
      <c r="F23813" s="1" t="s">
        <v>85271</v>
      </c>
      <c r="G23813" s="1" t="s">
        <v>85208</v>
      </c>
      <c r="H23813" s="1" t="s">
        <v>85209</v>
      </c>
      <c r="I23813" s="1" t="s">
        <v>83733</v>
      </c>
      <c r="J23813" s="1" t="s">
        <v>85272</v>
      </c>
    </row>
    <row r="23814" spans="1:10" x14ac:dyDescent="0.35">
      <c r="A23814" s="1" t="s">
        <v>51531</v>
      </c>
      <c r="B23814" s="1" t="s">
        <v>83727</v>
      </c>
      <c r="C23814" s="1" t="s">
        <v>105</v>
      </c>
      <c r="D23814" s="1" t="s">
        <v>85273</v>
      </c>
      <c r="E23814" s="1" t="s">
        <v>85274</v>
      </c>
      <c r="F23814" s="1" t="s">
        <v>85275</v>
      </c>
      <c r="G23814" s="1" t="s">
        <v>85208</v>
      </c>
      <c r="H23814" s="1" t="s">
        <v>85209</v>
      </c>
      <c r="I23814" s="1" t="s">
        <v>83733</v>
      </c>
      <c r="J23814" s="1" t="s">
        <v>85276</v>
      </c>
    </row>
    <row r="23815" spans="1:10" x14ac:dyDescent="0.35">
      <c r="A23815" s="1" t="s">
        <v>51531</v>
      </c>
      <c r="B23815" s="1" t="s">
        <v>83727</v>
      </c>
      <c r="C23815" s="1" t="s">
        <v>110</v>
      </c>
      <c r="D23815" s="1" t="s">
        <v>85277</v>
      </c>
      <c r="E23815" s="1" t="s">
        <v>85278</v>
      </c>
      <c r="F23815" s="1" t="s">
        <v>85279</v>
      </c>
      <c r="G23815" s="1" t="s">
        <v>85208</v>
      </c>
      <c r="H23815" s="1" t="s">
        <v>85209</v>
      </c>
      <c r="I23815" s="1" t="s">
        <v>83733</v>
      </c>
      <c r="J23815" s="1" t="s">
        <v>85280</v>
      </c>
    </row>
    <row r="23816" spans="1:10" x14ac:dyDescent="0.35">
      <c r="A23816" s="1" t="s">
        <v>51531</v>
      </c>
      <c r="B23816" s="1" t="s">
        <v>83727</v>
      </c>
      <c r="C23816" s="1" t="s">
        <v>115</v>
      </c>
      <c r="D23816" s="1" t="s">
        <v>67626</v>
      </c>
      <c r="E23816" s="1" t="s">
        <v>85281</v>
      </c>
      <c r="F23816" s="1" t="s">
        <v>85282</v>
      </c>
      <c r="G23816" s="1" t="s">
        <v>85208</v>
      </c>
      <c r="H23816" s="1" t="s">
        <v>85209</v>
      </c>
      <c r="I23816" s="1" t="s">
        <v>83733</v>
      </c>
      <c r="J23816" s="1" t="s">
        <v>85283</v>
      </c>
    </row>
    <row r="23817" spans="1:10" x14ac:dyDescent="0.35">
      <c r="A23817" s="1" t="s">
        <v>51531</v>
      </c>
      <c r="B23817" s="1" t="s">
        <v>83727</v>
      </c>
      <c r="C23817" s="1" t="s">
        <v>120</v>
      </c>
      <c r="D23817" s="1" t="s">
        <v>67629</v>
      </c>
      <c r="E23817" s="1" t="s">
        <v>85284</v>
      </c>
      <c r="F23817" s="1" t="s">
        <v>85285</v>
      </c>
      <c r="G23817" s="1" t="s">
        <v>85208</v>
      </c>
      <c r="H23817" s="1" t="s">
        <v>85209</v>
      </c>
      <c r="I23817" s="1" t="s">
        <v>83733</v>
      </c>
      <c r="J23817" s="1" t="s">
        <v>67631</v>
      </c>
    </row>
    <row r="23818" spans="1:10" x14ac:dyDescent="0.35">
      <c r="A23818" s="1" t="s">
        <v>51531</v>
      </c>
      <c r="B23818" s="1" t="s">
        <v>83727</v>
      </c>
      <c r="C23818" s="1" t="s">
        <v>125</v>
      </c>
      <c r="D23818" s="1" t="s">
        <v>85286</v>
      </c>
      <c r="E23818" s="1" t="s">
        <v>85287</v>
      </c>
      <c r="F23818" s="1" t="s">
        <v>85288</v>
      </c>
      <c r="G23818" s="1" t="s">
        <v>85208</v>
      </c>
      <c r="H23818" s="1" t="s">
        <v>85209</v>
      </c>
      <c r="I23818" s="1" t="s">
        <v>83733</v>
      </c>
      <c r="J23818" s="1" t="s">
        <v>85289</v>
      </c>
    </row>
    <row r="23819" spans="1:10" x14ac:dyDescent="0.35">
      <c r="A23819" s="1" t="s">
        <v>51531</v>
      </c>
      <c r="B23819" s="1" t="s">
        <v>83727</v>
      </c>
      <c r="C23819" s="1" t="s">
        <v>130</v>
      </c>
      <c r="D23819" s="1" t="s">
        <v>85290</v>
      </c>
      <c r="E23819" s="1" t="s">
        <v>85291</v>
      </c>
      <c r="F23819" s="1" t="s">
        <v>85292</v>
      </c>
      <c r="G23819" s="1" t="s">
        <v>85208</v>
      </c>
      <c r="H23819" s="1" t="s">
        <v>85209</v>
      </c>
      <c r="I23819" s="1" t="s">
        <v>83733</v>
      </c>
      <c r="J23819" s="1" t="s">
        <v>85293</v>
      </c>
    </row>
    <row r="23820" spans="1:10" x14ac:dyDescent="0.35">
      <c r="A23820" s="1" t="s">
        <v>51531</v>
      </c>
      <c r="B23820" s="1" t="s">
        <v>83727</v>
      </c>
      <c r="C23820" s="1" t="s">
        <v>135</v>
      </c>
      <c r="D23820" s="1" t="s">
        <v>22308</v>
      </c>
      <c r="E23820" s="1" t="s">
        <v>85294</v>
      </c>
      <c r="F23820" s="1" t="s">
        <v>85295</v>
      </c>
      <c r="G23820" s="1" t="s">
        <v>85208</v>
      </c>
      <c r="H23820" s="1" t="s">
        <v>85209</v>
      </c>
      <c r="I23820" s="1" t="s">
        <v>83733</v>
      </c>
      <c r="J23820" s="1" t="s">
        <v>85296</v>
      </c>
    </row>
    <row r="23821" spans="1:10" x14ac:dyDescent="0.35">
      <c r="A23821" s="1" t="s">
        <v>51531</v>
      </c>
      <c r="B23821" s="1" t="s">
        <v>83727</v>
      </c>
      <c r="C23821" s="1" t="s">
        <v>140</v>
      </c>
      <c r="D23821" s="1" t="s">
        <v>85297</v>
      </c>
      <c r="E23821" s="1" t="s">
        <v>85298</v>
      </c>
      <c r="F23821" s="1" t="s">
        <v>85299</v>
      </c>
      <c r="G23821" s="1" t="s">
        <v>85208</v>
      </c>
      <c r="H23821" s="1" t="s">
        <v>85209</v>
      </c>
      <c r="I23821" s="1" t="s">
        <v>83733</v>
      </c>
      <c r="J23821" s="1" t="s">
        <v>85300</v>
      </c>
    </row>
    <row r="23822" spans="1:10" x14ac:dyDescent="0.35">
      <c r="A23822" s="1" t="s">
        <v>51531</v>
      </c>
      <c r="B23822" s="1" t="s">
        <v>83727</v>
      </c>
      <c r="C23822" s="1" t="s">
        <v>145</v>
      </c>
      <c r="D23822" s="1" t="s">
        <v>85301</v>
      </c>
      <c r="E23822" s="1" t="s">
        <v>85302</v>
      </c>
      <c r="F23822" s="1" t="s">
        <v>85303</v>
      </c>
      <c r="G23822" s="1" t="s">
        <v>85208</v>
      </c>
      <c r="H23822" s="1" t="s">
        <v>85209</v>
      </c>
      <c r="I23822" s="1" t="s">
        <v>83733</v>
      </c>
      <c r="J23822" s="1" t="s">
        <v>85304</v>
      </c>
    </row>
    <row r="23823" spans="1:10" x14ac:dyDescent="0.35">
      <c r="A23823" s="1" t="s">
        <v>51531</v>
      </c>
      <c r="B23823" s="1" t="s">
        <v>83727</v>
      </c>
      <c r="C23823" s="1" t="s">
        <v>150</v>
      </c>
      <c r="D23823" s="1" t="s">
        <v>56749</v>
      </c>
      <c r="E23823" s="1" t="s">
        <v>85305</v>
      </c>
      <c r="F23823" s="1" t="s">
        <v>85306</v>
      </c>
      <c r="G23823" s="1" t="s">
        <v>85208</v>
      </c>
      <c r="H23823" s="1" t="s">
        <v>85209</v>
      </c>
      <c r="I23823" s="1" t="s">
        <v>83733</v>
      </c>
      <c r="J23823" s="1" t="s">
        <v>85307</v>
      </c>
    </row>
    <row r="23824" spans="1:10" x14ac:dyDescent="0.35">
      <c r="A23824" s="1" t="s">
        <v>51531</v>
      </c>
      <c r="B23824" s="1" t="s">
        <v>83727</v>
      </c>
      <c r="C23824" s="1" t="s">
        <v>155</v>
      </c>
      <c r="D23824" s="1" t="s">
        <v>84336</v>
      </c>
      <c r="E23824" s="1" t="s">
        <v>85308</v>
      </c>
      <c r="F23824" s="1" t="s">
        <v>85309</v>
      </c>
      <c r="G23824" s="1" t="s">
        <v>85208</v>
      </c>
      <c r="H23824" s="1" t="s">
        <v>85209</v>
      </c>
      <c r="I23824" s="1" t="s">
        <v>83733</v>
      </c>
      <c r="J23824" s="1" t="s">
        <v>85310</v>
      </c>
    </row>
    <row r="23825" spans="1:10" x14ac:dyDescent="0.35">
      <c r="A23825" s="1" t="s">
        <v>51531</v>
      </c>
      <c r="B23825" s="1" t="s">
        <v>83727</v>
      </c>
      <c r="C23825" s="1" t="s">
        <v>160</v>
      </c>
      <c r="D23825" s="1" t="s">
        <v>85311</v>
      </c>
      <c r="E23825" s="1" t="s">
        <v>85312</v>
      </c>
      <c r="F23825" s="1" t="s">
        <v>85313</v>
      </c>
      <c r="G23825" s="1" t="s">
        <v>85208</v>
      </c>
      <c r="H23825" s="1" t="s">
        <v>85209</v>
      </c>
      <c r="I23825" s="1" t="s">
        <v>83733</v>
      </c>
      <c r="J23825" s="1" t="s">
        <v>85314</v>
      </c>
    </row>
    <row r="23826" spans="1:10" x14ac:dyDescent="0.35">
      <c r="A23826" s="1" t="s">
        <v>51531</v>
      </c>
      <c r="B23826" s="1" t="s">
        <v>83727</v>
      </c>
      <c r="C23826" s="1" t="s">
        <v>165</v>
      </c>
      <c r="D23826" s="1" t="s">
        <v>85315</v>
      </c>
      <c r="E23826" s="1" t="s">
        <v>85316</v>
      </c>
      <c r="F23826" s="1" t="s">
        <v>85317</v>
      </c>
      <c r="G23826" s="1" t="s">
        <v>85208</v>
      </c>
      <c r="H23826" s="1" t="s">
        <v>85209</v>
      </c>
      <c r="I23826" s="1" t="s">
        <v>83733</v>
      </c>
      <c r="J23826" s="1" t="s">
        <v>85318</v>
      </c>
    </row>
    <row r="23827" spans="1:10" x14ac:dyDescent="0.35">
      <c r="A23827" s="1" t="s">
        <v>51531</v>
      </c>
      <c r="B23827" s="1" t="s">
        <v>83727</v>
      </c>
      <c r="C23827" s="1" t="s">
        <v>170</v>
      </c>
      <c r="D23827" s="1" t="s">
        <v>66030</v>
      </c>
      <c r="E23827" s="1" t="s">
        <v>85319</v>
      </c>
      <c r="F23827" s="1" t="s">
        <v>85320</v>
      </c>
      <c r="G23827" s="1" t="s">
        <v>85208</v>
      </c>
      <c r="H23827" s="1" t="s">
        <v>85209</v>
      </c>
      <c r="I23827" s="1" t="s">
        <v>83733</v>
      </c>
      <c r="J23827" s="1" t="s">
        <v>85321</v>
      </c>
    </row>
    <row r="23828" spans="1:10" x14ac:dyDescent="0.35">
      <c r="A23828" s="1" t="s">
        <v>2252</v>
      </c>
      <c r="B23828" s="1" t="s">
        <v>83727</v>
      </c>
      <c r="C23828" s="1" t="s">
        <v>8</v>
      </c>
      <c r="D23828" s="1" t="s">
        <v>61856</v>
      </c>
      <c r="E23828" s="1" t="s">
        <v>85322</v>
      </c>
      <c r="F23828" s="1" t="s">
        <v>85323</v>
      </c>
      <c r="G23828" s="1" t="s">
        <v>85324</v>
      </c>
      <c r="H23828" s="1" t="s">
        <v>85325</v>
      </c>
      <c r="I23828" s="1" t="s">
        <v>83733</v>
      </c>
      <c r="J23828" s="1" t="s">
        <v>13</v>
      </c>
    </row>
    <row r="23829" spans="1:10" x14ac:dyDescent="0.35">
      <c r="A23829" s="1" t="s">
        <v>2252</v>
      </c>
      <c r="B23829" s="1" t="s">
        <v>83727</v>
      </c>
      <c r="C23829" s="1" t="s">
        <v>15</v>
      </c>
      <c r="D23829" s="1" t="s">
        <v>85326</v>
      </c>
      <c r="E23829" s="1" t="s">
        <v>85327</v>
      </c>
      <c r="F23829" s="1" t="s">
        <v>85328</v>
      </c>
      <c r="G23829" s="1" t="s">
        <v>85324</v>
      </c>
      <c r="H23829" s="1" t="s">
        <v>85325</v>
      </c>
      <c r="I23829" s="1" t="s">
        <v>83733</v>
      </c>
      <c r="J23829" s="1" t="s">
        <v>85329</v>
      </c>
    </row>
    <row r="23830" spans="1:10" x14ac:dyDescent="0.35">
      <c r="A23830" s="1" t="s">
        <v>2252</v>
      </c>
      <c r="B23830" s="1" t="s">
        <v>83727</v>
      </c>
      <c r="C23830" s="1" t="s">
        <v>20</v>
      </c>
      <c r="D23830" s="1" t="s">
        <v>85330</v>
      </c>
      <c r="E23830" s="1" t="s">
        <v>85331</v>
      </c>
      <c r="F23830" s="1" t="s">
        <v>85332</v>
      </c>
      <c r="G23830" s="1" t="s">
        <v>85324</v>
      </c>
      <c r="H23830" s="1" t="s">
        <v>85325</v>
      </c>
      <c r="I23830" s="1" t="s">
        <v>83733</v>
      </c>
      <c r="J23830" s="1" t="s">
        <v>85333</v>
      </c>
    </row>
    <row r="23831" spans="1:10" x14ac:dyDescent="0.35">
      <c r="A23831" s="1" t="s">
        <v>2252</v>
      </c>
      <c r="B23831" s="1" t="s">
        <v>83727</v>
      </c>
      <c r="C23831" s="1" t="s">
        <v>25</v>
      </c>
      <c r="D23831" s="1" t="s">
        <v>64955</v>
      </c>
      <c r="E23831" s="1" t="s">
        <v>85334</v>
      </c>
      <c r="F23831" s="1" t="s">
        <v>85335</v>
      </c>
      <c r="G23831" s="1" t="s">
        <v>85324</v>
      </c>
      <c r="H23831" s="1" t="s">
        <v>85325</v>
      </c>
      <c r="I23831" s="1" t="s">
        <v>83733</v>
      </c>
      <c r="J23831" s="1" t="s">
        <v>85336</v>
      </c>
    </row>
    <row r="23832" spans="1:10" x14ac:dyDescent="0.35">
      <c r="A23832" s="1" t="s">
        <v>2252</v>
      </c>
      <c r="B23832" s="1" t="s">
        <v>83727</v>
      </c>
      <c r="C23832" s="1" t="s">
        <v>30</v>
      </c>
      <c r="D23832" s="1" t="s">
        <v>85337</v>
      </c>
      <c r="E23832" s="1" t="s">
        <v>85338</v>
      </c>
      <c r="F23832" s="1" t="s">
        <v>85339</v>
      </c>
      <c r="G23832" s="1" t="s">
        <v>85324</v>
      </c>
      <c r="H23832" s="1" t="s">
        <v>85325</v>
      </c>
      <c r="I23832" s="1" t="s">
        <v>83733</v>
      </c>
      <c r="J23832" s="1" t="s">
        <v>85340</v>
      </c>
    </row>
    <row r="23833" spans="1:10" x14ac:dyDescent="0.35">
      <c r="A23833" s="1" t="s">
        <v>2252</v>
      </c>
      <c r="B23833" s="1" t="s">
        <v>83727</v>
      </c>
      <c r="C23833" s="1" t="s">
        <v>35</v>
      </c>
      <c r="D23833" s="1" t="s">
        <v>85341</v>
      </c>
      <c r="E23833" s="1" t="s">
        <v>85342</v>
      </c>
      <c r="F23833" s="1" t="s">
        <v>85343</v>
      </c>
      <c r="G23833" s="1" t="s">
        <v>85324</v>
      </c>
      <c r="H23833" s="1" t="s">
        <v>85325</v>
      </c>
      <c r="I23833" s="1" t="s">
        <v>83733</v>
      </c>
      <c r="J23833" s="1" t="s">
        <v>85344</v>
      </c>
    </row>
    <row r="23834" spans="1:10" x14ac:dyDescent="0.35">
      <c r="A23834" s="1" t="s">
        <v>2252</v>
      </c>
      <c r="B23834" s="1" t="s">
        <v>83727</v>
      </c>
      <c r="C23834" s="1" t="s">
        <v>40</v>
      </c>
      <c r="D23834" s="1" t="s">
        <v>20432</v>
      </c>
      <c r="E23834" s="1" t="s">
        <v>85345</v>
      </c>
      <c r="F23834" s="1" t="s">
        <v>85346</v>
      </c>
      <c r="G23834" s="1" t="s">
        <v>85324</v>
      </c>
      <c r="H23834" s="1" t="s">
        <v>85325</v>
      </c>
      <c r="I23834" s="1" t="s">
        <v>83733</v>
      </c>
      <c r="J23834" s="1" t="s">
        <v>85347</v>
      </c>
    </row>
    <row r="23835" spans="1:10" x14ac:dyDescent="0.35">
      <c r="A23835" s="1" t="s">
        <v>2252</v>
      </c>
      <c r="B23835" s="1" t="s">
        <v>83727</v>
      </c>
      <c r="C23835" s="1" t="s">
        <v>45</v>
      </c>
      <c r="D23835" s="1" t="s">
        <v>85348</v>
      </c>
      <c r="E23835" s="1" t="s">
        <v>85349</v>
      </c>
      <c r="F23835" s="1" t="s">
        <v>85350</v>
      </c>
      <c r="G23835" s="1" t="s">
        <v>85324</v>
      </c>
      <c r="H23835" s="1" t="s">
        <v>85325</v>
      </c>
      <c r="I23835" s="1" t="s">
        <v>83733</v>
      </c>
      <c r="J23835" s="1" t="s">
        <v>85351</v>
      </c>
    </row>
    <row r="23836" spans="1:10" x14ac:dyDescent="0.35">
      <c r="A23836" s="1" t="s">
        <v>2252</v>
      </c>
      <c r="B23836" s="1" t="s">
        <v>83727</v>
      </c>
      <c r="C23836" s="1" t="s">
        <v>50</v>
      </c>
      <c r="D23836" s="1" t="s">
        <v>85352</v>
      </c>
      <c r="E23836" s="1" t="s">
        <v>85353</v>
      </c>
      <c r="F23836" s="1" t="s">
        <v>85354</v>
      </c>
      <c r="G23836" s="1" t="s">
        <v>85324</v>
      </c>
      <c r="H23836" s="1" t="s">
        <v>85325</v>
      </c>
      <c r="I23836" s="1" t="s">
        <v>83733</v>
      </c>
      <c r="J23836" s="1" t="s">
        <v>85355</v>
      </c>
    </row>
    <row r="23837" spans="1:10" x14ac:dyDescent="0.35">
      <c r="A23837" s="1" t="s">
        <v>2252</v>
      </c>
      <c r="B23837" s="1" t="s">
        <v>83727</v>
      </c>
      <c r="C23837" s="1" t="s">
        <v>55</v>
      </c>
      <c r="D23837" s="1" t="s">
        <v>85356</v>
      </c>
      <c r="E23837" s="1" t="s">
        <v>85357</v>
      </c>
      <c r="F23837" s="1" t="s">
        <v>85358</v>
      </c>
      <c r="G23837" s="1" t="s">
        <v>85324</v>
      </c>
      <c r="H23837" s="1" t="s">
        <v>85325</v>
      </c>
      <c r="I23837" s="1" t="s">
        <v>83733</v>
      </c>
      <c r="J23837" s="1" t="s">
        <v>85359</v>
      </c>
    </row>
    <row r="23838" spans="1:10" x14ac:dyDescent="0.35">
      <c r="A23838" s="1" t="s">
        <v>2252</v>
      </c>
      <c r="B23838" s="1" t="s">
        <v>83727</v>
      </c>
      <c r="C23838" s="1" t="s">
        <v>60</v>
      </c>
      <c r="D23838" s="1" t="s">
        <v>85360</v>
      </c>
      <c r="E23838" s="1" t="s">
        <v>85361</v>
      </c>
      <c r="F23838" s="1" t="s">
        <v>85362</v>
      </c>
      <c r="G23838" s="1" t="s">
        <v>85324</v>
      </c>
      <c r="H23838" s="1" t="s">
        <v>85325</v>
      </c>
      <c r="I23838" s="1" t="s">
        <v>83733</v>
      </c>
      <c r="J23838" s="1" t="s">
        <v>85363</v>
      </c>
    </row>
    <row r="23839" spans="1:10" x14ac:dyDescent="0.35">
      <c r="A23839" s="1" t="s">
        <v>2252</v>
      </c>
      <c r="B23839" s="1" t="s">
        <v>83727</v>
      </c>
      <c r="C23839" s="1" t="s">
        <v>65</v>
      </c>
      <c r="D23839" s="1" t="s">
        <v>85364</v>
      </c>
      <c r="E23839" s="1" t="s">
        <v>85365</v>
      </c>
      <c r="F23839" s="1" t="s">
        <v>85366</v>
      </c>
      <c r="G23839" s="1" t="s">
        <v>85324</v>
      </c>
      <c r="H23839" s="1" t="s">
        <v>85325</v>
      </c>
      <c r="I23839" s="1" t="s">
        <v>83733</v>
      </c>
      <c r="J23839" s="1" t="s">
        <v>85367</v>
      </c>
    </row>
    <row r="23840" spans="1:10" x14ac:dyDescent="0.35">
      <c r="A23840" s="1" t="s">
        <v>2252</v>
      </c>
      <c r="B23840" s="1" t="s">
        <v>83727</v>
      </c>
      <c r="C23840" s="1" t="s">
        <v>70</v>
      </c>
      <c r="D23840" s="1" t="s">
        <v>85368</v>
      </c>
      <c r="E23840" s="1" t="s">
        <v>85369</v>
      </c>
      <c r="F23840" s="1" t="s">
        <v>85370</v>
      </c>
      <c r="G23840" s="1" t="s">
        <v>85324</v>
      </c>
      <c r="H23840" s="1" t="s">
        <v>85325</v>
      </c>
      <c r="I23840" s="1" t="s">
        <v>83733</v>
      </c>
      <c r="J23840" s="1" t="s">
        <v>85371</v>
      </c>
    </row>
    <row r="23841" spans="1:10" x14ac:dyDescent="0.35">
      <c r="A23841" s="1" t="s">
        <v>2252</v>
      </c>
      <c r="B23841" s="1" t="s">
        <v>83727</v>
      </c>
      <c r="C23841" s="1" t="s">
        <v>75</v>
      </c>
      <c r="D23841" s="1" t="s">
        <v>85372</v>
      </c>
      <c r="E23841" s="1" t="s">
        <v>85373</v>
      </c>
      <c r="F23841" s="1" t="s">
        <v>85374</v>
      </c>
      <c r="G23841" s="1" t="s">
        <v>85324</v>
      </c>
      <c r="H23841" s="1" t="s">
        <v>85325</v>
      </c>
      <c r="I23841" s="1" t="s">
        <v>83733</v>
      </c>
      <c r="J23841" s="1" t="s">
        <v>85375</v>
      </c>
    </row>
    <row r="23842" spans="1:10" x14ac:dyDescent="0.35">
      <c r="A23842" s="1" t="s">
        <v>2252</v>
      </c>
      <c r="B23842" s="1" t="s">
        <v>83727</v>
      </c>
      <c r="C23842" s="1" t="s">
        <v>80</v>
      </c>
      <c r="D23842" s="1" t="s">
        <v>84340</v>
      </c>
      <c r="E23842" s="1" t="s">
        <v>85376</v>
      </c>
      <c r="F23842" s="1" t="s">
        <v>85377</v>
      </c>
      <c r="G23842" s="1" t="s">
        <v>85324</v>
      </c>
      <c r="H23842" s="1" t="s">
        <v>85325</v>
      </c>
      <c r="I23842" s="1" t="s">
        <v>83733</v>
      </c>
      <c r="J23842" s="1" t="s">
        <v>85378</v>
      </c>
    </row>
    <row r="23843" spans="1:10" x14ac:dyDescent="0.35">
      <c r="A23843" s="1" t="s">
        <v>2252</v>
      </c>
      <c r="B23843" s="1" t="s">
        <v>83727</v>
      </c>
      <c r="C23843" s="1" t="s">
        <v>85</v>
      </c>
      <c r="D23843" s="1" t="s">
        <v>85379</v>
      </c>
      <c r="E23843" s="1" t="s">
        <v>85380</v>
      </c>
      <c r="F23843" s="1" t="s">
        <v>85381</v>
      </c>
      <c r="G23843" s="1" t="s">
        <v>85324</v>
      </c>
      <c r="H23843" s="1" t="s">
        <v>85325</v>
      </c>
      <c r="I23843" s="1" t="s">
        <v>83733</v>
      </c>
      <c r="J23843" s="1" t="s">
        <v>85382</v>
      </c>
    </row>
    <row r="23844" spans="1:10" x14ac:dyDescent="0.35">
      <c r="A23844" s="1" t="s">
        <v>2252</v>
      </c>
      <c r="B23844" s="1" t="s">
        <v>83727</v>
      </c>
      <c r="C23844" s="1" t="s">
        <v>90</v>
      </c>
      <c r="D23844" s="1" t="s">
        <v>85383</v>
      </c>
      <c r="E23844" s="1" t="s">
        <v>85384</v>
      </c>
      <c r="F23844" s="1" t="s">
        <v>85385</v>
      </c>
      <c r="G23844" s="1" t="s">
        <v>85324</v>
      </c>
      <c r="H23844" s="1" t="s">
        <v>85325</v>
      </c>
      <c r="I23844" s="1" t="s">
        <v>83733</v>
      </c>
      <c r="J23844" s="1" t="s">
        <v>85386</v>
      </c>
    </row>
    <row r="23845" spans="1:10" x14ac:dyDescent="0.35">
      <c r="A23845" s="1" t="s">
        <v>2252</v>
      </c>
      <c r="B23845" s="1" t="s">
        <v>83727</v>
      </c>
      <c r="C23845" s="1" t="s">
        <v>95</v>
      </c>
      <c r="D23845" s="1" t="s">
        <v>85387</v>
      </c>
      <c r="E23845" s="1" t="s">
        <v>85388</v>
      </c>
      <c r="F23845" s="1" t="s">
        <v>85389</v>
      </c>
      <c r="G23845" s="1" t="s">
        <v>85324</v>
      </c>
      <c r="H23845" s="1" t="s">
        <v>85325</v>
      </c>
      <c r="I23845" s="1" t="s">
        <v>83733</v>
      </c>
      <c r="J23845" s="1" t="s">
        <v>85390</v>
      </c>
    </row>
    <row r="23846" spans="1:10" x14ac:dyDescent="0.35">
      <c r="A23846" s="1" t="s">
        <v>2252</v>
      </c>
      <c r="B23846" s="1" t="s">
        <v>83727</v>
      </c>
      <c r="C23846" s="1" t="s">
        <v>100</v>
      </c>
      <c r="D23846" s="1" t="s">
        <v>85391</v>
      </c>
      <c r="E23846" s="1" t="s">
        <v>85392</v>
      </c>
      <c r="F23846" s="1" t="s">
        <v>85393</v>
      </c>
      <c r="G23846" s="1" t="s">
        <v>85324</v>
      </c>
      <c r="H23846" s="1" t="s">
        <v>85325</v>
      </c>
      <c r="I23846" s="1" t="s">
        <v>83733</v>
      </c>
      <c r="J23846" s="1" t="s">
        <v>85394</v>
      </c>
    </row>
    <row r="23847" spans="1:10" x14ac:dyDescent="0.35">
      <c r="A23847" s="1" t="s">
        <v>2252</v>
      </c>
      <c r="B23847" s="1" t="s">
        <v>83727</v>
      </c>
      <c r="C23847" s="1" t="s">
        <v>105</v>
      </c>
      <c r="D23847" s="1" t="s">
        <v>85395</v>
      </c>
      <c r="E23847" s="1" t="s">
        <v>85396</v>
      </c>
      <c r="F23847" s="1" t="s">
        <v>85397</v>
      </c>
      <c r="G23847" s="1" t="s">
        <v>85324</v>
      </c>
      <c r="H23847" s="1" t="s">
        <v>85325</v>
      </c>
      <c r="I23847" s="1" t="s">
        <v>83733</v>
      </c>
      <c r="J23847" s="1" t="s">
        <v>85398</v>
      </c>
    </row>
    <row r="23848" spans="1:10" x14ac:dyDescent="0.35">
      <c r="A23848" s="1" t="s">
        <v>2252</v>
      </c>
      <c r="B23848" s="1" t="s">
        <v>83727</v>
      </c>
      <c r="C23848" s="1" t="s">
        <v>110</v>
      </c>
      <c r="D23848" s="1" t="s">
        <v>79346</v>
      </c>
      <c r="E23848" s="1" t="s">
        <v>85399</v>
      </c>
      <c r="F23848" s="1" t="s">
        <v>85400</v>
      </c>
      <c r="G23848" s="1" t="s">
        <v>85324</v>
      </c>
      <c r="H23848" s="1" t="s">
        <v>85325</v>
      </c>
      <c r="I23848" s="1" t="s">
        <v>83733</v>
      </c>
      <c r="J23848" s="1" t="s">
        <v>85401</v>
      </c>
    </row>
    <row r="23849" spans="1:10" x14ac:dyDescent="0.35">
      <c r="A23849" s="1" t="s">
        <v>2252</v>
      </c>
      <c r="B23849" s="1" t="s">
        <v>83727</v>
      </c>
      <c r="C23849" s="1" t="s">
        <v>115</v>
      </c>
      <c r="D23849" s="1" t="s">
        <v>55289</v>
      </c>
      <c r="E23849" s="1" t="s">
        <v>85402</v>
      </c>
      <c r="F23849" s="1" t="s">
        <v>85403</v>
      </c>
      <c r="G23849" s="1" t="s">
        <v>85324</v>
      </c>
      <c r="H23849" s="1" t="s">
        <v>85325</v>
      </c>
      <c r="I23849" s="1" t="s">
        <v>83733</v>
      </c>
      <c r="J23849" s="1" t="s">
        <v>85404</v>
      </c>
    </row>
    <row r="23850" spans="1:10" x14ac:dyDescent="0.35">
      <c r="A23850" s="1" t="s">
        <v>2252</v>
      </c>
      <c r="B23850" s="1" t="s">
        <v>83727</v>
      </c>
      <c r="C23850" s="1" t="s">
        <v>120</v>
      </c>
      <c r="D23850" s="1" t="s">
        <v>85405</v>
      </c>
      <c r="E23850" s="1" t="s">
        <v>85406</v>
      </c>
      <c r="F23850" s="1" t="s">
        <v>85407</v>
      </c>
      <c r="G23850" s="1" t="s">
        <v>85324</v>
      </c>
      <c r="H23850" s="1" t="s">
        <v>85325</v>
      </c>
      <c r="I23850" s="1" t="s">
        <v>83733</v>
      </c>
      <c r="J23850" s="1" t="s">
        <v>85408</v>
      </c>
    </row>
    <row r="23851" spans="1:10" x14ac:dyDescent="0.35">
      <c r="A23851" s="1" t="s">
        <v>2252</v>
      </c>
      <c r="B23851" s="1" t="s">
        <v>83727</v>
      </c>
      <c r="C23851" s="1" t="s">
        <v>125</v>
      </c>
      <c r="D23851" s="1" t="s">
        <v>85409</v>
      </c>
      <c r="E23851" s="1" t="s">
        <v>85410</v>
      </c>
      <c r="F23851" s="1" t="s">
        <v>85411</v>
      </c>
      <c r="G23851" s="1" t="s">
        <v>85324</v>
      </c>
      <c r="H23851" s="1" t="s">
        <v>85325</v>
      </c>
      <c r="I23851" s="1" t="s">
        <v>83733</v>
      </c>
      <c r="J23851" s="1" t="s">
        <v>85412</v>
      </c>
    </row>
    <row r="23852" spans="1:10" x14ac:dyDescent="0.35">
      <c r="A23852" s="1" t="s">
        <v>2252</v>
      </c>
      <c r="B23852" s="1" t="s">
        <v>83727</v>
      </c>
      <c r="C23852" s="1" t="s">
        <v>130</v>
      </c>
      <c r="D23852" s="1" t="s">
        <v>85413</v>
      </c>
      <c r="E23852" s="1" t="s">
        <v>85414</v>
      </c>
      <c r="F23852" s="1" t="s">
        <v>85415</v>
      </c>
      <c r="G23852" s="1" t="s">
        <v>85324</v>
      </c>
      <c r="H23852" s="1" t="s">
        <v>85325</v>
      </c>
      <c r="I23852" s="1" t="s">
        <v>83733</v>
      </c>
      <c r="J23852" s="1" t="s">
        <v>85416</v>
      </c>
    </row>
    <row r="23853" spans="1:10" x14ac:dyDescent="0.35">
      <c r="A23853" s="1" t="s">
        <v>2252</v>
      </c>
      <c r="B23853" s="1" t="s">
        <v>83727</v>
      </c>
      <c r="C23853" s="1" t="s">
        <v>135</v>
      </c>
      <c r="D23853" s="1" t="s">
        <v>21210</v>
      </c>
      <c r="E23853" s="1" t="s">
        <v>85417</v>
      </c>
      <c r="F23853" s="1" t="s">
        <v>85418</v>
      </c>
      <c r="G23853" s="1" t="s">
        <v>85324</v>
      </c>
      <c r="H23853" s="1" t="s">
        <v>85325</v>
      </c>
      <c r="I23853" s="1" t="s">
        <v>83733</v>
      </c>
      <c r="J23853" s="1" t="s">
        <v>85419</v>
      </c>
    </row>
    <row r="23854" spans="1:10" x14ac:dyDescent="0.35">
      <c r="A23854" s="1" t="s">
        <v>2252</v>
      </c>
      <c r="B23854" s="1" t="s">
        <v>83727</v>
      </c>
      <c r="C23854" s="1" t="s">
        <v>140</v>
      </c>
      <c r="D23854" s="1" t="s">
        <v>58656</v>
      </c>
      <c r="E23854" s="1" t="s">
        <v>85420</v>
      </c>
      <c r="F23854" s="1" t="s">
        <v>85421</v>
      </c>
      <c r="G23854" s="1" t="s">
        <v>85324</v>
      </c>
      <c r="H23854" s="1" t="s">
        <v>85325</v>
      </c>
      <c r="I23854" s="1" t="s">
        <v>83733</v>
      </c>
      <c r="J23854" s="1" t="s">
        <v>85422</v>
      </c>
    </row>
    <row r="23855" spans="1:10" x14ac:dyDescent="0.35">
      <c r="A23855" s="1" t="s">
        <v>2252</v>
      </c>
      <c r="B23855" s="1" t="s">
        <v>83727</v>
      </c>
      <c r="C23855" s="1" t="s">
        <v>145</v>
      </c>
      <c r="D23855" s="1" t="s">
        <v>85423</v>
      </c>
      <c r="E23855" s="1" t="s">
        <v>85424</v>
      </c>
      <c r="F23855" s="1" t="s">
        <v>85425</v>
      </c>
      <c r="G23855" s="1" t="s">
        <v>85324</v>
      </c>
      <c r="H23855" s="1" t="s">
        <v>85325</v>
      </c>
      <c r="I23855" s="1" t="s">
        <v>83733</v>
      </c>
      <c r="J23855" s="1" t="s">
        <v>85426</v>
      </c>
    </row>
    <row r="23856" spans="1:10" x14ac:dyDescent="0.35">
      <c r="A23856" s="1" t="s">
        <v>2252</v>
      </c>
      <c r="B23856" s="1" t="s">
        <v>83727</v>
      </c>
      <c r="C23856" s="1" t="s">
        <v>150</v>
      </c>
      <c r="D23856" s="1" t="s">
        <v>4992</v>
      </c>
      <c r="E23856" s="1" t="s">
        <v>85427</v>
      </c>
      <c r="F23856" s="1" t="s">
        <v>85428</v>
      </c>
      <c r="G23856" s="1" t="s">
        <v>85324</v>
      </c>
      <c r="H23856" s="1" t="s">
        <v>85325</v>
      </c>
      <c r="I23856" s="1" t="s">
        <v>83733</v>
      </c>
      <c r="J23856" s="1" t="s">
        <v>85429</v>
      </c>
    </row>
    <row r="23857" spans="1:10" x14ac:dyDescent="0.35">
      <c r="A23857" s="1" t="s">
        <v>2252</v>
      </c>
      <c r="B23857" s="1" t="s">
        <v>83727</v>
      </c>
      <c r="C23857" s="1" t="s">
        <v>155</v>
      </c>
      <c r="D23857" s="1" t="s">
        <v>85430</v>
      </c>
      <c r="E23857" s="1" t="s">
        <v>85431</v>
      </c>
      <c r="F23857" s="1" t="s">
        <v>85432</v>
      </c>
      <c r="G23857" s="1" t="s">
        <v>85324</v>
      </c>
      <c r="H23857" s="1" t="s">
        <v>85325</v>
      </c>
      <c r="I23857" s="1" t="s">
        <v>83733</v>
      </c>
      <c r="J23857" s="1" t="s">
        <v>85433</v>
      </c>
    </row>
    <row r="23858" spans="1:10" x14ac:dyDescent="0.35">
      <c r="A23858" s="1" t="s">
        <v>2252</v>
      </c>
      <c r="B23858" s="1" t="s">
        <v>83727</v>
      </c>
      <c r="C23858" s="1" t="s">
        <v>160</v>
      </c>
      <c r="D23858" s="1" t="s">
        <v>84110</v>
      </c>
      <c r="E23858" s="1" t="s">
        <v>85434</v>
      </c>
      <c r="F23858" s="1" t="s">
        <v>85435</v>
      </c>
      <c r="G23858" s="1" t="s">
        <v>85324</v>
      </c>
      <c r="H23858" s="1" t="s">
        <v>85325</v>
      </c>
      <c r="I23858" s="1" t="s">
        <v>83733</v>
      </c>
      <c r="J23858" s="1" t="s">
        <v>85436</v>
      </c>
    </row>
    <row r="23859" spans="1:10" x14ac:dyDescent="0.35">
      <c r="A23859" s="1" t="s">
        <v>2252</v>
      </c>
      <c r="B23859" s="1" t="s">
        <v>83727</v>
      </c>
      <c r="C23859" s="1" t="s">
        <v>165</v>
      </c>
      <c r="D23859" s="1" t="s">
        <v>85437</v>
      </c>
      <c r="E23859" s="1" t="s">
        <v>85438</v>
      </c>
      <c r="F23859" s="1" t="s">
        <v>85439</v>
      </c>
      <c r="G23859" s="1" t="s">
        <v>85324</v>
      </c>
      <c r="H23859" s="1" t="s">
        <v>85325</v>
      </c>
      <c r="I23859" s="1" t="s">
        <v>83733</v>
      </c>
      <c r="J23859" s="1" t="s">
        <v>85440</v>
      </c>
    </row>
    <row r="23860" spans="1:10" x14ac:dyDescent="0.35">
      <c r="A23860" s="1" t="s">
        <v>2252</v>
      </c>
      <c r="B23860" s="1" t="s">
        <v>83727</v>
      </c>
      <c r="C23860" s="1" t="s">
        <v>170</v>
      </c>
      <c r="D23860" s="1" t="s">
        <v>85441</v>
      </c>
      <c r="E23860" s="1" t="s">
        <v>85442</v>
      </c>
      <c r="F23860" s="1" t="s">
        <v>85443</v>
      </c>
      <c r="G23860" s="1" t="s">
        <v>85324</v>
      </c>
      <c r="H23860" s="1" t="s">
        <v>85325</v>
      </c>
      <c r="I23860" s="1" t="s">
        <v>83733</v>
      </c>
      <c r="J23860" s="1" t="s">
        <v>85444</v>
      </c>
    </row>
    <row r="23861" spans="1:10" x14ac:dyDescent="0.35">
      <c r="A23861" s="1" t="s">
        <v>2172</v>
      </c>
      <c r="B23861" s="1" t="s">
        <v>83727</v>
      </c>
      <c r="C23861" s="1" t="s">
        <v>8</v>
      </c>
      <c r="D23861" s="1" t="s">
        <v>57343</v>
      </c>
      <c r="E23861" s="1" t="s">
        <v>85445</v>
      </c>
      <c r="F23861" s="1" t="s">
        <v>85446</v>
      </c>
      <c r="G23861" s="1" t="s">
        <v>85447</v>
      </c>
      <c r="H23861" s="1" t="s">
        <v>85448</v>
      </c>
      <c r="I23861" s="1" t="s">
        <v>83733</v>
      </c>
      <c r="J23861" s="1" t="s">
        <v>13</v>
      </c>
    </row>
    <row r="23862" spans="1:10" x14ac:dyDescent="0.35">
      <c r="A23862" s="1" t="s">
        <v>2172</v>
      </c>
      <c r="B23862" s="1" t="s">
        <v>83727</v>
      </c>
      <c r="C23862" s="1" t="s">
        <v>15</v>
      </c>
      <c r="D23862" s="1" t="s">
        <v>65914</v>
      </c>
      <c r="E23862" s="1" t="s">
        <v>85449</v>
      </c>
      <c r="F23862" s="1" t="s">
        <v>85450</v>
      </c>
      <c r="G23862" s="1" t="s">
        <v>85447</v>
      </c>
      <c r="H23862" s="1" t="s">
        <v>85448</v>
      </c>
      <c r="I23862" s="1" t="s">
        <v>83733</v>
      </c>
      <c r="J23862" s="1" t="s">
        <v>85451</v>
      </c>
    </row>
    <row r="23863" spans="1:10" x14ac:dyDescent="0.35">
      <c r="A23863" s="1" t="s">
        <v>2172</v>
      </c>
      <c r="B23863" s="1" t="s">
        <v>83727</v>
      </c>
      <c r="C23863" s="1" t="s">
        <v>20</v>
      </c>
      <c r="D23863" s="1" t="s">
        <v>85452</v>
      </c>
      <c r="E23863" s="1" t="s">
        <v>85453</v>
      </c>
      <c r="F23863" s="1" t="s">
        <v>85454</v>
      </c>
      <c r="G23863" s="1" t="s">
        <v>85447</v>
      </c>
      <c r="H23863" s="1" t="s">
        <v>85448</v>
      </c>
      <c r="I23863" s="1" t="s">
        <v>83733</v>
      </c>
      <c r="J23863" s="1" t="s">
        <v>85455</v>
      </c>
    </row>
    <row r="23864" spans="1:10" x14ac:dyDescent="0.35">
      <c r="A23864" s="1" t="s">
        <v>2172</v>
      </c>
      <c r="B23864" s="1" t="s">
        <v>83727</v>
      </c>
      <c r="C23864" s="1" t="s">
        <v>25</v>
      </c>
      <c r="D23864" s="1" t="s">
        <v>70513</v>
      </c>
      <c r="E23864" s="1" t="s">
        <v>85456</v>
      </c>
      <c r="F23864" s="1" t="s">
        <v>85457</v>
      </c>
      <c r="G23864" s="1" t="s">
        <v>85447</v>
      </c>
      <c r="H23864" s="1" t="s">
        <v>85448</v>
      </c>
      <c r="I23864" s="1" t="s">
        <v>83733</v>
      </c>
      <c r="J23864" s="1" t="s">
        <v>85458</v>
      </c>
    </row>
    <row r="23865" spans="1:10" x14ac:dyDescent="0.35">
      <c r="A23865" s="1" t="s">
        <v>2172</v>
      </c>
      <c r="B23865" s="1" t="s">
        <v>83727</v>
      </c>
      <c r="C23865" s="1" t="s">
        <v>30</v>
      </c>
      <c r="D23865" s="1" t="s">
        <v>54637</v>
      </c>
      <c r="E23865" s="1" t="s">
        <v>85459</v>
      </c>
      <c r="F23865" s="1" t="s">
        <v>85460</v>
      </c>
      <c r="G23865" s="1" t="s">
        <v>85447</v>
      </c>
      <c r="H23865" s="1" t="s">
        <v>85448</v>
      </c>
      <c r="I23865" s="1" t="s">
        <v>83733</v>
      </c>
      <c r="J23865" s="1" t="s">
        <v>85461</v>
      </c>
    </row>
    <row r="23866" spans="1:10" x14ac:dyDescent="0.35">
      <c r="A23866" s="1" t="s">
        <v>2172</v>
      </c>
      <c r="B23866" s="1" t="s">
        <v>83727</v>
      </c>
      <c r="C23866" s="1" t="s">
        <v>35</v>
      </c>
      <c r="D23866" s="1" t="s">
        <v>85462</v>
      </c>
      <c r="E23866" s="1" t="s">
        <v>85463</v>
      </c>
      <c r="F23866" s="1" t="s">
        <v>85464</v>
      </c>
      <c r="G23866" s="1" t="s">
        <v>85447</v>
      </c>
      <c r="H23866" s="1" t="s">
        <v>85448</v>
      </c>
      <c r="I23866" s="1" t="s">
        <v>83733</v>
      </c>
      <c r="J23866" s="1" t="s">
        <v>85465</v>
      </c>
    </row>
    <row r="23867" spans="1:10" x14ac:dyDescent="0.35">
      <c r="A23867" s="1" t="s">
        <v>2172</v>
      </c>
      <c r="B23867" s="1" t="s">
        <v>83727</v>
      </c>
      <c r="C23867" s="1" t="s">
        <v>40</v>
      </c>
      <c r="D23867" s="1" t="s">
        <v>78621</v>
      </c>
      <c r="E23867" s="1" t="s">
        <v>85466</v>
      </c>
      <c r="F23867" s="1" t="s">
        <v>85467</v>
      </c>
      <c r="G23867" s="1" t="s">
        <v>85447</v>
      </c>
      <c r="H23867" s="1" t="s">
        <v>85448</v>
      </c>
      <c r="I23867" s="1" t="s">
        <v>83733</v>
      </c>
      <c r="J23867" s="1" t="s">
        <v>85468</v>
      </c>
    </row>
    <row r="23868" spans="1:10" x14ac:dyDescent="0.35">
      <c r="A23868" s="1" t="s">
        <v>2172</v>
      </c>
      <c r="B23868" s="1" t="s">
        <v>83727</v>
      </c>
      <c r="C23868" s="1" t="s">
        <v>45</v>
      </c>
      <c r="D23868" s="1" t="s">
        <v>85469</v>
      </c>
      <c r="E23868" s="1" t="s">
        <v>85470</v>
      </c>
      <c r="F23868" s="1" t="s">
        <v>85471</v>
      </c>
      <c r="G23868" s="1" t="s">
        <v>85447</v>
      </c>
      <c r="H23868" s="1" t="s">
        <v>85448</v>
      </c>
      <c r="I23868" s="1" t="s">
        <v>83733</v>
      </c>
      <c r="J23868" s="1" t="s">
        <v>85472</v>
      </c>
    </row>
    <row r="23869" spans="1:10" x14ac:dyDescent="0.35">
      <c r="A23869" s="1" t="s">
        <v>2172</v>
      </c>
      <c r="B23869" s="1" t="s">
        <v>83727</v>
      </c>
      <c r="C23869" s="1" t="s">
        <v>50</v>
      </c>
      <c r="D23869" s="1" t="s">
        <v>85473</v>
      </c>
      <c r="E23869" s="1" t="s">
        <v>85474</v>
      </c>
      <c r="F23869" s="1" t="s">
        <v>85475</v>
      </c>
      <c r="G23869" s="1" t="s">
        <v>85447</v>
      </c>
      <c r="H23869" s="1" t="s">
        <v>85448</v>
      </c>
      <c r="I23869" s="1" t="s">
        <v>83733</v>
      </c>
      <c r="J23869" s="1" t="s">
        <v>85476</v>
      </c>
    </row>
    <row r="23870" spans="1:10" x14ac:dyDescent="0.35">
      <c r="A23870" s="1" t="s">
        <v>2172</v>
      </c>
      <c r="B23870" s="1" t="s">
        <v>83727</v>
      </c>
      <c r="C23870" s="1" t="s">
        <v>55</v>
      </c>
      <c r="D23870" s="1" t="s">
        <v>36381</v>
      </c>
      <c r="E23870" s="1" t="s">
        <v>85477</v>
      </c>
      <c r="F23870" s="1" t="s">
        <v>85478</v>
      </c>
      <c r="G23870" s="1" t="s">
        <v>85447</v>
      </c>
      <c r="H23870" s="1" t="s">
        <v>85448</v>
      </c>
      <c r="I23870" s="1" t="s">
        <v>83733</v>
      </c>
      <c r="J23870" s="1" t="s">
        <v>85479</v>
      </c>
    </row>
    <row r="23871" spans="1:10" x14ac:dyDescent="0.35">
      <c r="A23871" s="1" t="s">
        <v>2172</v>
      </c>
      <c r="B23871" s="1" t="s">
        <v>83727</v>
      </c>
      <c r="C23871" s="1" t="s">
        <v>60</v>
      </c>
      <c r="D23871" s="1" t="s">
        <v>14705</v>
      </c>
      <c r="E23871" s="1" t="s">
        <v>85480</v>
      </c>
      <c r="F23871" s="1" t="s">
        <v>85481</v>
      </c>
      <c r="G23871" s="1" t="s">
        <v>85447</v>
      </c>
      <c r="H23871" s="1" t="s">
        <v>85448</v>
      </c>
      <c r="I23871" s="1" t="s">
        <v>83733</v>
      </c>
      <c r="J23871" s="1" t="s">
        <v>85482</v>
      </c>
    </row>
    <row r="23872" spans="1:10" x14ac:dyDescent="0.35">
      <c r="A23872" s="1" t="s">
        <v>2172</v>
      </c>
      <c r="B23872" s="1" t="s">
        <v>83727</v>
      </c>
      <c r="C23872" s="1" t="s">
        <v>65</v>
      </c>
      <c r="D23872" s="1" t="s">
        <v>85483</v>
      </c>
      <c r="E23872" s="1" t="s">
        <v>85484</v>
      </c>
      <c r="F23872" s="1" t="s">
        <v>85485</v>
      </c>
      <c r="G23872" s="1" t="s">
        <v>85447</v>
      </c>
      <c r="H23872" s="1" t="s">
        <v>85448</v>
      </c>
      <c r="I23872" s="1" t="s">
        <v>83733</v>
      </c>
      <c r="J23872" s="1" t="s">
        <v>85486</v>
      </c>
    </row>
    <row r="23873" spans="1:10" x14ac:dyDescent="0.35">
      <c r="A23873" s="1" t="s">
        <v>2172</v>
      </c>
      <c r="B23873" s="1" t="s">
        <v>83727</v>
      </c>
      <c r="C23873" s="1" t="s">
        <v>70</v>
      </c>
      <c r="D23873" s="1" t="s">
        <v>85487</v>
      </c>
      <c r="E23873" s="1" t="s">
        <v>85488</v>
      </c>
      <c r="F23873" s="1" t="s">
        <v>85489</v>
      </c>
      <c r="G23873" s="1" t="s">
        <v>85447</v>
      </c>
      <c r="H23873" s="1" t="s">
        <v>85448</v>
      </c>
      <c r="I23873" s="1" t="s">
        <v>83733</v>
      </c>
      <c r="J23873" s="1" t="s">
        <v>85490</v>
      </c>
    </row>
    <row r="23874" spans="1:10" x14ac:dyDescent="0.35">
      <c r="A23874" s="1" t="s">
        <v>2172</v>
      </c>
      <c r="B23874" s="1" t="s">
        <v>83727</v>
      </c>
      <c r="C23874" s="1" t="s">
        <v>75</v>
      </c>
      <c r="D23874" s="1" t="s">
        <v>24899</v>
      </c>
      <c r="E23874" s="1" t="s">
        <v>85491</v>
      </c>
      <c r="F23874" s="1" t="s">
        <v>85492</v>
      </c>
      <c r="G23874" s="1" t="s">
        <v>85447</v>
      </c>
      <c r="H23874" s="1" t="s">
        <v>85448</v>
      </c>
      <c r="I23874" s="1" t="s">
        <v>83733</v>
      </c>
      <c r="J23874" s="1" t="s">
        <v>85493</v>
      </c>
    </row>
    <row r="23875" spans="1:10" x14ac:dyDescent="0.35">
      <c r="A23875" s="1" t="s">
        <v>2172</v>
      </c>
      <c r="B23875" s="1" t="s">
        <v>83727</v>
      </c>
      <c r="C23875" s="1" t="s">
        <v>80</v>
      </c>
      <c r="D23875" s="1" t="s">
        <v>62161</v>
      </c>
      <c r="E23875" s="1" t="s">
        <v>85494</v>
      </c>
      <c r="F23875" s="1" t="s">
        <v>85495</v>
      </c>
      <c r="G23875" s="1" t="s">
        <v>85447</v>
      </c>
      <c r="H23875" s="1" t="s">
        <v>85448</v>
      </c>
      <c r="I23875" s="1" t="s">
        <v>83733</v>
      </c>
      <c r="J23875" s="1" t="s">
        <v>85496</v>
      </c>
    </row>
    <row r="23876" spans="1:10" x14ac:dyDescent="0.35">
      <c r="A23876" s="1" t="s">
        <v>2172</v>
      </c>
      <c r="B23876" s="1" t="s">
        <v>83727</v>
      </c>
      <c r="C23876" s="1" t="s">
        <v>85</v>
      </c>
      <c r="D23876" s="1" t="s">
        <v>85497</v>
      </c>
      <c r="E23876" s="1" t="s">
        <v>85498</v>
      </c>
      <c r="F23876" s="1" t="s">
        <v>85499</v>
      </c>
      <c r="G23876" s="1" t="s">
        <v>85447</v>
      </c>
      <c r="H23876" s="1" t="s">
        <v>85448</v>
      </c>
      <c r="I23876" s="1" t="s">
        <v>83733</v>
      </c>
      <c r="J23876" s="1" t="s">
        <v>85500</v>
      </c>
    </row>
    <row r="23877" spans="1:10" x14ac:dyDescent="0.35">
      <c r="A23877" s="1" t="s">
        <v>2172</v>
      </c>
      <c r="B23877" s="1" t="s">
        <v>83727</v>
      </c>
      <c r="C23877" s="1" t="s">
        <v>90</v>
      </c>
      <c r="D23877" s="1" t="s">
        <v>85501</v>
      </c>
      <c r="E23877" s="1" t="s">
        <v>85502</v>
      </c>
      <c r="F23877" s="1" t="s">
        <v>85503</v>
      </c>
      <c r="G23877" s="1" t="s">
        <v>85447</v>
      </c>
      <c r="H23877" s="1" t="s">
        <v>85448</v>
      </c>
      <c r="I23877" s="1" t="s">
        <v>83733</v>
      </c>
      <c r="J23877" s="1" t="s">
        <v>85504</v>
      </c>
    </row>
    <row r="23878" spans="1:10" x14ac:dyDescent="0.35">
      <c r="A23878" s="1" t="s">
        <v>2172</v>
      </c>
      <c r="B23878" s="1" t="s">
        <v>83727</v>
      </c>
      <c r="C23878" s="1" t="s">
        <v>95</v>
      </c>
      <c r="D23878" s="1" t="s">
        <v>41783</v>
      </c>
      <c r="E23878" s="1" t="s">
        <v>85505</v>
      </c>
      <c r="F23878" s="1" t="s">
        <v>85506</v>
      </c>
      <c r="G23878" s="1" t="s">
        <v>85447</v>
      </c>
      <c r="H23878" s="1" t="s">
        <v>85448</v>
      </c>
      <c r="I23878" s="1" t="s">
        <v>83733</v>
      </c>
      <c r="J23878" s="1" t="s">
        <v>85507</v>
      </c>
    </row>
    <row r="23879" spans="1:10" x14ac:dyDescent="0.35">
      <c r="A23879" s="1" t="s">
        <v>2172</v>
      </c>
      <c r="B23879" s="1" t="s">
        <v>83727</v>
      </c>
      <c r="C23879" s="1" t="s">
        <v>100</v>
      </c>
      <c r="D23879" s="1" t="s">
        <v>22746</v>
      </c>
      <c r="E23879" s="1" t="s">
        <v>85508</v>
      </c>
      <c r="F23879" s="1" t="s">
        <v>85509</v>
      </c>
      <c r="G23879" s="1" t="s">
        <v>85447</v>
      </c>
      <c r="H23879" s="1" t="s">
        <v>85448</v>
      </c>
      <c r="I23879" s="1" t="s">
        <v>83733</v>
      </c>
      <c r="J23879" s="1" t="s">
        <v>85510</v>
      </c>
    </row>
    <row r="23880" spans="1:10" x14ac:dyDescent="0.35">
      <c r="A23880" s="1" t="s">
        <v>2172</v>
      </c>
      <c r="B23880" s="1" t="s">
        <v>83727</v>
      </c>
      <c r="C23880" s="1" t="s">
        <v>105</v>
      </c>
      <c r="D23880" s="1" t="s">
        <v>85511</v>
      </c>
      <c r="E23880" s="1" t="s">
        <v>85512</v>
      </c>
      <c r="F23880" s="1" t="s">
        <v>85513</v>
      </c>
      <c r="G23880" s="1" t="s">
        <v>85447</v>
      </c>
      <c r="H23880" s="1" t="s">
        <v>85448</v>
      </c>
      <c r="I23880" s="1" t="s">
        <v>83733</v>
      </c>
      <c r="J23880" s="1" t="s">
        <v>85514</v>
      </c>
    </row>
    <row r="23881" spans="1:10" x14ac:dyDescent="0.35">
      <c r="A23881" s="1" t="s">
        <v>2172</v>
      </c>
      <c r="B23881" s="1" t="s">
        <v>83727</v>
      </c>
      <c r="C23881" s="1" t="s">
        <v>110</v>
      </c>
      <c r="D23881" s="1" t="s">
        <v>85515</v>
      </c>
      <c r="E23881" s="1" t="s">
        <v>85516</v>
      </c>
      <c r="F23881" s="1" t="s">
        <v>85517</v>
      </c>
      <c r="G23881" s="1" t="s">
        <v>85447</v>
      </c>
      <c r="H23881" s="1" t="s">
        <v>85448</v>
      </c>
      <c r="I23881" s="1" t="s">
        <v>83733</v>
      </c>
      <c r="J23881" s="1" t="s">
        <v>85518</v>
      </c>
    </row>
    <row r="23882" spans="1:10" x14ac:dyDescent="0.35">
      <c r="A23882" s="1" t="s">
        <v>2172</v>
      </c>
      <c r="B23882" s="1" t="s">
        <v>83727</v>
      </c>
      <c r="C23882" s="1" t="s">
        <v>115</v>
      </c>
      <c r="D23882" s="1" t="s">
        <v>85519</v>
      </c>
      <c r="E23882" s="1" t="s">
        <v>85520</v>
      </c>
      <c r="F23882" s="1" t="s">
        <v>85521</v>
      </c>
      <c r="G23882" s="1" t="s">
        <v>85447</v>
      </c>
      <c r="H23882" s="1" t="s">
        <v>85448</v>
      </c>
      <c r="I23882" s="1" t="s">
        <v>83733</v>
      </c>
      <c r="J23882" s="1" t="s">
        <v>85522</v>
      </c>
    </row>
    <row r="23883" spans="1:10" x14ac:dyDescent="0.35">
      <c r="A23883" s="1" t="s">
        <v>2172</v>
      </c>
      <c r="B23883" s="1" t="s">
        <v>83727</v>
      </c>
      <c r="C23883" s="1" t="s">
        <v>120</v>
      </c>
      <c r="D23883" s="1" t="s">
        <v>61038</v>
      </c>
      <c r="E23883" s="1" t="s">
        <v>85523</v>
      </c>
      <c r="F23883" s="1" t="s">
        <v>85524</v>
      </c>
      <c r="G23883" s="1" t="s">
        <v>85447</v>
      </c>
      <c r="H23883" s="1" t="s">
        <v>85448</v>
      </c>
      <c r="I23883" s="1" t="s">
        <v>83733</v>
      </c>
      <c r="J23883" s="1" t="s">
        <v>85525</v>
      </c>
    </row>
    <row r="23884" spans="1:10" x14ac:dyDescent="0.35">
      <c r="A23884" s="1" t="s">
        <v>2172</v>
      </c>
      <c r="B23884" s="1" t="s">
        <v>83727</v>
      </c>
      <c r="C23884" s="1" t="s">
        <v>125</v>
      </c>
      <c r="D23884" s="1" t="s">
        <v>55289</v>
      </c>
      <c r="E23884" s="1" t="s">
        <v>85526</v>
      </c>
      <c r="F23884" s="1" t="s">
        <v>85527</v>
      </c>
      <c r="G23884" s="1" t="s">
        <v>85447</v>
      </c>
      <c r="H23884" s="1" t="s">
        <v>85448</v>
      </c>
      <c r="I23884" s="1" t="s">
        <v>83733</v>
      </c>
      <c r="J23884" s="1" t="s">
        <v>85528</v>
      </c>
    </row>
    <row r="23885" spans="1:10" x14ac:dyDescent="0.35">
      <c r="A23885" s="1" t="s">
        <v>2172</v>
      </c>
      <c r="B23885" s="1" t="s">
        <v>83727</v>
      </c>
      <c r="C23885" s="1" t="s">
        <v>130</v>
      </c>
      <c r="D23885" s="1" t="s">
        <v>85529</v>
      </c>
      <c r="E23885" s="1" t="s">
        <v>85530</v>
      </c>
      <c r="F23885" s="1" t="s">
        <v>85531</v>
      </c>
      <c r="G23885" s="1" t="s">
        <v>85447</v>
      </c>
      <c r="H23885" s="1" t="s">
        <v>85448</v>
      </c>
      <c r="I23885" s="1" t="s">
        <v>83733</v>
      </c>
      <c r="J23885" s="1" t="s">
        <v>85532</v>
      </c>
    </row>
    <row r="23886" spans="1:10" x14ac:dyDescent="0.35">
      <c r="A23886" s="1" t="s">
        <v>2172</v>
      </c>
      <c r="B23886" s="1" t="s">
        <v>83727</v>
      </c>
      <c r="C23886" s="1" t="s">
        <v>135</v>
      </c>
      <c r="D23886" s="1" t="s">
        <v>85533</v>
      </c>
      <c r="E23886" s="1" t="s">
        <v>85534</v>
      </c>
      <c r="F23886" s="1" t="s">
        <v>85535</v>
      </c>
      <c r="G23886" s="1" t="s">
        <v>85447</v>
      </c>
      <c r="H23886" s="1" t="s">
        <v>85448</v>
      </c>
      <c r="I23886" s="1" t="s">
        <v>83733</v>
      </c>
      <c r="J23886" s="1" t="s">
        <v>85536</v>
      </c>
    </row>
    <row r="23887" spans="1:10" x14ac:dyDescent="0.35">
      <c r="A23887" s="1" t="s">
        <v>2172</v>
      </c>
      <c r="B23887" s="1" t="s">
        <v>83727</v>
      </c>
      <c r="C23887" s="1" t="s">
        <v>140</v>
      </c>
      <c r="D23887" s="1" t="s">
        <v>85537</v>
      </c>
      <c r="E23887" s="1" t="s">
        <v>85538</v>
      </c>
      <c r="F23887" s="1" t="s">
        <v>85539</v>
      </c>
      <c r="G23887" s="1" t="s">
        <v>85447</v>
      </c>
      <c r="H23887" s="1" t="s">
        <v>85448</v>
      </c>
      <c r="I23887" s="1" t="s">
        <v>83733</v>
      </c>
      <c r="J23887" s="1" t="s">
        <v>85540</v>
      </c>
    </row>
    <row r="23888" spans="1:10" x14ac:dyDescent="0.35">
      <c r="A23888" s="1" t="s">
        <v>2172</v>
      </c>
      <c r="B23888" s="1" t="s">
        <v>83727</v>
      </c>
      <c r="C23888" s="1" t="s">
        <v>145</v>
      </c>
      <c r="D23888" s="1" t="s">
        <v>41609</v>
      </c>
      <c r="E23888" s="1" t="s">
        <v>85541</v>
      </c>
      <c r="F23888" s="1" t="s">
        <v>85542</v>
      </c>
      <c r="G23888" s="1" t="s">
        <v>85447</v>
      </c>
      <c r="H23888" s="1" t="s">
        <v>85448</v>
      </c>
      <c r="I23888" s="1" t="s">
        <v>83733</v>
      </c>
      <c r="J23888" s="1" t="s">
        <v>85543</v>
      </c>
    </row>
    <row r="23889" spans="1:10" x14ac:dyDescent="0.35">
      <c r="A23889" s="1" t="s">
        <v>2172</v>
      </c>
      <c r="B23889" s="1" t="s">
        <v>83727</v>
      </c>
      <c r="C23889" s="1" t="s">
        <v>150</v>
      </c>
      <c r="D23889" s="1" t="s">
        <v>85544</v>
      </c>
      <c r="E23889" s="1" t="s">
        <v>85545</v>
      </c>
      <c r="F23889" s="1" t="s">
        <v>85546</v>
      </c>
      <c r="G23889" s="1" t="s">
        <v>85447</v>
      </c>
      <c r="H23889" s="1" t="s">
        <v>85448</v>
      </c>
      <c r="I23889" s="1" t="s">
        <v>83733</v>
      </c>
      <c r="J23889" s="1" t="s">
        <v>85547</v>
      </c>
    </row>
    <row r="23890" spans="1:10" x14ac:dyDescent="0.35">
      <c r="A23890" s="1" t="s">
        <v>2172</v>
      </c>
      <c r="B23890" s="1" t="s">
        <v>83727</v>
      </c>
      <c r="C23890" s="1" t="s">
        <v>155</v>
      </c>
      <c r="D23890" s="1" t="s">
        <v>85548</v>
      </c>
      <c r="E23890" s="1" t="s">
        <v>85549</v>
      </c>
      <c r="F23890" s="1" t="s">
        <v>85550</v>
      </c>
      <c r="G23890" s="1" t="s">
        <v>85447</v>
      </c>
      <c r="H23890" s="1" t="s">
        <v>85448</v>
      </c>
      <c r="I23890" s="1" t="s">
        <v>83733</v>
      </c>
      <c r="J23890" s="1" t="s">
        <v>85551</v>
      </c>
    </row>
    <row r="23891" spans="1:10" x14ac:dyDescent="0.35">
      <c r="A23891" s="1" t="s">
        <v>2172</v>
      </c>
      <c r="B23891" s="1" t="s">
        <v>83727</v>
      </c>
      <c r="C23891" s="1" t="s">
        <v>160</v>
      </c>
      <c r="D23891" s="1" t="s">
        <v>85552</v>
      </c>
      <c r="E23891" s="1" t="s">
        <v>85553</v>
      </c>
      <c r="F23891" s="1" t="s">
        <v>85554</v>
      </c>
      <c r="G23891" s="1" t="s">
        <v>85447</v>
      </c>
      <c r="H23891" s="1" t="s">
        <v>85448</v>
      </c>
      <c r="I23891" s="1" t="s">
        <v>83733</v>
      </c>
      <c r="J23891" s="1" t="s">
        <v>85555</v>
      </c>
    </row>
    <row r="23892" spans="1:10" x14ac:dyDescent="0.35">
      <c r="A23892" s="1" t="s">
        <v>2172</v>
      </c>
      <c r="B23892" s="1" t="s">
        <v>83727</v>
      </c>
      <c r="C23892" s="1" t="s">
        <v>165</v>
      </c>
      <c r="D23892" s="1" t="s">
        <v>85556</v>
      </c>
      <c r="E23892" s="1" t="s">
        <v>85557</v>
      </c>
      <c r="F23892" s="1" t="s">
        <v>85558</v>
      </c>
      <c r="G23892" s="1" t="s">
        <v>85447</v>
      </c>
      <c r="H23892" s="1" t="s">
        <v>85448</v>
      </c>
      <c r="I23892" s="1" t="s">
        <v>83733</v>
      </c>
      <c r="J23892" s="1" t="s">
        <v>85559</v>
      </c>
    </row>
    <row r="23893" spans="1:10" x14ac:dyDescent="0.35">
      <c r="A23893" s="1" t="s">
        <v>2172</v>
      </c>
      <c r="B23893" s="1" t="s">
        <v>83727</v>
      </c>
      <c r="C23893" s="1" t="s">
        <v>170</v>
      </c>
      <c r="D23893" s="1" t="s">
        <v>85560</v>
      </c>
      <c r="E23893" s="1" t="s">
        <v>85561</v>
      </c>
      <c r="F23893" s="1" t="s">
        <v>85562</v>
      </c>
      <c r="G23893" s="1" t="s">
        <v>85447</v>
      </c>
      <c r="H23893" s="1" t="s">
        <v>85448</v>
      </c>
      <c r="I23893" s="1" t="s">
        <v>83733</v>
      </c>
      <c r="J23893" s="1" t="s">
        <v>85563</v>
      </c>
    </row>
    <row r="23894" spans="1:10" x14ac:dyDescent="0.35">
      <c r="A23894" s="1" t="s">
        <v>1789</v>
      </c>
      <c r="B23894" s="1" t="s">
        <v>83727</v>
      </c>
      <c r="C23894" s="1" t="s">
        <v>8</v>
      </c>
      <c r="D23894" s="1" t="s">
        <v>78168</v>
      </c>
      <c r="E23894" s="1" t="s">
        <v>85564</v>
      </c>
      <c r="F23894" s="1" t="s">
        <v>85565</v>
      </c>
      <c r="G23894" s="1" t="s">
        <v>85566</v>
      </c>
      <c r="H23894" s="1" t="s">
        <v>85567</v>
      </c>
      <c r="I23894" s="1" t="s">
        <v>83733</v>
      </c>
      <c r="J23894" s="1" t="s">
        <v>13</v>
      </c>
    </row>
    <row r="23895" spans="1:10" x14ac:dyDescent="0.35">
      <c r="A23895" s="1" t="s">
        <v>1789</v>
      </c>
      <c r="B23895" s="1" t="s">
        <v>83727</v>
      </c>
      <c r="C23895" s="1" t="s">
        <v>15</v>
      </c>
      <c r="D23895" s="1" t="s">
        <v>85568</v>
      </c>
      <c r="E23895" s="1" t="s">
        <v>85569</v>
      </c>
      <c r="F23895" s="1" t="s">
        <v>85570</v>
      </c>
      <c r="G23895" s="1" t="s">
        <v>85566</v>
      </c>
      <c r="H23895" s="1" t="s">
        <v>85567</v>
      </c>
      <c r="I23895" s="1" t="s">
        <v>83733</v>
      </c>
      <c r="J23895" s="1" t="s">
        <v>85571</v>
      </c>
    </row>
    <row r="23896" spans="1:10" x14ac:dyDescent="0.35">
      <c r="A23896" s="1" t="s">
        <v>1789</v>
      </c>
      <c r="B23896" s="1" t="s">
        <v>83727</v>
      </c>
      <c r="C23896" s="1" t="s">
        <v>20</v>
      </c>
      <c r="D23896" s="1" t="s">
        <v>85572</v>
      </c>
      <c r="E23896" s="1" t="s">
        <v>85573</v>
      </c>
      <c r="F23896" s="1" t="s">
        <v>85574</v>
      </c>
      <c r="G23896" s="1" t="s">
        <v>85566</v>
      </c>
      <c r="H23896" s="1" t="s">
        <v>85567</v>
      </c>
      <c r="I23896" s="1" t="s">
        <v>83733</v>
      </c>
      <c r="J23896" s="1" t="s">
        <v>85575</v>
      </c>
    </row>
    <row r="23897" spans="1:10" x14ac:dyDescent="0.35">
      <c r="A23897" s="1" t="s">
        <v>1789</v>
      </c>
      <c r="B23897" s="1" t="s">
        <v>83727</v>
      </c>
      <c r="C23897" s="1" t="s">
        <v>25</v>
      </c>
      <c r="D23897" s="1" t="s">
        <v>85576</v>
      </c>
      <c r="E23897" s="1" t="s">
        <v>85577</v>
      </c>
      <c r="F23897" s="1" t="s">
        <v>85578</v>
      </c>
      <c r="G23897" s="1" t="s">
        <v>85566</v>
      </c>
      <c r="H23897" s="1" t="s">
        <v>85567</v>
      </c>
      <c r="I23897" s="1" t="s">
        <v>83733</v>
      </c>
      <c r="J23897" s="1" t="s">
        <v>85579</v>
      </c>
    </row>
    <row r="23898" spans="1:10" x14ac:dyDescent="0.35">
      <c r="A23898" s="1" t="s">
        <v>1789</v>
      </c>
      <c r="B23898" s="1" t="s">
        <v>83727</v>
      </c>
      <c r="C23898" s="1" t="s">
        <v>30</v>
      </c>
      <c r="D23898" s="1" t="s">
        <v>85580</v>
      </c>
      <c r="E23898" s="1" t="s">
        <v>85581</v>
      </c>
      <c r="F23898" s="1" t="s">
        <v>85582</v>
      </c>
      <c r="G23898" s="1" t="s">
        <v>85566</v>
      </c>
      <c r="H23898" s="1" t="s">
        <v>85567</v>
      </c>
      <c r="I23898" s="1" t="s">
        <v>83733</v>
      </c>
      <c r="J23898" s="1" t="s">
        <v>85583</v>
      </c>
    </row>
    <row r="23899" spans="1:10" x14ac:dyDescent="0.35">
      <c r="A23899" s="1" t="s">
        <v>1789</v>
      </c>
      <c r="B23899" s="1" t="s">
        <v>83727</v>
      </c>
      <c r="C23899" s="1" t="s">
        <v>35</v>
      </c>
      <c r="D23899" s="1" t="s">
        <v>85584</v>
      </c>
      <c r="E23899" s="1" t="s">
        <v>85585</v>
      </c>
      <c r="F23899" s="1" t="s">
        <v>85586</v>
      </c>
      <c r="G23899" s="1" t="s">
        <v>85566</v>
      </c>
      <c r="H23899" s="1" t="s">
        <v>85567</v>
      </c>
      <c r="I23899" s="1" t="s">
        <v>83733</v>
      </c>
      <c r="J23899" s="1" t="s">
        <v>85587</v>
      </c>
    </row>
    <row r="23900" spans="1:10" x14ac:dyDescent="0.35">
      <c r="A23900" s="1" t="s">
        <v>1789</v>
      </c>
      <c r="B23900" s="1" t="s">
        <v>83727</v>
      </c>
      <c r="C23900" s="1" t="s">
        <v>40</v>
      </c>
      <c r="D23900" s="1" t="s">
        <v>85588</v>
      </c>
      <c r="E23900" s="1" t="s">
        <v>85589</v>
      </c>
      <c r="F23900" s="1" t="s">
        <v>85590</v>
      </c>
      <c r="G23900" s="1" t="s">
        <v>85566</v>
      </c>
      <c r="H23900" s="1" t="s">
        <v>85567</v>
      </c>
      <c r="I23900" s="1" t="s">
        <v>83733</v>
      </c>
      <c r="J23900" s="1" t="s">
        <v>85591</v>
      </c>
    </row>
    <row r="23901" spans="1:10" x14ac:dyDescent="0.35">
      <c r="A23901" s="1" t="s">
        <v>1789</v>
      </c>
      <c r="B23901" s="1" t="s">
        <v>83727</v>
      </c>
      <c r="C23901" s="1" t="s">
        <v>45</v>
      </c>
      <c r="D23901" s="1" t="s">
        <v>85592</v>
      </c>
      <c r="E23901" s="1" t="s">
        <v>85593</v>
      </c>
      <c r="F23901" s="1" t="s">
        <v>85594</v>
      </c>
      <c r="G23901" s="1" t="s">
        <v>85566</v>
      </c>
      <c r="H23901" s="1" t="s">
        <v>85567</v>
      </c>
      <c r="I23901" s="1" t="s">
        <v>83733</v>
      </c>
      <c r="J23901" s="1" t="s">
        <v>85595</v>
      </c>
    </row>
    <row r="23902" spans="1:10" x14ac:dyDescent="0.35">
      <c r="A23902" s="1" t="s">
        <v>1789</v>
      </c>
      <c r="B23902" s="1" t="s">
        <v>83727</v>
      </c>
      <c r="C23902" s="1" t="s">
        <v>50</v>
      </c>
      <c r="D23902" s="1" t="s">
        <v>85596</v>
      </c>
      <c r="E23902" s="1" t="s">
        <v>85597</v>
      </c>
      <c r="F23902" s="1" t="s">
        <v>85598</v>
      </c>
      <c r="G23902" s="1" t="s">
        <v>85566</v>
      </c>
      <c r="H23902" s="1" t="s">
        <v>85567</v>
      </c>
      <c r="I23902" s="1" t="s">
        <v>83733</v>
      </c>
      <c r="J23902" s="1" t="s">
        <v>85599</v>
      </c>
    </row>
    <row r="23903" spans="1:10" x14ac:dyDescent="0.35">
      <c r="A23903" s="1" t="s">
        <v>1789</v>
      </c>
      <c r="B23903" s="1" t="s">
        <v>83727</v>
      </c>
      <c r="C23903" s="1" t="s">
        <v>55</v>
      </c>
      <c r="D23903" s="1" t="s">
        <v>56483</v>
      </c>
      <c r="E23903" s="1" t="s">
        <v>85600</v>
      </c>
      <c r="F23903" s="1" t="s">
        <v>85601</v>
      </c>
      <c r="G23903" s="1" t="s">
        <v>85566</v>
      </c>
      <c r="H23903" s="1" t="s">
        <v>85567</v>
      </c>
      <c r="I23903" s="1" t="s">
        <v>83733</v>
      </c>
      <c r="J23903" s="1" t="s">
        <v>85602</v>
      </c>
    </row>
    <row r="23904" spans="1:10" x14ac:dyDescent="0.35">
      <c r="A23904" s="1" t="s">
        <v>1789</v>
      </c>
      <c r="B23904" s="1" t="s">
        <v>83727</v>
      </c>
      <c r="C23904" s="1" t="s">
        <v>60</v>
      </c>
      <c r="D23904" s="1" t="s">
        <v>85603</v>
      </c>
      <c r="E23904" s="1" t="s">
        <v>85604</v>
      </c>
      <c r="F23904" s="1" t="s">
        <v>85605</v>
      </c>
      <c r="G23904" s="1" t="s">
        <v>85566</v>
      </c>
      <c r="H23904" s="1" t="s">
        <v>85567</v>
      </c>
      <c r="I23904" s="1" t="s">
        <v>83733</v>
      </c>
      <c r="J23904" s="1" t="s">
        <v>85606</v>
      </c>
    </row>
    <row r="23905" spans="1:10" x14ac:dyDescent="0.35">
      <c r="A23905" s="1" t="s">
        <v>1789</v>
      </c>
      <c r="B23905" s="1" t="s">
        <v>83727</v>
      </c>
      <c r="C23905" s="1" t="s">
        <v>65</v>
      </c>
      <c r="D23905" s="1" t="s">
        <v>85607</v>
      </c>
      <c r="E23905" s="1" t="s">
        <v>85608</v>
      </c>
      <c r="F23905" s="1" t="s">
        <v>85609</v>
      </c>
      <c r="G23905" s="1" t="s">
        <v>85566</v>
      </c>
      <c r="H23905" s="1" t="s">
        <v>85567</v>
      </c>
      <c r="I23905" s="1" t="s">
        <v>83733</v>
      </c>
      <c r="J23905" s="1" t="s">
        <v>85610</v>
      </c>
    </row>
    <row r="23906" spans="1:10" x14ac:dyDescent="0.35">
      <c r="A23906" s="1" t="s">
        <v>1789</v>
      </c>
      <c r="B23906" s="1" t="s">
        <v>83727</v>
      </c>
      <c r="C23906" s="1" t="s">
        <v>70</v>
      </c>
      <c r="D23906" s="1" t="s">
        <v>85611</v>
      </c>
      <c r="E23906" s="1" t="s">
        <v>85612</v>
      </c>
      <c r="F23906" s="1" t="s">
        <v>85613</v>
      </c>
      <c r="G23906" s="1" t="s">
        <v>85566</v>
      </c>
      <c r="H23906" s="1" t="s">
        <v>85567</v>
      </c>
      <c r="I23906" s="1" t="s">
        <v>83733</v>
      </c>
      <c r="J23906" s="1" t="s">
        <v>85614</v>
      </c>
    </row>
    <row r="23907" spans="1:10" x14ac:dyDescent="0.35">
      <c r="A23907" s="1" t="s">
        <v>1789</v>
      </c>
      <c r="B23907" s="1" t="s">
        <v>83727</v>
      </c>
      <c r="C23907" s="1" t="s">
        <v>75</v>
      </c>
      <c r="D23907" s="1" t="s">
        <v>17096</v>
      </c>
      <c r="E23907" s="1" t="s">
        <v>85615</v>
      </c>
      <c r="F23907" s="1" t="s">
        <v>85616</v>
      </c>
      <c r="G23907" s="1" t="s">
        <v>85566</v>
      </c>
      <c r="H23907" s="1" t="s">
        <v>85567</v>
      </c>
      <c r="I23907" s="1" t="s">
        <v>83733</v>
      </c>
      <c r="J23907" s="1" t="s">
        <v>85617</v>
      </c>
    </row>
    <row r="23908" spans="1:10" x14ac:dyDescent="0.35">
      <c r="A23908" s="1" t="s">
        <v>1789</v>
      </c>
      <c r="B23908" s="1" t="s">
        <v>83727</v>
      </c>
      <c r="C23908" s="1" t="s">
        <v>80</v>
      </c>
      <c r="D23908" s="1" t="s">
        <v>64049</v>
      </c>
      <c r="E23908" s="1" t="s">
        <v>85618</v>
      </c>
      <c r="F23908" s="1" t="s">
        <v>85619</v>
      </c>
      <c r="G23908" s="1" t="s">
        <v>85566</v>
      </c>
      <c r="H23908" s="1" t="s">
        <v>85567</v>
      </c>
      <c r="I23908" s="1" t="s">
        <v>83733</v>
      </c>
      <c r="J23908" s="1" t="s">
        <v>85620</v>
      </c>
    </row>
    <row r="23909" spans="1:10" x14ac:dyDescent="0.35">
      <c r="A23909" s="1" t="s">
        <v>1789</v>
      </c>
      <c r="B23909" s="1" t="s">
        <v>83727</v>
      </c>
      <c r="C23909" s="1" t="s">
        <v>85</v>
      </c>
      <c r="D23909" s="1" t="s">
        <v>68401</v>
      </c>
      <c r="E23909" s="1" t="s">
        <v>85621</v>
      </c>
      <c r="F23909" s="1" t="s">
        <v>85622</v>
      </c>
      <c r="G23909" s="1" t="s">
        <v>85566</v>
      </c>
      <c r="H23909" s="1" t="s">
        <v>85567</v>
      </c>
      <c r="I23909" s="1" t="s">
        <v>83733</v>
      </c>
      <c r="J23909" s="1" t="s">
        <v>85623</v>
      </c>
    </row>
    <row r="23910" spans="1:10" x14ac:dyDescent="0.35">
      <c r="A23910" s="1" t="s">
        <v>1789</v>
      </c>
      <c r="B23910" s="1" t="s">
        <v>83727</v>
      </c>
      <c r="C23910" s="1" t="s">
        <v>90</v>
      </c>
      <c r="D23910" s="1" t="s">
        <v>85624</v>
      </c>
      <c r="E23910" s="1" t="s">
        <v>85625</v>
      </c>
      <c r="F23910" s="1" t="s">
        <v>85626</v>
      </c>
      <c r="G23910" s="1" t="s">
        <v>85566</v>
      </c>
      <c r="H23910" s="1" t="s">
        <v>85567</v>
      </c>
      <c r="I23910" s="1" t="s">
        <v>83733</v>
      </c>
      <c r="J23910" s="1" t="s">
        <v>85627</v>
      </c>
    </row>
    <row r="23911" spans="1:10" x14ac:dyDescent="0.35">
      <c r="A23911" s="1" t="s">
        <v>1789</v>
      </c>
      <c r="B23911" s="1" t="s">
        <v>83727</v>
      </c>
      <c r="C23911" s="1" t="s">
        <v>95</v>
      </c>
      <c r="D23911" s="1" t="s">
        <v>56015</v>
      </c>
      <c r="E23911" s="1" t="s">
        <v>85628</v>
      </c>
      <c r="F23911" s="1" t="s">
        <v>85629</v>
      </c>
      <c r="G23911" s="1" t="s">
        <v>85566</v>
      </c>
      <c r="H23911" s="1" t="s">
        <v>85567</v>
      </c>
      <c r="I23911" s="1" t="s">
        <v>83733</v>
      </c>
      <c r="J23911" s="1" t="s">
        <v>85630</v>
      </c>
    </row>
    <row r="23912" spans="1:10" x14ac:dyDescent="0.35">
      <c r="A23912" s="1" t="s">
        <v>1789</v>
      </c>
      <c r="B23912" s="1" t="s">
        <v>83727</v>
      </c>
      <c r="C23912" s="1" t="s">
        <v>100</v>
      </c>
      <c r="D23912" s="1" t="s">
        <v>20043</v>
      </c>
      <c r="E23912" s="1" t="s">
        <v>85631</v>
      </c>
      <c r="F23912" s="1" t="s">
        <v>85632</v>
      </c>
      <c r="G23912" s="1" t="s">
        <v>85566</v>
      </c>
      <c r="H23912" s="1" t="s">
        <v>85567</v>
      </c>
      <c r="I23912" s="1" t="s">
        <v>83733</v>
      </c>
      <c r="J23912" s="1" t="s">
        <v>85633</v>
      </c>
    </row>
    <row r="23913" spans="1:10" x14ac:dyDescent="0.35">
      <c r="A23913" s="1" t="s">
        <v>1789</v>
      </c>
      <c r="B23913" s="1" t="s">
        <v>83727</v>
      </c>
      <c r="C23913" s="1" t="s">
        <v>105</v>
      </c>
      <c r="D23913" s="1" t="s">
        <v>24457</v>
      </c>
      <c r="E23913" s="1" t="s">
        <v>85634</v>
      </c>
      <c r="F23913" s="1" t="s">
        <v>85635</v>
      </c>
      <c r="G23913" s="1" t="s">
        <v>85566</v>
      </c>
      <c r="H23913" s="1" t="s">
        <v>85567</v>
      </c>
      <c r="I23913" s="1" t="s">
        <v>83733</v>
      </c>
      <c r="J23913" s="1" t="s">
        <v>85636</v>
      </c>
    </row>
    <row r="23914" spans="1:10" x14ac:dyDescent="0.35">
      <c r="A23914" s="1" t="s">
        <v>1789</v>
      </c>
      <c r="B23914" s="1" t="s">
        <v>83727</v>
      </c>
      <c r="C23914" s="1" t="s">
        <v>110</v>
      </c>
      <c r="D23914" s="1" t="s">
        <v>24615</v>
      </c>
      <c r="E23914" s="1" t="s">
        <v>85637</v>
      </c>
      <c r="F23914" s="1" t="s">
        <v>85638</v>
      </c>
      <c r="G23914" s="1" t="s">
        <v>85566</v>
      </c>
      <c r="H23914" s="1" t="s">
        <v>85567</v>
      </c>
      <c r="I23914" s="1" t="s">
        <v>83733</v>
      </c>
      <c r="J23914" s="1" t="s">
        <v>85639</v>
      </c>
    </row>
    <row r="23915" spans="1:10" x14ac:dyDescent="0.35">
      <c r="A23915" s="1" t="s">
        <v>1789</v>
      </c>
      <c r="B23915" s="1" t="s">
        <v>83727</v>
      </c>
      <c r="C23915" s="1" t="s">
        <v>115</v>
      </c>
      <c r="D23915" s="1" t="s">
        <v>85640</v>
      </c>
      <c r="E23915" s="1" t="s">
        <v>85641</v>
      </c>
      <c r="F23915" s="1" t="s">
        <v>85642</v>
      </c>
      <c r="G23915" s="1" t="s">
        <v>85566</v>
      </c>
      <c r="H23915" s="1" t="s">
        <v>85567</v>
      </c>
      <c r="I23915" s="1" t="s">
        <v>83733</v>
      </c>
      <c r="J23915" s="1" t="s">
        <v>85643</v>
      </c>
    </row>
    <row r="23916" spans="1:10" x14ac:dyDescent="0.35">
      <c r="A23916" s="1" t="s">
        <v>1789</v>
      </c>
      <c r="B23916" s="1" t="s">
        <v>83727</v>
      </c>
      <c r="C23916" s="1" t="s">
        <v>120</v>
      </c>
      <c r="D23916" s="1" t="s">
        <v>85644</v>
      </c>
      <c r="E23916" s="1" t="s">
        <v>85645</v>
      </c>
      <c r="F23916" s="1" t="s">
        <v>85646</v>
      </c>
      <c r="G23916" s="1" t="s">
        <v>85566</v>
      </c>
      <c r="H23916" s="1" t="s">
        <v>85567</v>
      </c>
      <c r="I23916" s="1" t="s">
        <v>83733</v>
      </c>
      <c r="J23916" s="1" t="s">
        <v>85647</v>
      </c>
    </row>
    <row r="23917" spans="1:10" x14ac:dyDescent="0.35">
      <c r="A23917" s="1" t="s">
        <v>1789</v>
      </c>
      <c r="B23917" s="1" t="s">
        <v>83727</v>
      </c>
      <c r="C23917" s="1" t="s">
        <v>125</v>
      </c>
      <c r="D23917" s="1" t="s">
        <v>85648</v>
      </c>
      <c r="E23917" s="1" t="s">
        <v>85649</v>
      </c>
      <c r="F23917" s="1" t="s">
        <v>82612</v>
      </c>
      <c r="G23917" s="1" t="s">
        <v>85566</v>
      </c>
      <c r="H23917" s="1" t="s">
        <v>85567</v>
      </c>
      <c r="I23917" s="1" t="s">
        <v>83733</v>
      </c>
      <c r="J23917" s="1" t="s">
        <v>85650</v>
      </c>
    </row>
    <row r="23918" spans="1:10" x14ac:dyDescent="0.35">
      <c r="A23918" s="1" t="s">
        <v>1789</v>
      </c>
      <c r="B23918" s="1" t="s">
        <v>83727</v>
      </c>
      <c r="C23918" s="1" t="s">
        <v>130</v>
      </c>
      <c r="D23918" s="1" t="s">
        <v>85651</v>
      </c>
      <c r="E23918" s="1" t="s">
        <v>85652</v>
      </c>
      <c r="F23918" s="1" t="s">
        <v>85653</v>
      </c>
      <c r="G23918" s="1" t="s">
        <v>85566</v>
      </c>
      <c r="H23918" s="1" t="s">
        <v>85567</v>
      </c>
      <c r="I23918" s="1" t="s">
        <v>83733</v>
      </c>
      <c r="J23918" s="1" t="s">
        <v>85654</v>
      </c>
    </row>
    <row r="23919" spans="1:10" x14ac:dyDescent="0.35">
      <c r="A23919" s="1" t="s">
        <v>1789</v>
      </c>
      <c r="B23919" s="1" t="s">
        <v>83727</v>
      </c>
      <c r="C23919" s="1" t="s">
        <v>135</v>
      </c>
      <c r="D23919" s="1" t="s">
        <v>81561</v>
      </c>
      <c r="E23919" s="1" t="s">
        <v>85655</v>
      </c>
      <c r="F23919" s="1" t="s">
        <v>85656</v>
      </c>
      <c r="G23919" s="1" t="s">
        <v>85566</v>
      </c>
      <c r="H23919" s="1" t="s">
        <v>85567</v>
      </c>
      <c r="I23919" s="1" t="s">
        <v>83733</v>
      </c>
      <c r="J23919" s="1" t="s">
        <v>85657</v>
      </c>
    </row>
    <row r="23920" spans="1:10" x14ac:dyDescent="0.35">
      <c r="A23920" s="1" t="s">
        <v>1789</v>
      </c>
      <c r="B23920" s="1" t="s">
        <v>83727</v>
      </c>
      <c r="C23920" s="1" t="s">
        <v>140</v>
      </c>
      <c r="D23920" s="1" t="s">
        <v>20162</v>
      </c>
      <c r="E23920" s="1" t="s">
        <v>85658</v>
      </c>
      <c r="F23920" s="1" t="s">
        <v>85659</v>
      </c>
      <c r="G23920" s="1" t="s">
        <v>85566</v>
      </c>
      <c r="H23920" s="1" t="s">
        <v>85567</v>
      </c>
      <c r="I23920" s="1" t="s">
        <v>83733</v>
      </c>
      <c r="J23920" s="1" t="s">
        <v>85660</v>
      </c>
    </row>
    <row r="23921" spans="1:10" x14ac:dyDescent="0.35">
      <c r="A23921" s="1" t="s">
        <v>1789</v>
      </c>
      <c r="B23921" s="1" t="s">
        <v>83727</v>
      </c>
      <c r="C23921" s="1" t="s">
        <v>145</v>
      </c>
      <c r="D23921" s="1" t="s">
        <v>85661</v>
      </c>
      <c r="E23921" s="1" t="s">
        <v>85662</v>
      </c>
      <c r="F23921" s="1" t="s">
        <v>85663</v>
      </c>
      <c r="G23921" s="1" t="s">
        <v>85566</v>
      </c>
      <c r="H23921" s="1" t="s">
        <v>85567</v>
      </c>
      <c r="I23921" s="1" t="s">
        <v>83733</v>
      </c>
      <c r="J23921" s="1" t="s">
        <v>85664</v>
      </c>
    </row>
    <row r="23922" spans="1:10" x14ac:dyDescent="0.35">
      <c r="A23922" s="1" t="s">
        <v>1789</v>
      </c>
      <c r="B23922" s="1" t="s">
        <v>83727</v>
      </c>
      <c r="C23922" s="1" t="s">
        <v>150</v>
      </c>
      <c r="D23922" s="1" t="s">
        <v>85665</v>
      </c>
      <c r="E23922" s="1" t="s">
        <v>85666</v>
      </c>
      <c r="F23922" s="1" t="s">
        <v>85667</v>
      </c>
      <c r="G23922" s="1" t="s">
        <v>85566</v>
      </c>
      <c r="H23922" s="1" t="s">
        <v>85567</v>
      </c>
      <c r="I23922" s="1" t="s">
        <v>83733</v>
      </c>
      <c r="J23922" s="1" t="s">
        <v>85668</v>
      </c>
    </row>
    <row r="23923" spans="1:10" x14ac:dyDescent="0.35">
      <c r="A23923" s="1" t="s">
        <v>1789</v>
      </c>
      <c r="B23923" s="1" t="s">
        <v>83727</v>
      </c>
      <c r="C23923" s="1" t="s">
        <v>155</v>
      </c>
      <c r="D23923" s="1" t="s">
        <v>85669</v>
      </c>
      <c r="E23923" s="1" t="s">
        <v>85670</v>
      </c>
      <c r="F23923" s="1" t="s">
        <v>85671</v>
      </c>
      <c r="G23923" s="1" t="s">
        <v>85566</v>
      </c>
      <c r="H23923" s="1" t="s">
        <v>85567</v>
      </c>
      <c r="I23923" s="1" t="s">
        <v>83733</v>
      </c>
      <c r="J23923" s="1" t="s">
        <v>85672</v>
      </c>
    </row>
    <row r="23924" spans="1:10" x14ac:dyDescent="0.35">
      <c r="A23924" s="1" t="s">
        <v>1789</v>
      </c>
      <c r="B23924" s="1" t="s">
        <v>83727</v>
      </c>
      <c r="C23924" s="1" t="s">
        <v>160</v>
      </c>
      <c r="D23924" s="1" t="s">
        <v>85673</v>
      </c>
      <c r="E23924" s="1" t="s">
        <v>85674</v>
      </c>
      <c r="F23924" s="1" t="s">
        <v>85675</v>
      </c>
      <c r="G23924" s="1" t="s">
        <v>85566</v>
      </c>
      <c r="H23924" s="1" t="s">
        <v>85567</v>
      </c>
      <c r="I23924" s="1" t="s">
        <v>83733</v>
      </c>
      <c r="J23924" s="1" t="s">
        <v>85676</v>
      </c>
    </row>
    <row r="23925" spans="1:10" x14ac:dyDescent="0.35">
      <c r="A23925" s="1" t="s">
        <v>1789</v>
      </c>
      <c r="B23925" s="1" t="s">
        <v>83727</v>
      </c>
      <c r="C23925" s="1" t="s">
        <v>165</v>
      </c>
      <c r="D23925" s="1" t="s">
        <v>85677</v>
      </c>
      <c r="E23925" s="1" t="s">
        <v>85678</v>
      </c>
      <c r="F23925" s="1" t="s">
        <v>85679</v>
      </c>
      <c r="G23925" s="1" t="s">
        <v>85566</v>
      </c>
      <c r="H23925" s="1" t="s">
        <v>85567</v>
      </c>
      <c r="I23925" s="1" t="s">
        <v>83733</v>
      </c>
      <c r="J23925" s="1" t="s">
        <v>85680</v>
      </c>
    </row>
    <row r="23926" spans="1:10" x14ac:dyDescent="0.35">
      <c r="A23926" s="1" t="s">
        <v>1789</v>
      </c>
      <c r="B23926" s="1" t="s">
        <v>83727</v>
      </c>
      <c r="C23926" s="1" t="s">
        <v>170</v>
      </c>
      <c r="D23926" s="1" t="s">
        <v>85681</v>
      </c>
      <c r="E23926" s="1" t="s">
        <v>85682</v>
      </c>
      <c r="F23926" s="1" t="s">
        <v>85683</v>
      </c>
      <c r="G23926" s="1" t="s">
        <v>85566</v>
      </c>
      <c r="H23926" s="1" t="s">
        <v>85567</v>
      </c>
      <c r="I23926" s="1" t="s">
        <v>83733</v>
      </c>
      <c r="J23926" s="1" t="s">
        <v>85684</v>
      </c>
    </row>
    <row r="23927" spans="1:10" x14ac:dyDescent="0.35">
      <c r="A23927" s="1" t="s">
        <v>1777</v>
      </c>
      <c r="B23927" s="1" t="s">
        <v>83727</v>
      </c>
      <c r="C23927" s="1" t="s">
        <v>8</v>
      </c>
      <c r="D23927" s="1" t="s">
        <v>85685</v>
      </c>
      <c r="E23927" s="1" t="s">
        <v>85686</v>
      </c>
      <c r="F23927" s="1" t="s">
        <v>85687</v>
      </c>
      <c r="G23927" s="1" t="s">
        <v>85688</v>
      </c>
      <c r="H23927" s="1" t="s">
        <v>85689</v>
      </c>
      <c r="I23927" s="1" t="s">
        <v>83733</v>
      </c>
      <c r="J23927" s="1" t="s">
        <v>13</v>
      </c>
    </row>
    <row r="23928" spans="1:10" x14ac:dyDescent="0.35">
      <c r="A23928" s="1" t="s">
        <v>1777</v>
      </c>
      <c r="B23928" s="1" t="s">
        <v>83727</v>
      </c>
      <c r="C23928" s="1" t="s">
        <v>15</v>
      </c>
      <c r="D23928" s="1" t="s">
        <v>85690</v>
      </c>
      <c r="E23928" s="1" t="s">
        <v>85691</v>
      </c>
      <c r="F23928" s="1" t="s">
        <v>85692</v>
      </c>
      <c r="G23928" s="1" t="s">
        <v>85688</v>
      </c>
      <c r="H23928" s="1" t="s">
        <v>85689</v>
      </c>
      <c r="I23928" s="1" t="s">
        <v>83733</v>
      </c>
      <c r="J23928" s="1" t="s">
        <v>85693</v>
      </c>
    </row>
    <row r="23929" spans="1:10" x14ac:dyDescent="0.35">
      <c r="A23929" s="1" t="s">
        <v>1777</v>
      </c>
      <c r="B23929" s="1" t="s">
        <v>83727</v>
      </c>
      <c r="C23929" s="1" t="s">
        <v>20</v>
      </c>
      <c r="D23929" s="1" t="s">
        <v>53686</v>
      </c>
      <c r="E23929" s="1" t="s">
        <v>85694</v>
      </c>
      <c r="F23929" s="1" t="s">
        <v>85695</v>
      </c>
      <c r="G23929" s="1" t="s">
        <v>85688</v>
      </c>
      <c r="H23929" s="1" t="s">
        <v>85689</v>
      </c>
      <c r="I23929" s="1" t="s">
        <v>83733</v>
      </c>
      <c r="J23929" s="1" t="s">
        <v>85696</v>
      </c>
    </row>
    <row r="23930" spans="1:10" x14ac:dyDescent="0.35">
      <c r="A23930" s="1" t="s">
        <v>1777</v>
      </c>
      <c r="B23930" s="1" t="s">
        <v>83727</v>
      </c>
      <c r="C23930" s="1" t="s">
        <v>25</v>
      </c>
      <c r="D23930" s="1" t="s">
        <v>85697</v>
      </c>
      <c r="E23930" s="1" t="s">
        <v>85698</v>
      </c>
      <c r="F23930" s="1" t="s">
        <v>85699</v>
      </c>
      <c r="G23930" s="1" t="s">
        <v>85688</v>
      </c>
      <c r="H23930" s="1" t="s">
        <v>85689</v>
      </c>
      <c r="I23930" s="1" t="s">
        <v>83733</v>
      </c>
      <c r="J23930" s="1" t="s">
        <v>85700</v>
      </c>
    </row>
    <row r="23931" spans="1:10" x14ac:dyDescent="0.35">
      <c r="A23931" s="1" t="s">
        <v>1777</v>
      </c>
      <c r="B23931" s="1" t="s">
        <v>83727</v>
      </c>
      <c r="C23931" s="1" t="s">
        <v>30</v>
      </c>
      <c r="D23931" s="1" t="s">
        <v>85701</v>
      </c>
      <c r="E23931" s="1" t="s">
        <v>85702</v>
      </c>
      <c r="F23931" s="1" t="s">
        <v>85703</v>
      </c>
      <c r="G23931" s="1" t="s">
        <v>85688</v>
      </c>
      <c r="H23931" s="1" t="s">
        <v>85689</v>
      </c>
      <c r="I23931" s="1" t="s">
        <v>83733</v>
      </c>
      <c r="J23931" s="1" t="s">
        <v>85704</v>
      </c>
    </row>
    <row r="23932" spans="1:10" x14ac:dyDescent="0.35">
      <c r="A23932" s="1" t="s">
        <v>1777</v>
      </c>
      <c r="B23932" s="1" t="s">
        <v>83727</v>
      </c>
      <c r="C23932" s="1" t="s">
        <v>35</v>
      </c>
      <c r="D23932" s="1" t="s">
        <v>33129</v>
      </c>
      <c r="E23932" s="1" t="s">
        <v>85705</v>
      </c>
      <c r="F23932" s="1" t="s">
        <v>85706</v>
      </c>
      <c r="G23932" s="1" t="s">
        <v>85688</v>
      </c>
      <c r="H23932" s="1" t="s">
        <v>85689</v>
      </c>
      <c r="I23932" s="1" t="s">
        <v>83733</v>
      </c>
      <c r="J23932" s="1" t="s">
        <v>85707</v>
      </c>
    </row>
    <row r="23933" spans="1:10" x14ac:dyDescent="0.35">
      <c r="A23933" s="1" t="s">
        <v>1777</v>
      </c>
      <c r="B23933" s="1" t="s">
        <v>83727</v>
      </c>
      <c r="C23933" s="1" t="s">
        <v>40</v>
      </c>
      <c r="D23933" s="1" t="s">
        <v>85708</v>
      </c>
      <c r="E23933" s="1" t="s">
        <v>85709</v>
      </c>
      <c r="F23933" s="1" t="s">
        <v>85710</v>
      </c>
      <c r="G23933" s="1" t="s">
        <v>85688</v>
      </c>
      <c r="H23933" s="1" t="s">
        <v>85689</v>
      </c>
      <c r="I23933" s="1" t="s">
        <v>83733</v>
      </c>
      <c r="J23933" s="1" t="s">
        <v>85711</v>
      </c>
    </row>
    <row r="23934" spans="1:10" x14ac:dyDescent="0.35">
      <c r="A23934" s="1" t="s">
        <v>1777</v>
      </c>
      <c r="B23934" s="1" t="s">
        <v>83727</v>
      </c>
      <c r="C23934" s="1" t="s">
        <v>45</v>
      </c>
      <c r="D23934" s="1" t="s">
        <v>85712</v>
      </c>
      <c r="E23934" s="1" t="s">
        <v>85713</v>
      </c>
      <c r="F23934" s="1" t="s">
        <v>85714</v>
      </c>
      <c r="G23934" s="1" t="s">
        <v>85688</v>
      </c>
      <c r="H23934" s="1" t="s">
        <v>85689</v>
      </c>
      <c r="I23934" s="1" t="s">
        <v>83733</v>
      </c>
      <c r="J23934" s="1" t="s">
        <v>85715</v>
      </c>
    </row>
    <row r="23935" spans="1:10" x14ac:dyDescent="0.35">
      <c r="A23935" s="1" t="s">
        <v>1777</v>
      </c>
      <c r="B23935" s="1" t="s">
        <v>83727</v>
      </c>
      <c r="C23935" s="1" t="s">
        <v>50</v>
      </c>
      <c r="D23935" s="1" t="s">
        <v>85716</v>
      </c>
      <c r="E23935" s="1" t="s">
        <v>85717</v>
      </c>
      <c r="F23935" s="1" t="s">
        <v>85718</v>
      </c>
      <c r="G23935" s="1" t="s">
        <v>85688</v>
      </c>
      <c r="H23935" s="1" t="s">
        <v>85689</v>
      </c>
      <c r="I23935" s="1" t="s">
        <v>83733</v>
      </c>
      <c r="J23935" s="1" t="s">
        <v>85719</v>
      </c>
    </row>
    <row r="23936" spans="1:10" x14ac:dyDescent="0.35">
      <c r="A23936" s="1" t="s">
        <v>1777</v>
      </c>
      <c r="B23936" s="1" t="s">
        <v>83727</v>
      </c>
      <c r="C23936" s="1" t="s">
        <v>55</v>
      </c>
      <c r="D23936" s="1" t="s">
        <v>60075</v>
      </c>
      <c r="E23936" s="1" t="s">
        <v>85720</v>
      </c>
      <c r="F23936" s="1" t="s">
        <v>85721</v>
      </c>
      <c r="G23936" s="1" t="s">
        <v>85688</v>
      </c>
      <c r="H23936" s="1" t="s">
        <v>85689</v>
      </c>
      <c r="I23936" s="1" t="s">
        <v>83733</v>
      </c>
      <c r="J23936" s="1" t="s">
        <v>85722</v>
      </c>
    </row>
    <row r="23937" spans="1:10" x14ac:dyDescent="0.35">
      <c r="A23937" s="1" t="s">
        <v>1777</v>
      </c>
      <c r="B23937" s="1" t="s">
        <v>83727</v>
      </c>
      <c r="C23937" s="1" t="s">
        <v>60</v>
      </c>
      <c r="D23937" s="1" t="s">
        <v>85723</v>
      </c>
      <c r="E23937" s="1" t="s">
        <v>85724</v>
      </c>
      <c r="F23937" s="1" t="s">
        <v>85725</v>
      </c>
      <c r="G23937" s="1" t="s">
        <v>85688</v>
      </c>
      <c r="H23937" s="1" t="s">
        <v>85689</v>
      </c>
      <c r="I23937" s="1" t="s">
        <v>83733</v>
      </c>
      <c r="J23937" s="1" t="s">
        <v>85726</v>
      </c>
    </row>
    <row r="23938" spans="1:10" x14ac:dyDescent="0.35">
      <c r="A23938" s="1" t="s">
        <v>1777</v>
      </c>
      <c r="B23938" s="1" t="s">
        <v>83727</v>
      </c>
      <c r="C23938" s="1" t="s">
        <v>65</v>
      </c>
      <c r="D23938" s="1" t="s">
        <v>40136</v>
      </c>
      <c r="E23938" s="1" t="s">
        <v>85727</v>
      </c>
      <c r="F23938" s="1" t="s">
        <v>85728</v>
      </c>
      <c r="G23938" s="1" t="s">
        <v>85688</v>
      </c>
      <c r="H23938" s="1" t="s">
        <v>85689</v>
      </c>
      <c r="I23938" s="1" t="s">
        <v>83733</v>
      </c>
      <c r="J23938" s="1" t="s">
        <v>85729</v>
      </c>
    </row>
    <row r="23939" spans="1:10" x14ac:dyDescent="0.35">
      <c r="A23939" s="1" t="s">
        <v>1777</v>
      </c>
      <c r="B23939" s="1" t="s">
        <v>83727</v>
      </c>
      <c r="C23939" s="1" t="s">
        <v>70</v>
      </c>
      <c r="D23939" s="1" t="s">
        <v>55185</v>
      </c>
      <c r="E23939" s="1" t="s">
        <v>85730</v>
      </c>
      <c r="F23939" s="1" t="s">
        <v>85731</v>
      </c>
      <c r="G23939" s="1" t="s">
        <v>85688</v>
      </c>
      <c r="H23939" s="1" t="s">
        <v>85689</v>
      </c>
      <c r="I23939" s="1" t="s">
        <v>83733</v>
      </c>
      <c r="J23939" s="1" t="s">
        <v>85732</v>
      </c>
    </row>
    <row r="23940" spans="1:10" x14ac:dyDescent="0.35">
      <c r="A23940" s="1" t="s">
        <v>1777</v>
      </c>
      <c r="B23940" s="1" t="s">
        <v>83727</v>
      </c>
      <c r="C23940" s="1" t="s">
        <v>75</v>
      </c>
      <c r="D23940" s="1" t="s">
        <v>13606</v>
      </c>
      <c r="E23940" s="1" t="s">
        <v>85733</v>
      </c>
      <c r="F23940" s="1" t="s">
        <v>85734</v>
      </c>
      <c r="G23940" s="1" t="s">
        <v>85688</v>
      </c>
      <c r="H23940" s="1" t="s">
        <v>85689</v>
      </c>
      <c r="I23940" s="1" t="s">
        <v>83733</v>
      </c>
      <c r="J23940" s="1" t="s">
        <v>85735</v>
      </c>
    </row>
    <row r="23941" spans="1:10" x14ac:dyDescent="0.35">
      <c r="A23941" s="1" t="s">
        <v>1777</v>
      </c>
      <c r="B23941" s="1" t="s">
        <v>83727</v>
      </c>
      <c r="C23941" s="1" t="s">
        <v>80</v>
      </c>
      <c r="D23941" s="1" t="s">
        <v>68507</v>
      </c>
      <c r="E23941" s="1" t="s">
        <v>85736</v>
      </c>
      <c r="F23941" s="1" t="s">
        <v>85737</v>
      </c>
      <c r="G23941" s="1" t="s">
        <v>85688</v>
      </c>
      <c r="H23941" s="1" t="s">
        <v>85689</v>
      </c>
      <c r="I23941" s="1" t="s">
        <v>83733</v>
      </c>
      <c r="J23941" s="1" t="s">
        <v>85738</v>
      </c>
    </row>
    <row r="23942" spans="1:10" x14ac:dyDescent="0.35">
      <c r="A23942" s="1" t="s">
        <v>1777</v>
      </c>
      <c r="B23942" s="1" t="s">
        <v>83727</v>
      </c>
      <c r="C23942" s="1" t="s">
        <v>85</v>
      </c>
      <c r="D23942" s="1" t="s">
        <v>85739</v>
      </c>
      <c r="E23942" s="1" t="s">
        <v>85740</v>
      </c>
      <c r="F23942" s="1" t="s">
        <v>85741</v>
      </c>
      <c r="G23942" s="1" t="s">
        <v>85688</v>
      </c>
      <c r="H23942" s="1" t="s">
        <v>85689</v>
      </c>
      <c r="I23942" s="1" t="s">
        <v>83733</v>
      </c>
      <c r="J23942" s="1" t="s">
        <v>85742</v>
      </c>
    </row>
    <row r="23943" spans="1:10" x14ac:dyDescent="0.35">
      <c r="A23943" s="1" t="s">
        <v>1777</v>
      </c>
      <c r="B23943" s="1" t="s">
        <v>83727</v>
      </c>
      <c r="C23943" s="1" t="s">
        <v>90</v>
      </c>
      <c r="D23943" s="1" t="s">
        <v>85743</v>
      </c>
      <c r="E23943" s="1" t="s">
        <v>85744</v>
      </c>
      <c r="F23943" s="1" t="s">
        <v>85745</v>
      </c>
      <c r="G23943" s="1" t="s">
        <v>85688</v>
      </c>
      <c r="H23943" s="1" t="s">
        <v>85689</v>
      </c>
      <c r="I23943" s="1" t="s">
        <v>83733</v>
      </c>
      <c r="J23943" s="1" t="s">
        <v>85746</v>
      </c>
    </row>
    <row r="23944" spans="1:10" x14ac:dyDescent="0.35">
      <c r="A23944" s="1" t="s">
        <v>1777</v>
      </c>
      <c r="B23944" s="1" t="s">
        <v>83727</v>
      </c>
      <c r="C23944" s="1" t="s">
        <v>95</v>
      </c>
      <c r="D23944" s="1" t="s">
        <v>81164</v>
      </c>
      <c r="E23944" s="1" t="s">
        <v>85747</v>
      </c>
      <c r="F23944" s="1" t="s">
        <v>85748</v>
      </c>
      <c r="G23944" s="1" t="s">
        <v>85688</v>
      </c>
      <c r="H23944" s="1" t="s">
        <v>85689</v>
      </c>
      <c r="I23944" s="1" t="s">
        <v>83733</v>
      </c>
      <c r="J23944" s="1" t="s">
        <v>85749</v>
      </c>
    </row>
    <row r="23945" spans="1:10" x14ac:dyDescent="0.35">
      <c r="A23945" s="1" t="s">
        <v>1777</v>
      </c>
      <c r="B23945" s="1" t="s">
        <v>83727</v>
      </c>
      <c r="C23945" s="1" t="s">
        <v>100</v>
      </c>
      <c r="D23945" s="1" t="s">
        <v>85750</v>
      </c>
      <c r="E23945" s="1" t="s">
        <v>85751</v>
      </c>
      <c r="F23945" s="1" t="s">
        <v>85752</v>
      </c>
      <c r="G23945" s="1" t="s">
        <v>85688</v>
      </c>
      <c r="H23945" s="1" t="s">
        <v>85689</v>
      </c>
      <c r="I23945" s="1" t="s">
        <v>83733</v>
      </c>
      <c r="J23945" s="1" t="s">
        <v>85753</v>
      </c>
    </row>
    <row r="23946" spans="1:10" x14ac:dyDescent="0.35">
      <c r="A23946" s="1" t="s">
        <v>1777</v>
      </c>
      <c r="B23946" s="1" t="s">
        <v>83727</v>
      </c>
      <c r="C23946" s="1" t="s">
        <v>105</v>
      </c>
      <c r="D23946" s="1" t="s">
        <v>54920</v>
      </c>
      <c r="E23946" s="1" t="s">
        <v>85754</v>
      </c>
      <c r="F23946" s="1" t="s">
        <v>85755</v>
      </c>
      <c r="G23946" s="1" t="s">
        <v>85688</v>
      </c>
      <c r="H23946" s="1" t="s">
        <v>85689</v>
      </c>
      <c r="I23946" s="1" t="s">
        <v>83733</v>
      </c>
      <c r="J23946" s="1" t="s">
        <v>85756</v>
      </c>
    </row>
    <row r="23947" spans="1:10" x14ac:dyDescent="0.35">
      <c r="A23947" s="1" t="s">
        <v>1777</v>
      </c>
      <c r="B23947" s="1" t="s">
        <v>83727</v>
      </c>
      <c r="C23947" s="1" t="s">
        <v>110</v>
      </c>
      <c r="D23947" s="1" t="s">
        <v>85757</v>
      </c>
      <c r="E23947" s="1" t="s">
        <v>85758</v>
      </c>
      <c r="F23947" s="1" t="s">
        <v>85759</v>
      </c>
      <c r="G23947" s="1" t="s">
        <v>85688</v>
      </c>
      <c r="H23947" s="1" t="s">
        <v>85689</v>
      </c>
      <c r="I23947" s="1" t="s">
        <v>83733</v>
      </c>
      <c r="J23947" s="1" t="s">
        <v>85760</v>
      </c>
    </row>
    <row r="23948" spans="1:10" x14ac:dyDescent="0.35">
      <c r="A23948" s="1" t="s">
        <v>1777</v>
      </c>
      <c r="B23948" s="1" t="s">
        <v>83727</v>
      </c>
      <c r="C23948" s="1" t="s">
        <v>115</v>
      </c>
      <c r="D23948" s="1" t="s">
        <v>56008</v>
      </c>
      <c r="E23948" s="1" t="s">
        <v>85761</v>
      </c>
      <c r="F23948" s="1" t="s">
        <v>85762</v>
      </c>
      <c r="G23948" s="1" t="s">
        <v>85688</v>
      </c>
      <c r="H23948" s="1" t="s">
        <v>85689</v>
      </c>
      <c r="I23948" s="1" t="s">
        <v>83733</v>
      </c>
      <c r="J23948" s="1" t="s">
        <v>85763</v>
      </c>
    </row>
    <row r="23949" spans="1:10" x14ac:dyDescent="0.35">
      <c r="A23949" s="1" t="s">
        <v>1777</v>
      </c>
      <c r="B23949" s="1" t="s">
        <v>83727</v>
      </c>
      <c r="C23949" s="1" t="s">
        <v>120</v>
      </c>
      <c r="D23949" s="1" t="s">
        <v>55006</v>
      </c>
      <c r="E23949" s="1" t="s">
        <v>85764</v>
      </c>
      <c r="F23949" s="1" t="s">
        <v>85765</v>
      </c>
      <c r="G23949" s="1" t="s">
        <v>85688</v>
      </c>
      <c r="H23949" s="1" t="s">
        <v>85689</v>
      </c>
      <c r="I23949" s="1" t="s">
        <v>83733</v>
      </c>
      <c r="J23949" s="1" t="s">
        <v>85766</v>
      </c>
    </row>
    <row r="23950" spans="1:10" x14ac:dyDescent="0.35">
      <c r="A23950" s="1" t="s">
        <v>1777</v>
      </c>
      <c r="B23950" s="1" t="s">
        <v>83727</v>
      </c>
      <c r="C23950" s="1" t="s">
        <v>125</v>
      </c>
      <c r="D23950" s="1" t="s">
        <v>85767</v>
      </c>
      <c r="E23950" s="1" t="s">
        <v>85768</v>
      </c>
      <c r="F23950" s="1" t="s">
        <v>85769</v>
      </c>
      <c r="G23950" s="1" t="s">
        <v>85688</v>
      </c>
      <c r="H23950" s="1" t="s">
        <v>85689</v>
      </c>
      <c r="I23950" s="1" t="s">
        <v>83733</v>
      </c>
      <c r="J23950" s="1" t="s">
        <v>85770</v>
      </c>
    </row>
    <row r="23951" spans="1:10" x14ac:dyDescent="0.35">
      <c r="A23951" s="1" t="s">
        <v>1777</v>
      </c>
      <c r="B23951" s="1" t="s">
        <v>83727</v>
      </c>
      <c r="C23951" s="1" t="s">
        <v>130</v>
      </c>
      <c r="D23951" s="1" t="s">
        <v>85771</v>
      </c>
      <c r="E23951" s="1" t="s">
        <v>85772</v>
      </c>
      <c r="F23951" s="1" t="s">
        <v>85773</v>
      </c>
      <c r="G23951" s="1" t="s">
        <v>85688</v>
      </c>
      <c r="H23951" s="1" t="s">
        <v>85689</v>
      </c>
      <c r="I23951" s="1" t="s">
        <v>83733</v>
      </c>
      <c r="J23951" s="1" t="s">
        <v>85774</v>
      </c>
    </row>
    <row r="23952" spans="1:10" x14ac:dyDescent="0.35">
      <c r="A23952" s="1" t="s">
        <v>1777</v>
      </c>
      <c r="B23952" s="1" t="s">
        <v>83727</v>
      </c>
      <c r="C23952" s="1" t="s">
        <v>135</v>
      </c>
      <c r="D23952" s="1" t="s">
        <v>54935</v>
      </c>
      <c r="E23952" s="1" t="s">
        <v>85775</v>
      </c>
      <c r="F23952" s="1" t="s">
        <v>85776</v>
      </c>
      <c r="G23952" s="1" t="s">
        <v>85688</v>
      </c>
      <c r="H23952" s="1" t="s">
        <v>85689</v>
      </c>
      <c r="I23952" s="1" t="s">
        <v>83733</v>
      </c>
      <c r="J23952" s="1" t="s">
        <v>85777</v>
      </c>
    </row>
    <row r="23953" spans="1:10" x14ac:dyDescent="0.35">
      <c r="A23953" s="1" t="s">
        <v>1777</v>
      </c>
      <c r="B23953" s="1" t="s">
        <v>83727</v>
      </c>
      <c r="C23953" s="1" t="s">
        <v>140</v>
      </c>
      <c r="D23953" s="1" t="s">
        <v>60660</v>
      </c>
      <c r="E23953" s="1" t="s">
        <v>85778</v>
      </c>
      <c r="F23953" s="1" t="s">
        <v>85779</v>
      </c>
      <c r="G23953" s="1" t="s">
        <v>85688</v>
      </c>
      <c r="H23953" s="1" t="s">
        <v>85689</v>
      </c>
      <c r="I23953" s="1" t="s">
        <v>83733</v>
      </c>
      <c r="J23953" s="1" t="s">
        <v>85780</v>
      </c>
    </row>
    <row r="23954" spans="1:10" x14ac:dyDescent="0.35">
      <c r="A23954" s="1" t="s">
        <v>1777</v>
      </c>
      <c r="B23954" s="1" t="s">
        <v>83727</v>
      </c>
      <c r="C23954" s="1" t="s">
        <v>145</v>
      </c>
      <c r="D23954" s="1" t="s">
        <v>40304</v>
      </c>
      <c r="E23954" s="1" t="s">
        <v>85781</v>
      </c>
      <c r="F23954" s="1" t="s">
        <v>85782</v>
      </c>
      <c r="G23954" s="1" t="s">
        <v>85688</v>
      </c>
      <c r="H23954" s="1" t="s">
        <v>85689</v>
      </c>
      <c r="I23954" s="1" t="s">
        <v>83733</v>
      </c>
      <c r="J23954" s="1" t="s">
        <v>85783</v>
      </c>
    </row>
    <row r="23955" spans="1:10" x14ac:dyDescent="0.35">
      <c r="A23955" s="1" t="s">
        <v>1777</v>
      </c>
      <c r="B23955" s="1" t="s">
        <v>83727</v>
      </c>
      <c r="C23955" s="1" t="s">
        <v>150</v>
      </c>
      <c r="D23955" s="1" t="s">
        <v>36365</v>
      </c>
      <c r="E23955" s="1" t="s">
        <v>85784</v>
      </c>
      <c r="F23955" s="1" t="s">
        <v>85785</v>
      </c>
      <c r="G23955" s="1" t="s">
        <v>85688</v>
      </c>
      <c r="H23955" s="1" t="s">
        <v>85689</v>
      </c>
      <c r="I23955" s="1" t="s">
        <v>83733</v>
      </c>
      <c r="J23955" s="1" t="s">
        <v>85786</v>
      </c>
    </row>
    <row r="23956" spans="1:10" x14ac:dyDescent="0.35">
      <c r="A23956" s="1" t="s">
        <v>1777</v>
      </c>
      <c r="B23956" s="1" t="s">
        <v>83727</v>
      </c>
      <c r="C23956" s="1" t="s">
        <v>155</v>
      </c>
      <c r="D23956" s="1" t="s">
        <v>85787</v>
      </c>
      <c r="E23956" s="1" t="s">
        <v>85788</v>
      </c>
      <c r="F23956" s="1" t="s">
        <v>85789</v>
      </c>
      <c r="G23956" s="1" t="s">
        <v>85688</v>
      </c>
      <c r="H23956" s="1" t="s">
        <v>85689</v>
      </c>
      <c r="I23956" s="1" t="s">
        <v>83733</v>
      </c>
      <c r="J23956" s="1" t="s">
        <v>85790</v>
      </c>
    </row>
    <row r="23957" spans="1:10" x14ac:dyDescent="0.35">
      <c r="A23957" s="1" t="s">
        <v>1777</v>
      </c>
      <c r="B23957" s="1" t="s">
        <v>83727</v>
      </c>
      <c r="C23957" s="1" t="s">
        <v>160</v>
      </c>
      <c r="D23957" s="1" t="s">
        <v>85791</v>
      </c>
      <c r="E23957" s="1" t="s">
        <v>85792</v>
      </c>
      <c r="F23957" s="1" t="s">
        <v>85793</v>
      </c>
      <c r="G23957" s="1" t="s">
        <v>85688</v>
      </c>
      <c r="H23957" s="1" t="s">
        <v>85689</v>
      </c>
      <c r="I23957" s="1" t="s">
        <v>83733</v>
      </c>
      <c r="J23957" s="1" t="s">
        <v>85794</v>
      </c>
    </row>
    <row r="23958" spans="1:10" x14ac:dyDescent="0.35">
      <c r="A23958" s="1" t="s">
        <v>1777</v>
      </c>
      <c r="B23958" s="1" t="s">
        <v>83727</v>
      </c>
      <c r="C23958" s="1" t="s">
        <v>165</v>
      </c>
      <c r="D23958" s="1" t="s">
        <v>85795</v>
      </c>
      <c r="E23958" s="1" t="s">
        <v>85796</v>
      </c>
      <c r="F23958" s="1" t="s">
        <v>85797</v>
      </c>
      <c r="G23958" s="1" t="s">
        <v>85688</v>
      </c>
      <c r="H23958" s="1" t="s">
        <v>85689</v>
      </c>
      <c r="I23958" s="1" t="s">
        <v>83733</v>
      </c>
      <c r="J23958" s="1" t="s">
        <v>85798</v>
      </c>
    </row>
    <row r="23959" spans="1:10" x14ac:dyDescent="0.35">
      <c r="A23959" s="1" t="s">
        <v>1777</v>
      </c>
      <c r="B23959" s="1" t="s">
        <v>83727</v>
      </c>
      <c r="C23959" s="1" t="s">
        <v>170</v>
      </c>
      <c r="D23959" s="1" t="s">
        <v>85799</v>
      </c>
      <c r="E23959" s="1" t="s">
        <v>85800</v>
      </c>
      <c r="F23959" s="1" t="s">
        <v>85801</v>
      </c>
      <c r="G23959" s="1" t="s">
        <v>85688</v>
      </c>
      <c r="H23959" s="1" t="s">
        <v>85689</v>
      </c>
      <c r="I23959" s="1" t="s">
        <v>83733</v>
      </c>
      <c r="J23959" s="1" t="s">
        <v>85802</v>
      </c>
    </row>
    <row r="23960" spans="1:10" x14ac:dyDescent="0.35">
      <c r="A23960" s="1" t="s">
        <v>47160</v>
      </c>
      <c r="B23960" s="1" t="s">
        <v>83727</v>
      </c>
      <c r="C23960" s="1" t="s">
        <v>8</v>
      </c>
      <c r="D23960" s="1" t="s">
        <v>85803</v>
      </c>
      <c r="E23960" s="1" t="s">
        <v>85804</v>
      </c>
      <c r="F23960" s="1" t="s">
        <v>85805</v>
      </c>
      <c r="G23960" s="1" t="s">
        <v>85806</v>
      </c>
      <c r="H23960" s="1" t="s">
        <v>85807</v>
      </c>
      <c r="I23960" s="1" t="s">
        <v>83733</v>
      </c>
      <c r="J23960" s="1" t="s">
        <v>13</v>
      </c>
    </row>
    <row r="23961" spans="1:10" x14ac:dyDescent="0.35">
      <c r="A23961" s="1" t="s">
        <v>47160</v>
      </c>
      <c r="B23961" s="1" t="s">
        <v>83727</v>
      </c>
      <c r="C23961" s="1" t="s">
        <v>15</v>
      </c>
      <c r="D23961" s="1" t="s">
        <v>85808</v>
      </c>
      <c r="E23961" s="1" t="s">
        <v>85809</v>
      </c>
      <c r="F23961" s="1" t="s">
        <v>85810</v>
      </c>
      <c r="G23961" s="1" t="s">
        <v>85806</v>
      </c>
      <c r="H23961" s="1" t="s">
        <v>85807</v>
      </c>
      <c r="I23961" s="1" t="s">
        <v>83733</v>
      </c>
      <c r="J23961" s="1" t="s">
        <v>85811</v>
      </c>
    </row>
    <row r="23962" spans="1:10" x14ac:dyDescent="0.35">
      <c r="A23962" s="1" t="s">
        <v>47160</v>
      </c>
      <c r="B23962" s="1" t="s">
        <v>83727</v>
      </c>
      <c r="C23962" s="1" t="s">
        <v>20</v>
      </c>
      <c r="D23962" s="1" t="s">
        <v>85812</v>
      </c>
      <c r="E23962" s="1" t="s">
        <v>85813</v>
      </c>
      <c r="F23962" s="1" t="s">
        <v>85814</v>
      </c>
      <c r="G23962" s="1" t="s">
        <v>85806</v>
      </c>
      <c r="H23962" s="1" t="s">
        <v>85807</v>
      </c>
      <c r="I23962" s="1" t="s">
        <v>83733</v>
      </c>
      <c r="J23962" s="1" t="s">
        <v>85815</v>
      </c>
    </row>
    <row r="23963" spans="1:10" x14ac:dyDescent="0.35">
      <c r="A23963" s="1" t="s">
        <v>47160</v>
      </c>
      <c r="B23963" s="1" t="s">
        <v>83727</v>
      </c>
      <c r="C23963" s="1" t="s">
        <v>25</v>
      </c>
      <c r="D23963" s="1" t="s">
        <v>85816</v>
      </c>
      <c r="E23963" s="1" t="s">
        <v>85817</v>
      </c>
      <c r="F23963" s="1" t="s">
        <v>85818</v>
      </c>
      <c r="G23963" s="1" t="s">
        <v>85806</v>
      </c>
      <c r="H23963" s="1" t="s">
        <v>85807</v>
      </c>
      <c r="I23963" s="1" t="s">
        <v>83733</v>
      </c>
      <c r="J23963" s="1" t="s">
        <v>85819</v>
      </c>
    </row>
    <row r="23964" spans="1:10" x14ac:dyDescent="0.35">
      <c r="A23964" s="1" t="s">
        <v>47160</v>
      </c>
      <c r="B23964" s="1" t="s">
        <v>83727</v>
      </c>
      <c r="C23964" s="1" t="s">
        <v>30</v>
      </c>
      <c r="D23964" s="1" t="s">
        <v>85820</v>
      </c>
      <c r="E23964" s="1" t="s">
        <v>85821</v>
      </c>
      <c r="F23964" s="1" t="s">
        <v>85822</v>
      </c>
      <c r="G23964" s="1" t="s">
        <v>85806</v>
      </c>
      <c r="H23964" s="1" t="s">
        <v>85807</v>
      </c>
      <c r="I23964" s="1" t="s">
        <v>83733</v>
      </c>
      <c r="J23964" s="1" t="s">
        <v>85823</v>
      </c>
    </row>
    <row r="23965" spans="1:10" x14ac:dyDescent="0.35">
      <c r="A23965" s="1" t="s">
        <v>47160</v>
      </c>
      <c r="B23965" s="1" t="s">
        <v>83727</v>
      </c>
      <c r="C23965" s="1" t="s">
        <v>35</v>
      </c>
      <c r="D23965" s="1" t="s">
        <v>85824</v>
      </c>
      <c r="E23965" s="1" t="s">
        <v>85825</v>
      </c>
      <c r="F23965" s="1" t="s">
        <v>85826</v>
      </c>
      <c r="G23965" s="1" t="s">
        <v>85806</v>
      </c>
      <c r="H23965" s="1" t="s">
        <v>85807</v>
      </c>
      <c r="I23965" s="1" t="s">
        <v>83733</v>
      </c>
      <c r="J23965" s="1" t="s">
        <v>85827</v>
      </c>
    </row>
    <row r="23966" spans="1:10" x14ac:dyDescent="0.35">
      <c r="A23966" s="1" t="s">
        <v>47160</v>
      </c>
      <c r="B23966" s="1" t="s">
        <v>83727</v>
      </c>
      <c r="C23966" s="1" t="s">
        <v>40</v>
      </c>
      <c r="D23966" s="1" t="s">
        <v>20562</v>
      </c>
      <c r="E23966" s="1" t="s">
        <v>85828</v>
      </c>
      <c r="F23966" s="1" t="s">
        <v>85829</v>
      </c>
      <c r="G23966" s="1" t="s">
        <v>85806</v>
      </c>
      <c r="H23966" s="1" t="s">
        <v>85807</v>
      </c>
      <c r="I23966" s="1" t="s">
        <v>83733</v>
      </c>
      <c r="J23966" s="1" t="s">
        <v>85830</v>
      </c>
    </row>
    <row r="23967" spans="1:10" x14ac:dyDescent="0.35">
      <c r="A23967" s="1" t="s">
        <v>47160</v>
      </c>
      <c r="B23967" s="1" t="s">
        <v>83727</v>
      </c>
      <c r="C23967" s="1" t="s">
        <v>45</v>
      </c>
      <c r="D23967" s="1" t="s">
        <v>85831</v>
      </c>
      <c r="E23967" s="1" t="s">
        <v>85832</v>
      </c>
      <c r="F23967" s="1" t="s">
        <v>85833</v>
      </c>
      <c r="G23967" s="1" t="s">
        <v>85806</v>
      </c>
      <c r="H23967" s="1" t="s">
        <v>85807</v>
      </c>
      <c r="I23967" s="1" t="s">
        <v>83733</v>
      </c>
      <c r="J23967" s="1" t="s">
        <v>85834</v>
      </c>
    </row>
    <row r="23968" spans="1:10" x14ac:dyDescent="0.35">
      <c r="A23968" s="1" t="s">
        <v>47160</v>
      </c>
      <c r="B23968" s="1" t="s">
        <v>83727</v>
      </c>
      <c r="C23968" s="1" t="s">
        <v>50</v>
      </c>
      <c r="D23968" s="1" t="s">
        <v>52759</v>
      </c>
      <c r="E23968" s="1" t="s">
        <v>85835</v>
      </c>
      <c r="F23968" s="1" t="s">
        <v>85836</v>
      </c>
      <c r="G23968" s="1" t="s">
        <v>85806</v>
      </c>
      <c r="H23968" s="1" t="s">
        <v>85807</v>
      </c>
      <c r="I23968" s="1" t="s">
        <v>83733</v>
      </c>
      <c r="J23968" s="1" t="s">
        <v>85837</v>
      </c>
    </row>
    <row r="23969" spans="1:10" x14ac:dyDescent="0.35">
      <c r="A23969" s="1" t="s">
        <v>47160</v>
      </c>
      <c r="B23969" s="1" t="s">
        <v>83727</v>
      </c>
      <c r="C23969" s="1" t="s">
        <v>55</v>
      </c>
      <c r="D23969" s="1" t="s">
        <v>56307</v>
      </c>
      <c r="E23969" s="1" t="s">
        <v>85838</v>
      </c>
      <c r="F23969" s="1" t="s">
        <v>85839</v>
      </c>
      <c r="G23969" s="1" t="s">
        <v>85806</v>
      </c>
      <c r="H23969" s="1" t="s">
        <v>85807</v>
      </c>
      <c r="I23969" s="1" t="s">
        <v>83733</v>
      </c>
      <c r="J23969" s="1" t="s">
        <v>85840</v>
      </c>
    </row>
    <row r="23970" spans="1:10" x14ac:dyDescent="0.35">
      <c r="A23970" s="1" t="s">
        <v>47160</v>
      </c>
      <c r="B23970" s="1" t="s">
        <v>83727</v>
      </c>
      <c r="C23970" s="1" t="s">
        <v>60</v>
      </c>
      <c r="D23970" s="1" t="s">
        <v>85841</v>
      </c>
      <c r="E23970" s="1" t="s">
        <v>85842</v>
      </c>
      <c r="F23970" s="1" t="s">
        <v>85843</v>
      </c>
      <c r="G23970" s="1" t="s">
        <v>85806</v>
      </c>
      <c r="H23970" s="1" t="s">
        <v>85807</v>
      </c>
      <c r="I23970" s="1" t="s">
        <v>83733</v>
      </c>
      <c r="J23970" s="1" t="s">
        <v>85844</v>
      </c>
    </row>
    <row r="23971" spans="1:10" x14ac:dyDescent="0.35">
      <c r="A23971" s="1" t="s">
        <v>47160</v>
      </c>
      <c r="B23971" s="1" t="s">
        <v>83727</v>
      </c>
      <c r="C23971" s="1" t="s">
        <v>65</v>
      </c>
      <c r="D23971" s="1" t="s">
        <v>85845</v>
      </c>
      <c r="E23971" s="1" t="s">
        <v>85846</v>
      </c>
      <c r="F23971" s="1" t="s">
        <v>85847</v>
      </c>
      <c r="G23971" s="1" t="s">
        <v>85806</v>
      </c>
      <c r="H23971" s="1" t="s">
        <v>85807</v>
      </c>
      <c r="I23971" s="1" t="s">
        <v>83733</v>
      </c>
      <c r="J23971" s="1" t="s">
        <v>85848</v>
      </c>
    </row>
    <row r="23972" spans="1:10" x14ac:dyDescent="0.35">
      <c r="A23972" s="1" t="s">
        <v>47160</v>
      </c>
      <c r="B23972" s="1" t="s">
        <v>83727</v>
      </c>
      <c r="C23972" s="1" t="s">
        <v>70</v>
      </c>
      <c r="D23972" s="1" t="s">
        <v>85849</v>
      </c>
      <c r="E23972" s="1" t="s">
        <v>85850</v>
      </c>
      <c r="F23972" s="1" t="s">
        <v>85851</v>
      </c>
      <c r="G23972" s="1" t="s">
        <v>85806</v>
      </c>
      <c r="H23972" s="1" t="s">
        <v>85807</v>
      </c>
      <c r="I23972" s="1" t="s">
        <v>83733</v>
      </c>
      <c r="J23972" s="1" t="s">
        <v>85852</v>
      </c>
    </row>
    <row r="23973" spans="1:10" x14ac:dyDescent="0.35">
      <c r="A23973" s="1" t="s">
        <v>47160</v>
      </c>
      <c r="B23973" s="1" t="s">
        <v>83727</v>
      </c>
      <c r="C23973" s="1" t="s">
        <v>75</v>
      </c>
      <c r="D23973" s="1" t="s">
        <v>61558</v>
      </c>
      <c r="E23973" s="1" t="s">
        <v>85853</v>
      </c>
      <c r="F23973" s="1" t="s">
        <v>85854</v>
      </c>
      <c r="G23973" s="1" t="s">
        <v>85806</v>
      </c>
      <c r="H23973" s="1" t="s">
        <v>85807</v>
      </c>
      <c r="I23973" s="1" t="s">
        <v>83733</v>
      </c>
      <c r="J23973" s="1" t="s">
        <v>85855</v>
      </c>
    </row>
    <row r="23974" spans="1:10" x14ac:dyDescent="0.35">
      <c r="A23974" s="1" t="s">
        <v>47160</v>
      </c>
      <c r="B23974" s="1" t="s">
        <v>83727</v>
      </c>
      <c r="C23974" s="1" t="s">
        <v>80</v>
      </c>
      <c r="D23974" s="1" t="s">
        <v>56354</v>
      </c>
      <c r="E23974" s="1" t="s">
        <v>85856</v>
      </c>
      <c r="F23974" s="1" t="s">
        <v>85857</v>
      </c>
      <c r="G23974" s="1" t="s">
        <v>85806</v>
      </c>
      <c r="H23974" s="1" t="s">
        <v>85807</v>
      </c>
      <c r="I23974" s="1" t="s">
        <v>83733</v>
      </c>
      <c r="J23974" s="1" t="s">
        <v>85858</v>
      </c>
    </row>
    <row r="23975" spans="1:10" x14ac:dyDescent="0.35">
      <c r="A23975" s="1" t="s">
        <v>47160</v>
      </c>
      <c r="B23975" s="1" t="s">
        <v>83727</v>
      </c>
      <c r="C23975" s="1" t="s">
        <v>85</v>
      </c>
      <c r="D23975" s="1" t="s">
        <v>85859</v>
      </c>
      <c r="E23975" s="1" t="s">
        <v>85860</v>
      </c>
      <c r="F23975" s="1" t="s">
        <v>85861</v>
      </c>
      <c r="G23975" s="1" t="s">
        <v>85806</v>
      </c>
      <c r="H23975" s="1" t="s">
        <v>85807</v>
      </c>
      <c r="I23975" s="1" t="s">
        <v>83733</v>
      </c>
      <c r="J23975" s="1" t="s">
        <v>85862</v>
      </c>
    </row>
    <row r="23976" spans="1:10" x14ac:dyDescent="0.35">
      <c r="A23976" s="1" t="s">
        <v>47160</v>
      </c>
      <c r="B23976" s="1" t="s">
        <v>83727</v>
      </c>
      <c r="C23976" s="1" t="s">
        <v>90</v>
      </c>
      <c r="D23976" s="1" t="s">
        <v>60897</v>
      </c>
      <c r="E23976" s="1" t="s">
        <v>85863</v>
      </c>
      <c r="F23976" s="1" t="s">
        <v>85864</v>
      </c>
      <c r="G23976" s="1" t="s">
        <v>85806</v>
      </c>
      <c r="H23976" s="1" t="s">
        <v>85807</v>
      </c>
      <c r="I23976" s="1" t="s">
        <v>83733</v>
      </c>
      <c r="J23976" s="1" t="s">
        <v>85865</v>
      </c>
    </row>
    <row r="23977" spans="1:10" x14ac:dyDescent="0.35">
      <c r="A23977" s="1" t="s">
        <v>47160</v>
      </c>
      <c r="B23977" s="1" t="s">
        <v>83727</v>
      </c>
      <c r="C23977" s="1" t="s">
        <v>95</v>
      </c>
      <c r="D23977" s="1" t="s">
        <v>20488</v>
      </c>
      <c r="E23977" s="1" t="s">
        <v>85866</v>
      </c>
      <c r="F23977" s="1" t="s">
        <v>85867</v>
      </c>
      <c r="G23977" s="1" t="s">
        <v>85806</v>
      </c>
      <c r="H23977" s="1" t="s">
        <v>85807</v>
      </c>
      <c r="I23977" s="1" t="s">
        <v>83733</v>
      </c>
      <c r="J23977" s="1" t="s">
        <v>85868</v>
      </c>
    </row>
    <row r="23978" spans="1:10" x14ac:dyDescent="0.35">
      <c r="A23978" s="1" t="s">
        <v>47160</v>
      </c>
      <c r="B23978" s="1" t="s">
        <v>83727</v>
      </c>
      <c r="C23978" s="1" t="s">
        <v>100</v>
      </c>
      <c r="D23978" s="1" t="s">
        <v>85869</v>
      </c>
      <c r="E23978" s="1" t="s">
        <v>85870</v>
      </c>
      <c r="F23978" s="1" t="s">
        <v>85871</v>
      </c>
      <c r="G23978" s="1" t="s">
        <v>85806</v>
      </c>
      <c r="H23978" s="1" t="s">
        <v>85807</v>
      </c>
      <c r="I23978" s="1" t="s">
        <v>83733</v>
      </c>
      <c r="J23978" s="1" t="s">
        <v>85872</v>
      </c>
    </row>
    <row r="23979" spans="1:10" x14ac:dyDescent="0.35">
      <c r="A23979" s="1" t="s">
        <v>47160</v>
      </c>
      <c r="B23979" s="1" t="s">
        <v>83727</v>
      </c>
      <c r="C23979" s="1" t="s">
        <v>105</v>
      </c>
      <c r="D23979" s="1" t="s">
        <v>81160</v>
      </c>
      <c r="E23979" s="1" t="s">
        <v>85873</v>
      </c>
      <c r="F23979" s="1" t="s">
        <v>85874</v>
      </c>
      <c r="G23979" s="1" t="s">
        <v>85806</v>
      </c>
      <c r="H23979" s="1" t="s">
        <v>85807</v>
      </c>
      <c r="I23979" s="1" t="s">
        <v>83733</v>
      </c>
      <c r="J23979" s="1" t="s">
        <v>85875</v>
      </c>
    </row>
    <row r="23980" spans="1:10" x14ac:dyDescent="0.35">
      <c r="A23980" s="1" t="s">
        <v>47160</v>
      </c>
      <c r="B23980" s="1" t="s">
        <v>83727</v>
      </c>
      <c r="C23980" s="1" t="s">
        <v>110</v>
      </c>
      <c r="D23980" s="1" t="s">
        <v>85876</v>
      </c>
      <c r="E23980" s="1" t="s">
        <v>85877</v>
      </c>
      <c r="F23980" s="1" t="s">
        <v>85878</v>
      </c>
      <c r="G23980" s="1" t="s">
        <v>85806</v>
      </c>
      <c r="H23980" s="1" t="s">
        <v>85807</v>
      </c>
      <c r="I23980" s="1" t="s">
        <v>83733</v>
      </c>
      <c r="J23980" s="1" t="s">
        <v>85879</v>
      </c>
    </row>
    <row r="23981" spans="1:10" x14ac:dyDescent="0.35">
      <c r="A23981" s="1" t="s">
        <v>47160</v>
      </c>
      <c r="B23981" s="1" t="s">
        <v>83727</v>
      </c>
      <c r="C23981" s="1" t="s">
        <v>115</v>
      </c>
      <c r="D23981" s="1" t="s">
        <v>85880</v>
      </c>
      <c r="E23981" s="1" t="s">
        <v>85881</v>
      </c>
      <c r="F23981" s="1" t="s">
        <v>85882</v>
      </c>
      <c r="G23981" s="1" t="s">
        <v>85806</v>
      </c>
      <c r="H23981" s="1" t="s">
        <v>85807</v>
      </c>
      <c r="I23981" s="1" t="s">
        <v>83733</v>
      </c>
      <c r="J23981" s="1" t="s">
        <v>85883</v>
      </c>
    </row>
    <row r="23982" spans="1:10" x14ac:dyDescent="0.35">
      <c r="A23982" s="1" t="s">
        <v>47160</v>
      </c>
      <c r="B23982" s="1" t="s">
        <v>83727</v>
      </c>
      <c r="C23982" s="1" t="s">
        <v>120</v>
      </c>
      <c r="D23982" s="1" t="s">
        <v>85884</v>
      </c>
      <c r="E23982" s="1" t="s">
        <v>85885</v>
      </c>
      <c r="F23982" s="1" t="s">
        <v>85886</v>
      </c>
      <c r="G23982" s="1" t="s">
        <v>85806</v>
      </c>
      <c r="H23982" s="1" t="s">
        <v>85807</v>
      </c>
      <c r="I23982" s="1" t="s">
        <v>83733</v>
      </c>
      <c r="J23982" s="1" t="s">
        <v>85887</v>
      </c>
    </row>
    <row r="23983" spans="1:10" x14ac:dyDescent="0.35">
      <c r="A23983" s="1" t="s">
        <v>47160</v>
      </c>
      <c r="B23983" s="1" t="s">
        <v>83727</v>
      </c>
      <c r="C23983" s="1" t="s">
        <v>125</v>
      </c>
      <c r="D23983" s="1" t="s">
        <v>85888</v>
      </c>
      <c r="E23983" s="1" t="s">
        <v>85889</v>
      </c>
      <c r="F23983" s="1" t="s">
        <v>85890</v>
      </c>
      <c r="G23983" s="1" t="s">
        <v>85806</v>
      </c>
      <c r="H23983" s="1" t="s">
        <v>85807</v>
      </c>
      <c r="I23983" s="1" t="s">
        <v>83733</v>
      </c>
      <c r="J23983" s="1" t="s">
        <v>85891</v>
      </c>
    </row>
    <row r="23984" spans="1:10" x14ac:dyDescent="0.35">
      <c r="A23984" s="1" t="s">
        <v>47160</v>
      </c>
      <c r="B23984" s="1" t="s">
        <v>83727</v>
      </c>
      <c r="C23984" s="1" t="s">
        <v>130</v>
      </c>
      <c r="D23984" s="1" t="s">
        <v>40316</v>
      </c>
      <c r="E23984" s="1" t="s">
        <v>85892</v>
      </c>
      <c r="F23984" s="1" t="s">
        <v>85893</v>
      </c>
      <c r="G23984" s="1" t="s">
        <v>85806</v>
      </c>
      <c r="H23984" s="1" t="s">
        <v>85807</v>
      </c>
      <c r="I23984" s="1" t="s">
        <v>83733</v>
      </c>
      <c r="J23984" s="1" t="s">
        <v>85894</v>
      </c>
    </row>
    <row r="23985" spans="1:10" x14ac:dyDescent="0.35">
      <c r="A23985" s="1" t="s">
        <v>47160</v>
      </c>
      <c r="B23985" s="1" t="s">
        <v>83727</v>
      </c>
      <c r="C23985" s="1" t="s">
        <v>135</v>
      </c>
      <c r="D23985" s="1" t="s">
        <v>85895</v>
      </c>
      <c r="E23985" s="1" t="s">
        <v>85896</v>
      </c>
      <c r="F23985" s="1" t="s">
        <v>85897</v>
      </c>
      <c r="G23985" s="1" t="s">
        <v>85806</v>
      </c>
      <c r="H23985" s="1" t="s">
        <v>85807</v>
      </c>
      <c r="I23985" s="1" t="s">
        <v>83733</v>
      </c>
      <c r="J23985" s="1" t="s">
        <v>85898</v>
      </c>
    </row>
    <row r="23986" spans="1:10" x14ac:dyDescent="0.35">
      <c r="A23986" s="1" t="s">
        <v>47160</v>
      </c>
      <c r="B23986" s="1" t="s">
        <v>83727</v>
      </c>
      <c r="C23986" s="1" t="s">
        <v>140</v>
      </c>
      <c r="D23986" s="1" t="s">
        <v>85899</v>
      </c>
      <c r="E23986" s="1" t="s">
        <v>85900</v>
      </c>
      <c r="F23986" s="1" t="s">
        <v>85901</v>
      </c>
      <c r="G23986" s="1" t="s">
        <v>85806</v>
      </c>
      <c r="H23986" s="1" t="s">
        <v>85807</v>
      </c>
      <c r="I23986" s="1" t="s">
        <v>83733</v>
      </c>
      <c r="J23986" s="1" t="s">
        <v>85902</v>
      </c>
    </row>
    <row r="23987" spans="1:10" x14ac:dyDescent="0.35">
      <c r="A23987" s="1" t="s">
        <v>47160</v>
      </c>
      <c r="B23987" s="1" t="s">
        <v>83727</v>
      </c>
      <c r="C23987" s="1" t="s">
        <v>145</v>
      </c>
      <c r="D23987" s="1" t="s">
        <v>59983</v>
      </c>
      <c r="E23987" s="1" t="s">
        <v>85903</v>
      </c>
      <c r="F23987" s="1" t="s">
        <v>85904</v>
      </c>
      <c r="G23987" s="1" t="s">
        <v>85806</v>
      </c>
      <c r="H23987" s="1" t="s">
        <v>85807</v>
      </c>
      <c r="I23987" s="1" t="s">
        <v>83733</v>
      </c>
      <c r="J23987" s="1" t="s">
        <v>85905</v>
      </c>
    </row>
    <row r="23988" spans="1:10" x14ac:dyDescent="0.35">
      <c r="A23988" s="1" t="s">
        <v>47160</v>
      </c>
      <c r="B23988" s="1" t="s">
        <v>83727</v>
      </c>
      <c r="C23988" s="1" t="s">
        <v>150</v>
      </c>
      <c r="D23988" s="1" t="s">
        <v>40328</v>
      </c>
      <c r="E23988" s="1" t="s">
        <v>85906</v>
      </c>
      <c r="F23988" s="1" t="s">
        <v>85907</v>
      </c>
      <c r="G23988" s="1" t="s">
        <v>85806</v>
      </c>
      <c r="H23988" s="1" t="s">
        <v>85807</v>
      </c>
      <c r="I23988" s="1" t="s">
        <v>83733</v>
      </c>
      <c r="J23988" s="1" t="s">
        <v>85908</v>
      </c>
    </row>
    <row r="23989" spans="1:10" x14ac:dyDescent="0.35">
      <c r="A23989" s="1" t="s">
        <v>47160</v>
      </c>
      <c r="B23989" s="1" t="s">
        <v>83727</v>
      </c>
      <c r="C23989" s="1" t="s">
        <v>155</v>
      </c>
      <c r="D23989" s="1" t="s">
        <v>67237</v>
      </c>
      <c r="E23989" s="1" t="s">
        <v>85909</v>
      </c>
      <c r="F23989" s="1" t="s">
        <v>85910</v>
      </c>
      <c r="G23989" s="1" t="s">
        <v>85806</v>
      </c>
      <c r="H23989" s="1" t="s">
        <v>85807</v>
      </c>
      <c r="I23989" s="1" t="s">
        <v>83733</v>
      </c>
      <c r="J23989" s="1" t="s">
        <v>85911</v>
      </c>
    </row>
    <row r="23990" spans="1:10" x14ac:dyDescent="0.35">
      <c r="A23990" s="1" t="s">
        <v>47160</v>
      </c>
      <c r="B23990" s="1" t="s">
        <v>83727</v>
      </c>
      <c r="C23990" s="1" t="s">
        <v>160</v>
      </c>
      <c r="D23990" s="1" t="s">
        <v>85912</v>
      </c>
      <c r="E23990" s="1" t="s">
        <v>85913</v>
      </c>
      <c r="F23990" s="1" t="s">
        <v>85914</v>
      </c>
      <c r="G23990" s="1" t="s">
        <v>85806</v>
      </c>
      <c r="H23990" s="1" t="s">
        <v>85807</v>
      </c>
      <c r="I23990" s="1" t="s">
        <v>83733</v>
      </c>
      <c r="J23990" s="1" t="s">
        <v>85915</v>
      </c>
    </row>
    <row r="23991" spans="1:10" x14ac:dyDescent="0.35">
      <c r="A23991" s="1" t="s">
        <v>47160</v>
      </c>
      <c r="B23991" s="1" t="s">
        <v>83727</v>
      </c>
      <c r="C23991" s="1" t="s">
        <v>165</v>
      </c>
      <c r="D23991" s="1" t="s">
        <v>85916</v>
      </c>
      <c r="E23991" s="1" t="s">
        <v>85917</v>
      </c>
      <c r="F23991" s="1" t="s">
        <v>85918</v>
      </c>
      <c r="G23991" s="1" t="s">
        <v>85806</v>
      </c>
      <c r="H23991" s="1" t="s">
        <v>85807</v>
      </c>
      <c r="I23991" s="1" t="s">
        <v>83733</v>
      </c>
      <c r="J23991" s="1" t="s">
        <v>85919</v>
      </c>
    </row>
    <row r="23992" spans="1:10" x14ac:dyDescent="0.35">
      <c r="A23992" s="1" t="s">
        <v>47160</v>
      </c>
      <c r="B23992" s="1" t="s">
        <v>83727</v>
      </c>
      <c r="C23992" s="1" t="s">
        <v>170</v>
      </c>
      <c r="D23992" s="1" t="s">
        <v>85920</v>
      </c>
      <c r="E23992" s="1" t="s">
        <v>85921</v>
      </c>
      <c r="F23992" s="1" t="s">
        <v>85922</v>
      </c>
      <c r="G23992" s="1" t="s">
        <v>85806</v>
      </c>
      <c r="H23992" s="1" t="s">
        <v>85807</v>
      </c>
      <c r="I23992" s="1" t="s">
        <v>83733</v>
      </c>
      <c r="J23992" s="1" t="s">
        <v>85923</v>
      </c>
    </row>
    <row r="23993" spans="1:10" x14ac:dyDescent="0.35">
      <c r="A23993" s="1" t="s">
        <v>1833</v>
      </c>
      <c r="B23993" s="1" t="s">
        <v>83727</v>
      </c>
      <c r="C23993" s="1" t="s">
        <v>8</v>
      </c>
      <c r="D23993" s="1" t="s">
        <v>39830</v>
      </c>
      <c r="E23993" s="1" t="s">
        <v>85924</v>
      </c>
      <c r="F23993" s="1" t="s">
        <v>85925</v>
      </c>
      <c r="G23993" s="1" t="s">
        <v>85926</v>
      </c>
      <c r="H23993" s="1" t="s">
        <v>85927</v>
      </c>
      <c r="I23993" s="1" t="s">
        <v>83733</v>
      </c>
      <c r="J23993" s="1" t="s">
        <v>13</v>
      </c>
    </row>
    <row r="23994" spans="1:10" x14ac:dyDescent="0.35">
      <c r="A23994" s="1" t="s">
        <v>1833</v>
      </c>
      <c r="B23994" s="1" t="s">
        <v>83727</v>
      </c>
      <c r="C23994" s="1" t="s">
        <v>15</v>
      </c>
      <c r="D23994" s="1" t="s">
        <v>60357</v>
      </c>
      <c r="E23994" s="1" t="s">
        <v>85928</v>
      </c>
      <c r="F23994" s="1" t="s">
        <v>85929</v>
      </c>
      <c r="G23994" s="1" t="s">
        <v>85926</v>
      </c>
      <c r="H23994" s="1" t="s">
        <v>85927</v>
      </c>
      <c r="I23994" s="1" t="s">
        <v>83733</v>
      </c>
      <c r="J23994" s="1" t="s">
        <v>85930</v>
      </c>
    </row>
    <row r="23995" spans="1:10" x14ac:dyDescent="0.35">
      <c r="A23995" s="1" t="s">
        <v>1833</v>
      </c>
      <c r="B23995" s="1" t="s">
        <v>83727</v>
      </c>
      <c r="C23995" s="1" t="s">
        <v>20</v>
      </c>
      <c r="D23995" s="1" t="s">
        <v>71541</v>
      </c>
      <c r="E23995" s="1" t="s">
        <v>85931</v>
      </c>
      <c r="F23995" s="1" t="s">
        <v>85932</v>
      </c>
      <c r="G23995" s="1" t="s">
        <v>85926</v>
      </c>
      <c r="H23995" s="1" t="s">
        <v>85927</v>
      </c>
      <c r="I23995" s="1" t="s">
        <v>83733</v>
      </c>
      <c r="J23995" s="1" t="s">
        <v>85933</v>
      </c>
    </row>
    <row r="23996" spans="1:10" x14ac:dyDescent="0.35">
      <c r="A23996" s="1" t="s">
        <v>1833</v>
      </c>
      <c r="B23996" s="1" t="s">
        <v>83727</v>
      </c>
      <c r="C23996" s="1" t="s">
        <v>25</v>
      </c>
      <c r="D23996" s="1" t="s">
        <v>85934</v>
      </c>
      <c r="E23996" s="1" t="s">
        <v>85935</v>
      </c>
      <c r="F23996" s="1" t="s">
        <v>85936</v>
      </c>
      <c r="G23996" s="1" t="s">
        <v>85926</v>
      </c>
      <c r="H23996" s="1" t="s">
        <v>85927</v>
      </c>
      <c r="I23996" s="1" t="s">
        <v>83733</v>
      </c>
      <c r="J23996" s="1" t="s">
        <v>85937</v>
      </c>
    </row>
    <row r="23997" spans="1:10" x14ac:dyDescent="0.35">
      <c r="A23997" s="1" t="s">
        <v>1833</v>
      </c>
      <c r="B23997" s="1" t="s">
        <v>83727</v>
      </c>
      <c r="C23997" s="1" t="s">
        <v>30</v>
      </c>
      <c r="D23997" s="1" t="s">
        <v>85938</v>
      </c>
      <c r="E23997" s="1" t="s">
        <v>85939</v>
      </c>
      <c r="F23997" s="1" t="s">
        <v>85940</v>
      </c>
      <c r="G23997" s="1" t="s">
        <v>85926</v>
      </c>
      <c r="H23997" s="1" t="s">
        <v>85927</v>
      </c>
      <c r="I23997" s="1" t="s">
        <v>83733</v>
      </c>
      <c r="J23997" s="1" t="s">
        <v>85941</v>
      </c>
    </row>
    <row r="23998" spans="1:10" x14ac:dyDescent="0.35">
      <c r="A23998" s="1" t="s">
        <v>1833</v>
      </c>
      <c r="B23998" s="1" t="s">
        <v>83727</v>
      </c>
      <c r="C23998" s="1" t="s">
        <v>35</v>
      </c>
      <c r="D23998" s="1" t="s">
        <v>66925</v>
      </c>
      <c r="E23998" s="1" t="s">
        <v>85942</v>
      </c>
      <c r="F23998" s="1" t="s">
        <v>85943</v>
      </c>
      <c r="G23998" s="1" t="s">
        <v>85926</v>
      </c>
      <c r="H23998" s="1" t="s">
        <v>85927</v>
      </c>
      <c r="I23998" s="1" t="s">
        <v>83733</v>
      </c>
      <c r="J23998" s="1" t="s">
        <v>85944</v>
      </c>
    </row>
    <row r="23999" spans="1:10" x14ac:dyDescent="0.35">
      <c r="A23999" s="1" t="s">
        <v>1833</v>
      </c>
      <c r="B23999" s="1" t="s">
        <v>83727</v>
      </c>
      <c r="C23999" s="1" t="s">
        <v>40</v>
      </c>
      <c r="D23999" s="1" t="s">
        <v>85945</v>
      </c>
      <c r="E23999" s="1" t="s">
        <v>85946</v>
      </c>
      <c r="F23999" s="1" t="s">
        <v>85947</v>
      </c>
      <c r="G23999" s="1" t="s">
        <v>85926</v>
      </c>
      <c r="H23999" s="1" t="s">
        <v>85927</v>
      </c>
      <c r="I23999" s="1" t="s">
        <v>83733</v>
      </c>
      <c r="J23999" s="1" t="s">
        <v>85948</v>
      </c>
    </row>
    <row r="24000" spans="1:10" x14ac:dyDescent="0.35">
      <c r="A24000" s="1" t="s">
        <v>1833</v>
      </c>
      <c r="B24000" s="1" t="s">
        <v>83727</v>
      </c>
      <c r="C24000" s="1" t="s">
        <v>45</v>
      </c>
      <c r="D24000" s="1" t="s">
        <v>85949</v>
      </c>
      <c r="E24000" s="1" t="s">
        <v>85950</v>
      </c>
      <c r="F24000" s="1" t="s">
        <v>85951</v>
      </c>
      <c r="G24000" s="1" t="s">
        <v>85926</v>
      </c>
      <c r="H24000" s="1" t="s">
        <v>85927</v>
      </c>
      <c r="I24000" s="1" t="s">
        <v>83733</v>
      </c>
      <c r="J24000" s="1" t="s">
        <v>85952</v>
      </c>
    </row>
    <row r="24001" spans="1:10" x14ac:dyDescent="0.35">
      <c r="A24001" s="1" t="s">
        <v>1833</v>
      </c>
      <c r="B24001" s="1" t="s">
        <v>83727</v>
      </c>
      <c r="C24001" s="1" t="s">
        <v>50</v>
      </c>
      <c r="D24001" s="1" t="s">
        <v>41570</v>
      </c>
      <c r="E24001" s="1" t="s">
        <v>85953</v>
      </c>
      <c r="F24001" s="1" t="s">
        <v>85954</v>
      </c>
      <c r="G24001" s="1" t="s">
        <v>85926</v>
      </c>
      <c r="H24001" s="1" t="s">
        <v>85927</v>
      </c>
      <c r="I24001" s="1" t="s">
        <v>83733</v>
      </c>
      <c r="J24001" s="1" t="s">
        <v>85955</v>
      </c>
    </row>
    <row r="24002" spans="1:10" x14ac:dyDescent="0.35">
      <c r="A24002" s="1" t="s">
        <v>1833</v>
      </c>
      <c r="B24002" s="1" t="s">
        <v>83727</v>
      </c>
      <c r="C24002" s="1" t="s">
        <v>55</v>
      </c>
      <c r="D24002" s="1" t="s">
        <v>63606</v>
      </c>
      <c r="E24002" s="1" t="s">
        <v>85956</v>
      </c>
      <c r="F24002" s="1" t="s">
        <v>85957</v>
      </c>
      <c r="G24002" s="1" t="s">
        <v>85926</v>
      </c>
      <c r="H24002" s="1" t="s">
        <v>85927</v>
      </c>
      <c r="I24002" s="1" t="s">
        <v>83733</v>
      </c>
      <c r="J24002" s="1" t="s">
        <v>85958</v>
      </c>
    </row>
    <row r="24003" spans="1:10" x14ac:dyDescent="0.35">
      <c r="A24003" s="1" t="s">
        <v>1833</v>
      </c>
      <c r="B24003" s="1" t="s">
        <v>83727</v>
      </c>
      <c r="C24003" s="1" t="s">
        <v>60</v>
      </c>
      <c r="D24003" s="1" t="s">
        <v>85959</v>
      </c>
      <c r="E24003" s="1" t="s">
        <v>85960</v>
      </c>
      <c r="F24003" s="1" t="s">
        <v>85961</v>
      </c>
      <c r="G24003" s="1" t="s">
        <v>85926</v>
      </c>
      <c r="H24003" s="1" t="s">
        <v>85927</v>
      </c>
      <c r="I24003" s="1" t="s">
        <v>83733</v>
      </c>
      <c r="J24003" s="1" t="s">
        <v>85962</v>
      </c>
    </row>
    <row r="24004" spans="1:10" x14ac:dyDescent="0.35">
      <c r="A24004" s="1" t="s">
        <v>1833</v>
      </c>
      <c r="B24004" s="1" t="s">
        <v>83727</v>
      </c>
      <c r="C24004" s="1" t="s">
        <v>65</v>
      </c>
      <c r="D24004" s="1" t="s">
        <v>85963</v>
      </c>
      <c r="E24004" s="1" t="s">
        <v>85964</v>
      </c>
      <c r="F24004" s="1" t="s">
        <v>85965</v>
      </c>
      <c r="G24004" s="1" t="s">
        <v>85926</v>
      </c>
      <c r="H24004" s="1" t="s">
        <v>85927</v>
      </c>
      <c r="I24004" s="1" t="s">
        <v>83733</v>
      </c>
      <c r="J24004" s="1" t="s">
        <v>85966</v>
      </c>
    </row>
    <row r="24005" spans="1:10" x14ac:dyDescent="0.35">
      <c r="A24005" s="1" t="s">
        <v>1833</v>
      </c>
      <c r="B24005" s="1" t="s">
        <v>83727</v>
      </c>
      <c r="C24005" s="1" t="s">
        <v>70</v>
      </c>
      <c r="D24005" s="1" t="s">
        <v>85967</v>
      </c>
      <c r="E24005" s="1" t="s">
        <v>85968</v>
      </c>
      <c r="F24005" s="1" t="s">
        <v>85969</v>
      </c>
      <c r="G24005" s="1" t="s">
        <v>85926</v>
      </c>
      <c r="H24005" s="1" t="s">
        <v>85927</v>
      </c>
      <c r="I24005" s="1" t="s">
        <v>83733</v>
      </c>
      <c r="J24005" s="1" t="s">
        <v>85970</v>
      </c>
    </row>
    <row r="24006" spans="1:10" x14ac:dyDescent="0.35">
      <c r="A24006" s="1" t="s">
        <v>1833</v>
      </c>
      <c r="B24006" s="1" t="s">
        <v>83727</v>
      </c>
      <c r="C24006" s="1" t="s">
        <v>75</v>
      </c>
      <c r="D24006" s="1" t="s">
        <v>85971</v>
      </c>
      <c r="E24006" s="1" t="s">
        <v>85972</v>
      </c>
      <c r="F24006" s="1" t="s">
        <v>85973</v>
      </c>
      <c r="G24006" s="1" t="s">
        <v>85926</v>
      </c>
      <c r="H24006" s="1" t="s">
        <v>85927</v>
      </c>
      <c r="I24006" s="1" t="s">
        <v>83733</v>
      </c>
      <c r="J24006" s="1" t="s">
        <v>85974</v>
      </c>
    </row>
    <row r="24007" spans="1:10" x14ac:dyDescent="0.35">
      <c r="A24007" s="1" t="s">
        <v>1833</v>
      </c>
      <c r="B24007" s="1" t="s">
        <v>83727</v>
      </c>
      <c r="C24007" s="1" t="s">
        <v>80</v>
      </c>
      <c r="D24007" s="1" t="s">
        <v>85975</v>
      </c>
      <c r="E24007" s="1" t="s">
        <v>85976</v>
      </c>
      <c r="F24007" s="1" t="s">
        <v>85977</v>
      </c>
      <c r="G24007" s="1" t="s">
        <v>85926</v>
      </c>
      <c r="H24007" s="1" t="s">
        <v>85927</v>
      </c>
      <c r="I24007" s="1" t="s">
        <v>83733</v>
      </c>
      <c r="J24007" s="1" t="s">
        <v>85978</v>
      </c>
    </row>
    <row r="24008" spans="1:10" x14ac:dyDescent="0.35">
      <c r="A24008" s="1" t="s">
        <v>1833</v>
      </c>
      <c r="B24008" s="1" t="s">
        <v>83727</v>
      </c>
      <c r="C24008" s="1" t="s">
        <v>85</v>
      </c>
      <c r="D24008" s="1" t="s">
        <v>85979</v>
      </c>
      <c r="E24008" s="1" t="s">
        <v>85980</v>
      </c>
      <c r="F24008" s="1" t="s">
        <v>85981</v>
      </c>
      <c r="G24008" s="1" t="s">
        <v>85926</v>
      </c>
      <c r="H24008" s="1" t="s">
        <v>85927</v>
      </c>
      <c r="I24008" s="1" t="s">
        <v>83733</v>
      </c>
      <c r="J24008" s="1" t="s">
        <v>85982</v>
      </c>
    </row>
    <row r="24009" spans="1:10" x14ac:dyDescent="0.35">
      <c r="A24009" s="1" t="s">
        <v>1833</v>
      </c>
      <c r="B24009" s="1" t="s">
        <v>83727</v>
      </c>
      <c r="C24009" s="1" t="s">
        <v>90</v>
      </c>
      <c r="D24009" s="1" t="s">
        <v>85983</v>
      </c>
      <c r="E24009" s="1" t="s">
        <v>85984</v>
      </c>
      <c r="F24009" s="1" t="s">
        <v>85985</v>
      </c>
      <c r="G24009" s="1" t="s">
        <v>85926</v>
      </c>
      <c r="H24009" s="1" t="s">
        <v>85927</v>
      </c>
      <c r="I24009" s="1" t="s">
        <v>83733</v>
      </c>
      <c r="J24009" s="1" t="s">
        <v>85986</v>
      </c>
    </row>
    <row r="24010" spans="1:10" x14ac:dyDescent="0.35">
      <c r="A24010" s="1" t="s">
        <v>1833</v>
      </c>
      <c r="B24010" s="1" t="s">
        <v>83727</v>
      </c>
      <c r="C24010" s="1" t="s">
        <v>95</v>
      </c>
      <c r="D24010" s="1" t="s">
        <v>41304</v>
      </c>
      <c r="E24010" s="1" t="s">
        <v>85987</v>
      </c>
      <c r="F24010" s="1" t="s">
        <v>85988</v>
      </c>
      <c r="G24010" s="1" t="s">
        <v>85926</v>
      </c>
      <c r="H24010" s="1" t="s">
        <v>85927</v>
      </c>
      <c r="I24010" s="1" t="s">
        <v>83733</v>
      </c>
      <c r="J24010" s="1" t="s">
        <v>85989</v>
      </c>
    </row>
    <row r="24011" spans="1:10" x14ac:dyDescent="0.35">
      <c r="A24011" s="1" t="s">
        <v>1833</v>
      </c>
      <c r="B24011" s="1" t="s">
        <v>83727</v>
      </c>
      <c r="C24011" s="1" t="s">
        <v>100</v>
      </c>
      <c r="D24011" s="1" t="s">
        <v>85990</v>
      </c>
      <c r="E24011" s="1" t="s">
        <v>85991</v>
      </c>
      <c r="F24011" s="1" t="s">
        <v>85992</v>
      </c>
      <c r="G24011" s="1" t="s">
        <v>85926</v>
      </c>
      <c r="H24011" s="1" t="s">
        <v>85927</v>
      </c>
      <c r="I24011" s="1" t="s">
        <v>83733</v>
      </c>
      <c r="J24011" s="1" t="s">
        <v>85993</v>
      </c>
    </row>
    <row r="24012" spans="1:10" x14ac:dyDescent="0.35">
      <c r="A24012" s="1" t="s">
        <v>1833</v>
      </c>
      <c r="B24012" s="1" t="s">
        <v>83727</v>
      </c>
      <c r="C24012" s="1" t="s">
        <v>105</v>
      </c>
      <c r="D24012" s="1" t="s">
        <v>85994</v>
      </c>
      <c r="E24012" s="1" t="s">
        <v>85995</v>
      </c>
      <c r="F24012" s="1" t="s">
        <v>85996</v>
      </c>
      <c r="G24012" s="1" t="s">
        <v>85926</v>
      </c>
      <c r="H24012" s="1" t="s">
        <v>85927</v>
      </c>
      <c r="I24012" s="1" t="s">
        <v>83733</v>
      </c>
      <c r="J24012" s="1" t="s">
        <v>85997</v>
      </c>
    </row>
    <row r="24013" spans="1:10" x14ac:dyDescent="0.35">
      <c r="A24013" s="1" t="s">
        <v>1833</v>
      </c>
      <c r="B24013" s="1" t="s">
        <v>83727</v>
      </c>
      <c r="C24013" s="1" t="s">
        <v>110</v>
      </c>
      <c r="D24013" s="1" t="s">
        <v>85998</v>
      </c>
      <c r="E24013" s="1" t="s">
        <v>85999</v>
      </c>
      <c r="F24013" s="1" t="s">
        <v>86000</v>
      </c>
      <c r="G24013" s="1" t="s">
        <v>85926</v>
      </c>
      <c r="H24013" s="1" t="s">
        <v>85927</v>
      </c>
      <c r="I24013" s="1" t="s">
        <v>83733</v>
      </c>
      <c r="J24013" s="1" t="s">
        <v>86001</v>
      </c>
    </row>
    <row r="24014" spans="1:10" x14ac:dyDescent="0.35">
      <c r="A24014" s="1" t="s">
        <v>1833</v>
      </c>
      <c r="B24014" s="1" t="s">
        <v>83727</v>
      </c>
      <c r="C24014" s="1" t="s">
        <v>115</v>
      </c>
      <c r="D24014" s="1" t="s">
        <v>86002</v>
      </c>
      <c r="E24014" s="1" t="s">
        <v>86003</v>
      </c>
      <c r="F24014" s="1" t="s">
        <v>86004</v>
      </c>
      <c r="G24014" s="1" t="s">
        <v>85926</v>
      </c>
      <c r="H24014" s="1" t="s">
        <v>85927</v>
      </c>
      <c r="I24014" s="1" t="s">
        <v>83733</v>
      </c>
      <c r="J24014" s="1" t="s">
        <v>86005</v>
      </c>
    </row>
    <row r="24015" spans="1:10" x14ac:dyDescent="0.35">
      <c r="A24015" s="1" t="s">
        <v>1833</v>
      </c>
      <c r="B24015" s="1" t="s">
        <v>83727</v>
      </c>
      <c r="C24015" s="1" t="s">
        <v>120</v>
      </c>
      <c r="D24015" s="1" t="s">
        <v>86006</v>
      </c>
      <c r="E24015" s="1" t="s">
        <v>86007</v>
      </c>
      <c r="F24015" s="1" t="s">
        <v>86008</v>
      </c>
      <c r="G24015" s="1" t="s">
        <v>85926</v>
      </c>
      <c r="H24015" s="1" t="s">
        <v>85927</v>
      </c>
      <c r="I24015" s="1" t="s">
        <v>83733</v>
      </c>
      <c r="J24015" s="1" t="s">
        <v>86009</v>
      </c>
    </row>
    <row r="24016" spans="1:10" x14ac:dyDescent="0.35">
      <c r="A24016" s="1" t="s">
        <v>1833</v>
      </c>
      <c r="B24016" s="1" t="s">
        <v>83727</v>
      </c>
      <c r="C24016" s="1" t="s">
        <v>125</v>
      </c>
      <c r="D24016" s="1" t="s">
        <v>86010</v>
      </c>
      <c r="E24016" s="1" t="s">
        <v>86011</v>
      </c>
      <c r="F24016" s="1" t="s">
        <v>86012</v>
      </c>
      <c r="G24016" s="1" t="s">
        <v>85926</v>
      </c>
      <c r="H24016" s="1" t="s">
        <v>85927</v>
      </c>
      <c r="I24016" s="1" t="s">
        <v>83733</v>
      </c>
      <c r="J24016" s="1" t="s">
        <v>86013</v>
      </c>
    </row>
    <row r="24017" spans="1:10" x14ac:dyDescent="0.35">
      <c r="A24017" s="1" t="s">
        <v>1833</v>
      </c>
      <c r="B24017" s="1" t="s">
        <v>83727</v>
      </c>
      <c r="C24017" s="1" t="s">
        <v>130</v>
      </c>
      <c r="D24017" s="1" t="s">
        <v>86014</v>
      </c>
      <c r="E24017" s="1" t="s">
        <v>86015</v>
      </c>
      <c r="F24017" s="1" t="s">
        <v>86016</v>
      </c>
      <c r="G24017" s="1" t="s">
        <v>85926</v>
      </c>
      <c r="H24017" s="1" t="s">
        <v>85927</v>
      </c>
      <c r="I24017" s="1" t="s">
        <v>83733</v>
      </c>
      <c r="J24017" s="1" t="s">
        <v>86017</v>
      </c>
    </row>
    <row r="24018" spans="1:10" x14ac:dyDescent="0.35">
      <c r="A24018" s="1" t="s">
        <v>1833</v>
      </c>
      <c r="B24018" s="1" t="s">
        <v>83727</v>
      </c>
      <c r="C24018" s="1" t="s">
        <v>135</v>
      </c>
      <c r="D24018" s="1" t="s">
        <v>86018</v>
      </c>
      <c r="E24018" s="1" t="s">
        <v>86019</v>
      </c>
      <c r="F24018" s="1" t="s">
        <v>86020</v>
      </c>
      <c r="G24018" s="1" t="s">
        <v>85926</v>
      </c>
      <c r="H24018" s="1" t="s">
        <v>85927</v>
      </c>
      <c r="I24018" s="1" t="s">
        <v>83733</v>
      </c>
      <c r="J24018" s="1" t="s">
        <v>86021</v>
      </c>
    </row>
    <row r="24019" spans="1:10" x14ac:dyDescent="0.35">
      <c r="A24019" s="1" t="s">
        <v>1833</v>
      </c>
      <c r="B24019" s="1" t="s">
        <v>83727</v>
      </c>
      <c r="C24019" s="1" t="s">
        <v>140</v>
      </c>
      <c r="D24019" s="1" t="s">
        <v>86022</v>
      </c>
      <c r="E24019" s="1" t="s">
        <v>86023</v>
      </c>
      <c r="F24019" s="1" t="s">
        <v>86024</v>
      </c>
      <c r="G24019" s="1" t="s">
        <v>85926</v>
      </c>
      <c r="H24019" s="1" t="s">
        <v>85927</v>
      </c>
      <c r="I24019" s="1" t="s">
        <v>83733</v>
      </c>
      <c r="J24019" s="1" t="s">
        <v>86025</v>
      </c>
    </row>
    <row r="24020" spans="1:10" x14ac:dyDescent="0.35">
      <c r="A24020" s="1" t="s">
        <v>1833</v>
      </c>
      <c r="B24020" s="1" t="s">
        <v>83727</v>
      </c>
      <c r="C24020" s="1" t="s">
        <v>145</v>
      </c>
      <c r="D24020" s="1" t="s">
        <v>86026</v>
      </c>
      <c r="E24020" s="1" t="s">
        <v>86027</v>
      </c>
      <c r="F24020" s="1" t="s">
        <v>86028</v>
      </c>
      <c r="G24020" s="1" t="s">
        <v>85926</v>
      </c>
      <c r="H24020" s="1" t="s">
        <v>85927</v>
      </c>
      <c r="I24020" s="1" t="s">
        <v>83733</v>
      </c>
      <c r="J24020" s="1" t="s">
        <v>86029</v>
      </c>
    </row>
    <row r="24021" spans="1:10" x14ac:dyDescent="0.35">
      <c r="A24021" s="1" t="s">
        <v>1833</v>
      </c>
      <c r="B24021" s="1" t="s">
        <v>83727</v>
      </c>
      <c r="C24021" s="1" t="s">
        <v>150</v>
      </c>
      <c r="D24021" s="1" t="s">
        <v>86030</v>
      </c>
      <c r="E24021" s="1" t="s">
        <v>86031</v>
      </c>
      <c r="F24021" s="1" t="s">
        <v>86032</v>
      </c>
      <c r="G24021" s="1" t="s">
        <v>85926</v>
      </c>
      <c r="H24021" s="1" t="s">
        <v>85927</v>
      </c>
      <c r="I24021" s="1" t="s">
        <v>83733</v>
      </c>
      <c r="J24021" s="1" t="s">
        <v>86033</v>
      </c>
    </row>
    <row r="24022" spans="1:10" x14ac:dyDescent="0.35">
      <c r="A24022" s="1" t="s">
        <v>1833</v>
      </c>
      <c r="B24022" s="1" t="s">
        <v>83727</v>
      </c>
      <c r="C24022" s="1" t="s">
        <v>155</v>
      </c>
      <c r="D24022" s="1" t="s">
        <v>86034</v>
      </c>
      <c r="E24022" s="1" t="s">
        <v>86035</v>
      </c>
      <c r="F24022" s="1" t="s">
        <v>86036</v>
      </c>
      <c r="G24022" s="1" t="s">
        <v>85926</v>
      </c>
      <c r="H24022" s="1" t="s">
        <v>85927</v>
      </c>
      <c r="I24022" s="1" t="s">
        <v>83733</v>
      </c>
      <c r="J24022" s="1" t="s">
        <v>86037</v>
      </c>
    </row>
    <row r="24023" spans="1:10" x14ac:dyDescent="0.35">
      <c r="A24023" s="1" t="s">
        <v>1833</v>
      </c>
      <c r="B24023" s="1" t="s">
        <v>83727</v>
      </c>
      <c r="C24023" s="1" t="s">
        <v>160</v>
      </c>
      <c r="D24023" s="1" t="s">
        <v>86038</v>
      </c>
      <c r="E24023" s="1" t="s">
        <v>86039</v>
      </c>
      <c r="F24023" s="1" t="s">
        <v>86040</v>
      </c>
      <c r="G24023" s="1" t="s">
        <v>85926</v>
      </c>
      <c r="H24023" s="1" t="s">
        <v>85927</v>
      </c>
      <c r="I24023" s="1" t="s">
        <v>83733</v>
      </c>
      <c r="J24023" s="1" t="s">
        <v>86041</v>
      </c>
    </row>
    <row r="24024" spans="1:10" x14ac:dyDescent="0.35">
      <c r="A24024" s="1" t="s">
        <v>1833</v>
      </c>
      <c r="B24024" s="1" t="s">
        <v>83727</v>
      </c>
      <c r="C24024" s="1" t="s">
        <v>165</v>
      </c>
      <c r="D24024" s="1" t="s">
        <v>86042</v>
      </c>
      <c r="E24024" s="1" t="s">
        <v>86043</v>
      </c>
      <c r="F24024" s="1" t="s">
        <v>86044</v>
      </c>
      <c r="G24024" s="1" t="s">
        <v>85926</v>
      </c>
      <c r="H24024" s="1" t="s">
        <v>85927</v>
      </c>
      <c r="I24024" s="1" t="s">
        <v>83733</v>
      </c>
      <c r="J24024" s="1" t="s">
        <v>86045</v>
      </c>
    </row>
    <row r="24025" spans="1:10" x14ac:dyDescent="0.35">
      <c r="A24025" s="1" t="s">
        <v>1833</v>
      </c>
      <c r="B24025" s="1" t="s">
        <v>83727</v>
      </c>
      <c r="C24025" s="1" t="s">
        <v>170</v>
      </c>
      <c r="D24025" s="1" t="s">
        <v>55451</v>
      </c>
      <c r="E24025" s="1" t="s">
        <v>86046</v>
      </c>
      <c r="F24025" s="1" t="s">
        <v>86047</v>
      </c>
      <c r="G24025" s="1" t="s">
        <v>85926</v>
      </c>
      <c r="H24025" s="1" t="s">
        <v>85927</v>
      </c>
      <c r="I24025" s="1" t="s">
        <v>83733</v>
      </c>
      <c r="J24025" s="1" t="s">
        <v>86048</v>
      </c>
    </row>
    <row r="24026" spans="1:10" x14ac:dyDescent="0.35">
      <c r="A24026" s="1" t="s">
        <v>1829</v>
      </c>
      <c r="B24026" s="1" t="s">
        <v>86049</v>
      </c>
      <c r="C24026" s="1" t="s">
        <v>8</v>
      </c>
      <c r="D24026" s="1" t="s">
        <v>86050</v>
      </c>
      <c r="E24026" s="1" t="s">
        <v>86051</v>
      </c>
      <c r="F24026" s="1" t="s">
        <v>86052</v>
      </c>
      <c r="G24026" s="1" t="s">
        <v>86053</v>
      </c>
      <c r="H24026" s="1" t="s">
        <v>86054</v>
      </c>
      <c r="I24026" s="1" t="s">
        <v>86055</v>
      </c>
      <c r="J24026" s="1" t="s">
        <v>13</v>
      </c>
    </row>
    <row r="24027" spans="1:10" x14ac:dyDescent="0.35">
      <c r="A24027" s="1" t="s">
        <v>1829</v>
      </c>
      <c r="B24027" s="1" t="s">
        <v>86049</v>
      </c>
      <c r="C24027" s="1" t="s">
        <v>15</v>
      </c>
      <c r="D24027" s="1" t="s">
        <v>86056</v>
      </c>
      <c r="E24027" s="1" t="s">
        <v>86057</v>
      </c>
      <c r="F24027" s="1" t="s">
        <v>86058</v>
      </c>
      <c r="G24027" s="1" t="s">
        <v>86053</v>
      </c>
      <c r="H24027" s="1" t="s">
        <v>86054</v>
      </c>
      <c r="I24027" s="1" t="s">
        <v>86055</v>
      </c>
      <c r="J24027" s="1" t="s">
        <v>86059</v>
      </c>
    </row>
    <row r="24028" spans="1:10" x14ac:dyDescent="0.35">
      <c r="A24028" s="1" t="s">
        <v>1829</v>
      </c>
      <c r="B24028" s="1" t="s">
        <v>86049</v>
      </c>
      <c r="C24028" s="1" t="s">
        <v>20</v>
      </c>
      <c r="D24028" s="1" t="s">
        <v>86060</v>
      </c>
      <c r="E24028" s="1" t="s">
        <v>86061</v>
      </c>
      <c r="F24028" s="1" t="s">
        <v>86062</v>
      </c>
      <c r="G24028" s="1" t="s">
        <v>86053</v>
      </c>
      <c r="H24028" s="1" t="s">
        <v>86054</v>
      </c>
      <c r="I24028" s="1" t="s">
        <v>86055</v>
      </c>
      <c r="J24028" s="1" t="s">
        <v>86063</v>
      </c>
    </row>
    <row r="24029" spans="1:10" x14ac:dyDescent="0.35">
      <c r="A24029" s="1" t="s">
        <v>1829</v>
      </c>
      <c r="B24029" s="1" t="s">
        <v>86049</v>
      </c>
      <c r="C24029" s="1" t="s">
        <v>25</v>
      </c>
      <c r="D24029" s="1" t="s">
        <v>65896</v>
      </c>
      <c r="E24029" s="1" t="s">
        <v>86064</v>
      </c>
      <c r="F24029" s="1" t="s">
        <v>86065</v>
      </c>
      <c r="G24029" s="1" t="s">
        <v>86053</v>
      </c>
      <c r="H24029" s="1" t="s">
        <v>86054</v>
      </c>
      <c r="I24029" s="1" t="s">
        <v>86055</v>
      </c>
      <c r="J24029" s="1" t="s">
        <v>86066</v>
      </c>
    </row>
    <row r="24030" spans="1:10" x14ac:dyDescent="0.35">
      <c r="A24030" s="1" t="s">
        <v>1829</v>
      </c>
      <c r="B24030" s="1" t="s">
        <v>86049</v>
      </c>
      <c r="C24030" s="1" t="s">
        <v>30</v>
      </c>
      <c r="D24030" s="1" t="s">
        <v>75527</v>
      </c>
      <c r="E24030" s="1" t="s">
        <v>86067</v>
      </c>
      <c r="F24030" s="1" t="s">
        <v>86068</v>
      </c>
      <c r="G24030" s="1" t="s">
        <v>86053</v>
      </c>
      <c r="H24030" s="1" t="s">
        <v>86054</v>
      </c>
      <c r="I24030" s="1" t="s">
        <v>86055</v>
      </c>
      <c r="J24030" s="1" t="s">
        <v>86069</v>
      </c>
    </row>
    <row r="24031" spans="1:10" x14ac:dyDescent="0.35">
      <c r="A24031" s="1" t="s">
        <v>1829</v>
      </c>
      <c r="B24031" s="1" t="s">
        <v>86049</v>
      </c>
      <c r="C24031" s="1" t="s">
        <v>35</v>
      </c>
      <c r="D24031" s="1" t="s">
        <v>7665</v>
      </c>
      <c r="E24031" s="1" t="s">
        <v>86070</v>
      </c>
      <c r="F24031" s="1" t="s">
        <v>86071</v>
      </c>
      <c r="G24031" s="1" t="s">
        <v>86053</v>
      </c>
      <c r="H24031" s="1" t="s">
        <v>86054</v>
      </c>
      <c r="I24031" s="1" t="s">
        <v>86055</v>
      </c>
      <c r="J24031" s="1" t="s">
        <v>86072</v>
      </c>
    </row>
    <row r="24032" spans="1:10" x14ac:dyDescent="0.35">
      <c r="A24032" s="1" t="s">
        <v>1829</v>
      </c>
      <c r="B24032" s="1" t="s">
        <v>86049</v>
      </c>
      <c r="C24032" s="1" t="s">
        <v>40</v>
      </c>
      <c r="D24032" s="1" t="s">
        <v>86073</v>
      </c>
      <c r="E24032" s="1" t="s">
        <v>86074</v>
      </c>
      <c r="F24032" s="1" t="s">
        <v>86075</v>
      </c>
      <c r="G24032" s="1" t="s">
        <v>86053</v>
      </c>
      <c r="H24032" s="1" t="s">
        <v>86054</v>
      </c>
      <c r="I24032" s="1" t="s">
        <v>86055</v>
      </c>
      <c r="J24032" s="1" t="s">
        <v>86076</v>
      </c>
    </row>
    <row r="24033" spans="1:10" x14ac:dyDescent="0.35">
      <c r="A24033" s="1" t="s">
        <v>1829</v>
      </c>
      <c r="B24033" s="1" t="s">
        <v>86049</v>
      </c>
      <c r="C24033" s="1" t="s">
        <v>45</v>
      </c>
      <c r="D24033" s="1" t="s">
        <v>78258</v>
      </c>
      <c r="E24033" s="1" t="s">
        <v>86077</v>
      </c>
      <c r="F24033" s="1" t="s">
        <v>86078</v>
      </c>
      <c r="G24033" s="1" t="s">
        <v>86053</v>
      </c>
      <c r="H24033" s="1" t="s">
        <v>86054</v>
      </c>
      <c r="I24033" s="1" t="s">
        <v>86055</v>
      </c>
      <c r="J24033" s="1" t="s">
        <v>86079</v>
      </c>
    </row>
    <row r="24034" spans="1:10" x14ac:dyDescent="0.35">
      <c r="A24034" s="1" t="s">
        <v>1829</v>
      </c>
      <c r="B24034" s="1" t="s">
        <v>86049</v>
      </c>
      <c r="C24034" s="1" t="s">
        <v>50</v>
      </c>
      <c r="D24034" s="1" t="s">
        <v>86080</v>
      </c>
      <c r="E24034" s="1" t="s">
        <v>86081</v>
      </c>
      <c r="F24034" s="1" t="s">
        <v>86082</v>
      </c>
      <c r="G24034" s="1" t="s">
        <v>86053</v>
      </c>
      <c r="H24034" s="1" t="s">
        <v>86054</v>
      </c>
      <c r="I24034" s="1" t="s">
        <v>86055</v>
      </c>
      <c r="J24034" s="1" t="s">
        <v>86083</v>
      </c>
    </row>
    <row r="24035" spans="1:10" x14ac:dyDescent="0.35">
      <c r="A24035" s="1" t="s">
        <v>1829</v>
      </c>
      <c r="B24035" s="1" t="s">
        <v>86049</v>
      </c>
      <c r="C24035" s="1" t="s">
        <v>55</v>
      </c>
      <c r="D24035" s="1" t="s">
        <v>86084</v>
      </c>
      <c r="E24035" s="1" t="s">
        <v>86085</v>
      </c>
      <c r="F24035" s="1" t="s">
        <v>86086</v>
      </c>
      <c r="G24035" s="1" t="s">
        <v>86053</v>
      </c>
      <c r="H24035" s="1" t="s">
        <v>86054</v>
      </c>
      <c r="I24035" s="1" t="s">
        <v>86055</v>
      </c>
      <c r="J24035" s="1" t="s">
        <v>86087</v>
      </c>
    </row>
    <row r="24036" spans="1:10" x14ac:dyDescent="0.35">
      <c r="A24036" s="1" t="s">
        <v>1829</v>
      </c>
      <c r="B24036" s="1" t="s">
        <v>86049</v>
      </c>
      <c r="C24036" s="1" t="s">
        <v>60</v>
      </c>
      <c r="D24036" s="1" t="s">
        <v>75752</v>
      </c>
      <c r="E24036" s="1" t="s">
        <v>86088</v>
      </c>
      <c r="F24036" s="1" t="s">
        <v>86089</v>
      </c>
      <c r="G24036" s="1" t="s">
        <v>86053</v>
      </c>
      <c r="H24036" s="1" t="s">
        <v>86054</v>
      </c>
      <c r="I24036" s="1" t="s">
        <v>86055</v>
      </c>
      <c r="J24036" s="1" t="s">
        <v>86090</v>
      </c>
    </row>
    <row r="24037" spans="1:10" x14ac:dyDescent="0.35">
      <c r="A24037" s="1" t="s">
        <v>1829</v>
      </c>
      <c r="B24037" s="1" t="s">
        <v>86049</v>
      </c>
      <c r="C24037" s="1" t="s">
        <v>65</v>
      </c>
      <c r="D24037" s="1" t="s">
        <v>26603</v>
      </c>
      <c r="E24037" s="1" t="s">
        <v>86091</v>
      </c>
      <c r="F24037" s="1" t="s">
        <v>86092</v>
      </c>
      <c r="G24037" s="1" t="s">
        <v>86053</v>
      </c>
      <c r="H24037" s="1" t="s">
        <v>86054</v>
      </c>
      <c r="I24037" s="1" t="s">
        <v>86055</v>
      </c>
      <c r="J24037" s="1" t="s">
        <v>86093</v>
      </c>
    </row>
    <row r="24038" spans="1:10" x14ac:dyDescent="0.35">
      <c r="A24038" s="1" t="s">
        <v>1829</v>
      </c>
      <c r="B24038" s="1" t="s">
        <v>86049</v>
      </c>
      <c r="C24038" s="1" t="s">
        <v>70</v>
      </c>
      <c r="D24038" s="1" t="s">
        <v>86094</v>
      </c>
      <c r="E24038" s="1" t="s">
        <v>86095</v>
      </c>
      <c r="F24038" s="1" t="s">
        <v>86096</v>
      </c>
      <c r="G24038" s="1" t="s">
        <v>86053</v>
      </c>
      <c r="H24038" s="1" t="s">
        <v>86054</v>
      </c>
      <c r="I24038" s="1" t="s">
        <v>86055</v>
      </c>
      <c r="J24038" s="1" t="s">
        <v>86097</v>
      </c>
    </row>
    <row r="24039" spans="1:10" x14ac:dyDescent="0.35">
      <c r="A24039" s="1" t="s">
        <v>1829</v>
      </c>
      <c r="B24039" s="1" t="s">
        <v>86049</v>
      </c>
      <c r="C24039" s="1" t="s">
        <v>75</v>
      </c>
      <c r="D24039" s="1" t="s">
        <v>86098</v>
      </c>
      <c r="E24039" s="1" t="s">
        <v>86099</v>
      </c>
      <c r="F24039" s="1" t="s">
        <v>86100</v>
      </c>
      <c r="G24039" s="1" t="s">
        <v>86053</v>
      </c>
      <c r="H24039" s="1" t="s">
        <v>86054</v>
      </c>
      <c r="I24039" s="1" t="s">
        <v>86055</v>
      </c>
      <c r="J24039" s="1" t="s">
        <v>86101</v>
      </c>
    </row>
    <row r="24040" spans="1:10" x14ac:dyDescent="0.35">
      <c r="A24040" s="1" t="s">
        <v>1829</v>
      </c>
      <c r="B24040" s="1" t="s">
        <v>86049</v>
      </c>
      <c r="C24040" s="1" t="s">
        <v>80</v>
      </c>
      <c r="D24040" s="1" t="s">
        <v>86102</v>
      </c>
      <c r="E24040" s="1" t="s">
        <v>86103</v>
      </c>
      <c r="F24040" s="1" t="s">
        <v>86104</v>
      </c>
      <c r="G24040" s="1" t="s">
        <v>86053</v>
      </c>
      <c r="H24040" s="1" t="s">
        <v>86054</v>
      </c>
      <c r="I24040" s="1" t="s">
        <v>86055</v>
      </c>
      <c r="J24040" s="1" t="s">
        <v>86105</v>
      </c>
    </row>
    <row r="24041" spans="1:10" x14ac:dyDescent="0.35">
      <c r="A24041" s="1" t="s">
        <v>1829</v>
      </c>
      <c r="B24041" s="1" t="s">
        <v>86049</v>
      </c>
      <c r="C24041" s="1" t="s">
        <v>85</v>
      </c>
      <c r="D24041" s="1" t="s">
        <v>57794</v>
      </c>
      <c r="E24041" s="1" t="s">
        <v>86106</v>
      </c>
      <c r="F24041" s="1" t="s">
        <v>86107</v>
      </c>
      <c r="G24041" s="1" t="s">
        <v>86053</v>
      </c>
      <c r="H24041" s="1" t="s">
        <v>86054</v>
      </c>
      <c r="I24041" s="1" t="s">
        <v>86055</v>
      </c>
      <c r="J24041" s="1" t="s">
        <v>86108</v>
      </c>
    </row>
    <row r="24042" spans="1:10" x14ac:dyDescent="0.35">
      <c r="A24042" s="1" t="s">
        <v>1829</v>
      </c>
      <c r="B24042" s="1" t="s">
        <v>86049</v>
      </c>
      <c r="C24042" s="1" t="s">
        <v>90</v>
      </c>
      <c r="D24042" s="1" t="s">
        <v>86109</v>
      </c>
      <c r="E24042" s="1" t="s">
        <v>86110</v>
      </c>
      <c r="F24042" s="1" t="s">
        <v>86111</v>
      </c>
      <c r="G24042" s="1" t="s">
        <v>86053</v>
      </c>
      <c r="H24042" s="1" t="s">
        <v>86054</v>
      </c>
      <c r="I24042" s="1" t="s">
        <v>86055</v>
      </c>
      <c r="J24042" s="1" t="s">
        <v>86112</v>
      </c>
    </row>
    <row r="24043" spans="1:10" x14ac:dyDescent="0.35">
      <c r="A24043" s="1" t="s">
        <v>1829</v>
      </c>
      <c r="B24043" s="1" t="s">
        <v>86049</v>
      </c>
      <c r="C24043" s="1" t="s">
        <v>95</v>
      </c>
      <c r="D24043" s="1" t="s">
        <v>61879</v>
      </c>
      <c r="E24043" s="1" t="s">
        <v>86113</v>
      </c>
      <c r="F24043" s="1" t="s">
        <v>86114</v>
      </c>
      <c r="G24043" s="1" t="s">
        <v>86053</v>
      </c>
      <c r="H24043" s="1" t="s">
        <v>86054</v>
      </c>
      <c r="I24043" s="1" t="s">
        <v>86055</v>
      </c>
      <c r="J24043" s="1" t="s">
        <v>86115</v>
      </c>
    </row>
    <row r="24044" spans="1:10" x14ac:dyDescent="0.35">
      <c r="A24044" s="1" t="s">
        <v>1829</v>
      </c>
      <c r="B24044" s="1" t="s">
        <v>86049</v>
      </c>
      <c r="C24044" s="1" t="s">
        <v>100</v>
      </c>
      <c r="D24044" s="1" t="s">
        <v>23805</v>
      </c>
      <c r="E24044" s="1" t="s">
        <v>86116</v>
      </c>
      <c r="F24044" s="1" t="s">
        <v>86117</v>
      </c>
      <c r="G24044" s="1" t="s">
        <v>86053</v>
      </c>
      <c r="H24044" s="1" t="s">
        <v>86054</v>
      </c>
      <c r="I24044" s="1" t="s">
        <v>86055</v>
      </c>
      <c r="J24044" s="1" t="s">
        <v>86118</v>
      </c>
    </row>
    <row r="24045" spans="1:10" x14ac:dyDescent="0.35">
      <c r="A24045" s="1" t="s">
        <v>1829</v>
      </c>
      <c r="B24045" s="1" t="s">
        <v>86049</v>
      </c>
      <c r="C24045" s="1" t="s">
        <v>105</v>
      </c>
      <c r="D24045" s="1" t="s">
        <v>65656</v>
      </c>
      <c r="E24045" s="1" t="s">
        <v>86119</v>
      </c>
      <c r="F24045" s="1" t="s">
        <v>86120</v>
      </c>
      <c r="G24045" s="1" t="s">
        <v>86053</v>
      </c>
      <c r="H24045" s="1" t="s">
        <v>86054</v>
      </c>
      <c r="I24045" s="1" t="s">
        <v>86055</v>
      </c>
      <c r="J24045" s="1" t="s">
        <v>86121</v>
      </c>
    </row>
    <row r="24046" spans="1:10" x14ac:dyDescent="0.35">
      <c r="A24046" s="1" t="s">
        <v>1829</v>
      </c>
      <c r="B24046" s="1" t="s">
        <v>86049</v>
      </c>
      <c r="C24046" s="1" t="s">
        <v>110</v>
      </c>
      <c r="D24046" s="1" t="s">
        <v>86122</v>
      </c>
      <c r="E24046" s="1" t="s">
        <v>86123</v>
      </c>
      <c r="F24046" s="1" t="s">
        <v>86124</v>
      </c>
      <c r="G24046" s="1" t="s">
        <v>86053</v>
      </c>
      <c r="H24046" s="1" t="s">
        <v>86054</v>
      </c>
      <c r="I24046" s="1" t="s">
        <v>86055</v>
      </c>
      <c r="J24046" s="1" t="s">
        <v>86125</v>
      </c>
    </row>
    <row r="24047" spans="1:10" x14ac:dyDescent="0.35">
      <c r="A24047" s="1" t="s">
        <v>1829</v>
      </c>
      <c r="B24047" s="1" t="s">
        <v>86049</v>
      </c>
      <c r="C24047" s="1" t="s">
        <v>115</v>
      </c>
      <c r="D24047" s="1" t="s">
        <v>86126</v>
      </c>
      <c r="E24047" s="1" t="s">
        <v>86127</v>
      </c>
      <c r="F24047" s="1" t="s">
        <v>86128</v>
      </c>
      <c r="G24047" s="1" t="s">
        <v>86053</v>
      </c>
      <c r="H24047" s="1" t="s">
        <v>86054</v>
      </c>
      <c r="I24047" s="1" t="s">
        <v>86055</v>
      </c>
      <c r="J24047" s="1" t="s">
        <v>86129</v>
      </c>
    </row>
    <row r="24048" spans="1:10" x14ac:dyDescent="0.35">
      <c r="A24048" s="1" t="s">
        <v>1829</v>
      </c>
      <c r="B24048" s="1" t="s">
        <v>86049</v>
      </c>
      <c r="C24048" s="1" t="s">
        <v>120</v>
      </c>
      <c r="D24048" s="1" t="s">
        <v>86130</v>
      </c>
      <c r="E24048" s="1" t="s">
        <v>86131</v>
      </c>
      <c r="F24048" s="1" t="s">
        <v>86132</v>
      </c>
      <c r="G24048" s="1" t="s">
        <v>86053</v>
      </c>
      <c r="H24048" s="1" t="s">
        <v>86054</v>
      </c>
      <c r="I24048" s="1" t="s">
        <v>86055</v>
      </c>
      <c r="J24048" s="1" t="s">
        <v>86133</v>
      </c>
    </row>
    <row r="24049" spans="1:10" x14ac:dyDescent="0.35">
      <c r="A24049" s="1" t="s">
        <v>1829</v>
      </c>
      <c r="B24049" s="1" t="s">
        <v>86049</v>
      </c>
      <c r="C24049" s="1" t="s">
        <v>125</v>
      </c>
      <c r="D24049" s="1" t="s">
        <v>86134</v>
      </c>
      <c r="E24049" s="1" t="s">
        <v>86135</v>
      </c>
      <c r="F24049" s="1" t="s">
        <v>86136</v>
      </c>
      <c r="G24049" s="1" t="s">
        <v>86053</v>
      </c>
      <c r="H24049" s="1" t="s">
        <v>86054</v>
      </c>
      <c r="I24049" s="1" t="s">
        <v>86055</v>
      </c>
      <c r="J24049" s="1" t="s">
        <v>86137</v>
      </c>
    </row>
    <row r="24050" spans="1:10" x14ac:dyDescent="0.35">
      <c r="A24050" s="1" t="s">
        <v>1829</v>
      </c>
      <c r="B24050" s="1" t="s">
        <v>86049</v>
      </c>
      <c r="C24050" s="1" t="s">
        <v>130</v>
      </c>
      <c r="D24050" s="1" t="s">
        <v>68401</v>
      </c>
      <c r="E24050" s="1" t="s">
        <v>86138</v>
      </c>
      <c r="F24050" s="1" t="s">
        <v>86139</v>
      </c>
      <c r="G24050" s="1" t="s">
        <v>86053</v>
      </c>
      <c r="H24050" s="1" t="s">
        <v>86054</v>
      </c>
      <c r="I24050" s="1" t="s">
        <v>86055</v>
      </c>
      <c r="J24050" s="1" t="s">
        <v>86140</v>
      </c>
    </row>
    <row r="24051" spans="1:10" x14ac:dyDescent="0.35">
      <c r="A24051" s="1" t="s">
        <v>1829</v>
      </c>
      <c r="B24051" s="1" t="s">
        <v>86049</v>
      </c>
      <c r="C24051" s="1" t="s">
        <v>135</v>
      </c>
      <c r="D24051" s="1" t="s">
        <v>86141</v>
      </c>
      <c r="E24051" s="1" t="s">
        <v>86142</v>
      </c>
      <c r="F24051" s="1" t="s">
        <v>86143</v>
      </c>
      <c r="G24051" s="1" t="s">
        <v>86053</v>
      </c>
      <c r="H24051" s="1" t="s">
        <v>86054</v>
      </c>
      <c r="I24051" s="1" t="s">
        <v>86055</v>
      </c>
      <c r="J24051" s="1" t="s">
        <v>86144</v>
      </c>
    </row>
    <row r="24052" spans="1:10" x14ac:dyDescent="0.35">
      <c r="A24052" s="1" t="s">
        <v>1829</v>
      </c>
      <c r="B24052" s="1" t="s">
        <v>86049</v>
      </c>
      <c r="C24052" s="1" t="s">
        <v>140</v>
      </c>
      <c r="D24052" s="1" t="s">
        <v>56109</v>
      </c>
      <c r="E24052" s="1" t="s">
        <v>86145</v>
      </c>
      <c r="F24052" s="1" t="s">
        <v>86146</v>
      </c>
      <c r="G24052" s="1" t="s">
        <v>86053</v>
      </c>
      <c r="H24052" s="1" t="s">
        <v>86054</v>
      </c>
      <c r="I24052" s="1" t="s">
        <v>86055</v>
      </c>
      <c r="J24052" s="1" t="s">
        <v>86147</v>
      </c>
    </row>
    <row r="24053" spans="1:10" x14ac:dyDescent="0.35">
      <c r="A24053" s="1" t="s">
        <v>1829</v>
      </c>
      <c r="B24053" s="1" t="s">
        <v>86049</v>
      </c>
      <c r="C24053" s="1" t="s">
        <v>145</v>
      </c>
      <c r="D24053" s="1" t="s">
        <v>86148</v>
      </c>
      <c r="E24053" s="1" t="s">
        <v>86149</v>
      </c>
      <c r="F24053" s="1" t="s">
        <v>86150</v>
      </c>
      <c r="G24053" s="1" t="s">
        <v>86053</v>
      </c>
      <c r="H24053" s="1" t="s">
        <v>86054</v>
      </c>
      <c r="I24053" s="1" t="s">
        <v>86055</v>
      </c>
      <c r="J24053" s="1" t="s">
        <v>86151</v>
      </c>
    </row>
    <row r="24054" spans="1:10" x14ac:dyDescent="0.35">
      <c r="A24054" s="1" t="s">
        <v>1829</v>
      </c>
      <c r="B24054" s="1" t="s">
        <v>86049</v>
      </c>
      <c r="C24054" s="1" t="s">
        <v>150</v>
      </c>
      <c r="D24054" s="1" t="s">
        <v>86152</v>
      </c>
      <c r="E24054" s="1" t="s">
        <v>86153</v>
      </c>
      <c r="F24054" s="1" t="s">
        <v>86154</v>
      </c>
      <c r="G24054" s="1" t="s">
        <v>86053</v>
      </c>
      <c r="H24054" s="1" t="s">
        <v>86054</v>
      </c>
      <c r="I24054" s="1" t="s">
        <v>86055</v>
      </c>
      <c r="J24054" s="1" t="s">
        <v>86155</v>
      </c>
    </row>
    <row r="24055" spans="1:10" x14ac:dyDescent="0.35">
      <c r="A24055" s="1" t="s">
        <v>1829</v>
      </c>
      <c r="B24055" s="1" t="s">
        <v>86049</v>
      </c>
      <c r="C24055" s="1" t="s">
        <v>155</v>
      </c>
      <c r="D24055" s="1" t="s">
        <v>66656</v>
      </c>
      <c r="E24055" s="1" t="s">
        <v>86156</v>
      </c>
      <c r="F24055" s="1" t="s">
        <v>86157</v>
      </c>
      <c r="G24055" s="1" t="s">
        <v>86053</v>
      </c>
      <c r="H24055" s="1" t="s">
        <v>86054</v>
      </c>
      <c r="I24055" s="1" t="s">
        <v>86055</v>
      </c>
      <c r="J24055" s="1" t="s">
        <v>86158</v>
      </c>
    </row>
    <row r="24056" spans="1:10" x14ac:dyDescent="0.35">
      <c r="A24056" s="1" t="s">
        <v>1829</v>
      </c>
      <c r="B24056" s="1" t="s">
        <v>86049</v>
      </c>
      <c r="C24056" s="1" t="s">
        <v>160</v>
      </c>
      <c r="D24056" s="1" t="s">
        <v>86159</v>
      </c>
      <c r="E24056" s="1" t="s">
        <v>86160</v>
      </c>
      <c r="F24056" s="1" t="s">
        <v>86161</v>
      </c>
      <c r="G24056" s="1" t="s">
        <v>86053</v>
      </c>
      <c r="H24056" s="1" t="s">
        <v>86054</v>
      </c>
      <c r="I24056" s="1" t="s">
        <v>86055</v>
      </c>
      <c r="J24056" s="1" t="s">
        <v>86162</v>
      </c>
    </row>
    <row r="24057" spans="1:10" x14ac:dyDescent="0.35">
      <c r="A24057" s="1" t="s">
        <v>1829</v>
      </c>
      <c r="B24057" s="1" t="s">
        <v>86049</v>
      </c>
      <c r="C24057" s="1" t="s">
        <v>165</v>
      </c>
      <c r="D24057" s="1" t="s">
        <v>86163</v>
      </c>
      <c r="E24057" s="1" t="s">
        <v>86164</v>
      </c>
      <c r="F24057" s="1" t="s">
        <v>86165</v>
      </c>
      <c r="G24057" s="1" t="s">
        <v>86053</v>
      </c>
      <c r="H24057" s="1" t="s">
        <v>86054</v>
      </c>
      <c r="I24057" s="1" t="s">
        <v>86055</v>
      </c>
      <c r="J24057" s="1" t="s">
        <v>86166</v>
      </c>
    </row>
    <row r="24058" spans="1:10" x14ac:dyDescent="0.35">
      <c r="A24058" s="1" t="s">
        <v>1829</v>
      </c>
      <c r="B24058" s="1" t="s">
        <v>86049</v>
      </c>
      <c r="C24058" s="1" t="s">
        <v>170</v>
      </c>
      <c r="D24058" s="1" t="s">
        <v>86167</v>
      </c>
      <c r="E24058" s="1" t="s">
        <v>86168</v>
      </c>
      <c r="F24058" s="1" t="s">
        <v>86169</v>
      </c>
      <c r="G24058" s="1" t="s">
        <v>86053</v>
      </c>
      <c r="H24058" s="1" t="s">
        <v>86054</v>
      </c>
      <c r="I24058" s="1" t="s">
        <v>86055</v>
      </c>
      <c r="J24058" s="1" t="s">
        <v>86170</v>
      </c>
    </row>
    <row r="24059" spans="1:10" x14ac:dyDescent="0.35">
      <c r="A24059" s="1" t="s">
        <v>7237</v>
      </c>
      <c r="B24059" s="1" t="s">
        <v>86049</v>
      </c>
      <c r="C24059" s="1" t="s">
        <v>8</v>
      </c>
      <c r="D24059" s="1" t="s">
        <v>86171</v>
      </c>
      <c r="E24059" s="1" t="s">
        <v>86172</v>
      </c>
      <c r="F24059" s="1" t="s">
        <v>86173</v>
      </c>
      <c r="G24059" s="1" t="s">
        <v>86174</v>
      </c>
      <c r="H24059" s="1" t="s">
        <v>86175</v>
      </c>
      <c r="I24059" s="1" t="s">
        <v>86055</v>
      </c>
      <c r="J24059" s="1" t="s">
        <v>13</v>
      </c>
    </row>
    <row r="24060" spans="1:10" x14ac:dyDescent="0.35">
      <c r="A24060" s="1" t="s">
        <v>7237</v>
      </c>
      <c r="B24060" s="1" t="s">
        <v>86049</v>
      </c>
      <c r="C24060" s="1" t="s">
        <v>15</v>
      </c>
      <c r="D24060" s="1" t="s">
        <v>86176</v>
      </c>
      <c r="E24060" s="1" t="s">
        <v>86177</v>
      </c>
      <c r="F24060" s="1" t="s">
        <v>86178</v>
      </c>
      <c r="G24060" s="1" t="s">
        <v>86174</v>
      </c>
      <c r="H24060" s="1" t="s">
        <v>86175</v>
      </c>
      <c r="I24060" s="1" t="s">
        <v>86055</v>
      </c>
      <c r="J24060" s="1" t="s">
        <v>86179</v>
      </c>
    </row>
    <row r="24061" spans="1:10" x14ac:dyDescent="0.35">
      <c r="A24061" s="1" t="s">
        <v>7237</v>
      </c>
      <c r="B24061" s="1" t="s">
        <v>86049</v>
      </c>
      <c r="C24061" s="1" t="s">
        <v>20</v>
      </c>
      <c r="D24061" s="1" t="s">
        <v>86180</v>
      </c>
      <c r="E24061" s="1" t="s">
        <v>86181</v>
      </c>
      <c r="F24061" s="1" t="s">
        <v>86182</v>
      </c>
      <c r="G24061" s="1" t="s">
        <v>86174</v>
      </c>
      <c r="H24061" s="1" t="s">
        <v>86175</v>
      </c>
      <c r="I24061" s="1" t="s">
        <v>86055</v>
      </c>
      <c r="J24061" s="1" t="s">
        <v>86183</v>
      </c>
    </row>
    <row r="24062" spans="1:10" x14ac:dyDescent="0.35">
      <c r="A24062" s="1" t="s">
        <v>7237</v>
      </c>
      <c r="B24062" s="1" t="s">
        <v>86049</v>
      </c>
      <c r="C24062" s="1" t="s">
        <v>25</v>
      </c>
      <c r="D24062" s="1" t="s">
        <v>86184</v>
      </c>
      <c r="E24062" s="1" t="s">
        <v>86185</v>
      </c>
      <c r="F24062" s="1" t="s">
        <v>86186</v>
      </c>
      <c r="G24062" s="1" t="s">
        <v>86174</v>
      </c>
      <c r="H24062" s="1" t="s">
        <v>86175</v>
      </c>
      <c r="I24062" s="1" t="s">
        <v>86055</v>
      </c>
      <c r="J24062" s="1" t="s">
        <v>86187</v>
      </c>
    </row>
    <row r="24063" spans="1:10" x14ac:dyDescent="0.35">
      <c r="A24063" s="1" t="s">
        <v>7237</v>
      </c>
      <c r="B24063" s="1" t="s">
        <v>86049</v>
      </c>
      <c r="C24063" s="1" t="s">
        <v>30</v>
      </c>
      <c r="D24063" s="1" t="s">
        <v>86188</v>
      </c>
      <c r="E24063" s="1" t="s">
        <v>86189</v>
      </c>
      <c r="F24063" s="1" t="s">
        <v>86190</v>
      </c>
      <c r="G24063" s="1" t="s">
        <v>86174</v>
      </c>
      <c r="H24063" s="1" t="s">
        <v>86175</v>
      </c>
      <c r="I24063" s="1" t="s">
        <v>86055</v>
      </c>
      <c r="J24063" s="1" t="s">
        <v>86191</v>
      </c>
    </row>
    <row r="24064" spans="1:10" x14ac:dyDescent="0.35">
      <c r="A24064" s="1" t="s">
        <v>7237</v>
      </c>
      <c r="B24064" s="1" t="s">
        <v>86049</v>
      </c>
      <c r="C24064" s="1" t="s">
        <v>35</v>
      </c>
      <c r="D24064" s="1" t="s">
        <v>86192</v>
      </c>
      <c r="E24064" s="1" t="s">
        <v>86193</v>
      </c>
      <c r="F24064" s="1" t="s">
        <v>86194</v>
      </c>
      <c r="G24064" s="1" t="s">
        <v>86174</v>
      </c>
      <c r="H24064" s="1" t="s">
        <v>86175</v>
      </c>
      <c r="I24064" s="1" t="s">
        <v>86055</v>
      </c>
      <c r="J24064" s="1" t="s">
        <v>86195</v>
      </c>
    </row>
    <row r="24065" spans="1:10" x14ac:dyDescent="0.35">
      <c r="A24065" s="1" t="s">
        <v>7237</v>
      </c>
      <c r="B24065" s="1" t="s">
        <v>86049</v>
      </c>
      <c r="C24065" s="1" t="s">
        <v>40</v>
      </c>
      <c r="D24065" s="1" t="s">
        <v>40132</v>
      </c>
      <c r="E24065" s="1" t="s">
        <v>86196</v>
      </c>
      <c r="F24065" s="1" t="s">
        <v>86197</v>
      </c>
      <c r="G24065" s="1" t="s">
        <v>86174</v>
      </c>
      <c r="H24065" s="1" t="s">
        <v>86175</v>
      </c>
      <c r="I24065" s="1" t="s">
        <v>86055</v>
      </c>
      <c r="J24065" s="1" t="s">
        <v>86198</v>
      </c>
    </row>
    <row r="24066" spans="1:10" x14ac:dyDescent="0.35">
      <c r="A24066" s="1" t="s">
        <v>7237</v>
      </c>
      <c r="B24066" s="1" t="s">
        <v>86049</v>
      </c>
      <c r="C24066" s="1" t="s">
        <v>45</v>
      </c>
      <c r="D24066" s="1" t="s">
        <v>11306</v>
      </c>
      <c r="E24066" s="1" t="s">
        <v>86199</v>
      </c>
      <c r="F24066" s="1" t="s">
        <v>86200</v>
      </c>
      <c r="G24066" s="1" t="s">
        <v>86174</v>
      </c>
      <c r="H24066" s="1" t="s">
        <v>86175</v>
      </c>
      <c r="I24066" s="1" t="s">
        <v>86055</v>
      </c>
      <c r="J24066" s="1" t="s">
        <v>86201</v>
      </c>
    </row>
    <row r="24067" spans="1:10" x14ac:dyDescent="0.35">
      <c r="A24067" s="1" t="s">
        <v>7237</v>
      </c>
      <c r="B24067" s="1" t="s">
        <v>86049</v>
      </c>
      <c r="C24067" s="1" t="s">
        <v>50</v>
      </c>
      <c r="D24067" s="1" t="s">
        <v>79843</v>
      </c>
      <c r="E24067" s="1" t="s">
        <v>86202</v>
      </c>
      <c r="F24067" s="1" t="s">
        <v>86203</v>
      </c>
      <c r="G24067" s="1" t="s">
        <v>86174</v>
      </c>
      <c r="H24067" s="1" t="s">
        <v>86175</v>
      </c>
      <c r="I24067" s="1" t="s">
        <v>86055</v>
      </c>
      <c r="J24067" s="1" t="s">
        <v>86204</v>
      </c>
    </row>
    <row r="24068" spans="1:10" x14ac:dyDescent="0.35">
      <c r="A24068" s="1" t="s">
        <v>7237</v>
      </c>
      <c r="B24068" s="1" t="s">
        <v>86049</v>
      </c>
      <c r="C24068" s="1" t="s">
        <v>55</v>
      </c>
      <c r="D24068" s="1" t="s">
        <v>42485</v>
      </c>
      <c r="E24068" s="1" t="s">
        <v>86205</v>
      </c>
      <c r="F24068" s="1" t="s">
        <v>86206</v>
      </c>
      <c r="G24068" s="1" t="s">
        <v>86174</v>
      </c>
      <c r="H24068" s="1" t="s">
        <v>86175</v>
      </c>
      <c r="I24068" s="1" t="s">
        <v>86055</v>
      </c>
      <c r="J24068" s="1" t="s">
        <v>86207</v>
      </c>
    </row>
    <row r="24069" spans="1:10" x14ac:dyDescent="0.35">
      <c r="A24069" s="1" t="s">
        <v>7237</v>
      </c>
      <c r="B24069" s="1" t="s">
        <v>86049</v>
      </c>
      <c r="C24069" s="1" t="s">
        <v>60</v>
      </c>
      <c r="D24069" s="1" t="s">
        <v>86208</v>
      </c>
      <c r="E24069" s="1" t="s">
        <v>86209</v>
      </c>
      <c r="F24069" s="1" t="s">
        <v>86210</v>
      </c>
      <c r="G24069" s="1" t="s">
        <v>86174</v>
      </c>
      <c r="H24069" s="1" t="s">
        <v>86175</v>
      </c>
      <c r="I24069" s="1" t="s">
        <v>86055</v>
      </c>
      <c r="J24069" s="1" t="s">
        <v>86211</v>
      </c>
    </row>
    <row r="24070" spans="1:10" x14ac:dyDescent="0.35">
      <c r="A24070" s="1" t="s">
        <v>7237</v>
      </c>
      <c r="B24070" s="1" t="s">
        <v>86049</v>
      </c>
      <c r="C24070" s="1" t="s">
        <v>65</v>
      </c>
      <c r="D24070" s="1" t="s">
        <v>86212</v>
      </c>
      <c r="E24070" s="1" t="s">
        <v>86213</v>
      </c>
      <c r="F24070" s="1" t="s">
        <v>86214</v>
      </c>
      <c r="G24070" s="1" t="s">
        <v>86174</v>
      </c>
      <c r="H24070" s="1" t="s">
        <v>86175</v>
      </c>
      <c r="I24070" s="1" t="s">
        <v>86055</v>
      </c>
      <c r="J24070" s="1" t="s">
        <v>86215</v>
      </c>
    </row>
    <row r="24071" spans="1:10" x14ac:dyDescent="0.35">
      <c r="A24071" s="1" t="s">
        <v>7237</v>
      </c>
      <c r="B24071" s="1" t="s">
        <v>86049</v>
      </c>
      <c r="C24071" s="1" t="s">
        <v>70</v>
      </c>
      <c r="D24071" s="1" t="s">
        <v>86216</v>
      </c>
      <c r="E24071" s="1" t="s">
        <v>86217</v>
      </c>
      <c r="F24071" s="1" t="s">
        <v>86218</v>
      </c>
      <c r="G24071" s="1" t="s">
        <v>86174</v>
      </c>
      <c r="H24071" s="1" t="s">
        <v>86175</v>
      </c>
      <c r="I24071" s="1" t="s">
        <v>86055</v>
      </c>
      <c r="J24071" s="1" t="s">
        <v>86219</v>
      </c>
    </row>
    <row r="24072" spans="1:10" x14ac:dyDescent="0.35">
      <c r="A24072" s="1" t="s">
        <v>7237</v>
      </c>
      <c r="B24072" s="1" t="s">
        <v>86049</v>
      </c>
      <c r="C24072" s="1" t="s">
        <v>75</v>
      </c>
      <c r="D24072" s="1" t="s">
        <v>86220</v>
      </c>
      <c r="E24072" s="1" t="s">
        <v>86221</v>
      </c>
      <c r="F24072" s="1" t="s">
        <v>86222</v>
      </c>
      <c r="G24072" s="1" t="s">
        <v>86174</v>
      </c>
      <c r="H24072" s="1" t="s">
        <v>86175</v>
      </c>
      <c r="I24072" s="1" t="s">
        <v>86055</v>
      </c>
      <c r="J24072" s="1" t="s">
        <v>86223</v>
      </c>
    </row>
    <row r="24073" spans="1:10" x14ac:dyDescent="0.35">
      <c r="A24073" s="1" t="s">
        <v>7237</v>
      </c>
      <c r="B24073" s="1" t="s">
        <v>86049</v>
      </c>
      <c r="C24073" s="1" t="s">
        <v>80</v>
      </c>
      <c r="D24073" s="1" t="s">
        <v>86224</v>
      </c>
      <c r="E24073" s="1" t="s">
        <v>86225</v>
      </c>
      <c r="F24073" s="1" t="s">
        <v>86226</v>
      </c>
      <c r="G24073" s="1" t="s">
        <v>86174</v>
      </c>
      <c r="H24073" s="1" t="s">
        <v>86175</v>
      </c>
      <c r="I24073" s="1" t="s">
        <v>86055</v>
      </c>
      <c r="J24073" s="1" t="s">
        <v>86227</v>
      </c>
    </row>
    <row r="24074" spans="1:10" x14ac:dyDescent="0.35">
      <c r="A24074" s="1" t="s">
        <v>7237</v>
      </c>
      <c r="B24074" s="1" t="s">
        <v>86049</v>
      </c>
      <c r="C24074" s="1" t="s">
        <v>85</v>
      </c>
      <c r="D24074" s="1" t="s">
        <v>86228</v>
      </c>
      <c r="E24074" s="1" t="s">
        <v>86229</v>
      </c>
      <c r="F24074" s="1" t="s">
        <v>86230</v>
      </c>
      <c r="G24074" s="1" t="s">
        <v>86174</v>
      </c>
      <c r="H24074" s="1" t="s">
        <v>86175</v>
      </c>
      <c r="I24074" s="1" t="s">
        <v>86055</v>
      </c>
      <c r="J24074" s="1" t="s">
        <v>86231</v>
      </c>
    </row>
    <row r="24075" spans="1:10" x14ac:dyDescent="0.35">
      <c r="A24075" s="1" t="s">
        <v>7237</v>
      </c>
      <c r="B24075" s="1" t="s">
        <v>86049</v>
      </c>
      <c r="C24075" s="1" t="s">
        <v>90</v>
      </c>
      <c r="D24075" s="1" t="s">
        <v>86232</v>
      </c>
      <c r="E24075" s="1" t="s">
        <v>86233</v>
      </c>
      <c r="F24075" s="1" t="s">
        <v>86234</v>
      </c>
      <c r="G24075" s="1" t="s">
        <v>86174</v>
      </c>
      <c r="H24075" s="1" t="s">
        <v>86175</v>
      </c>
      <c r="I24075" s="1" t="s">
        <v>86055</v>
      </c>
      <c r="J24075" s="1" t="s">
        <v>86235</v>
      </c>
    </row>
    <row r="24076" spans="1:10" x14ac:dyDescent="0.35">
      <c r="A24076" s="1" t="s">
        <v>7237</v>
      </c>
      <c r="B24076" s="1" t="s">
        <v>86049</v>
      </c>
      <c r="C24076" s="1" t="s">
        <v>95</v>
      </c>
      <c r="D24076" s="1" t="s">
        <v>53646</v>
      </c>
      <c r="E24076" s="1" t="s">
        <v>86236</v>
      </c>
      <c r="F24076" s="1" t="s">
        <v>86237</v>
      </c>
      <c r="G24076" s="1" t="s">
        <v>86174</v>
      </c>
      <c r="H24076" s="1" t="s">
        <v>86175</v>
      </c>
      <c r="I24076" s="1" t="s">
        <v>86055</v>
      </c>
      <c r="J24076" s="1" t="s">
        <v>86238</v>
      </c>
    </row>
    <row r="24077" spans="1:10" x14ac:dyDescent="0.35">
      <c r="A24077" s="1" t="s">
        <v>7237</v>
      </c>
      <c r="B24077" s="1" t="s">
        <v>86049</v>
      </c>
      <c r="C24077" s="1" t="s">
        <v>100</v>
      </c>
      <c r="D24077" s="1" t="s">
        <v>68594</v>
      </c>
      <c r="E24077" s="1" t="s">
        <v>86239</v>
      </c>
      <c r="F24077" s="1" t="s">
        <v>86240</v>
      </c>
      <c r="G24077" s="1" t="s">
        <v>86174</v>
      </c>
      <c r="H24077" s="1" t="s">
        <v>86175</v>
      </c>
      <c r="I24077" s="1" t="s">
        <v>86055</v>
      </c>
      <c r="J24077" s="1" t="s">
        <v>86241</v>
      </c>
    </row>
    <row r="24078" spans="1:10" x14ac:dyDescent="0.35">
      <c r="A24078" s="1" t="s">
        <v>7237</v>
      </c>
      <c r="B24078" s="1" t="s">
        <v>86049</v>
      </c>
      <c r="C24078" s="1" t="s">
        <v>105</v>
      </c>
      <c r="D24078" s="1" t="s">
        <v>12706</v>
      </c>
      <c r="E24078" s="1" t="s">
        <v>86242</v>
      </c>
      <c r="F24078" s="1" t="s">
        <v>86243</v>
      </c>
      <c r="G24078" s="1" t="s">
        <v>86174</v>
      </c>
      <c r="H24078" s="1" t="s">
        <v>86175</v>
      </c>
      <c r="I24078" s="1" t="s">
        <v>86055</v>
      </c>
      <c r="J24078" s="1" t="s">
        <v>86244</v>
      </c>
    </row>
    <row r="24079" spans="1:10" x14ac:dyDescent="0.35">
      <c r="A24079" s="1" t="s">
        <v>7237</v>
      </c>
      <c r="B24079" s="1" t="s">
        <v>86049</v>
      </c>
      <c r="C24079" s="1" t="s">
        <v>110</v>
      </c>
      <c r="D24079" s="1" t="s">
        <v>58307</v>
      </c>
      <c r="E24079" s="1" t="s">
        <v>86245</v>
      </c>
      <c r="F24079" s="1" t="s">
        <v>86246</v>
      </c>
      <c r="G24079" s="1" t="s">
        <v>86174</v>
      </c>
      <c r="H24079" s="1" t="s">
        <v>86175</v>
      </c>
      <c r="I24079" s="1" t="s">
        <v>86055</v>
      </c>
      <c r="J24079" s="1" t="s">
        <v>86247</v>
      </c>
    </row>
    <row r="24080" spans="1:10" x14ac:dyDescent="0.35">
      <c r="A24080" s="1" t="s">
        <v>7237</v>
      </c>
      <c r="B24080" s="1" t="s">
        <v>86049</v>
      </c>
      <c r="C24080" s="1" t="s">
        <v>115</v>
      </c>
      <c r="D24080" s="1" t="s">
        <v>86248</v>
      </c>
      <c r="E24080" s="1" t="s">
        <v>86249</v>
      </c>
      <c r="F24080" s="1" t="s">
        <v>86250</v>
      </c>
      <c r="G24080" s="1" t="s">
        <v>86174</v>
      </c>
      <c r="H24080" s="1" t="s">
        <v>86175</v>
      </c>
      <c r="I24080" s="1" t="s">
        <v>86055</v>
      </c>
      <c r="J24080" s="1" t="s">
        <v>86251</v>
      </c>
    </row>
    <row r="24081" spans="1:10" x14ac:dyDescent="0.35">
      <c r="A24081" s="1" t="s">
        <v>7237</v>
      </c>
      <c r="B24081" s="1" t="s">
        <v>86049</v>
      </c>
      <c r="C24081" s="1" t="s">
        <v>120</v>
      </c>
      <c r="D24081" s="1" t="s">
        <v>86252</v>
      </c>
      <c r="E24081" s="1" t="s">
        <v>86253</v>
      </c>
      <c r="F24081" s="1" t="s">
        <v>86254</v>
      </c>
      <c r="G24081" s="1" t="s">
        <v>86174</v>
      </c>
      <c r="H24081" s="1" t="s">
        <v>86175</v>
      </c>
      <c r="I24081" s="1" t="s">
        <v>86055</v>
      </c>
      <c r="J24081" s="1" t="s">
        <v>86255</v>
      </c>
    </row>
    <row r="24082" spans="1:10" x14ac:dyDescent="0.35">
      <c r="A24082" s="1" t="s">
        <v>7237</v>
      </c>
      <c r="B24082" s="1" t="s">
        <v>86049</v>
      </c>
      <c r="C24082" s="1" t="s">
        <v>125</v>
      </c>
      <c r="D24082" s="1" t="s">
        <v>64734</v>
      </c>
      <c r="E24082" s="1" t="s">
        <v>86256</v>
      </c>
      <c r="F24082" s="1" t="s">
        <v>86257</v>
      </c>
      <c r="G24082" s="1" t="s">
        <v>86174</v>
      </c>
      <c r="H24082" s="1" t="s">
        <v>86175</v>
      </c>
      <c r="I24082" s="1" t="s">
        <v>86055</v>
      </c>
      <c r="J24082" s="1" t="s">
        <v>86258</v>
      </c>
    </row>
    <row r="24083" spans="1:10" x14ac:dyDescent="0.35">
      <c r="A24083" s="1" t="s">
        <v>7237</v>
      </c>
      <c r="B24083" s="1" t="s">
        <v>86049</v>
      </c>
      <c r="C24083" s="1" t="s">
        <v>130</v>
      </c>
      <c r="D24083" s="1" t="s">
        <v>86259</v>
      </c>
      <c r="E24083" s="1" t="s">
        <v>86260</v>
      </c>
      <c r="F24083" s="1" t="s">
        <v>86261</v>
      </c>
      <c r="G24083" s="1" t="s">
        <v>86174</v>
      </c>
      <c r="H24083" s="1" t="s">
        <v>86175</v>
      </c>
      <c r="I24083" s="1" t="s">
        <v>86055</v>
      </c>
      <c r="J24083" s="1" t="s">
        <v>86262</v>
      </c>
    </row>
    <row r="24084" spans="1:10" x14ac:dyDescent="0.35">
      <c r="A24084" s="1" t="s">
        <v>7237</v>
      </c>
      <c r="B24084" s="1" t="s">
        <v>86049</v>
      </c>
      <c r="C24084" s="1" t="s">
        <v>135</v>
      </c>
      <c r="D24084" s="1" t="s">
        <v>86263</v>
      </c>
      <c r="E24084" s="1" t="s">
        <v>86264</v>
      </c>
      <c r="F24084" s="1" t="s">
        <v>86265</v>
      </c>
      <c r="G24084" s="1" t="s">
        <v>86174</v>
      </c>
      <c r="H24084" s="1" t="s">
        <v>86175</v>
      </c>
      <c r="I24084" s="1" t="s">
        <v>86055</v>
      </c>
      <c r="J24084" s="1" t="s">
        <v>86266</v>
      </c>
    </row>
    <row r="24085" spans="1:10" x14ac:dyDescent="0.35">
      <c r="A24085" s="1" t="s">
        <v>7237</v>
      </c>
      <c r="B24085" s="1" t="s">
        <v>86049</v>
      </c>
      <c r="C24085" s="1" t="s">
        <v>140</v>
      </c>
      <c r="D24085" s="1" t="s">
        <v>58298</v>
      </c>
      <c r="E24085" s="1" t="s">
        <v>86267</v>
      </c>
      <c r="F24085" s="1" t="s">
        <v>86268</v>
      </c>
      <c r="G24085" s="1" t="s">
        <v>86174</v>
      </c>
      <c r="H24085" s="1" t="s">
        <v>86175</v>
      </c>
      <c r="I24085" s="1" t="s">
        <v>86055</v>
      </c>
      <c r="J24085" s="1" t="s">
        <v>86269</v>
      </c>
    </row>
    <row r="24086" spans="1:10" x14ac:dyDescent="0.35">
      <c r="A24086" s="1" t="s">
        <v>7237</v>
      </c>
      <c r="B24086" s="1" t="s">
        <v>86049</v>
      </c>
      <c r="C24086" s="1" t="s">
        <v>145</v>
      </c>
      <c r="D24086" s="1" t="s">
        <v>86270</v>
      </c>
      <c r="E24086" s="1" t="s">
        <v>86271</v>
      </c>
      <c r="F24086" s="1" t="s">
        <v>86272</v>
      </c>
      <c r="G24086" s="1" t="s">
        <v>86174</v>
      </c>
      <c r="H24086" s="1" t="s">
        <v>86175</v>
      </c>
      <c r="I24086" s="1" t="s">
        <v>86055</v>
      </c>
      <c r="J24086" s="1" t="s">
        <v>86273</v>
      </c>
    </row>
    <row r="24087" spans="1:10" x14ac:dyDescent="0.35">
      <c r="A24087" s="1" t="s">
        <v>7237</v>
      </c>
      <c r="B24087" s="1" t="s">
        <v>86049</v>
      </c>
      <c r="C24087" s="1" t="s">
        <v>150</v>
      </c>
      <c r="D24087" s="1" t="s">
        <v>86274</v>
      </c>
      <c r="E24087" s="1" t="s">
        <v>86275</v>
      </c>
      <c r="F24087" s="1" t="s">
        <v>86276</v>
      </c>
      <c r="G24087" s="1" t="s">
        <v>86174</v>
      </c>
      <c r="H24087" s="1" t="s">
        <v>86175</v>
      </c>
      <c r="I24087" s="1" t="s">
        <v>86055</v>
      </c>
      <c r="J24087" s="1" t="s">
        <v>86277</v>
      </c>
    </row>
    <row r="24088" spans="1:10" x14ac:dyDescent="0.35">
      <c r="A24088" s="1" t="s">
        <v>7237</v>
      </c>
      <c r="B24088" s="1" t="s">
        <v>86049</v>
      </c>
      <c r="C24088" s="1" t="s">
        <v>155</v>
      </c>
      <c r="D24088" s="1" t="s">
        <v>60107</v>
      </c>
      <c r="E24088" s="1" t="s">
        <v>86278</v>
      </c>
      <c r="F24088" s="1" t="s">
        <v>86279</v>
      </c>
      <c r="G24088" s="1" t="s">
        <v>86174</v>
      </c>
      <c r="H24088" s="1" t="s">
        <v>86175</v>
      </c>
      <c r="I24088" s="1" t="s">
        <v>86055</v>
      </c>
      <c r="J24088" s="1" t="s">
        <v>86280</v>
      </c>
    </row>
    <row r="24089" spans="1:10" x14ac:dyDescent="0.35">
      <c r="A24089" s="1" t="s">
        <v>7237</v>
      </c>
      <c r="B24089" s="1" t="s">
        <v>86049</v>
      </c>
      <c r="C24089" s="1" t="s">
        <v>160</v>
      </c>
      <c r="D24089" s="1" t="s">
        <v>67978</v>
      </c>
      <c r="E24089" s="1" t="s">
        <v>86281</v>
      </c>
      <c r="F24089" s="1" t="s">
        <v>86282</v>
      </c>
      <c r="G24089" s="1" t="s">
        <v>86174</v>
      </c>
      <c r="H24089" s="1" t="s">
        <v>86175</v>
      </c>
      <c r="I24089" s="1" t="s">
        <v>86055</v>
      </c>
      <c r="J24089" s="1" t="s">
        <v>86283</v>
      </c>
    </row>
    <row r="24090" spans="1:10" x14ac:dyDescent="0.35">
      <c r="A24090" s="1" t="s">
        <v>7237</v>
      </c>
      <c r="B24090" s="1" t="s">
        <v>86049</v>
      </c>
      <c r="C24090" s="1" t="s">
        <v>165</v>
      </c>
      <c r="D24090" s="1" t="s">
        <v>66250</v>
      </c>
      <c r="E24090" s="1" t="s">
        <v>86284</v>
      </c>
      <c r="F24090" s="1" t="s">
        <v>86285</v>
      </c>
      <c r="G24090" s="1" t="s">
        <v>86174</v>
      </c>
      <c r="H24090" s="1" t="s">
        <v>86175</v>
      </c>
      <c r="I24090" s="1" t="s">
        <v>86055</v>
      </c>
      <c r="J24090" s="1" t="s">
        <v>86286</v>
      </c>
    </row>
    <row r="24091" spans="1:10" x14ac:dyDescent="0.35">
      <c r="A24091" s="1" t="s">
        <v>7237</v>
      </c>
      <c r="B24091" s="1" t="s">
        <v>86049</v>
      </c>
      <c r="C24091" s="1" t="s">
        <v>170</v>
      </c>
      <c r="D24091" s="1" t="s">
        <v>78579</v>
      </c>
      <c r="E24091" s="1" t="s">
        <v>86287</v>
      </c>
      <c r="F24091" s="1" t="s">
        <v>86288</v>
      </c>
      <c r="G24091" s="1" t="s">
        <v>86174</v>
      </c>
      <c r="H24091" s="1" t="s">
        <v>86175</v>
      </c>
      <c r="I24091" s="1" t="s">
        <v>86055</v>
      </c>
      <c r="J24091" s="1" t="s">
        <v>86289</v>
      </c>
    </row>
    <row r="24092" spans="1:10" x14ac:dyDescent="0.35">
      <c r="A24092" s="1" t="s">
        <v>86290</v>
      </c>
      <c r="B24092" s="1" t="s">
        <v>86049</v>
      </c>
      <c r="C24092" s="1" t="s">
        <v>8</v>
      </c>
      <c r="D24092" s="1" t="s">
        <v>54161</v>
      </c>
      <c r="E24092" s="1" t="s">
        <v>86291</v>
      </c>
      <c r="F24092" s="1" t="s">
        <v>86292</v>
      </c>
      <c r="G24092" s="1" t="s">
        <v>86293</v>
      </c>
      <c r="H24092" s="1" t="s">
        <v>86294</v>
      </c>
      <c r="I24092" s="1" t="s">
        <v>86055</v>
      </c>
      <c r="J24092" s="1" t="s">
        <v>13</v>
      </c>
    </row>
    <row r="24093" spans="1:10" x14ac:dyDescent="0.35">
      <c r="A24093" s="1" t="s">
        <v>86290</v>
      </c>
      <c r="B24093" s="1" t="s">
        <v>86049</v>
      </c>
      <c r="C24093" s="1" t="s">
        <v>15</v>
      </c>
      <c r="D24093" s="1" t="s">
        <v>86295</v>
      </c>
      <c r="E24093" s="1" t="s">
        <v>86296</v>
      </c>
      <c r="F24093" s="1" t="s">
        <v>86297</v>
      </c>
      <c r="G24093" s="1" t="s">
        <v>86293</v>
      </c>
      <c r="H24093" s="1" t="s">
        <v>86294</v>
      </c>
      <c r="I24093" s="1" t="s">
        <v>86055</v>
      </c>
      <c r="J24093" s="1" t="s">
        <v>86298</v>
      </c>
    </row>
    <row r="24094" spans="1:10" x14ac:dyDescent="0.35">
      <c r="A24094" s="1" t="s">
        <v>86290</v>
      </c>
      <c r="B24094" s="1" t="s">
        <v>86049</v>
      </c>
      <c r="C24094" s="1" t="s">
        <v>20</v>
      </c>
      <c r="D24094" s="1" t="s">
        <v>86299</v>
      </c>
      <c r="E24094" s="1" t="s">
        <v>86300</v>
      </c>
      <c r="F24094" s="1" t="s">
        <v>86301</v>
      </c>
      <c r="G24094" s="1" t="s">
        <v>86293</v>
      </c>
      <c r="H24094" s="1" t="s">
        <v>86294</v>
      </c>
      <c r="I24094" s="1" t="s">
        <v>86055</v>
      </c>
      <c r="J24094" s="1" t="s">
        <v>86302</v>
      </c>
    </row>
    <row r="24095" spans="1:10" x14ac:dyDescent="0.35">
      <c r="A24095" s="1" t="s">
        <v>86290</v>
      </c>
      <c r="B24095" s="1" t="s">
        <v>86049</v>
      </c>
      <c r="C24095" s="1" t="s">
        <v>25</v>
      </c>
      <c r="D24095" s="1" t="s">
        <v>86303</v>
      </c>
      <c r="E24095" s="1" t="s">
        <v>86304</v>
      </c>
      <c r="F24095" s="1" t="s">
        <v>86305</v>
      </c>
      <c r="G24095" s="1" t="s">
        <v>86293</v>
      </c>
      <c r="H24095" s="1" t="s">
        <v>86294</v>
      </c>
      <c r="I24095" s="1" t="s">
        <v>86055</v>
      </c>
      <c r="J24095" s="1" t="s">
        <v>86306</v>
      </c>
    </row>
    <row r="24096" spans="1:10" x14ac:dyDescent="0.35">
      <c r="A24096" s="1" t="s">
        <v>86290</v>
      </c>
      <c r="B24096" s="1" t="s">
        <v>86049</v>
      </c>
      <c r="C24096" s="1" t="s">
        <v>30</v>
      </c>
      <c r="D24096" s="1" t="s">
        <v>86307</v>
      </c>
      <c r="E24096" s="1" t="s">
        <v>86308</v>
      </c>
      <c r="F24096" s="1" t="s">
        <v>86309</v>
      </c>
      <c r="G24096" s="1" t="s">
        <v>86293</v>
      </c>
      <c r="H24096" s="1" t="s">
        <v>86294</v>
      </c>
      <c r="I24096" s="1" t="s">
        <v>86055</v>
      </c>
      <c r="J24096" s="1" t="s">
        <v>86310</v>
      </c>
    </row>
    <row r="24097" spans="1:10" x14ac:dyDescent="0.35">
      <c r="A24097" s="1" t="s">
        <v>86290</v>
      </c>
      <c r="B24097" s="1" t="s">
        <v>86049</v>
      </c>
      <c r="C24097" s="1" t="s">
        <v>35</v>
      </c>
      <c r="D24097" s="1" t="s">
        <v>86311</v>
      </c>
      <c r="E24097" s="1" t="s">
        <v>86312</v>
      </c>
      <c r="F24097" s="1" t="s">
        <v>86313</v>
      </c>
      <c r="G24097" s="1" t="s">
        <v>86293</v>
      </c>
      <c r="H24097" s="1" t="s">
        <v>86294</v>
      </c>
      <c r="I24097" s="1" t="s">
        <v>86055</v>
      </c>
      <c r="J24097" s="1" t="s">
        <v>86314</v>
      </c>
    </row>
    <row r="24098" spans="1:10" x14ac:dyDescent="0.35">
      <c r="A24098" s="1" t="s">
        <v>86290</v>
      </c>
      <c r="B24098" s="1" t="s">
        <v>86049</v>
      </c>
      <c r="C24098" s="1" t="s">
        <v>40</v>
      </c>
      <c r="D24098" s="1" t="s">
        <v>86315</v>
      </c>
      <c r="E24098" s="1" t="s">
        <v>86316</v>
      </c>
      <c r="F24098" s="1" t="s">
        <v>86317</v>
      </c>
      <c r="G24098" s="1" t="s">
        <v>86293</v>
      </c>
      <c r="H24098" s="1" t="s">
        <v>86294</v>
      </c>
      <c r="I24098" s="1" t="s">
        <v>86055</v>
      </c>
      <c r="J24098" s="1" t="s">
        <v>86318</v>
      </c>
    </row>
    <row r="24099" spans="1:10" x14ac:dyDescent="0.35">
      <c r="A24099" s="1" t="s">
        <v>86290</v>
      </c>
      <c r="B24099" s="1" t="s">
        <v>86049</v>
      </c>
      <c r="C24099" s="1" t="s">
        <v>45</v>
      </c>
      <c r="D24099" s="1" t="s">
        <v>78572</v>
      </c>
      <c r="E24099" s="1" t="s">
        <v>86319</v>
      </c>
      <c r="F24099" s="1" t="s">
        <v>86320</v>
      </c>
      <c r="G24099" s="1" t="s">
        <v>86293</v>
      </c>
      <c r="H24099" s="1" t="s">
        <v>86294</v>
      </c>
      <c r="I24099" s="1" t="s">
        <v>86055</v>
      </c>
      <c r="J24099" s="1" t="s">
        <v>86321</v>
      </c>
    </row>
    <row r="24100" spans="1:10" x14ac:dyDescent="0.35">
      <c r="A24100" s="1" t="s">
        <v>86290</v>
      </c>
      <c r="B24100" s="1" t="s">
        <v>86049</v>
      </c>
      <c r="C24100" s="1" t="s">
        <v>50</v>
      </c>
      <c r="D24100" s="1" t="s">
        <v>33281</v>
      </c>
      <c r="E24100" s="1" t="s">
        <v>86322</v>
      </c>
      <c r="F24100" s="1" t="s">
        <v>86323</v>
      </c>
      <c r="G24100" s="1" t="s">
        <v>86293</v>
      </c>
      <c r="H24100" s="1" t="s">
        <v>86294</v>
      </c>
      <c r="I24100" s="1" t="s">
        <v>86055</v>
      </c>
      <c r="J24100" s="1" t="s">
        <v>86324</v>
      </c>
    </row>
    <row r="24101" spans="1:10" x14ac:dyDescent="0.35">
      <c r="A24101" s="1" t="s">
        <v>86290</v>
      </c>
      <c r="B24101" s="1" t="s">
        <v>86049</v>
      </c>
      <c r="C24101" s="1" t="s">
        <v>55</v>
      </c>
      <c r="D24101" s="1" t="s">
        <v>57637</v>
      </c>
      <c r="E24101" s="1" t="s">
        <v>86325</v>
      </c>
      <c r="F24101" s="1" t="s">
        <v>86326</v>
      </c>
      <c r="G24101" s="1" t="s">
        <v>86293</v>
      </c>
      <c r="H24101" s="1" t="s">
        <v>86294</v>
      </c>
      <c r="I24101" s="1" t="s">
        <v>86055</v>
      </c>
      <c r="J24101" s="1" t="s">
        <v>86327</v>
      </c>
    </row>
    <row r="24102" spans="1:10" x14ac:dyDescent="0.35">
      <c r="A24102" s="1" t="s">
        <v>86290</v>
      </c>
      <c r="B24102" s="1" t="s">
        <v>86049</v>
      </c>
      <c r="C24102" s="1" t="s">
        <v>60</v>
      </c>
      <c r="D24102" s="1" t="s">
        <v>86328</v>
      </c>
      <c r="E24102" s="1" t="s">
        <v>86329</v>
      </c>
      <c r="F24102" s="1" t="s">
        <v>86330</v>
      </c>
      <c r="G24102" s="1" t="s">
        <v>86293</v>
      </c>
      <c r="H24102" s="1" t="s">
        <v>86294</v>
      </c>
      <c r="I24102" s="1" t="s">
        <v>86055</v>
      </c>
      <c r="J24102" s="1" t="s">
        <v>86331</v>
      </c>
    </row>
    <row r="24103" spans="1:10" x14ac:dyDescent="0.35">
      <c r="A24103" s="1" t="s">
        <v>86290</v>
      </c>
      <c r="B24103" s="1" t="s">
        <v>86049</v>
      </c>
      <c r="C24103" s="1" t="s">
        <v>65</v>
      </c>
      <c r="D24103" s="1" t="s">
        <v>86332</v>
      </c>
      <c r="E24103" s="1" t="s">
        <v>86333</v>
      </c>
      <c r="F24103" s="1" t="s">
        <v>86334</v>
      </c>
      <c r="G24103" s="1" t="s">
        <v>86293</v>
      </c>
      <c r="H24103" s="1" t="s">
        <v>86294</v>
      </c>
      <c r="I24103" s="1" t="s">
        <v>86055</v>
      </c>
      <c r="J24103" s="1" t="s">
        <v>86335</v>
      </c>
    </row>
    <row r="24104" spans="1:10" x14ac:dyDescent="0.35">
      <c r="A24104" s="1" t="s">
        <v>86290</v>
      </c>
      <c r="B24104" s="1" t="s">
        <v>86049</v>
      </c>
      <c r="C24104" s="1" t="s">
        <v>70</v>
      </c>
      <c r="D24104" s="1" t="s">
        <v>86336</v>
      </c>
      <c r="E24104" s="1" t="s">
        <v>86337</v>
      </c>
      <c r="F24104" s="1" t="s">
        <v>86338</v>
      </c>
      <c r="G24104" s="1" t="s">
        <v>86293</v>
      </c>
      <c r="H24104" s="1" t="s">
        <v>86294</v>
      </c>
      <c r="I24104" s="1" t="s">
        <v>86055</v>
      </c>
      <c r="J24104" s="1" t="s">
        <v>86339</v>
      </c>
    </row>
    <row r="24105" spans="1:10" x14ac:dyDescent="0.35">
      <c r="A24105" s="1" t="s">
        <v>86290</v>
      </c>
      <c r="B24105" s="1" t="s">
        <v>86049</v>
      </c>
      <c r="C24105" s="1" t="s">
        <v>75</v>
      </c>
      <c r="D24105" s="1" t="s">
        <v>66257</v>
      </c>
      <c r="E24105" s="1" t="s">
        <v>86340</v>
      </c>
      <c r="F24105" s="1" t="s">
        <v>86341</v>
      </c>
      <c r="G24105" s="1" t="s">
        <v>86293</v>
      </c>
      <c r="H24105" s="1" t="s">
        <v>86294</v>
      </c>
      <c r="I24105" s="1" t="s">
        <v>86055</v>
      </c>
      <c r="J24105" s="1" t="s">
        <v>86342</v>
      </c>
    </row>
    <row r="24106" spans="1:10" x14ac:dyDescent="0.35">
      <c r="A24106" s="1" t="s">
        <v>86290</v>
      </c>
      <c r="B24106" s="1" t="s">
        <v>86049</v>
      </c>
      <c r="C24106" s="1" t="s">
        <v>80</v>
      </c>
      <c r="D24106" s="1" t="s">
        <v>56818</v>
      </c>
      <c r="E24106" s="1" t="s">
        <v>86343</v>
      </c>
      <c r="F24106" s="1" t="s">
        <v>86344</v>
      </c>
      <c r="G24106" s="1" t="s">
        <v>86293</v>
      </c>
      <c r="H24106" s="1" t="s">
        <v>86294</v>
      </c>
      <c r="I24106" s="1" t="s">
        <v>86055</v>
      </c>
      <c r="J24106" s="1" t="s">
        <v>86345</v>
      </c>
    </row>
    <row r="24107" spans="1:10" x14ac:dyDescent="0.35">
      <c r="A24107" s="1" t="s">
        <v>86290</v>
      </c>
      <c r="B24107" s="1" t="s">
        <v>86049</v>
      </c>
      <c r="C24107" s="1" t="s">
        <v>85</v>
      </c>
      <c r="D24107" s="1" t="s">
        <v>86346</v>
      </c>
      <c r="E24107" s="1" t="s">
        <v>86347</v>
      </c>
      <c r="F24107" s="1" t="s">
        <v>86348</v>
      </c>
      <c r="G24107" s="1" t="s">
        <v>86293</v>
      </c>
      <c r="H24107" s="1" t="s">
        <v>86294</v>
      </c>
      <c r="I24107" s="1" t="s">
        <v>86055</v>
      </c>
      <c r="J24107" s="1" t="s">
        <v>86349</v>
      </c>
    </row>
    <row r="24108" spans="1:10" x14ac:dyDescent="0.35">
      <c r="A24108" s="1" t="s">
        <v>86290</v>
      </c>
      <c r="B24108" s="1" t="s">
        <v>86049</v>
      </c>
      <c r="C24108" s="1" t="s">
        <v>90</v>
      </c>
      <c r="D24108" s="1" t="s">
        <v>79074</v>
      </c>
      <c r="E24108" s="1" t="s">
        <v>86350</v>
      </c>
      <c r="F24108" s="1" t="s">
        <v>86351</v>
      </c>
      <c r="G24108" s="1" t="s">
        <v>86293</v>
      </c>
      <c r="H24108" s="1" t="s">
        <v>86294</v>
      </c>
      <c r="I24108" s="1" t="s">
        <v>86055</v>
      </c>
      <c r="J24108" s="1" t="s">
        <v>86352</v>
      </c>
    </row>
    <row r="24109" spans="1:10" x14ac:dyDescent="0.35">
      <c r="A24109" s="1" t="s">
        <v>86290</v>
      </c>
      <c r="B24109" s="1" t="s">
        <v>86049</v>
      </c>
      <c r="C24109" s="1" t="s">
        <v>95</v>
      </c>
      <c r="D24109" s="1" t="s">
        <v>86353</v>
      </c>
      <c r="E24109" s="1" t="s">
        <v>86354</v>
      </c>
      <c r="F24109" s="1" t="s">
        <v>86355</v>
      </c>
      <c r="G24109" s="1" t="s">
        <v>86293</v>
      </c>
      <c r="H24109" s="1" t="s">
        <v>86294</v>
      </c>
      <c r="I24109" s="1" t="s">
        <v>86055</v>
      </c>
      <c r="J24109" s="1" t="s">
        <v>86356</v>
      </c>
    </row>
    <row r="24110" spans="1:10" x14ac:dyDescent="0.35">
      <c r="A24110" s="1" t="s">
        <v>86290</v>
      </c>
      <c r="B24110" s="1" t="s">
        <v>86049</v>
      </c>
      <c r="C24110" s="1" t="s">
        <v>100</v>
      </c>
      <c r="D24110" s="1" t="s">
        <v>86357</v>
      </c>
      <c r="E24110" s="1" t="s">
        <v>86358</v>
      </c>
      <c r="F24110" s="1" t="s">
        <v>86359</v>
      </c>
      <c r="G24110" s="1" t="s">
        <v>86293</v>
      </c>
      <c r="H24110" s="1" t="s">
        <v>86294</v>
      </c>
      <c r="I24110" s="1" t="s">
        <v>86055</v>
      </c>
      <c r="J24110" s="1" t="s">
        <v>86360</v>
      </c>
    </row>
    <row r="24111" spans="1:10" x14ac:dyDescent="0.35">
      <c r="A24111" s="1" t="s">
        <v>86290</v>
      </c>
      <c r="B24111" s="1" t="s">
        <v>86049</v>
      </c>
      <c r="C24111" s="1" t="s">
        <v>105</v>
      </c>
      <c r="D24111" s="1" t="s">
        <v>66715</v>
      </c>
      <c r="E24111" s="1" t="s">
        <v>86361</v>
      </c>
      <c r="F24111" s="1" t="s">
        <v>86362</v>
      </c>
      <c r="G24111" s="1" t="s">
        <v>86293</v>
      </c>
      <c r="H24111" s="1" t="s">
        <v>86294</v>
      </c>
      <c r="I24111" s="1" t="s">
        <v>86055</v>
      </c>
      <c r="J24111" s="1" t="s">
        <v>86363</v>
      </c>
    </row>
    <row r="24112" spans="1:10" x14ac:dyDescent="0.35">
      <c r="A24112" s="1" t="s">
        <v>86290</v>
      </c>
      <c r="B24112" s="1" t="s">
        <v>86049</v>
      </c>
      <c r="C24112" s="1" t="s">
        <v>110</v>
      </c>
      <c r="D24112" s="1" t="s">
        <v>86364</v>
      </c>
      <c r="E24112" s="1" t="s">
        <v>86365</v>
      </c>
      <c r="F24112" s="1" t="s">
        <v>86366</v>
      </c>
      <c r="G24112" s="1" t="s">
        <v>86293</v>
      </c>
      <c r="H24112" s="1" t="s">
        <v>86294</v>
      </c>
      <c r="I24112" s="1" t="s">
        <v>86055</v>
      </c>
      <c r="J24112" s="1" t="s">
        <v>86367</v>
      </c>
    </row>
    <row r="24113" spans="1:10" x14ac:dyDescent="0.35">
      <c r="A24113" s="1" t="s">
        <v>86290</v>
      </c>
      <c r="B24113" s="1" t="s">
        <v>86049</v>
      </c>
      <c r="C24113" s="1" t="s">
        <v>115</v>
      </c>
      <c r="D24113" s="1" t="s">
        <v>85348</v>
      </c>
      <c r="E24113" s="1" t="s">
        <v>86368</v>
      </c>
      <c r="F24113" s="1" t="s">
        <v>86369</v>
      </c>
      <c r="G24113" s="1" t="s">
        <v>86293</v>
      </c>
      <c r="H24113" s="1" t="s">
        <v>86294</v>
      </c>
      <c r="I24113" s="1" t="s">
        <v>86055</v>
      </c>
      <c r="J24113" s="1" t="s">
        <v>86370</v>
      </c>
    </row>
    <row r="24114" spans="1:10" x14ac:dyDescent="0.35">
      <c r="A24114" s="1" t="s">
        <v>86290</v>
      </c>
      <c r="B24114" s="1" t="s">
        <v>86049</v>
      </c>
      <c r="C24114" s="1" t="s">
        <v>120</v>
      </c>
      <c r="D24114" s="1" t="s">
        <v>86371</v>
      </c>
      <c r="E24114" s="1" t="s">
        <v>86372</v>
      </c>
      <c r="F24114" s="1" t="s">
        <v>86373</v>
      </c>
      <c r="G24114" s="1" t="s">
        <v>86293</v>
      </c>
      <c r="H24114" s="1" t="s">
        <v>86294</v>
      </c>
      <c r="I24114" s="1" t="s">
        <v>86055</v>
      </c>
      <c r="J24114" s="1" t="s">
        <v>86374</v>
      </c>
    </row>
    <row r="24115" spans="1:10" x14ac:dyDescent="0.35">
      <c r="A24115" s="1" t="s">
        <v>86290</v>
      </c>
      <c r="B24115" s="1" t="s">
        <v>86049</v>
      </c>
      <c r="C24115" s="1" t="s">
        <v>125</v>
      </c>
      <c r="D24115" s="1" t="s">
        <v>11314</v>
      </c>
      <c r="E24115" s="1" t="s">
        <v>86375</v>
      </c>
      <c r="F24115" s="1" t="s">
        <v>86376</v>
      </c>
      <c r="G24115" s="1" t="s">
        <v>86293</v>
      </c>
      <c r="H24115" s="1" t="s">
        <v>86294</v>
      </c>
      <c r="I24115" s="1" t="s">
        <v>86055</v>
      </c>
      <c r="J24115" s="1" t="s">
        <v>86377</v>
      </c>
    </row>
    <row r="24116" spans="1:10" x14ac:dyDescent="0.35">
      <c r="A24116" s="1" t="s">
        <v>86290</v>
      </c>
      <c r="B24116" s="1" t="s">
        <v>86049</v>
      </c>
      <c r="C24116" s="1" t="s">
        <v>130</v>
      </c>
      <c r="D24116" s="1" t="s">
        <v>54644</v>
      </c>
      <c r="E24116" s="1" t="s">
        <v>86378</v>
      </c>
      <c r="F24116" s="1" t="s">
        <v>86379</v>
      </c>
      <c r="G24116" s="1" t="s">
        <v>86293</v>
      </c>
      <c r="H24116" s="1" t="s">
        <v>86294</v>
      </c>
      <c r="I24116" s="1" t="s">
        <v>86055</v>
      </c>
      <c r="J24116" s="1" t="s">
        <v>86380</v>
      </c>
    </row>
    <row r="24117" spans="1:10" x14ac:dyDescent="0.35">
      <c r="A24117" s="1" t="s">
        <v>86290</v>
      </c>
      <c r="B24117" s="1" t="s">
        <v>86049</v>
      </c>
      <c r="C24117" s="1" t="s">
        <v>135</v>
      </c>
      <c r="D24117" s="1" t="s">
        <v>42352</v>
      </c>
      <c r="E24117" s="1" t="s">
        <v>86381</v>
      </c>
      <c r="F24117" s="1" t="s">
        <v>86382</v>
      </c>
      <c r="G24117" s="1" t="s">
        <v>86293</v>
      </c>
      <c r="H24117" s="1" t="s">
        <v>86294</v>
      </c>
      <c r="I24117" s="1" t="s">
        <v>86055</v>
      </c>
      <c r="J24117" s="1" t="s">
        <v>86383</v>
      </c>
    </row>
    <row r="24118" spans="1:10" x14ac:dyDescent="0.35">
      <c r="A24118" s="1" t="s">
        <v>86290</v>
      </c>
      <c r="B24118" s="1" t="s">
        <v>86049</v>
      </c>
      <c r="C24118" s="1" t="s">
        <v>140</v>
      </c>
      <c r="D24118" s="1" t="s">
        <v>86384</v>
      </c>
      <c r="E24118" s="1" t="s">
        <v>86385</v>
      </c>
      <c r="F24118" s="1" t="s">
        <v>86386</v>
      </c>
      <c r="G24118" s="1" t="s">
        <v>86293</v>
      </c>
      <c r="H24118" s="1" t="s">
        <v>86294</v>
      </c>
      <c r="I24118" s="1" t="s">
        <v>86055</v>
      </c>
      <c r="J24118" s="1" t="s">
        <v>86387</v>
      </c>
    </row>
    <row r="24119" spans="1:10" x14ac:dyDescent="0.35">
      <c r="A24119" s="1" t="s">
        <v>86290</v>
      </c>
      <c r="B24119" s="1" t="s">
        <v>86049</v>
      </c>
      <c r="C24119" s="1" t="s">
        <v>145</v>
      </c>
      <c r="D24119" s="1" t="s">
        <v>86388</v>
      </c>
      <c r="E24119" s="1" t="s">
        <v>86389</v>
      </c>
      <c r="F24119" s="1" t="s">
        <v>86390</v>
      </c>
      <c r="G24119" s="1" t="s">
        <v>86293</v>
      </c>
      <c r="H24119" s="1" t="s">
        <v>86294</v>
      </c>
      <c r="I24119" s="1" t="s">
        <v>86055</v>
      </c>
      <c r="J24119" s="1" t="s">
        <v>86391</v>
      </c>
    </row>
    <row r="24120" spans="1:10" x14ac:dyDescent="0.35">
      <c r="A24120" s="1" t="s">
        <v>86290</v>
      </c>
      <c r="B24120" s="1" t="s">
        <v>86049</v>
      </c>
      <c r="C24120" s="1" t="s">
        <v>150</v>
      </c>
      <c r="D24120" s="1" t="s">
        <v>86392</v>
      </c>
      <c r="E24120" s="1" t="s">
        <v>86393</v>
      </c>
      <c r="F24120" s="1" t="s">
        <v>86394</v>
      </c>
      <c r="G24120" s="1" t="s">
        <v>86293</v>
      </c>
      <c r="H24120" s="1" t="s">
        <v>86294</v>
      </c>
      <c r="I24120" s="1" t="s">
        <v>86055</v>
      </c>
      <c r="J24120" s="1" t="s">
        <v>86395</v>
      </c>
    </row>
    <row r="24121" spans="1:10" x14ac:dyDescent="0.35">
      <c r="A24121" s="1" t="s">
        <v>86290</v>
      </c>
      <c r="B24121" s="1" t="s">
        <v>86049</v>
      </c>
      <c r="C24121" s="1" t="s">
        <v>155</v>
      </c>
      <c r="D24121" s="1" t="s">
        <v>86396</v>
      </c>
      <c r="E24121" s="1" t="s">
        <v>86397</v>
      </c>
      <c r="F24121" s="1" t="s">
        <v>86398</v>
      </c>
      <c r="G24121" s="1" t="s">
        <v>86293</v>
      </c>
      <c r="H24121" s="1" t="s">
        <v>86294</v>
      </c>
      <c r="I24121" s="1" t="s">
        <v>86055</v>
      </c>
      <c r="J24121" s="1" t="s">
        <v>86399</v>
      </c>
    </row>
    <row r="24122" spans="1:10" x14ac:dyDescent="0.35">
      <c r="A24122" s="1" t="s">
        <v>86290</v>
      </c>
      <c r="B24122" s="1" t="s">
        <v>86049</v>
      </c>
      <c r="C24122" s="1" t="s">
        <v>160</v>
      </c>
      <c r="D24122" s="1" t="s">
        <v>75775</v>
      </c>
      <c r="E24122" s="1" t="s">
        <v>86400</v>
      </c>
      <c r="F24122" s="1" t="s">
        <v>86401</v>
      </c>
      <c r="G24122" s="1" t="s">
        <v>86293</v>
      </c>
      <c r="H24122" s="1" t="s">
        <v>86294</v>
      </c>
      <c r="I24122" s="1" t="s">
        <v>86055</v>
      </c>
      <c r="J24122" s="1" t="s">
        <v>86402</v>
      </c>
    </row>
    <row r="24123" spans="1:10" x14ac:dyDescent="0.35">
      <c r="A24123" s="1" t="s">
        <v>86290</v>
      </c>
      <c r="B24123" s="1" t="s">
        <v>86049</v>
      </c>
      <c r="C24123" s="1" t="s">
        <v>165</v>
      </c>
      <c r="D24123" s="1" t="s">
        <v>86403</v>
      </c>
      <c r="E24123" s="1" t="s">
        <v>86404</v>
      </c>
      <c r="F24123" s="1" t="s">
        <v>66989</v>
      </c>
      <c r="G24123" s="1" t="s">
        <v>86293</v>
      </c>
      <c r="H24123" s="1" t="s">
        <v>86294</v>
      </c>
      <c r="I24123" s="1" t="s">
        <v>86055</v>
      </c>
      <c r="J24123" s="1" t="s">
        <v>86405</v>
      </c>
    </row>
    <row r="24124" spans="1:10" x14ac:dyDescent="0.35">
      <c r="A24124" s="1" t="s">
        <v>86290</v>
      </c>
      <c r="B24124" s="1" t="s">
        <v>86049</v>
      </c>
      <c r="C24124" s="1" t="s">
        <v>170</v>
      </c>
      <c r="D24124" s="1" t="s">
        <v>86406</v>
      </c>
      <c r="E24124" s="1" t="s">
        <v>86407</v>
      </c>
      <c r="F24124" s="1" t="s">
        <v>86408</v>
      </c>
      <c r="G24124" s="1" t="s">
        <v>86293</v>
      </c>
      <c r="H24124" s="1" t="s">
        <v>86294</v>
      </c>
      <c r="I24124" s="1" t="s">
        <v>86055</v>
      </c>
      <c r="J24124" s="1" t="s">
        <v>86409</v>
      </c>
    </row>
    <row r="24125" spans="1:10" x14ac:dyDescent="0.35">
      <c r="A24125" s="1" t="s">
        <v>86410</v>
      </c>
      <c r="B24125" s="1" t="s">
        <v>86049</v>
      </c>
      <c r="C24125" s="1" t="s">
        <v>8</v>
      </c>
      <c r="D24125" s="1" t="s">
        <v>56934</v>
      </c>
      <c r="E24125" s="1" t="s">
        <v>86411</v>
      </c>
      <c r="F24125" s="1" t="s">
        <v>86412</v>
      </c>
      <c r="G24125" s="1" t="s">
        <v>86413</v>
      </c>
      <c r="H24125" s="1" t="s">
        <v>86414</v>
      </c>
      <c r="I24125" s="1" t="s">
        <v>86055</v>
      </c>
      <c r="J24125" s="1" t="s">
        <v>13</v>
      </c>
    </row>
    <row r="24126" spans="1:10" x14ac:dyDescent="0.35">
      <c r="A24126" s="1" t="s">
        <v>86410</v>
      </c>
      <c r="B24126" s="1" t="s">
        <v>86049</v>
      </c>
      <c r="C24126" s="1" t="s">
        <v>15</v>
      </c>
      <c r="D24126" s="1" t="s">
        <v>54009</v>
      </c>
      <c r="E24126" s="1" t="s">
        <v>86415</v>
      </c>
      <c r="F24126" s="1" t="s">
        <v>86416</v>
      </c>
      <c r="G24126" s="1" t="s">
        <v>86413</v>
      </c>
      <c r="H24126" s="1" t="s">
        <v>86414</v>
      </c>
      <c r="I24126" s="1" t="s">
        <v>86055</v>
      </c>
      <c r="J24126" s="1" t="s">
        <v>86417</v>
      </c>
    </row>
    <row r="24127" spans="1:10" x14ac:dyDescent="0.35">
      <c r="A24127" s="1" t="s">
        <v>86410</v>
      </c>
      <c r="B24127" s="1" t="s">
        <v>86049</v>
      </c>
      <c r="C24127" s="1" t="s">
        <v>20</v>
      </c>
      <c r="D24127" s="1" t="s">
        <v>66410</v>
      </c>
      <c r="E24127" s="1" t="s">
        <v>86418</v>
      </c>
      <c r="F24127" s="1" t="s">
        <v>86419</v>
      </c>
      <c r="G24127" s="1" t="s">
        <v>86413</v>
      </c>
      <c r="H24127" s="1" t="s">
        <v>86414</v>
      </c>
      <c r="I24127" s="1" t="s">
        <v>86055</v>
      </c>
      <c r="J24127" s="1" t="s">
        <v>86420</v>
      </c>
    </row>
    <row r="24128" spans="1:10" x14ac:dyDescent="0.35">
      <c r="A24128" s="1" t="s">
        <v>86410</v>
      </c>
      <c r="B24128" s="1" t="s">
        <v>86049</v>
      </c>
      <c r="C24128" s="1" t="s">
        <v>25</v>
      </c>
      <c r="D24128" s="1" t="s">
        <v>86421</v>
      </c>
      <c r="E24128" s="1" t="s">
        <v>86422</v>
      </c>
      <c r="F24128" s="1" t="s">
        <v>86423</v>
      </c>
      <c r="G24128" s="1" t="s">
        <v>86413</v>
      </c>
      <c r="H24128" s="1" t="s">
        <v>86414</v>
      </c>
      <c r="I24128" s="1" t="s">
        <v>86055</v>
      </c>
      <c r="J24128" s="1" t="s">
        <v>86424</v>
      </c>
    </row>
    <row r="24129" spans="1:10" x14ac:dyDescent="0.35">
      <c r="A24129" s="1" t="s">
        <v>86410</v>
      </c>
      <c r="B24129" s="1" t="s">
        <v>86049</v>
      </c>
      <c r="C24129" s="1" t="s">
        <v>30</v>
      </c>
      <c r="D24129" s="1" t="s">
        <v>86425</v>
      </c>
      <c r="E24129" s="1" t="s">
        <v>86426</v>
      </c>
      <c r="F24129" s="1" t="s">
        <v>86427</v>
      </c>
      <c r="G24129" s="1" t="s">
        <v>86413</v>
      </c>
      <c r="H24129" s="1" t="s">
        <v>86414</v>
      </c>
      <c r="I24129" s="1" t="s">
        <v>86055</v>
      </c>
      <c r="J24129" s="1" t="s">
        <v>86428</v>
      </c>
    </row>
    <row r="24130" spans="1:10" x14ac:dyDescent="0.35">
      <c r="A24130" s="1" t="s">
        <v>86410</v>
      </c>
      <c r="B24130" s="1" t="s">
        <v>86049</v>
      </c>
      <c r="C24130" s="1" t="s">
        <v>35</v>
      </c>
      <c r="D24130" s="1" t="s">
        <v>86429</v>
      </c>
      <c r="E24130" s="1" t="s">
        <v>86430</v>
      </c>
      <c r="F24130" s="1" t="s">
        <v>86431</v>
      </c>
      <c r="G24130" s="1" t="s">
        <v>86413</v>
      </c>
      <c r="H24130" s="1" t="s">
        <v>86414</v>
      </c>
      <c r="I24130" s="1" t="s">
        <v>86055</v>
      </c>
      <c r="J24130" s="1" t="s">
        <v>86432</v>
      </c>
    </row>
    <row r="24131" spans="1:10" x14ac:dyDescent="0.35">
      <c r="A24131" s="1" t="s">
        <v>86410</v>
      </c>
      <c r="B24131" s="1" t="s">
        <v>86049</v>
      </c>
      <c r="C24131" s="1" t="s">
        <v>40</v>
      </c>
      <c r="D24131" s="1" t="s">
        <v>86433</v>
      </c>
      <c r="E24131" s="1" t="s">
        <v>86434</v>
      </c>
      <c r="F24131" s="1" t="s">
        <v>86435</v>
      </c>
      <c r="G24131" s="1" t="s">
        <v>86413</v>
      </c>
      <c r="H24131" s="1" t="s">
        <v>86414</v>
      </c>
      <c r="I24131" s="1" t="s">
        <v>86055</v>
      </c>
      <c r="J24131" s="1" t="s">
        <v>86436</v>
      </c>
    </row>
    <row r="24132" spans="1:10" x14ac:dyDescent="0.35">
      <c r="A24132" s="1" t="s">
        <v>86410</v>
      </c>
      <c r="B24132" s="1" t="s">
        <v>86049</v>
      </c>
      <c r="C24132" s="1" t="s">
        <v>45</v>
      </c>
      <c r="D24132" s="1" t="s">
        <v>86437</v>
      </c>
      <c r="E24132" s="1" t="s">
        <v>86438</v>
      </c>
      <c r="F24132" s="1" t="s">
        <v>86439</v>
      </c>
      <c r="G24132" s="1" t="s">
        <v>86413</v>
      </c>
      <c r="H24132" s="1" t="s">
        <v>86414</v>
      </c>
      <c r="I24132" s="1" t="s">
        <v>86055</v>
      </c>
      <c r="J24132" s="1" t="s">
        <v>86440</v>
      </c>
    </row>
    <row r="24133" spans="1:10" x14ac:dyDescent="0.35">
      <c r="A24133" s="1" t="s">
        <v>86410</v>
      </c>
      <c r="B24133" s="1" t="s">
        <v>86049</v>
      </c>
      <c r="C24133" s="1" t="s">
        <v>50</v>
      </c>
      <c r="D24133" s="1" t="s">
        <v>86441</v>
      </c>
      <c r="E24133" s="1" t="s">
        <v>86442</v>
      </c>
      <c r="F24133" s="1" t="s">
        <v>86443</v>
      </c>
      <c r="G24133" s="1" t="s">
        <v>86413</v>
      </c>
      <c r="H24133" s="1" t="s">
        <v>86414</v>
      </c>
      <c r="I24133" s="1" t="s">
        <v>86055</v>
      </c>
      <c r="J24133" s="1" t="s">
        <v>86444</v>
      </c>
    </row>
    <row r="24134" spans="1:10" x14ac:dyDescent="0.35">
      <c r="A24134" s="1" t="s">
        <v>86410</v>
      </c>
      <c r="B24134" s="1" t="s">
        <v>86049</v>
      </c>
      <c r="C24134" s="1" t="s">
        <v>55</v>
      </c>
      <c r="D24134" s="1" t="s">
        <v>86445</v>
      </c>
      <c r="E24134" s="1" t="s">
        <v>86446</v>
      </c>
      <c r="F24134" s="1" t="s">
        <v>86447</v>
      </c>
      <c r="G24134" s="1" t="s">
        <v>86413</v>
      </c>
      <c r="H24134" s="1" t="s">
        <v>86414</v>
      </c>
      <c r="I24134" s="1" t="s">
        <v>86055</v>
      </c>
      <c r="J24134" s="1" t="s">
        <v>86448</v>
      </c>
    </row>
    <row r="24135" spans="1:10" x14ac:dyDescent="0.35">
      <c r="A24135" s="1" t="s">
        <v>86410</v>
      </c>
      <c r="B24135" s="1" t="s">
        <v>86049</v>
      </c>
      <c r="C24135" s="1" t="s">
        <v>60</v>
      </c>
      <c r="D24135" s="1" t="s">
        <v>43633</v>
      </c>
      <c r="E24135" s="1" t="s">
        <v>86449</v>
      </c>
      <c r="F24135" s="1" t="s">
        <v>86450</v>
      </c>
      <c r="G24135" s="1" t="s">
        <v>86413</v>
      </c>
      <c r="H24135" s="1" t="s">
        <v>86414</v>
      </c>
      <c r="I24135" s="1" t="s">
        <v>86055</v>
      </c>
      <c r="J24135" s="1" t="s">
        <v>86451</v>
      </c>
    </row>
    <row r="24136" spans="1:10" x14ac:dyDescent="0.35">
      <c r="A24136" s="1" t="s">
        <v>86410</v>
      </c>
      <c r="B24136" s="1" t="s">
        <v>86049</v>
      </c>
      <c r="C24136" s="1" t="s">
        <v>65</v>
      </c>
      <c r="D24136" s="1" t="s">
        <v>86452</v>
      </c>
      <c r="E24136" s="1" t="s">
        <v>86453</v>
      </c>
      <c r="F24136" s="1" t="s">
        <v>86454</v>
      </c>
      <c r="G24136" s="1" t="s">
        <v>86413</v>
      </c>
      <c r="H24136" s="1" t="s">
        <v>86414</v>
      </c>
      <c r="I24136" s="1" t="s">
        <v>86055</v>
      </c>
      <c r="J24136" s="1" t="s">
        <v>86455</v>
      </c>
    </row>
    <row r="24137" spans="1:10" x14ac:dyDescent="0.35">
      <c r="A24137" s="1" t="s">
        <v>86410</v>
      </c>
      <c r="B24137" s="1" t="s">
        <v>86049</v>
      </c>
      <c r="C24137" s="1" t="s">
        <v>70</v>
      </c>
      <c r="D24137" s="1" t="s">
        <v>86456</v>
      </c>
      <c r="E24137" s="1" t="s">
        <v>86457</v>
      </c>
      <c r="F24137" s="1" t="s">
        <v>86458</v>
      </c>
      <c r="G24137" s="1" t="s">
        <v>86413</v>
      </c>
      <c r="H24137" s="1" t="s">
        <v>86414</v>
      </c>
      <c r="I24137" s="1" t="s">
        <v>86055</v>
      </c>
      <c r="J24137" s="1" t="s">
        <v>86459</v>
      </c>
    </row>
    <row r="24138" spans="1:10" x14ac:dyDescent="0.35">
      <c r="A24138" s="1" t="s">
        <v>86410</v>
      </c>
      <c r="B24138" s="1" t="s">
        <v>86049</v>
      </c>
      <c r="C24138" s="1" t="s">
        <v>75</v>
      </c>
      <c r="D24138" s="1" t="s">
        <v>86460</v>
      </c>
      <c r="E24138" s="1" t="s">
        <v>86461</v>
      </c>
      <c r="F24138" s="1" t="s">
        <v>86462</v>
      </c>
      <c r="G24138" s="1" t="s">
        <v>86413</v>
      </c>
      <c r="H24138" s="1" t="s">
        <v>86414</v>
      </c>
      <c r="I24138" s="1" t="s">
        <v>86055</v>
      </c>
      <c r="J24138" s="1" t="s">
        <v>86463</v>
      </c>
    </row>
    <row r="24139" spans="1:10" x14ac:dyDescent="0.35">
      <c r="A24139" s="1" t="s">
        <v>86410</v>
      </c>
      <c r="B24139" s="1" t="s">
        <v>86049</v>
      </c>
      <c r="C24139" s="1" t="s">
        <v>80</v>
      </c>
      <c r="D24139" s="1" t="s">
        <v>86464</v>
      </c>
      <c r="E24139" s="1" t="s">
        <v>86465</v>
      </c>
      <c r="F24139" s="1" t="s">
        <v>86466</v>
      </c>
      <c r="G24139" s="1" t="s">
        <v>86413</v>
      </c>
      <c r="H24139" s="1" t="s">
        <v>86414</v>
      </c>
      <c r="I24139" s="1" t="s">
        <v>86055</v>
      </c>
      <c r="J24139" s="1" t="s">
        <v>86467</v>
      </c>
    </row>
    <row r="24140" spans="1:10" x14ac:dyDescent="0.35">
      <c r="A24140" s="1" t="s">
        <v>86410</v>
      </c>
      <c r="B24140" s="1" t="s">
        <v>86049</v>
      </c>
      <c r="C24140" s="1" t="s">
        <v>85</v>
      </c>
      <c r="D24140" s="1" t="s">
        <v>8205</v>
      </c>
      <c r="E24140" s="1" t="s">
        <v>86468</v>
      </c>
      <c r="F24140" s="1" t="s">
        <v>86469</v>
      </c>
      <c r="G24140" s="1" t="s">
        <v>86413</v>
      </c>
      <c r="H24140" s="1" t="s">
        <v>86414</v>
      </c>
      <c r="I24140" s="1" t="s">
        <v>86055</v>
      </c>
      <c r="J24140" s="1" t="s">
        <v>86470</v>
      </c>
    </row>
    <row r="24141" spans="1:10" x14ac:dyDescent="0.35">
      <c r="A24141" s="1" t="s">
        <v>86410</v>
      </c>
      <c r="B24141" s="1" t="s">
        <v>86049</v>
      </c>
      <c r="C24141" s="1" t="s">
        <v>90</v>
      </c>
      <c r="D24141" s="1" t="s">
        <v>86471</v>
      </c>
      <c r="E24141" s="1" t="s">
        <v>86472</v>
      </c>
      <c r="F24141" s="1" t="s">
        <v>86473</v>
      </c>
      <c r="G24141" s="1" t="s">
        <v>86413</v>
      </c>
      <c r="H24141" s="1" t="s">
        <v>86414</v>
      </c>
      <c r="I24141" s="1" t="s">
        <v>86055</v>
      </c>
      <c r="J24141" s="1" t="s">
        <v>86474</v>
      </c>
    </row>
    <row r="24142" spans="1:10" x14ac:dyDescent="0.35">
      <c r="A24142" s="1" t="s">
        <v>86410</v>
      </c>
      <c r="B24142" s="1" t="s">
        <v>86049</v>
      </c>
      <c r="C24142" s="1" t="s">
        <v>95</v>
      </c>
      <c r="D24142" s="1" t="s">
        <v>70103</v>
      </c>
      <c r="E24142" s="1" t="s">
        <v>86475</v>
      </c>
      <c r="F24142" s="1" t="s">
        <v>86476</v>
      </c>
      <c r="G24142" s="1" t="s">
        <v>86413</v>
      </c>
      <c r="H24142" s="1" t="s">
        <v>86414</v>
      </c>
      <c r="I24142" s="1" t="s">
        <v>86055</v>
      </c>
      <c r="J24142" s="1" t="s">
        <v>86477</v>
      </c>
    </row>
    <row r="24143" spans="1:10" x14ac:dyDescent="0.35">
      <c r="A24143" s="1" t="s">
        <v>86410</v>
      </c>
      <c r="B24143" s="1" t="s">
        <v>86049</v>
      </c>
      <c r="C24143" s="1" t="s">
        <v>100</v>
      </c>
      <c r="D24143" s="1" t="s">
        <v>86478</v>
      </c>
      <c r="E24143" s="1" t="s">
        <v>86479</v>
      </c>
      <c r="F24143" s="1" t="s">
        <v>86480</v>
      </c>
      <c r="G24143" s="1" t="s">
        <v>86413</v>
      </c>
      <c r="H24143" s="1" t="s">
        <v>86414</v>
      </c>
      <c r="I24143" s="1" t="s">
        <v>86055</v>
      </c>
      <c r="J24143" s="1" t="s">
        <v>86481</v>
      </c>
    </row>
    <row r="24144" spans="1:10" x14ac:dyDescent="0.35">
      <c r="A24144" s="1" t="s">
        <v>86410</v>
      </c>
      <c r="B24144" s="1" t="s">
        <v>86049</v>
      </c>
      <c r="C24144" s="1" t="s">
        <v>105</v>
      </c>
      <c r="D24144" s="1" t="s">
        <v>86482</v>
      </c>
      <c r="E24144" s="1" t="s">
        <v>86483</v>
      </c>
      <c r="F24144" s="1" t="s">
        <v>86484</v>
      </c>
      <c r="G24144" s="1" t="s">
        <v>86413</v>
      </c>
      <c r="H24144" s="1" t="s">
        <v>86414</v>
      </c>
      <c r="I24144" s="1" t="s">
        <v>86055</v>
      </c>
      <c r="J24144" s="1" t="s">
        <v>86485</v>
      </c>
    </row>
    <row r="24145" spans="1:10" x14ac:dyDescent="0.35">
      <c r="A24145" s="1" t="s">
        <v>86410</v>
      </c>
      <c r="B24145" s="1" t="s">
        <v>86049</v>
      </c>
      <c r="C24145" s="1" t="s">
        <v>110</v>
      </c>
      <c r="D24145" s="1" t="s">
        <v>86486</v>
      </c>
      <c r="E24145" s="1" t="s">
        <v>86487</v>
      </c>
      <c r="F24145" s="1" t="s">
        <v>86488</v>
      </c>
      <c r="G24145" s="1" t="s">
        <v>86413</v>
      </c>
      <c r="H24145" s="1" t="s">
        <v>86414</v>
      </c>
      <c r="I24145" s="1" t="s">
        <v>86055</v>
      </c>
      <c r="J24145" s="1" t="s">
        <v>86489</v>
      </c>
    </row>
    <row r="24146" spans="1:10" x14ac:dyDescent="0.35">
      <c r="A24146" s="1" t="s">
        <v>86410</v>
      </c>
      <c r="B24146" s="1" t="s">
        <v>86049</v>
      </c>
      <c r="C24146" s="1" t="s">
        <v>115</v>
      </c>
      <c r="D24146" s="1" t="s">
        <v>86490</v>
      </c>
      <c r="E24146" s="1" t="s">
        <v>86491</v>
      </c>
      <c r="F24146" s="1" t="s">
        <v>86492</v>
      </c>
      <c r="G24146" s="1" t="s">
        <v>86413</v>
      </c>
      <c r="H24146" s="1" t="s">
        <v>86414</v>
      </c>
      <c r="I24146" s="1" t="s">
        <v>86055</v>
      </c>
      <c r="J24146" s="1" t="s">
        <v>86493</v>
      </c>
    </row>
    <row r="24147" spans="1:10" x14ac:dyDescent="0.35">
      <c r="A24147" s="1" t="s">
        <v>86410</v>
      </c>
      <c r="B24147" s="1" t="s">
        <v>86049</v>
      </c>
      <c r="C24147" s="1" t="s">
        <v>120</v>
      </c>
      <c r="D24147" s="1" t="s">
        <v>86494</v>
      </c>
      <c r="E24147" s="1" t="s">
        <v>86495</v>
      </c>
      <c r="F24147" s="1" t="s">
        <v>86496</v>
      </c>
      <c r="G24147" s="1" t="s">
        <v>86413</v>
      </c>
      <c r="H24147" s="1" t="s">
        <v>86414</v>
      </c>
      <c r="I24147" s="1" t="s">
        <v>86055</v>
      </c>
      <c r="J24147" s="1" t="s">
        <v>86497</v>
      </c>
    </row>
    <row r="24148" spans="1:10" x14ac:dyDescent="0.35">
      <c r="A24148" s="1" t="s">
        <v>86410</v>
      </c>
      <c r="B24148" s="1" t="s">
        <v>86049</v>
      </c>
      <c r="C24148" s="1" t="s">
        <v>125</v>
      </c>
      <c r="D24148" s="1" t="s">
        <v>86498</v>
      </c>
      <c r="E24148" s="1" t="s">
        <v>86499</v>
      </c>
      <c r="F24148" s="1" t="s">
        <v>86500</v>
      </c>
      <c r="G24148" s="1" t="s">
        <v>86413</v>
      </c>
      <c r="H24148" s="1" t="s">
        <v>86414</v>
      </c>
      <c r="I24148" s="1" t="s">
        <v>86055</v>
      </c>
      <c r="J24148" s="1" t="s">
        <v>86501</v>
      </c>
    </row>
    <row r="24149" spans="1:10" x14ac:dyDescent="0.35">
      <c r="A24149" s="1" t="s">
        <v>86410</v>
      </c>
      <c r="B24149" s="1" t="s">
        <v>86049</v>
      </c>
      <c r="C24149" s="1" t="s">
        <v>130</v>
      </c>
      <c r="D24149" s="1" t="s">
        <v>86502</v>
      </c>
      <c r="E24149" s="1" t="s">
        <v>86503</v>
      </c>
      <c r="F24149" s="1" t="s">
        <v>86504</v>
      </c>
      <c r="G24149" s="1" t="s">
        <v>86413</v>
      </c>
      <c r="H24149" s="1" t="s">
        <v>86414</v>
      </c>
      <c r="I24149" s="1" t="s">
        <v>86055</v>
      </c>
      <c r="J24149" s="1" t="s">
        <v>86505</v>
      </c>
    </row>
    <row r="24150" spans="1:10" x14ac:dyDescent="0.35">
      <c r="A24150" s="1" t="s">
        <v>86410</v>
      </c>
      <c r="B24150" s="1" t="s">
        <v>86049</v>
      </c>
      <c r="C24150" s="1" t="s">
        <v>135</v>
      </c>
      <c r="D24150" s="1" t="s">
        <v>86506</v>
      </c>
      <c r="E24150" s="1" t="s">
        <v>86507</v>
      </c>
      <c r="F24150" s="1" t="s">
        <v>86508</v>
      </c>
      <c r="G24150" s="1" t="s">
        <v>86413</v>
      </c>
      <c r="H24150" s="1" t="s">
        <v>86414</v>
      </c>
      <c r="I24150" s="1" t="s">
        <v>86055</v>
      </c>
      <c r="J24150" s="1" t="s">
        <v>86509</v>
      </c>
    </row>
    <row r="24151" spans="1:10" x14ac:dyDescent="0.35">
      <c r="A24151" s="1" t="s">
        <v>86410</v>
      </c>
      <c r="B24151" s="1" t="s">
        <v>86049</v>
      </c>
      <c r="C24151" s="1" t="s">
        <v>140</v>
      </c>
      <c r="D24151" s="1" t="s">
        <v>86510</v>
      </c>
      <c r="E24151" s="1" t="s">
        <v>86511</v>
      </c>
      <c r="F24151" s="1" t="s">
        <v>86512</v>
      </c>
      <c r="G24151" s="1" t="s">
        <v>86413</v>
      </c>
      <c r="H24151" s="1" t="s">
        <v>86414</v>
      </c>
      <c r="I24151" s="1" t="s">
        <v>86055</v>
      </c>
      <c r="J24151" s="1" t="s">
        <v>86513</v>
      </c>
    </row>
    <row r="24152" spans="1:10" x14ac:dyDescent="0.35">
      <c r="A24152" s="1" t="s">
        <v>86410</v>
      </c>
      <c r="B24152" s="1" t="s">
        <v>86049</v>
      </c>
      <c r="C24152" s="1" t="s">
        <v>145</v>
      </c>
      <c r="D24152" s="1" t="s">
        <v>86514</v>
      </c>
      <c r="E24152" s="1" t="s">
        <v>86515</v>
      </c>
      <c r="F24152" s="1" t="s">
        <v>86516</v>
      </c>
      <c r="G24152" s="1" t="s">
        <v>86413</v>
      </c>
      <c r="H24152" s="1" t="s">
        <v>86414</v>
      </c>
      <c r="I24152" s="1" t="s">
        <v>86055</v>
      </c>
      <c r="J24152" s="1" t="s">
        <v>86517</v>
      </c>
    </row>
    <row r="24153" spans="1:10" x14ac:dyDescent="0.35">
      <c r="A24153" s="1" t="s">
        <v>86410</v>
      </c>
      <c r="B24153" s="1" t="s">
        <v>86049</v>
      </c>
      <c r="C24153" s="1" t="s">
        <v>150</v>
      </c>
      <c r="D24153" s="1" t="s">
        <v>86518</v>
      </c>
      <c r="E24153" s="1" t="s">
        <v>86519</v>
      </c>
      <c r="F24153" s="1" t="s">
        <v>86520</v>
      </c>
      <c r="G24153" s="1" t="s">
        <v>86413</v>
      </c>
      <c r="H24153" s="1" t="s">
        <v>86414</v>
      </c>
      <c r="I24153" s="1" t="s">
        <v>86055</v>
      </c>
      <c r="J24153" s="1" t="s">
        <v>86521</v>
      </c>
    </row>
    <row r="24154" spans="1:10" x14ac:dyDescent="0.35">
      <c r="A24154" s="1" t="s">
        <v>86410</v>
      </c>
      <c r="B24154" s="1" t="s">
        <v>86049</v>
      </c>
      <c r="C24154" s="1" t="s">
        <v>155</v>
      </c>
      <c r="D24154" s="1" t="s">
        <v>86522</v>
      </c>
      <c r="E24154" s="1" t="s">
        <v>86523</v>
      </c>
      <c r="F24154" s="1" t="s">
        <v>86524</v>
      </c>
      <c r="G24154" s="1" t="s">
        <v>86413</v>
      </c>
      <c r="H24154" s="1" t="s">
        <v>86414</v>
      </c>
      <c r="I24154" s="1" t="s">
        <v>86055</v>
      </c>
      <c r="J24154" s="1" t="s">
        <v>86525</v>
      </c>
    </row>
    <row r="24155" spans="1:10" x14ac:dyDescent="0.35">
      <c r="A24155" s="1" t="s">
        <v>86410</v>
      </c>
      <c r="B24155" s="1" t="s">
        <v>86049</v>
      </c>
      <c r="C24155" s="1" t="s">
        <v>160</v>
      </c>
      <c r="D24155" s="1" t="s">
        <v>69159</v>
      </c>
      <c r="E24155" s="1" t="s">
        <v>86526</v>
      </c>
      <c r="F24155" s="1" t="s">
        <v>86527</v>
      </c>
      <c r="G24155" s="1" t="s">
        <v>86413</v>
      </c>
      <c r="H24155" s="1" t="s">
        <v>86414</v>
      </c>
      <c r="I24155" s="1" t="s">
        <v>86055</v>
      </c>
      <c r="J24155" s="1" t="s">
        <v>86528</v>
      </c>
    </row>
    <row r="24156" spans="1:10" x14ac:dyDescent="0.35">
      <c r="A24156" s="1" t="s">
        <v>86410</v>
      </c>
      <c r="B24156" s="1" t="s">
        <v>86049</v>
      </c>
      <c r="C24156" s="1" t="s">
        <v>165</v>
      </c>
      <c r="D24156" s="1" t="s">
        <v>86529</v>
      </c>
      <c r="E24156" s="1" t="s">
        <v>86530</v>
      </c>
      <c r="F24156" s="1" t="s">
        <v>86531</v>
      </c>
      <c r="G24156" s="1" t="s">
        <v>86413</v>
      </c>
      <c r="H24156" s="1" t="s">
        <v>86414</v>
      </c>
      <c r="I24156" s="1" t="s">
        <v>86055</v>
      </c>
      <c r="J24156" s="1" t="s">
        <v>86532</v>
      </c>
    </row>
    <row r="24157" spans="1:10" x14ac:dyDescent="0.35">
      <c r="A24157" s="1" t="s">
        <v>86410</v>
      </c>
      <c r="B24157" s="1" t="s">
        <v>86049</v>
      </c>
      <c r="C24157" s="1" t="s">
        <v>170</v>
      </c>
      <c r="D24157" s="1" t="s">
        <v>40651</v>
      </c>
      <c r="E24157" s="1" t="s">
        <v>86533</v>
      </c>
      <c r="F24157" s="1" t="s">
        <v>86534</v>
      </c>
      <c r="G24157" s="1" t="s">
        <v>86413</v>
      </c>
      <c r="H24157" s="1" t="s">
        <v>86414</v>
      </c>
      <c r="I24157" s="1" t="s">
        <v>86055</v>
      </c>
      <c r="J24157" s="1" t="s">
        <v>86535</v>
      </c>
    </row>
    <row r="24158" spans="1:10" x14ac:dyDescent="0.35">
      <c r="A24158" s="1" t="s">
        <v>1809</v>
      </c>
      <c r="B24158" s="1" t="s">
        <v>86049</v>
      </c>
      <c r="C24158" s="1" t="s">
        <v>8</v>
      </c>
      <c r="D24158" s="1" t="s">
        <v>86536</v>
      </c>
      <c r="E24158" s="1" t="s">
        <v>86537</v>
      </c>
      <c r="F24158" s="1" t="s">
        <v>86538</v>
      </c>
      <c r="G24158" s="1" t="s">
        <v>86539</v>
      </c>
      <c r="H24158" s="1" t="s">
        <v>86540</v>
      </c>
      <c r="I24158" s="1" t="s">
        <v>86055</v>
      </c>
      <c r="J24158" s="1" t="s">
        <v>13</v>
      </c>
    </row>
    <row r="24159" spans="1:10" x14ac:dyDescent="0.35">
      <c r="A24159" s="1" t="s">
        <v>1809</v>
      </c>
      <c r="B24159" s="1" t="s">
        <v>86049</v>
      </c>
      <c r="C24159" s="1" t="s">
        <v>15</v>
      </c>
      <c r="D24159" s="1" t="s">
        <v>43087</v>
      </c>
      <c r="E24159" s="1" t="s">
        <v>86541</v>
      </c>
      <c r="F24159" s="1" t="s">
        <v>86542</v>
      </c>
      <c r="G24159" s="1" t="s">
        <v>86539</v>
      </c>
      <c r="H24159" s="1" t="s">
        <v>86540</v>
      </c>
      <c r="I24159" s="1" t="s">
        <v>86055</v>
      </c>
      <c r="J24159" s="1" t="s">
        <v>86543</v>
      </c>
    </row>
    <row r="24160" spans="1:10" x14ac:dyDescent="0.35">
      <c r="A24160" s="1" t="s">
        <v>1809</v>
      </c>
      <c r="B24160" s="1" t="s">
        <v>86049</v>
      </c>
      <c r="C24160" s="1" t="s">
        <v>20</v>
      </c>
      <c r="D24160" s="1" t="s">
        <v>86544</v>
      </c>
      <c r="E24160" s="1" t="s">
        <v>86545</v>
      </c>
      <c r="F24160" s="1" t="s">
        <v>86546</v>
      </c>
      <c r="G24160" s="1" t="s">
        <v>86539</v>
      </c>
      <c r="H24160" s="1" t="s">
        <v>86540</v>
      </c>
      <c r="I24160" s="1" t="s">
        <v>86055</v>
      </c>
      <c r="J24160" s="1" t="s">
        <v>86547</v>
      </c>
    </row>
    <row r="24161" spans="1:10" x14ac:dyDescent="0.35">
      <c r="A24161" s="1" t="s">
        <v>1809</v>
      </c>
      <c r="B24161" s="1" t="s">
        <v>86049</v>
      </c>
      <c r="C24161" s="1" t="s">
        <v>25</v>
      </c>
      <c r="D24161" s="1" t="s">
        <v>86548</v>
      </c>
      <c r="E24161" s="1" t="s">
        <v>86549</v>
      </c>
      <c r="F24161" s="1" t="s">
        <v>86550</v>
      </c>
      <c r="G24161" s="1" t="s">
        <v>86539</v>
      </c>
      <c r="H24161" s="1" t="s">
        <v>86540</v>
      </c>
      <c r="I24161" s="1" t="s">
        <v>86055</v>
      </c>
      <c r="J24161" s="1" t="s">
        <v>86551</v>
      </c>
    </row>
    <row r="24162" spans="1:10" x14ac:dyDescent="0.35">
      <c r="A24162" s="1" t="s">
        <v>1809</v>
      </c>
      <c r="B24162" s="1" t="s">
        <v>86049</v>
      </c>
      <c r="C24162" s="1" t="s">
        <v>30</v>
      </c>
      <c r="D24162" s="1" t="s">
        <v>86552</v>
      </c>
      <c r="E24162" s="1" t="s">
        <v>86553</v>
      </c>
      <c r="F24162" s="1" t="s">
        <v>86554</v>
      </c>
      <c r="G24162" s="1" t="s">
        <v>86539</v>
      </c>
      <c r="H24162" s="1" t="s">
        <v>86540</v>
      </c>
      <c r="I24162" s="1" t="s">
        <v>86055</v>
      </c>
      <c r="J24162" s="1" t="s">
        <v>86555</v>
      </c>
    </row>
    <row r="24163" spans="1:10" x14ac:dyDescent="0.35">
      <c r="A24163" s="1" t="s">
        <v>1809</v>
      </c>
      <c r="B24163" s="1" t="s">
        <v>86049</v>
      </c>
      <c r="C24163" s="1" t="s">
        <v>35</v>
      </c>
      <c r="D24163" s="1" t="s">
        <v>86556</v>
      </c>
      <c r="E24163" s="1" t="s">
        <v>86557</v>
      </c>
      <c r="F24163" s="1" t="s">
        <v>86558</v>
      </c>
      <c r="G24163" s="1" t="s">
        <v>86539</v>
      </c>
      <c r="H24163" s="1" t="s">
        <v>86540</v>
      </c>
      <c r="I24163" s="1" t="s">
        <v>86055</v>
      </c>
      <c r="J24163" s="1" t="s">
        <v>86559</v>
      </c>
    </row>
    <row r="24164" spans="1:10" x14ac:dyDescent="0.35">
      <c r="A24164" s="1" t="s">
        <v>1809</v>
      </c>
      <c r="B24164" s="1" t="s">
        <v>86049</v>
      </c>
      <c r="C24164" s="1" t="s">
        <v>40</v>
      </c>
      <c r="D24164" s="1" t="s">
        <v>86560</v>
      </c>
      <c r="E24164" s="1" t="s">
        <v>86561</v>
      </c>
      <c r="F24164" s="1" t="s">
        <v>86562</v>
      </c>
      <c r="G24164" s="1" t="s">
        <v>86539</v>
      </c>
      <c r="H24164" s="1" t="s">
        <v>86540</v>
      </c>
      <c r="I24164" s="1" t="s">
        <v>86055</v>
      </c>
      <c r="J24164" s="1" t="s">
        <v>86563</v>
      </c>
    </row>
    <row r="24165" spans="1:10" x14ac:dyDescent="0.35">
      <c r="A24165" s="1" t="s">
        <v>1809</v>
      </c>
      <c r="B24165" s="1" t="s">
        <v>86049</v>
      </c>
      <c r="C24165" s="1" t="s">
        <v>45</v>
      </c>
      <c r="D24165" s="1" t="s">
        <v>85230</v>
      </c>
      <c r="E24165" s="1" t="s">
        <v>86564</v>
      </c>
      <c r="F24165" s="1" t="s">
        <v>86565</v>
      </c>
      <c r="G24165" s="1" t="s">
        <v>86539</v>
      </c>
      <c r="H24165" s="1" t="s">
        <v>86540</v>
      </c>
      <c r="I24165" s="1" t="s">
        <v>86055</v>
      </c>
      <c r="J24165" s="1" t="s">
        <v>86566</v>
      </c>
    </row>
    <row r="24166" spans="1:10" x14ac:dyDescent="0.35">
      <c r="A24166" s="1" t="s">
        <v>1809</v>
      </c>
      <c r="B24166" s="1" t="s">
        <v>86049</v>
      </c>
      <c r="C24166" s="1" t="s">
        <v>50</v>
      </c>
      <c r="D24166" s="1" t="s">
        <v>86567</v>
      </c>
      <c r="E24166" s="1" t="s">
        <v>86568</v>
      </c>
      <c r="F24166" s="1" t="s">
        <v>86569</v>
      </c>
      <c r="G24166" s="1" t="s">
        <v>86539</v>
      </c>
      <c r="H24166" s="1" t="s">
        <v>86540</v>
      </c>
      <c r="I24166" s="1" t="s">
        <v>86055</v>
      </c>
      <c r="J24166" s="1" t="s">
        <v>86570</v>
      </c>
    </row>
    <row r="24167" spans="1:10" x14ac:dyDescent="0.35">
      <c r="A24167" s="1" t="s">
        <v>1809</v>
      </c>
      <c r="B24167" s="1" t="s">
        <v>86049</v>
      </c>
      <c r="C24167" s="1" t="s">
        <v>55</v>
      </c>
      <c r="D24167" s="1" t="s">
        <v>67991</v>
      </c>
      <c r="E24167" s="1" t="s">
        <v>86571</v>
      </c>
      <c r="F24167" s="1" t="s">
        <v>86572</v>
      </c>
      <c r="G24167" s="1" t="s">
        <v>86539</v>
      </c>
      <c r="H24167" s="1" t="s">
        <v>86540</v>
      </c>
      <c r="I24167" s="1" t="s">
        <v>86055</v>
      </c>
      <c r="J24167" s="1" t="s">
        <v>86573</v>
      </c>
    </row>
    <row r="24168" spans="1:10" x14ac:dyDescent="0.35">
      <c r="A24168" s="1" t="s">
        <v>1809</v>
      </c>
      <c r="B24168" s="1" t="s">
        <v>86049</v>
      </c>
      <c r="C24168" s="1" t="s">
        <v>60</v>
      </c>
      <c r="D24168" s="1" t="s">
        <v>84986</v>
      </c>
      <c r="E24168" s="1" t="s">
        <v>86574</v>
      </c>
      <c r="F24168" s="1" t="s">
        <v>86575</v>
      </c>
      <c r="G24168" s="1" t="s">
        <v>86539</v>
      </c>
      <c r="H24168" s="1" t="s">
        <v>86540</v>
      </c>
      <c r="I24168" s="1" t="s">
        <v>86055</v>
      </c>
      <c r="J24168" s="1" t="s">
        <v>86576</v>
      </c>
    </row>
    <row r="24169" spans="1:10" x14ac:dyDescent="0.35">
      <c r="A24169" s="1" t="s">
        <v>1809</v>
      </c>
      <c r="B24169" s="1" t="s">
        <v>86049</v>
      </c>
      <c r="C24169" s="1" t="s">
        <v>65</v>
      </c>
      <c r="D24169" s="1" t="s">
        <v>86577</v>
      </c>
      <c r="E24169" s="1" t="s">
        <v>86578</v>
      </c>
      <c r="F24169" s="1" t="s">
        <v>86579</v>
      </c>
      <c r="G24169" s="1" t="s">
        <v>86539</v>
      </c>
      <c r="H24169" s="1" t="s">
        <v>86540</v>
      </c>
      <c r="I24169" s="1" t="s">
        <v>86055</v>
      </c>
      <c r="J24169" s="1" t="s">
        <v>86580</v>
      </c>
    </row>
    <row r="24170" spans="1:10" x14ac:dyDescent="0.35">
      <c r="A24170" s="1" t="s">
        <v>1809</v>
      </c>
      <c r="B24170" s="1" t="s">
        <v>86049</v>
      </c>
      <c r="C24170" s="1" t="s">
        <v>70</v>
      </c>
      <c r="D24170" s="1" t="s">
        <v>63448</v>
      </c>
      <c r="E24170" s="1" t="s">
        <v>86581</v>
      </c>
      <c r="F24170" s="1" t="s">
        <v>86582</v>
      </c>
      <c r="G24170" s="1" t="s">
        <v>86539</v>
      </c>
      <c r="H24170" s="1" t="s">
        <v>86540</v>
      </c>
      <c r="I24170" s="1" t="s">
        <v>86055</v>
      </c>
      <c r="J24170" s="1" t="s">
        <v>86583</v>
      </c>
    </row>
    <row r="24171" spans="1:10" x14ac:dyDescent="0.35">
      <c r="A24171" s="1" t="s">
        <v>1809</v>
      </c>
      <c r="B24171" s="1" t="s">
        <v>86049</v>
      </c>
      <c r="C24171" s="1" t="s">
        <v>75</v>
      </c>
      <c r="D24171" s="1" t="s">
        <v>86584</v>
      </c>
      <c r="E24171" s="1" t="s">
        <v>86585</v>
      </c>
      <c r="F24171" s="1" t="s">
        <v>86586</v>
      </c>
      <c r="G24171" s="1" t="s">
        <v>86539</v>
      </c>
      <c r="H24171" s="1" t="s">
        <v>86540</v>
      </c>
      <c r="I24171" s="1" t="s">
        <v>86055</v>
      </c>
      <c r="J24171" s="1" t="s">
        <v>86587</v>
      </c>
    </row>
    <row r="24172" spans="1:10" x14ac:dyDescent="0.35">
      <c r="A24172" s="1" t="s">
        <v>1809</v>
      </c>
      <c r="B24172" s="1" t="s">
        <v>86049</v>
      </c>
      <c r="C24172" s="1" t="s">
        <v>80</v>
      </c>
      <c r="D24172" s="1" t="s">
        <v>86588</v>
      </c>
      <c r="E24172" s="1" t="s">
        <v>86589</v>
      </c>
      <c r="F24172" s="1" t="s">
        <v>86590</v>
      </c>
      <c r="G24172" s="1" t="s">
        <v>86539</v>
      </c>
      <c r="H24172" s="1" t="s">
        <v>86540</v>
      </c>
      <c r="I24172" s="1" t="s">
        <v>86055</v>
      </c>
      <c r="J24172" s="1" t="s">
        <v>86591</v>
      </c>
    </row>
    <row r="24173" spans="1:10" x14ac:dyDescent="0.35">
      <c r="A24173" s="1" t="s">
        <v>1809</v>
      </c>
      <c r="B24173" s="1" t="s">
        <v>86049</v>
      </c>
      <c r="C24173" s="1" t="s">
        <v>85</v>
      </c>
      <c r="D24173" s="1" t="s">
        <v>86592</v>
      </c>
      <c r="E24173" s="1" t="s">
        <v>86593</v>
      </c>
      <c r="F24173" s="1" t="s">
        <v>86594</v>
      </c>
      <c r="G24173" s="1" t="s">
        <v>86539</v>
      </c>
      <c r="H24173" s="1" t="s">
        <v>86540</v>
      </c>
      <c r="I24173" s="1" t="s">
        <v>86055</v>
      </c>
      <c r="J24173" s="1" t="s">
        <v>86595</v>
      </c>
    </row>
    <row r="24174" spans="1:10" x14ac:dyDescent="0.35">
      <c r="A24174" s="1" t="s">
        <v>1809</v>
      </c>
      <c r="B24174" s="1" t="s">
        <v>86049</v>
      </c>
      <c r="C24174" s="1" t="s">
        <v>90</v>
      </c>
      <c r="D24174" s="1" t="s">
        <v>63711</v>
      </c>
      <c r="E24174" s="1" t="s">
        <v>86596</v>
      </c>
      <c r="F24174" s="1" t="s">
        <v>86597</v>
      </c>
      <c r="G24174" s="1" t="s">
        <v>86539</v>
      </c>
      <c r="H24174" s="1" t="s">
        <v>86540</v>
      </c>
      <c r="I24174" s="1" t="s">
        <v>86055</v>
      </c>
      <c r="J24174" s="1" t="s">
        <v>86598</v>
      </c>
    </row>
    <row r="24175" spans="1:10" x14ac:dyDescent="0.35">
      <c r="A24175" s="1" t="s">
        <v>1809</v>
      </c>
      <c r="B24175" s="1" t="s">
        <v>86049</v>
      </c>
      <c r="C24175" s="1" t="s">
        <v>95</v>
      </c>
      <c r="D24175" s="1" t="s">
        <v>86599</v>
      </c>
      <c r="E24175" s="1" t="s">
        <v>86600</v>
      </c>
      <c r="F24175" s="1" t="s">
        <v>86601</v>
      </c>
      <c r="G24175" s="1" t="s">
        <v>86539</v>
      </c>
      <c r="H24175" s="1" t="s">
        <v>86540</v>
      </c>
      <c r="I24175" s="1" t="s">
        <v>86055</v>
      </c>
      <c r="J24175" s="1" t="s">
        <v>86602</v>
      </c>
    </row>
    <row r="24176" spans="1:10" x14ac:dyDescent="0.35">
      <c r="A24176" s="1" t="s">
        <v>1809</v>
      </c>
      <c r="B24176" s="1" t="s">
        <v>86049</v>
      </c>
      <c r="C24176" s="1" t="s">
        <v>100</v>
      </c>
      <c r="D24176" s="1" t="s">
        <v>42316</v>
      </c>
      <c r="E24176" s="1" t="s">
        <v>86603</v>
      </c>
      <c r="F24176" s="1" t="s">
        <v>86604</v>
      </c>
      <c r="G24176" s="1" t="s">
        <v>86539</v>
      </c>
      <c r="H24176" s="1" t="s">
        <v>86540</v>
      </c>
      <c r="I24176" s="1" t="s">
        <v>86055</v>
      </c>
      <c r="J24176" s="1" t="s">
        <v>86605</v>
      </c>
    </row>
    <row r="24177" spans="1:10" x14ac:dyDescent="0.35">
      <c r="A24177" s="1" t="s">
        <v>1809</v>
      </c>
      <c r="B24177" s="1" t="s">
        <v>86049</v>
      </c>
      <c r="C24177" s="1" t="s">
        <v>105</v>
      </c>
      <c r="D24177" s="1" t="s">
        <v>57647</v>
      </c>
      <c r="E24177" s="1" t="s">
        <v>86606</v>
      </c>
      <c r="F24177" s="1" t="s">
        <v>86607</v>
      </c>
      <c r="G24177" s="1" t="s">
        <v>86539</v>
      </c>
      <c r="H24177" s="1" t="s">
        <v>86540</v>
      </c>
      <c r="I24177" s="1" t="s">
        <v>86055</v>
      </c>
      <c r="J24177" s="1" t="s">
        <v>86608</v>
      </c>
    </row>
    <row r="24178" spans="1:10" x14ac:dyDescent="0.35">
      <c r="A24178" s="1" t="s">
        <v>1809</v>
      </c>
      <c r="B24178" s="1" t="s">
        <v>86049</v>
      </c>
      <c r="C24178" s="1" t="s">
        <v>110</v>
      </c>
      <c r="D24178" s="1" t="s">
        <v>86609</v>
      </c>
      <c r="E24178" s="1" t="s">
        <v>86610</v>
      </c>
      <c r="F24178" s="1" t="s">
        <v>86611</v>
      </c>
      <c r="G24178" s="1" t="s">
        <v>86539</v>
      </c>
      <c r="H24178" s="1" t="s">
        <v>86540</v>
      </c>
      <c r="I24178" s="1" t="s">
        <v>86055</v>
      </c>
      <c r="J24178" s="1" t="s">
        <v>86612</v>
      </c>
    </row>
    <row r="24179" spans="1:10" x14ac:dyDescent="0.35">
      <c r="A24179" s="1" t="s">
        <v>1809</v>
      </c>
      <c r="B24179" s="1" t="s">
        <v>86049</v>
      </c>
      <c r="C24179" s="1" t="s">
        <v>115</v>
      </c>
      <c r="D24179" s="1" t="s">
        <v>69552</v>
      </c>
      <c r="E24179" s="1" t="s">
        <v>86613</v>
      </c>
      <c r="F24179" s="1" t="s">
        <v>86614</v>
      </c>
      <c r="G24179" s="1" t="s">
        <v>86539</v>
      </c>
      <c r="H24179" s="1" t="s">
        <v>86540</v>
      </c>
      <c r="I24179" s="1" t="s">
        <v>86055</v>
      </c>
      <c r="J24179" s="1" t="s">
        <v>86615</v>
      </c>
    </row>
    <row r="24180" spans="1:10" x14ac:dyDescent="0.35">
      <c r="A24180" s="1" t="s">
        <v>1809</v>
      </c>
      <c r="B24180" s="1" t="s">
        <v>86049</v>
      </c>
      <c r="C24180" s="1" t="s">
        <v>120</v>
      </c>
      <c r="D24180" s="1" t="s">
        <v>86616</v>
      </c>
      <c r="E24180" s="1" t="s">
        <v>86617</v>
      </c>
      <c r="F24180" s="1" t="s">
        <v>86618</v>
      </c>
      <c r="G24180" s="1" t="s">
        <v>86539</v>
      </c>
      <c r="H24180" s="1" t="s">
        <v>86540</v>
      </c>
      <c r="I24180" s="1" t="s">
        <v>86055</v>
      </c>
      <c r="J24180" s="1" t="s">
        <v>86619</v>
      </c>
    </row>
    <row r="24181" spans="1:10" x14ac:dyDescent="0.35">
      <c r="A24181" s="1" t="s">
        <v>1809</v>
      </c>
      <c r="B24181" s="1" t="s">
        <v>86049</v>
      </c>
      <c r="C24181" s="1" t="s">
        <v>125</v>
      </c>
      <c r="D24181" s="1" t="s">
        <v>86620</v>
      </c>
      <c r="E24181" s="1" t="s">
        <v>86621</v>
      </c>
      <c r="F24181" s="1" t="s">
        <v>86622</v>
      </c>
      <c r="G24181" s="1" t="s">
        <v>86539</v>
      </c>
      <c r="H24181" s="1" t="s">
        <v>86540</v>
      </c>
      <c r="I24181" s="1" t="s">
        <v>86055</v>
      </c>
      <c r="J24181" s="1" t="s">
        <v>86623</v>
      </c>
    </row>
    <row r="24182" spans="1:10" x14ac:dyDescent="0.35">
      <c r="A24182" s="1" t="s">
        <v>1809</v>
      </c>
      <c r="B24182" s="1" t="s">
        <v>86049</v>
      </c>
      <c r="C24182" s="1" t="s">
        <v>130</v>
      </c>
      <c r="D24182" s="1" t="s">
        <v>86624</v>
      </c>
      <c r="E24182" s="1" t="s">
        <v>86625</v>
      </c>
      <c r="F24182" s="1" t="s">
        <v>86626</v>
      </c>
      <c r="G24182" s="1" t="s">
        <v>86539</v>
      </c>
      <c r="H24182" s="1" t="s">
        <v>86540</v>
      </c>
      <c r="I24182" s="1" t="s">
        <v>86055</v>
      </c>
      <c r="J24182" s="1" t="s">
        <v>86627</v>
      </c>
    </row>
    <row r="24183" spans="1:10" x14ac:dyDescent="0.35">
      <c r="A24183" s="1" t="s">
        <v>1809</v>
      </c>
      <c r="B24183" s="1" t="s">
        <v>86049</v>
      </c>
      <c r="C24183" s="1" t="s">
        <v>135</v>
      </c>
      <c r="D24183" s="1" t="s">
        <v>79201</v>
      </c>
      <c r="E24183" s="1" t="s">
        <v>86628</v>
      </c>
      <c r="F24183" s="1" t="s">
        <v>86629</v>
      </c>
      <c r="G24183" s="1" t="s">
        <v>86539</v>
      </c>
      <c r="H24183" s="1" t="s">
        <v>86540</v>
      </c>
      <c r="I24183" s="1" t="s">
        <v>86055</v>
      </c>
      <c r="J24183" s="1" t="s">
        <v>86630</v>
      </c>
    </row>
    <row r="24184" spans="1:10" x14ac:dyDescent="0.35">
      <c r="A24184" s="1" t="s">
        <v>1809</v>
      </c>
      <c r="B24184" s="1" t="s">
        <v>86049</v>
      </c>
      <c r="C24184" s="1" t="s">
        <v>140</v>
      </c>
      <c r="D24184" s="1" t="s">
        <v>81193</v>
      </c>
      <c r="E24184" s="1" t="s">
        <v>86631</v>
      </c>
      <c r="F24184" s="1" t="s">
        <v>86632</v>
      </c>
      <c r="G24184" s="1" t="s">
        <v>86539</v>
      </c>
      <c r="H24184" s="1" t="s">
        <v>86540</v>
      </c>
      <c r="I24184" s="1" t="s">
        <v>86055</v>
      </c>
      <c r="J24184" s="1" t="s">
        <v>86633</v>
      </c>
    </row>
    <row r="24185" spans="1:10" x14ac:dyDescent="0.35">
      <c r="A24185" s="1" t="s">
        <v>1809</v>
      </c>
      <c r="B24185" s="1" t="s">
        <v>86049</v>
      </c>
      <c r="C24185" s="1" t="s">
        <v>145</v>
      </c>
      <c r="D24185" s="1" t="s">
        <v>57936</v>
      </c>
      <c r="E24185" s="1" t="s">
        <v>86634</v>
      </c>
      <c r="F24185" s="1" t="s">
        <v>86635</v>
      </c>
      <c r="G24185" s="1" t="s">
        <v>86539</v>
      </c>
      <c r="H24185" s="1" t="s">
        <v>86540</v>
      </c>
      <c r="I24185" s="1" t="s">
        <v>86055</v>
      </c>
      <c r="J24185" s="1" t="s">
        <v>86636</v>
      </c>
    </row>
    <row r="24186" spans="1:10" x14ac:dyDescent="0.35">
      <c r="A24186" s="1" t="s">
        <v>1809</v>
      </c>
      <c r="B24186" s="1" t="s">
        <v>86049</v>
      </c>
      <c r="C24186" s="1" t="s">
        <v>150</v>
      </c>
      <c r="D24186" s="1" t="s">
        <v>56334</v>
      </c>
      <c r="E24186" s="1" t="s">
        <v>86637</v>
      </c>
      <c r="F24186" s="1" t="s">
        <v>86638</v>
      </c>
      <c r="G24186" s="1" t="s">
        <v>86539</v>
      </c>
      <c r="H24186" s="1" t="s">
        <v>86540</v>
      </c>
      <c r="I24186" s="1" t="s">
        <v>86055</v>
      </c>
      <c r="J24186" s="1" t="s">
        <v>86639</v>
      </c>
    </row>
    <row r="24187" spans="1:10" x14ac:dyDescent="0.35">
      <c r="A24187" s="1" t="s">
        <v>1809</v>
      </c>
      <c r="B24187" s="1" t="s">
        <v>86049</v>
      </c>
      <c r="C24187" s="1" t="s">
        <v>155</v>
      </c>
      <c r="D24187" s="1" t="s">
        <v>86640</v>
      </c>
      <c r="E24187" s="1" t="s">
        <v>86641</v>
      </c>
      <c r="F24187" s="1" t="s">
        <v>86642</v>
      </c>
      <c r="G24187" s="1" t="s">
        <v>86539</v>
      </c>
      <c r="H24187" s="1" t="s">
        <v>86540</v>
      </c>
      <c r="I24187" s="1" t="s">
        <v>86055</v>
      </c>
      <c r="J24187" s="1" t="s">
        <v>86643</v>
      </c>
    </row>
    <row r="24188" spans="1:10" x14ac:dyDescent="0.35">
      <c r="A24188" s="1" t="s">
        <v>1809</v>
      </c>
      <c r="B24188" s="1" t="s">
        <v>86049</v>
      </c>
      <c r="C24188" s="1" t="s">
        <v>160</v>
      </c>
      <c r="D24188" s="1" t="s">
        <v>86644</v>
      </c>
      <c r="E24188" s="1" t="s">
        <v>86645</v>
      </c>
      <c r="F24188" s="1" t="s">
        <v>86646</v>
      </c>
      <c r="G24188" s="1" t="s">
        <v>86539</v>
      </c>
      <c r="H24188" s="1" t="s">
        <v>86540</v>
      </c>
      <c r="I24188" s="1" t="s">
        <v>86055</v>
      </c>
      <c r="J24188" s="1" t="s">
        <v>86647</v>
      </c>
    </row>
    <row r="24189" spans="1:10" x14ac:dyDescent="0.35">
      <c r="A24189" s="1" t="s">
        <v>1809</v>
      </c>
      <c r="B24189" s="1" t="s">
        <v>86049</v>
      </c>
      <c r="C24189" s="1" t="s">
        <v>165</v>
      </c>
      <c r="D24189" s="1" t="s">
        <v>26412</v>
      </c>
      <c r="E24189" s="1" t="s">
        <v>86648</v>
      </c>
      <c r="F24189" s="1" t="s">
        <v>86649</v>
      </c>
      <c r="G24189" s="1" t="s">
        <v>86539</v>
      </c>
      <c r="H24189" s="1" t="s">
        <v>86540</v>
      </c>
      <c r="I24189" s="1" t="s">
        <v>86055</v>
      </c>
      <c r="J24189" s="1" t="s">
        <v>86650</v>
      </c>
    </row>
    <row r="24190" spans="1:10" x14ac:dyDescent="0.35">
      <c r="A24190" s="1" t="s">
        <v>1809</v>
      </c>
      <c r="B24190" s="1" t="s">
        <v>86049</v>
      </c>
      <c r="C24190" s="1" t="s">
        <v>170</v>
      </c>
      <c r="D24190" s="1" t="s">
        <v>86651</v>
      </c>
      <c r="E24190" s="1" t="s">
        <v>86652</v>
      </c>
      <c r="F24190" s="1" t="s">
        <v>86653</v>
      </c>
      <c r="G24190" s="1" t="s">
        <v>86539</v>
      </c>
      <c r="H24190" s="1" t="s">
        <v>86540</v>
      </c>
      <c r="I24190" s="1" t="s">
        <v>86055</v>
      </c>
      <c r="J24190" s="1" t="s">
        <v>86654</v>
      </c>
    </row>
    <row r="24191" spans="1:10" x14ac:dyDescent="0.35">
      <c r="A24191" s="1" t="s">
        <v>1106</v>
      </c>
      <c r="B24191" s="1" t="s">
        <v>86049</v>
      </c>
      <c r="C24191" s="1" t="s">
        <v>8</v>
      </c>
      <c r="D24191" s="1" t="s">
        <v>86655</v>
      </c>
      <c r="E24191" s="1" t="s">
        <v>86656</v>
      </c>
      <c r="F24191" s="1" t="s">
        <v>86657</v>
      </c>
      <c r="G24191" s="1" t="s">
        <v>86658</v>
      </c>
      <c r="H24191" s="1" t="s">
        <v>86659</v>
      </c>
      <c r="I24191" s="1" t="s">
        <v>86055</v>
      </c>
      <c r="J24191" s="1" t="s">
        <v>13</v>
      </c>
    </row>
    <row r="24192" spans="1:10" x14ac:dyDescent="0.35">
      <c r="A24192" s="1" t="s">
        <v>1106</v>
      </c>
      <c r="B24192" s="1" t="s">
        <v>86049</v>
      </c>
      <c r="C24192" s="1" t="s">
        <v>15</v>
      </c>
      <c r="D24192" s="1" t="s">
        <v>86660</v>
      </c>
      <c r="E24192" s="1" t="s">
        <v>86661</v>
      </c>
      <c r="F24192" s="1" t="s">
        <v>86662</v>
      </c>
      <c r="G24192" s="1" t="s">
        <v>86658</v>
      </c>
      <c r="H24192" s="1" t="s">
        <v>86659</v>
      </c>
      <c r="I24192" s="1" t="s">
        <v>86055</v>
      </c>
      <c r="J24192" s="1" t="s">
        <v>86663</v>
      </c>
    </row>
    <row r="24193" spans="1:10" x14ac:dyDescent="0.35">
      <c r="A24193" s="1" t="s">
        <v>1106</v>
      </c>
      <c r="B24193" s="1" t="s">
        <v>86049</v>
      </c>
      <c r="C24193" s="1" t="s">
        <v>20</v>
      </c>
      <c r="D24193" s="1" t="s">
        <v>86664</v>
      </c>
      <c r="E24193" s="1" t="s">
        <v>86665</v>
      </c>
      <c r="F24193" s="1" t="s">
        <v>86666</v>
      </c>
      <c r="G24193" s="1" t="s">
        <v>86658</v>
      </c>
      <c r="H24193" s="1" t="s">
        <v>86659</v>
      </c>
      <c r="I24193" s="1" t="s">
        <v>86055</v>
      </c>
      <c r="J24193" s="1" t="s">
        <v>86667</v>
      </c>
    </row>
    <row r="24194" spans="1:10" x14ac:dyDescent="0.35">
      <c r="A24194" s="1" t="s">
        <v>1106</v>
      </c>
      <c r="B24194" s="1" t="s">
        <v>86049</v>
      </c>
      <c r="C24194" s="1" t="s">
        <v>25</v>
      </c>
      <c r="D24194" s="1" t="s">
        <v>86668</v>
      </c>
      <c r="E24194" s="1" t="s">
        <v>86669</v>
      </c>
      <c r="F24194" s="1" t="s">
        <v>86670</v>
      </c>
      <c r="G24194" s="1" t="s">
        <v>86658</v>
      </c>
      <c r="H24194" s="1" t="s">
        <v>86659</v>
      </c>
      <c r="I24194" s="1" t="s">
        <v>86055</v>
      </c>
      <c r="J24194" s="1" t="s">
        <v>86671</v>
      </c>
    </row>
    <row r="24195" spans="1:10" x14ac:dyDescent="0.35">
      <c r="A24195" s="1" t="s">
        <v>1106</v>
      </c>
      <c r="B24195" s="1" t="s">
        <v>86049</v>
      </c>
      <c r="C24195" s="1" t="s">
        <v>30</v>
      </c>
      <c r="D24195" s="1" t="s">
        <v>86672</v>
      </c>
      <c r="E24195" s="1" t="s">
        <v>86673</v>
      </c>
      <c r="F24195" s="1" t="s">
        <v>86674</v>
      </c>
      <c r="G24195" s="1" t="s">
        <v>86658</v>
      </c>
      <c r="H24195" s="1" t="s">
        <v>86659</v>
      </c>
      <c r="I24195" s="1" t="s">
        <v>86055</v>
      </c>
      <c r="J24195" s="1" t="s">
        <v>86675</v>
      </c>
    </row>
    <row r="24196" spans="1:10" x14ac:dyDescent="0.35">
      <c r="A24196" s="1" t="s">
        <v>1106</v>
      </c>
      <c r="B24196" s="1" t="s">
        <v>86049</v>
      </c>
      <c r="C24196" s="1" t="s">
        <v>35</v>
      </c>
      <c r="D24196" s="1" t="s">
        <v>86676</v>
      </c>
      <c r="E24196" s="1" t="s">
        <v>86677</v>
      </c>
      <c r="F24196" s="1" t="s">
        <v>86678</v>
      </c>
      <c r="G24196" s="1" t="s">
        <v>86658</v>
      </c>
      <c r="H24196" s="1" t="s">
        <v>86659</v>
      </c>
      <c r="I24196" s="1" t="s">
        <v>86055</v>
      </c>
      <c r="J24196" s="1" t="s">
        <v>86679</v>
      </c>
    </row>
    <row r="24197" spans="1:10" x14ac:dyDescent="0.35">
      <c r="A24197" s="1" t="s">
        <v>1106</v>
      </c>
      <c r="B24197" s="1" t="s">
        <v>86049</v>
      </c>
      <c r="C24197" s="1" t="s">
        <v>40</v>
      </c>
      <c r="D24197" s="1" t="s">
        <v>60177</v>
      </c>
      <c r="E24197" s="1" t="s">
        <v>86680</v>
      </c>
      <c r="F24197" s="1" t="s">
        <v>86681</v>
      </c>
      <c r="G24197" s="1" t="s">
        <v>86658</v>
      </c>
      <c r="H24197" s="1" t="s">
        <v>86659</v>
      </c>
      <c r="I24197" s="1" t="s">
        <v>86055</v>
      </c>
      <c r="J24197" s="1" t="s">
        <v>86682</v>
      </c>
    </row>
    <row r="24198" spans="1:10" x14ac:dyDescent="0.35">
      <c r="A24198" s="1" t="s">
        <v>1106</v>
      </c>
      <c r="B24198" s="1" t="s">
        <v>86049</v>
      </c>
      <c r="C24198" s="1" t="s">
        <v>45</v>
      </c>
      <c r="D24198" s="1" t="s">
        <v>86683</v>
      </c>
      <c r="E24198" s="1" t="s">
        <v>86684</v>
      </c>
      <c r="F24198" s="1" t="s">
        <v>86685</v>
      </c>
      <c r="G24198" s="1" t="s">
        <v>86658</v>
      </c>
      <c r="H24198" s="1" t="s">
        <v>86659</v>
      </c>
      <c r="I24198" s="1" t="s">
        <v>86055</v>
      </c>
      <c r="J24198" s="1" t="s">
        <v>86686</v>
      </c>
    </row>
    <row r="24199" spans="1:10" x14ac:dyDescent="0.35">
      <c r="A24199" s="1" t="s">
        <v>1106</v>
      </c>
      <c r="B24199" s="1" t="s">
        <v>86049</v>
      </c>
      <c r="C24199" s="1" t="s">
        <v>50</v>
      </c>
      <c r="D24199" s="1" t="s">
        <v>86687</v>
      </c>
      <c r="E24199" s="1" t="s">
        <v>86688</v>
      </c>
      <c r="F24199" s="1" t="s">
        <v>86689</v>
      </c>
      <c r="G24199" s="1" t="s">
        <v>86658</v>
      </c>
      <c r="H24199" s="1" t="s">
        <v>86659</v>
      </c>
      <c r="I24199" s="1" t="s">
        <v>86055</v>
      </c>
      <c r="J24199" s="1" t="s">
        <v>86690</v>
      </c>
    </row>
    <row r="24200" spans="1:10" x14ac:dyDescent="0.35">
      <c r="A24200" s="1" t="s">
        <v>1106</v>
      </c>
      <c r="B24200" s="1" t="s">
        <v>86049</v>
      </c>
      <c r="C24200" s="1" t="s">
        <v>55</v>
      </c>
      <c r="D24200" s="1" t="s">
        <v>86691</v>
      </c>
      <c r="E24200" s="1" t="s">
        <v>86692</v>
      </c>
      <c r="F24200" s="1" t="s">
        <v>86693</v>
      </c>
      <c r="G24200" s="1" t="s">
        <v>86658</v>
      </c>
      <c r="H24200" s="1" t="s">
        <v>86659</v>
      </c>
      <c r="I24200" s="1" t="s">
        <v>86055</v>
      </c>
      <c r="J24200" s="1" t="s">
        <v>86694</v>
      </c>
    </row>
    <row r="24201" spans="1:10" x14ac:dyDescent="0.35">
      <c r="A24201" s="1" t="s">
        <v>1106</v>
      </c>
      <c r="B24201" s="1" t="s">
        <v>86049</v>
      </c>
      <c r="C24201" s="1" t="s">
        <v>60</v>
      </c>
      <c r="D24201" s="1" t="s">
        <v>86695</v>
      </c>
      <c r="E24201" s="1" t="s">
        <v>86696</v>
      </c>
      <c r="F24201" s="1" t="s">
        <v>86697</v>
      </c>
      <c r="G24201" s="1" t="s">
        <v>86658</v>
      </c>
      <c r="H24201" s="1" t="s">
        <v>86659</v>
      </c>
      <c r="I24201" s="1" t="s">
        <v>86055</v>
      </c>
      <c r="J24201" s="1" t="s">
        <v>86698</v>
      </c>
    </row>
    <row r="24202" spans="1:10" x14ac:dyDescent="0.35">
      <c r="A24202" s="1" t="s">
        <v>1106</v>
      </c>
      <c r="B24202" s="1" t="s">
        <v>86049</v>
      </c>
      <c r="C24202" s="1" t="s">
        <v>65</v>
      </c>
      <c r="D24202" s="1" t="s">
        <v>86699</v>
      </c>
      <c r="E24202" s="1" t="s">
        <v>86700</v>
      </c>
      <c r="F24202" s="1" t="s">
        <v>86701</v>
      </c>
      <c r="G24202" s="1" t="s">
        <v>86658</v>
      </c>
      <c r="H24202" s="1" t="s">
        <v>86659</v>
      </c>
      <c r="I24202" s="1" t="s">
        <v>86055</v>
      </c>
      <c r="J24202" s="1" t="s">
        <v>86702</v>
      </c>
    </row>
    <row r="24203" spans="1:10" x14ac:dyDescent="0.35">
      <c r="A24203" s="1" t="s">
        <v>1106</v>
      </c>
      <c r="B24203" s="1" t="s">
        <v>86049</v>
      </c>
      <c r="C24203" s="1" t="s">
        <v>70</v>
      </c>
      <c r="D24203" s="1" t="s">
        <v>86703</v>
      </c>
      <c r="E24203" s="1" t="s">
        <v>86704</v>
      </c>
      <c r="F24203" s="1" t="s">
        <v>86705</v>
      </c>
      <c r="G24203" s="1" t="s">
        <v>86658</v>
      </c>
      <c r="H24203" s="1" t="s">
        <v>86659</v>
      </c>
      <c r="I24203" s="1" t="s">
        <v>86055</v>
      </c>
      <c r="J24203" s="1" t="s">
        <v>86706</v>
      </c>
    </row>
    <row r="24204" spans="1:10" x14ac:dyDescent="0.35">
      <c r="A24204" s="1" t="s">
        <v>1106</v>
      </c>
      <c r="B24204" s="1" t="s">
        <v>86049</v>
      </c>
      <c r="C24204" s="1" t="s">
        <v>75</v>
      </c>
      <c r="D24204" s="1" t="s">
        <v>86707</v>
      </c>
      <c r="E24204" s="1" t="s">
        <v>86708</v>
      </c>
      <c r="F24204" s="1" t="s">
        <v>86709</v>
      </c>
      <c r="G24204" s="1" t="s">
        <v>86658</v>
      </c>
      <c r="H24204" s="1" t="s">
        <v>86659</v>
      </c>
      <c r="I24204" s="1" t="s">
        <v>86055</v>
      </c>
      <c r="J24204" s="1" t="s">
        <v>86710</v>
      </c>
    </row>
    <row r="24205" spans="1:10" x14ac:dyDescent="0.35">
      <c r="A24205" s="1" t="s">
        <v>1106</v>
      </c>
      <c r="B24205" s="1" t="s">
        <v>86049</v>
      </c>
      <c r="C24205" s="1" t="s">
        <v>80</v>
      </c>
      <c r="D24205" s="1" t="s">
        <v>80502</v>
      </c>
      <c r="E24205" s="1" t="s">
        <v>86711</v>
      </c>
      <c r="F24205" s="1" t="s">
        <v>86712</v>
      </c>
      <c r="G24205" s="1" t="s">
        <v>86658</v>
      </c>
      <c r="H24205" s="1" t="s">
        <v>86659</v>
      </c>
      <c r="I24205" s="1" t="s">
        <v>86055</v>
      </c>
      <c r="J24205" s="1" t="s">
        <v>86713</v>
      </c>
    </row>
    <row r="24206" spans="1:10" x14ac:dyDescent="0.35">
      <c r="A24206" s="1" t="s">
        <v>1106</v>
      </c>
      <c r="B24206" s="1" t="s">
        <v>86049</v>
      </c>
      <c r="C24206" s="1" t="s">
        <v>85</v>
      </c>
      <c r="D24206" s="1" t="s">
        <v>86714</v>
      </c>
      <c r="E24206" s="1" t="s">
        <v>86715</v>
      </c>
      <c r="F24206" s="1" t="s">
        <v>86716</v>
      </c>
      <c r="G24206" s="1" t="s">
        <v>86658</v>
      </c>
      <c r="H24206" s="1" t="s">
        <v>86659</v>
      </c>
      <c r="I24206" s="1" t="s">
        <v>86055</v>
      </c>
      <c r="J24206" s="1" t="s">
        <v>86717</v>
      </c>
    </row>
    <row r="24207" spans="1:10" x14ac:dyDescent="0.35">
      <c r="A24207" s="1" t="s">
        <v>1106</v>
      </c>
      <c r="B24207" s="1" t="s">
        <v>86049</v>
      </c>
      <c r="C24207" s="1" t="s">
        <v>90</v>
      </c>
      <c r="D24207" s="1" t="s">
        <v>86718</v>
      </c>
      <c r="E24207" s="1" t="s">
        <v>86719</v>
      </c>
      <c r="F24207" s="1" t="s">
        <v>86720</v>
      </c>
      <c r="G24207" s="1" t="s">
        <v>86658</v>
      </c>
      <c r="H24207" s="1" t="s">
        <v>86659</v>
      </c>
      <c r="I24207" s="1" t="s">
        <v>86055</v>
      </c>
      <c r="J24207" s="1" t="s">
        <v>86721</v>
      </c>
    </row>
    <row r="24208" spans="1:10" x14ac:dyDescent="0.35">
      <c r="A24208" s="1" t="s">
        <v>1106</v>
      </c>
      <c r="B24208" s="1" t="s">
        <v>86049</v>
      </c>
      <c r="C24208" s="1" t="s">
        <v>95</v>
      </c>
      <c r="D24208" s="1" t="s">
        <v>86722</v>
      </c>
      <c r="E24208" s="1" t="s">
        <v>86723</v>
      </c>
      <c r="F24208" s="1" t="s">
        <v>86724</v>
      </c>
      <c r="G24208" s="1" t="s">
        <v>86658</v>
      </c>
      <c r="H24208" s="1" t="s">
        <v>86659</v>
      </c>
      <c r="I24208" s="1" t="s">
        <v>86055</v>
      </c>
      <c r="J24208" s="1" t="s">
        <v>86725</v>
      </c>
    </row>
    <row r="24209" spans="1:10" x14ac:dyDescent="0.35">
      <c r="A24209" s="1" t="s">
        <v>1106</v>
      </c>
      <c r="B24209" s="1" t="s">
        <v>86049</v>
      </c>
      <c r="C24209" s="1" t="s">
        <v>100</v>
      </c>
      <c r="D24209" s="1" t="s">
        <v>62351</v>
      </c>
      <c r="E24209" s="1" t="s">
        <v>86726</v>
      </c>
      <c r="F24209" s="1" t="s">
        <v>86727</v>
      </c>
      <c r="G24209" s="1" t="s">
        <v>86658</v>
      </c>
      <c r="H24209" s="1" t="s">
        <v>86659</v>
      </c>
      <c r="I24209" s="1" t="s">
        <v>86055</v>
      </c>
      <c r="J24209" s="1" t="s">
        <v>86728</v>
      </c>
    </row>
    <row r="24210" spans="1:10" x14ac:dyDescent="0.35">
      <c r="A24210" s="1" t="s">
        <v>1106</v>
      </c>
      <c r="B24210" s="1" t="s">
        <v>86049</v>
      </c>
      <c r="C24210" s="1" t="s">
        <v>105</v>
      </c>
      <c r="D24210" s="1" t="s">
        <v>86729</v>
      </c>
      <c r="E24210" s="1" t="s">
        <v>86730</v>
      </c>
      <c r="F24210" s="1" t="s">
        <v>86731</v>
      </c>
      <c r="G24210" s="1" t="s">
        <v>86658</v>
      </c>
      <c r="H24210" s="1" t="s">
        <v>86659</v>
      </c>
      <c r="I24210" s="1" t="s">
        <v>86055</v>
      </c>
      <c r="J24210" s="1" t="s">
        <v>86732</v>
      </c>
    </row>
    <row r="24211" spans="1:10" x14ac:dyDescent="0.35">
      <c r="A24211" s="1" t="s">
        <v>1106</v>
      </c>
      <c r="B24211" s="1" t="s">
        <v>86049</v>
      </c>
      <c r="C24211" s="1" t="s">
        <v>110</v>
      </c>
      <c r="D24211" s="1" t="s">
        <v>12710</v>
      </c>
      <c r="E24211" s="1" t="s">
        <v>86733</v>
      </c>
      <c r="F24211" s="1" t="s">
        <v>86734</v>
      </c>
      <c r="G24211" s="1" t="s">
        <v>86658</v>
      </c>
      <c r="H24211" s="1" t="s">
        <v>86659</v>
      </c>
      <c r="I24211" s="1" t="s">
        <v>86055</v>
      </c>
      <c r="J24211" s="1" t="s">
        <v>86735</v>
      </c>
    </row>
    <row r="24212" spans="1:10" x14ac:dyDescent="0.35">
      <c r="A24212" s="1" t="s">
        <v>1106</v>
      </c>
      <c r="B24212" s="1" t="s">
        <v>86049</v>
      </c>
      <c r="C24212" s="1" t="s">
        <v>115</v>
      </c>
      <c r="D24212" s="1" t="s">
        <v>86736</v>
      </c>
      <c r="E24212" s="1" t="s">
        <v>86737</v>
      </c>
      <c r="F24212" s="1" t="s">
        <v>86738</v>
      </c>
      <c r="G24212" s="1" t="s">
        <v>86658</v>
      </c>
      <c r="H24212" s="1" t="s">
        <v>86659</v>
      </c>
      <c r="I24212" s="1" t="s">
        <v>86055</v>
      </c>
      <c r="J24212" s="1" t="s">
        <v>86739</v>
      </c>
    </row>
    <row r="24213" spans="1:10" x14ac:dyDescent="0.35">
      <c r="A24213" s="1" t="s">
        <v>1106</v>
      </c>
      <c r="B24213" s="1" t="s">
        <v>86049</v>
      </c>
      <c r="C24213" s="1" t="s">
        <v>120</v>
      </c>
      <c r="D24213" s="1" t="s">
        <v>52265</v>
      </c>
      <c r="E24213" s="1" t="s">
        <v>86740</v>
      </c>
      <c r="F24213" s="1" t="s">
        <v>86741</v>
      </c>
      <c r="G24213" s="1" t="s">
        <v>86658</v>
      </c>
      <c r="H24213" s="1" t="s">
        <v>86659</v>
      </c>
      <c r="I24213" s="1" t="s">
        <v>86055</v>
      </c>
      <c r="J24213" s="1" t="s">
        <v>86742</v>
      </c>
    </row>
    <row r="24214" spans="1:10" x14ac:dyDescent="0.35">
      <c r="A24214" s="1" t="s">
        <v>1106</v>
      </c>
      <c r="B24214" s="1" t="s">
        <v>86049</v>
      </c>
      <c r="C24214" s="1" t="s">
        <v>125</v>
      </c>
      <c r="D24214" s="1" t="s">
        <v>64030</v>
      </c>
      <c r="E24214" s="1" t="s">
        <v>86743</v>
      </c>
      <c r="F24214" s="1" t="s">
        <v>86744</v>
      </c>
      <c r="G24214" s="1" t="s">
        <v>86658</v>
      </c>
      <c r="H24214" s="1" t="s">
        <v>86659</v>
      </c>
      <c r="I24214" s="1" t="s">
        <v>86055</v>
      </c>
      <c r="J24214" s="1" t="s">
        <v>86745</v>
      </c>
    </row>
    <row r="24215" spans="1:10" x14ac:dyDescent="0.35">
      <c r="A24215" s="1" t="s">
        <v>1106</v>
      </c>
      <c r="B24215" s="1" t="s">
        <v>86049</v>
      </c>
      <c r="C24215" s="1" t="s">
        <v>130</v>
      </c>
      <c r="D24215" s="1" t="s">
        <v>80827</v>
      </c>
      <c r="E24215" s="1" t="s">
        <v>86746</v>
      </c>
      <c r="F24215" s="1" t="s">
        <v>86747</v>
      </c>
      <c r="G24215" s="1" t="s">
        <v>86658</v>
      </c>
      <c r="H24215" s="1" t="s">
        <v>86659</v>
      </c>
      <c r="I24215" s="1" t="s">
        <v>86055</v>
      </c>
      <c r="J24215" s="1" t="s">
        <v>86748</v>
      </c>
    </row>
    <row r="24216" spans="1:10" x14ac:dyDescent="0.35">
      <c r="A24216" s="1" t="s">
        <v>1106</v>
      </c>
      <c r="B24216" s="1" t="s">
        <v>86049</v>
      </c>
      <c r="C24216" s="1" t="s">
        <v>135</v>
      </c>
      <c r="D24216" s="1" t="s">
        <v>86749</v>
      </c>
      <c r="E24216" s="1" t="s">
        <v>86750</v>
      </c>
      <c r="F24216" s="1" t="s">
        <v>86751</v>
      </c>
      <c r="G24216" s="1" t="s">
        <v>86658</v>
      </c>
      <c r="H24216" s="1" t="s">
        <v>86659</v>
      </c>
      <c r="I24216" s="1" t="s">
        <v>86055</v>
      </c>
      <c r="J24216" s="1" t="s">
        <v>86752</v>
      </c>
    </row>
    <row r="24217" spans="1:10" x14ac:dyDescent="0.35">
      <c r="A24217" s="1" t="s">
        <v>1106</v>
      </c>
      <c r="B24217" s="1" t="s">
        <v>86049</v>
      </c>
      <c r="C24217" s="1" t="s">
        <v>140</v>
      </c>
      <c r="D24217" s="1" t="s">
        <v>86753</v>
      </c>
      <c r="E24217" s="1" t="s">
        <v>86754</v>
      </c>
      <c r="F24217" s="1" t="s">
        <v>86755</v>
      </c>
      <c r="G24217" s="1" t="s">
        <v>86658</v>
      </c>
      <c r="H24217" s="1" t="s">
        <v>86659</v>
      </c>
      <c r="I24217" s="1" t="s">
        <v>86055</v>
      </c>
      <c r="J24217" s="1" t="s">
        <v>86756</v>
      </c>
    </row>
    <row r="24218" spans="1:10" x14ac:dyDescent="0.35">
      <c r="A24218" s="1" t="s">
        <v>1106</v>
      </c>
      <c r="B24218" s="1" t="s">
        <v>86049</v>
      </c>
      <c r="C24218" s="1" t="s">
        <v>145</v>
      </c>
      <c r="D24218" s="1" t="s">
        <v>86757</v>
      </c>
      <c r="E24218" s="1" t="s">
        <v>86758</v>
      </c>
      <c r="F24218" s="1" t="s">
        <v>86759</v>
      </c>
      <c r="G24218" s="1" t="s">
        <v>86658</v>
      </c>
      <c r="H24218" s="1" t="s">
        <v>86659</v>
      </c>
      <c r="I24218" s="1" t="s">
        <v>86055</v>
      </c>
      <c r="J24218" s="1" t="s">
        <v>86760</v>
      </c>
    </row>
    <row r="24219" spans="1:10" x14ac:dyDescent="0.35">
      <c r="A24219" s="1" t="s">
        <v>1106</v>
      </c>
      <c r="B24219" s="1" t="s">
        <v>86049</v>
      </c>
      <c r="C24219" s="1" t="s">
        <v>150</v>
      </c>
      <c r="D24219" s="1" t="s">
        <v>66751</v>
      </c>
      <c r="E24219" s="1" t="s">
        <v>86761</v>
      </c>
      <c r="F24219" s="1" t="s">
        <v>86762</v>
      </c>
      <c r="G24219" s="1" t="s">
        <v>86658</v>
      </c>
      <c r="H24219" s="1" t="s">
        <v>86659</v>
      </c>
      <c r="I24219" s="1" t="s">
        <v>86055</v>
      </c>
      <c r="J24219" s="1" t="s">
        <v>86763</v>
      </c>
    </row>
    <row r="24220" spans="1:10" x14ac:dyDescent="0.35">
      <c r="A24220" s="1" t="s">
        <v>1106</v>
      </c>
      <c r="B24220" s="1" t="s">
        <v>86049</v>
      </c>
      <c r="C24220" s="1" t="s">
        <v>155</v>
      </c>
      <c r="D24220" s="1" t="s">
        <v>22547</v>
      </c>
      <c r="E24220" s="1" t="s">
        <v>86764</v>
      </c>
      <c r="F24220" s="1" t="s">
        <v>86765</v>
      </c>
      <c r="G24220" s="1" t="s">
        <v>86658</v>
      </c>
      <c r="H24220" s="1" t="s">
        <v>86659</v>
      </c>
      <c r="I24220" s="1" t="s">
        <v>86055</v>
      </c>
      <c r="J24220" s="1" t="s">
        <v>86766</v>
      </c>
    </row>
    <row r="24221" spans="1:10" x14ac:dyDescent="0.35">
      <c r="A24221" s="1" t="s">
        <v>1106</v>
      </c>
      <c r="B24221" s="1" t="s">
        <v>86049</v>
      </c>
      <c r="C24221" s="1" t="s">
        <v>160</v>
      </c>
      <c r="D24221" s="1" t="s">
        <v>67104</v>
      </c>
      <c r="E24221" s="1" t="s">
        <v>86767</v>
      </c>
      <c r="F24221" s="1" t="s">
        <v>86768</v>
      </c>
      <c r="G24221" s="1" t="s">
        <v>86658</v>
      </c>
      <c r="H24221" s="1" t="s">
        <v>86659</v>
      </c>
      <c r="I24221" s="1" t="s">
        <v>86055</v>
      </c>
      <c r="J24221" s="1" t="s">
        <v>86769</v>
      </c>
    </row>
    <row r="24222" spans="1:10" x14ac:dyDescent="0.35">
      <c r="A24222" s="1" t="s">
        <v>1106</v>
      </c>
      <c r="B24222" s="1" t="s">
        <v>86049</v>
      </c>
      <c r="C24222" s="1" t="s">
        <v>165</v>
      </c>
      <c r="D24222" s="1" t="s">
        <v>80436</v>
      </c>
      <c r="E24222" s="1" t="s">
        <v>86770</v>
      </c>
      <c r="F24222" s="1" t="s">
        <v>86771</v>
      </c>
      <c r="G24222" s="1" t="s">
        <v>86658</v>
      </c>
      <c r="H24222" s="1" t="s">
        <v>86659</v>
      </c>
      <c r="I24222" s="1" t="s">
        <v>86055</v>
      </c>
      <c r="J24222" s="1" t="s">
        <v>86772</v>
      </c>
    </row>
    <row r="24223" spans="1:10" x14ac:dyDescent="0.35">
      <c r="A24223" s="1" t="s">
        <v>1106</v>
      </c>
      <c r="B24223" s="1" t="s">
        <v>86049</v>
      </c>
      <c r="C24223" s="1" t="s">
        <v>170</v>
      </c>
      <c r="D24223" s="1" t="s">
        <v>54828</v>
      </c>
      <c r="E24223" s="1" t="s">
        <v>86773</v>
      </c>
      <c r="F24223" s="1" t="s">
        <v>86774</v>
      </c>
      <c r="G24223" s="1" t="s">
        <v>86658</v>
      </c>
      <c r="H24223" s="1" t="s">
        <v>86659</v>
      </c>
      <c r="I24223" s="1" t="s">
        <v>86055</v>
      </c>
      <c r="J24223" s="1" t="s">
        <v>86775</v>
      </c>
    </row>
    <row r="24224" spans="1:10" x14ac:dyDescent="0.35">
      <c r="A24224" s="1" t="s">
        <v>8449</v>
      </c>
      <c r="B24224" s="1" t="s">
        <v>86049</v>
      </c>
      <c r="C24224" s="1" t="s">
        <v>8</v>
      </c>
      <c r="D24224" s="1" t="s">
        <v>85816</v>
      </c>
      <c r="E24224" s="1" t="s">
        <v>86776</v>
      </c>
      <c r="F24224" s="1" t="s">
        <v>86777</v>
      </c>
      <c r="G24224" s="1" t="s">
        <v>86778</v>
      </c>
      <c r="H24224" s="1" t="s">
        <v>86779</v>
      </c>
      <c r="I24224" s="1" t="s">
        <v>86055</v>
      </c>
      <c r="J24224" s="1" t="s">
        <v>13</v>
      </c>
    </row>
    <row r="24225" spans="1:10" x14ac:dyDescent="0.35">
      <c r="A24225" s="1" t="s">
        <v>8449</v>
      </c>
      <c r="B24225" s="1" t="s">
        <v>86049</v>
      </c>
      <c r="C24225" s="1" t="s">
        <v>15</v>
      </c>
      <c r="D24225" s="1" t="s">
        <v>84728</v>
      </c>
      <c r="E24225" s="1" t="s">
        <v>86780</v>
      </c>
      <c r="F24225" s="1" t="s">
        <v>86781</v>
      </c>
      <c r="G24225" s="1" t="s">
        <v>86778</v>
      </c>
      <c r="H24225" s="1" t="s">
        <v>86779</v>
      </c>
      <c r="I24225" s="1" t="s">
        <v>86055</v>
      </c>
      <c r="J24225" s="1" t="s">
        <v>86782</v>
      </c>
    </row>
    <row r="24226" spans="1:10" x14ac:dyDescent="0.35">
      <c r="A24226" s="1" t="s">
        <v>8449</v>
      </c>
      <c r="B24226" s="1" t="s">
        <v>86049</v>
      </c>
      <c r="C24226" s="1" t="s">
        <v>20</v>
      </c>
      <c r="D24226" s="1" t="s">
        <v>86783</v>
      </c>
      <c r="E24226" s="1" t="s">
        <v>86784</v>
      </c>
      <c r="F24226" s="1" t="s">
        <v>86785</v>
      </c>
      <c r="G24226" s="1" t="s">
        <v>86778</v>
      </c>
      <c r="H24226" s="1" t="s">
        <v>86779</v>
      </c>
      <c r="I24226" s="1" t="s">
        <v>86055</v>
      </c>
      <c r="J24226" s="1" t="s">
        <v>86786</v>
      </c>
    </row>
    <row r="24227" spans="1:10" x14ac:dyDescent="0.35">
      <c r="A24227" s="1" t="s">
        <v>8449</v>
      </c>
      <c r="B24227" s="1" t="s">
        <v>86049</v>
      </c>
      <c r="C24227" s="1" t="s">
        <v>25</v>
      </c>
      <c r="D24227" s="1" t="s">
        <v>6836</v>
      </c>
      <c r="E24227" s="1" t="s">
        <v>86787</v>
      </c>
      <c r="F24227" s="1" t="s">
        <v>86788</v>
      </c>
      <c r="G24227" s="1" t="s">
        <v>86778</v>
      </c>
      <c r="H24227" s="1" t="s">
        <v>86779</v>
      </c>
      <c r="I24227" s="1" t="s">
        <v>86055</v>
      </c>
      <c r="J24227" s="1" t="s">
        <v>86789</v>
      </c>
    </row>
    <row r="24228" spans="1:10" x14ac:dyDescent="0.35">
      <c r="A24228" s="1" t="s">
        <v>8449</v>
      </c>
      <c r="B24228" s="1" t="s">
        <v>86049</v>
      </c>
      <c r="C24228" s="1" t="s">
        <v>30</v>
      </c>
      <c r="D24228" s="1" t="s">
        <v>86790</v>
      </c>
      <c r="E24228" s="1" t="s">
        <v>86791</v>
      </c>
      <c r="F24228" s="1" t="s">
        <v>86792</v>
      </c>
      <c r="G24228" s="1" t="s">
        <v>86778</v>
      </c>
      <c r="H24228" s="1" t="s">
        <v>86779</v>
      </c>
      <c r="I24228" s="1" t="s">
        <v>86055</v>
      </c>
      <c r="J24228" s="1" t="s">
        <v>86793</v>
      </c>
    </row>
    <row r="24229" spans="1:10" x14ac:dyDescent="0.35">
      <c r="A24229" s="1" t="s">
        <v>8449</v>
      </c>
      <c r="B24229" s="1" t="s">
        <v>86049</v>
      </c>
      <c r="C24229" s="1" t="s">
        <v>35</v>
      </c>
      <c r="D24229" s="1" t="s">
        <v>84600</v>
      </c>
      <c r="E24229" s="1" t="s">
        <v>86794</v>
      </c>
      <c r="F24229" s="1" t="s">
        <v>86795</v>
      </c>
      <c r="G24229" s="1" t="s">
        <v>86778</v>
      </c>
      <c r="H24229" s="1" t="s">
        <v>86779</v>
      </c>
      <c r="I24229" s="1" t="s">
        <v>86055</v>
      </c>
      <c r="J24229" s="1" t="s">
        <v>86796</v>
      </c>
    </row>
    <row r="24230" spans="1:10" x14ac:dyDescent="0.35">
      <c r="A24230" s="1" t="s">
        <v>8449</v>
      </c>
      <c r="B24230" s="1" t="s">
        <v>86049</v>
      </c>
      <c r="C24230" s="1" t="s">
        <v>40</v>
      </c>
      <c r="D24230" s="1" t="s">
        <v>86797</v>
      </c>
      <c r="E24230" s="1" t="s">
        <v>86798</v>
      </c>
      <c r="F24230" s="1" t="s">
        <v>86799</v>
      </c>
      <c r="G24230" s="1" t="s">
        <v>86778</v>
      </c>
      <c r="H24230" s="1" t="s">
        <v>86779</v>
      </c>
      <c r="I24230" s="1" t="s">
        <v>86055</v>
      </c>
      <c r="J24230" s="1" t="s">
        <v>86800</v>
      </c>
    </row>
    <row r="24231" spans="1:10" x14ac:dyDescent="0.35">
      <c r="A24231" s="1" t="s">
        <v>8449</v>
      </c>
      <c r="B24231" s="1" t="s">
        <v>86049</v>
      </c>
      <c r="C24231" s="1" t="s">
        <v>45</v>
      </c>
      <c r="D24231" s="1" t="s">
        <v>86801</v>
      </c>
      <c r="E24231" s="1" t="s">
        <v>86802</v>
      </c>
      <c r="F24231" s="1" t="s">
        <v>86803</v>
      </c>
      <c r="G24231" s="1" t="s">
        <v>86778</v>
      </c>
      <c r="H24231" s="1" t="s">
        <v>86779</v>
      </c>
      <c r="I24231" s="1" t="s">
        <v>86055</v>
      </c>
      <c r="J24231" s="1" t="s">
        <v>86804</v>
      </c>
    </row>
    <row r="24232" spans="1:10" x14ac:dyDescent="0.35">
      <c r="A24232" s="1" t="s">
        <v>8449</v>
      </c>
      <c r="B24232" s="1" t="s">
        <v>86049</v>
      </c>
      <c r="C24232" s="1" t="s">
        <v>50</v>
      </c>
      <c r="D24232" s="1" t="s">
        <v>86805</v>
      </c>
      <c r="E24232" s="1" t="s">
        <v>86806</v>
      </c>
      <c r="F24232" s="1" t="s">
        <v>86807</v>
      </c>
      <c r="G24232" s="1" t="s">
        <v>86778</v>
      </c>
      <c r="H24232" s="1" t="s">
        <v>86779</v>
      </c>
      <c r="I24232" s="1" t="s">
        <v>86055</v>
      </c>
      <c r="J24232" s="1" t="s">
        <v>86808</v>
      </c>
    </row>
    <row r="24233" spans="1:10" x14ac:dyDescent="0.35">
      <c r="A24233" s="1" t="s">
        <v>8449</v>
      </c>
      <c r="B24233" s="1" t="s">
        <v>86049</v>
      </c>
      <c r="C24233" s="1" t="s">
        <v>55</v>
      </c>
      <c r="D24233" s="1" t="s">
        <v>86809</v>
      </c>
      <c r="E24233" s="1" t="s">
        <v>86810</v>
      </c>
      <c r="F24233" s="1" t="s">
        <v>86811</v>
      </c>
      <c r="G24233" s="1" t="s">
        <v>86778</v>
      </c>
      <c r="H24233" s="1" t="s">
        <v>86779</v>
      </c>
      <c r="I24233" s="1" t="s">
        <v>86055</v>
      </c>
      <c r="J24233" s="1" t="s">
        <v>86812</v>
      </c>
    </row>
    <row r="24234" spans="1:10" x14ac:dyDescent="0.35">
      <c r="A24234" s="1" t="s">
        <v>8449</v>
      </c>
      <c r="B24234" s="1" t="s">
        <v>86049</v>
      </c>
      <c r="C24234" s="1" t="s">
        <v>60</v>
      </c>
      <c r="D24234" s="1" t="s">
        <v>53804</v>
      </c>
      <c r="E24234" s="1" t="s">
        <v>86813</v>
      </c>
      <c r="F24234" s="1" t="s">
        <v>86814</v>
      </c>
      <c r="G24234" s="1" t="s">
        <v>86778</v>
      </c>
      <c r="H24234" s="1" t="s">
        <v>86779</v>
      </c>
      <c r="I24234" s="1" t="s">
        <v>86055</v>
      </c>
      <c r="J24234" s="1" t="s">
        <v>86815</v>
      </c>
    </row>
    <row r="24235" spans="1:10" x14ac:dyDescent="0.35">
      <c r="A24235" s="1" t="s">
        <v>8449</v>
      </c>
      <c r="B24235" s="1" t="s">
        <v>86049</v>
      </c>
      <c r="C24235" s="1" t="s">
        <v>65</v>
      </c>
      <c r="D24235" s="1" t="s">
        <v>60180</v>
      </c>
      <c r="E24235" s="1" t="s">
        <v>86816</v>
      </c>
      <c r="F24235" s="1" t="s">
        <v>86817</v>
      </c>
      <c r="G24235" s="1" t="s">
        <v>86778</v>
      </c>
      <c r="H24235" s="1" t="s">
        <v>86779</v>
      </c>
      <c r="I24235" s="1" t="s">
        <v>86055</v>
      </c>
      <c r="J24235" s="1" t="s">
        <v>86818</v>
      </c>
    </row>
    <row r="24236" spans="1:10" x14ac:dyDescent="0.35">
      <c r="A24236" s="1" t="s">
        <v>8449</v>
      </c>
      <c r="B24236" s="1" t="s">
        <v>86049</v>
      </c>
      <c r="C24236" s="1" t="s">
        <v>70</v>
      </c>
      <c r="D24236" s="1" t="s">
        <v>86819</v>
      </c>
      <c r="E24236" s="1" t="s">
        <v>86820</v>
      </c>
      <c r="F24236" s="1" t="s">
        <v>86821</v>
      </c>
      <c r="G24236" s="1" t="s">
        <v>86778</v>
      </c>
      <c r="H24236" s="1" t="s">
        <v>86779</v>
      </c>
      <c r="I24236" s="1" t="s">
        <v>86055</v>
      </c>
      <c r="J24236" s="1" t="s">
        <v>86822</v>
      </c>
    </row>
    <row r="24237" spans="1:10" x14ac:dyDescent="0.35">
      <c r="A24237" s="1" t="s">
        <v>8449</v>
      </c>
      <c r="B24237" s="1" t="s">
        <v>86049</v>
      </c>
      <c r="C24237" s="1" t="s">
        <v>75</v>
      </c>
      <c r="D24237" s="1" t="s">
        <v>86823</v>
      </c>
      <c r="E24237" s="1" t="s">
        <v>86824</v>
      </c>
      <c r="F24237" s="1" t="s">
        <v>86825</v>
      </c>
      <c r="G24237" s="1" t="s">
        <v>86778</v>
      </c>
      <c r="H24237" s="1" t="s">
        <v>86779</v>
      </c>
      <c r="I24237" s="1" t="s">
        <v>86055</v>
      </c>
      <c r="J24237" s="1" t="s">
        <v>86826</v>
      </c>
    </row>
    <row r="24238" spans="1:10" x14ac:dyDescent="0.35">
      <c r="A24238" s="1" t="s">
        <v>8449</v>
      </c>
      <c r="B24238" s="1" t="s">
        <v>86049</v>
      </c>
      <c r="C24238" s="1" t="s">
        <v>80</v>
      </c>
      <c r="D24238" s="1" t="s">
        <v>86827</v>
      </c>
      <c r="E24238" s="1" t="s">
        <v>86828</v>
      </c>
      <c r="F24238" s="1" t="s">
        <v>86829</v>
      </c>
      <c r="G24238" s="1" t="s">
        <v>86778</v>
      </c>
      <c r="H24238" s="1" t="s">
        <v>86779</v>
      </c>
      <c r="I24238" s="1" t="s">
        <v>86055</v>
      </c>
      <c r="J24238" s="1" t="s">
        <v>86830</v>
      </c>
    </row>
    <row r="24239" spans="1:10" x14ac:dyDescent="0.35">
      <c r="A24239" s="1" t="s">
        <v>8449</v>
      </c>
      <c r="B24239" s="1" t="s">
        <v>86049</v>
      </c>
      <c r="C24239" s="1" t="s">
        <v>85</v>
      </c>
      <c r="D24239" s="1" t="s">
        <v>86831</v>
      </c>
      <c r="E24239" s="1" t="s">
        <v>86832</v>
      </c>
      <c r="F24239" s="1" t="s">
        <v>86833</v>
      </c>
      <c r="G24239" s="1" t="s">
        <v>86778</v>
      </c>
      <c r="H24239" s="1" t="s">
        <v>86779</v>
      </c>
      <c r="I24239" s="1" t="s">
        <v>86055</v>
      </c>
      <c r="J24239" s="1" t="s">
        <v>86834</v>
      </c>
    </row>
    <row r="24240" spans="1:10" x14ac:dyDescent="0.35">
      <c r="A24240" s="1" t="s">
        <v>8449</v>
      </c>
      <c r="B24240" s="1" t="s">
        <v>86049</v>
      </c>
      <c r="C24240" s="1" t="s">
        <v>90</v>
      </c>
      <c r="D24240" s="1" t="s">
        <v>21362</v>
      </c>
      <c r="E24240" s="1" t="s">
        <v>86835</v>
      </c>
      <c r="F24240" s="1" t="s">
        <v>86836</v>
      </c>
      <c r="G24240" s="1" t="s">
        <v>86778</v>
      </c>
      <c r="H24240" s="1" t="s">
        <v>86779</v>
      </c>
      <c r="I24240" s="1" t="s">
        <v>86055</v>
      </c>
      <c r="J24240" s="1" t="s">
        <v>86837</v>
      </c>
    </row>
    <row r="24241" spans="1:10" x14ac:dyDescent="0.35">
      <c r="A24241" s="1" t="s">
        <v>8449</v>
      </c>
      <c r="B24241" s="1" t="s">
        <v>86049</v>
      </c>
      <c r="C24241" s="1" t="s">
        <v>95</v>
      </c>
      <c r="D24241" s="1" t="s">
        <v>64750</v>
      </c>
      <c r="E24241" s="1" t="s">
        <v>86838</v>
      </c>
      <c r="F24241" s="1" t="s">
        <v>86839</v>
      </c>
      <c r="G24241" s="1" t="s">
        <v>86778</v>
      </c>
      <c r="H24241" s="1" t="s">
        <v>86779</v>
      </c>
      <c r="I24241" s="1" t="s">
        <v>86055</v>
      </c>
      <c r="J24241" s="1" t="s">
        <v>86840</v>
      </c>
    </row>
    <row r="24242" spans="1:10" x14ac:dyDescent="0.35">
      <c r="A24242" s="1" t="s">
        <v>8449</v>
      </c>
      <c r="B24242" s="1" t="s">
        <v>86049</v>
      </c>
      <c r="C24242" s="1" t="s">
        <v>100</v>
      </c>
      <c r="D24242" s="1" t="s">
        <v>77377</v>
      </c>
      <c r="E24242" s="1" t="s">
        <v>86841</v>
      </c>
      <c r="F24242" s="1" t="s">
        <v>86842</v>
      </c>
      <c r="G24242" s="1" t="s">
        <v>86778</v>
      </c>
      <c r="H24242" s="1" t="s">
        <v>86779</v>
      </c>
      <c r="I24242" s="1" t="s">
        <v>86055</v>
      </c>
      <c r="J24242" s="1" t="s">
        <v>86843</v>
      </c>
    </row>
    <row r="24243" spans="1:10" x14ac:dyDescent="0.35">
      <c r="A24243" s="1" t="s">
        <v>8449</v>
      </c>
      <c r="B24243" s="1" t="s">
        <v>86049</v>
      </c>
      <c r="C24243" s="1" t="s">
        <v>105</v>
      </c>
      <c r="D24243" s="1" t="s">
        <v>86844</v>
      </c>
      <c r="E24243" s="1" t="s">
        <v>86845</v>
      </c>
      <c r="F24243" s="1" t="s">
        <v>86846</v>
      </c>
      <c r="G24243" s="1" t="s">
        <v>86778</v>
      </c>
      <c r="H24243" s="1" t="s">
        <v>86779</v>
      </c>
      <c r="I24243" s="1" t="s">
        <v>86055</v>
      </c>
      <c r="J24243" s="1" t="s">
        <v>86847</v>
      </c>
    </row>
    <row r="24244" spans="1:10" x14ac:dyDescent="0.35">
      <c r="A24244" s="1" t="s">
        <v>8449</v>
      </c>
      <c r="B24244" s="1" t="s">
        <v>86049</v>
      </c>
      <c r="C24244" s="1" t="s">
        <v>110</v>
      </c>
      <c r="D24244" s="1" t="s">
        <v>86848</v>
      </c>
      <c r="E24244" s="1" t="s">
        <v>86849</v>
      </c>
      <c r="F24244" s="1" t="s">
        <v>86850</v>
      </c>
      <c r="G24244" s="1" t="s">
        <v>86778</v>
      </c>
      <c r="H24244" s="1" t="s">
        <v>86779</v>
      </c>
      <c r="I24244" s="1" t="s">
        <v>86055</v>
      </c>
      <c r="J24244" s="1" t="s">
        <v>86851</v>
      </c>
    </row>
    <row r="24245" spans="1:10" x14ac:dyDescent="0.35">
      <c r="A24245" s="1" t="s">
        <v>8449</v>
      </c>
      <c r="B24245" s="1" t="s">
        <v>86049</v>
      </c>
      <c r="C24245" s="1" t="s">
        <v>115</v>
      </c>
      <c r="D24245" s="1" t="s">
        <v>86852</v>
      </c>
      <c r="E24245" s="1" t="s">
        <v>86853</v>
      </c>
      <c r="F24245" s="1" t="s">
        <v>86854</v>
      </c>
      <c r="G24245" s="1" t="s">
        <v>86778</v>
      </c>
      <c r="H24245" s="1" t="s">
        <v>86779</v>
      </c>
      <c r="I24245" s="1" t="s">
        <v>86055</v>
      </c>
      <c r="J24245" s="1" t="s">
        <v>86855</v>
      </c>
    </row>
    <row r="24246" spans="1:10" x14ac:dyDescent="0.35">
      <c r="A24246" s="1" t="s">
        <v>8449</v>
      </c>
      <c r="B24246" s="1" t="s">
        <v>86049</v>
      </c>
      <c r="C24246" s="1" t="s">
        <v>120</v>
      </c>
      <c r="D24246" s="1" t="s">
        <v>61851</v>
      </c>
      <c r="E24246" s="1" t="s">
        <v>86856</v>
      </c>
      <c r="F24246" s="1" t="s">
        <v>86857</v>
      </c>
      <c r="G24246" s="1" t="s">
        <v>86778</v>
      </c>
      <c r="H24246" s="1" t="s">
        <v>86779</v>
      </c>
      <c r="I24246" s="1" t="s">
        <v>86055</v>
      </c>
      <c r="J24246" s="1" t="s">
        <v>86858</v>
      </c>
    </row>
    <row r="24247" spans="1:10" x14ac:dyDescent="0.35">
      <c r="A24247" s="1" t="s">
        <v>8449</v>
      </c>
      <c r="B24247" s="1" t="s">
        <v>86049</v>
      </c>
      <c r="C24247" s="1" t="s">
        <v>125</v>
      </c>
      <c r="D24247" s="1" t="s">
        <v>86859</v>
      </c>
      <c r="E24247" s="1" t="s">
        <v>86860</v>
      </c>
      <c r="F24247" s="1" t="s">
        <v>86861</v>
      </c>
      <c r="G24247" s="1" t="s">
        <v>86778</v>
      </c>
      <c r="H24247" s="1" t="s">
        <v>86779</v>
      </c>
      <c r="I24247" s="1" t="s">
        <v>86055</v>
      </c>
      <c r="J24247" s="1" t="s">
        <v>86862</v>
      </c>
    </row>
    <row r="24248" spans="1:10" x14ac:dyDescent="0.35">
      <c r="A24248" s="1" t="s">
        <v>8449</v>
      </c>
      <c r="B24248" s="1" t="s">
        <v>86049</v>
      </c>
      <c r="C24248" s="1" t="s">
        <v>130</v>
      </c>
      <c r="D24248" s="1" t="s">
        <v>86863</v>
      </c>
      <c r="E24248" s="1" t="s">
        <v>86864</v>
      </c>
      <c r="F24248" s="1" t="s">
        <v>86865</v>
      </c>
      <c r="G24248" s="1" t="s">
        <v>86778</v>
      </c>
      <c r="H24248" s="1" t="s">
        <v>86779</v>
      </c>
      <c r="I24248" s="1" t="s">
        <v>86055</v>
      </c>
      <c r="J24248" s="1" t="s">
        <v>86866</v>
      </c>
    </row>
    <row r="24249" spans="1:10" x14ac:dyDescent="0.35">
      <c r="A24249" s="1" t="s">
        <v>8449</v>
      </c>
      <c r="B24249" s="1" t="s">
        <v>86049</v>
      </c>
      <c r="C24249" s="1" t="s">
        <v>135</v>
      </c>
      <c r="D24249" s="1" t="s">
        <v>86867</v>
      </c>
      <c r="E24249" s="1" t="s">
        <v>86868</v>
      </c>
      <c r="F24249" s="1" t="s">
        <v>86869</v>
      </c>
      <c r="G24249" s="1" t="s">
        <v>86778</v>
      </c>
      <c r="H24249" s="1" t="s">
        <v>86779</v>
      </c>
      <c r="I24249" s="1" t="s">
        <v>86055</v>
      </c>
      <c r="J24249" s="1" t="s">
        <v>86870</v>
      </c>
    </row>
    <row r="24250" spans="1:10" x14ac:dyDescent="0.35">
      <c r="A24250" s="1" t="s">
        <v>8449</v>
      </c>
      <c r="B24250" s="1" t="s">
        <v>86049</v>
      </c>
      <c r="C24250" s="1" t="s">
        <v>140</v>
      </c>
      <c r="D24250" s="1" t="s">
        <v>86871</v>
      </c>
      <c r="E24250" s="1" t="s">
        <v>86872</v>
      </c>
      <c r="F24250" s="1" t="s">
        <v>86873</v>
      </c>
      <c r="G24250" s="1" t="s">
        <v>86778</v>
      </c>
      <c r="H24250" s="1" t="s">
        <v>86779</v>
      </c>
      <c r="I24250" s="1" t="s">
        <v>86055</v>
      </c>
      <c r="J24250" s="1" t="s">
        <v>86874</v>
      </c>
    </row>
    <row r="24251" spans="1:10" x14ac:dyDescent="0.35">
      <c r="A24251" s="1" t="s">
        <v>8449</v>
      </c>
      <c r="B24251" s="1" t="s">
        <v>86049</v>
      </c>
      <c r="C24251" s="1" t="s">
        <v>145</v>
      </c>
      <c r="D24251" s="1" t="s">
        <v>86875</v>
      </c>
      <c r="E24251" s="1" t="s">
        <v>86876</v>
      </c>
      <c r="F24251" s="1" t="s">
        <v>86877</v>
      </c>
      <c r="G24251" s="1" t="s">
        <v>86778</v>
      </c>
      <c r="H24251" s="1" t="s">
        <v>86779</v>
      </c>
      <c r="I24251" s="1" t="s">
        <v>86055</v>
      </c>
      <c r="J24251" s="1" t="s">
        <v>86878</v>
      </c>
    </row>
    <row r="24252" spans="1:10" x14ac:dyDescent="0.35">
      <c r="A24252" s="1" t="s">
        <v>8449</v>
      </c>
      <c r="B24252" s="1" t="s">
        <v>86049</v>
      </c>
      <c r="C24252" s="1" t="s">
        <v>150</v>
      </c>
      <c r="D24252" s="1" t="s">
        <v>86879</v>
      </c>
      <c r="E24252" s="1" t="s">
        <v>86880</v>
      </c>
      <c r="F24252" s="1" t="s">
        <v>86881</v>
      </c>
      <c r="G24252" s="1" t="s">
        <v>86778</v>
      </c>
      <c r="H24252" s="1" t="s">
        <v>86779</v>
      </c>
      <c r="I24252" s="1" t="s">
        <v>86055</v>
      </c>
      <c r="J24252" s="1" t="s">
        <v>86882</v>
      </c>
    </row>
    <row r="24253" spans="1:10" x14ac:dyDescent="0.35">
      <c r="A24253" s="1" t="s">
        <v>8449</v>
      </c>
      <c r="B24253" s="1" t="s">
        <v>86049</v>
      </c>
      <c r="C24253" s="1" t="s">
        <v>155</v>
      </c>
      <c r="D24253" s="1" t="s">
        <v>86883</v>
      </c>
      <c r="E24253" s="1" t="s">
        <v>86884</v>
      </c>
      <c r="F24253" s="1" t="s">
        <v>86885</v>
      </c>
      <c r="G24253" s="1" t="s">
        <v>86778</v>
      </c>
      <c r="H24253" s="1" t="s">
        <v>86779</v>
      </c>
      <c r="I24253" s="1" t="s">
        <v>86055</v>
      </c>
      <c r="J24253" s="1" t="s">
        <v>86886</v>
      </c>
    </row>
    <row r="24254" spans="1:10" x14ac:dyDescent="0.35">
      <c r="A24254" s="1" t="s">
        <v>8449</v>
      </c>
      <c r="B24254" s="1" t="s">
        <v>86049</v>
      </c>
      <c r="C24254" s="1" t="s">
        <v>160</v>
      </c>
      <c r="D24254" s="1" t="s">
        <v>86859</v>
      </c>
      <c r="E24254" s="1" t="s">
        <v>86887</v>
      </c>
      <c r="F24254" s="1" t="s">
        <v>86888</v>
      </c>
      <c r="G24254" s="1" t="s">
        <v>86778</v>
      </c>
      <c r="H24254" s="1" t="s">
        <v>86779</v>
      </c>
      <c r="I24254" s="1" t="s">
        <v>86055</v>
      </c>
      <c r="J24254" s="1" t="s">
        <v>86889</v>
      </c>
    </row>
    <row r="24255" spans="1:10" x14ac:dyDescent="0.35">
      <c r="A24255" s="1" t="s">
        <v>8449</v>
      </c>
      <c r="B24255" s="1" t="s">
        <v>86049</v>
      </c>
      <c r="C24255" s="1" t="s">
        <v>165</v>
      </c>
      <c r="D24255" s="1" t="s">
        <v>86890</v>
      </c>
      <c r="E24255" s="1" t="s">
        <v>86891</v>
      </c>
      <c r="F24255" s="1" t="s">
        <v>86892</v>
      </c>
      <c r="G24255" s="1" t="s">
        <v>86778</v>
      </c>
      <c r="H24255" s="1" t="s">
        <v>86779</v>
      </c>
      <c r="I24255" s="1" t="s">
        <v>86055</v>
      </c>
      <c r="J24255" s="1" t="s">
        <v>86893</v>
      </c>
    </row>
    <row r="24256" spans="1:10" x14ac:dyDescent="0.35">
      <c r="A24256" s="1" t="s">
        <v>8449</v>
      </c>
      <c r="B24256" s="1" t="s">
        <v>86049</v>
      </c>
      <c r="C24256" s="1" t="s">
        <v>170</v>
      </c>
      <c r="D24256" s="1" t="s">
        <v>86894</v>
      </c>
      <c r="E24256" s="1" t="s">
        <v>86895</v>
      </c>
      <c r="F24256" s="1" t="s">
        <v>86896</v>
      </c>
      <c r="G24256" s="1" t="s">
        <v>86778</v>
      </c>
      <c r="H24256" s="1" t="s">
        <v>86779</v>
      </c>
      <c r="I24256" s="1" t="s">
        <v>86055</v>
      </c>
      <c r="J24256" s="1" t="s">
        <v>86897</v>
      </c>
    </row>
    <row r="24257" spans="1:10" x14ac:dyDescent="0.35">
      <c r="A24257" s="1" t="s">
        <v>86898</v>
      </c>
      <c r="B24257" s="1" t="s">
        <v>86049</v>
      </c>
      <c r="C24257" s="1" t="s">
        <v>8</v>
      </c>
      <c r="D24257" s="1" t="s">
        <v>86899</v>
      </c>
      <c r="E24257" s="1" t="s">
        <v>86900</v>
      </c>
      <c r="F24257" s="1" t="s">
        <v>64279</v>
      </c>
      <c r="G24257" s="1" t="s">
        <v>86901</v>
      </c>
      <c r="H24257" s="1" t="s">
        <v>86902</v>
      </c>
      <c r="I24257" s="1" t="s">
        <v>86055</v>
      </c>
      <c r="J24257" s="1" t="s">
        <v>13</v>
      </c>
    </row>
    <row r="24258" spans="1:10" x14ac:dyDescent="0.35">
      <c r="A24258" s="1" t="s">
        <v>86898</v>
      </c>
      <c r="B24258" s="1" t="s">
        <v>86049</v>
      </c>
      <c r="C24258" s="1" t="s">
        <v>15</v>
      </c>
      <c r="D24258" s="1" t="s">
        <v>67369</v>
      </c>
      <c r="E24258" s="1" t="s">
        <v>86903</v>
      </c>
      <c r="F24258" s="1" t="s">
        <v>86904</v>
      </c>
      <c r="G24258" s="1" t="s">
        <v>86901</v>
      </c>
      <c r="H24258" s="1" t="s">
        <v>86902</v>
      </c>
      <c r="I24258" s="1" t="s">
        <v>86055</v>
      </c>
      <c r="J24258" s="1" t="s">
        <v>86905</v>
      </c>
    </row>
    <row r="24259" spans="1:10" x14ac:dyDescent="0.35">
      <c r="A24259" s="1" t="s">
        <v>86898</v>
      </c>
      <c r="B24259" s="1" t="s">
        <v>86049</v>
      </c>
      <c r="C24259" s="1" t="s">
        <v>20</v>
      </c>
      <c r="D24259" s="1" t="s">
        <v>86906</v>
      </c>
      <c r="E24259" s="1" t="s">
        <v>41509</v>
      </c>
      <c r="F24259" s="1" t="s">
        <v>86907</v>
      </c>
      <c r="G24259" s="1" t="s">
        <v>86901</v>
      </c>
      <c r="H24259" s="1" t="s">
        <v>86902</v>
      </c>
      <c r="I24259" s="1" t="s">
        <v>86055</v>
      </c>
      <c r="J24259" s="1" t="s">
        <v>86908</v>
      </c>
    </row>
    <row r="24260" spans="1:10" x14ac:dyDescent="0.35">
      <c r="A24260" s="1" t="s">
        <v>86898</v>
      </c>
      <c r="B24260" s="1" t="s">
        <v>86049</v>
      </c>
      <c r="C24260" s="1" t="s">
        <v>25</v>
      </c>
      <c r="D24260" s="1" t="s">
        <v>86909</v>
      </c>
      <c r="E24260" s="1" t="s">
        <v>24740</v>
      </c>
      <c r="F24260" s="1" t="s">
        <v>86910</v>
      </c>
      <c r="G24260" s="1" t="s">
        <v>86901</v>
      </c>
      <c r="H24260" s="1" t="s">
        <v>86902</v>
      </c>
      <c r="I24260" s="1" t="s">
        <v>86055</v>
      </c>
      <c r="J24260" s="1" t="s">
        <v>86911</v>
      </c>
    </row>
    <row r="24261" spans="1:10" x14ac:dyDescent="0.35">
      <c r="A24261" s="1" t="s">
        <v>86898</v>
      </c>
      <c r="B24261" s="1" t="s">
        <v>86049</v>
      </c>
      <c r="C24261" s="1" t="s">
        <v>30</v>
      </c>
      <c r="D24261" s="1" t="s">
        <v>86912</v>
      </c>
      <c r="E24261" s="1" t="s">
        <v>24347</v>
      </c>
      <c r="F24261" s="1" t="s">
        <v>86913</v>
      </c>
      <c r="G24261" s="1" t="s">
        <v>86901</v>
      </c>
      <c r="H24261" s="1" t="s">
        <v>86902</v>
      </c>
      <c r="I24261" s="1" t="s">
        <v>86055</v>
      </c>
      <c r="J24261" s="1" t="s">
        <v>86914</v>
      </c>
    </row>
    <row r="24262" spans="1:10" x14ac:dyDescent="0.35">
      <c r="A24262" s="1" t="s">
        <v>86898</v>
      </c>
      <c r="B24262" s="1" t="s">
        <v>86049</v>
      </c>
      <c r="C24262" s="1" t="s">
        <v>35</v>
      </c>
      <c r="D24262" s="1" t="s">
        <v>86915</v>
      </c>
      <c r="E24262" s="1" t="s">
        <v>86916</v>
      </c>
      <c r="F24262" s="1" t="s">
        <v>86917</v>
      </c>
      <c r="G24262" s="1" t="s">
        <v>86901</v>
      </c>
      <c r="H24262" s="1" t="s">
        <v>86902</v>
      </c>
      <c r="I24262" s="1" t="s">
        <v>86055</v>
      </c>
      <c r="J24262" s="1" t="s">
        <v>86918</v>
      </c>
    </row>
    <row r="24263" spans="1:10" x14ac:dyDescent="0.35">
      <c r="A24263" s="1" t="s">
        <v>86898</v>
      </c>
      <c r="B24263" s="1" t="s">
        <v>86049</v>
      </c>
      <c r="C24263" s="1" t="s">
        <v>40</v>
      </c>
      <c r="D24263" s="1" t="s">
        <v>86919</v>
      </c>
      <c r="E24263" s="1" t="s">
        <v>86920</v>
      </c>
      <c r="F24263" s="1" t="s">
        <v>86921</v>
      </c>
      <c r="G24263" s="1" t="s">
        <v>86901</v>
      </c>
      <c r="H24263" s="1" t="s">
        <v>86902</v>
      </c>
      <c r="I24263" s="1" t="s">
        <v>86055</v>
      </c>
      <c r="J24263" s="1" t="s">
        <v>86922</v>
      </c>
    </row>
    <row r="24264" spans="1:10" x14ac:dyDescent="0.35">
      <c r="A24264" s="1" t="s">
        <v>86898</v>
      </c>
      <c r="B24264" s="1" t="s">
        <v>86049</v>
      </c>
      <c r="C24264" s="1" t="s">
        <v>45</v>
      </c>
      <c r="D24264" s="1" t="s">
        <v>86923</v>
      </c>
      <c r="E24264" s="1" t="s">
        <v>41266</v>
      </c>
      <c r="F24264" s="1" t="s">
        <v>23666</v>
      </c>
      <c r="G24264" s="1" t="s">
        <v>86901</v>
      </c>
      <c r="H24264" s="1" t="s">
        <v>86902</v>
      </c>
      <c r="I24264" s="1" t="s">
        <v>86055</v>
      </c>
      <c r="J24264" s="1" t="s">
        <v>86924</v>
      </c>
    </row>
    <row r="24265" spans="1:10" x14ac:dyDescent="0.35">
      <c r="A24265" s="1" t="s">
        <v>86898</v>
      </c>
      <c r="B24265" s="1" t="s">
        <v>86049</v>
      </c>
      <c r="C24265" s="1" t="s">
        <v>50</v>
      </c>
      <c r="D24265" s="1" t="s">
        <v>86925</v>
      </c>
      <c r="E24265" s="1" t="s">
        <v>54971</v>
      </c>
      <c r="F24265" s="1" t="s">
        <v>86926</v>
      </c>
      <c r="G24265" s="1" t="s">
        <v>86901</v>
      </c>
      <c r="H24265" s="1" t="s">
        <v>86902</v>
      </c>
      <c r="I24265" s="1" t="s">
        <v>86055</v>
      </c>
      <c r="J24265" s="1" t="s">
        <v>86927</v>
      </c>
    </row>
    <row r="24266" spans="1:10" x14ac:dyDescent="0.35">
      <c r="A24266" s="1" t="s">
        <v>86898</v>
      </c>
      <c r="B24266" s="1" t="s">
        <v>86049</v>
      </c>
      <c r="C24266" s="1" t="s">
        <v>55</v>
      </c>
      <c r="D24266" s="1" t="s">
        <v>78474</v>
      </c>
      <c r="E24266" s="1" t="s">
        <v>86928</v>
      </c>
      <c r="F24266" s="1" t="s">
        <v>86929</v>
      </c>
      <c r="G24266" s="1" t="s">
        <v>86901</v>
      </c>
      <c r="H24266" s="1" t="s">
        <v>86902</v>
      </c>
      <c r="I24266" s="1" t="s">
        <v>86055</v>
      </c>
      <c r="J24266" s="1" t="s">
        <v>86930</v>
      </c>
    </row>
    <row r="24267" spans="1:10" x14ac:dyDescent="0.35">
      <c r="A24267" s="1" t="s">
        <v>86898</v>
      </c>
      <c r="B24267" s="1" t="s">
        <v>86049</v>
      </c>
      <c r="C24267" s="1" t="s">
        <v>60</v>
      </c>
      <c r="D24267" s="1" t="s">
        <v>24253</v>
      </c>
      <c r="E24267" s="1" t="s">
        <v>41327</v>
      </c>
      <c r="F24267" s="1" t="s">
        <v>86931</v>
      </c>
      <c r="G24267" s="1" t="s">
        <v>86901</v>
      </c>
      <c r="H24267" s="1" t="s">
        <v>86902</v>
      </c>
      <c r="I24267" s="1" t="s">
        <v>86055</v>
      </c>
      <c r="J24267" s="1" t="s">
        <v>86932</v>
      </c>
    </row>
    <row r="24268" spans="1:10" x14ac:dyDescent="0.35">
      <c r="A24268" s="1" t="s">
        <v>86898</v>
      </c>
      <c r="B24268" s="1" t="s">
        <v>86049</v>
      </c>
      <c r="C24268" s="1" t="s">
        <v>65</v>
      </c>
      <c r="D24268" s="1" t="s">
        <v>86933</v>
      </c>
      <c r="E24268" s="1" t="s">
        <v>23796</v>
      </c>
      <c r="F24268" s="1" t="s">
        <v>86934</v>
      </c>
      <c r="G24268" s="1" t="s">
        <v>86901</v>
      </c>
      <c r="H24268" s="1" t="s">
        <v>86902</v>
      </c>
      <c r="I24268" s="1" t="s">
        <v>86055</v>
      </c>
      <c r="J24268" s="1" t="s">
        <v>86935</v>
      </c>
    </row>
    <row r="24269" spans="1:10" x14ac:dyDescent="0.35">
      <c r="A24269" s="1" t="s">
        <v>86898</v>
      </c>
      <c r="B24269" s="1" t="s">
        <v>86049</v>
      </c>
      <c r="C24269" s="1" t="s">
        <v>70</v>
      </c>
      <c r="D24269" s="1" t="s">
        <v>86936</v>
      </c>
      <c r="E24269" s="1" t="s">
        <v>54958</v>
      </c>
      <c r="F24269" s="1" t="s">
        <v>86937</v>
      </c>
      <c r="G24269" s="1" t="s">
        <v>86901</v>
      </c>
      <c r="H24269" s="1" t="s">
        <v>86902</v>
      </c>
      <c r="I24269" s="1" t="s">
        <v>86055</v>
      </c>
      <c r="J24269" s="1" t="s">
        <v>86938</v>
      </c>
    </row>
    <row r="24270" spans="1:10" x14ac:dyDescent="0.35">
      <c r="A24270" s="1" t="s">
        <v>86898</v>
      </c>
      <c r="B24270" s="1" t="s">
        <v>86049</v>
      </c>
      <c r="C24270" s="1" t="s">
        <v>75</v>
      </c>
      <c r="D24270" s="1" t="s">
        <v>86939</v>
      </c>
      <c r="E24270" s="1" t="s">
        <v>41327</v>
      </c>
      <c r="F24270" s="1" t="s">
        <v>86940</v>
      </c>
      <c r="G24270" s="1" t="s">
        <v>86901</v>
      </c>
      <c r="H24270" s="1" t="s">
        <v>86902</v>
      </c>
      <c r="I24270" s="1" t="s">
        <v>86055</v>
      </c>
      <c r="J24270" s="1" t="s">
        <v>86941</v>
      </c>
    </row>
    <row r="24271" spans="1:10" x14ac:dyDescent="0.35">
      <c r="A24271" s="1" t="s">
        <v>86898</v>
      </c>
      <c r="B24271" s="1" t="s">
        <v>86049</v>
      </c>
      <c r="C24271" s="1" t="s">
        <v>80</v>
      </c>
      <c r="D24271" s="1" t="s">
        <v>86942</v>
      </c>
      <c r="E24271" s="1" t="s">
        <v>23796</v>
      </c>
      <c r="F24271" s="1" t="s">
        <v>66028</v>
      </c>
      <c r="G24271" s="1" t="s">
        <v>86901</v>
      </c>
      <c r="H24271" s="1" t="s">
        <v>86902</v>
      </c>
      <c r="I24271" s="1" t="s">
        <v>86055</v>
      </c>
      <c r="J24271" s="1" t="s">
        <v>86943</v>
      </c>
    </row>
    <row r="24272" spans="1:10" x14ac:dyDescent="0.35">
      <c r="A24272" s="1" t="s">
        <v>86898</v>
      </c>
      <c r="B24272" s="1" t="s">
        <v>86049</v>
      </c>
      <c r="C24272" s="1" t="s">
        <v>85</v>
      </c>
      <c r="D24272" s="1" t="s">
        <v>86944</v>
      </c>
      <c r="E24272" s="1" t="s">
        <v>60283</v>
      </c>
      <c r="F24272" s="1" t="s">
        <v>68943</v>
      </c>
      <c r="G24272" s="1" t="s">
        <v>86901</v>
      </c>
      <c r="H24272" s="1" t="s">
        <v>86902</v>
      </c>
      <c r="I24272" s="1" t="s">
        <v>86055</v>
      </c>
      <c r="J24272" s="1" t="s">
        <v>86945</v>
      </c>
    </row>
    <row r="24273" spans="1:10" x14ac:dyDescent="0.35">
      <c r="A24273" s="1" t="s">
        <v>86898</v>
      </c>
      <c r="B24273" s="1" t="s">
        <v>86049</v>
      </c>
      <c r="C24273" s="1" t="s">
        <v>90</v>
      </c>
      <c r="D24273" s="1" t="s">
        <v>84647</v>
      </c>
      <c r="E24273" s="1" t="s">
        <v>58565</v>
      </c>
      <c r="F24273" s="1" t="s">
        <v>60971</v>
      </c>
      <c r="G24273" s="1" t="s">
        <v>86901</v>
      </c>
      <c r="H24273" s="1" t="s">
        <v>86902</v>
      </c>
      <c r="I24273" s="1" t="s">
        <v>86055</v>
      </c>
      <c r="J24273" s="1" t="s">
        <v>86946</v>
      </c>
    </row>
    <row r="24274" spans="1:10" x14ac:dyDescent="0.35">
      <c r="A24274" s="1" t="s">
        <v>86898</v>
      </c>
      <c r="B24274" s="1" t="s">
        <v>86049</v>
      </c>
      <c r="C24274" s="1" t="s">
        <v>95</v>
      </c>
      <c r="D24274" s="1" t="s">
        <v>86947</v>
      </c>
      <c r="E24274" s="1" t="s">
        <v>63431</v>
      </c>
      <c r="F24274" s="1" t="s">
        <v>30661</v>
      </c>
      <c r="G24274" s="1" t="s">
        <v>86901</v>
      </c>
      <c r="H24274" s="1" t="s">
        <v>86902</v>
      </c>
      <c r="I24274" s="1" t="s">
        <v>86055</v>
      </c>
      <c r="J24274" s="1" t="s">
        <v>86948</v>
      </c>
    </row>
    <row r="24275" spans="1:10" x14ac:dyDescent="0.35">
      <c r="A24275" s="1" t="s">
        <v>86898</v>
      </c>
      <c r="B24275" s="1" t="s">
        <v>86049</v>
      </c>
      <c r="C24275" s="1" t="s">
        <v>100</v>
      </c>
      <c r="D24275" s="1" t="s">
        <v>78508</v>
      </c>
      <c r="E24275" s="1" t="s">
        <v>66902</v>
      </c>
      <c r="F24275" s="1" t="s">
        <v>86949</v>
      </c>
      <c r="G24275" s="1" t="s">
        <v>86901</v>
      </c>
      <c r="H24275" s="1" t="s">
        <v>86902</v>
      </c>
      <c r="I24275" s="1" t="s">
        <v>86055</v>
      </c>
      <c r="J24275" s="1" t="s">
        <v>86950</v>
      </c>
    </row>
    <row r="24276" spans="1:10" x14ac:dyDescent="0.35">
      <c r="A24276" s="1" t="s">
        <v>86898</v>
      </c>
      <c r="B24276" s="1" t="s">
        <v>86049</v>
      </c>
      <c r="C24276" s="1" t="s">
        <v>105</v>
      </c>
      <c r="D24276" s="1" t="s">
        <v>86951</v>
      </c>
      <c r="E24276" s="1" t="s">
        <v>23894</v>
      </c>
      <c r="F24276" s="1" t="s">
        <v>86952</v>
      </c>
      <c r="G24276" s="1" t="s">
        <v>86901</v>
      </c>
      <c r="H24276" s="1" t="s">
        <v>86902</v>
      </c>
      <c r="I24276" s="1" t="s">
        <v>86055</v>
      </c>
      <c r="J24276" s="1" t="s">
        <v>86953</v>
      </c>
    </row>
    <row r="24277" spans="1:10" x14ac:dyDescent="0.35">
      <c r="A24277" s="1" t="s">
        <v>86898</v>
      </c>
      <c r="B24277" s="1" t="s">
        <v>86049</v>
      </c>
      <c r="C24277" s="1" t="s">
        <v>110</v>
      </c>
      <c r="D24277" s="1" t="s">
        <v>86954</v>
      </c>
      <c r="E24277" s="1" t="s">
        <v>55030</v>
      </c>
      <c r="F24277" s="1" t="s">
        <v>15414</v>
      </c>
      <c r="G24277" s="1" t="s">
        <v>86901</v>
      </c>
      <c r="H24277" s="1" t="s">
        <v>86902</v>
      </c>
      <c r="I24277" s="1" t="s">
        <v>86055</v>
      </c>
      <c r="J24277" s="1" t="s">
        <v>86955</v>
      </c>
    </row>
    <row r="24278" spans="1:10" x14ac:dyDescent="0.35">
      <c r="A24278" s="1" t="s">
        <v>86898</v>
      </c>
      <c r="B24278" s="1" t="s">
        <v>86049</v>
      </c>
      <c r="C24278" s="1" t="s">
        <v>115</v>
      </c>
      <c r="D24278" s="1" t="s">
        <v>86956</v>
      </c>
      <c r="E24278" s="1" t="s">
        <v>21952</v>
      </c>
      <c r="F24278" s="1" t="s">
        <v>86957</v>
      </c>
      <c r="G24278" s="1" t="s">
        <v>86901</v>
      </c>
      <c r="H24278" s="1" t="s">
        <v>86902</v>
      </c>
      <c r="I24278" s="1" t="s">
        <v>86055</v>
      </c>
      <c r="J24278" s="1" t="s">
        <v>86958</v>
      </c>
    </row>
    <row r="24279" spans="1:10" x14ac:dyDescent="0.35">
      <c r="A24279" s="1" t="s">
        <v>86898</v>
      </c>
      <c r="B24279" s="1" t="s">
        <v>86049</v>
      </c>
      <c r="C24279" s="1" t="s">
        <v>120</v>
      </c>
      <c r="D24279" s="1" t="s">
        <v>86959</v>
      </c>
      <c r="E24279" s="1" t="s">
        <v>23371</v>
      </c>
      <c r="F24279" s="1" t="s">
        <v>86960</v>
      </c>
      <c r="G24279" s="1" t="s">
        <v>86901</v>
      </c>
      <c r="H24279" s="1" t="s">
        <v>86902</v>
      </c>
      <c r="I24279" s="1" t="s">
        <v>86055</v>
      </c>
      <c r="J24279" s="1" t="s">
        <v>86961</v>
      </c>
    </row>
    <row r="24280" spans="1:10" x14ac:dyDescent="0.35">
      <c r="A24280" s="1" t="s">
        <v>86898</v>
      </c>
      <c r="B24280" s="1" t="s">
        <v>86049</v>
      </c>
      <c r="C24280" s="1" t="s">
        <v>125</v>
      </c>
      <c r="D24280" s="1" t="s">
        <v>77428</v>
      </c>
      <c r="E24280" s="1" t="s">
        <v>86962</v>
      </c>
      <c r="F24280" s="1" t="s">
        <v>86963</v>
      </c>
      <c r="G24280" s="1" t="s">
        <v>86901</v>
      </c>
      <c r="H24280" s="1" t="s">
        <v>86902</v>
      </c>
      <c r="I24280" s="1" t="s">
        <v>86055</v>
      </c>
      <c r="J24280" s="1" t="s">
        <v>86964</v>
      </c>
    </row>
    <row r="24281" spans="1:10" x14ac:dyDescent="0.35">
      <c r="A24281" s="1" t="s">
        <v>86898</v>
      </c>
      <c r="B24281" s="1" t="s">
        <v>86049</v>
      </c>
      <c r="C24281" s="1" t="s">
        <v>130</v>
      </c>
      <c r="D24281" s="1" t="s">
        <v>86965</v>
      </c>
      <c r="E24281" s="1" t="s">
        <v>23126</v>
      </c>
      <c r="F24281" s="1" t="s">
        <v>86966</v>
      </c>
      <c r="G24281" s="1" t="s">
        <v>86901</v>
      </c>
      <c r="H24281" s="1" t="s">
        <v>86902</v>
      </c>
      <c r="I24281" s="1" t="s">
        <v>86055</v>
      </c>
      <c r="J24281" s="1" t="s">
        <v>86967</v>
      </c>
    </row>
    <row r="24282" spans="1:10" x14ac:dyDescent="0.35">
      <c r="A24282" s="1" t="s">
        <v>86898</v>
      </c>
      <c r="B24282" s="1" t="s">
        <v>86049</v>
      </c>
      <c r="C24282" s="1" t="s">
        <v>135</v>
      </c>
      <c r="D24282" s="1" t="s">
        <v>86968</v>
      </c>
      <c r="E24282" s="1" t="s">
        <v>41385</v>
      </c>
      <c r="F24282" s="1" t="s">
        <v>86969</v>
      </c>
      <c r="G24282" s="1" t="s">
        <v>86901</v>
      </c>
      <c r="H24282" s="1" t="s">
        <v>86902</v>
      </c>
      <c r="I24282" s="1" t="s">
        <v>86055</v>
      </c>
      <c r="J24282" s="1" t="s">
        <v>86970</v>
      </c>
    </row>
    <row r="24283" spans="1:10" x14ac:dyDescent="0.35">
      <c r="A24283" s="1" t="s">
        <v>86898</v>
      </c>
      <c r="B24283" s="1" t="s">
        <v>86049</v>
      </c>
      <c r="C24283" s="1" t="s">
        <v>140</v>
      </c>
      <c r="D24283" s="1" t="s">
        <v>77355</v>
      </c>
      <c r="E24283" s="1" t="s">
        <v>65673</v>
      </c>
      <c r="F24283" s="1" t="s">
        <v>86971</v>
      </c>
      <c r="G24283" s="1" t="s">
        <v>86901</v>
      </c>
      <c r="H24283" s="1" t="s">
        <v>86902</v>
      </c>
      <c r="I24283" s="1" t="s">
        <v>86055</v>
      </c>
      <c r="J24283" s="1" t="s">
        <v>86972</v>
      </c>
    </row>
    <row r="24284" spans="1:10" x14ac:dyDescent="0.35">
      <c r="A24284" s="1" t="s">
        <v>86898</v>
      </c>
      <c r="B24284" s="1" t="s">
        <v>86049</v>
      </c>
      <c r="C24284" s="1" t="s">
        <v>145</v>
      </c>
      <c r="D24284" s="1" t="s">
        <v>78287</v>
      </c>
      <c r="E24284" s="1" t="s">
        <v>21894</v>
      </c>
      <c r="F24284" s="1" t="s">
        <v>86973</v>
      </c>
      <c r="G24284" s="1" t="s">
        <v>86901</v>
      </c>
      <c r="H24284" s="1" t="s">
        <v>86902</v>
      </c>
      <c r="I24284" s="1" t="s">
        <v>86055</v>
      </c>
      <c r="J24284" s="1" t="s">
        <v>86974</v>
      </c>
    </row>
    <row r="24285" spans="1:10" x14ac:dyDescent="0.35">
      <c r="A24285" s="1" t="s">
        <v>86898</v>
      </c>
      <c r="B24285" s="1" t="s">
        <v>86049</v>
      </c>
      <c r="C24285" s="1" t="s">
        <v>150</v>
      </c>
      <c r="D24285" s="1" t="s">
        <v>60097</v>
      </c>
      <c r="E24285" s="1" t="s">
        <v>55869</v>
      </c>
      <c r="F24285" s="1" t="s">
        <v>86975</v>
      </c>
      <c r="G24285" s="1" t="s">
        <v>86901</v>
      </c>
      <c r="H24285" s="1" t="s">
        <v>86902</v>
      </c>
      <c r="I24285" s="1" t="s">
        <v>86055</v>
      </c>
      <c r="J24285" s="1" t="s">
        <v>86976</v>
      </c>
    </row>
    <row r="24286" spans="1:10" x14ac:dyDescent="0.35">
      <c r="A24286" s="1" t="s">
        <v>86898</v>
      </c>
      <c r="B24286" s="1" t="s">
        <v>86049</v>
      </c>
      <c r="C24286" s="1" t="s">
        <v>155</v>
      </c>
      <c r="D24286" s="1" t="s">
        <v>86977</v>
      </c>
      <c r="E24286" s="1" t="s">
        <v>55069</v>
      </c>
      <c r="F24286" s="1" t="s">
        <v>86978</v>
      </c>
      <c r="G24286" s="1" t="s">
        <v>86901</v>
      </c>
      <c r="H24286" s="1" t="s">
        <v>86902</v>
      </c>
      <c r="I24286" s="1" t="s">
        <v>86055</v>
      </c>
      <c r="J24286" s="1" t="s">
        <v>86979</v>
      </c>
    </row>
    <row r="24287" spans="1:10" x14ac:dyDescent="0.35">
      <c r="A24287" s="1" t="s">
        <v>86898</v>
      </c>
      <c r="B24287" s="1" t="s">
        <v>86049</v>
      </c>
      <c r="C24287" s="1" t="s">
        <v>160</v>
      </c>
      <c r="D24287" s="1" t="s">
        <v>86980</v>
      </c>
      <c r="E24287" s="1" t="s">
        <v>41338</v>
      </c>
      <c r="F24287" s="1" t="s">
        <v>86981</v>
      </c>
      <c r="G24287" s="1" t="s">
        <v>86901</v>
      </c>
      <c r="H24287" s="1" t="s">
        <v>86902</v>
      </c>
      <c r="I24287" s="1" t="s">
        <v>86055</v>
      </c>
      <c r="J24287" s="1" t="s">
        <v>86982</v>
      </c>
    </row>
    <row r="24288" spans="1:10" x14ac:dyDescent="0.35">
      <c r="A24288" s="1" t="s">
        <v>86898</v>
      </c>
      <c r="B24288" s="1" t="s">
        <v>86049</v>
      </c>
      <c r="C24288" s="1" t="s">
        <v>165</v>
      </c>
      <c r="D24288" s="1" t="s">
        <v>86983</v>
      </c>
      <c r="E24288" s="1" t="s">
        <v>21795</v>
      </c>
      <c r="F24288" s="1" t="s">
        <v>86984</v>
      </c>
      <c r="G24288" s="1" t="s">
        <v>86901</v>
      </c>
      <c r="H24288" s="1" t="s">
        <v>86902</v>
      </c>
      <c r="I24288" s="1" t="s">
        <v>86055</v>
      </c>
      <c r="J24288" s="1" t="s">
        <v>86985</v>
      </c>
    </row>
    <row r="24289" spans="1:10" x14ac:dyDescent="0.35">
      <c r="A24289" s="1" t="s">
        <v>86898</v>
      </c>
      <c r="B24289" s="1" t="s">
        <v>86049</v>
      </c>
      <c r="C24289" s="1" t="s">
        <v>170</v>
      </c>
      <c r="D24289" s="1" t="s">
        <v>81818</v>
      </c>
      <c r="E24289" s="1" t="s">
        <v>12868</v>
      </c>
      <c r="F24289" s="1" t="s">
        <v>86986</v>
      </c>
      <c r="G24289" s="1" t="s">
        <v>86901</v>
      </c>
      <c r="H24289" s="1" t="s">
        <v>86902</v>
      </c>
      <c r="I24289" s="1" t="s">
        <v>86055</v>
      </c>
      <c r="J24289" s="1" t="s">
        <v>86987</v>
      </c>
    </row>
    <row r="24290" spans="1:10" x14ac:dyDescent="0.35">
      <c r="A24290" s="1" t="s">
        <v>86988</v>
      </c>
      <c r="B24290" s="1" t="s">
        <v>86049</v>
      </c>
      <c r="C24290" s="1" t="s">
        <v>8</v>
      </c>
      <c r="D24290" s="1" t="s">
        <v>86989</v>
      </c>
      <c r="E24290" s="1" t="s">
        <v>86990</v>
      </c>
      <c r="F24290" s="1" t="s">
        <v>86991</v>
      </c>
      <c r="G24290" s="1" t="s">
        <v>86992</v>
      </c>
      <c r="H24290" s="1" t="s">
        <v>86993</v>
      </c>
      <c r="I24290" s="1" t="s">
        <v>86055</v>
      </c>
      <c r="J24290" s="1" t="s">
        <v>13</v>
      </c>
    </row>
    <row r="24291" spans="1:10" x14ac:dyDescent="0.35">
      <c r="A24291" s="1" t="s">
        <v>86988</v>
      </c>
      <c r="B24291" s="1" t="s">
        <v>86049</v>
      </c>
      <c r="C24291" s="1" t="s">
        <v>15</v>
      </c>
      <c r="D24291" s="1" t="s">
        <v>86994</v>
      </c>
      <c r="E24291" s="1" t="s">
        <v>86995</v>
      </c>
      <c r="F24291" s="1" t="s">
        <v>86996</v>
      </c>
      <c r="G24291" s="1" t="s">
        <v>86992</v>
      </c>
      <c r="H24291" s="1" t="s">
        <v>86993</v>
      </c>
      <c r="I24291" s="1" t="s">
        <v>86055</v>
      </c>
      <c r="J24291" s="1" t="s">
        <v>86997</v>
      </c>
    </row>
    <row r="24292" spans="1:10" x14ac:dyDescent="0.35">
      <c r="A24292" s="1" t="s">
        <v>86988</v>
      </c>
      <c r="B24292" s="1" t="s">
        <v>86049</v>
      </c>
      <c r="C24292" s="1" t="s">
        <v>20</v>
      </c>
      <c r="D24292" s="1" t="s">
        <v>67580</v>
      </c>
      <c r="E24292" s="1" t="s">
        <v>86998</v>
      </c>
      <c r="F24292" s="1" t="s">
        <v>86999</v>
      </c>
      <c r="G24292" s="1" t="s">
        <v>86992</v>
      </c>
      <c r="H24292" s="1" t="s">
        <v>86993</v>
      </c>
      <c r="I24292" s="1" t="s">
        <v>86055</v>
      </c>
      <c r="J24292" s="1" t="s">
        <v>87000</v>
      </c>
    </row>
    <row r="24293" spans="1:10" x14ac:dyDescent="0.35">
      <c r="A24293" s="1" t="s">
        <v>86988</v>
      </c>
      <c r="B24293" s="1" t="s">
        <v>86049</v>
      </c>
      <c r="C24293" s="1" t="s">
        <v>25</v>
      </c>
      <c r="D24293" s="1" t="s">
        <v>87001</v>
      </c>
      <c r="E24293" s="1" t="s">
        <v>87002</v>
      </c>
      <c r="F24293" s="1" t="s">
        <v>87003</v>
      </c>
      <c r="G24293" s="1" t="s">
        <v>86992</v>
      </c>
      <c r="H24293" s="1" t="s">
        <v>86993</v>
      </c>
      <c r="I24293" s="1" t="s">
        <v>86055</v>
      </c>
      <c r="J24293" s="1" t="s">
        <v>87004</v>
      </c>
    </row>
    <row r="24294" spans="1:10" x14ac:dyDescent="0.35">
      <c r="A24294" s="1" t="s">
        <v>86988</v>
      </c>
      <c r="B24294" s="1" t="s">
        <v>86049</v>
      </c>
      <c r="C24294" s="1" t="s">
        <v>30</v>
      </c>
      <c r="D24294" s="1" t="s">
        <v>87005</v>
      </c>
      <c r="E24294" s="1" t="s">
        <v>87006</v>
      </c>
      <c r="F24294" s="1" t="s">
        <v>87007</v>
      </c>
      <c r="G24294" s="1" t="s">
        <v>86992</v>
      </c>
      <c r="H24294" s="1" t="s">
        <v>86993</v>
      </c>
      <c r="I24294" s="1" t="s">
        <v>86055</v>
      </c>
      <c r="J24294" s="1" t="s">
        <v>87008</v>
      </c>
    </row>
    <row r="24295" spans="1:10" x14ac:dyDescent="0.35">
      <c r="A24295" s="1" t="s">
        <v>86988</v>
      </c>
      <c r="B24295" s="1" t="s">
        <v>86049</v>
      </c>
      <c r="C24295" s="1" t="s">
        <v>35</v>
      </c>
      <c r="D24295" s="1" t="s">
        <v>87009</v>
      </c>
      <c r="E24295" s="1" t="s">
        <v>87010</v>
      </c>
      <c r="F24295" s="1" t="s">
        <v>87011</v>
      </c>
      <c r="G24295" s="1" t="s">
        <v>86992</v>
      </c>
      <c r="H24295" s="1" t="s">
        <v>86993</v>
      </c>
      <c r="I24295" s="1" t="s">
        <v>86055</v>
      </c>
      <c r="J24295" s="1" t="s">
        <v>87012</v>
      </c>
    </row>
    <row r="24296" spans="1:10" x14ac:dyDescent="0.35">
      <c r="A24296" s="1" t="s">
        <v>86988</v>
      </c>
      <c r="B24296" s="1" t="s">
        <v>86049</v>
      </c>
      <c r="C24296" s="1" t="s">
        <v>40</v>
      </c>
      <c r="D24296" s="1" t="s">
        <v>57929</v>
      </c>
      <c r="E24296" s="1" t="s">
        <v>87013</v>
      </c>
      <c r="F24296" s="1" t="s">
        <v>87014</v>
      </c>
      <c r="G24296" s="1" t="s">
        <v>86992</v>
      </c>
      <c r="H24296" s="1" t="s">
        <v>86993</v>
      </c>
      <c r="I24296" s="1" t="s">
        <v>86055</v>
      </c>
      <c r="J24296" s="1" t="s">
        <v>87015</v>
      </c>
    </row>
    <row r="24297" spans="1:10" x14ac:dyDescent="0.35">
      <c r="A24297" s="1" t="s">
        <v>86988</v>
      </c>
      <c r="B24297" s="1" t="s">
        <v>86049</v>
      </c>
      <c r="C24297" s="1" t="s">
        <v>45</v>
      </c>
      <c r="D24297" s="1" t="s">
        <v>87016</v>
      </c>
      <c r="E24297" s="1" t="s">
        <v>87017</v>
      </c>
      <c r="F24297" s="1" t="s">
        <v>87018</v>
      </c>
      <c r="G24297" s="1" t="s">
        <v>86992</v>
      </c>
      <c r="H24297" s="1" t="s">
        <v>86993</v>
      </c>
      <c r="I24297" s="1" t="s">
        <v>86055</v>
      </c>
      <c r="J24297" s="1" t="s">
        <v>87019</v>
      </c>
    </row>
    <row r="24298" spans="1:10" x14ac:dyDescent="0.35">
      <c r="A24298" s="1" t="s">
        <v>86988</v>
      </c>
      <c r="B24298" s="1" t="s">
        <v>86049</v>
      </c>
      <c r="C24298" s="1" t="s">
        <v>50</v>
      </c>
      <c r="D24298" s="1" t="s">
        <v>86141</v>
      </c>
      <c r="E24298" s="1" t="s">
        <v>87020</v>
      </c>
      <c r="F24298" s="1" t="s">
        <v>87021</v>
      </c>
      <c r="G24298" s="1" t="s">
        <v>86992</v>
      </c>
      <c r="H24298" s="1" t="s">
        <v>86993</v>
      </c>
      <c r="I24298" s="1" t="s">
        <v>86055</v>
      </c>
      <c r="J24298" s="1" t="s">
        <v>87022</v>
      </c>
    </row>
    <row r="24299" spans="1:10" x14ac:dyDescent="0.35">
      <c r="A24299" s="1" t="s">
        <v>86988</v>
      </c>
      <c r="B24299" s="1" t="s">
        <v>86049</v>
      </c>
      <c r="C24299" s="1" t="s">
        <v>55</v>
      </c>
      <c r="D24299" s="1" t="s">
        <v>2778</v>
      </c>
      <c r="E24299" s="1" t="s">
        <v>87023</v>
      </c>
      <c r="F24299" s="1" t="s">
        <v>87024</v>
      </c>
      <c r="G24299" s="1" t="s">
        <v>86992</v>
      </c>
      <c r="H24299" s="1" t="s">
        <v>86993</v>
      </c>
      <c r="I24299" s="1" t="s">
        <v>86055</v>
      </c>
      <c r="J24299" s="1" t="s">
        <v>87025</v>
      </c>
    </row>
    <row r="24300" spans="1:10" x14ac:dyDescent="0.35">
      <c r="A24300" s="1" t="s">
        <v>86988</v>
      </c>
      <c r="B24300" s="1" t="s">
        <v>86049</v>
      </c>
      <c r="C24300" s="1" t="s">
        <v>60</v>
      </c>
      <c r="D24300" s="1" t="s">
        <v>87026</v>
      </c>
      <c r="E24300" s="1" t="s">
        <v>87027</v>
      </c>
      <c r="F24300" s="1" t="s">
        <v>87028</v>
      </c>
      <c r="G24300" s="1" t="s">
        <v>86992</v>
      </c>
      <c r="H24300" s="1" t="s">
        <v>86993</v>
      </c>
      <c r="I24300" s="1" t="s">
        <v>86055</v>
      </c>
      <c r="J24300" s="1" t="s">
        <v>87029</v>
      </c>
    </row>
    <row r="24301" spans="1:10" x14ac:dyDescent="0.35">
      <c r="A24301" s="1" t="s">
        <v>86988</v>
      </c>
      <c r="B24301" s="1" t="s">
        <v>86049</v>
      </c>
      <c r="C24301" s="1" t="s">
        <v>65</v>
      </c>
      <c r="D24301" s="1" t="s">
        <v>87030</v>
      </c>
      <c r="E24301" s="1" t="s">
        <v>87031</v>
      </c>
      <c r="F24301" s="1" t="s">
        <v>87032</v>
      </c>
      <c r="G24301" s="1" t="s">
        <v>86992</v>
      </c>
      <c r="H24301" s="1" t="s">
        <v>86993</v>
      </c>
      <c r="I24301" s="1" t="s">
        <v>86055</v>
      </c>
      <c r="J24301" s="1" t="s">
        <v>87033</v>
      </c>
    </row>
    <row r="24302" spans="1:10" x14ac:dyDescent="0.35">
      <c r="A24302" s="1" t="s">
        <v>86988</v>
      </c>
      <c r="B24302" s="1" t="s">
        <v>86049</v>
      </c>
      <c r="C24302" s="1" t="s">
        <v>70</v>
      </c>
      <c r="D24302" s="1" t="s">
        <v>87034</v>
      </c>
      <c r="E24302" s="1" t="s">
        <v>87035</v>
      </c>
      <c r="F24302" s="1" t="s">
        <v>87036</v>
      </c>
      <c r="G24302" s="1" t="s">
        <v>86992</v>
      </c>
      <c r="H24302" s="1" t="s">
        <v>86993</v>
      </c>
      <c r="I24302" s="1" t="s">
        <v>86055</v>
      </c>
      <c r="J24302" s="1" t="s">
        <v>87037</v>
      </c>
    </row>
    <row r="24303" spans="1:10" x14ac:dyDescent="0.35">
      <c r="A24303" s="1" t="s">
        <v>86988</v>
      </c>
      <c r="B24303" s="1" t="s">
        <v>86049</v>
      </c>
      <c r="C24303" s="1" t="s">
        <v>75</v>
      </c>
      <c r="D24303" s="1" t="s">
        <v>87038</v>
      </c>
      <c r="E24303" s="1" t="s">
        <v>87039</v>
      </c>
      <c r="F24303" s="1" t="s">
        <v>87040</v>
      </c>
      <c r="G24303" s="1" t="s">
        <v>86992</v>
      </c>
      <c r="H24303" s="1" t="s">
        <v>86993</v>
      </c>
      <c r="I24303" s="1" t="s">
        <v>86055</v>
      </c>
      <c r="J24303" s="1" t="s">
        <v>87041</v>
      </c>
    </row>
    <row r="24304" spans="1:10" x14ac:dyDescent="0.35">
      <c r="A24304" s="1" t="s">
        <v>86988</v>
      </c>
      <c r="B24304" s="1" t="s">
        <v>86049</v>
      </c>
      <c r="C24304" s="1" t="s">
        <v>80</v>
      </c>
      <c r="D24304" s="1" t="s">
        <v>81628</v>
      </c>
      <c r="E24304" s="1" t="s">
        <v>87042</v>
      </c>
      <c r="F24304" s="1" t="s">
        <v>87043</v>
      </c>
      <c r="G24304" s="1" t="s">
        <v>86992</v>
      </c>
      <c r="H24304" s="1" t="s">
        <v>86993</v>
      </c>
      <c r="I24304" s="1" t="s">
        <v>86055</v>
      </c>
      <c r="J24304" s="1" t="s">
        <v>87044</v>
      </c>
    </row>
    <row r="24305" spans="1:10" x14ac:dyDescent="0.35">
      <c r="A24305" s="1" t="s">
        <v>86988</v>
      </c>
      <c r="B24305" s="1" t="s">
        <v>86049</v>
      </c>
      <c r="C24305" s="1" t="s">
        <v>85</v>
      </c>
      <c r="D24305" s="1" t="s">
        <v>87045</v>
      </c>
      <c r="E24305" s="1" t="s">
        <v>87046</v>
      </c>
      <c r="F24305" s="1" t="s">
        <v>87047</v>
      </c>
      <c r="G24305" s="1" t="s">
        <v>86992</v>
      </c>
      <c r="H24305" s="1" t="s">
        <v>86993</v>
      </c>
      <c r="I24305" s="1" t="s">
        <v>86055</v>
      </c>
      <c r="J24305" s="1" t="s">
        <v>87048</v>
      </c>
    </row>
    <row r="24306" spans="1:10" x14ac:dyDescent="0.35">
      <c r="A24306" s="1" t="s">
        <v>86988</v>
      </c>
      <c r="B24306" s="1" t="s">
        <v>86049</v>
      </c>
      <c r="C24306" s="1" t="s">
        <v>90</v>
      </c>
      <c r="D24306" s="1" t="s">
        <v>57537</v>
      </c>
      <c r="E24306" s="1" t="s">
        <v>87049</v>
      </c>
      <c r="F24306" s="1" t="s">
        <v>87050</v>
      </c>
      <c r="G24306" s="1" t="s">
        <v>86992</v>
      </c>
      <c r="H24306" s="1" t="s">
        <v>86993</v>
      </c>
      <c r="I24306" s="1" t="s">
        <v>86055</v>
      </c>
      <c r="J24306" s="1" t="s">
        <v>87051</v>
      </c>
    </row>
    <row r="24307" spans="1:10" x14ac:dyDescent="0.35">
      <c r="A24307" s="1" t="s">
        <v>86988</v>
      </c>
      <c r="B24307" s="1" t="s">
        <v>86049</v>
      </c>
      <c r="C24307" s="1" t="s">
        <v>95</v>
      </c>
      <c r="D24307" s="1" t="s">
        <v>87052</v>
      </c>
      <c r="E24307" s="1" t="s">
        <v>87053</v>
      </c>
      <c r="F24307" s="1" t="s">
        <v>87054</v>
      </c>
      <c r="G24307" s="1" t="s">
        <v>86992</v>
      </c>
      <c r="H24307" s="1" t="s">
        <v>86993</v>
      </c>
      <c r="I24307" s="1" t="s">
        <v>86055</v>
      </c>
      <c r="J24307" s="1" t="s">
        <v>87055</v>
      </c>
    </row>
    <row r="24308" spans="1:10" x14ac:dyDescent="0.35">
      <c r="A24308" s="1" t="s">
        <v>86988</v>
      </c>
      <c r="B24308" s="1" t="s">
        <v>86049</v>
      </c>
      <c r="C24308" s="1" t="s">
        <v>100</v>
      </c>
      <c r="D24308" s="1" t="s">
        <v>58333</v>
      </c>
      <c r="E24308" s="1" t="s">
        <v>87056</v>
      </c>
      <c r="F24308" s="1" t="s">
        <v>87057</v>
      </c>
      <c r="G24308" s="1" t="s">
        <v>86992</v>
      </c>
      <c r="H24308" s="1" t="s">
        <v>86993</v>
      </c>
      <c r="I24308" s="1" t="s">
        <v>86055</v>
      </c>
      <c r="J24308" s="1" t="s">
        <v>87058</v>
      </c>
    </row>
    <row r="24309" spans="1:10" x14ac:dyDescent="0.35">
      <c r="A24309" s="1" t="s">
        <v>86988</v>
      </c>
      <c r="B24309" s="1" t="s">
        <v>86049</v>
      </c>
      <c r="C24309" s="1" t="s">
        <v>105</v>
      </c>
      <c r="D24309" s="1" t="s">
        <v>87059</v>
      </c>
      <c r="E24309" s="1" t="s">
        <v>87060</v>
      </c>
      <c r="F24309" s="1" t="s">
        <v>87061</v>
      </c>
      <c r="G24309" s="1" t="s">
        <v>86992</v>
      </c>
      <c r="H24309" s="1" t="s">
        <v>86993</v>
      </c>
      <c r="I24309" s="1" t="s">
        <v>86055</v>
      </c>
      <c r="J24309" s="1" t="s">
        <v>87062</v>
      </c>
    </row>
    <row r="24310" spans="1:10" x14ac:dyDescent="0.35">
      <c r="A24310" s="1" t="s">
        <v>86988</v>
      </c>
      <c r="B24310" s="1" t="s">
        <v>86049</v>
      </c>
      <c r="C24310" s="1" t="s">
        <v>110</v>
      </c>
      <c r="D24310" s="1" t="s">
        <v>87063</v>
      </c>
      <c r="E24310" s="1" t="s">
        <v>87064</v>
      </c>
      <c r="F24310" s="1" t="s">
        <v>87065</v>
      </c>
      <c r="G24310" s="1" t="s">
        <v>86992</v>
      </c>
      <c r="H24310" s="1" t="s">
        <v>86993</v>
      </c>
      <c r="I24310" s="1" t="s">
        <v>86055</v>
      </c>
      <c r="J24310" s="1" t="s">
        <v>87066</v>
      </c>
    </row>
    <row r="24311" spans="1:10" x14ac:dyDescent="0.35">
      <c r="A24311" s="1" t="s">
        <v>86988</v>
      </c>
      <c r="B24311" s="1" t="s">
        <v>86049</v>
      </c>
      <c r="C24311" s="1" t="s">
        <v>115</v>
      </c>
      <c r="D24311" s="1" t="s">
        <v>84681</v>
      </c>
      <c r="E24311" s="1" t="s">
        <v>87067</v>
      </c>
      <c r="F24311" s="1" t="s">
        <v>87068</v>
      </c>
      <c r="G24311" s="1" t="s">
        <v>86992</v>
      </c>
      <c r="H24311" s="1" t="s">
        <v>86993</v>
      </c>
      <c r="I24311" s="1" t="s">
        <v>86055</v>
      </c>
      <c r="J24311" s="1" t="s">
        <v>87069</v>
      </c>
    </row>
    <row r="24312" spans="1:10" x14ac:dyDescent="0.35">
      <c r="A24312" s="1" t="s">
        <v>86988</v>
      </c>
      <c r="B24312" s="1" t="s">
        <v>86049</v>
      </c>
      <c r="C24312" s="1" t="s">
        <v>120</v>
      </c>
      <c r="D24312" s="1" t="s">
        <v>87070</v>
      </c>
      <c r="E24312" s="1" t="s">
        <v>87071</v>
      </c>
      <c r="F24312" s="1" t="s">
        <v>87072</v>
      </c>
      <c r="G24312" s="1" t="s">
        <v>86992</v>
      </c>
      <c r="H24312" s="1" t="s">
        <v>86993</v>
      </c>
      <c r="I24312" s="1" t="s">
        <v>86055</v>
      </c>
      <c r="J24312" s="1" t="s">
        <v>87073</v>
      </c>
    </row>
    <row r="24313" spans="1:10" x14ac:dyDescent="0.35">
      <c r="A24313" s="1" t="s">
        <v>86988</v>
      </c>
      <c r="B24313" s="1" t="s">
        <v>86049</v>
      </c>
      <c r="C24313" s="1" t="s">
        <v>125</v>
      </c>
      <c r="D24313" s="1" t="s">
        <v>69090</v>
      </c>
      <c r="E24313" s="1" t="s">
        <v>87074</v>
      </c>
      <c r="F24313" s="1" t="s">
        <v>87075</v>
      </c>
      <c r="G24313" s="1" t="s">
        <v>86992</v>
      </c>
      <c r="H24313" s="1" t="s">
        <v>86993</v>
      </c>
      <c r="I24313" s="1" t="s">
        <v>86055</v>
      </c>
      <c r="J24313" s="1" t="s">
        <v>87076</v>
      </c>
    </row>
    <row r="24314" spans="1:10" x14ac:dyDescent="0.35">
      <c r="A24314" s="1" t="s">
        <v>86988</v>
      </c>
      <c r="B24314" s="1" t="s">
        <v>86049</v>
      </c>
      <c r="C24314" s="1" t="s">
        <v>130</v>
      </c>
      <c r="D24314" s="1" t="s">
        <v>87077</v>
      </c>
      <c r="E24314" s="1" t="s">
        <v>87078</v>
      </c>
      <c r="F24314" s="1" t="s">
        <v>87079</v>
      </c>
      <c r="G24314" s="1" t="s">
        <v>86992</v>
      </c>
      <c r="H24314" s="1" t="s">
        <v>86993</v>
      </c>
      <c r="I24314" s="1" t="s">
        <v>86055</v>
      </c>
      <c r="J24314" s="1" t="s">
        <v>87080</v>
      </c>
    </row>
    <row r="24315" spans="1:10" x14ac:dyDescent="0.35">
      <c r="A24315" s="1" t="s">
        <v>86988</v>
      </c>
      <c r="B24315" s="1" t="s">
        <v>86049</v>
      </c>
      <c r="C24315" s="1" t="s">
        <v>135</v>
      </c>
      <c r="D24315" s="1" t="s">
        <v>87081</v>
      </c>
      <c r="E24315" s="1" t="s">
        <v>87082</v>
      </c>
      <c r="F24315" s="1" t="s">
        <v>87083</v>
      </c>
      <c r="G24315" s="1" t="s">
        <v>86992</v>
      </c>
      <c r="H24315" s="1" t="s">
        <v>86993</v>
      </c>
      <c r="I24315" s="1" t="s">
        <v>86055</v>
      </c>
      <c r="J24315" s="1" t="s">
        <v>87084</v>
      </c>
    </row>
    <row r="24316" spans="1:10" x14ac:dyDescent="0.35">
      <c r="A24316" s="1" t="s">
        <v>86988</v>
      </c>
      <c r="B24316" s="1" t="s">
        <v>86049</v>
      </c>
      <c r="C24316" s="1" t="s">
        <v>140</v>
      </c>
      <c r="D24316" s="1" t="s">
        <v>87085</v>
      </c>
      <c r="E24316" s="1" t="s">
        <v>87086</v>
      </c>
      <c r="F24316" s="1" t="s">
        <v>87087</v>
      </c>
      <c r="G24316" s="1" t="s">
        <v>86992</v>
      </c>
      <c r="H24316" s="1" t="s">
        <v>86993</v>
      </c>
      <c r="I24316" s="1" t="s">
        <v>86055</v>
      </c>
      <c r="J24316" s="1" t="s">
        <v>87088</v>
      </c>
    </row>
    <row r="24317" spans="1:10" x14ac:dyDescent="0.35">
      <c r="A24317" s="1" t="s">
        <v>86988</v>
      </c>
      <c r="B24317" s="1" t="s">
        <v>86049</v>
      </c>
      <c r="C24317" s="1" t="s">
        <v>145</v>
      </c>
      <c r="D24317" s="1" t="s">
        <v>87089</v>
      </c>
      <c r="E24317" s="1" t="s">
        <v>87090</v>
      </c>
      <c r="F24317" s="1" t="s">
        <v>87091</v>
      </c>
      <c r="G24317" s="1" t="s">
        <v>86992</v>
      </c>
      <c r="H24317" s="1" t="s">
        <v>86993</v>
      </c>
      <c r="I24317" s="1" t="s">
        <v>86055</v>
      </c>
      <c r="J24317" s="1" t="s">
        <v>87092</v>
      </c>
    </row>
    <row r="24318" spans="1:10" x14ac:dyDescent="0.35">
      <c r="A24318" s="1" t="s">
        <v>86988</v>
      </c>
      <c r="B24318" s="1" t="s">
        <v>86049</v>
      </c>
      <c r="C24318" s="1" t="s">
        <v>150</v>
      </c>
      <c r="D24318" s="1" t="s">
        <v>43994</v>
      </c>
      <c r="E24318" s="1" t="s">
        <v>87093</v>
      </c>
      <c r="F24318" s="1" t="s">
        <v>87094</v>
      </c>
      <c r="G24318" s="1" t="s">
        <v>86992</v>
      </c>
      <c r="H24318" s="1" t="s">
        <v>86993</v>
      </c>
      <c r="I24318" s="1" t="s">
        <v>86055</v>
      </c>
      <c r="J24318" s="1" t="s">
        <v>87095</v>
      </c>
    </row>
    <row r="24319" spans="1:10" x14ac:dyDescent="0.35">
      <c r="A24319" s="1" t="s">
        <v>86988</v>
      </c>
      <c r="B24319" s="1" t="s">
        <v>86049</v>
      </c>
      <c r="C24319" s="1" t="s">
        <v>155</v>
      </c>
      <c r="D24319" s="1" t="s">
        <v>56008</v>
      </c>
      <c r="E24319" s="1" t="s">
        <v>87096</v>
      </c>
      <c r="F24319" s="1" t="s">
        <v>87097</v>
      </c>
      <c r="G24319" s="1" t="s">
        <v>86992</v>
      </c>
      <c r="H24319" s="1" t="s">
        <v>86993</v>
      </c>
      <c r="I24319" s="1" t="s">
        <v>86055</v>
      </c>
      <c r="J24319" s="1" t="s">
        <v>87098</v>
      </c>
    </row>
    <row r="24320" spans="1:10" x14ac:dyDescent="0.35">
      <c r="A24320" s="1" t="s">
        <v>86988</v>
      </c>
      <c r="B24320" s="1" t="s">
        <v>86049</v>
      </c>
      <c r="C24320" s="1" t="s">
        <v>160</v>
      </c>
      <c r="D24320" s="1" t="s">
        <v>87099</v>
      </c>
      <c r="E24320" s="1" t="s">
        <v>87100</v>
      </c>
      <c r="F24320" s="1" t="s">
        <v>87101</v>
      </c>
      <c r="G24320" s="1" t="s">
        <v>86992</v>
      </c>
      <c r="H24320" s="1" t="s">
        <v>86993</v>
      </c>
      <c r="I24320" s="1" t="s">
        <v>86055</v>
      </c>
      <c r="J24320" s="1" t="s">
        <v>87102</v>
      </c>
    </row>
    <row r="24321" spans="1:10" x14ac:dyDescent="0.35">
      <c r="A24321" s="1" t="s">
        <v>86988</v>
      </c>
      <c r="B24321" s="1" t="s">
        <v>86049</v>
      </c>
      <c r="C24321" s="1" t="s">
        <v>165</v>
      </c>
      <c r="D24321" s="1" t="s">
        <v>68882</v>
      </c>
      <c r="E24321" s="1" t="s">
        <v>87103</v>
      </c>
      <c r="F24321" s="1" t="s">
        <v>87104</v>
      </c>
      <c r="G24321" s="1" t="s">
        <v>86992</v>
      </c>
      <c r="H24321" s="1" t="s">
        <v>86993</v>
      </c>
      <c r="I24321" s="1" t="s">
        <v>86055</v>
      </c>
      <c r="J24321" s="1" t="s">
        <v>87105</v>
      </c>
    </row>
    <row r="24322" spans="1:10" x14ac:dyDescent="0.35">
      <c r="A24322" s="1" t="s">
        <v>86988</v>
      </c>
      <c r="B24322" s="1" t="s">
        <v>86049</v>
      </c>
      <c r="C24322" s="1" t="s">
        <v>170</v>
      </c>
      <c r="D24322" s="1" t="s">
        <v>87106</v>
      </c>
      <c r="E24322" s="1" t="s">
        <v>87107</v>
      </c>
      <c r="F24322" s="1" t="s">
        <v>87108</v>
      </c>
      <c r="G24322" s="1" t="s">
        <v>86992</v>
      </c>
      <c r="H24322" s="1" t="s">
        <v>86993</v>
      </c>
      <c r="I24322" s="1" t="s">
        <v>86055</v>
      </c>
      <c r="J24322" s="1" t="s">
        <v>87109</v>
      </c>
    </row>
    <row r="24323" spans="1:10" x14ac:dyDescent="0.35">
      <c r="A24323" s="1" t="s">
        <v>2263</v>
      </c>
      <c r="B24323" s="1" t="s">
        <v>86049</v>
      </c>
      <c r="C24323" s="1" t="s">
        <v>8</v>
      </c>
      <c r="D24323" s="1" t="s">
        <v>87110</v>
      </c>
      <c r="E24323" s="1" t="s">
        <v>87111</v>
      </c>
      <c r="F24323" s="1" t="s">
        <v>87112</v>
      </c>
      <c r="G24323" s="1" t="s">
        <v>87113</v>
      </c>
      <c r="H24323" s="1" t="s">
        <v>87114</v>
      </c>
      <c r="I24323" s="1" t="s">
        <v>86055</v>
      </c>
      <c r="J24323" s="1" t="s">
        <v>13</v>
      </c>
    </row>
    <row r="24324" spans="1:10" x14ac:dyDescent="0.35">
      <c r="A24324" s="1" t="s">
        <v>2263</v>
      </c>
      <c r="B24324" s="1" t="s">
        <v>86049</v>
      </c>
      <c r="C24324" s="1" t="s">
        <v>15</v>
      </c>
      <c r="D24324" s="1" t="s">
        <v>87115</v>
      </c>
      <c r="E24324" s="1" t="s">
        <v>87116</v>
      </c>
      <c r="F24324" s="1" t="s">
        <v>87117</v>
      </c>
      <c r="G24324" s="1" t="s">
        <v>87113</v>
      </c>
      <c r="H24324" s="1" t="s">
        <v>87114</v>
      </c>
      <c r="I24324" s="1" t="s">
        <v>86055</v>
      </c>
      <c r="J24324" s="1" t="s">
        <v>87118</v>
      </c>
    </row>
    <row r="24325" spans="1:10" x14ac:dyDescent="0.35">
      <c r="A24325" s="1" t="s">
        <v>2263</v>
      </c>
      <c r="B24325" s="1" t="s">
        <v>86049</v>
      </c>
      <c r="C24325" s="1" t="s">
        <v>20</v>
      </c>
      <c r="D24325" s="1" t="s">
        <v>87119</v>
      </c>
      <c r="E24325" s="1" t="s">
        <v>87120</v>
      </c>
      <c r="F24325" s="1" t="s">
        <v>87121</v>
      </c>
      <c r="G24325" s="1" t="s">
        <v>87113</v>
      </c>
      <c r="H24325" s="1" t="s">
        <v>87114</v>
      </c>
      <c r="I24325" s="1" t="s">
        <v>86055</v>
      </c>
      <c r="J24325" s="1" t="s">
        <v>87122</v>
      </c>
    </row>
    <row r="24326" spans="1:10" x14ac:dyDescent="0.35">
      <c r="A24326" s="1" t="s">
        <v>2263</v>
      </c>
      <c r="B24326" s="1" t="s">
        <v>86049</v>
      </c>
      <c r="C24326" s="1" t="s">
        <v>25</v>
      </c>
      <c r="D24326" s="1" t="s">
        <v>87123</v>
      </c>
      <c r="E24326" s="1" t="s">
        <v>87124</v>
      </c>
      <c r="F24326" s="1" t="s">
        <v>87125</v>
      </c>
      <c r="G24326" s="1" t="s">
        <v>87113</v>
      </c>
      <c r="H24326" s="1" t="s">
        <v>87114</v>
      </c>
      <c r="I24326" s="1" t="s">
        <v>86055</v>
      </c>
      <c r="J24326" s="1" t="s">
        <v>87126</v>
      </c>
    </row>
    <row r="24327" spans="1:10" x14ac:dyDescent="0.35">
      <c r="A24327" s="1" t="s">
        <v>2263</v>
      </c>
      <c r="B24327" s="1" t="s">
        <v>86049</v>
      </c>
      <c r="C24327" s="1" t="s">
        <v>30</v>
      </c>
      <c r="D24327" s="1" t="s">
        <v>5209</v>
      </c>
      <c r="E24327" s="1" t="s">
        <v>87127</v>
      </c>
      <c r="F24327" s="1" t="s">
        <v>87128</v>
      </c>
      <c r="G24327" s="1" t="s">
        <v>87113</v>
      </c>
      <c r="H24327" s="1" t="s">
        <v>87114</v>
      </c>
      <c r="I24327" s="1" t="s">
        <v>86055</v>
      </c>
      <c r="J24327" s="1" t="s">
        <v>87129</v>
      </c>
    </row>
    <row r="24328" spans="1:10" x14ac:dyDescent="0.35">
      <c r="A24328" s="1" t="s">
        <v>2263</v>
      </c>
      <c r="B24328" s="1" t="s">
        <v>86049</v>
      </c>
      <c r="C24328" s="1" t="s">
        <v>35</v>
      </c>
      <c r="D24328" s="1" t="s">
        <v>87130</v>
      </c>
      <c r="E24328" s="1" t="s">
        <v>87131</v>
      </c>
      <c r="F24328" s="1" t="s">
        <v>87132</v>
      </c>
      <c r="G24328" s="1" t="s">
        <v>87113</v>
      </c>
      <c r="H24328" s="1" t="s">
        <v>87114</v>
      </c>
      <c r="I24328" s="1" t="s">
        <v>86055</v>
      </c>
      <c r="J24328" s="1" t="s">
        <v>87133</v>
      </c>
    </row>
    <row r="24329" spans="1:10" x14ac:dyDescent="0.35">
      <c r="A24329" s="1" t="s">
        <v>2263</v>
      </c>
      <c r="B24329" s="1" t="s">
        <v>86049</v>
      </c>
      <c r="C24329" s="1" t="s">
        <v>40</v>
      </c>
      <c r="D24329" s="1" t="s">
        <v>78175</v>
      </c>
      <c r="E24329" s="1" t="s">
        <v>87134</v>
      </c>
      <c r="F24329" s="1" t="s">
        <v>87135</v>
      </c>
      <c r="G24329" s="1" t="s">
        <v>87113</v>
      </c>
      <c r="H24329" s="1" t="s">
        <v>87114</v>
      </c>
      <c r="I24329" s="1" t="s">
        <v>86055</v>
      </c>
      <c r="J24329" s="1" t="s">
        <v>87136</v>
      </c>
    </row>
    <row r="24330" spans="1:10" x14ac:dyDescent="0.35">
      <c r="A24330" s="1" t="s">
        <v>2263</v>
      </c>
      <c r="B24330" s="1" t="s">
        <v>86049</v>
      </c>
      <c r="C24330" s="1" t="s">
        <v>45</v>
      </c>
      <c r="D24330" s="1" t="s">
        <v>64890</v>
      </c>
      <c r="E24330" s="1" t="s">
        <v>87137</v>
      </c>
      <c r="F24330" s="1" t="s">
        <v>87138</v>
      </c>
      <c r="G24330" s="1" t="s">
        <v>87113</v>
      </c>
      <c r="H24330" s="1" t="s">
        <v>87114</v>
      </c>
      <c r="I24330" s="1" t="s">
        <v>86055</v>
      </c>
      <c r="J24330" s="1" t="s">
        <v>87139</v>
      </c>
    </row>
    <row r="24331" spans="1:10" x14ac:dyDescent="0.35">
      <c r="A24331" s="1" t="s">
        <v>2263</v>
      </c>
      <c r="B24331" s="1" t="s">
        <v>86049</v>
      </c>
      <c r="C24331" s="1" t="s">
        <v>50</v>
      </c>
      <c r="D24331" s="1" t="s">
        <v>87140</v>
      </c>
      <c r="E24331" s="1" t="s">
        <v>87141</v>
      </c>
      <c r="F24331" s="1" t="s">
        <v>87142</v>
      </c>
      <c r="G24331" s="1" t="s">
        <v>87113</v>
      </c>
      <c r="H24331" s="1" t="s">
        <v>87114</v>
      </c>
      <c r="I24331" s="1" t="s">
        <v>86055</v>
      </c>
      <c r="J24331" s="1" t="s">
        <v>87143</v>
      </c>
    </row>
    <row r="24332" spans="1:10" x14ac:dyDescent="0.35">
      <c r="A24332" s="1" t="s">
        <v>2263</v>
      </c>
      <c r="B24332" s="1" t="s">
        <v>86049</v>
      </c>
      <c r="C24332" s="1" t="s">
        <v>55</v>
      </c>
      <c r="D24332" s="1" t="s">
        <v>78463</v>
      </c>
      <c r="E24332" s="1" t="s">
        <v>87144</v>
      </c>
      <c r="F24332" s="1" t="s">
        <v>87145</v>
      </c>
      <c r="G24332" s="1" t="s">
        <v>87113</v>
      </c>
      <c r="H24332" s="1" t="s">
        <v>87114</v>
      </c>
      <c r="I24332" s="1" t="s">
        <v>86055</v>
      </c>
      <c r="J24332" s="1" t="s">
        <v>87146</v>
      </c>
    </row>
    <row r="24333" spans="1:10" x14ac:dyDescent="0.35">
      <c r="A24333" s="1" t="s">
        <v>2263</v>
      </c>
      <c r="B24333" s="1" t="s">
        <v>86049</v>
      </c>
      <c r="C24333" s="1" t="s">
        <v>60</v>
      </c>
      <c r="D24333" s="1" t="s">
        <v>60080</v>
      </c>
      <c r="E24333" s="1" t="s">
        <v>87147</v>
      </c>
      <c r="F24333" s="1" t="s">
        <v>87148</v>
      </c>
      <c r="G24333" s="1" t="s">
        <v>87113</v>
      </c>
      <c r="H24333" s="1" t="s">
        <v>87114</v>
      </c>
      <c r="I24333" s="1" t="s">
        <v>86055</v>
      </c>
      <c r="J24333" s="1" t="s">
        <v>87149</v>
      </c>
    </row>
    <row r="24334" spans="1:10" x14ac:dyDescent="0.35">
      <c r="A24334" s="1" t="s">
        <v>2263</v>
      </c>
      <c r="B24334" s="1" t="s">
        <v>86049</v>
      </c>
      <c r="C24334" s="1" t="s">
        <v>65</v>
      </c>
      <c r="D24334" s="1" t="s">
        <v>87150</v>
      </c>
      <c r="E24334" s="1" t="s">
        <v>87151</v>
      </c>
      <c r="F24334" s="1" t="s">
        <v>87152</v>
      </c>
      <c r="G24334" s="1" t="s">
        <v>87113</v>
      </c>
      <c r="H24334" s="1" t="s">
        <v>87114</v>
      </c>
      <c r="I24334" s="1" t="s">
        <v>86055</v>
      </c>
      <c r="J24334" s="1" t="s">
        <v>87153</v>
      </c>
    </row>
    <row r="24335" spans="1:10" x14ac:dyDescent="0.35">
      <c r="A24335" s="1" t="s">
        <v>2263</v>
      </c>
      <c r="B24335" s="1" t="s">
        <v>86049</v>
      </c>
      <c r="C24335" s="1" t="s">
        <v>70</v>
      </c>
      <c r="D24335" s="1" t="s">
        <v>55489</v>
      </c>
      <c r="E24335" s="1" t="s">
        <v>87154</v>
      </c>
      <c r="F24335" s="1" t="s">
        <v>87155</v>
      </c>
      <c r="G24335" s="1" t="s">
        <v>87113</v>
      </c>
      <c r="H24335" s="1" t="s">
        <v>87114</v>
      </c>
      <c r="I24335" s="1" t="s">
        <v>86055</v>
      </c>
      <c r="J24335" s="1" t="s">
        <v>87156</v>
      </c>
    </row>
    <row r="24336" spans="1:10" x14ac:dyDescent="0.35">
      <c r="A24336" s="1" t="s">
        <v>2263</v>
      </c>
      <c r="B24336" s="1" t="s">
        <v>86049</v>
      </c>
      <c r="C24336" s="1" t="s">
        <v>75</v>
      </c>
      <c r="D24336" s="1" t="s">
        <v>87157</v>
      </c>
      <c r="E24336" s="1" t="s">
        <v>87158</v>
      </c>
      <c r="F24336" s="1" t="s">
        <v>87159</v>
      </c>
      <c r="G24336" s="1" t="s">
        <v>87113</v>
      </c>
      <c r="H24336" s="1" t="s">
        <v>87114</v>
      </c>
      <c r="I24336" s="1" t="s">
        <v>86055</v>
      </c>
      <c r="J24336" s="1" t="s">
        <v>87160</v>
      </c>
    </row>
    <row r="24337" spans="1:10" x14ac:dyDescent="0.35">
      <c r="A24337" s="1" t="s">
        <v>2263</v>
      </c>
      <c r="B24337" s="1" t="s">
        <v>86049</v>
      </c>
      <c r="C24337" s="1" t="s">
        <v>80</v>
      </c>
      <c r="D24337" s="1" t="s">
        <v>87161</v>
      </c>
      <c r="E24337" s="1" t="s">
        <v>87162</v>
      </c>
      <c r="F24337" s="1" t="s">
        <v>87163</v>
      </c>
      <c r="G24337" s="1" t="s">
        <v>87113</v>
      </c>
      <c r="H24337" s="1" t="s">
        <v>87114</v>
      </c>
      <c r="I24337" s="1" t="s">
        <v>86055</v>
      </c>
      <c r="J24337" s="1" t="s">
        <v>87164</v>
      </c>
    </row>
    <row r="24338" spans="1:10" x14ac:dyDescent="0.35">
      <c r="A24338" s="1" t="s">
        <v>2263</v>
      </c>
      <c r="B24338" s="1" t="s">
        <v>86049</v>
      </c>
      <c r="C24338" s="1" t="s">
        <v>85</v>
      </c>
      <c r="D24338" s="1" t="s">
        <v>59306</v>
      </c>
      <c r="E24338" s="1" t="s">
        <v>87165</v>
      </c>
      <c r="F24338" s="1" t="s">
        <v>87166</v>
      </c>
      <c r="G24338" s="1" t="s">
        <v>87113</v>
      </c>
      <c r="H24338" s="1" t="s">
        <v>87114</v>
      </c>
      <c r="I24338" s="1" t="s">
        <v>86055</v>
      </c>
      <c r="J24338" s="1" t="s">
        <v>87167</v>
      </c>
    </row>
    <row r="24339" spans="1:10" x14ac:dyDescent="0.35">
      <c r="A24339" s="1" t="s">
        <v>2263</v>
      </c>
      <c r="B24339" s="1" t="s">
        <v>86049</v>
      </c>
      <c r="C24339" s="1" t="s">
        <v>90</v>
      </c>
      <c r="D24339" s="1" t="s">
        <v>87168</v>
      </c>
      <c r="E24339" s="1" t="s">
        <v>87169</v>
      </c>
      <c r="F24339" s="1" t="s">
        <v>87170</v>
      </c>
      <c r="G24339" s="1" t="s">
        <v>87113</v>
      </c>
      <c r="H24339" s="1" t="s">
        <v>87114</v>
      </c>
      <c r="I24339" s="1" t="s">
        <v>86055</v>
      </c>
      <c r="J24339" s="1" t="s">
        <v>87171</v>
      </c>
    </row>
    <row r="24340" spans="1:10" x14ac:dyDescent="0.35">
      <c r="A24340" s="1" t="s">
        <v>2263</v>
      </c>
      <c r="B24340" s="1" t="s">
        <v>86049</v>
      </c>
      <c r="C24340" s="1" t="s">
        <v>95</v>
      </c>
      <c r="D24340" s="1" t="s">
        <v>17304</v>
      </c>
      <c r="E24340" s="1" t="s">
        <v>87172</v>
      </c>
      <c r="F24340" s="1" t="s">
        <v>87173</v>
      </c>
      <c r="G24340" s="1" t="s">
        <v>87113</v>
      </c>
      <c r="H24340" s="1" t="s">
        <v>87114</v>
      </c>
      <c r="I24340" s="1" t="s">
        <v>86055</v>
      </c>
      <c r="J24340" s="1" t="s">
        <v>87174</v>
      </c>
    </row>
    <row r="24341" spans="1:10" x14ac:dyDescent="0.35">
      <c r="A24341" s="1" t="s">
        <v>2263</v>
      </c>
      <c r="B24341" s="1" t="s">
        <v>86049</v>
      </c>
      <c r="C24341" s="1" t="s">
        <v>100</v>
      </c>
      <c r="D24341" s="1" t="s">
        <v>87175</v>
      </c>
      <c r="E24341" s="1" t="s">
        <v>87176</v>
      </c>
      <c r="F24341" s="1" t="s">
        <v>87177</v>
      </c>
      <c r="G24341" s="1" t="s">
        <v>87113</v>
      </c>
      <c r="H24341" s="1" t="s">
        <v>87114</v>
      </c>
      <c r="I24341" s="1" t="s">
        <v>86055</v>
      </c>
      <c r="J24341" s="1" t="s">
        <v>87178</v>
      </c>
    </row>
    <row r="24342" spans="1:10" x14ac:dyDescent="0.35">
      <c r="A24342" s="1" t="s">
        <v>2263</v>
      </c>
      <c r="B24342" s="1" t="s">
        <v>86049</v>
      </c>
      <c r="C24342" s="1" t="s">
        <v>105</v>
      </c>
      <c r="D24342" s="1" t="s">
        <v>77803</v>
      </c>
      <c r="E24342" s="1" t="s">
        <v>87179</v>
      </c>
      <c r="F24342" s="1" t="s">
        <v>87180</v>
      </c>
      <c r="G24342" s="1" t="s">
        <v>87113</v>
      </c>
      <c r="H24342" s="1" t="s">
        <v>87114</v>
      </c>
      <c r="I24342" s="1" t="s">
        <v>86055</v>
      </c>
      <c r="J24342" s="1" t="s">
        <v>87181</v>
      </c>
    </row>
    <row r="24343" spans="1:10" x14ac:dyDescent="0.35">
      <c r="A24343" s="1" t="s">
        <v>2263</v>
      </c>
      <c r="B24343" s="1" t="s">
        <v>86049</v>
      </c>
      <c r="C24343" s="1" t="s">
        <v>110</v>
      </c>
      <c r="D24343" s="1" t="s">
        <v>67565</v>
      </c>
      <c r="E24343" s="1" t="s">
        <v>87182</v>
      </c>
      <c r="F24343" s="1" t="s">
        <v>87183</v>
      </c>
      <c r="G24343" s="1" t="s">
        <v>87113</v>
      </c>
      <c r="H24343" s="1" t="s">
        <v>87114</v>
      </c>
      <c r="I24343" s="1" t="s">
        <v>86055</v>
      </c>
      <c r="J24343" s="1" t="s">
        <v>87184</v>
      </c>
    </row>
    <row r="24344" spans="1:10" x14ac:dyDescent="0.35">
      <c r="A24344" s="1" t="s">
        <v>2263</v>
      </c>
      <c r="B24344" s="1" t="s">
        <v>86049</v>
      </c>
      <c r="C24344" s="1" t="s">
        <v>115</v>
      </c>
      <c r="D24344" s="1" t="s">
        <v>87185</v>
      </c>
      <c r="E24344" s="1" t="s">
        <v>87186</v>
      </c>
      <c r="F24344" s="1" t="s">
        <v>87187</v>
      </c>
      <c r="G24344" s="1" t="s">
        <v>87113</v>
      </c>
      <c r="H24344" s="1" t="s">
        <v>87114</v>
      </c>
      <c r="I24344" s="1" t="s">
        <v>86055</v>
      </c>
      <c r="J24344" s="1" t="s">
        <v>87188</v>
      </c>
    </row>
    <row r="24345" spans="1:10" x14ac:dyDescent="0.35">
      <c r="A24345" s="1" t="s">
        <v>2263</v>
      </c>
      <c r="B24345" s="1" t="s">
        <v>86049</v>
      </c>
      <c r="C24345" s="1" t="s">
        <v>120</v>
      </c>
      <c r="D24345" s="1" t="s">
        <v>62329</v>
      </c>
      <c r="E24345" s="1" t="s">
        <v>87189</v>
      </c>
      <c r="F24345" s="1" t="s">
        <v>87190</v>
      </c>
      <c r="G24345" s="1" t="s">
        <v>87113</v>
      </c>
      <c r="H24345" s="1" t="s">
        <v>87114</v>
      </c>
      <c r="I24345" s="1" t="s">
        <v>86055</v>
      </c>
      <c r="J24345" s="1" t="s">
        <v>87191</v>
      </c>
    </row>
    <row r="24346" spans="1:10" x14ac:dyDescent="0.35">
      <c r="A24346" s="1" t="s">
        <v>2263</v>
      </c>
      <c r="B24346" s="1" t="s">
        <v>86049</v>
      </c>
      <c r="C24346" s="1" t="s">
        <v>125</v>
      </c>
      <c r="D24346" s="1" t="s">
        <v>87192</v>
      </c>
      <c r="E24346" s="1" t="s">
        <v>87193</v>
      </c>
      <c r="F24346" s="1" t="s">
        <v>87194</v>
      </c>
      <c r="G24346" s="1" t="s">
        <v>87113</v>
      </c>
      <c r="H24346" s="1" t="s">
        <v>87114</v>
      </c>
      <c r="I24346" s="1" t="s">
        <v>86055</v>
      </c>
      <c r="J24346" s="1" t="s">
        <v>87195</v>
      </c>
    </row>
    <row r="24347" spans="1:10" x14ac:dyDescent="0.35">
      <c r="A24347" s="1" t="s">
        <v>2263</v>
      </c>
      <c r="B24347" s="1" t="s">
        <v>86049</v>
      </c>
      <c r="C24347" s="1" t="s">
        <v>130</v>
      </c>
      <c r="D24347" s="1" t="s">
        <v>87196</v>
      </c>
      <c r="E24347" s="1" t="s">
        <v>87197</v>
      </c>
      <c r="F24347" s="1" t="s">
        <v>87198</v>
      </c>
      <c r="G24347" s="1" t="s">
        <v>87113</v>
      </c>
      <c r="H24347" s="1" t="s">
        <v>87114</v>
      </c>
      <c r="I24347" s="1" t="s">
        <v>86055</v>
      </c>
      <c r="J24347" s="1" t="s">
        <v>87199</v>
      </c>
    </row>
    <row r="24348" spans="1:10" x14ac:dyDescent="0.35">
      <c r="A24348" s="1" t="s">
        <v>2263</v>
      </c>
      <c r="B24348" s="1" t="s">
        <v>86049</v>
      </c>
      <c r="C24348" s="1" t="s">
        <v>135</v>
      </c>
      <c r="D24348" s="1" t="s">
        <v>87200</v>
      </c>
      <c r="E24348" s="1" t="s">
        <v>87201</v>
      </c>
      <c r="F24348" s="1" t="s">
        <v>87202</v>
      </c>
      <c r="G24348" s="1" t="s">
        <v>87113</v>
      </c>
      <c r="H24348" s="1" t="s">
        <v>87114</v>
      </c>
      <c r="I24348" s="1" t="s">
        <v>86055</v>
      </c>
      <c r="J24348" s="1" t="s">
        <v>87203</v>
      </c>
    </row>
    <row r="24349" spans="1:10" x14ac:dyDescent="0.35">
      <c r="A24349" s="1" t="s">
        <v>2263</v>
      </c>
      <c r="B24349" s="1" t="s">
        <v>86049</v>
      </c>
      <c r="C24349" s="1" t="s">
        <v>140</v>
      </c>
      <c r="D24349" s="1" t="s">
        <v>87204</v>
      </c>
      <c r="E24349" s="1" t="s">
        <v>87205</v>
      </c>
      <c r="F24349" s="1" t="s">
        <v>87206</v>
      </c>
      <c r="G24349" s="1" t="s">
        <v>87113</v>
      </c>
      <c r="H24349" s="1" t="s">
        <v>87114</v>
      </c>
      <c r="I24349" s="1" t="s">
        <v>86055</v>
      </c>
      <c r="J24349" s="1" t="s">
        <v>87207</v>
      </c>
    </row>
    <row r="24350" spans="1:10" x14ac:dyDescent="0.35">
      <c r="A24350" s="1" t="s">
        <v>2263</v>
      </c>
      <c r="B24350" s="1" t="s">
        <v>86049</v>
      </c>
      <c r="C24350" s="1" t="s">
        <v>145</v>
      </c>
      <c r="D24350" s="1" t="s">
        <v>87208</v>
      </c>
      <c r="E24350" s="1" t="s">
        <v>87209</v>
      </c>
      <c r="F24350" s="1" t="s">
        <v>87210</v>
      </c>
      <c r="G24350" s="1" t="s">
        <v>87113</v>
      </c>
      <c r="H24350" s="1" t="s">
        <v>87114</v>
      </c>
      <c r="I24350" s="1" t="s">
        <v>86055</v>
      </c>
      <c r="J24350" s="1" t="s">
        <v>87211</v>
      </c>
    </row>
    <row r="24351" spans="1:10" x14ac:dyDescent="0.35">
      <c r="A24351" s="1" t="s">
        <v>2263</v>
      </c>
      <c r="B24351" s="1" t="s">
        <v>86049</v>
      </c>
      <c r="C24351" s="1" t="s">
        <v>150</v>
      </c>
      <c r="D24351" s="1" t="s">
        <v>87212</v>
      </c>
      <c r="E24351" s="1" t="s">
        <v>87213</v>
      </c>
      <c r="F24351" s="1" t="s">
        <v>87214</v>
      </c>
      <c r="G24351" s="1" t="s">
        <v>87113</v>
      </c>
      <c r="H24351" s="1" t="s">
        <v>87114</v>
      </c>
      <c r="I24351" s="1" t="s">
        <v>86055</v>
      </c>
      <c r="J24351" s="1" t="s">
        <v>87215</v>
      </c>
    </row>
    <row r="24352" spans="1:10" x14ac:dyDescent="0.35">
      <c r="A24352" s="1" t="s">
        <v>2263</v>
      </c>
      <c r="B24352" s="1" t="s">
        <v>86049</v>
      </c>
      <c r="C24352" s="1" t="s">
        <v>155</v>
      </c>
      <c r="D24352" s="1" t="s">
        <v>87216</v>
      </c>
      <c r="E24352" s="1" t="s">
        <v>87217</v>
      </c>
      <c r="F24352" s="1" t="s">
        <v>87218</v>
      </c>
      <c r="G24352" s="1" t="s">
        <v>87113</v>
      </c>
      <c r="H24352" s="1" t="s">
        <v>87114</v>
      </c>
      <c r="I24352" s="1" t="s">
        <v>86055</v>
      </c>
      <c r="J24352" s="1" t="s">
        <v>87219</v>
      </c>
    </row>
    <row r="24353" spans="1:10" x14ac:dyDescent="0.35">
      <c r="A24353" s="1" t="s">
        <v>2263</v>
      </c>
      <c r="B24353" s="1" t="s">
        <v>86049</v>
      </c>
      <c r="C24353" s="1" t="s">
        <v>160</v>
      </c>
      <c r="D24353" s="1" t="s">
        <v>87220</v>
      </c>
      <c r="E24353" s="1" t="s">
        <v>87221</v>
      </c>
      <c r="F24353" s="1" t="s">
        <v>87222</v>
      </c>
      <c r="G24353" s="1" t="s">
        <v>87113</v>
      </c>
      <c r="H24353" s="1" t="s">
        <v>87114</v>
      </c>
      <c r="I24353" s="1" t="s">
        <v>86055</v>
      </c>
      <c r="J24353" s="1" t="s">
        <v>87223</v>
      </c>
    </row>
    <row r="24354" spans="1:10" x14ac:dyDescent="0.35">
      <c r="A24354" s="1" t="s">
        <v>2263</v>
      </c>
      <c r="B24354" s="1" t="s">
        <v>86049</v>
      </c>
      <c r="C24354" s="1" t="s">
        <v>165</v>
      </c>
      <c r="D24354" s="1" t="s">
        <v>54390</v>
      </c>
      <c r="E24354" s="1" t="s">
        <v>87224</v>
      </c>
      <c r="F24354" s="1" t="s">
        <v>87225</v>
      </c>
      <c r="G24354" s="1" t="s">
        <v>87113</v>
      </c>
      <c r="H24354" s="1" t="s">
        <v>87114</v>
      </c>
      <c r="I24354" s="1" t="s">
        <v>86055</v>
      </c>
      <c r="J24354" s="1" t="s">
        <v>87226</v>
      </c>
    </row>
    <row r="24355" spans="1:10" x14ac:dyDescent="0.35">
      <c r="A24355" s="1" t="s">
        <v>2263</v>
      </c>
      <c r="B24355" s="1" t="s">
        <v>86049</v>
      </c>
      <c r="C24355" s="1" t="s">
        <v>170</v>
      </c>
      <c r="D24355" s="1" t="s">
        <v>87227</v>
      </c>
      <c r="E24355" s="1" t="s">
        <v>87228</v>
      </c>
      <c r="F24355" s="1" t="s">
        <v>87229</v>
      </c>
      <c r="G24355" s="1" t="s">
        <v>87113</v>
      </c>
      <c r="H24355" s="1" t="s">
        <v>87114</v>
      </c>
      <c r="I24355" s="1" t="s">
        <v>86055</v>
      </c>
      <c r="J24355" s="1" t="s">
        <v>87230</v>
      </c>
    </row>
    <row r="24356" spans="1:10" x14ac:dyDescent="0.35">
      <c r="A24356" s="1" t="s">
        <v>1122</v>
      </c>
      <c r="B24356" s="1" t="s">
        <v>86049</v>
      </c>
      <c r="C24356" s="1" t="s">
        <v>8</v>
      </c>
      <c r="D24356" s="1" t="s">
        <v>68143</v>
      </c>
      <c r="E24356" s="1" t="s">
        <v>87231</v>
      </c>
      <c r="F24356" s="1" t="s">
        <v>87232</v>
      </c>
      <c r="G24356" s="1" t="s">
        <v>87233</v>
      </c>
      <c r="H24356" s="1" t="s">
        <v>87234</v>
      </c>
      <c r="I24356" s="1" t="s">
        <v>86055</v>
      </c>
      <c r="J24356" s="1" t="s">
        <v>13</v>
      </c>
    </row>
    <row r="24357" spans="1:10" x14ac:dyDescent="0.35">
      <c r="A24357" s="1" t="s">
        <v>1122</v>
      </c>
      <c r="B24357" s="1" t="s">
        <v>86049</v>
      </c>
      <c r="C24357" s="1" t="s">
        <v>15</v>
      </c>
      <c r="D24357" s="1" t="s">
        <v>87235</v>
      </c>
      <c r="E24357" s="1" t="s">
        <v>87236</v>
      </c>
      <c r="F24357" s="1" t="s">
        <v>87237</v>
      </c>
      <c r="G24357" s="1" t="s">
        <v>87233</v>
      </c>
      <c r="H24357" s="1" t="s">
        <v>87234</v>
      </c>
      <c r="I24357" s="1" t="s">
        <v>86055</v>
      </c>
      <c r="J24357" s="1" t="s">
        <v>87238</v>
      </c>
    </row>
    <row r="24358" spans="1:10" x14ac:dyDescent="0.35">
      <c r="A24358" s="1" t="s">
        <v>1122</v>
      </c>
      <c r="B24358" s="1" t="s">
        <v>86049</v>
      </c>
      <c r="C24358" s="1" t="s">
        <v>20</v>
      </c>
      <c r="D24358" s="1" t="s">
        <v>45569</v>
      </c>
      <c r="E24358" s="1" t="s">
        <v>87239</v>
      </c>
      <c r="F24358" s="1" t="s">
        <v>47656</v>
      </c>
      <c r="G24358" s="1" t="s">
        <v>87233</v>
      </c>
      <c r="H24358" s="1" t="s">
        <v>87234</v>
      </c>
      <c r="I24358" s="1" t="s">
        <v>86055</v>
      </c>
      <c r="J24358" s="1" t="s">
        <v>87240</v>
      </c>
    </row>
    <row r="24359" spans="1:10" x14ac:dyDescent="0.35">
      <c r="A24359" s="1" t="s">
        <v>1122</v>
      </c>
      <c r="B24359" s="1" t="s">
        <v>86049</v>
      </c>
      <c r="C24359" s="1" t="s">
        <v>25</v>
      </c>
      <c r="D24359" s="1" t="s">
        <v>87241</v>
      </c>
      <c r="E24359" s="1" t="s">
        <v>87242</v>
      </c>
      <c r="F24359" s="1" t="s">
        <v>87243</v>
      </c>
      <c r="G24359" s="1" t="s">
        <v>87233</v>
      </c>
      <c r="H24359" s="1" t="s">
        <v>87234</v>
      </c>
      <c r="I24359" s="1" t="s">
        <v>86055</v>
      </c>
      <c r="J24359" s="1" t="s">
        <v>87244</v>
      </c>
    </row>
    <row r="24360" spans="1:10" x14ac:dyDescent="0.35">
      <c r="A24360" s="1" t="s">
        <v>1122</v>
      </c>
      <c r="B24360" s="1" t="s">
        <v>86049</v>
      </c>
      <c r="C24360" s="1" t="s">
        <v>30</v>
      </c>
      <c r="D24360" s="1" t="s">
        <v>87245</v>
      </c>
      <c r="E24360" s="1" t="s">
        <v>87246</v>
      </c>
      <c r="F24360" s="1" t="s">
        <v>87247</v>
      </c>
      <c r="G24360" s="1" t="s">
        <v>87233</v>
      </c>
      <c r="H24360" s="1" t="s">
        <v>87234</v>
      </c>
      <c r="I24360" s="1" t="s">
        <v>86055</v>
      </c>
      <c r="J24360" s="1" t="s">
        <v>87248</v>
      </c>
    </row>
    <row r="24361" spans="1:10" x14ac:dyDescent="0.35">
      <c r="A24361" s="1" t="s">
        <v>1122</v>
      </c>
      <c r="B24361" s="1" t="s">
        <v>86049</v>
      </c>
      <c r="C24361" s="1" t="s">
        <v>35</v>
      </c>
      <c r="D24361" s="1" t="s">
        <v>87249</v>
      </c>
      <c r="E24361" s="1" t="s">
        <v>87250</v>
      </c>
      <c r="F24361" s="1" t="s">
        <v>87251</v>
      </c>
      <c r="G24361" s="1" t="s">
        <v>87233</v>
      </c>
      <c r="H24361" s="1" t="s">
        <v>87234</v>
      </c>
      <c r="I24361" s="1" t="s">
        <v>86055</v>
      </c>
      <c r="J24361" s="1" t="s">
        <v>87252</v>
      </c>
    </row>
    <row r="24362" spans="1:10" x14ac:dyDescent="0.35">
      <c r="A24362" s="1" t="s">
        <v>1122</v>
      </c>
      <c r="B24362" s="1" t="s">
        <v>86049</v>
      </c>
      <c r="C24362" s="1" t="s">
        <v>40</v>
      </c>
      <c r="D24362" s="1" t="s">
        <v>87253</v>
      </c>
      <c r="E24362" s="1" t="s">
        <v>87254</v>
      </c>
      <c r="F24362" s="1" t="s">
        <v>87255</v>
      </c>
      <c r="G24362" s="1" t="s">
        <v>87233</v>
      </c>
      <c r="H24362" s="1" t="s">
        <v>87234</v>
      </c>
      <c r="I24362" s="1" t="s">
        <v>86055</v>
      </c>
      <c r="J24362" s="1" t="s">
        <v>87256</v>
      </c>
    </row>
    <row r="24363" spans="1:10" x14ac:dyDescent="0.35">
      <c r="A24363" s="1" t="s">
        <v>1122</v>
      </c>
      <c r="B24363" s="1" t="s">
        <v>86049</v>
      </c>
      <c r="C24363" s="1" t="s">
        <v>45</v>
      </c>
      <c r="D24363" s="1" t="s">
        <v>87257</v>
      </c>
      <c r="E24363" s="1" t="s">
        <v>87258</v>
      </c>
      <c r="F24363" s="1" t="s">
        <v>87259</v>
      </c>
      <c r="G24363" s="1" t="s">
        <v>87233</v>
      </c>
      <c r="H24363" s="1" t="s">
        <v>87234</v>
      </c>
      <c r="I24363" s="1" t="s">
        <v>86055</v>
      </c>
      <c r="J24363" s="1" t="s">
        <v>87260</v>
      </c>
    </row>
    <row r="24364" spans="1:10" x14ac:dyDescent="0.35">
      <c r="A24364" s="1" t="s">
        <v>1122</v>
      </c>
      <c r="B24364" s="1" t="s">
        <v>86049</v>
      </c>
      <c r="C24364" s="1" t="s">
        <v>50</v>
      </c>
      <c r="D24364" s="1" t="s">
        <v>65728</v>
      </c>
      <c r="E24364" s="1" t="s">
        <v>87261</v>
      </c>
      <c r="F24364" s="1" t="s">
        <v>87262</v>
      </c>
      <c r="G24364" s="1" t="s">
        <v>87233</v>
      </c>
      <c r="H24364" s="1" t="s">
        <v>87234</v>
      </c>
      <c r="I24364" s="1" t="s">
        <v>86055</v>
      </c>
      <c r="J24364" s="1" t="s">
        <v>87263</v>
      </c>
    </row>
    <row r="24365" spans="1:10" x14ac:dyDescent="0.35">
      <c r="A24365" s="1" t="s">
        <v>1122</v>
      </c>
      <c r="B24365" s="1" t="s">
        <v>86049</v>
      </c>
      <c r="C24365" s="1" t="s">
        <v>55</v>
      </c>
      <c r="D24365" s="1" t="s">
        <v>24330</v>
      </c>
      <c r="E24365" s="1" t="s">
        <v>87264</v>
      </c>
      <c r="F24365" s="1" t="s">
        <v>87265</v>
      </c>
      <c r="G24365" s="1" t="s">
        <v>87233</v>
      </c>
      <c r="H24365" s="1" t="s">
        <v>87234</v>
      </c>
      <c r="I24365" s="1" t="s">
        <v>86055</v>
      </c>
      <c r="J24365" s="1" t="s">
        <v>87266</v>
      </c>
    </row>
    <row r="24366" spans="1:10" x14ac:dyDescent="0.35">
      <c r="A24366" s="1" t="s">
        <v>1122</v>
      </c>
      <c r="B24366" s="1" t="s">
        <v>86049</v>
      </c>
      <c r="C24366" s="1" t="s">
        <v>60</v>
      </c>
      <c r="D24366" s="1" t="s">
        <v>76592</v>
      </c>
      <c r="E24366" s="1" t="s">
        <v>87267</v>
      </c>
      <c r="F24366" s="1" t="s">
        <v>87268</v>
      </c>
      <c r="G24366" s="1" t="s">
        <v>87233</v>
      </c>
      <c r="H24366" s="1" t="s">
        <v>87234</v>
      </c>
      <c r="I24366" s="1" t="s">
        <v>86055</v>
      </c>
      <c r="J24366" s="1" t="s">
        <v>87269</v>
      </c>
    </row>
    <row r="24367" spans="1:10" x14ac:dyDescent="0.35">
      <c r="A24367" s="1" t="s">
        <v>1122</v>
      </c>
      <c r="B24367" s="1" t="s">
        <v>86049</v>
      </c>
      <c r="C24367" s="1" t="s">
        <v>65</v>
      </c>
      <c r="D24367" s="1" t="s">
        <v>86699</v>
      </c>
      <c r="E24367" s="1" t="s">
        <v>87270</v>
      </c>
      <c r="F24367" s="1" t="s">
        <v>87271</v>
      </c>
      <c r="G24367" s="1" t="s">
        <v>87233</v>
      </c>
      <c r="H24367" s="1" t="s">
        <v>87234</v>
      </c>
      <c r="I24367" s="1" t="s">
        <v>86055</v>
      </c>
      <c r="J24367" s="1" t="s">
        <v>87272</v>
      </c>
    </row>
    <row r="24368" spans="1:10" x14ac:dyDescent="0.35">
      <c r="A24368" s="1" t="s">
        <v>1122</v>
      </c>
      <c r="B24368" s="1" t="s">
        <v>86049</v>
      </c>
      <c r="C24368" s="1" t="s">
        <v>70</v>
      </c>
      <c r="D24368" s="1" t="s">
        <v>17112</v>
      </c>
      <c r="E24368" s="1" t="s">
        <v>87273</v>
      </c>
      <c r="F24368" s="1" t="s">
        <v>87274</v>
      </c>
      <c r="G24368" s="1" t="s">
        <v>87233</v>
      </c>
      <c r="H24368" s="1" t="s">
        <v>87234</v>
      </c>
      <c r="I24368" s="1" t="s">
        <v>86055</v>
      </c>
      <c r="J24368" s="1" t="s">
        <v>87275</v>
      </c>
    </row>
    <row r="24369" spans="1:10" x14ac:dyDescent="0.35">
      <c r="A24369" s="1" t="s">
        <v>1122</v>
      </c>
      <c r="B24369" s="1" t="s">
        <v>86049</v>
      </c>
      <c r="C24369" s="1" t="s">
        <v>75</v>
      </c>
      <c r="D24369" s="1" t="s">
        <v>87276</v>
      </c>
      <c r="E24369" s="1" t="s">
        <v>87277</v>
      </c>
      <c r="F24369" s="1" t="s">
        <v>87278</v>
      </c>
      <c r="G24369" s="1" t="s">
        <v>87233</v>
      </c>
      <c r="H24369" s="1" t="s">
        <v>87234</v>
      </c>
      <c r="I24369" s="1" t="s">
        <v>86055</v>
      </c>
      <c r="J24369" s="1" t="s">
        <v>87279</v>
      </c>
    </row>
    <row r="24370" spans="1:10" x14ac:dyDescent="0.35">
      <c r="A24370" s="1" t="s">
        <v>1122</v>
      </c>
      <c r="B24370" s="1" t="s">
        <v>86049</v>
      </c>
      <c r="C24370" s="1" t="s">
        <v>80</v>
      </c>
      <c r="D24370" s="1" t="s">
        <v>58107</v>
      </c>
      <c r="E24370" s="1" t="s">
        <v>87280</v>
      </c>
      <c r="F24370" s="1" t="s">
        <v>87281</v>
      </c>
      <c r="G24370" s="1" t="s">
        <v>87233</v>
      </c>
      <c r="H24370" s="1" t="s">
        <v>87234</v>
      </c>
      <c r="I24370" s="1" t="s">
        <v>86055</v>
      </c>
      <c r="J24370" s="1" t="s">
        <v>87282</v>
      </c>
    </row>
    <row r="24371" spans="1:10" x14ac:dyDescent="0.35">
      <c r="A24371" s="1" t="s">
        <v>1122</v>
      </c>
      <c r="B24371" s="1" t="s">
        <v>86049</v>
      </c>
      <c r="C24371" s="1" t="s">
        <v>85</v>
      </c>
      <c r="D24371" s="1" t="s">
        <v>87283</v>
      </c>
      <c r="E24371" s="1" t="s">
        <v>87284</v>
      </c>
      <c r="F24371" s="1" t="s">
        <v>87285</v>
      </c>
      <c r="G24371" s="1" t="s">
        <v>87233</v>
      </c>
      <c r="H24371" s="1" t="s">
        <v>87234</v>
      </c>
      <c r="I24371" s="1" t="s">
        <v>86055</v>
      </c>
      <c r="J24371" s="1" t="s">
        <v>87286</v>
      </c>
    </row>
    <row r="24372" spans="1:10" x14ac:dyDescent="0.35">
      <c r="A24372" s="1" t="s">
        <v>1122</v>
      </c>
      <c r="B24372" s="1" t="s">
        <v>86049</v>
      </c>
      <c r="C24372" s="1" t="s">
        <v>90</v>
      </c>
      <c r="D24372" s="1" t="s">
        <v>67590</v>
      </c>
      <c r="E24372" s="1" t="s">
        <v>87287</v>
      </c>
      <c r="F24372" s="1" t="s">
        <v>87288</v>
      </c>
      <c r="G24372" s="1" t="s">
        <v>87233</v>
      </c>
      <c r="H24372" s="1" t="s">
        <v>87234</v>
      </c>
      <c r="I24372" s="1" t="s">
        <v>86055</v>
      </c>
      <c r="J24372" s="1" t="s">
        <v>87289</v>
      </c>
    </row>
    <row r="24373" spans="1:10" x14ac:dyDescent="0.35">
      <c r="A24373" s="1" t="s">
        <v>1122</v>
      </c>
      <c r="B24373" s="1" t="s">
        <v>86049</v>
      </c>
      <c r="C24373" s="1" t="s">
        <v>95</v>
      </c>
      <c r="D24373" s="1" t="s">
        <v>87290</v>
      </c>
      <c r="E24373" s="1" t="s">
        <v>87291</v>
      </c>
      <c r="F24373" s="1" t="s">
        <v>87292</v>
      </c>
      <c r="G24373" s="1" t="s">
        <v>87233</v>
      </c>
      <c r="H24373" s="1" t="s">
        <v>87234</v>
      </c>
      <c r="I24373" s="1" t="s">
        <v>86055</v>
      </c>
      <c r="J24373" s="1" t="s">
        <v>87293</v>
      </c>
    </row>
    <row r="24374" spans="1:10" x14ac:dyDescent="0.35">
      <c r="A24374" s="1" t="s">
        <v>1122</v>
      </c>
      <c r="B24374" s="1" t="s">
        <v>86049</v>
      </c>
      <c r="C24374" s="1" t="s">
        <v>100</v>
      </c>
      <c r="D24374" s="1" t="s">
        <v>87294</v>
      </c>
      <c r="E24374" s="1" t="s">
        <v>87295</v>
      </c>
      <c r="F24374" s="1" t="s">
        <v>87296</v>
      </c>
      <c r="G24374" s="1" t="s">
        <v>87233</v>
      </c>
      <c r="H24374" s="1" t="s">
        <v>87234</v>
      </c>
      <c r="I24374" s="1" t="s">
        <v>86055</v>
      </c>
      <c r="J24374" s="1" t="s">
        <v>87297</v>
      </c>
    </row>
    <row r="24375" spans="1:10" x14ac:dyDescent="0.35">
      <c r="A24375" s="1" t="s">
        <v>1122</v>
      </c>
      <c r="B24375" s="1" t="s">
        <v>86049</v>
      </c>
      <c r="C24375" s="1" t="s">
        <v>105</v>
      </c>
      <c r="D24375" s="1" t="s">
        <v>87298</v>
      </c>
      <c r="E24375" s="1" t="s">
        <v>87299</v>
      </c>
      <c r="F24375" s="1" t="s">
        <v>87300</v>
      </c>
      <c r="G24375" s="1" t="s">
        <v>87233</v>
      </c>
      <c r="H24375" s="1" t="s">
        <v>87234</v>
      </c>
      <c r="I24375" s="1" t="s">
        <v>86055</v>
      </c>
      <c r="J24375" s="1" t="s">
        <v>87301</v>
      </c>
    </row>
    <row r="24376" spans="1:10" x14ac:dyDescent="0.35">
      <c r="A24376" s="1" t="s">
        <v>1122</v>
      </c>
      <c r="B24376" s="1" t="s">
        <v>86049</v>
      </c>
      <c r="C24376" s="1" t="s">
        <v>110</v>
      </c>
      <c r="D24376" s="1" t="s">
        <v>87302</v>
      </c>
      <c r="E24376" s="1" t="s">
        <v>87303</v>
      </c>
      <c r="F24376" s="1" t="s">
        <v>87304</v>
      </c>
      <c r="G24376" s="1" t="s">
        <v>87233</v>
      </c>
      <c r="H24376" s="1" t="s">
        <v>87234</v>
      </c>
      <c r="I24376" s="1" t="s">
        <v>86055</v>
      </c>
      <c r="J24376" s="1" t="s">
        <v>87305</v>
      </c>
    </row>
    <row r="24377" spans="1:10" x14ac:dyDescent="0.35">
      <c r="A24377" s="1" t="s">
        <v>1122</v>
      </c>
      <c r="B24377" s="1" t="s">
        <v>86049</v>
      </c>
      <c r="C24377" s="1" t="s">
        <v>115</v>
      </c>
      <c r="D24377" s="1" t="s">
        <v>87306</v>
      </c>
      <c r="E24377" s="1" t="s">
        <v>87307</v>
      </c>
      <c r="F24377" s="1" t="s">
        <v>87308</v>
      </c>
      <c r="G24377" s="1" t="s">
        <v>87233</v>
      </c>
      <c r="H24377" s="1" t="s">
        <v>87234</v>
      </c>
      <c r="I24377" s="1" t="s">
        <v>86055</v>
      </c>
      <c r="J24377" s="1" t="s">
        <v>87309</v>
      </c>
    </row>
    <row r="24378" spans="1:10" x14ac:dyDescent="0.35">
      <c r="A24378" s="1" t="s">
        <v>1122</v>
      </c>
      <c r="B24378" s="1" t="s">
        <v>86049</v>
      </c>
      <c r="C24378" s="1" t="s">
        <v>120</v>
      </c>
      <c r="D24378" s="1" t="s">
        <v>76449</v>
      </c>
      <c r="E24378" s="1" t="s">
        <v>87310</v>
      </c>
      <c r="F24378" s="1" t="s">
        <v>87311</v>
      </c>
      <c r="G24378" s="1" t="s">
        <v>87233</v>
      </c>
      <c r="H24378" s="1" t="s">
        <v>87234</v>
      </c>
      <c r="I24378" s="1" t="s">
        <v>86055</v>
      </c>
      <c r="J24378" s="1" t="s">
        <v>87312</v>
      </c>
    </row>
    <row r="24379" spans="1:10" x14ac:dyDescent="0.35">
      <c r="A24379" s="1" t="s">
        <v>1122</v>
      </c>
      <c r="B24379" s="1" t="s">
        <v>86049</v>
      </c>
      <c r="C24379" s="1" t="s">
        <v>125</v>
      </c>
      <c r="D24379" s="1" t="s">
        <v>80502</v>
      </c>
      <c r="E24379" s="1" t="s">
        <v>87313</v>
      </c>
      <c r="F24379" s="1" t="s">
        <v>87314</v>
      </c>
      <c r="G24379" s="1" t="s">
        <v>87233</v>
      </c>
      <c r="H24379" s="1" t="s">
        <v>87234</v>
      </c>
      <c r="I24379" s="1" t="s">
        <v>86055</v>
      </c>
      <c r="J24379" s="1" t="s">
        <v>87315</v>
      </c>
    </row>
    <row r="24380" spans="1:10" x14ac:dyDescent="0.35">
      <c r="A24380" s="1" t="s">
        <v>1122</v>
      </c>
      <c r="B24380" s="1" t="s">
        <v>86049</v>
      </c>
      <c r="C24380" s="1" t="s">
        <v>130</v>
      </c>
      <c r="D24380" s="1" t="s">
        <v>87316</v>
      </c>
      <c r="E24380" s="1" t="s">
        <v>87317</v>
      </c>
      <c r="F24380" s="1" t="s">
        <v>87318</v>
      </c>
      <c r="G24380" s="1" t="s">
        <v>87233</v>
      </c>
      <c r="H24380" s="1" t="s">
        <v>87234</v>
      </c>
      <c r="I24380" s="1" t="s">
        <v>86055</v>
      </c>
      <c r="J24380" s="1" t="s">
        <v>87319</v>
      </c>
    </row>
    <row r="24381" spans="1:10" x14ac:dyDescent="0.35">
      <c r="A24381" s="1" t="s">
        <v>1122</v>
      </c>
      <c r="B24381" s="1" t="s">
        <v>86049</v>
      </c>
      <c r="C24381" s="1" t="s">
        <v>135</v>
      </c>
      <c r="D24381" s="1" t="s">
        <v>87320</v>
      </c>
      <c r="E24381" s="1" t="s">
        <v>87321</v>
      </c>
      <c r="F24381" s="1" t="s">
        <v>87322</v>
      </c>
      <c r="G24381" s="1" t="s">
        <v>87233</v>
      </c>
      <c r="H24381" s="1" t="s">
        <v>87234</v>
      </c>
      <c r="I24381" s="1" t="s">
        <v>86055</v>
      </c>
      <c r="J24381" s="1" t="s">
        <v>87323</v>
      </c>
    </row>
    <row r="24382" spans="1:10" x14ac:dyDescent="0.35">
      <c r="A24382" s="1" t="s">
        <v>1122</v>
      </c>
      <c r="B24382" s="1" t="s">
        <v>86049</v>
      </c>
      <c r="C24382" s="1" t="s">
        <v>140</v>
      </c>
      <c r="D24382" s="1" t="s">
        <v>87294</v>
      </c>
      <c r="E24382" s="1" t="s">
        <v>87324</v>
      </c>
      <c r="F24382" s="1" t="s">
        <v>87325</v>
      </c>
      <c r="G24382" s="1" t="s">
        <v>87233</v>
      </c>
      <c r="H24382" s="1" t="s">
        <v>87234</v>
      </c>
      <c r="I24382" s="1" t="s">
        <v>86055</v>
      </c>
      <c r="J24382" s="1" t="s">
        <v>87326</v>
      </c>
    </row>
    <row r="24383" spans="1:10" x14ac:dyDescent="0.35">
      <c r="A24383" s="1" t="s">
        <v>1122</v>
      </c>
      <c r="B24383" s="1" t="s">
        <v>86049</v>
      </c>
      <c r="C24383" s="1" t="s">
        <v>145</v>
      </c>
      <c r="D24383" s="1" t="s">
        <v>87327</v>
      </c>
      <c r="E24383" s="1" t="s">
        <v>87328</v>
      </c>
      <c r="F24383" s="1" t="s">
        <v>87329</v>
      </c>
      <c r="G24383" s="1" t="s">
        <v>87233</v>
      </c>
      <c r="H24383" s="1" t="s">
        <v>87234</v>
      </c>
      <c r="I24383" s="1" t="s">
        <v>86055</v>
      </c>
      <c r="J24383" s="1" t="s">
        <v>87330</v>
      </c>
    </row>
    <row r="24384" spans="1:10" x14ac:dyDescent="0.35">
      <c r="A24384" s="1" t="s">
        <v>1122</v>
      </c>
      <c r="B24384" s="1" t="s">
        <v>86049</v>
      </c>
      <c r="C24384" s="1" t="s">
        <v>150</v>
      </c>
      <c r="D24384" s="1" t="s">
        <v>87331</v>
      </c>
      <c r="E24384" s="1" t="s">
        <v>87332</v>
      </c>
      <c r="F24384" s="1" t="s">
        <v>87333</v>
      </c>
      <c r="G24384" s="1" t="s">
        <v>87233</v>
      </c>
      <c r="H24384" s="1" t="s">
        <v>87234</v>
      </c>
      <c r="I24384" s="1" t="s">
        <v>86055</v>
      </c>
      <c r="J24384" s="1" t="s">
        <v>87334</v>
      </c>
    </row>
    <row r="24385" spans="1:10" x14ac:dyDescent="0.35">
      <c r="A24385" s="1" t="s">
        <v>1122</v>
      </c>
      <c r="B24385" s="1" t="s">
        <v>86049</v>
      </c>
      <c r="C24385" s="1" t="s">
        <v>155</v>
      </c>
      <c r="D24385" s="1" t="s">
        <v>87335</v>
      </c>
      <c r="E24385" s="1" t="s">
        <v>87336</v>
      </c>
      <c r="F24385" s="1" t="s">
        <v>87337</v>
      </c>
      <c r="G24385" s="1" t="s">
        <v>87233</v>
      </c>
      <c r="H24385" s="1" t="s">
        <v>87234</v>
      </c>
      <c r="I24385" s="1" t="s">
        <v>86055</v>
      </c>
      <c r="J24385" s="1" t="s">
        <v>87338</v>
      </c>
    </row>
    <row r="24386" spans="1:10" x14ac:dyDescent="0.35">
      <c r="A24386" s="1" t="s">
        <v>1122</v>
      </c>
      <c r="B24386" s="1" t="s">
        <v>86049</v>
      </c>
      <c r="C24386" s="1" t="s">
        <v>160</v>
      </c>
      <c r="D24386" s="1" t="s">
        <v>87339</v>
      </c>
      <c r="E24386" s="1" t="s">
        <v>87340</v>
      </c>
      <c r="F24386" s="1" t="s">
        <v>87341</v>
      </c>
      <c r="G24386" s="1" t="s">
        <v>87233</v>
      </c>
      <c r="H24386" s="1" t="s">
        <v>87234</v>
      </c>
      <c r="I24386" s="1" t="s">
        <v>86055</v>
      </c>
      <c r="J24386" s="1" t="s">
        <v>87342</v>
      </c>
    </row>
    <row r="24387" spans="1:10" x14ac:dyDescent="0.35">
      <c r="A24387" s="1" t="s">
        <v>1122</v>
      </c>
      <c r="B24387" s="1" t="s">
        <v>86049</v>
      </c>
      <c r="C24387" s="1" t="s">
        <v>165</v>
      </c>
      <c r="D24387" s="1" t="s">
        <v>86651</v>
      </c>
      <c r="E24387" s="1" t="s">
        <v>87343</v>
      </c>
      <c r="F24387" s="1" t="s">
        <v>87344</v>
      </c>
      <c r="G24387" s="1" t="s">
        <v>87233</v>
      </c>
      <c r="H24387" s="1" t="s">
        <v>87234</v>
      </c>
      <c r="I24387" s="1" t="s">
        <v>86055</v>
      </c>
      <c r="J24387" s="1" t="s">
        <v>87345</v>
      </c>
    </row>
    <row r="24388" spans="1:10" x14ac:dyDescent="0.35">
      <c r="A24388" s="1" t="s">
        <v>1122</v>
      </c>
      <c r="B24388" s="1" t="s">
        <v>86049</v>
      </c>
      <c r="C24388" s="1" t="s">
        <v>170</v>
      </c>
      <c r="D24388" s="1" t="s">
        <v>87346</v>
      </c>
      <c r="E24388" s="1" t="s">
        <v>87347</v>
      </c>
      <c r="F24388" s="1" t="s">
        <v>87348</v>
      </c>
      <c r="G24388" s="1" t="s">
        <v>87233</v>
      </c>
      <c r="H24388" s="1" t="s">
        <v>87234</v>
      </c>
      <c r="I24388" s="1" t="s">
        <v>86055</v>
      </c>
      <c r="J24388" s="1" t="s">
        <v>87349</v>
      </c>
    </row>
    <row r="24389" spans="1:10" x14ac:dyDescent="0.35">
      <c r="A24389" s="1" t="s">
        <v>45338</v>
      </c>
      <c r="B24389" s="1" t="s">
        <v>86049</v>
      </c>
      <c r="C24389" s="1" t="s">
        <v>8</v>
      </c>
      <c r="D24389" s="1" t="s">
        <v>87350</v>
      </c>
      <c r="E24389" s="1" t="s">
        <v>87351</v>
      </c>
      <c r="F24389" s="1" t="s">
        <v>87352</v>
      </c>
      <c r="G24389" s="1" t="s">
        <v>87353</v>
      </c>
      <c r="H24389" s="1" t="s">
        <v>87354</v>
      </c>
      <c r="I24389" s="1" t="s">
        <v>86055</v>
      </c>
      <c r="J24389" s="1" t="s">
        <v>13</v>
      </c>
    </row>
    <row r="24390" spans="1:10" x14ac:dyDescent="0.35">
      <c r="A24390" s="1" t="s">
        <v>45338</v>
      </c>
      <c r="B24390" s="1" t="s">
        <v>86049</v>
      </c>
      <c r="C24390" s="1" t="s">
        <v>15</v>
      </c>
      <c r="D24390" s="1" t="s">
        <v>87355</v>
      </c>
      <c r="E24390" s="1" t="s">
        <v>87356</v>
      </c>
      <c r="F24390" s="1" t="s">
        <v>87357</v>
      </c>
      <c r="G24390" s="1" t="s">
        <v>87353</v>
      </c>
      <c r="H24390" s="1" t="s">
        <v>87354</v>
      </c>
      <c r="I24390" s="1" t="s">
        <v>86055</v>
      </c>
      <c r="J24390" s="1" t="s">
        <v>87358</v>
      </c>
    </row>
    <row r="24391" spans="1:10" x14ac:dyDescent="0.35">
      <c r="A24391" s="1" t="s">
        <v>45338</v>
      </c>
      <c r="B24391" s="1" t="s">
        <v>86049</v>
      </c>
      <c r="C24391" s="1" t="s">
        <v>20</v>
      </c>
      <c r="D24391" s="1" t="s">
        <v>65128</v>
      </c>
      <c r="E24391" s="1" t="s">
        <v>87359</v>
      </c>
      <c r="F24391" s="1" t="s">
        <v>87360</v>
      </c>
      <c r="G24391" s="1" t="s">
        <v>87353</v>
      </c>
      <c r="H24391" s="1" t="s">
        <v>87354</v>
      </c>
      <c r="I24391" s="1" t="s">
        <v>86055</v>
      </c>
      <c r="J24391" s="1" t="s">
        <v>87361</v>
      </c>
    </row>
    <row r="24392" spans="1:10" x14ac:dyDescent="0.35">
      <c r="A24392" s="1" t="s">
        <v>45338</v>
      </c>
      <c r="B24392" s="1" t="s">
        <v>86049</v>
      </c>
      <c r="C24392" s="1" t="s">
        <v>25</v>
      </c>
      <c r="D24392" s="1" t="s">
        <v>61546</v>
      </c>
      <c r="E24392" s="1" t="s">
        <v>87362</v>
      </c>
      <c r="F24392" s="1" t="s">
        <v>87363</v>
      </c>
      <c r="G24392" s="1" t="s">
        <v>87353</v>
      </c>
      <c r="H24392" s="1" t="s">
        <v>87354</v>
      </c>
      <c r="I24392" s="1" t="s">
        <v>86055</v>
      </c>
      <c r="J24392" s="1" t="s">
        <v>87364</v>
      </c>
    </row>
    <row r="24393" spans="1:10" x14ac:dyDescent="0.35">
      <c r="A24393" s="1" t="s">
        <v>45338</v>
      </c>
      <c r="B24393" s="1" t="s">
        <v>86049</v>
      </c>
      <c r="C24393" s="1" t="s">
        <v>30</v>
      </c>
      <c r="D24393" s="1" t="s">
        <v>87365</v>
      </c>
      <c r="E24393" s="1" t="s">
        <v>87366</v>
      </c>
      <c r="F24393" s="1" t="s">
        <v>87367</v>
      </c>
      <c r="G24393" s="1" t="s">
        <v>87353</v>
      </c>
      <c r="H24393" s="1" t="s">
        <v>87354</v>
      </c>
      <c r="I24393" s="1" t="s">
        <v>86055</v>
      </c>
      <c r="J24393" s="1" t="s">
        <v>87368</v>
      </c>
    </row>
    <row r="24394" spans="1:10" x14ac:dyDescent="0.35">
      <c r="A24394" s="1" t="s">
        <v>45338</v>
      </c>
      <c r="B24394" s="1" t="s">
        <v>86049</v>
      </c>
      <c r="C24394" s="1" t="s">
        <v>35</v>
      </c>
      <c r="D24394" s="1" t="s">
        <v>87369</v>
      </c>
      <c r="E24394" s="1" t="s">
        <v>87370</v>
      </c>
      <c r="F24394" s="1" t="s">
        <v>87371</v>
      </c>
      <c r="G24394" s="1" t="s">
        <v>87353</v>
      </c>
      <c r="H24394" s="1" t="s">
        <v>87354</v>
      </c>
      <c r="I24394" s="1" t="s">
        <v>86055</v>
      </c>
      <c r="J24394" s="1" t="s">
        <v>87372</v>
      </c>
    </row>
    <row r="24395" spans="1:10" x14ac:dyDescent="0.35">
      <c r="A24395" s="1" t="s">
        <v>45338</v>
      </c>
      <c r="B24395" s="1" t="s">
        <v>86049</v>
      </c>
      <c r="C24395" s="1" t="s">
        <v>40</v>
      </c>
      <c r="D24395" s="1" t="s">
        <v>67831</v>
      </c>
      <c r="E24395" s="1" t="s">
        <v>87373</v>
      </c>
      <c r="F24395" s="1" t="s">
        <v>87374</v>
      </c>
      <c r="G24395" s="1" t="s">
        <v>87353</v>
      </c>
      <c r="H24395" s="1" t="s">
        <v>87354</v>
      </c>
      <c r="I24395" s="1" t="s">
        <v>86055</v>
      </c>
      <c r="J24395" s="1" t="s">
        <v>87375</v>
      </c>
    </row>
    <row r="24396" spans="1:10" x14ac:dyDescent="0.35">
      <c r="A24396" s="1" t="s">
        <v>45338</v>
      </c>
      <c r="B24396" s="1" t="s">
        <v>86049</v>
      </c>
      <c r="C24396" s="1" t="s">
        <v>45</v>
      </c>
      <c r="D24396" s="1" t="s">
        <v>87376</v>
      </c>
      <c r="E24396" s="1" t="s">
        <v>87377</v>
      </c>
      <c r="F24396" s="1" t="s">
        <v>87378</v>
      </c>
      <c r="G24396" s="1" t="s">
        <v>87353</v>
      </c>
      <c r="H24396" s="1" t="s">
        <v>87354</v>
      </c>
      <c r="I24396" s="1" t="s">
        <v>86055</v>
      </c>
      <c r="J24396" s="1" t="s">
        <v>87379</v>
      </c>
    </row>
    <row r="24397" spans="1:10" x14ac:dyDescent="0.35">
      <c r="A24397" s="1" t="s">
        <v>45338</v>
      </c>
      <c r="B24397" s="1" t="s">
        <v>86049</v>
      </c>
      <c r="C24397" s="1" t="s">
        <v>50</v>
      </c>
      <c r="D24397" s="1" t="s">
        <v>61995</v>
      </c>
      <c r="E24397" s="1" t="s">
        <v>87380</v>
      </c>
      <c r="F24397" s="1" t="s">
        <v>87381</v>
      </c>
      <c r="G24397" s="1" t="s">
        <v>87353</v>
      </c>
      <c r="H24397" s="1" t="s">
        <v>87354</v>
      </c>
      <c r="I24397" s="1" t="s">
        <v>86055</v>
      </c>
      <c r="J24397" s="1" t="s">
        <v>87382</v>
      </c>
    </row>
    <row r="24398" spans="1:10" x14ac:dyDescent="0.35">
      <c r="A24398" s="1" t="s">
        <v>45338</v>
      </c>
      <c r="B24398" s="1" t="s">
        <v>86049</v>
      </c>
      <c r="C24398" s="1" t="s">
        <v>55</v>
      </c>
      <c r="D24398" s="1" t="s">
        <v>87383</v>
      </c>
      <c r="E24398" s="1" t="s">
        <v>87384</v>
      </c>
      <c r="F24398" s="1" t="s">
        <v>87385</v>
      </c>
      <c r="G24398" s="1" t="s">
        <v>87353</v>
      </c>
      <c r="H24398" s="1" t="s">
        <v>87354</v>
      </c>
      <c r="I24398" s="1" t="s">
        <v>86055</v>
      </c>
      <c r="J24398" s="1" t="s">
        <v>87386</v>
      </c>
    </row>
    <row r="24399" spans="1:10" x14ac:dyDescent="0.35">
      <c r="A24399" s="1" t="s">
        <v>45338</v>
      </c>
      <c r="B24399" s="1" t="s">
        <v>86049</v>
      </c>
      <c r="C24399" s="1" t="s">
        <v>60</v>
      </c>
      <c r="D24399" s="1" t="s">
        <v>87387</v>
      </c>
      <c r="E24399" s="1" t="s">
        <v>87388</v>
      </c>
      <c r="F24399" s="1" t="s">
        <v>87389</v>
      </c>
      <c r="G24399" s="1" t="s">
        <v>87353</v>
      </c>
      <c r="H24399" s="1" t="s">
        <v>87354</v>
      </c>
      <c r="I24399" s="1" t="s">
        <v>86055</v>
      </c>
      <c r="J24399" s="1" t="s">
        <v>87390</v>
      </c>
    </row>
    <row r="24400" spans="1:10" x14ac:dyDescent="0.35">
      <c r="A24400" s="1" t="s">
        <v>45338</v>
      </c>
      <c r="B24400" s="1" t="s">
        <v>86049</v>
      </c>
      <c r="C24400" s="1" t="s">
        <v>65</v>
      </c>
      <c r="D24400" s="1" t="s">
        <v>57274</v>
      </c>
      <c r="E24400" s="1" t="s">
        <v>87391</v>
      </c>
      <c r="F24400" s="1" t="s">
        <v>87392</v>
      </c>
      <c r="G24400" s="1" t="s">
        <v>87353</v>
      </c>
      <c r="H24400" s="1" t="s">
        <v>87354</v>
      </c>
      <c r="I24400" s="1" t="s">
        <v>86055</v>
      </c>
      <c r="J24400" s="1" t="s">
        <v>87393</v>
      </c>
    </row>
    <row r="24401" spans="1:10" x14ac:dyDescent="0.35">
      <c r="A24401" s="1" t="s">
        <v>45338</v>
      </c>
      <c r="B24401" s="1" t="s">
        <v>86049</v>
      </c>
      <c r="C24401" s="1" t="s">
        <v>70</v>
      </c>
      <c r="D24401" s="1" t="s">
        <v>87394</v>
      </c>
      <c r="E24401" s="1" t="s">
        <v>87395</v>
      </c>
      <c r="F24401" s="1" t="s">
        <v>87396</v>
      </c>
      <c r="G24401" s="1" t="s">
        <v>87353</v>
      </c>
      <c r="H24401" s="1" t="s">
        <v>87354</v>
      </c>
      <c r="I24401" s="1" t="s">
        <v>86055</v>
      </c>
      <c r="J24401" s="1" t="s">
        <v>87397</v>
      </c>
    </row>
    <row r="24402" spans="1:10" x14ac:dyDescent="0.35">
      <c r="A24402" s="1" t="s">
        <v>45338</v>
      </c>
      <c r="B24402" s="1" t="s">
        <v>86049</v>
      </c>
      <c r="C24402" s="1" t="s">
        <v>75</v>
      </c>
      <c r="D24402" s="1" t="s">
        <v>87398</v>
      </c>
      <c r="E24402" s="1" t="s">
        <v>87399</v>
      </c>
      <c r="F24402" s="1" t="s">
        <v>87400</v>
      </c>
      <c r="G24402" s="1" t="s">
        <v>87353</v>
      </c>
      <c r="H24402" s="1" t="s">
        <v>87354</v>
      </c>
      <c r="I24402" s="1" t="s">
        <v>86055</v>
      </c>
      <c r="J24402" s="1" t="s">
        <v>87401</v>
      </c>
    </row>
    <row r="24403" spans="1:10" x14ac:dyDescent="0.35">
      <c r="A24403" s="1" t="s">
        <v>45338</v>
      </c>
      <c r="B24403" s="1" t="s">
        <v>86049</v>
      </c>
      <c r="C24403" s="1" t="s">
        <v>80</v>
      </c>
      <c r="D24403" s="1" t="s">
        <v>87402</v>
      </c>
      <c r="E24403" s="1" t="s">
        <v>87403</v>
      </c>
      <c r="F24403" s="1" t="s">
        <v>87404</v>
      </c>
      <c r="G24403" s="1" t="s">
        <v>87353</v>
      </c>
      <c r="H24403" s="1" t="s">
        <v>87354</v>
      </c>
      <c r="I24403" s="1" t="s">
        <v>86055</v>
      </c>
      <c r="J24403" s="1" t="s">
        <v>87405</v>
      </c>
    </row>
    <row r="24404" spans="1:10" x14ac:dyDescent="0.35">
      <c r="A24404" s="1" t="s">
        <v>45338</v>
      </c>
      <c r="B24404" s="1" t="s">
        <v>86049</v>
      </c>
      <c r="C24404" s="1" t="s">
        <v>85</v>
      </c>
      <c r="D24404" s="1" t="s">
        <v>84450</v>
      </c>
      <c r="E24404" s="1" t="s">
        <v>87406</v>
      </c>
      <c r="F24404" s="1" t="s">
        <v>87407</v>
      </c>
      <c r="G24404" s="1" t="s">
        <v>87353</v>
      </c>
      <c r="H24404" s="1" t="s">
        <v>87354</v>
      </c>
      <c r="I24404" s="1" t="s">
        <v>86055</v>
      </c>
      <c r="J24404" s="1" t="s">
        <v>87408</v>
      </c>
    </row>
    <row r="24405" spans="1:10" x14ac:dyDescent="0.35">
      <c r="A24405" s="1" t="s">
        <v>45338</v>
      </c>
      <c r="B24405" s="1" t="s">
        <v>86049</v>
      </c>
      <c r="C24405" s="1" t="s">
        <v>90</v>
      </c>
      <c r="D24405" s="1" t="s">
        <v>87409</v>
      </c>
      <c r="E24405" s="1" t="s">
        <v>87410</v>
      </c>
      <c r="F24405" s="1" t="s">
        <v>87411</v>
      </c>
      <c r="G24405" s="1" t="s">
        <v>87353</v>
      </c>
      <c r="H24405" s="1" t="s">
        <v>87354</v>
      </c>
      <c r="I24405" s="1" t="s">
        <v>86055</v>
      </c>
      <c r="J24405" s="1" t="s">
        <v>87412</v>
      </c>
    </row>
    <row r="24406" spans="1:10" x14ac:dyDescent="0.35">
      <c r="A24406" s="1" t="s">
        <v>45338</v>
      </c>
      <c r="B24406" s="1" t="s">
        <v>86049</v>
      </c>
      <c r="C24406" s="1" t="s">
        <v>95</v>
      </c>
      <c r="D24406" s="1" t="s">
        <v>78390</v>
      </c>
      <c r="E24406" s="1" t="s">
        <v>87413</v>
      </c>
      <c r="F24406" s="1" t="s">
        <v>87414</v>
      </c>
      <c r="G24406" s="1" t="s">
        <v>87353</v>
      </c>
      <c r="H24406" s="1" t="s">
        <v>87354</v>
      </c>
      <c r="I24406" s="1" t="s">
        <v>86055</v>
      </c>
      <c r="J24406" s="1" t="s">
        <v>87415</v>
      </c>
    </row>
    <row r="24407" spans="1:10" x14ac:dyDescent="0.35">
      <c r="A24407" s="1" t="s">
        <v>45338</v>
      </c>
      <c r="B24407" s="1" t="s">
        <v>86049</v>
      </c>
      <c r="C24407" s="1" t="s">
        <v>100</v>
      </c>
      <c r="D24407" s="1" t="s">
        <v>87416</v>
      </c>
      <c r="E24407" s="1" t="s">
        <v>87417</v>
      </c>
      <c r="F24407" s="1" t="s">
        <v>87418</v>
      </c>
      <c r="G24407" s="1" t="s">
        <v>87353</v>
      </c>
      <c r="H24407" s="1" t="s">
        <v>87354</v>
      </c>
      <c r="I24407" s="1" t="s">
        <v>86055</v>
      </c>
      <c r="J24407" s="1" t="s">
        <v>87419</v>
      </c>
    </row>
    <row r="24408" spans="1:10" x14ac:dyDescent="0.35">
      <c r="A24408" s="1" t="s">
        <v>45338</v>
      </c>
      <c r="B24408" s="1" t="s">
        <v>86049</v>
      </c>
      <c r="C24408" s="1" t="s">
        <v>105</v>
      </c>
      <c r="D24408" s="1" t="s">
        <v>87420</v>
      </c>
      <c r="E24408" s="1" t="s">
        <v>87421</v>
      </c>
      <c r="F24408" s="1" t="s">
        <v>87422</v>
      </c>
      <c r="G24408" s="1" t="s">
        <v>87353</v>
      </c>
      <c r="H24408" s="1" t="s">
        <v>87354</v>
      </c>
      <c r="I24408" s="1" t="s">
        <v>86055</v>
      </c>
      <c r="J24408" s="1" t="s">
        <v>87423</v>
      </c>
    </row>
    <row r="24409" spans="1:10" x14ac:dyDescent="0.35">
      <c r="A24409" s="1" t="s">
        <v>45338</v>
      </c>
      <c r="B24409" s="1" t="s">
        <v>86049</v>
      </c>
      <c r="C24409" s="1" t="s">
        <v>110</v>
      </c>
      <c r="D24409" s="1" t="s">
        <v>87424</v>
      </c>
      <c r="E24409" s="1" t="s">
        <v>87425</v>
      </c>
      <c r="F24409" s="1" t="s">
        <v>87426</v>
      </c>
      <c r="G24409" s="1" t="s">
        <v>87353</v>
      </c>
      <c r="H24409" s="1" t="s">
        <v>87354</v>
      </c>
      <c r="I24409" s="1" t="s">
        <v>86055</v>
      </c>
      <c r="J24409" s="1" t="s">
        <v>87427</v>
      </c>
    </row>
    <row r="24410" spans="1:10" x14ac:dyDescent="0.35">
      <c r="A24410" s="1" t="s">
        <v>45338</v>
      </c>
      <c r="B24410" s="1" t="s">
        <v>86049</v>
      </c>
      <c r="C24410" s="1" t="s">
        <v>115</v>
      </c>
      <c r="D24410" s="1" t="s">
        <v>87428</v>
      </c>
      <c r="E24410" s="1" t="s">
        <v>87429</v>
      </c>
      <c r="F24410" s="1" t="s">
        <v>87430</v>
      </c>
      <c r="G24410" s="1" t="s">
        <v>87353</v>
      </c>
      <c r="H24410" s="1" t="s">
        <v>87354</v>
      </c>
      <c r="I24410" s="1" t="s">
        <v>86055</v>
      </c>
      <c r="J24410" s="1" t="s">
        <v>87431</v>
      </c>
    </row>
    <row r="24411" spans="1:10" x14ac:dyDescent="0.35">
      <c r="A24411" s="1" t="s">
        <v>45338</v>
      </c>
      <c r="B24411" s="1" t="s">
        <v>86049</v>
      </c>
      <c r="C24411" s="1" t="s">
        <v>120</v>
      </c>
      <c r="D24411" s="1" t="s">
        <v>87432</v>
      </c>
      <c r="E24411" s="1" t="s">
        <v>87433</v>
      </c>
      <c r="F24411" s="1" t="s">
        <v>87434</v>
      </c>
      <c r="G24411" s="1" t="s">
        <v>87353</v>
      </c>
      <c r="H24411" s="1" t="s">
        <v>87354</v>
      </c>
      <c r="I24411" s="1" t="s">
        <v>86055</v>
      </c>
      <c r="J24411" s="1" t="s">
        <v>87435</v>
      </c>
    </row>
    <row r="24412" spans="1:10" x14ac:dyDescent="0.35">
      <c r="A24412" s="1" t="s">
        <v>45338</v>
      </c>
      <c r="B24412" s="1" t="s">
        <v>86049</v>
      </c>
      <c r="C24412" s="1" t="s">
        <v>125</v>
      </c>
      <c r="D24412" s="1" t="s">
        <v>87436</v>
      </c>
      <c r="E24412" s="1" t="s">
        <v>87437</v>
      </c>
      <c r="F24412" s="1" t="s">
        <v>87438</v>
      </c>
      <c r="G24412" s="1" t="s">
        <v>87353</v>
      </c>
      <c r="H24412" s="1" t="s">
        <v>87354</v>
      </c>
      <c r="I24412" s="1" t="s">
        <v>86055</v>
      </c>
      <c r="J24412" s="1" t="s">
        <v>87439</v>
      </c>
    </row>
    <row r="24413" spans="1:10" x14ac:dyDescent="0.35">
      <c r="A24413" s="1" t="s">
        <v>45338</v>
      </c>
      <c r="B24413" s="1" t="s">
        <v>86049</v>
      </c>
      <c r="C24413" s="1" t="s">
        <v>130</v>
      </c>
      <c r="D24413" s="1" t="s">
        <v>26985</v>
      </c>
      <c r="E24413" s="1" t="s">
        <v>87440</v>
      </c>
      <c r="F24413" s="1" t="s">
        <v>87441</v>
      </c>
      <c r="G24413" s="1" t="s">
        <v>87353</v>
      </c>
      <c r="H24413" s="1" t="s">
        <v>87354</v>
      </c>
      <c r="I24413" s="1" t="s">
        <v>86055</v>
      </c>
      <c r="J24413" s="1" t="s">
        <v>87442</v>
      </c>
    </row>
    <row r="24414" spans="1:10" x14ac:dyDescent="0.35">
      <c r="A24414" s="1" t="s">
        <v>45338</v>
      </c>
      <c r="B24414" s="1" t="s">
        <v>86049</v>
      </c>
      <c r="C24414" s="1" t="s">
        <v>135</v>
      </c>
      <c r="D24414" s="1" t="s">
        <v>87443</v>
      </c>
      <c r="E24414" s="1" t="s">
        <v>87444</v>
      </c>
      <c r="F24414" s="1" t="s">
        <v>87445</v>
      </c>
      <c r="G24414" s="1" t="s">
        <v>87353</v>
      </c>
      <c r="H24414" s="1" t="s">
        <v>87354</v>
      </c>
      <c r="I24414" s="1" t="s">
        <v>86055</v>
      </c>
      <c r="J24414" s="1" t="s">
        <v>87446</v>
      </c>
    </row>
    <row r="24415" spans="1:10" x14ac:dyDescent="0.35">
      <c r="A24415" s="1" t="s">
        <v>45338</v>
      </c>
      <c r="B24415" s="1" t="s">
        <v>86049</v>
      </c>
      <c r="C24415" s="1" t="s">
        <v>140</v>
      </c>
      <c r="D24415" s="1" t="s">
        <v>87447</v>
      </c>
      <c r="E24415" s="1" t="s">
        <v>87448</v>
      </c>
      <c r="F24415" s="1" t="s">
        <v>87449</v>
      </c>
      <c r="G24415" s="1" t="s">
        <v>87353</v>
      </c>
      <c r="H24415" s="1" t="s">
        <v>87354</v>
      </c>
      <c r="I24415" s="1" t="s">
        <v>86055</v>
      </c>
      <c r="J24415" s="1" t="s">
        <v>87450</v>
      </c>
    </row>
    <row r="24416" spans="1:10" x14ac:dyDescent="0.35">
      <c r="A24416" s="1" t="s">
        <v>45338</v>
      </c>
      <c r="B24416" s="1" t="s">
        <v>86049</v>
      </c>
      <c r="C24416" s="1" t="s">
        <v>145</v>
      </c>
      <c r="D24416" s="1" t="s">
        <v>63023</v>
      </c>
      <c r="E24416" s="1" t="s">
        <v>87451</v>
      </c>
      <c r="F24416" s="1" t="s">
        <v>87452</v>
      </c>
      <c r="G24416" s="1" t="s">
        <v>87353</v>
      </c>
      <c r="H24416" s="1" t="s">
        <v>87354</v>
      </c>
      <c r="I24416" s="1" t="s">
        <v>86055</v>
      </c>
      <c r="J24416" s="1" t="s">
        <v>87453</v>
      </c>
    </row>
    <row r="24417" spans="1:10" x14ac:dyDescent="0.35">
      <c r="A24417" s="1" t="s">
        <v>45338</v>
      </c>
      <c r="B24417" s="1" t="s">
        <v>86049</v>
      </c>
      <c r="C24417" s="1" t="s">
        <v>150</v>
      </c>
      <c r="D24417" s="1" t="s">
        <v>87454</v>
      </c>
      <c r="E24417" s="1" t="s">
        <v>87455</v>
      </c>
      <c r="F24417" s="1" t="s">
        <v>87456</v>
      </c>
      <c r="G24417" s="1" t="s">
        <v>87353</v>
      </c>
      <c r="H24417" s="1" t="s">
        <v>87354</v>
      </c>
      <c r="I24417" s="1" t="s">
        <v>86055</v>
      </c>
      <c r="J24417" s="1" t="s">
        <v>87457</v>
      </c>
    </row>
    <row r="24418" spans="1:10" x14ac:dyDescent="0.35">
      <c r="A24418" s="1" t="s">
        <v>45338</v>
      </c>
      <c r="B24418" s="1" t="s">
        <v>86049</v>
      </c>
      <c r="C24418" s="1" t="s">
        <v>155</v>
      </c>
      <c r="D24418" s="1" t="s">
        <v>87458</v>
      </c>
      <c r="E24418" s="1" t="s">
        <v>87459</v>
      </c>
      <c r="F24418" s="1" t="s">
        <v>87460</v>
      </c>
      <c r="G24418" s="1" t="s">
        <v>87353</v>
      </c>
      <c r="H24418" s="1" t="s">
        <v>87354</v>
      </c>
      <c r="I24418" s="1" t="s">
        <v>86055</v>
      </c>
      <c r="J24418" s="1" t="s">
        <v>87461</v>
      </c>
    </row>
    <row r="24419" spans="1:10" x14ac:dyDescent="0.35">
      <c r="A24419" s="1" t="s">
        <v>45338</v>
      </c>
      <c r="B24419" s="1" t="s">
        <v>86049</v>
      </c>
      <c r="C24419" s="1" t="s">
        <v>160</v>
      </c>
      <c r="D24419" s="1" t="s">
        <v>87462</v>
      </c>
      <c r="E24419" s="1" t="s">
        <v>87463</v>
      </c>
      <c r="F24419" s="1" t="s">
        <v>87464</v>
      </c>
      <c r="G24419" s="1" t="s">
        <v>87353</v>
      </c>
      <c r="H24419" s="1" t="s">
        <v>87354</v>
      </c>
      <c r="I24419" s="1" t="s">
        <v>86055</v>
      </c>
      <c r="J24419" s="1" t="s">
        <v>87465</v>
      </c>
    </row>
    <row r="24420" spans="1:10" x14ac:dyDescent="0.35">
      <c r="A24420" s="1" t="s">
        <v>45338</v>
      </c>
      <c r="B24420" s="1" t="s">
        <v>86049</v>
      </c>
      <c r="C24420" s="1" t="s">
        <v>165</v>
      </c>
      <c r="D24420" s="1" t="s">
        <v>63886</v>
      </c>
      <c r="E24420" s="1" t="s">
        <v>87466</v>
      </c>
      <c r="F24420" s="1" t="s">
        <v>87467</v>
      </c>
      <c r="G24420" s="1" t="s">
        <v>87353</v>
      </c>
      <c r="H24420" s="1" t="s">
        <v>87354</v>
      </c>
      <c r="I24420" s="1" t="s">
        <v>86055</v>
      </c>
      <c r="J24420" s="1" t="s">
        <v>87468</v>
      </c>
    </row>
    <row r="24421" spans="1:10" x14ac:dyDescent="0.35">
      <c r="A24421" s="1" t="s">
        <v>45338</v>
      </c>
      <c r="B24421" s="1" t="s">
        <v>86049</v>
      </c>
      <c r="C24421" s="1" t="s">
        <v>170</v>
      </c>
      <c r="D24421" s="1" t="s">
        <v>87469</v>
      </c>
      <c r="E24421" s="1" t="s">
        <v>87470</v>
      </c>
      <c r="F24421" s="1" t="s">
        <v>87471</v>
      </c>
      <c r="G24421" s="1" t="s">
        <v>87353</v>
      </c>
      <c r="H24421" s="1" t="s">
        <v>87354</v>
      </c>
      <c r="I24421" s="1" t="s">
        <v>86055</v>
      </c>
      <c r="J24421" s="1" t="s">
        <v>87472</v>
      </c>
    </row>
    <row r="24422" spans="1:10" x14ac:dyDescent="0.35">
      <c r="A24422" s="1" t="s">
        <v>87473</v>
      </c>
      <c r="B24422" s="1" t="s">
        <v>86049</v>
      </c>
      <c r="C24422" s="1" t="s">
        <v>8</v>
      </c>
      <c r="D24422" s="1" t="s">
        <v>87474</v>
      </c>
      <c r="E24422" s="1" t="s">
        <v>87475</v>
      </c>
      <c r="F24422" s="1" t="s">
        <v>87476</v>
      </c>
      <c r="G24422" s="1" t="s">
        <v>87477</v>
      </c>
      <c r="H24422" s="1" t="s">
        <v>87478</v>
      </c>
      <c r="I24422" s="1" t="s">
        <v>86055</v>
      </c>
      <c r="J24422" s="1" t="s">
        <v>13</v>
      </c>
    </row>
    <row r="24423" spans="1:10" x14ac:dyDescent="0.35">
      <c r="A24423" s="1" t="s">
        <v>87473</v>
      </c>
      <c r="B24423" s="1" t="s">
        <v>86049</v>
      </c>
      <c r="C24423" s="1" t="s">
        <v>15</v>
      </c>
      <c r="D24423" s="1" t="s">
        <v>54516</v>
      </c>
      <c r="E24423" s="1" t="s">
        <v>87479</v>
      </c>
      <c r="F24423" s="1" t="s">
        <v>87480</v>
      </c>
      <c r="G24423" s="1" t="s">
        <v>87477</v>
      </c>
      <c r="H24423" s="1" t="s">
        <v>87478</v>
      </c>
      <c r="I24423" s="1" t="s">
        <v>86055</v>
      </c>
      <c r="J24423" s="1" t="s">
        <v>87481</v>
      </c>
    </row>
    <row r="24424" spans="1:10" x14ac:dyDescent="0.35">
      <c r="A24424" s="1" t="s">
        <v>87473</v>
      </c>
      <c r="B24424" s="1" t="s">
        <v>86049</v>
      </c>
      <c r="C24424" s="1" t="s">
        <v>20</v>
      </c>
      <c r="D24424" s="1" t="s">
        <v>87482</v>
      </c>
      <c r="E24424" s="1" t="s">
        <v>87483</v>
      </c>
      <c r="F24424" s="1" t="s">
        <v>87484</v>
      </c>
      <c r="G24424" s="1" t="s">
        <v>87477</v>
      </c>
      <c r="H24424" s="1" t="s">
        <v>87478</v>
      </c>
      <c r="I24424" s="1" t="s">
        <v>86055</v>
      </c>
      <c r="J24424" s="1" t="s">
        <v>87485</v>
      </c>
    </row>
    <row r="24425" spans="1:10" x14ac:dyDescent="0.35">
      <c r="A24425" s="1" t="s">
        <v>87473</v>
      </c>
      <c r="B24425" s="1" t="s">
        <v>86049</v>
      </c>
      <c r="C24425" s="1" t="s">
        <v>25</v>
      </c>
      <c r="D24425" s="1" t="s">
        <v>87486</v>
      </c>
      <c r="E24425" s="1" t="s">
        <v>87487</v>
      </c>
      <c r="F24425" s="1" t="s">
        <v>87488</v>
      </c>
      <c r="G24425" s="1" t="s">
        <v>87477</v>
      </c>
      <c r="H24425" s="1" t="s">
        <v>87478</v>
      </c>
      <c r="I24425" s="1" t="s">
        <v>86055</v>
      </c>
      <c r="J24425" s="1" t="s">
        <v>87489</v>
      </c>
    </row>
    <row r="24426" spans="1:10" x14ac:dyDescent="0.35">
      <c r="A24426" s="1" t="s">
        <v>87473</v>
      </c>
      <c r="B24426" s="1" t="s">
        <v>86049</v>
      </c>
      <c r="C24426" s="1" t="s">
        <v>30</v>
      </c>
      <c r="D24426" s="1" t="s">
        <v>52662</v>
      </c>
      <c r="E24426" s="1" t="s">
        <v>87490</v>
      </c>
      <c r="F24426" s="1" t="s">
        <v>87491</v>
      </c>
      <c r="G24426" s="1" t="s">
        <v>87477</v>
      </c>
      <c r="H24426" s="1" t="s">
        <v>87478</v>
      </c>
      <c r="I24426" s="1" t="s">
        <v>86055</v>
      </c>
      <c r="J24426" s="1" t="s">
        <v>87492</v>
      </c>
    </row>
    <row r="24427" spans="1:10" x14ac:dyDescent="0.35">
      <c r="A24427" s="1" t="s">
        <v>87473</v>
      </c>
      <c r="B24427" s="1" t="s">
        <v>86049</v>
      </c>
      <c r="C24427" s="1" t="s">
        <v>35</v>
      </c>
      <c r="D24427" s="1" t="s">
        <v>14446</v>
      </c>
      <c r="E24427" s="1" t="s">
        <v>87493</v>
      </c>
      <c r="F24427" s="1" t="s">
        <v>87494</v>
      </c>
      <c r="G24427" s="1" t="s">
        <v>87477</v>
      </c>
      <c r="H24427" s="1" t="s">
        <v>87478</v>
      </c>
      <c r="I24427" s="1" t="s">
        <v>86055</v>
      </c>
      <c r="J24427" s="1" t="s">
        <v>87495</v>
      </c>
    </row>
    <row r="24428" spans="1:10" x14ac:dyDescent="0.35">
      <c r="A24428" s="1" t="s">
        <v>87473</v>
      </c>
      <c r="B24428" s="1" t="s">
        <v>86049</v>
      </c>
      <c r="C24428" s="1" t="s">
        <v>40</v>
      </c>
      <c r="D24428" s="1" t="s">
        <v>87496</v>
      </c>
      <c r="E24428" s="1" t="s">
        <v>87497</v>
      </c>
      <c r="F24428" s="1" t="s">
        <v>87498</v>
      </c>
      <c r="G24428" s="1" t="s">
        <v>87477</v>
      </c>
      <c r="H24428" s="1" t="s">
        <v>87478</v>
      </c>
      <c r="I24428" s="1" t="s">
        <v>86055</v>
      </c>
      <c r="J24428" s="1" t="s">
        <v>87499</v>
      </c>
    </row>
    <row r="24429" spans="1:10" x14ac:dyDescent="0.35">
      <c r="A24429" s="1" t="s">
        <v>87473</v>
      </c>
      <c r="B24429" s="1" t="s">
        <v>86049</v>
      </c>
      <c r="C24429" s="1" t="s">
        <v>45</v>
      </c>
      <c r="D24429" s="1" t="s">
        <v>87500</v>
      </c>
      <c r="E24429" s="1" t="s">
        <v>87501</v>
      </c>
      <c r="F24429" s="1" t="s">
        <v>87502</v>
      </c>
      <c r="G24429" s="1" t="s">
        <v>87477</v>
      </c>
      <c r="H24429" s="1" t="s">
        <v>87478</v>
      </c>
      <c r="I24429" s="1" t="s">
        <v>86055</v>
      </c>
      <c r="J24429" s="1" t="s">
        <v>87503</v>
      </c>
    </row>
    <row r="24430" spans="1:10" x14ac:dyDescent="0.35">
      <c r="A24430" s="1" t="s">
        <v>87473</v>
      </c>
      <c r="B24430" s="1" t="s">
        <v>86049</v>
      </c>
      <c r="C24430" s="1" t="s">
        <v>50</v>
      </c>
      <c r="D24430" s="1" t="s">
        <v>43601</v>
      </c>
      <c r="E24430" s="1" t="s">
        <v>87504</v>
      </c>
      <c r="F24430" s="1" t="s">
        <v>87505</v>
      </c>
      <c r="G24430" s="1" t="s">
        <v>87477</v>
      </c>
      <c r="H24430" s="1" t="s">
        <v>87478</v>
      </c>
      <c r="I24430" s="1" t="s">
        <v>86055</v>
      </c>
      <c r="J24430" s="1" t="s">
        <v>87506</v>
      </c>
    </row>
    <row r="24431" spans="1:10" x14ac:dyDescent="0.35">
      <c r="A24431" s="1" t="s">
        <v>87473</v>
      </c>
      <c r="B24431" s="1" t="s">
        <v>86049</v>
      </c>
      <c r="C24431" s="1" t="s">
        <v>55</v>
      </c>
      <c r="D24431" s="1" t="s">
        <v>87507</v>
      </c>
      <c r="E24431" s="1" t="s">
        <v>87508</v>
      </c>
      <c r="F24431" s="1" t="s">
        <v>87509</v>
      </c>
      <c r="G24431" s="1" t="s">
        <v>87477</v>
      </c>
      <c r="H24431" s="1" t="s">
        <v>87478</v>
      </c>
      <c r="I24431" s="1" t="s">
        <v>86055</v>
      </c>
      <c r="J24431" s="1" t="s">
        <v>87510</v>
      </c>
    </row>
    <row r="24432" spans="1:10" x14ac:dyDescent="0.35">
      <c r="A24432" s="1" t="s">
        <v>87473</v>
      </c>
      <c r="B24432" s="1" t="s">
        <v>86049</v>
      </c>
      <c r="C24432" s="1" t="s">
        <v>60</v>
      </c>
      <c r="D24432" s="1" t="s">
        <v>59038</v>
      </c>
      <c r="E24432" s="1" t="s">
        <v>87511</v>
      </c>
      <c r="F24432" s="1" t="s">
        <v>87512</v>
      </c>
      <c r="G24432" s="1" t="s">
        <v>87477</v>
      </c>
      <c r="H24432" s="1" t="s">
        <v>87478</v>
      </c>
      <c r="I24432" s="1" t="s">
        <v>86055</v>
      </c>
      <c r="J24432" s="1" t="s">
        <v>87513</v>
      </c>
    </row>
    <row r="24433" spans="1:10" x14ac:dyDescent="0.35">
      <c r="A24433" s="1" t="s">
        <v>87473</v>
      </c>
      <c r="B24433" s="1" t="s">
        <v>86049</v>
      </c>
      <c r="C24433" s="1" t="s">
        <v>65</v>
      </c>
      <c r="D24433" s="1" t="s">
        <v>87514</v>
      </c>
      <c r="E24433" s="1" t="s">
        <v>87515</v>
      </c>
      <c r="F24433" s="1" t="s">
        <v>87516</v>
      </c>
      <c r="G24433" s="1" t="s">
        <v>87477</v>
      </c>
      <c r="H24433" s="1" t="s">
        <v>87478</v>
      </c>
      <c r="I24433" s="1" t="s">
        <v>86055</v>
      </c>
      <c r="J24433" s="1" t="s">
        <v>87517</v>
      </c>
    </row>
    <row r="24434" spans="1:10" x14ac:dyDescent="0.35">
      <c r="A24434" s="1" t="s">
        <v>87473</v>
      </c>
      <c r="B24434" s="1" t="s">
        <v>86049</v>
      </c>
      <c r="C24434" s="1" t="s">
        <v>70</v>
      </c>
      <c r="D24434" s="1" t="s">
        <v>87518</v>
      </c>
      <c r="E24434" s="1" t="s">
        <v>87519</v>
      </c>
      <c r="F24434" s="1" t="s">
        <v>87520</v>
      </c>
      <c r="G24434" s="1" t="s">
        <v>87477</v>
      </c>
      <c r="H24434" s="1" t="s">
        <v>87478</v>
      </c>
      <c r="I24434" s="1" t="s">
        <v>86055</v>
      </c>
      <c r="J24434" s="1" t="s">
        <v>87521</v>
      </c>
    </row>
    <row r="24435" spans="1:10" x14ac:dyDescent="0.35">
      <c r="A24435" s="1" t="s">
        <v>87473</v>
      </c>
      <c r="B24435" s="1" t="s">
        <v>86049</v>
      </c>
      <c r="C24435" s="1" t="s">
        <v>75</v>
      </c>
      <c r="D24435" s="1" t="s">
        <v>87522</v>
      </c>
      <c r="E24435" s="1" t="s">
        <v>87523</v>
      </c>
      <c r="F24435" s="1" t="s">
        <v>87524</v>
      </c>
      <c r="G24435" s="1" t="s">
        <v>87477</v>
      </c>
      <c r="H24435" s="1" t="s">
        <v>87478</v>
      </c>
      <c r="I24435" s="1" t="s">
        <v>86055</v>
      </c>
      <c r="J24435" s="1" t="s">
        <v>87525</v>
      </c>
    </row>
    <row r="24436" spans="1:10" x14ac:dyDescent="0.35">
      <c r="A24436" s="1" t="s">
        <v>87473</v>
      </c>
      <c r="B24436" s="1" t="s">
        <v>86049</v>
      </c>
      <c r="C24436" s="1" t="s">
        <v>80</v>
      </c>
      <c r="D24436" s="1" t="s">
        <v>60142</v>
      </c>
      <c r="E24436" s="1" t="s">
        <v>87526</v>
      </c>
      <c r="F24436" s="1" t="s">
        <v>87527</v>
      </c>
      <c r="G24436" s="1" t="s">
        <v>87477</v>
      </c>
      <c r="H24436" s="1" t="s">
        <v>87478</v>
      </c>
      <c r="I24436" s="1" t="s">
        <v>86055</v>
      </c>
      <c r="J24436" s="1" t="s">
        <v>87528</v>
      </c>
    </row>
    <row r="24437" spans="1:10" x14ac:dyDescent="0.35">
      <c r="A24437" s="1" t="s">
        <v>87473</v>
      </c>
      <c r="B24437" s="1" t="s">
        <v>86049</v>
      </c>
      <c r="C24437" s="1" t="s">
        <v>85</v>
      </c>
      <c r="D24437" s="1" t="s">
        <v>87529</v>
      </c>
      <c r="E24437" s="1" t="s">
        <v>87530</v>
      </c>
      <c r="F24437" s="1" t="s">
        <v>87531</v>
      </c>
      <c r="G24437" s="1" t="s">
        <v>87477</v>
      </c>
      <c r="H24437" s="1" t="s">
        <v>87478</v>
      </c>
      <c r="I24437" s="1" t="s">
        <v>86055</v>
      </c>
      <c r="J24437" s="1" t="s">
        <v>87532</v>
      </c>
    </row>
    <row r="24438" spans="1:10" x14ac:dyDescent="0.35">
      <c r="A24438" s="1" t="s">
        <v>87473</v>
      </c>
      <c r="B24438" s="1" t="s">
        <v>86049</v>
      </c>
      <c r="C24438" s="1" t="s">
        <v>90</v>
      </c>
      <c r="D24438" s="1" t="s">
        <v>87533</v>
      </c>
      <c r="E24438" s="1" t="s">
        <v>87534</v>
      </c>
      <c r="F24438" s="1" t="s">
        <v>87535</v>
      </c>
      <c r="G24438" s="1" t="s">
        <v>87477</v>
      </c>
      <c r="H24438" s="1" t="s">
        <v>87478</v>
      </c>
      <c r="I24438" s="1" t="s">
        <v>86055</v>
      </c>
      <c r="J24438" s="1" t="s">
        <v>87536</v>
      </c>
    </row>
    <row r="24439" spans="1:10" x14ac:dyDescent="0.35">
      <c r="A24439" s="1" t="s">
        <v>87473</v>
      </c>
      <c r="B24439" s="1" t="s">
        <v>86049</v>
      </c>
      <c r="C24439" s="1" t="s">
        <v>95</v>
      </c>
      <c r="D24439" s="1" t="s">
        <v>87537</v>
      </c>
      <c r="E24439" s="1" t="s">
        <v>87538</v>
      </c>
      <c r="F24439" s="1" t="s">
        <v>87539</v>
      </c>
      <c r="G24439" s="1" t="s">
        <v>87477</v>
      </c>
      <c r="H24439" s="1" t="s">
        <v>87478</v>
      </c>
      <c r="I24439" s="1" t="s">
        <v>86055</v>
      </c>
      <c r="J24439" s="1" t="s">
        <v>87540</v>
      </c>
    </row>
    <row r="24440" spans="1:10" x14ac:dyDescent="0.35">
      <c r="A24440" s="1" t="s">
        <v>87473</v>
      </c>
      <c r="B24440" s="1" t="s">
        <v>86049</v>
      </c>
      <c r="C24440" s="1" t="s">
        <v>100</v>
      </c>
      <c r="D24440" s="1" t="s">
        <v>87541</v>
      </c>
      <c r="E24440" s="1" t="s">
        <v>87542</v>
      </c>
      <c r="F24440" s="1" t="s">
        <v>87543</v>
      </c>
      <c r="G24440" s="1" t="s">
        <v>87477</v>
      </c>
      <c r="H24440" s="1" t="s">
        <v>87478</v>
      </c>
      <c r="I24440" s="1" t="s">
        <v>86055</v>
      </c>
      <c r="J24440" s="1" t="s">
        <v>87544</v>
      </c>
    </row>
    <row r="24441" spans="1:10" x14ac:dyDescent="0.35">
      <c r="A24441" s="1" t="s">
        <v>87473</v>
      </c>
      <c r="B24441" s="1" t="s">
        <v>86049</v>
      </c>
      <c r="C24441" s="1" t="s">
        <v>105</v>
      </c>
      <c r="D24441" s="1" t="s">
        <v>87545</v>
      </c>
      <c r="E24441" s="1" t="s">
        <v>87546</v>
      </c>
      <c r="F24441" s="1" t="s">
        <v>87547</v>
      </c>
      <c r="G24441" s="1" t="s">
        <v>87477</v>
      </c>
      <c r="H24441" s="1" t="s">
        <v>87478</v>
      </c>
      <c r="I24441" s="1" t="s">
        <v>86055</v>
      </c>
      <c r="J24441" s="1" t="s">
        <v>87548</v>
      </c>
    </row>
    <row r="24442" spans="1:10" x14ac:dyDescent="0.35">
      <c r="A24442" s="1" t="s">
        <v>87473</v>
      </c>
      <c r="B24442" s="1" t="s">
        <v>86049</v>
      </c>
      <c r="C24442" s="1" t="s">
        <v>110</v>
      </c>
      <c r="D24442" s="1" t="s">
        <v>87549</v>
      </c>
      <c r="E24442" s="1" t="s">
        <v>87550</v>
      </c>
      <c r="F24442" s="1" t="s">
        <v>87551</v>
      </c>
      <c r="G24442" s="1" t="s">
        <v>87477</v>
      </c>
      <c r="H24442" s="1" t="s">
        <v>87478</v>
      </c>
      <c r="I24442" s="1" t="s">
        <v>86055</v>
      </c>
      <c r="J24442" s="1" t="s">
        <v>87552</v>
      </c>
    </row>
    <row r="24443" spans="1:10" x14ac:dyDescent="0.35">
      <c r="A24443" s="1" t="s">
        <v>87473</v>
      </c>
      <c r="B24443" s="1" t="s">
        <v>86049</v>
      </c>
      <c r="C24443" s="1" t="s">
        <v>115</v>
      </c>
      <c r="D24443" s="1" t="s">
        <v>79563</v>
      </c>
      <c r="E24443" s="1" t="s">
        <v>87553</v>
      </c>
      <c r="F24443" s="1" t="s">
        <v>87554</v>
      </c>
      <c r="G24443" s="1" t="s">
        <v>87477</v>
      </c>
      <c r="H24443" s="1" t="s">
        <v>87478</v>
      </c>
      <c r="I24443" s="1" t="s">
        <v>86055</v>
      </c>
      <c r="J24443" s="1" t="s">
        <v>87555</v>
      </c>
    </row>
    <row r="24444" spans="1:10" x14ac:dyDescent="0.35">
      <c r="A24444" s="1" t="s">
        <v>87473</v>
      </c>
      <c r="B24444" s="1" t="s">
        <v>86049</v>
      </c>
      <c r="C24444" s="1" t="s">
        <v>120</v>
      </c>
      <c r="D24444" s="1" t="s">
        <v>87556</v>
      </c>
      <c r="E24444" s="1" t="s">
        <v>87557</v>
      </c>
      <c r="F24444" s="1" t="s">
        <v>87558</v>
      </c>
      <c r="G24444" s="1" t="s">
        <v>87477</v>
      </c>
      <c r="H24444" s="1" t="s">
        <v>87478</v>
      </c>
      <c r="I24444" s="1" t="s">
        <v>86055</v>
      </c>
      <c r="J24444" s="1" t="s">
        <v>87559</v>
      </c>
    </row>
    <row r="24445" spans="1:10" x14ac:dyDescent="0.35">
      <c r="A24445" s="1" t="s">
        <v>87473</v>
      </c>
      <c r="B24445" s="1" t="s">
        <v>86049</v>
      </c>
      <c r="C24445" s="1" t="s">
        <v>125</v>
      </c>
      <c r="D24445" s="1" t="s">
        <v>87560</v>
      </c>
      <c r="E24445" s="1" t="s">
        <v>87561</v>
      </c>
      <c r="F24445" s="1" t="s">
        <v>87562</v>
      </c>
      <c r="G24445" s="1" t="s">
        <v>87477</v>
      </c>
      <c r="H24445" s="1" t="s">
        <v>87478</v>
      </c>
      <c r="I24445" s="1" t="s">
        <v>86055</v>
      </c>
      <c r="J24445" s="1" t="s">
        <v>87563</v>
      </c>
    </row>
    <row r="24446" spans="1:10" x14ac:dyDescent="0.35">
      <c r="A24446" s="1" t="s">
        <v>87473</v>
      </c>
      <c r="B24446" s="1" t="s">
        <v>86049</v>
      </c>
      <c r="C24446" s="1" t="s">
        <v>130</v>
      </c>
      <c r="D24446" s="1" t="s">
        <v>87564</v>
      </c>
      <c r="E24446" s="1" t="s">
        <v>87565</v>
      </c>
      <c r="F24446" s="1" t="s">
        <v>87566</v>
      </c>
      <c r="G24446" s="1" t="s">
        <v>87477</v>
      </c>
      <c r="H24446" s="1" t="s">
        <v>87478</v>
      </c>
      <c r="I24446" s="1" t="s">
        <v>86055</v>
      </c>
      <c r="J24446" s="1" t="s">
        <v>87567</v>
      </c>
    </row>
    <row r="24447" spans="1:10" x14ac:dyDescent="0.35">
      <c r="A24447" s="1" t="s">
        <v>87473</v>
      </c>
      <c r="B24447" s="1" t="s">
        <v>86049</v>
      </c>
      <c r="C24447" s="1" t="s">
        <v>135</v>
      </c>
      <c r="D24447" s="1" t="s">
        <v>87568</v>
      </c>
      <c r="E24447" s="1" t="s">
        <v>87569</v>
      </c>
      <c r="F24447" s="1" t="s">
        <v>87570</v>
      </c>
      <c r="G24447" s="1" t="s">
        <v>87477</v>
      </c>
      <c r="H24447" s="1" t="s">
        <v>87478</v>
      </c>
      <c r="I24447" s="1" t="s">
        <v>86055</v>
      </c>
      <c r="J24447" s="1" t="s">
        <v>87571</v>
      </c>
    </row>
    <row r="24448" spans="1:10" x14ac:dyDescent="0.35">
      <c r="A24448" s="1" t="s">
        <v>87473</v>
      </c>
      <c r="B24448" s="1" t="s">
        <v>86049</v>
      </c>
      <c r="C24448" s="1" t="s">
        <v>140</v>
      </c>
      <c r="D24448" s="1" t="s">
        <v>87572</v>
      </c>
      <c r="E24448" s="1" t="s">
        <v>87573</v>
      </c>
      <c r="F24448" s="1" t="s">
        <v>87574</v>
      </c>
      <c r="G24448" s="1" t="s">
        <v>87477</v>
      </c>
      <c r="H24448" s="1" t="s">
        <v>87478</v>
      </c>
      <c r="I24448" s="1" t="s">
        <v>86055</v>
      </c>
      <c r="J24448" s="1" t="s">
        <v>87575</v>
      </c>
    </row>
    <row r="24449" spans="1:10" x14ac:dyDescent="0.35">
      <c r="A24449" s="1" t="s">
        <v>87473</v>
      </c>
      <c r="B24449" s="1" t="s">
        <v>86049</v>
      </c>
      <c r="C24449" s="1" t="s">
        <v>145</v>
      </c>
      <c r="D24449" s="1" t="s">
        <v>87576</v>
      </c>
      <c r="E24449" s="1" t="s">
        <v>87577</v>
      </c>
      <c r="F24449" s="1" t="s">
        <v>87578</v>
      </c>
      <c r="G24449" s="1" t="s">
        <v>87477</v>
      </c>
      <c r="H24449" s="1" t="s">
        <v>87478</v>
      </c>
      <c r="I24449" s="1" t="s">
        <v>86055</v>
      </c>
      <c r="J24449" s="1" t="s">
        <v>87579</v>
      </c>
    </row>
    <row r="24450" spans="1:10" x14ac:dyDescent="0.35">
      <c r="A24450" s="1" t="s">
        <v>87473</v>
      </c>
      <c r="B24450" s="1" t="s">
        <v>86049</v>
      </c>
      <c r="C24450" s="1" t="s">
        <v>150</v>
      </c>
      <c r="D24450" s="1" t="s">
        <v>87580</v>
      </c>
      <c r="E24450" s="1" t="s">
        <v>87581</v>
      </c>
      <c r="F24450" s="1" t="s">
        <v>87582</v>
      </c>
      <c r="G24450" s="1" t="s">
        <v>87477</v>
      </c>
      <c r="H24450" s="1" t="s">
        <v>87478</v>
      </c>
      <c r="I24450" s="1" t="s">
        <v>86055</v>
      </c>
      <c r="J24450" s="1" t="s">
        <v>87583</v>
      </c>
    </row>
    <row r="24451" spans="1:10" x14ac:dyDescent="0.35">
      <c r="A24451" s="1" t="s">
        <v>87473</v>
      </c>
      <c r="B24451" s="1" t="s">
        <v>86049</v>
      </c>
      <c r="C24451" s="1" t="s">
        <v>155</v>
      </c>
      <c r="D24451" s="1" t="s">
        <v>87584</v>
      </c>
      <c r="E24451" s="1" t="s">
        <v>87585</v>
      </c>
      <c r="F24451" s="1" t="s">
        <v>87586</v>
      </c>
      <c r="G24451" s="1" t="s">
        <v>87477</v>
      </c>
      <c r="H24451" s="1" t="s">
        <v>87478</v>
      </c>
      <c r="I24451" s="1" t="s">
        <v>86055</v>
      </c>
      <c r="J24451" s="1" t="s">
        <v>87587</v>
      </c>
    </row>
    <row r="24452" spans="1:10" x14ac:dyDescent="0.35">
      <c r="A24452" s="1" t="s">
        <v>87473</v>
      </c>
      <c r="B24452" s="1" t="s">
        <v>86049</v>
      </c>
      <c r="C24452" s="1" t="s">
        <v>160</v>
      </c>
      <c r="D24452" s="1" t="s">
        <v>87588</v>
      </c>
      <c r="E24452" s="1" t="s">
        <v>87589</v>
      </c>
      <c r="F24452" s="1" t="s">
        <v>87590</v>
      </c>
      <c r="G24452" s="1" t="s">
        <v>87477</v>
      </c>
      <c r="H24452" s="1" t="s">
        <v>87478</v>
      </c>
      <c r="I24452" s="1" t="s">
        <v>86055</v>
      </c>
      <c r="J24452" s="1" t="s">
        <v>87591</v>
      </c>
    </row>
    <row r="24453" spans="1:10" x14ac:dyDescent="0.35">
      <c r="A24453" s="1" t="s">
        <v>87473</v>
      </c>
      <c r="B24453" s="1" t="s">
        <v>86049</v>
      </c>
      <c r="C24453" s="1" t="s">
        <v>165</v>
      </c>
      <c r="D24453" s="1" t="s">
        <v>87592</v>
      </c>
      <c r="E24453" s="1" t="s">
        <v>87593</v>
      </c>
      <c r="F24453" s="1" t="s">
        <v>87594</v>
      </c>
      <c r="G24453" s="1" t="s">
        <v>87477</v>
      </c>
      <c r="H24453" s="1" t="s">
        <v>87478</v>
      </c>
      <c r="I24453" s="1" t="s">
        <v>86055</v>
      </c>
      <c r="J24453" s="1" t="s">
        <v>87595</v>
      </c>
    </row>
    <row r="24454" spans="1:10" x14ac:dyDescent="0.35">
      <c r="A24454" s="1" t="s">
        <v>87473</v>
      </c>
      <c r="B24454" s="1" t="s">
        <v>86049</v>
      </c>
      <c r="C24454" s="1" t="s">
        <v>170</v>
      </c>
      <c r="D24454" s="1" t="s">
        <v>87596</v>
      </c>
      <c r="E24454" s="1" t="s">
        <v>87597</v>
      </c>
      <c r="F24454" s="1" t="s">
        <v>87598</v>
      </c>
      <c r="G24454" s="1" t="s">
        <v>87477</v>
      </c>
      <c r="H24454" s="1" t="s">
        <v>87478</v>
      </c>
      <c r="I24454" s="1" t="s">
        <v>86055</v>
      </c>
      <c r="J24454" s="1" t="s">
        <v>87599</v>
      </c>
    </row>
    <row r="24455" spans="1:10" x14ac:dyDescent="0.35">
      <c r="A24455" s="1" t="s">
        <v>44503</v>
      </c>
      <c r="B24455" s="1" t="s">
        <v>86049</v>
      </c>
      <c r="C24455" s="1" t="s">
        <v>8</v>
      </c>
      <c r="D24455" s="1" t="s">
        <v>87600</v>
      </c>
      <c r="E24455" s="1" t="s">
        <v>87601</v>
      </c>
      <c r="F24455" s="1" t="s">
        <v>87602</v>
      </c>
      <c r="G24455" s="1" t="s">
        <v>87603</v>
      </c>
      <c r="H24455" s="1" t="s">
        <v>87604</v>
      </c>
      <c r="I24455" s="1" t="s">
        <v>86055</v>
      </c>
      <c r="J24455" s="1" t="s">
        <v>13</v>
      </c>
    </row>
    <row r="24456" spans="1:10" x14ac:dyDescent="0.35">
      <c r="A24456" s="1" t="s">
        <v>44503</v>
      </c>
      <c r="B24456" s="1" t="s">
        <v>86049</v>
      </c>
      <c r="C24456" s="1" t="s">
        <v>15</v>
      </c>
      <c r="D24456" s="1" t="s">
        <v>81811</v>
      </c>
      <c r="E24456" s="1" t="s">
        <v>87605</v>
      </c>
      <c r="F24456" s="1" t="s">
        <v>87606</v>
      </c>
      <c r="G24456" s="1" t="s">
        <v>87603</v>
      </c>
      <c r="H24456" s="1" t="s">
        <v>87604</v>
      </c>
      <c r="I24456" s="1" t="s">
        <v>86055</v>
      </c>
      <c r="J24456" s="1" t="s">
        <v>87607</v>
      </c>
    </row>
    <row r="24457" spans="1:10" x14ac:dyDescent="0.35">
      <c r="A24457" s="1" t="s">
        <v>44503</v>
      </c>
      <c r="B24457" s="1" t="s">
        <v>86049</v>
      </c>
      <c r="C24457" s="1" t="s">
        <v>20</v>
      </c>
      <c r="D24457" s="1" t="s">
        <v>63157</v>
      </c>
      <c r="E24457" s="1" t="s">
        <v>87608</v>
      </c>
      <c r="F24457" s="1" t="s">
        <v>87609</v>
      </c>
      <c r="G24457" s="1" t="s">
        <v>87603</v>
      </c>
      <c r="H24457" s="1" t="s">
        <v>87604</v>
      </c>
      <c r="I24457" s="1" t="s">
        <v>86055</v>
      </c>
      <c r="J24457" s="1" t="s">
        <v>87610</v>
      </c>
    </row>
    <row r="24458" spans="1:10" x14ac:dyDescent="0.35">
      <c r="A24458" s="1" t="s">
        <v>44503</v>
      </c>
      <c r="B24458" s="1" t="s">
        <v>86049</v>
      </c>
      <c r="C24458" s="1" t="s">
        <v>25</v>
      </c>
      <c r="D24458" s="1" t="s">
        <v>87611</v>
      </c>
      <c r="E24458" s="1" t="s">
        <v>87612</v>
      </c>
      <c r="F24458" s="1" t="s">
        <v>87613</v>
      </c>
      <c r="G24458" s="1" t="s">
        <v>87603</v>
      </c>
      <c r="H24458" s="1" t="s">
        <v>87604</v>
      </c>
      <c r="I24458" s="1" t="s">
        <v>86055</v>
      </c>
      <c r="J24458" s="1" t="s">
        <v>87614</v>
      </c>
    </row>
    <row r="24459" spans="1:10" x14ac:dyDescent="0.35">
      <c r="A24459" s="1" t="s">
        <v>44503</v>
      </c>
      <c r="B24459" s="1" t="s">
        <v>86049</v>
      </c>
      <c r="C24459" s="1" t="s">
        <v>30</v>
      </c>
      <c r="D24459" s="1" t="s">
        <v>87615</v>
      </c>
      <c r="E24459" s="1" t="s">
        <v>87616</v>
      </c>
      <c r="F24459" s="1" t="s">
        <v>87617</v>
      </c>
      <c r="G24459" s="1" t="s">
        <v>87603</v>
      </c>
      <c r="H24459" s="1" t="s">
        <v>87604</v>
      </c>
      <c r="I24459" s="1" t="s">
        <v>86055</v>
      </c>
      <c r="J24459" s="1" t="s">
        <v>87618</v>
      </c>
    </row>
    <row r="24460" spans="1:10" x14ac:dyDescent="0.35">
      <c r="A24460" s="1" t="s">
        <v>44503</v>
      </c>
      <c r="B24460" s="1" t="s">
        <v>86049</v>
      </c>
      <c r="C24460" s="1" t="s">
        <v>35</v>
      </c>
      <c r="D24460" s="1" t="s">
        <v>87619</v>
      </c>
      <c r="E24460" s="1" t="s">
        <v>87620</v>
      </c>
      <c r="F24460" s="1" t="s">
        <v>87621</v>
      </c>
      <c r="G24460" s="1" t="s">
        <v>87603</v>
      </c>
      <c r="H24460" s="1" t="s">
        <v>87604</v>
      </c>
      <c r="I24460" s="1" t="s">
        <v>86055</v>
      </c>
      <c r="J24460" s="1" t="s">
        <v>87622</v>
      </c>
    </row>
    <row r="24461" spans="1:10" x14ac:dyDescent="0.35">
      <c r="A24461" s="1" t="s">
        <v>44503</v>
      </c>
      <c r="B24461" s="1" t="s">
        <v>86049</v>
      </c>
      <c r="C24461" s="1" t="s">
        <v>40</v>
      </c>
      <c r="D24461" s="1" t="s">
        <v>87623</v>
      </c>
      <c r="E24461" s="1" t="s">
        <v>87624</v>
      </c>
      <c r="F24461" s="1" t="s">
        <v>87625</v>
      </c>
      <c r="G24461" s="1" t="s">
        <v>87603</v>
      </c>
      <c r="H24461" s="1" t="s">
        <v>87604</v>
      </c>
      <c r="I24461" s="1" t="s">
        <v>86055</v>
      </c>
      <c r="J24461" s="1" t="s">
        <v>87626</v>
      </c>
    </row>
    <row r="24462" spans="1:10" x14ac:dyDescent="0.35">
      <c r="A24462" s="1" t="s">
        <v>44503</v>
      </c>
      <c r="B24462" s="1" t="s">
        <v>86049</v>
      </c>
      <c r="C24462" s="1" t="s">
        <v>45</v>
      </c>
      <c r="D24462" s="1" t="s">
        <v>76924</v>
      </c>
      <c r="E24462" s="1" t="s">
        <v>87627</v>
      </c>
      <c r="F24462" s="1" t="s">
        <v>87628</v>
      </c>
      <c r="G24462" s="1" t="s">
        <v>87603</v>
      </c>
      <c r="H24462" s="1" t="s">
        <v>87604</v>
      </c>
      <c r="I24462" s="1" t="s">
        <v>86055</v>
      </c>
      <c r="J24462" s="1" t="s">
        <v>87629</v>
      </c>
    </row>
    <row r="24463" spans="1:10" x14ac:dyDescent="0.35">
      <c r="A24463" s="1" t="s">
        <v>44503</v>
      </c>
      <c r="B24463" s="1" t="s">
        <v>86049</v>
      </c>
      <c r="C24463" s="1" t="s">
        <v>50</v>
      </c>
      <c r="D24463" s="1" t="s">
        <v>87630</v>
      </c>
      <c r="E24463" s="1" t="s">
        <v>87631</v>
      </c>
      <c r="F24463" s="1" t="s">
        <v>87632</v>
      </c>
      <c r="G24463" s="1" t="s">
        <v>87603</v>
      </c>
      <c r="H24463" s="1" t="s">
        <v>87604</v>
      </c>
      <c r="I24463" s="1" t="s">
        <v>86055</v>
      </c>
      <c r="J24463" s="1" t="s">
        <v>87633</v>
      </c>
    </row>
    <row r="24464" spans="1:10" x14ac:dyDescent="0.35">
      <c r="A24464" s="1" t="s">
        <v>44503</v>
      </c>
      <c r="B24464" s="1" t="s">
        <v>86049</v>
      </c>
      <c r="C24464" s="1" t="s">
        <v>55</v>
      </c>
      <c r="D24464" s="1" t="s">
        <v>66765</v>
      </c>
      <c r="E24464" s="1" t="s">
        <v>87634</v>
      </c>
      <c r="F24464" s="1" t="s">
        <v>87635</v>
      </c>
      <c r="G24464" s="1" t="s">
        <v>87603</v>
      </c>
      <c r="H24464" s="1" t="s">
        <v>87604</v>
      </c>
      <c r="I24464" s="1" t="s">
        <v>86055</v>
      </c>
      <c r="J24464" s="1" t="s">
        <v>87636</v>
      </c>
    </row>
    <row r="24465" spans="1:10" x14ac:dyDescent="0.35">
      <c r="A24465" s="1" t="s">
        <v>44503</v>
      </c>
      <c r="B24465" s="1" t="s">
        <v>86049</v>
      </c>
      <c r="C24465" s="1" t="s">
        <v>60</v>
      </c>
      <c r="D24465" s="1" t="s">
        <v>22102</v>
      </c>
      <c r="E24465" s="1" t="s">
        <v>87637</v>
      </c>
      <c r="F24465" s="1" t="s">
        <v>87638</v>
      </c>
      <c r="G24465" s="1" t="s">
        <v>87603</v>
      </c>
      <c r="H24465" s="1" t="s">
        <v>87604</v>
      </c>
      <c r="I24465" s="1" t="s">
        <v>86055</v>
      </c>
      <c r="J24465" s="1" t="s">
        <v>87639</v>
      </c>
    </row>
    <row r="24466" spans="1:10" x14ac:dyDescent="0.35">
      <c r="A24466" s="1" t="s">
        <v>44503</v>
      </c>
      <c r="B24466" s="1" t="s">
        <v>86049</v>
      </c>
      <c r="C24466" s="1" t="s">
        <v>65</v>
      </c>
      <c r="D24466" s="1" t="s">
        <v>87640</v>
      </c>
      <c r="E24466" s="1" t="s">
        <v>87641</v>
      </c>
      <c r="F24466" s="1" t="s">
        <v>87642</v>
      </c>
      <c r="G24466" s="1" t="s">
        <v>87603</v>
      </c>
      <c r="H24466" s="1" t="s">
        <v>87604</v>
      </c>
      <c r="I24466" s="1" t="s">
        <v>86055</v>
      </c>
      <c r="J24466" s="1" t="s">
        <v>87643</v>
      </c>
    </row>
    <row r="24467" spans="1:10" x14ac:dyDescent="0.35">
      <c r="A24467" s="1" t="s">
        <v>44503</v>
      </c>
      <c r="B24467" s="1" t="s">
        <v>86049</v>
      </c>
      <c r="C24467" s="1" t="s">
        <v>70</v>
      </c>
      <c r="D24467" s="1" t="s">
        <v>79268</v>
      </c>
      <c r="E24467" s="1" t="s">
        <v>87644</v>
      </c>
      <c r="F24467" s="1" t="s">
        <v>87645</v>
      </c>
      <c r="G24467" s="1" t="s">
        <v>87603</v>
      </c>
      <c r="H24467" s="1" t="s">
        <v>87604</v>
      </c>
      <c r="I24467" s="1" t="s">
        <v>86055</v>
      </c>
      <c r="J24467" s="1" t="s">
        <v>87646</v>
      </c>
    </row>
    <row r="24468" spans="1:10" x14ac:dyDescent="0.35">
      <c r="A24468" s="1" t="s">
        <v>44503</v>
      </c>
      <c r="B24468" s="1" t="s">
        <v>86049</v>
      </c>
      <c r="C24468" s="1" t="s">
        <v>75</v>
      </c>
      <c r="D24468" s="1" t="s">
        <v>87647</v>
      </c>
      <c r="E24468" s="1" t="s">
        <v>87648</v>
      </c>
      <c r="F24468" s="1" t="s">
        <v>87649</v>
      </c>
      <c r="G24468" s="1" t="s">
        <v>87603</v>
      </c>
      <c r="H24468" s="1" t="s">
        <v>87604</v>
      </c>
      <c r="I24468" s="1" t="s">
        <v>86055</v>
      </c>
      <c r="J24468" s="1" t="s">
        <v>87650</v>
      </c>
    </row>
    <row r="24469" spans="1:10" x14ac:dyDescent="0.35">
      <c r="A24469" s="1" t="s">
        <v>44503</v>
      </c>
      <c r="B24469" s="1" t="s">
        <v>86049</v>
      </c>
      <c r="C24469" s="1" t="s">
        <v>80</v>
      </c>
      <c r="D24469" s="1" t="s">
        <v>66285</v>
      </c>
      <c r="E24469" s="1" t="s">
        <v>87651</v>
      </c>
      <c r="F24469" s="1" t="s">
        <v>87652</v>
      </c>
      <c r="G24469" s="1" t="s">
        <v>87603</v>
      </c>
      <c r="H24469" s="1" t="s">
        <v>87604</v>
      </c>
      <c r="I24469" s="1" t="s">
        <v>86055</v>
      </c>
      <c r="J24469" s="1" t="s">
        <v>87653</v>
      </c>
    </row>
    <row r="24470" spans="1:10" x14ac:dyDescent="0.35">
      <c r="A24470" s="1" t="s">
        <v>44503</v>
      </c>
      <c r="B24470" s="1" t="s">
        <v>86049</v>
      </c>
      <c r="C24470" s="1" t="s">
        <v>85</v>
      </c>
      <c r="D24470" s="1" t="s">
        <v>87654</v>
      </c>
      <c r="E24470" s="1" t="s">
        <v>87655</v>
      </c>
      <c r="F24470" s="1" t="s">
        <v>87656</v>
      </c>
      <c r="G24470" s="1" t="s">
        <v>87603</v>
      </c>
      <c r="H24470" s="1" t="s">
        <v>87604</v>
      </c>
      <c r="I24470" s="1" t="s">
        <v>86055</v>
      </c>
      <c r="J24470" s="1" t="s">
        <v>87657</v>
      </c>
    </row>
    <row r="24471" spans="1:10" x14ac:dyDescent="0.35">
      <c r="A24471" s="1" t="s">
        <v>44503</v>
      </c>
      <c r="B24471" s="1" t="s">
        <v>86049</v>
      </c>
      <c r="C24471" s="1" t="s">
        <v>90</v>
      </c>
      <c r="D24471" s="1" t="s">
        <v>87658</v>
      </c>
      <c r="E24471" s="1" t="s">
        <v>87659</v>
      </c>
      <c r="F24471" s="1" t="s">
        <v>87660</v>
      </c>
      <c r="G24471" s="1" t="s">
        <v>87603</v>
      </c>
      <c r="H24471" s="1" t="s">
        <v>87604</v>
      </c>
      <c r="I24471" s="1" t="s">
        <v>86055</v>
      </c>
      <c r="J24471" s="1" t="s">
        <v>87661</v>
      </c>
    </row>
    <row r="24472" spans="1:10" x14ac:dyDescent="0.35">
      <c r="A24472" s="1" t="s">
        <v>44503</v>
      </c>
      <c r="B24472" s="1" t="s">
        <v>86049</v>
      </c>
      <c r="C24472" s="1" t="s">
        <v>95</v>
      </c>
      <c r="D24472" s="1" t="s">
        <v>87662</v>
      </c>
      <c r="E24472" s="1" t="s">
        <v>87663</v>
      </c>
      <c r="F24472" s="1" t="s">
        <v>87664</v>
      </c>
      <c r="G24472" s="1" t="s">
        <v>87603</v>
      </c>
      <c r="H24472" s="1" t="s">
        <v>87604</v>
      </c>
      <c r="I24472" s="1" t="s">
        <v>86055</v>
      </c>
      <c r="J24472" s="1" t="s">
        <v>87665</v>
      </c>
    </row>
    <row r="24473" spans="1:10" x14ac:dyDescent="0.35">
      <c r="A24473" s="1" t="s">
        <v>44503</v>
      </c>
      <c r="B24473" s="1" t="s">
        <v>86049</v>
      </c>
      <c r="C24473" s="1" t="s">
        <v>100</v>
      </c>
      <c r="D24473" s="1" t="s">
        <v>87666</v>
      </c>
      <c r="E24473" s="1" t="s">
        <v>87667</v>
      </c>
      <c r="F24473" s="1" t="s">
        <v>87668</v>
      </c>
      <c r="G24473" s="1" t="s">
        <v>87603</v>
      </c>
      <c r="H24473" s="1" t="s">
        <v>87604</v>
      </c>
      <c r="I24473" s="1" t="s">
        <v>86055</v>
      </c>
      <c r="J24473" s="1" t="s">
        <v>87669</v>
      </c>
    </row>
    <row r="24474" spans="1:10" x14ac:dyDescent="0.35">
      <c r="A24474" s="1" t="s">
        <v>44503</v>
      </c>
      <c r="B24474" s="1" t="s">
        <v>86049</v>
      </c>
      <c r="C24474" s="1" t="s">
        <v>105</v>
      </c>
      <c r="D24474" s="1" t="s">
        <v>87670</v>
      </c>
      <c r="E24474" s="1" t="s">
        <v>87671</v>
      </c>
      <c r="F24474" s="1" t="s">
        <v>87672</v>
      </c>
      <c r="G24474" s="1" t="s">
        <v>87603</v>
      </c>
      <c r="H24474" s="1" t="s">
        <v>87604</v>
      </c>
      <c r="I24474" s="1" t="s">
        <v>86055</v>
      </c>
      <c r="J24474" s="1" t="s">
        <v>87673</v>
      </c>
    </row>
    <row r="24475" spans="1:10" x14ac:dyDescent="0.35">
      <c r="A24475" s="1" t="s">
        <v>44503</v>
      </c>
      <c r="B24475" s="1" t="s">
        <v>86049</v>
      </c>
      <c r="C24475" s="1" t="s">
        <v>110</v>
      </c>
      <c r="D24475" s="1" t="s">
        <v>87674</v>
      </c>
      <c r="E24475" s="1" t="s">
        <v>87675</v>
      </c>
      <c r="F24475" s="1" t="s">
        <v>87676</v>
      </c>
      <c r="G24475" s="1" t="s">
        <v>87603</v>
      </c>
      <c r="H24475" s="1" t="s">
        <v>87604</v>
      </c>
      <c r="I24475" s="1" t="s">
        <v>86055</v>
      </c>
      <c r="J24475" s="1" t="s">
        <v>87677</v>
      </c>
    </row>
    <row r="24476" spans="1:10" x14ac:dyDescent="0.35">
      <c r="A24476" s="1" t="s">
        <v>44503</v>
      </c>
      <c r="B24476" s="1" t="s">
        <v>86049</v>
      </c>
      <c r="C24476" s="1" t="s">
        <v>115</v>
      </c>
      <c r="D24476" s="1" t="s">
        <v>87678</v>
      </c>
      <c r="E24476" s="1" t="s">
        <v>87679</v>
      </c>
      <c r="F24476" s="1" t="s">
        <v>87680</v>
      </c>
      <c r="G24476" s="1" t="s">
        <v>87603</v>
      </c>
      <c r="H24476" s="1" t="s">
        <v>87604</v>
      </c>
      <c r="I24476" s="1" t="s">
        <v>86055</v>
      </c>
      <c r="J24476" s="1" t="s">
        <v>87681</v>
      </c>
    </row>
    <row r="24477" spans="1:10" x14ac:dyDescent="0.35">
      <c r="A24477" s="1" t="s">
        <v>44503</v>
      </c>
      <c r="B24477" s="1" t="s">
        <v>86049</v>
      </c>
      <c r="C24477" s="1" t="s">
        <v>120</v>
      </c>
      <c r="D24477" s="1" t="s">
        <v>87682</v>
      </c>
      <c r="E24477" s="1" t="s">
        <v>87683</v>
      </c>
      <c r="F24477" s="1" t="s">
        <v>87684</v>
      </c>
      <c r="G24477" s="1" t="s">
        <v>87603</v>
      </c>
      <c r="H24477" s="1" t="s">
        <v>87604</v>
      </c>
      <c r="I24477" s="1" t="s">
        <v>86055</v>
      </c>
      <c r="J24477" s="1" t="s">
        <v>87685</v>
      </c>
    </row>
    <row r="24478" spans="1:10" x14ac:dyDescent="0.35">
      <c r="A24478" s="1" t="s">
        <v>44503</v>
      </c>
      <c r="B24478" s="1" t="s">
        <v>86049</v>
      </c>
      <c r="C24478" s="1" t="s">
        <v>125</v>
      </c>
      <c r="D24478" s="1" t="s">
        <v>87686</v>
      </c>
      <c r="E24478" s="1" t="s">
        <v>87687</v>
      </c>
      <c r="F24478" s="1" t="s">
        <v>87688</v>
      </c>
      <c r="G24478" s="1" t="s">
        <v>87603</v>
      </c>
      <c r="H24478" s="1" t="s">
        <v>87604</v>
      </c>
      <c r="I24478" s="1" t="s">
        <v>86055</v>
      </c>
      <c r="J24478" s="1" t="s">
        <v>87689</v>
      </c>
    </row>
    <row r="24479" spans="1:10" x14ac:dyDescent="0.35">
      <c r="A24479" s="1" t="s">
        <v>44503</v>
      </c>
      <c r="B24479" s="1" t="s">
        <v>86049</v>
      </c>
      <c r="C24479" s="1" t="s">
        <v>130</v>
      </c>
      <c r="D24479" s="1" t="s">
        <v>87690</v>
      </c>
      <c r="E24479" s="1" t="s">
        <v>87691</v>
      </c>
      <c r="F24479" s="1" t="s">
        <v>87692</v>
      </c>
      <c r="G24479" s="1" t="s">
        <v>87603</v>
      </c>
      <c r="H24479" s="1" t="s">
        <v>87604</v>
      </c>
      <c r="I24479" s="1" t="s">
        <v>86055</v>
      </c>
      <c r="J24479" s="1" t="s">
        <v>87693</v>
      </c>
    </row>
    <row r="24480" spans="1:10" x14ac:dyDescent="0.35">
      <c r="A24480" s="1" t="s">
        <v>44503</v>
      </c>
      <c r="B24480" s="1" t="s">
        <v>86049</v>
      </c>
      <c r="C24480" s="1" t="s">
        <v>135</v>
      </c>
      <c r="D24480" s="1" t="s">
        <v>87694</v>
      </c>
      <c r="E24480" s="1" t="s">
        <v>87695</v>
      </c>
      <c r="F24480" s="1" t="s">
        <v>87696</v>
      </c>
      <c r="G24480" s="1" t="s">
        <v>87603</v>
      </c>
      <c r="H24480" s="1" t="s">
        <v>87604</v>
      </c>
      <c r="I24480" s="1" t="s">
        <v>86055</v>
      </c>
      <c r="J24480" s="1" t="s">
        <v>87697</v>
      </c>
    </row>
    <row r="24481" spans="1:10" x14ac:dyDescent="0.35">
      <c r="A24481" s="1" t="s">
        <v>44503</v>
      </c>
      <c r="B24481" s="1" t="s">
        <v>86049</v>
      </c>
      <c r="C24481" s="1" t="s">
        <v>140</v>
      </c>
      <c r="D24481" s="1" t="s">
        <v>62015</v>
      </c>
      <c r="E24481" s="1" t="s">
        <v>87698</v>
      </c>
      <c r="F24481" s="1" t="s">
        <v>87699</v>
      </c>
      <c r="G24481" s="1" t="s">
        <v>87603</v>
      </c>
      <c r="H24481" s="1" t="s">
        <v>87604</v>
      </c>
      <c r="I24481" s="1" t="s">
        <v>86055</v>
      </c>
      <c r="J24481" s="1" t="s">
        <v>87700</v>
      </c>
    </row>
    <row r="24482" spans="1:10" x14ac:dyDescent="0.35">
      <c r="A24482" s="1" t="s">
        <v>44503</v>
      </c>
      <c r="B24482" s="1" t="s">
        <v>86049</v>
      </c>
      <c r="C24482" s="1" t="s">
        <v>145</v>
      </c>
      <c r="D24482" s="1" t="s">
        <v>20813</v>
      </c>
      <c r="E24482" s="1" t="s">
        <v>87701</v>
      </c>
      <c r="F24482" s="1" t="s">
        <v>87702</v>
      </c>
      <c r="G24482" s="1" t="s">
        <v>87603</v>
      </c>
      <c r="H24482" s="1" t="s">
        <v>87604</v>
      </c>
      <c r="I24482" s="1" t="s">
        <v>86055</v>
      </c>
      <c r="J24482" s="1" t="s">
        <v>87703</v>
      </c>
    </row>
    <row r="24483" spans="1:10" x14ac:dyDescent="0.35">
      <c r="A24483" s="1" t="s">
        <v>44503</v>
      </c>
      <c r="B24483" s="1" t="s">
        <v>86049</v>
      </c>
      <c r="C24483" s="1" t="s">
        <v>150</v>
      </c>
      <c r="D24483" s="1" t="s">
        <v>87704</v>
      </c>
      <c r="E24483" s="1" t="s">
        <v>87705</v>
      </c>
      <c r="F24483" s="1" t="s">
        <v>87706</v>
      </c>
      <c r="G24483" s="1" t="s">
        <v>87603</v>
      </c>
      <c r="H24483" s="1" t="s">
        <v>87604</v>
      </c>
      <c r="I24483" s="1" t="s">
        <v>86055</v>
      </c>
      <c r="J24483" s="1" t="s">
        <v>87707</v>
      </c>
    </row>
    <row r="24484" spans="1:10" x14ac:dyDescent="0.35">
      <c r="A24484" s="1" t="s">
        <v>44503</v>
      </c>
      <c r="B24484" s="1" t="s">
        <v>86049</v>
      </c>
      <c r="C24484" s="1" t="s">
        <v>155</v>
      </c>
      <c r="D24484" s="1" t="s">
        <v>80674</v>
      </c>
      <c r="E24484" s="1" t="s">
        <v>87708</v>
      </c>
      <c r="F24484" s="1" t="s">
        <v>87709</v>
      </c>
      <c r="G24484" s="1" t="s">
        <v>87603</v>
      </c>
      <c r="H24484" s="1" t="s">
        <v>87604</v>
      </c>
      <c r="I24484" s="1" t="s">
        <v>86055</v>
      </c>
      <c r="J24484" s="1" t="s">
        <v>87710</v>
      </c>
    </row>
    <row r="24485" spans="1:10" x14ac:dyDescent="0.35">
      <c r="A24485" s="1" t="s">
        <v>44503</v>
      </c>
      <c r="B24485" s="1" t="s">
        <v>86049</v>
      </c>
      <c r="C24485" s="1" t="s">
        <v>160</v>
      </c>
      <c r="D24485" s="1" t="s">
        <v>14685</v>
      </c>
      <c r="E24485" s="1" t="s">
        <v>87711</v>
      </c>
      <c r="F24485" s="1" t="s">
        <v>87712</v>
      </c>
      <c r="G24485" s="1" t="s">
        <v>87603</v>
      </c>
      <c r="H24485" s="1" t="s">
        <v>87604</v>
      </c>
      <c r="I24485" s="1" t="s">
        <v>86055</v>
      </c>
      <c r="J24485" s="1" t="s">
        <v>87713</v>
      </c>
    </row>
    <row r="24486" spans="1:10" x14ac:dyDescent="0.35">
      <c r="A24486" s="1" t="s">
        <v>44503</v>
      </c>
      <c r="B24486" s="1" t="s">
        <v>86049</v>
      </c>
      <c r="C24486" s="1" t="s">
        <v>165</v>
      </c>
      <c r="D24486" s="1" t="s">
        <v>20947</v>
      </c>
      <c r="E24486" s="1" t="s">
        <v>87714</v>
      </c>
      <c r="F24486" s="1" t="s">
        <v>87715</v>
      </c>
      <c r="G24486" s="1" t="s">
        <v>87603</v>
      </c>
      <c r="H24486" s="1" t="s">
        <v>87604</v>
      </c>
      <c r="I24486" s="1" t="s">
        <v>86055</v>
      </c>
      <c r="J24486" s="1" t="s">
        <v>87716</v>
      </c>
    </row>
    <row r="24487" spans="1:10" x14ac:dyDescent="0.35">
      <c r="A24487" s="1" t="s">
        <v>44503</v>
      </c>
      <c r="B24487" s="1" t="s">
        <v>86049</v>
      </c>
      <c r="C24487" s="1" t="s">
        <v>170</v>
      </c>
      <c r="D24487" s="1" t="s">
        <v>87717</v>
      </c>
      <c r="E24487" s="1" t="s">
        <v>87718</v>
      </c>
      <c r="F24487" s="1" t="s">
        <v>87719</v>
      </c>
      <c r="G24487" s="1" t="s">
        <v>87603</v>
      </c>
      <c r="H24487" s="1" t="s">
        <v>87604</v>
      </c>
      <c r="I24487" s="1" t="s">
        <v>86055</v>
      </c>
      <c r="J24487" s="1" t="s">
        <v>87720</v>
      </c>
    </row>
    <row r="24488" spans="1:10" x14ac:dyDescent="0.35">
      <c r="A24488" s="1" t="s">
        <v>87721</v>
      </c>
      <c r="B24488" s="1" t="s">
        <v>86049</v>
      </c>
      <c r="C24488" s="1" t="s">
        <v>8</v>
      </c>
      <c r="D24488" s="1" t="s">
        <v>87722</v>
      </c>
      <c r="E24488" s="1" t="s">
        <v>87723</v>
      </c>
      <c r="F24488" s="1" t="s">
        <v>87724</v>
      </c>
      <c r="G24488" s="1" t="s">
        <v>87725</v>
      </c>
      <c r="H24488" s="1" t="s">
        <v>87726</v>
      </c>
      <c r="I24488" s="1" t="s">
        <v>86055</v>
      </c>
      <c r="J24488" s="1" t="s">
        <v>13</v>
      </c>
    </row>
    <row r="24489" spans="1:10" x14ac:dyDescent="0.35">
      <c r="A24489" s="1" t="s">
        <v>87721</v>
      </c>
      <c r="B24489" s="1" t="s">
        <v>86049</v>
      </c>
      <c r="C24489" s="1" t="s">
        <v>15</v>
      </c>
      <c r="D24489" s="1" t="s">
        <v>87727</v>
      </c>
      <c r="E24489" s="1" t="s">
        <v>87728</v>
      </c>
      <c r="F24489" s="1" t="s">
        <v>87729</v>
      </c>
      <c r="G24489" s="1" t="s">
        <v>87725</v>
      </c>
      <c r="H24489" s="1" t="s">
        <v>87726</v>
      </c>
      <c r="I24489" s="1" t="s">
        <v>86055</v>
      </c>
      <c r="J24489" s="1" t="s">
        <v>87730</v>
      </c>
    </row>
    <row r="24490" spans="1:10" x14ac:dyDescent="0.35">
      <c r="A24490" s="1" t="s">
        <v>87721</v>
      </c>
      <c r="B24490" s="1" t="s">
        <v>86049</v>
      </c>
      <c r="C24490" s="1" t="s">
        <v>20</v>
      </c>
      <c r="D24490" s="1" t="s">
        <v>87731</v>
      </c>
      <c r="E24490" s="1" t="s">
        <v>87732</v>
      </c>
      <c r="F24490" s="1" t="s">
        <v>87733</v>
      </c>
      <c r="G24490" s="1" t="s">
        <v>87725</v>
      </c>
      <c r="H24490" s="1" t="s">
        <v>87726</v>
      </c>
      <c r="I24490" s="1" t="s">
        <v>86055</v>
      </c>
      <c r="J24490" s="1" t="s">
        <v>87734</v>
      </c>
    </row>
    <row r="24491" spans="1:10" x14ac:dyDescent="0.35">
      <c r="A24491" s="1" t="s">
        <v>87721</v>
      </c>
      <c r="B24491" s="1" t="s">
        <v>86049</v>
      </c>
      <c r="C24491" s="1" t="s">
        <v>25</v>
      </c>
      <c r="D24491" s="1" t="s">
        <v>62803</v>
      </c>
      <c r="E24491" s="1" t="s">
        <v>87735</v>
      </c>
      <c r="F24491" s="1" t="s">
        <v>87736</v>
      </c>
      <c r="G24491" s="1" t="s">
        <v>87725</v>
      </c>
      <c r="H24491" s="1" t="s">
        <v>87726</v>
      </c>
      <c r="I24491" s="1" t="s">
        <v>86055</v>
      </c>
      <c r="J24491" s="1" t="s">
        <v>87737</v>
      </c>
    </row>
    <row r="24492" spans="1:10" x14ac:dyDescent="0.35">
      <c r="A24492" s="1" t="s">
        <v>87721</v>
      </c>
      <c r="B24492" s="1" t="s">
        <v>86049</v>
      </c>
      <c r="C24492" s="1" t="s">
        <v>30</v>
      </c>
      <c r="D24492" s="1" t="s">
        <v>87738</v>
      </c>
      <c r="E24492" s="1" t="s">
        <v>87739</v>
      </c>
      <c r="F24492" s="1" t="s">
        <v>87740</v>
      </c>
      <c r="G24492" s="1" t="s">
        <v>87725</v>
      </c>
      <c r="H24492" s="1" t="s">
        <v>87726</v>
      </c>
      <c r="I24492" s="1" t="s">
        <v>86055</v>
      </c>
      <c r="J24492" s="1" t="s">
        <v>87741</v>
      </c>
    </row>
    <row r="24493" spans="1:10" x14ac:dyDescent="0.35">
      <c r="A24493" s="1" t="s">
        <v>87721</v>
      </c>
      <c r="B24493" s="1" t="s">
        <v>86049</v>
      </c>
      <c r="C24493" s="1" t="s">
        <v>35</v>
      </c>
      <c r="D24493" s="1" t="s">
        <v>87742</v>
      </c>
      <c r="E24493" s="1" t="s">
        <v>87743</v>
      </c>
      <c r="F24493" s="1" t="s">
        <v>87744</v>
      </c>
      <c r="G24493" s="1" t="s">
        <v>87725</v>
      </c>
      <c r="H24493" s="1" t="s">
        <v>87726</v>
      </c>
      <c r="I24493" s="1" t="s">
        <v>86055</v>
      </c>
      <c r="J24493" s="1" t="s">
        <v>87745</v>
      </c>
    </row>
    <row r="24494" spans="1:10" x14ac:dyDescent="0.35">
      <c r="A24494" s="1" t="s">
        <v>87721</v>
      </c>
      <c r="B24494" s="1" t="s">
        <v>86049</v>
      </c>
      <c r="C24494" s="1" t="s">
        <v>40</v>
      </c>
      <c r="D24494" s="1" t="s">
        <v>87746</v>
      </c>
      <c r="E24494" s="1" t="s">
        <v>87747</v>
      </c>
      <c r="F24494" s="1" t="s">
        <v>87748</v>
      </c>
      <c r="G24494" s="1" t="s">
        <v>87725</v>
      </c>
      <c r="H24494" s="1" t="s">
        <v>87726</v>
      </c>
      <c r="I24494" s="1" t="s">
        <v>86055</v>
      </c>
      <c r="J24494" s="1" t="s">
        <v>87749</v>
      </c>
    </row>
    <row r="24495" spans="1:10" x14ac:dyDescent="0.35">
      <c r="A24495" s="1" t="s">
        <v>87721</v>
      </c>
      <c r="B24495" s="1" t="s">
        <v>86049</v>
      </c>
      <c r="C24495" s="1" t="s">
        <v>45</v>
      </c>
      <c r="D24495" s="1" t="s">
        <v>87750</v>
      </c>
      <c r="E24495" s="1" t="s">
        <v>87751</v>
      </c>
      <c r="F24495" s="1" t="s">
        <v>87752</v>
      </c>
      <c r="G24495" s="1" t="s">
        <v>87725</v>
      </c>
      <c r="H24495" s="1" t="s">
        <v>87726</v>
      </c>
      <c r="I24495" s="1" t="s">
        <v>86055</v>
      </c>
      <c r="J24495" s="1" t="s">
        <v>87753</v>
      </c>
    </row>
    <row r="24496" spans="1:10" x14ac:dyDescent="0.35">
      <c r="A24496" s="1" t="s">
        <v>87721</v>
      </c>
      <c r="B24496" s="1" t="s">
        <v>86049</v>
      </c>
      <c r="C24496" s="1" t="s">
        <v>50</v>
      </c>
      <c r="D24496" s="1" t="s">
        <v>87754</v>
      </c>
      <c r="E24496" s="1" t="s">
        <v>87755</v>
      </c>
      <c r="F24496" s="1" t="s">
        <v>87756</v>
      </c>
      <c r="G24496" s="1" t="s">
        <v>87725</v>
      </c>
      <c r="H24496" s="1" t="s">
        <v>87726</v>
      </c>
      <c r="I24496" s="1" t="s">
        <v>86055</v>
      </c>
      <c r="J24496" s="1" t="s">
        <v>87757</v>
      </c>
    </row>
    <row r="24497" spans="1:10" x14ac:dyDescent="0.35">
      <c r="A24497" s="1" t="s">
        <v>87721</v>
      </c>
      <c r="B24497" s="1" t="s">
        <v>86049</v>
      </c>
      <c r="C24497" s="1" t="s">
        <v>55</v>
      </c>
      <c r="D24497" s="1" t="s">
        <v>66372</v>
      </c>
      <c r="E24497" s="1" t="s">
        <v>87758</v>
      </c>
      <c r="F24497" s="1" t="s">
        <v>87759</v>
      </c>
      <c r="G24497" s="1" t="s">
        <v>87725</v>
      </c>
      <c r="H24497" s="1" t="s">
        <v>87726</v>
      </c>
      <c r="I24497" s="1" t="s">
        <v>86055</v>
      </c>
      <c r="J24497" s="1" t="s">
        <v>87760</v>
      </c>
    </row>
    <row r="24498" spans="1:10" x14ac:dyDescent="0.35">
      <c r="A24498" s="1" t="s">
        <v>87721</v>
      </c>
      <c r="B24498" s="1" t="s">
        <v>86049</v>
      </c>
      <c r="C24498" s="1" t="s">
        <v>60</v>
      </c>
      <c r="D24498" s="1" t="s">
        <v>87761</v>
      </c>
      <c r="E24498" s="1" t="s">
        <v>87762</v>
      </c>
      <c r="F24498" s="1" t="s">
        <v>87763</v>
      </c>
      <c r="G24498" s="1" t="s">
        <v>87725</v>
      </c>
      <c r="H24498" s="1" t="s">
        <v>87726</v>
      </c>
      <c r="I24498" s="1" t="s">
        <v>86055</v>
      </c>
      <c r="J24498" s="1" t="s">
        <v>87764</v>
      </c>
    </row>
    <row r="24499" spans="1:10" x14ac:dyDescent="0.35">
      <c r="A24499" s="1" t="s">
        <v>87721</v>
      </c>
      <c r="B24499" s="1" t="s">
        <v>86049</v>
      </c>
      <c r="C24499" s="1" t="s">
        <v>65</v>
      </c>
      <c r="D24499" s="1" t="s">
        <v>87765</v>
      </c>
      <c r="E24499" s="1" t="s">
        <v>87766</v>
      </c>
      <c r="F24499" s="1" t="s">
        <v>64090</v>
      </c>
      <c r="G24499" s="1" t="s">
        <v>87725</v>
      </c>
      <c r="H24499" s="1" t="s">
        <v>87726</v>
      </c>
      <c r="I24499" s="1" t="s">
        <v>86055</v>
      </c>
      <c r="J24499" s="1" t="s">
        <v>87767</v>
      </c>
    </row>
    <row r="24500" spans="1:10" x14ac:dyDescent="0.35">
      <c r="A24500" s="1" t="s">
        <v>87721</v>
      </c>
      <c r="B24500" s="1" t="s">
        <v>86049</v>
      </c>
      <c r="C24500" s="1" t="s">
        <v>70</v>
      </c>
      <c r="D24500" s="1" t="s">
        <v>87768</v>
      </c>
      <c r="E24500" s="1" t="s">
        <v>87769</v>
      </c>
      <c r="F24500" s="1" t="s">
        <v>87770</v>
      </c>
      <c r="G24500" s="1" t="s">
        <v>87725</v>
      </c>
      <c r="H24500" s="1" t="s">
        <v>87726</v>
      </c>
      <c r="I24500" s="1" t="s">
        <v>86055</v>
      </c>
      <c r="J24500" s="1" t="s">
        <v>87771</v>
      </c>
    </row>
    <row r="24501" spans="1:10" x14ac:dyDescent="0.35">
      <c r="A24501" s="1" t="s">
        <v>87721</v>
      </c>
      <c r="B24501" s="1" t="s">
        <v>86049</v>
      </c>
      <c r="C24501" s="1" t="s">
        <v>75</v>
      </c>
      <c r="D24501" s="1" t="s">
        <v>66375</v>
      </c>
      <c r="E24501" s="1" t="s">
        <v>87772</v>
      </c>
      <c r="F24501" s="1" t="s">
        <v>87773</v>
      </c>
      <c r="G24501" s="1" t="s">
        <v>87725</v>
      </c>
      <c r="H24501" s="1" t="s">
        <v>87726</v>
      </c>
      <c r="I24501" s="1" t="s">
        <v>86055</v>
      </c>
      <c r="J24501" s="1" t="s">
        <v>87774</v>
      </c>
    </row>
    <row r="24502" spans="1:10" x14ac:dyDescent="0.35">
      <c r="A24502" s="1" t="s">
        <v>87721</v>
      </c>
      <c r="B24502" s="1" t="s">
        <v>86049</v>
      </c>
      <c r="C24502" s="1" t="s">
        <v>80</v>
      </c>
      <c r="D24502" s="1" t="s">
        <v>87775</v>
      </c>
      <c r="E24502" s="1" t="s">
        <v>87776</v>
      </c>
      <c r="F24502" s="1" t="s">
        <v>87777</v>
      </c>
      <c r="G24502" s="1" t="s">
        <v>87725</v>
      </c>
      <c r="H24502" s="1" t="s">
        <v>87726</v>
      </c>
      <c r="I24502" s="1" t="s">
        <v>86055</v>
      </c>
      <c r="J24502" s="1" t="s">
        <v>87778</v>
      </c>
    </row>
    <row r="24503" spans="1:10" x14ac:dyDescent="0.35">
      <c r="A24503" s="1" t="s">
        <v>87721</v>
      </c>
      <c r="B24503" s="1" t="s">
        <v>86049</v>
      </c>
      <c r="C24503" s="1" t="s">
        <v>85</v>
      </c>
      <c r="D24503" s="1" t="s">
        <v>87779</v>
      </c>
      <c r="E24503" s="1" t="s">
        <v>87780</v>
      </c>
      <c r="F24503" s="1" t="s">
        <v>87781</v>
      </c>
      <c r="G24503" s="1" t="s">
        <v>87725</v>
      </c>
      <c r="H24503" s="1" t="s">
        <v>87726</v>
      </c>
      <c r="I24503" s="1" t="s">
        <v>86055</v>
      </c>
      <c r="J24503" s="1" t="s">
        <v>87782</v>
      </c>
    </row>
    <row r="24504" spans="1:10" x14ac:dyDescent="0.35">
      <c r="A24504" s="1" t="s">
        <v>87721</v>
      </c>
      <c r="B24504" s="1" t="s">
        <v>86049</v>
      </c>
      <c r="C24504" s="1" t="s">
        <v>90</v>
      </c>
      <c r="D24504" s="1" t="s">
        <v>87783</v>
      </c>
      <c r="E24504" s="1" t="s">
        <v>87784</v>
      </c>
      <c r="F24504" s="1" t="s">
        <v>87785</v>
      </c>
      <c r="G24504" s="1" t="s">
        <v>87725</v>
      </c>
      <c r="H24504" s="1" t="s">
        <v>87726</v>
      </c>
      <c r="I24504" s="1" t="s">
        <v>86055</v>
      </c>
      <c r="J24504" s="1" t="s">
        <v>87786</v>
      </c>
    </row>
    <row r="24505" spans="1:10" x14ac:dyDescent="0.35">
      <c r="A24505" s="1" t="s">
        <v>87721</v>
      </c>
      <c r="B24505" s="1" t="s">
        <v>86049</v>
      </c>
      <c r="C24505" s="1" t="s">
        <v>95</v>
      </c>
      <c r="D24505" s="1" t="s">
        <v>87787</v>
      </c>
      <c r="E24505" s="1" t="s">
        <v>87788</v>
      </c>
      <c r="F24505" s="1" t="s">
        <v>87789</v>
      </c>
      <c r="G24505" s="1" t="s">
        <v>87725</v>
      </c>
      <c r="H24505" s="1" t="s">
        <v>87726</v>
      </c>
      <c r="I24505" s="1" t="s">
        <v>86055</v>
      </c>
      <c r="J24505" s="1" t="s">
        <v>87790</v>
      </c>
    </row>
    <row r="24506" spans="1:10" x14ac:dyDescent="0.35">
      <c r="A24506" s="1" t="s">
        <v>87721</v>
      </c>
      <c r="B24506" s="1" t="s">
        <v>86049</v>
      </c>
      <c r="C24506" s="1" t="s">
        <v>100</v>
      </c>
      <c r="D24506" s="1" t="s">
        <v>61136</v>
      </c>
      <c r="E24506" s="1" t="s">
        <v>87791</v>
      </c>
      <c r="F24506" s="1" t="s">
        <v>87792</v>
      </c>
      <c r="G24506" s="1" t="s">
        <v>87725</v>
      </c>
      <c r="H24506" s="1" t="s">
        <v>87726</v>
      </c>
      <c r="I24506" s="1" t="s">
        <v>86055</v>
      </c>
      <c r="J24506" s="1" t="s">
        <v>87793</v>
      </c>
    </row>
    <row r="24507" spans="1:10" x14ac:dyDescent="0.35">
      <c r="A24507" s="1" t="s">
        <v>87721</v>
      </c>
      <c r="B24507" s="1" t="s">
        <v>86049</v>
      </c>
      <c r="C24507" s="1" t="s">
        <v>105</v>
      </c>
      <c r="D24507" s="1" t="s">
        <v>81453</v>
      </c>
      <c r="E24507" s="1" t="s">
        <v>87794</v>
      </c>
      <c r="F24507" s="1" t="s">
        <v>87795</v>
      </c>
      <c r="G24507" s="1" t="s">
        <v>87725</v>
      </c>
      <c r="H24507" s="1" t="s">
        <v>87726</v>
      </c>
      <c r="I24507" s="1" t="s">
        <v>86055</v>
      </c>
      <c r="J24507" s="1" t="s">
        <v>87796</v>
      </c>
    </row>
    <row r="24508" spans="1:10" x14ac:dyDescent="0.35">
      <c r="A24508" s="1" t="s">
        <v>87721</v>
      </c>
      <c r="B24508" s="1" t="s">
        <v>86049</v>
      </c>
      <c r="C24508" s="1" t="s">
        <v>110</v>
      </c>
      <c r="D24508" s="1" t="s">
        <v>87797</v>
      </c>
      <c r="E24508" s="1" t="s">
        <v>87798</v>
      </c>
      <c r="F24508" s="1" t="s">
        <v>87799</v>
      </c>
      <c r="G24508" s="1" t="s">
        <v>87725</v>
      </c>
      <c r="H24508" s="1" t="s">
        <v>87726</v>
      </c>
      <c r="I24508" s="1" t="s">
        <v>86055</v>
      </c>
      <c r="J24508" s="1" t="s">
        <v>87800</v>
      </c>
    </row>
    <row r="24509" spans="1:10" x14ac:dyDescent="0.35">
      <c r="A24509" s="1" t="s">
        <v>87721</v>
      </c>
      <c r="B24509" s="1" t="s">
        <v>86049</v>
      </c>
      <c r="C24509" s="1" t="s">
        <v>115</v>
      </c>
      <c r="D24509" s="1" t="s">
        <v>87801</v>
      </c>
      <c r="E24509" s="1" t="s">
        <v>87802</v>
      </c>
      <c r="F24509" s="1" t="s">
        <v>87803</v>
      </c>
      <c r="G24509" s="1" t="s">
        <v>87725</v>
      </c>
      <c r="H24509" s="1" t="s">
        <v>87726</v>
      </c>
      <c r="I24509" s="1" t="s">
        <v>86055</v>
      </c>
      <c r="J24509" s="1" t="s">
        <v>87804</v>
      </c>
    </row>
    <row r="24510" spans="1:10" x14ac:dyDescent="0.35">
      <c r="A24510" s="1" t="s">
        <v>87721</v>
      </c>
      <c r="B24510" s="1" t="s">
        <v>86049</v>
      </c>
      <c r="C24510" s="1" t="s">
        <v>120</v>
      </c>
      <c r="D24510" s="1" t="s">
        <v>53271</v>
      </c>
      <c r="E24510" s="1" t="s">
        <v>87805</v>
      </c>
      <c r="F24510" s="1" t="s">
        <v>87806</v>
      </c>
      <c r="G24510" s="1" t="s">
        <v>87725</v>
      </c>
      <c r="H24510" s="1" t="s">
        <v>87726</v>
      </c>
      <c r="I24510" s="1" t="s">
        <v>86055</v>
      </c>
      <c r="J24510" s="1" t="s">
        <v>87807</v>
      </c>
    </row>
    <row r="24511" spans="1:10" x14ac:dyDescent="0.35">
      <c r="A24511" s="1" t="s">
        <v>87721</v>
      </c>
      <c r="B24511" s="1" t="s">
        <v>86049</v>
      </c>
      <c r="C24511" s="1" t="s">
        <v>125</v>
      </c>
      <c r="D24511" s="1" t="s">
        <v>87808</v>
      </c>
      <c r="E24511" s="1" t="s">
        <v>87809</v>
      </c>
      <c r="F24511" s="1" t="s">
        <v>87810</v>
      </c>
      <c r="G24511" s="1" t="s">
        <v>87725</v>
      </c>
      <c r="H24511" s="1" t="s">
        <v>87726</v>
      </c>
      <c r="I24511" s="1" t="s">
        <v>86055</v>
      </c>
      <c r="J24511" s="1" t="s">
        <v>87811</v>
      </c>
    </row>
    <row r="24512" spans="1:10" x14ac:dyDescent="0.35">
      <c r="A24512" s="1" t="s">
        <v>87721</v>
      </c>
      <c r="B24512" s="1" t="s">
        <v>86049</v>
      </c>
      <c r="C24512" s="1" t="s">
        <v>130</v>
      </c>
      <c r="D24512" s="1" t="s">
        <v>87812</v>
      </c>
      <c r="E24512" s="1" t="s">
        <v>87813</v>
      </c>
      <c r="F24512" s="1" t="s">
        <v>87814</v>
      </c>
      <c r="G24512" s="1" t="s">
        <v>87725</v>
      </c>
      <c r="H24512" s="1" t="s">
        <v>87726</v>
      </c>
      <c r="I24512" s="1" t="s">
        <v>86055</v>
      </c>
      <c r="J24512" s="1" t="s">
        <v>87815</v>
      </c>
    </row>
    <row r="24513" spans="1:10" x14ac:dyDescent="0.35">
      <c r="A24513" s="1" t="s">
        <v>87721</v>
      </c>
      <c r="B24513" s="1" t="s">
        <v>86049</v>
      </c>
      <c r="C24513" s="1" t="s">
        <v>135</v>
      </c>
      <c r="D24513" s="1" t="s">
        <v>78710</v>
      </c>
      <c r="E24513" s="1" t="s">
        <v>87816</v>
      </c>
      <c r="F24513" s="1" t="s">
        <v>87817</v>
      </c>
      <c r="G24513" s="1" t="s">
        <v>87725</v>
      </c>
      <c r="H24513" s="1" t="s">
        <v>87726</v>
      </c>
      <c r="I24513" s="1" t="s">
        <v>86055</v>
      </c>
      <c r="J24513" s="1" t="s">
        <v>87818</v>
      </c>
    </row>
    <row r="24514" spans="1:10" x14ac:dyDescent="0.35">
      <c r="A24514" s="1" t="s">
        <v>87721</v>
      </c>
      <c r="B24514" s="1" t="s">
        <v>86049</v>
      </c>
      <c r="C24514" s="1" t="s">
        <v>140</v>
      </c>
      <c r="D24514" s="1" t="s">
        <v>87819</v>
      </c>
      <c r="E24514" s="1" t="s">
        <v>87820</v>
      </c>
      <c r="F24514" s="1" t="s">
        <v>87821</v>
      </c>
      <c r="G24514" s="1" t="s">
        <v>87725</v>
      </c>
      <c r="H24514" s="1" t="s">
        <v>87726</v>
      </c>
      <c r="I24514" s="1" t="s">
        <v>86055</v>
      </c>
      <c r="J24514" s="1" t="s">
        <v>87822</v>
      </c>
    </row>
    <row r="24515" spans="1:10" x14ac:dyDescent="0.35">
      <c r="A24515" s="1" t="s">
        <v>87721</v>
      </c>
      <c r="B24515" s="1" t="s">
        <v>86049</v>
      </c>
      <c r="C24515" s="1" t="s">
        <v>145</v>
      </c>
      <c r="D24515" s="1" t="s">
        <v>77132</v>
      </c>
      <c r="E24515" s="1" t="s">
        <v>87823</v>
      </c>
      <c r="F24515" s="1" t="s">
        <v>87824</v>
      </c>
      <c r="G24515" s="1" t="s">
        <v>87725</v>
      </c>
      <c r="H24515" s="1" t="s">
        <v>87726</v>
      </c>
      <c r="I24515" s="1" t="s">
        <v>86055</v>
      </c>
      <c r="J24515" s="1" t="s">
        <v>87825</v>
      </c>
    </row>
    <row r="24516" spans="1:10" x14ac:dyDescent="0.35">
      <c r="A24516" s="1" t="s">
        <v>87721</v>
      </c>
      <c r="B24516" s="1" t="s">
        <v>86049</v>
      </c>
      <c r="C24516" s="1" t="s">
        <v>150</v>
      </c>
      <c r="D24516" s="1" t="s">
        <v>63692</v>
      </c>
      <c r="E24516" s="1" t="s">
        <v>87826</v>
      </c>
      <c r="F24516" s="1" t="s">
        <v>87827</v>
      </c>
      <c r="G24516" s="1" t="s">
        <v>87725</v>
      </c>
      <c r="H24516" s="1" t="s">
        <v>87726</v>
      </c>
      <c r="I24516" s="1" t="s">
        <v>86055</v>
      </c>
      <c r="J24516" s="1" t="s">
        <v>87828</v>
      </c>
    </row>
    <row r="24517" spans="1:10" x14ac:dyDescent="0.35">
      <c r="A24517" s="1" t="s">
        <v>87721</v>
      </c>
      <c r="B24517" s="1" t="s">
        <v>86049</v>
      </c>
      <c r="C24517" s="1" t="s">
        <v>155</v>
      </c>
      <c r="D24517" s="1" t="s">
        <v>26416</v>
      </c>
      <c r="E24517" s="1" t="s">
        <v>87829</v>
      </c>
      <c r="F24517" s="1" t="s">
        <v>87830</v>
      </c>
      <c r="G24517" s="1" t="s">
        <v>87725</v>
      </c>
      <c r="H24517" s="1" t="s">
        <v>87726</v>
      </c>
      <c r="I24517" s="1" t="s">
        <v>86055</v>
      </c>
      <c r="J24517" s="1" t="s">
        <v>87831</v>
      </c>
    </row>
    <row r="24518" spans="1:10" x14ac:dyDescent="0.35">
      <c r="A24518" s="1" t="s">
        <v>87721</v>
      </c>
      <c r="B24518" s="1" t="s">
        <v>86049</v>
      </c>
      <c r="C24518" s="1" t="s">
        <v>160</v>
      </c>
      <c r="D24518" s="1" t="s">
        <v>87005</v>
      </c>
      <c r="E24518" s="1" t="s">
        <v>87832</v>
      </c>
      <c r="F24518" s="1" t="s">
        <v>87833</v>
      </c>
      <c r="G24518" s="1" t="s">
        <v>87725</v>
      </c>
      <c r="H24518" s="1" t="s">
        <v>87726</v>
      </c>
      <c r="I24518" s="1" t="s">
        <v>86055</v>
      </c>
      <c r="J24518" s="1" t="s">
        <v>87834</v>
      </c>
    </row>
    <row r="24519" spans="1:10" x14ac:dyDescent="0.35">
      <c r="A24519" s="1" t="s">
        <v>87721</v>
      </c>
      <c r="B24519" s="1" t="s">
        <v>86049</v>
      </c>
      <c r="C24519" s="1" t="s">
        <v>165</v>
      </c>
      <c r="D24519" s="1" t="s">
        <v>41676</v>
      </c>
      <c r="E24519" s="1" t="s">
        <v>87835</v>
      </c>
      <c r="F24519" s="1" t="s">
        <v>87836</v>
      </c>
      <c r="G24519" s="1" t="s">
        <v>87725</v>
      </c>
      <c r="H24519" s="1" t="s">
        <v>87726</v>
      </c>
      <c r="I24519" s="1" t="s">
        <v>86055</v>
      </c>
      <c r="J24519" s="1" t="s">
        <v>87837</v>
      </c>
    </row>
    <row r="24520" spans="1:10" x14ac:dyDescent="0.35">
      <c r="A24520" s="1" t="s">
        <v>87721</v>
      </c>
      <c r="B24520" s="1" t="s">
        <v>86049</v>
      </c>
      <c r="C24520" s="1" t="s">
        <v>170</v>
      </c>
      <c r="D24520" s="1" t="s">
        <v>60597</v>
      </c>
      <c r="E24520" s="1" t="s">
        <v>87838</v>
      </c>
      <c r="F24520" s="1" t="s">
        <v>87839</v>
      </c>
      <c r="G24520" s="1" t="s">
        <v>87725</v>
      </c>
      <c r="H24520" s="1" t="s">
        <v>87726</v>
      </c>
      <c r="I24520" s="1" t="s">
        <v>86055</v>
      </c>
      <c r="J24520" s="1" t="s">
        <v>87840</v>
      </c>
    </row>
    <row r="24521" spans="1:10" x14ac:dyDescent="0.35">
      <c r="A24521" s="1" t="s">
        <v>1793</v>
      </c>
      <c r="B24521" s="1" t="s">
        <v>86049</v>
      </c>
      <c r="C24521" s="1" t="s">
        <v>8</v>
      </c>
      <c r="D24521" s="1" t="s">
        <v>26356</v>
      </c>
      <c r="E24521" s="1" t="s">
        <v>87841</v>
      </c>
      <c r="F24521" s="1" t="s">
        <v>87842</v>
      </c>
      <c r="G24521" s="1" t="s">
        <v>87843</v>
      </c>
      <c r="H24521" s="1" t="s">
        <v>87844</v>
      </c>
      <c r="I24521" s="1" t="s">
        <v>86055</v>
      </c>
      <c r="J24521" s="1" t="s">
        <v>13</v>
      </c>
    </row>
    <row r="24522" spans="1:10" x14ac:dyDescent="0.35">
      <c r="A24522" s="1" t="s">
        <v>1793</v>
      </c>
      <c r="B24522" s="1" t="s">
        <v>86049</v>
      </c>
      <c r="C24522" s="1" t="s">
        <v>15</v>
      </c>
      <c r="D24522" s="1" t="s">
        <v>60123</v>
      </c>
      <c r="E24522" s="1" t="s">
        <v>87845</v>
      </c>
      <c r="F24522" s="1" t="s">
        <v>87846</v>
      </c>
      <c r="G24522" s="1" t="s">
        <v>87843</v>
      </c>
      <c r="H24522" s="1" t="s">
        <v>87844</v>
      </c>
      <c r="I24522" s="1" t="s">
        <v>86055</v>
      </c>
      <c r="J24522" s="1" t="s">
        <v>87847</v>
      </c>
    </row>
    <row r="24523" spans="1:10" x14ac:dyDescent="0.35">
      <c r="A24523" s="1" t="s">
        <v>1793</v>
      </c>
      <c r="B24523" s="1" t="s">
        <v>86049</v>
      </c>
      <c r="C24523" s="1" t="s">
        <v>20</v>
      </c>
      <c r="D24523" s="1" t="s">
        <v>87848</v>
      </c>
      <c r="E24523" s="1" t="s">
        <v>87849</v>
      </c>
      <c r="F24523" s="1" t="s">
        <v>87850</v>
      </c>
      <c r="G24523" s="1" t="s">
        <v>87843</v>
      </c>
      <c r="H24523" s="1" t="s">
        <v>87844</v>
      </c>
      <c r="I24523" s="1" t="s">
        <v>86055</v>
      </c>
      <c r="J24523" s="1" t="s">
        <v>87851</v>
      </c>
    </row>
    <row r="24524" spans="1:10" x14ac:dyDescent="0.35">
      <c r="A24524" s="1" t="s">
        <v>1793</v>
      </c>
      <c r="B24524" s="1" t="s">
        <v>86049</v>
      </c>
      <c r="C24524" s="1" t="s">
        <v>25</v>
      </c>
      <c r="D24524" s="1" t="s">
        <v>87852</v>
      </c>
      <c r="E24524" s="1" t="s">
        <v>87853</v>
      </c>
      <c r="F24524" s="1" t="s">
        <v>87854</v>
      </c>
      <c r="G24524" s="1" t="s">
        <v>87843</v>
      </c>
      <c r="H24524" s="1" t="s">
        <v>87844</v>
      </c>
      <c r="I24524" s="1" t="s">
        <v>86055</v>
      </c>
      <c r="J24524" s="1" t="s">
        <v>87855</v>
      </c>
    </row>
    <row r="24525" spans="1:10" x14ac:dyDescent="0.35">
      <c r="A24525" s="1" t="s">
        <v>1793</v>
      </c>
      <c r="B24525" s="1" t="s">
        <v>86049</v>
      </c>
      <c r="C24525" s="1" t="s">
        <v>30</v>
      </c>
      <c r="D24525" s="1" t="s">
        <v>59318</v>
      </c>
      <c r="E24525" s="1" t="s">
        <v>87856</v>
      </c>
      <c r="F24525" s="1" t="s">
        <v>87857</v>
      </c>
      <c r="G24525" s="1" t="s">
        <v>87843</v>
      </c>
      <c r="H24525" s="1" t="s">
        <v>87844</v>
      </c>
      <c r="I24525" s="1" t="s">
        <v>86055</v>
      </c>
      <c r="J24525" s="1" t="s">
        <v>87858</v>
      </c>
    </row>
    <row r="24526" spans="1:10" x14ac:dyDescent="0.35">
      <c r="A24526" s="1" t="s">
        <v>1793</v>
      </c>
      <c r="B24526" s="1" t="s">
        <v>86049</v>
      </c>
      <c r="C24526" s="1" t="s">
        <v>35</v>
      </c>
      <c r="D24526" s="1" t="s">
        <v>87859</v>
      </c>
      <c r="E24526" s="1" t="s">
        <v>87860</v>
      </c>
      <c r="F24526" s="1" t="s">
        <v>87861</v>
      </c>
      <c r="G24526" s="1" t="s">
        <v>87843</v>
      </c>
      <c r="H24526" s="1" t="s">
        <v>87844</v>
      </c>
      <c r="I24526" s="1" t="s">
        <v>86055</v>
      </c>
      <c r="J24526" s="1" t="s">
        <v>87862</v>
      </c>
    </row>
    <row r="24527" spans="1:10" x14ac:dyDescent="0.35">
      <c r="A24527" s="1" t="s">
        <v>1793</v>
      </c>
      <c r="B24527" s="1" t="s">
        <v>86049</v>
      </c>
      <c r="C24527" s="1" t="s">
        <v>40</v>
      </c>
      <c r="D24527" s="1" t="s">
        <v>87863</v>
      </c>
      <c r="E24527" s="1" t="s">
        <v>87864</v>
      </c>
      <c r="F24527" s="1" t="s">
        <v>87865</v>
      </c>
      <c r="G24527" s="1" t="s">
        <v>87843</v>
      </c>
      <c r="H24527" s="1" t="s">
        <v>87844</v>
      </c>
      <c r="I24527" s="1" t="s">
        <v>86055</v>
      </c>
      <c r="J24527" s="1" t="s">
        <v>87866</v>
      </c>
    </row>
    <row r="24528" spans="1:10" x14ac:dyDescent="0.35">
      <c r="A24528" s="1" t="s">
        <v>1793</v>
      </c>
      <c r="B24528" s="1" t="s">
        <v>86049</v>
      </c>
      <c r="C24528" s="1" t="s">
        <v>45</v>
      </c>
      <c r="D24528" s="1" t="s">
        <v>87867</v>
      </c>
      <c r="E24528" s="1" t="s">
        <v>87868</v>
      </c>
      <c r="F24528" s="1" t="s">
        <v>87869</v>
      </c>
      <c r="G24528" s="1" t="s">
        <v>87843</v>
      </c>
      <c r="H24528" s="1" t="s">
        <v>87844</v>
      </c>
      <c r="I24528" s="1" t="s">
        <v>86055</v>
      </c>
      <c r="J24528" s="1" t="s">
        <v>87870</v>
      </c>
    </row>
    <row r="24529" spans="1:10" x14ac:dyDescent="0.35">
      <c r="A24529" s="1" t="s">
        <v>1793</v>
      </c>
      <c r="B24529" s="1" t="s">
        <v>86049</v>
      </c>
      <c r="C24529" s="1" t="s">
        <v>50</v>
      </c>
      <c r="D24529" s="1" t="s">
        <v>65642</v>
      </c>
      <c r="E24529" s="1" t="s">
        <v>87871</v>
      </c>
      <c r="F24529" s="1" t="s">
        <v>87872</v>
      </c>
      <c r="G24529" s="1" t="s">
        <v>87843</v>
      </c>
      <c r="H24529" s="1" t="s">
        <v>87844</v>
      </c>
      <c r="I24529" s="1" t="s">
        <v>86055</v>
      </c>
      <c r="J24529" s="1" t="s">
        <v>87873</v>
      </c>
    </row>
    <row r="24530" spans="1:10" x14ac:dyDescent="0.35">
      <c r="A24530" s="1" t="s">
        <v>1793</v>
      </c>
      <c r="B24530" s="1" t="s">
        <v>86049</v>
      </c>
      <c r="C24530" s="1" t="s">
        <v>55</v>
      </c>
      <c r="D24530" s="1" t="s">
        <v>87874</v>
      </c>
      <c r="E24530" s="1" t="s">
        <v>87875</v>
      </c>
      <c r="F24530" s="1" t="s">
        <v>87876</v>
      </c>
      <c r="G24530" s="1" t="s">
        <v>87843</v>
      </c>
      <c r="H24530" s="1" t="s">
        <v>87844</v>
      </c>
      <c r="I24530" s="1" t="s">
        <v>86055</v>
      </c>
      <c r="J24530" s="1" t="s">
        <v>87877</v>
      </c>
    </row>
    <row r="24531" spans="1:10" x14ac:dyDescent="0.35">
      <c r="A24531" s="1" t="s">
        <v>1793</v>
      </c>
      <c r="B24531" s="1" t="s">
        <v>86049</v>
      </c>
      <c r="C24531" s="1" t="s">
        <v>60</v>
      </c>
      <c r="D24531" s="1" t="s">
        <v>87878</v>
      </c>
      <c r="E24531" s="1" t="s">
        <v>87879</v>
      </c>
      <c r="F24531" s="1" t="s">
        <v>87880</v>
      </c>
      <c r="G24531" s="1" t="s">
        <v>87843</v>
      </c>
      <c r="H24531" s="1" t="s">
        <v>87844</v>
      </c>
      <c r="I24531" s="1" t="s">
        <v>86055</v>
      </c>
      <c r="J24531" s="1" t="s">
        <v>87881</v>
      </c>
    </row>
    <row r="24532" spans="1:10" x14ac:dyDescent="0.35">
      <c r="A24532" s="1" t="s">
        <v>1793</v>
      </c>
      <c r="B24532" s="1" t="s">
        <v>86049</v>
      </c>
      <c r="C24532" s="1" t="s">
        <v>65</v>
      </c>
      <c r="D24532" s="1" t="s">
        <v>76222</v>
      </c>
      <c r="E24532" s="1" t="s">
        <v>87882</v>
      </c>
      <c r="F24532" s="1" t="s">
        <v>87883</v>
      </c>
      <c r="G24532" s="1" t="s">
        <v>87843</v>
      </c>
      <c r="H24532" s="1" t="s">
        <v>87844</v>
      </c>
      <c r="I24532" s="1" t="s">
        <v>86055</v>
      </c>
      <c r="J24532" s="1" t="s">
        <v>87884</v>
      </c>
    </row>
    <row r="24533" spans="1:10" x14ac:dyDescent="0.35">
      <c r="A24533" s="1" t="s">
        <v>1793</v>
      </c>
      <c r="B24533" s="1" t="s">
        <v>86049</v>
      </c>
      <c r="C24533" s="1" t="s">
        <v>70</v>
      </c>
      <c r="D24533" s="1" t="s">
        <v>87885</v>
      </c>
      <c r="E24533" s="1" t="s">
        <v>87886</v>
      </c>
      <c r="F24533" s="1" t="s">
        <v>87887</v>
      </c>
      <c r="G24533" s="1" t="s">
        <v>87843</v>
      </c>
      <c r="H24533" s="1" t="s">
        <v>87844</v>
      </c>
      <c r="I24533" s="1" t="s">
        <v>86055</v>
      </c>
      <c r="J24533" s="1" t="s">
        <v>87888</v>
      </c>
    </row>
    <row r="24534" spans="1:10" x14ac:dyDescent="0.35">
      <c r="A24534" s="1" t="s">
        <v>1793</v>
      </c>
      <c r="B24534" s="1" t="s">
        <v>86049</v>
      </c>
      <c r="C24534" s="1" t="s">
        <v>75</v>
      </c>
      <c r="D24534" s="1" t="s">
        <v>43566</v>
      </c>
      <c r="E24534" s="1" t="s">
        <v>87889</v>
      </c>
      <c r="F24534" s="1" t="s">
        <v>87890</v>
      </c>
      <c r="G24534" s="1" t="s">
        <v>87843</v>
      </c>
      <c r="H24534" s="1" t="s">
        <v>87844</v>
      </c>
      <c r="I24534" s="1" t="s">
        <v>86055</v>
      </c>
      <c r="J24534" s="1" t="s">
        <v>87891</v>
      </c>
    </row>
    <row r="24535" spans="1:10" x14ac:dyDescent="0.35">
      <c r="A24535" s="1" t="s">
        <v>1793</v>
      </c>
      <c r="B24535" s="1" t="s">
        <v>86049</v>
      </c>
      <c r="C24535" s="1" t="s">
        <v>80</v>
      </c>
      <c r="D24535" s="1" t="s">
        <v>62114</v>
      </c>
      <c r="E24535" s="1" t="s">
        <v>87892</v>
      </c>
      <c r="F24535" s="1" t="s">
        <v>87893</v>
      </c>
      <c r="G24535" s="1" t="s">
        <v>87843</v>
      </c>
      <c r="H24535" s="1" t="s">
        <v>87844</v>
      </c>
      <c r="I24535" s="1" t="s">
        <v>86055</v>
      </c>
      <c r="J24535" s="1" t="s">
        <v>87894</v>
      </c>
    </row>
    <row r="24536" spans="1:10" x14ac:dyDescent="0.35">
      <c r="A24536" s="1" t="s">
        <v>1793</v>
      </c>
      <c r="B24536" s="1" t="s">
        <v>86049</v>
      </c>
      <c r="C24536" s="1" t="s">
        <v>85</v>
      </c>
      <c r="D24536" s="1" t="s">
        <v>87895</v>
      </c>
      <c r="E24536" s="1" t="s">
        <v>87896</v>
      </c>
      <c r="F24536" s="1" t="s">
        <v>87897</v>
      </c>
      <c r="G24536" s="1" t="s">
        <v>87843</v>
      </c>
      <c r="H24536" s="1" t="s">
        <v>87844</v>
      </c>
      <c r="I24536" s="1" t="s">
        <v>86055</v>
      </c>
      <c r="J24536" s="1" t="s">
        <v>87898</v>
      </c>
    </row>
    <row r="24537" spans="1:10" x14ac:dyDescent="0.35">
      <c r="A24537" s="1" t="s">
        <v>1793</v>
      </c>
      <c r="B24537" s="1" t="s">
        <v>86049</v>
      </c>
      <c r="C24537" s="1" t="s">
        <v>90</v>
      </c>
      <c r="D24537" s="1" t="s">
        <v>87899</v>
      </c>
      <c r="E24537" s="1" t="s">
        <v>87900</v>
      </c>
      <c r="F24537" s="1" t="s">
        <v>87901</v>
      </c>
      <c r="G24537" s="1" t="s">
        <v>87843</v>
      </c>
      <c r="H24537" s="1" t="s">
        <v>87844</v>
      </c>
      <c r="I24537" s="1" t="s">
        <v>86055</v>
      </c>
      <c r="J24537" s="1" t="s">
        <v>87902</v>
      </c>
    </row>
    <row r="24538" spans="1:10" x14ac:dyDescent="0.35">
      <c r="A24538" s="1" t="s">
        <v>1793</v>
      </c>
      <c r="B24538" s="1" t="s">
        <v>86049</v>
      </c>
      <c r="C24538" s="1" t="s">
        <v>95</v>
      </c>
      <c r="D24538" s="1" t="s">
        <v>59175</v>
      </c>
      <c r="E24538" s="1" t="s">
        <v>87903</v>
      </c>
      <c r="F24538" s="1" t="s">
        <v>87904</v>
      </c>
      <c r="G24538" s="1" t="s">
        <v>87843</v>
      </c>
      <c r="H24538" s="1" t="s">
        <v>87844</v>
      </c>
      <c r="I24538" s="1" t="s">
        <v>86055</v>
      </c>
      <c r="J24538" s="1" t="s">
        <v>87905</v>
      </c>
    </row>
    <row r="24539" spans="1:10" x14ac:dyDescent="0.35">
      <c r="A24539" s="1" t="s">
        <v>1793</v>
      </c>
      <c r="B24539" s="1" t="s">
        <v>86049</v>
      </c>
      <c r="C24539" s="1" t="s">
        <v>100</v>
      </c>
      <c r="D24539" s="1" t="s">
        <v>87906</v>
      </c>
      <c r="E24539" s="1" t="s">
        <v>87907</v>
      </c>
      <c r="F24539" s="1" t="s">
        <v>87908</v>
      </c>
      <c r="G24539" s="1" t="s">
        <v>87843</v>
      </c>
      <c r="H24539" s="1" t="s">
        <v>87844</v>
      </c>
      <c r="I24539" s="1" t="s">
        <v>86055</v>
      </c>
      <c r="J24539" s="1" t="s">
        <v>87909</v>
      </c>
    </row>
    <row r="24540" spans="1:10" x14ac:dyDescent="0.35">
      <c r="A24540" s="1" t="s">
        <v>1793</v>
      </c>
      <c r="B24540" s="1" t="s">
        <v>86049</v>
      </c>
      <c r="C24540" s="1" t="s">
        <v>105</v>
      </c>
      <c r="D24540" s="1" t="s">
        <v>80705</v>
      </c>
      <c r="E24540" s="1" t="s">
        <v>87910</v>
      </c>
      <c r="F24540" s="1" t="s">
        <v>87911</v>
      </c>
      <c r="G24540" s="1" t="s">
        <v>87843</v>
      </c>
      <c r="H24540" s="1" t="s">
        <v>87844</v>
      </c>
      <c r="I24540" s="1" t="s">
        <v>86055</v>
      </c>
      <c r="J24540" s="1" t="s">
        <v>87912</v>
      </c>
    </row>
    <row r="24541" spans="1:10" x14ac:dyDescent="0.35">
      <c r="A24541" s="1" t="s">
        <v>1793</v>
      </c>
      <c r="B24541" s="1" t="s">
        <v>86049</v>
      </c>
      <c r="C24541" s="1" t="s">
        <v>110</v>
      </c>
      <c r="D24541" s="1" t="s">
        <v>33339</v>
      </c>
      <c r="E24541" s="1" t="s">
        <v>87913</v>
      </c>
      <c r="F24541" s="1" t="s">
        <v>87914</v>
      </c>
      <c r="G24541" s="1" t="s">
        <v>87843</v>
      </c>
      <c r="H24541" s="1" t="s">
        <v>87844</v>
      </c>
      <c r="I24541" s="1" t="s">
        <v>86055</v>
      </c>
      <c r="J24541" s="1" t="s">
        <v>87915</v>
      </c>
    </row>
    <row r="24542" spans="1:10" x14ac:dyDescent="0.35">
      <c r="A24542" s="1" t="s">
        <v>1793</v>
      </c>
      <c r="B24542" s="1" t="s">
        <v>86049</v>
      </c>
      <c r="C24542" s="1" t="s">
        <v>115</v>
      </c>
      <c r="D24542" s="1" t="s">
        <v>87916</v>
      </c>
      <c r="E24542" s="1" t="s">
        <v>87917</v>
      </c>
      <c r="F24542" s="1" t="s">
        <v>87918</v>
      </c>
      <c r="G24542" s="1" t="s">
        <v>87843</v>
      </c>
      <c r="H24542" s="1" t="s">
        <v>87844</v>
      </c>
      <c r="I24542" s="1" t="s">
        <v>86055</v>
      </c>
      <c r="J24542" s="1" t="s">
        <v>87919</v>
      </c>
    </row>
    <row r="24543" spans="1:10" x14ac:dyDescent="0.35">
      <c r="A24543" s="1" t="s">
        <v>1793</v>
      </c>
      <c r="B24543" s="1" t="s">
        <v>86049</v>
      </c>
      <c r="C24543" s="1" t="s">
        <v>120</v>
      </c>
      <c r="D24543" s="1" t="s">
        <v>69567</v>
      </c>
      <c r="E24543" s="1" t="s">
        <v>87920</v>
      </c>
      <c r="F24543" s="1" t="s">
        <v>87921</v>
      </c>
      <c r="G24543" s="1" t="s">
        <v>87843</v>
      </c>
      <c r="H24543" s="1" t="s">
        <v>87844</v>
      </c>
      <c r="I24543" s="1" t="s">
        <v>86055</v>
      </c>
      <c r="J24543" s="1" t="s">
        <v>87922</v>
      </c>
    </row>
    <row r="24544" spans="1:10" x14ac:dyDescent="0.35">
      <c r="A24544" s="1" t="s">
        <v>1793</v>
      </c>
      <c r="B24544" s="1" t="s">
        <v>86049</v>
      </c>
      <c r="C24544" s="1" t="s">
        <v>125</v>
      </c>
      <c r="D24544" s="1" t="s">
        <v>87923</v>
      </c>
      <c r="E24544" s="1" t="s">
        <v>87924</v>
      </c>
      <c r="F24544" s="1" t="s">
        <v>87925</v>
      </c>
      <c r="G24544" s="1" t="s">
        <v>87843</v>
      </c>
      <c r="H24544" s="1" t="s">
        <v>87844</v>
      </c>
      <c r="I24544" s="1" t="s">
        <v>86055</v>
      </c>
      <c r="J24544" s="1" t="s">
        <v>87926</v>
      </c>
    </row>
    <row r="24545" spans="1:10" x14ac:dyDescent="0.35">
      <c r="A24545" s="1" t="s">
        <v>1793</v>
      </c>
      <c r="B24545" s="1" t="s">
        <v>86049</v>
      </c>
      <c r="C24545" s="1" t="s">
        <v>130</v>
      </c>
      <c r="D24545" s="1" t="s">
        <v>87927</v>
      </c>
      <c r="E24545" s="1" t="s">
        <v>87928</v>
      </c>
      <c r="F24545" s="1" t="s">
        <v>87929</v>
      </c>
      <c r="G24545" s="1" t="s">
        <v>87843</v>
      </c>
      <c r="H24545" s="1" t="s">
        <v>87844</v>
      </c>
      <c r="I24545" s="1" t="s">
        <v>86055</v>
      </c>
      <c r="J24545" s="1" t="s">
        <v>87930</v>
      </c>
    </row>
    <row r="24546" spans="1:10" x14ac:dyDescent="0.35">
      <c r="A24546" s="1" t="s">
        <v>1793</v>
      </c>
      <c r="B24546" s="1" t="s">
        <v>86049</v>
      </c>
      <c r="C24546" s="1" t="s">
        <v>135</v>
      </c>
      <c r="D24546" s="1" t="s">
        <v>87931</v>
      </c>
      <c r="E24546" s="1" t="s">
        <v>87932</v>
      </c>
      <c r="F24546" s="1" t="s">
        <v>87933</v>
      </c>
      <c r="G24546" s="1" t="s">
        <v>87843</v>
      </c>
      <c r="H24546" s="1" t="s">
        <v>87844</v>
      </c>
      <c r="I24546" s="1" t="s">
        <v>86055</v>
      </c>
      <c r="J24546" s="1" t="s">
        <v>87934</v>
      </c>
    </row>
    <row r="24547" spans="1:10" x14ac:dyDescent="0.35">
      <c r="A24547" s="1" t="s">
        <v>1793</v>
      </c>
      <c r="B24547" s="1" t="s">
        <v>86049</v>
      </c>
      <c r="C24547" s="1" t="s">
        <v>140</v>
      </c>
      <c r="D24547" s="1" t="s">
        <v>87935</v>
      </c>
      <c r="E24547" s="1" t="s">
        <v>87936</v>
      </c>
      <c r="F24547" s="1" t="s">
        <v>87937</v>
      </c>
      <c r="G24547" s="1" t="s">
        <v>87843</v>
      </c>
      <c r="H24547" s="1" t="s">
        <v>87844</v>
      </c>
      <c r="I24547" s="1" t="s">
        <v>86055</v>
      </c>
      <c r="J24547" s="1" t="s">
        <v>87938</v>
      </c>
    </row>
    <row r="24548" spans="1:10" x14ac:dyDescent="0.35">
      <c r="A24548" s="1" t="s">
        <v>1793</v>
      </c>
      <c r="B24548" s="1" t="s">
        <v>86049</v>
      </c>
      <c r="C24548" s="1" t="s">
        <v>145</v>
      </c>
      <c r="D24548" s="1" t="s">
        <v>87939</v>
      </c>
      <c r="E24548" s="1" t="s">
        <v>87940</v>
      </c>
      <c r="F24548" s="1" t="s">
        <v>87941</v>
      </c>
      <c r="G24548" s="1" t="s">
        <v>87843</v>
      </c>
      <c r="H24548" s="1" t="s">
        <v>87844</v>
      </c>
      <c r="I24548" s="1" t="s">
        <v>86055</v>
      </c>
      <c r="J24548" s="1" t="s">
        <v>87942</v>
      </c>
    </row>
    <row r="24549" spans="1:10" x14ac:dyDescent="0.35">
      <c r="A24549" s="1" t="s">
        <v>1793</v>
      </c>
      <c r="B24549" s="1" t="s">
        <v>86049</v>
      </c>
      <c r="C24549" s="1" t="s">
        <v>150</v>
      </c>
      <c r="D24549" s="1" t="s">
        <v>76352</v>
      </c>
      <c r="E24549" s="1" t="s">
        <v>87943</v>
      </c>
      <c r="F24549" s="1" t="s">
        <v>87944</v>
      </c>
      <c r="G24549" s="1" t="s">
        <v>87843</v>
      </c>
      <c r="H24549" s="1" t="s">
        <v>87844</v>
      </c>
      <c r="I24549" s="1" t="s">
        <v>86055</v>
      </c>
      <c r="J24549" s="1" t="s">
        <v>87945</v>
      </c>
    </row>
    <row r="24550" spans="1:10" x14ac:dyDescent="0.35">
      <c r="A24550" s="1" t="s">
        <v>1793</v>
      </c>
      <c r="B24550" s="1" t="s">
        <v>86049</v>
      </c>
      <c r="C24550" s="1" t="s">
        <v>155</v>
      </c>
      <c r="D24550" s="1" t="s">
        <v>87946</v>
      </c>
      <c r="E24550" s="1" t="s">
        <v>87947</v>
      </c>
      <c r="F24550" s="1" t="s">
        <v>87948</v>
      </c>
      <c r="G24550" s="1" t="s">
        <v>87843</v>
      </c>
      <c r="H24550" s="1" t="s">
        <v>87844</v>
      </c>
      <c r="I24550" s="1" t="s">
        <v>86055</v>
      </c>
      <c r="J24550" s="1" t="s">
        <v>87949</v>
      </c>
    </row>
    <row r="24551" spans="1:10" x14ac:dyDescent="0.35">
      <c r="A24551" s="1" t="s">
        <v>1793</v>
      </c>
      <c r="B24551" s="1" t="s">
        <v>86049</v>
      </c>
      <c r="C24551" s="1" t="s">
        <v>160</v>
      </c>
      <c r="D24551" s="1" t="s">
        <v>40281</v>
      </c>
      <c r="E24551" s="1" t="s">
        <v>87950</v>
      </c>
      <c r="F24551" s="1" t="s">
        <v>87951</v>
      </c>
      <c r="G24551" s="1" t="s">
        <v>87843</v>
      </c>
      <c r="H24551" s="1" t="s">
        <v>87844</v>
      </c>
      <c r="I24551" s="1" t="s">
        <v>86055</v>
      </c>
      <c r="J24551" s="1" t="s">
        <v>87952</v>
      </c>
    </row>
    <row r="24552" spans="1:10" x14ac:dyDescent="0.35">
      <c r="A24552" s="1" t="s">
        <v>1793</v>
      </c>
      <c r="B24552" s="1" t="s">
        <v>86049</v>
      </c>
      <c r="C24552" s="1" t="s">
        <v>165</v>
      </c>
      <c r="D24552" s="1" t="s">
        <v>5330</v>
      </c>
      <c r="E24552" s="1" t="s">
        <v>87953</v>
      </c>
      <c r="F24552" s="1" t="s">
        <v>87954</v>
      </c>
      <c r="G24552" s="1" t="s">
        <v>87843</v>
      </c>
      <c r="H24552" s="1" t="s">
        <v>87844</v>
      </c>
      <c r="I24552" s="1" t="s">
        <v>86055</v>
      </c>
      <c r="J24552" s="1" t="s">
        <v>87955</v>
      </c>
    </row>
    <row r="24553" spans="1:10" x14ac:dyDescent="0.35">
      <c r="A24553" s="1" t="s">
        <v>1793</v>
      </c>
      <c r="B24553" s="1" t="s">
        <v>86049</v>
      </c>
      <c r="C24553" s="1" t="s">
        <v>170</v>
      </c>
      <c r="D24553" s="1" t="s">
        <v>87956</v>
      </c>
      <c r="E24553" s="1" t="s">
        <v>87957</v>
      </c>
      <c r="F24553" s="1" t="s">
        <v>87958</v>
      </c>
      <c r="G24553" s="1" t="s">
        <v>87843</v>
      </c>
      <c r="H24553" s="1" t="s">
        <v>87844</v>
      </c>
      <c r="I24553" s="1" t="s">
        <v>86055</v>
      </c>
      <c r="J24553" s="1" t="s">
        <v>87959</v>
      </c>
    </row>
    <row r="24554" spans="1:10" x14ac:dyDescent="0.35">
      <c r="A24554" s="1" t="s">
        <v>25812</v>
      </c>
      <c r="B24554" s="1" t="s">
        <v>86049</v>
      </c>
      <c r="C24554" s="1" t="s">
        <v>8</v>
      </c>
      <c r="D24554" s="1" t="s">
        <v>87960</v>
      </c>
      <c r="E24554" s="1" t="s">
        <v>87961</v>
      </c>
      <c r="F24554" s="1" t="s">
        <v>87962</v>
      </c>
      <c r="G24554" s="1" t="s">
        <v>87963</v>
      </c>
      <c r="H24554" s="1" t="s">
        <v>87964</v>
      </c>
      <c r="I24554" s="1" t="s">
        <v>86055</v>
      </c>
      <c r="J24554" s="1" t="s">
        <v>13</v>
      </c>
    </row>
    <row r="24555" spans="1:10" x14ac:dyDescent="0.35">
      <c r="A24555" s="1" t="s">
        <v>25812</v>
      </c>
      <c r="B24555" s="1" t="s">
        <v>86049</v>
      </c>
      <c r="C24555" s="1" t="s">
        <v>15</v>
      </c>
      <c r="D24555" s="1" t="s">
        <v>87965</v>
      </c>
      <c r="E24555" s="1" t="s">
        <v>87966</v>
      </c>
      <c r="F24555" s="1" t="s">
        <v>87967</v>
      </c>
      <c r="G24555" s="1" t="s">
        <v>87963</v>
      </c>
      <c r="H24555" s="1" t="s">
        <v>87964</v>
      </c>
      <c r="I24555" s="1" t="s">
        <v>86055</v>
      </c>
      <c r="J24555" s="1" t="s">
        <v>87968</v>
      </c>
    </row>
    <row r="24556" spans="1:10" x14ac:dyDescent="0.35">
      <c r="A24556" s="1" t="s">
        <v>25812</v>
      </c>
      <c r="B24556" s="1" t="s">
        <v>86049</v>
      </c>
      <c r="C24556" s="1" t="s">
        <v>20</v>
      </c>
      <c r="D24556" s="1" t="s">
        <v>87969</v>
      </c>
      <c r="E24556" s="1" t="s">
        <v>87970</v>
      </c>
      <c r="F24556" s="1" t="s">
        <v>87971</v>
      </c>
      <c r="G24556" s="1" t="s">
        <v>87963</v>
      </c>
      <c r="H24556" s="1" t="s">
        <v>87964</v>
      </c>
      <c r="I24556" s="1" t="s">
        <v>86055</v>
      </c>
      <c r="J24556" s="1" t="s">
        <v>87972</v>
      </c>
    </row>
    <row r="24557" spans="1:10" x14ac:dyDescent="0.35">
      <c r="A24557" s="1" t="s">
        <v>25812</v>
      </c>
      <c r="B24557" s="1" t="s">
        <v>86049</v>
      </c>
      <c r="C24557" s="1" t="s">
        <v>25</v>
      </c>
      <c r="D24557" s="1" t="s">
        <v>87973</v>
      </c>
      <c r="E24557" s="1" t="s">
        <v>87974</v>
      </c>
      <c r="F24557" s="1" t="s">
        <v>87975</v>
      </c>
      <c r="G24557" s="1" t="s">
        <v>87963</v>
      </c>
      <c r="H24557" s="1" t="s">
        <v>87964</v>
      </c>
      <c r="I24557" s="1" t="s">
        <v>86055</v>
      </c>
      <c r="J24557" s="1" t="s">
        <v>87976</v>
      </c>
    </row>
    <row r="24558" spans="1:10" x14ac:dyDescent="0.35">
      <c r="A24558" s="1" t="s">
        <v>25812</v>
      </c>
      <c r="B24558" s="1" t="s">
        <v>86049</v>
      </c>
      <c r="C24558" s="1" t="s">
        <v>30</v>
      </c>
      <c r="D24558" s="1" t="s">
        <v>87977</v>
      </c>
      <c r="E24558" s="1" t="s">
        <v>87978</v>
      </c>
      <c r="F24558" s="1" t="s">
        <v>87979</v>
      </c>
      <c r="G24558" s="1" t="s">
        <v>87963</v>
      </c>
      <c r="H24558" s="1" t="s">
        <v>87964</v>
      </c>
      <c r="I24558" s="1" t="s">
        <v>86055</v>
      </c>
      <c r="J24558" s="1" t="s">
        <v>87980</v>
      </c>
    </row>
    <row r="24559" spans="1:10" x14ac:dyDescent="0.35">
      <c r="A24559" s="1" t="s">
        <v>25812</v>
      </c>
      <c r="B24559" s="1" t="s">
        <v>86049</v>
      </c>
      <c r="C24559" s="1" t="s">
        <v>35</v>
      </c>
      <c r="D24559" s="1" t="s">
        <v>87981</v>
      </c>
      <c r="E24559" s="1" t="s">
        <v>87982</v>
      </c>
      <c r="F24559" s="1" t="s">
        <v>87983</v>
      </c>
      <c r="G24559" s="1" t="s">
        <v>87963</v>
      </c>
      <c r="H24559" s="1" t="s">
        <v>87964</v>
      </c>
      <c r="I24559" s="1" t="s">
        <v>86055</v>
      </c>
      <c r="J24559" s="1" t="s">
        <v>87984</v>
      </c>
    </row>
    <row r="24560" spans="1:10" x14ac:dyDescent="0.35">
      <c r="A24560" s="1" t="s">
        <v>25812</v>
      </c>
      <c r="B24560" s="1" t="s">
        <v>86049</v>
      </c>
      <c r="C24560" s="1" t="s">
        <v>40</v>
      </c>
      <c r="D24560" s="1" t="s">
        <v>87985</v>
      </c>
      <c r="E24560" s="1" t="s">
        <v>87986</v>
      </c>
      <c r="F24560" s="1" t="s">
        <v>87987</v>
      </c>
      <c r="G24560" s="1" t="s">
        <v>87963</v>
      </c>
      <c r="H24560" s="1" t="s">
        <v>87964</v>
      </c>
      <c r="I24560" s="1" t="s">
        <v>86055</v>
      </c>
      <c r="J24560" s="1" t="s">
        <v>87988</v>
      </c>
    </row>
    <row r="24561" spans="1:10" x14ac:dyDescent="0.35">
      <c r="A24561" s="1" t="s">
        <v>25812</v>
      </c>
      <c r="B24561" s="1" t="s">
        <v>86049</v>
      </c>
      <c r="C24561" s="1" t="s">
        <v>45</v>
      </c>
      <c r="D24561" s="1" t="s">
        <v>87989</v>
      </c>
      <c r="E24561" s="1" t="s">
        <v>87990</v>
      </c>
      <c r="F24561" s="1" t="s">
        <v>87991</v>
      </c>
      <c r="G24561" s="1" t="s">
        <v>87963</v>
      </c>
      <c r="H24561" s="1" t="s">
        <v>87964</v>
      </c>
      <c r="I24561" s="1" t="s">
        <v>86055</v>
      </c>
      <c r="J24561" s="1" t="s">
        <v>87992</v>
      </c>
    </row>
    <row r="24562" spans="1:10" x14ac:dyDescent="0.35">
      <c r="A24562" s="1" t="s">
        <v>25812</v>
      </c>
      <c r="B24562" s="1" t="s">
        <v>86049</v>
      </c>
      <c r="C24562" s="1" t="s">
        <v>50</v>
      </c>
      <c r="D24562" s="1" t="s">
        <v>66637</v>
      </c>
      <c r="E24562" s="1" t="s">
        <v>87993</v>
      </c>
      <c r="F24562" s="1" t="s">
        <v>87994</v>
      </c>
      <c r="G24562" s="1" t="s">
        <v>87963</v>
      </c>
      <c r="H24562" s="1" t="s">
        <v>87964</v>
      </c>
      <c r="I24562" s="1" t="s">
        <v>86055</v>
      </c>
      <c r="J24562" s="1" t="s">
        <v>87995</v>
      </c>
    </row>
    <row r="24563" spans="1:10" x14ac:dyDescent="0.35">
      <c r="A24563" s="1" t="s">
        <v>25812</v>
      </c>
      <c r="B24563" s="1" t="s">
        <v>86049</v>
      </c>
      <c r="C24563" s="1" t="s">
        <v>55</v>
      </c>
      <c r="D24563" s="1" t="s">
        <v>87996</v>
      </c>
      <c r="E24563" s="1" t="s">
        <v>87997</v>
      </c>
      <c r="F24563" s="1" t="s">
        <v>87998</v>
      </c>
      <c r="G24563" s="1" t="s">
        <v>87963</v>
      </c>
      <c r="H24563" s="1" t="s">
        <v>87964</v>
      </c>
      <c r="I24563" s="1" t="s">
        <v>86055</v>
      </c>
      <c r="J24563" s="1" t="s">
        <v>87999</v>
      </c>
    </row>
    <row r="24564" spans="1:10" x14ac:dyDescent="0.35">
      <c r="A24564" s="1" t="s">
        <v>25812</v>
      </c>
      <c r="B24564" s="1" t="s">
        <v>86049</v>
      </c>
      <c r="C24564" s="1" t="s">
        <v>60</v>
      </c>
      <c r="D24564" s="1" t="s">
        <v>54809</v>
      </c>
      <c r="E24564" s="1" t="s">
        <v>88000</v>
      </c>
      <c r="F24564" s="1" t="s">
        <v>88001</v>
      </c>
      <c r="G24564" s="1" t="s">
        <v>87963</v>
      </c>
      <c r="H24564" s="1" t="s">
        <v>87964</v>
      </c>
      <c r="I24564" s="1" t="s">
        <v>86055</v>
      </c>
      <c r="J24564" s="1" t="s">
        <v>88002</v>
      </c>
    </row>
    <row r="24565" spans="1:10" x14ac:dyDescent="0.35">
      <c r="A24565" s="1" t="s">
        <v>25812</v>
      </c>
      <c r="B24565" s="1" t="s">
        <v>86049</v>
      </c>
      <c r="C24565" s="1" t="s">
        <v>65</v>
      </c>
      <c r="D24565" s="1" t="s">
        <v>56424</v>
      </c>
      <c r="E24565" s="1" t="s">
        <v>88003</v>
      </c>
      <c r="F24565" s="1" t="s">
        <v>88004</v>
      </c>
      <c r="G24565" s="1" t="s">
        <v>87963</v>
      </c>
      <c r="H24565" s="1" t="s">
        <v>87964</v>
      </c>
      <c r="I24565" s="1" t="s">
        <v>86055</v>
      </c>
      <c r="J24565" s="1" t="s">
        <v>88005</v>
      </c>
    </row>
    <row r="24566" spans="1:10" x14ac:dyDescent="0.35">
      <c r="A24566" s="1" t="s">
        <v>25812</v>
      </c>
      <c r="B24566" s="1" t="s">
        <v>86049</v>
      </c>
      <c r="C24566" s="1" t="s">
        <v>70</v>
      </c>
      <c r="D24566" s="1" t="s">
        <v>88006</v>
      </c>
      <c r="E24566" s="1" t="s">
        <v>88007</v>
      </c>
      <c r="F24566" s="1" t="s">
        <v>88008</v>
      </c>
      <c r="G24566" s="1" t="s">
        <v>87963</v>
      </c>
      <c r="H24566" s="1" t="s">
        <v>87964</v>
      </c>
      <c r="I24566" s="1" t="s">
        <v>86055</v>
      </c>
      <c r="J24566" s="1" t="s">
        <v>88009</v>
      </c>
    </row>
    <row r="24567" spans="1:10" x14ac:dyDescent="0.35">
      <c r="A24567" s="1" t="s">
        <v>25812</v>
      </c>
      <c r="B24567" s="1" t="s">
        <v>86049</v>
      </c>
      <c r="C24567" s="1" t="s">
        <v>75</v>
      </c>
      <c r="D24567" s="1" t="s">
        <v>88010</v>
      </c>
      <c r="E24567" s="1" t="s">
        <v>88011</v>
      </c>
      <c r="F24567" s="1" t="s">
        <v>88012</v>
      </c>
      <c r="G24567" s="1" t="s">
        <v>87963</v>
      </c>
      <c r="H24567" s="1" t="s">
        <v>87964</v>
      </c>
      <c r="I24567" s="1" t="s">
        <v>86055</v>
      </c>
      <c r="J24567" s="1" t="s">
        <v>88013</v>
      </c>
    </row>
    <row r="24568" spans="1:10" x14ac:dyDescent="0.35">
      <c r="A24568" s="1" t="s">
        <v>25812</v>
      </c>
      <c r="B24568" s="1" t="s">
        <v>86049</v>
      </c>
      <c r="C24568" s="1" t="s">
        <v>80</v>
      </c>
      <c r="D24568" s="1" t="s">
        <v>63697</v>
      </c>
      <c r="E24568" s="1" t="s">
        <v>88014</v>
      </c>
      <c r="F24568" s="1" t="s">
        <v>88015</v>
      </c>
      <c r="G24568" s="1" t="s">
        <v>87963</v>
      </c>
      <c r="H24568" s="1" t="s">
        <v>87964</v>
      </c>
      <c r="I24568" s="1" t="s">
        <v>86055</v>
      </c>
      <c r="J24568" s="1" t="s">
        <v>88016</v>
      </c>
    </row>
    <row r="24569" spans="1:10" x14ac:dyDescent="0.35">
      <c r="A24569" s="1" t="s">
        <v>25812</v>
      </c>
      <c r="B24569" s="1" t="s">
        <v>86049</v>
      </c>
      <c r="C24569" s="1" t="s">
        <v>85</v>
      </c>
      <c r="D24569" s="1" t="s">
        <v>58216</v>
      </c>
      <c r="E24569" s="1" t="s">
        <v>88017</v>
      </c>
      <c r="F24569" s="1" t="s">
        <v>88018</v>
      </c>
      <c r="G24569" s="1" t="s">
        <v>87963</v>
      </c>
      <c r="H24569" s="1" t="s">
        <v>87964</v>
      </c>
      <c r="I24569" s="1" t="s">
        <v>86055</v>
      </c>
      <c r="J24569" s="1" t="s">
        <v>88019</v>
      </c>
    </row>
    <row r="24570" spans="1:10" x14ac:dyDescent="0.35">
      <c r="A24570" s="1" t="s">
        <v>25812</v>
      </c>
      <c r="B24570" s="1" t="s">
        <v>86049</v>
      </c>
      <c r="C24570" s="1" t="s">
        <v>90</v>
      </c>
      <c r="D24570" s="1" t="s">
        <v>88020</v>
      </c>
      <c r="E24570" s="1" t="s">
        <v>88021</v>
      </c>
      <c r="F24570" s="1" t="s">
        <v>88022</v>
      </c>
      <c r="G24570" s="1" t="s">
        <v>87963</v>
      </c>
      <c r="H24570" s="1" t="s">
        <v>87964</v>
      </c>
      <c r="I24570" s="1" t="s">
        <v>86055</v>
      </c>
      <c r="J24570" s="1" t="s">
        <v>88023</v>
      </c>
    </row>
    <row r="24571" spans="1:10" x14ac:dyDescent="0.35">
      <c r="A24571" s="1" t="s">
        <v>25812</v>
      </c>
      <c r="B24571" s="1" t="s">
        <v>86049</v>
      </c>
      <c r="C24571" s="1" t="s">
        <v>95</v>
      </c>
      <c r="D24571" s="1" t="s">
        <v>88024</v>
      </c>
      <c r="E24571" s="1" t="s">
        <v>88025</v>
      </c>
      <c r="F24571" s="1" t="s">
        <v>88026</v>
      </c>
      <c r="G24571" s="1" t="s">
        <v>87963</v>
      </c>
      <c r="H24571" s="1" t="s">
        <v>87964</v>
      </c>
      <c r="I24571" s="1" t="s">
        <v>86055</v>
      </c>
      <c r="J24571" s="1" t="s">
        <v>88027</v>
      </c>
    </row>
    <row r="24572" spans="1:10" x14ac:dyDescent="0.35">
      <c r="A24572" s="1" t="s">
        <v>25812</v>
      </c>
      <c r="B24572" s="1" t="s">
        <v>86049</v>
      </c>
      <c r="C24572" s="1" t="s">
        <v>100</v>
      </c>
      <c r="D24572" s="1" t="s">
        <v>88028</v>
      </c>
      <c r="E24572" s="1" t="s">
        <v>88029</v>
      </c>
      <c r="F24572" s="1" t="s">
        <v>88030</v>
      </c>
      <c r="G24572" s="1" t="s">
        <v>87963</v>
      </c>
      <c r="H24572" s="1" t="s">
        <v>87964</v>
      </c>
      <c r="I24572" s="1" t="s">
        <v>86055</v>
      </c>
      <c r="J24572" s="1" t="s">
        <v>88031</v>
      </c>
    </row>
    <row r="24573" spans="1:10" x14ac:dyDescent="0.35">
      <c r="A24573" s="1" t="s">
        <v>25812</v>
      </c>
      <c r="B24573" s="1" t="s">
        <v>86049</v>
      </c>
      <c r="C24573" s="1" t="s">
        <v>105</v>
      </c>
      <c r="D24573" s="1" t="s">
        <v>69550</v>
      </c>
      <c r="E24573" s="1" t="s">
        <v>88032</v>
      </c>
      <c r="F24573" s="1" t="s">
        <v>88033</v>
      </c>
      <c r="G24573" s="1" t="s">
        <v>87963</v>
      </c>
      <c r="H24573" s="1" t="s">
        <v>87964</v>
      </c>
      <c r="I24573" s="1" t="s">
        <v>86055</v>
      </c>
      <c r="J24573" s="1" t="s">
        <v>88034</v>
      </c>
    </row>
    <row r="24574" spans="1:10" x14ac:dyDescent="0.35">
      <c r="A24574" s="1" t="s">
        <v>25812</v>
      </c>
      <c r="B24574" s="1" t="s">
        <v>86049</v>
      </c>
      <c r="C24574" s="1" t="s">
        <v>110</v>
      </c>
      <c r="D24574" s="1" t="s">
        <v>88035</v>
      </c>
      <c r="E24574" s="1" t="s">
        <v>88036</v>
      </c>
      <c r="F24574" s="1" t="s">
        <v>88037</v>
      </c>
      <c r="G24574" s="1" t="s">
        <v>87963</v>
      </c>
      <c r="H24574" s="1" t="s">
        <v>87964</v>
      </c>
      <c r="I24574" s="1" t="s">
        <v>86055</v>
      </c>
      <c r="J24574" s="1" t="s">
        <v>88038</v>
      </c>
    </row>
    <row r="24575" spans="1:10" x14ac:dyDescent="0.35">
      <c r="A24575" s="1" t="s">
        <v>25812</v>
      </c>
      <c r="B24575" s="1" t="s">
        <v>86049</v>
      </c>
      <c r="C24575" s="1" t="s">
        <v>115</v>
      </c>
      <c r="D24575" s="1" t="s">
        <v>88039</v>
      </c>
      <c r="E24575" s="1" t="s">
        <v>88040</v>
      </c>
      <c r="F24575" s="1" t="s">
        <v>88041</v>
      </c>
      <c r="G24575" s="1" t="s">
        <v>87963</v>
      </c>
      <c r="H24575" s="1" t="s">
        <v>87964</v>
      </c>
      <c r="I24575" s="1" t="s">
        <v>86055</v>
      </c>
      <c r="J24575" s="1" t="s">
        <v>88042</v>
      </c>
    </row>
    <row r="24576" spans="1:10" x14ac:dyDescent="0.35">
      <c r="A24576" s="1" t="s">
        <v>25812</v>
      </c>
      <c r="B24576" s="1" t="s">
        <v>86049</v>
      </c>
      <c r="C24576" s="1" t="s">
        <v>120</v>
      </c>
      <c r="D24576" s="1" t="s">
        <v>88043</v>
      </c>
      <c r="E24576" s="1" t="s">
        <v>88044</v>
      </c>
      <c r="F24576" s="1" t="s">
        <v>88045</v>
      </c>
      <c r="G24576" s="1" t="s">
        <v>87963</v>
      </c>
      <c r="H24576" s="1" t="s">
        <v>87964</v>
      </c>
      <c r="I24576" s="1" t="s">
        <v>86055</v>
      </c>
      <c r="J24576" s="1" t="s">
        <v>88046</v>
      </c>
    </row>
    <row r="24577" spans="1:10" x14ac:dyDescent="0.35">
      <c r="A24577" s="1" t="s">
        <v>25812</v>
      </c>
      <c r="B24577" s="1" t="s">
        <v>86049</v>
      </c>
      <c r="C24577" s="1" t="s">
        <v>125</v>
      </c>
      <c r="D24577" s="1" t="s">
        <v>88047</v>
      </c>
      <c r="E24577" s="1" t="s">
        <v>88048</v>
      </c>
      <c r="F24577" s="1" t="s">
        <v>88049</v>
      </c>
      <c r="G24577" s="1" t="s">
        <v>87963</v>
      </c>
      <c r="H24577" s="1" t="s">
        <v>87964</v>
      </c>
      <c r="I24577" s="1" t="s">
        <v>86055</v>
      </c>
      <c r="J24577" s="1" t="s">
        <v>88050</v>
      </c>
    </row>
    <row r="24578" spans="1:10" x14ac:dyDescent="0.35">
      <c r="A24578" s="1" t="s">
        <v>25812</v>
      </c>
      <c r="B24578" s="1" t="s">
        <v>86049</v>
      </c>
      <c r="C24578" s="1" t="s">
        <v>130</v>
      </c>
      <c r="D24578" s="1" t="s">
        <v>66561</v>
      </c>
      <c r="E24578" s="1" t="s">
        <v>88051</v>
      </c>
      <c r="F24578" s="1" t="s">
        <v>88052</v>
      </c>
      <c r="G24578" s="1" t="s">
        <v>87963</v>
      </c>
      <c r="H24578" s="1" t="s">
        <v>87964</v>
      </c>
      <c r="I24578" s="1" t="s">
        <v>86055</v>
      </c>
      <c r="J24578" s="1" t="s">
        <v>88053</v>
      </c>
    </row>
    <row r="24579" spans="1:10" x14ac:dyDescent="0.35">
      <c r="A24579" s="1" t="s">
        <v>25812</v>
      </c>
      <c r="B24579" s="1" t="s">
        <v>86049</v>
      </c>
      <c r="C24579" s="1" t="s">
        <v>135</v>
      </c>
      <c r="D24579" s="1" t="s">
        <v>88054</v>
      </c>
      <c r="E24579" s="1" t="s">
        <v>88055</v>
      </c>
      <c r="F24579" s="1" t="s">
        <v>88056</v>
      </c>
      <c r="G24579" s="1" t="s">
        <v>87963</v>
      </c>
      <c r="H24579" s="1" t="s">
        <v>87964</v>
      </c>
      <c r="I24579" s="1" t="s">
        <v>86055</v>
      </c>
      <c r="J24579" s="1" t="s">
        <v>88057</v>
      </c>
    </row>
    <row r="24580" spans="1:10" x14ac:dyDescent="0.35">
      <c r="A24580" s="1" t="s">
        <v>25812</v>
      </c>
      <c r="B24580" s="1" t="s">
        <v>86049</v>
      </c>
      <c r="C24580" s="1" t="s">
        <v>140</v>
      </c>
      <c r="D24580" s="1" t="s">
        <v>88058</v>
      </c>
      <c r="E24580" s="1" t="s">
        <v>88059</v>
      </c>
      <c r="F24580" s="1" t="s">
        <v>88060</v>
      </c>
      <c r="G24580" s="1" t="s">
        <v>87963</v>
      </c>
      <c r="H24580" s="1" t="s">
        <v>87964</v>
      </c>
      <c r="I24580" s="1" t="s">
        <v>86055</v>
      </c>
      <c r="J24580" s="1" t="s">
        <v>88061</v>
      </c>
    </row>
    <row r="24581" spans="1:10" x14ac:dyDescent="0.35">
      <c r="A24581" s="1" t="s">
        <v>25812</v>
      </c>
      <c r="B24581" s="1" t="s">
        <v>86049</v>
      </c>
      <c r="C24581" s="1" t="s">
        <v>145</v>
      </c>
      <c r="D24581" s="1" t="s">
        <v>88062</v>
      </c>
      <c r="E24581" s="1" t="s">
        <v>88063</v>
      </c>
      <c r="F24581" s="1" t="s">
        <v>88064</v>
      </c>
      <c r="G24581" s="1" t="s">
        <v>87963</v>
      </c>
      <c r="H24581" s="1" t="s">
        <v>87964</v>
      </c>
      <c r="I24581" s="1" t="s">
        <v>86055</v>
      </c>
      <c r="J24581" s="1" t="s">
        <v>88065</v>
      </c>
    </row>
    <row r="24582" spans="1:10" x14ac:dyDescent="0.35">
      <c r="A24582" s="1" t="s">
        <v>25812</v>
      </c>
      <c r="B24582" s="1" t="s">
        <v>86049</v>
      </c>
      <c r="C24582" s="1" t="s">
        <v>150</v>
      </c>
      <c r="D24582" s="1" t="s">
        <v>88066</v>
      </c>
      <c r="E24582" s="1" t="s">
        <v>88067</v>
      </c>
      <c r="F24582" s="1" t="s">
        <v>88068</v>
      </c>
      <c r="G24582" s="1" t="s">
        <v>87963</v>
      </c>
      <c r="H24582" s="1" t="s">
        <v>87964</v>
      </c>
      <c r="I24582" s="1" t="s">
        <v>86055</v>
      </c>
      <c r="J24582" s="1" t="s">
        <v>88069</v>
      </c>
    </row>
    <row r="24583" spans="1:10" x14ac:dyDescent="0.35">
      <c r="A24583" s="1" t="s">
        <v>25812</v>
      </c>
      <c r="B24583" s="1" t="s">
        <v>86049</v>
      </c>
      <c r="C24583" s="1" t="s">
        <v>155</v>
      </c>
      <c r="D24583" s="1" t="s">
        <v>61554</v>
      </c>
      <c r="E24583" s="1" t="s">
        <v>88070</v>
      </c>
      <c r="F24583" s="1" t="s">
        <v>88071</v>
      </c>
      <c r="G24583" s="1" t="s">
        <v>87963</v>
      </c>
      <c r="H24583" s="1" t="s">
        <v>87964</v>
      </c>
      <c r="I24583" s="1" t="s">
        <v>86055</v>
      </c>
      <c r="J24583" s="1" t="s">
        <v>88072</v>
      </c>
    </row>
    <row r="24584" spans="1:10" x14ac:dyDescent="0.35">
      <c r="A24584" s="1" t="s">
        <v>25812</v>
      </c>
      <c r="B24584" s="1" t="s">
        <v>86049</v>
      </c>
      <c r="C24584" s="1" t="s">
        <v>160</v>
      </c>
      <c r="D24584" s="1" t="s">
        <v>20444</v>
      </c>
      <c r="E24584" s="1" t="s">
        <v>88073</v>
      </c>
      <c r="F24584" s="1" t="s">
        <v>88074</v>
      </c>
      <c r="G24584" s="1" t="s">
        <v>87963</v>
      </c>
      <c r="H24584" s="1" t="s">
        <v>87964</v>
      </c>
      <c r="I24584" s="1" t="s">
        <v>86055</v>
      </c>
      <c r="J24584" s="1" t="s">
        <v>88075</v>
      </c>
    </row>
    <row r="24585" spans="1:10" x14ac:dyDescent="0.35">
      <c r="A24585" s="1" t="s">
        <v>25812</v>
      </c>
      <c r="B24585" s="1" t="s">
        <v>86049</v>
      </c>
      <c r="C24585" s="1" t="s">
        <v>165</v>
      </c>
      <c r="D24585" s="1" t="s">
        <v>88076</v>
      </c>
      <c r="E24585" s="1" t="s">
        <v>88077</v>
      </c>
      <c r="F24585" s="1" t="s">
        <v>88078</v>
      </c>
      <c r="G24585" s="1" t="s">
        <v>87963</v>
      </c>
      <c r="H24585" s="1" t="s">
        <v>87964</v>
      </c>
      <c r="I24585" s="1" t="s">
        <v>86055</v>
      </c>
      <c r="J24585" s="1" t="s">
        <v>88079</v>
      </c>
    </row>
    <row r="24586" spans="1:10" x14ac:dyDescent="0.35">
      <c r="A24586" s="1" t="s">
        <v>25812</v>
      </c>
      <c r="B24586" s="1" t="s">
        <v>86049</v>
      </c>
      <c r="C24586" s="1" t="s">
        <v>170</v>
      </c>
      <c r="D24586" s="1" t="s">
        <v>88080</v>
      </c>
      <c r="E24586" s="1" t="s">
        <v>88081</v>
      </c>
      <c r="F24586" s="1" t="s">
        <v>88082</v>
      </c>
      <c r="G24586" s="1" t="s">
        <v>87963</v>
      </c>
      <c r="H24586" s="1" t="s">
        <v>87964</v>
      </c>
      <c r="I24586" s="1" t="s">
        <v>86055</v>
      </c>
      <c r="J24586" s="1" t="s">
        <v>88083</v>
      </c>
    </row>
    <row r="24587" spans="1:10" x14ac:dyDescent="0.35">
      <c r="A24587" s="1" t="s">
        <v>13934</v>
      </c>
      <c r="B24587" s="1" t="s">
        <v>86049</v>
      </c>
      <c r="C24587" s="1" t="s">
        <v>8</v>
      </c>
      <c r="D24587" s="1" t="s">
        <v>56496</v>
      </c>
      <c r="E24587" s="1" t="s">
        <v>88084</v>
      </c>
      <c r="F24587" s="1" t="s">
        <v>88085</v>
      </c>
      <c r="G24587" s="1" t="s">
        <v>88086</v>
      </c>
      <c r="H24587" s="1" t="s">
        <v>88087</v>
      </c>
      <c r="I24587" s="1" t="s">
        <v>86055</v>
      </c>
      <c r="J24587" s="1" t="s">
        <v>13</v>
      </c>
    </row>
    <row r="24588" spans="1:10" x14ac:dyDescent="0.35">
      <c r="A24588" s="1" t="s">
        <v>13934</v>
      </c>
      <c r="B24588" s="1" t="s">
        <v>86049</v>
      </c>
      <c r="C24588" s="1" t="s">
        <v>15</v>
      </c>
      <c r="D24588" s="1" t="s">
        <v>87768</v>
      </c>
      <c r="E24588" s="1" t="s">
        <v>88088</v>
      </c>
      <c r="F24588" s="1" t="s">
        <v>88089</v>
      </c>
      <c r="G24588" s="1" t="s">
        <v>88086</v>
      </c>
      <c r="H24588" s="1" t="s">
        <v>88087</v>
      </c>
      <c r="I24588" s="1" t="s">
        <v>86055</v>
      </c>
      <c r="J24588" s="1" t="s">
        <v>88090</v>
      </c>
    </row>
    <row r="24589" spans="1:10" x14ac:dyDescent="0.35">
      <c r="A24589" s="1" t="s">
        <v>13934</v>
      </c>
      <c r="B24589" s="1" t="s">
        <v>86049</v>
      </c>
      <c r="C24589" s="1" t="s">
        <v>20</v>
      </c>
      <c r="D24589" s="1" t="s">
        <v>88091</v>
      </c>
      <c r="E24589" s="1" t="s">
        <v>88092</v>
      </c>
      <c r="F24589" s="1" t="s">
        <v>88093</v>
      </c>
      <c r="G24589" s="1" t="s">
        <v>88086</v>
      </c>
      <c r="H24589" s="1" t="s">
        <v>88087</v>
      </c>
      <c r="I24589" s="1" t="s">
        <v>86055</v>
      </c>
      <c r="J24589" s="1" t="s">
        <v>88094</v>
      </c>
    </row>
    <row r="24590" spans="1:10" x14ac:dyDescent="0.35">
      <c r="A24590" s="1" t="s">
        <v>13934</v>
      </c>
      <c r="B24590" s="1" t="s">
        <v>86049</v>
      </c>
      <c r="C24590" s="1" t="s">
        <v>25</v>
      </c>
      <c r="D24590" s="1" t="s">
        <v>88095</v>
      </c>
      <c r="E24590" s="1" t="s">
        <v>88096</v>
      </c>
      <c r="F24590" s="1" t="s">
        <v>88097</v>
      </c>
      <c r="G24590" s="1" t="s">
        <v>88086</v>
      </c>
      <c r="H24590" s="1" t="s">
        <v>88087</v>
      </c>
      <c r="I24590" s="1" t="s">
        <v>86055</v>
      </c>
      <c r="J24590" s="1" t="s">
        <v>88098</v>
      </c>
    </row>
    <row r="24591" spans="1:10" x14ac:dyDescent="0.35">
      <c r="A24591" s="1" t="s">
        <v>13934</v>
      </c>
      <c r="B24591" s="1" t="s">
        <v>86049</v>
      </c>
      <c r="C24591" s="1" t="s">
        <v>30</v>
      </c>
      <c r="D24591" s="1" t="s">
        <v>65986</v>
      </c>
      <c r="E24591" s="1" t="s">
        <v>88099</v>
      </c>
      <c r="F24591" s="1" t="s">
        <v>88100</v>
      </c>
      <c r="G24591" s="1" t="s">
        <v>88086</v>
      </c>
      <c r="H24591" s="1" t="s">
        <v>88087</v>
      </c>
      <c r="I24591" s="1" t="s">
        <v>86055</v>
      </c>
      <c r="J24591" s="1" t="s">
        <v>88101</v>
      </c>
    </row>
    <row r="24592" spans="1:10" x14ac:dyDescent="0.35">
      <c r="A24592" s="1" t="s">
        <v>13934</v>
      </c>
      <c r="B24592" s="1" t="s">
        <v>86049</v>
      </c>
      <c r="C24592" s="1" t="s">
        <v>35</v>
      </c>
      <c r="D24592" s="1" t="s">
        <v>88102</v>
      </c>
      <c r="E24592" s="1" t="s">
        <v>88103</v>
      </c>
      <c r="F24592" s="1" t="s">
        <v>88104</v>
      </c>
      <c r="G24592" s="1" t="s">
        <v>88086</v>
      </c>
      <c r="H24592" s="1" t="s">
        <v>88087</v>
      </c>
      <c r="I24592" s="1" t="s">
        <v>86055</v>
      </c>
      <c r="J24592" s="1" t="s">
        <v>88105</v>
      </c>
    </row>
    <row r="24593" spans="1:10" x14ac:dyDescent="0.35">
      <c r="A24593" s="1" t="s">
        <v>13934</v>
      </c>
      <c r="B24593" s="1" t="s">
        <v>86049</v>
      </c>
      <c r="C24593" s="1" t="s">
        <v>40</v>
      </c>
      <c r="D24593" s="1" t="s">
        <v>53639</v>
      </c>
      <c r="E24593" s="1" t="s">
        <v>88106</v>
      </c>
      <c r="F24593" s="1" t="s">
        <v>88107</v>
      </c>
      <c r="G24593" s="1" t="s">
        <v>88086</v>
      </c>
      <c r="H24593" s="1" t="s">
        <v>88087</v>
      </c>
      <c r="I24593" s="1" t="s">
        <v>86055</v>
      </c>
      <c r="J24593" s="1" t="s">
        <v>88108</v>
      </c>
    </row>
    <row r="24594" spans="1:10" x14ac:dyDescent="0.35">
      <c r="A24594" s="1" t="s">
        <v>13934</v>
      </c>
      <c r="B24594" s="1" t="s">
        <v>86049</v>
      </c>
      <c r="C24594" s="1" t="s">
        <v>45</v>
      </c>
      <c r="D24594" s="1" t="s">
        <v>88109</v>
      </c>
      <c r="E24594" s="1" t="s">
        <v>88110</v>
      </c>
      <c r="F24594" s="1" t="s">
        <v>88111</v>
      </c>
      <c r="G24594" s="1" t="s">
        <v>88086</v>
      </c>
      <c r="H24594" s="1" t="s">
        <v>88087</v>
      </c>
      <c r="I24594" s="1" t="s">
        <v>86055</v>
      </c>
      <c r="J24594" s="1" t="s">
        <v>88112</v>
      </c>
    </row>
    <row r="24595" spans="1:10" x14ac:dyDescent="0.35">
      <c r="A24595" s="1" t="s">
        <v>13934</v>
      </c>
      <c r="B24595" s="1" t="s">
        <v>86049</v>
      </c>
      <c r="C24595" s="1" t="s">
        <v>50</v>
      </c>
      <c r="D24595" s="1" t="s">
        <v>88113</v>
      </c>
      <c r="E24595" s="1" t="s">
        <v>88114</v>
      </c>
      <c r="F24595" s="1" t="s">
        <v>88115</v>
      </c>
      <c r="G24595" s="1" t="s">
        <v>88086</v>
      </c>
      <c r="H24595" s="1" t="s">
        <v>88087</v>
      </c>
      <c r="I24595" s="1" t="s">
        <v>86055</v>
      </c>
      <c r="J24595" s="1" t="s">
        <v>88116</v>
      </c>
    </row>
    <row r="24596" spans="1:10" x14ac:dyDescent="0.35">
      <c r="A24596" s="1" t="s">
        <v>13934</v>
      </c>
      <c r="B24596" s="1" t="s">
        <v>86049</v>
      </c>
      <c r="C24596" s="1" t="s">
        <v>55</v>
      </c>
      <c r="D24596" s="1" t="s">
        <v>88117</v>
      </c>
      <c r="E24596" s="1" t="s">
        <v>88118</v>
      </c>
      <c r="F24596" s="1" t="s">
        <v>88119</v>
      </c>
      <c r="G24596" s="1" t="s">
        <v>88086</v>
      </c>
      <c r="H24596" s="1" t="s">
        <v>88087</v>
      </c>
      <c r="I24596" s="1" t="s">
        <v>86055</v>
      </c>
      <c r="J24596" s="1" t="s">
        <v>88120</v>
      </c>
    </row>
    <row r="24597" spans="1:10" x14ac:dyDescent="0.35">
      <c r="A24597" s="1" t="s">
        <v>13934</v>
      </c>
      <c r="B24597" s="1" t="s">
        <v>86049</v>
      </c>
      <c r="C24597" s="1" t="s">
        <v>60</v>
      </c>
      <c r="D24597" s="1" t="s">
        <v>88121</v>
      </c>
      <c r="E24597" s="1" t="s">
        <v>88122</v>
      </c>
      <c r="F24597" s="1" t="s">
        <v>88123</v>
      </c>
      <c r="G24597" s="1" t="s">
        <v>88086</v>
      </c>
      <c r="H24597" s="1" t="s">
        <v>88087</v>
      </c>
      <c r="I24597" s="1" t="s">
        <v>86055</v>
      </c>
      <c r="J24597" s="1" t="s">
        <v>88124</v>
      </c>
    </row>
    <row r="24598" spans="1:10" x14ac:dyDescent="0.35">
      <c r="A24598" s="1" t="s">
        <v>13934</v>
      </c>
      <c r="B24598" s="1" t="s">
        <v>86049</v>
      </c>
      <c r="C24598" s="1" t="s">
        <v>65</v>
      </c>
      <c r="D24598" s="1" t="s">
        <v>88125</v>
      </c>
      <c r="E24598" s="1" t="s">
        <v>88126</v>
      </c>
      <c r="F24598" s="1" t="s">
        <v>88127</v>
      </c>
      <c r="G24598" s="1" t="s">
        <v>88086</v>
      </c>
      <c r="H24598" s="1" t="s">
        <v>88087</v>
      </c>
      <c r="I24598" s="1" t="s">
        <v>86055</v>
      </c>
      <c r="J24598" s="1" t="s">
        <v>88128</v>
      </c>
    </row>
    <row r="24599" spans="1:10" x14ac:dyDescent="0.35">
      <c r="A24599" s="1" t="s">
        <v>13934</v>
      </c>
      <c r="B24599" s="1" t="s">
        <v>86049</v>
      </c>
      <c r="C24599" s="1" t="s">
        <v>70</v>
      </c>
      <c r="D24599" s="1" t="s">
        <v>88129</v>
      </c>
      <c r="E24599" s="1" t="s">
        <v>88130</v>
      </c>
      <c r="F24599" s="1" t="s">
        <v>88131</v>
      </c>
      <c r="G24599" s="1" t="s">
        <v>88086</v>
      </c>
      <c r="H24599" s="1" t="s">
        <v>88087</v>
      </c>
      <c r="I24599" s="1" t="s">
        <v>86055</v>
      </c>
      <c r="J24599" s="1" t="s">
        <v>88132</v>
      </c>
    </row>
    <row r="24600" spans="1:10" x14ac:dyDescent="0.35">
      <c r="A24600" s="1" t="s">
        <v>13934</v>
      </c>
      <c r="B24600" s="1" t="s">
        <v>86049</v>
      </c>
      <c r="C24600" s="1" t="s">
        <v>75</v>
      </c>
      <c r="D24600" s="1" t="s">
        <v>79237</v>
      </c>
      <c r="E24600" s="1" t="s">
        <v>88133</v>
      </c>
      <c r="F24600" s="1" t="s">
        <v>88134</v>
      </c>
      <c r="G24600" s="1" t="s">
        <v>88086</v>
      </c>
      <c r="H24600" s="1" t="s">
        <v>88087</v>
      </c>
      <c r="I24600" s="1" t="s">
        <v>86055</v>
      </c>
      <c r="J24600" s="1" t="s">
        <v>88135</v>
      </c>
    </row>
    <row r="24601" spans="1:10" x14ac:dyDescent="0.35">
      <c r="A24601" s="1" t="s">
        <v>13934</v>
      </c>
      <c r="B24601" s="1" t="s">
        <v>86049</v>
      </c>
      <c r="C24601" s="1" t="s">
        <v>80</v>
      </c>
      <c r="D24601" s="1" t="s">
        <v>88136</v>
      </c>
      <c r="E24601" s="1" t="s">
        <v>88137</v>
      </c>
      <c r="F24601" s="1" t="s">
        <v>88138</v>
      </c>
      <c r="G24601" s="1" t="s">
        <v>88086</v>
      </c>
      <c r="H24601" s="1" t="s">
        <v>88087</v>
      </c>
      <c r="I24601" s="1" t="s">
        <v>86055</v>
      </c>
      <c r="J24601" s="1" t="s">
        <v>88139</v>
      </c>
    </row>
    <row r="24602" spans="1:10" x14ac:dyDescent="0.35">
      <c r="A24602" s="1" t="s">
        <v>13934</v>
      </c>
      <c r="B24602" s="1" t="s">
        <v>86049</v>
      </c>
      <c r="C24602" s="1" t="s">
        <v>85</v>
      </c>
      <c r="D24602" s="1" t="s">
        <v>88140</v>
      </c>
      <c r="E24602" s="1" t="s">
        <v>88141</v>
      </c>
      <c r="F24602" s="1" t="s">
        <v>88142</v>
      </c>
      <c r="G24602" s="1" t="s">
        <v>88086</v>
      </c>
      <c r="H24602" s="1" t="s">
        <v>88087</v>
      </c>
      <c r="I24602" s="1" t="s">
        <v>86055</v>
      </c>
      <c r="J24602" s="1" t="s">
        <v>88143</v>
      </c>
    </row>
    <row r="24603" spans="1:10" x14ac:dyDescent="0.35">
      <c r="A24603" s="1" t="s">
        <v>13934</v>
      </c>
      <c r="B24603" s="1" t="s">
        <v>86049</v>
      </c>
      <c r="C24603" s="1" t="s">
        <v>90</v>
      </c>
      <c r="D24603" s="1" t="s">
        <v>88144</v>
      </c>
      <c r="E24603" s="1" t="s">
        <v>88145</v>
      </c>
      <c r="F24603" s="1" t="s">
        <v>88146</v>
      </c>
      <c r="G24603" s="1" t="s">
        <v>88086</v>
      </c>
      <c r="H24603" s="1" t="s">
        <v>88087</v>
      </c>
      <c r="I24603" s="1" t="s">
        <v>86055</v>
      </c>
      <c r="J24603" s="1" t="s">
        <v>88147</v>
      </c>
    </row>
    <row r="24604" spans="1:10" x14ac:dyDescent="0.35">
      <c r="A24604" s="1" t="s">
        <v>13934</v>
      </c>
      <c r="B24604" s="1" t="s">
        <v>86049</v>
      </c>
      <c r="C24604" s="1" t="s">
        <v>95</v>
      </c>
      <c r="D24604" s="1" t="s">
        <v>88148</v>
      </c>
      <c r="E24604" s="1" t="s">
        <v>88149</v>
      </c>
      <c r="F24604" s="1" t="s">
        <v>88150</v>
      </c>
      <c r="G24604" s="1" t="s">
        <v>88086</v>
      </c>
      <c r="H24604" s="1" t="s">
        <v>88087</v>
      </c>
      <c r="I24604" s="1" t="s">
        <v>86055</v>
      </c>
      <c r="J24604" s="1" t="s">
        <v>88151</v>
      </c>
    </row>
    <row r="24605" spans="1:10" x14ac:dyDescent="0.35">
      <c r="A24605" s="1" t="s">
        <v>13934</v>
      </c>
      <c r="B24605" s="1" t="s">
        <v>86049</v>
      </c>
      <c r="C24605" s="1" t="s">
        <v>100</v>
      </c>
      <c r="D24605" s="1" t="s">
        <v>88152</v>
      </c>
      <c r="E24605" s="1" t="s">
        <v>88153</v>
      </c>
      <c r="F24605" s="1" t="s">
        <v>88154</v>
      </c>
      <c r="G24605" s="1" t="s">
        <v>88086</v>
      </c>
      <c r="H24605" s="1" t="s">
        <v>88087</v>
      </c>
      <c r="I24605" s="1" t="s">
        <v>86055</v>
      </c>
      <c r="J24605" s="1" t="s">
        <v>88155</v>
      </c>
    </row>
    <row r="24606" spans="1:10" x14ac:dyDescent="0.35">
      <c r="A24606" s="1" t="s">
        <v>13934</v>
      </c>
      <c r="B24606" s="1" t="s">
        <v>86049</v>
      </c>
      <c r="C24606" s="1" t="s">
        <v>105</v>
      </c>
      <c r="D24606" s="1" t="s">
        <v>36291</v>
      </c>
      <c r="E24606" s="1" t="s">
        <v>88156</v>
      </c>
      <c r="F24606" s="1" t="s">
        <v>88157</v>
      </c>
      <c r="G24606" s="1" t="s">
        <v>88086</v>
      </c>
      <c r="H24606" s="1" t="s">
        <v>88087</v>
      </c>
      <c r="I24606" s="1" t="s">
        <v>86055</v>
      </c>
      <c r="J24606" s="1" t="s">
        <v>88158</v>
      </c>
    </row>
    <row r="24607" spans="1:10" x14ac:dyDescent="0.35">
      <c r="A24607" s="1" t="s">
        <v>13934</v>
      </c>
      <c r="B24607" s="1" t="s">
        <v>86049</v>
      </c>
      <c r="C24607" s="1" t="s">
        <v>110</v>
      </c>
      <c r="D24607" s="1" t="s">
        <v>53516</v>
      </c>
      <c r="E24607" s="1" t="s">
        <v>88159</v>
      </c>
      <c r="F24607" s="1" t="s">
        <v>88160</v>
      </c>
      <c r="G24607" s="1" t="s">
        <v>88086</v>
      </c>
      <c r="H24607" s="1" t="s">
        <v>88087</v>
      </c>
      <c r="I24607" s="1" t="s">
        <v>86055</v>
      </c>
      <c r="J24607" s="1" t="s">
        <v>88161</v>
      </c>
    </row>
    <row r="24608" spans="1:10" x14ac:dyDescent="0.35">
      <c r="A24608" s="1" t="s">
        <v>13934</v>
      </c>
      <c r="B24608" s="1" t="s">
        <v>86049</v>
      </c>
      <c r="C24608" s="1" t="s">
        <v>115</v>
      </c>
      <c r="D24608" s="1" t="s">
        <v>88162</v>
      </c>
      <c r="E24608" s="1" t="s">
        <v>88163</v>
      </c>
      <c r="F24608" s="1" t="s">
        <v>88164</v>
      </c>
      <c r="G24608" s="1" t="s">
        <v>88086</v>
      </c>
      <c r="H24608" s="1" t="s">
        <v>88087</v>
      </c>
      <c r="I24608" s="1" t="s">
        <v>86055</v>
      </c>
      <c r="J24608" s="1" t="s">
        <v>88165</v>
      </c>
    </row>
    <row r="24609" spans="1:10" x14ac:dyDescent="0.35">
      <c r="A24609" s="1" t="s">
        <v>13934</v>
      </c>
      <c r="B24609" s="1" t="s">
        <v>86049</v>
      </c>
      <c r="C24609" s="1" t="s">
        <v>120</v>
      </c>
      <c r="D24609" s="1" t="s">
        <v>42477</v>
      </c>
      <c r="E24609" s="1" t="s">
        <v>88166</v>
      </c>
      <c r="F24609" s="1" t="s">
        <v>88167</v>
      </c>
      <c r="G24609" s="1" t="s">
        <v>88086</v>
      </c>
      <c r="H24609" s="1" t="s">
        <v>88087</v>
      </c>
      <c r="I24609" s="1" t="s">
        <v>86055</v>
      </c>
      <c r="J24609" s="1" t="s">
        <v>88168</v>
      </c>
    </row>
    <row r="24610" spans="1:10" x14ac:dyDescent="0.35">
      <c r="A24610" s="1" t="s">
        <v>13934</v>
      </c>
      <c r="B24610" s="1" t="s">
        <v>86049</v>
      </c>
      <c r="C24610" s="1" t="s">
        <v>125</v>
      </c>
      <c r="D24610" s="1" t="s">
        <v>88169</v>
      </c>
      <c r="E24610" s="1" t="s">
        <v>88170</v>
      </c>
      <c r="F24610" s="1" t="s">
        <v>88171</v>
      </c>
      <c r="G24610" s="1" t="s">
        <v>88086</v>
      </c>
      <c r="H24610" s="1" t="s">
        <v>88087</v>
      </c>
      <c r="I24610" s="1" t="s">
        <v>86055</v>
      </c>
      <c r="J24610" s="1" t="s">
        <v>88172</v>
      </c>
    </row>
    <row r="24611" spans="1:10" x14ac:dyDescent="0.35">
      <c r="A24611" s="1" t="s">
        <v>13934</v>
      </c>
      <c r="B24611" s="1" t="s">
        <v>86049</v>
      </c>
      <c r="C24611" s="1" t="s">
        <v>130</v>
      </c>
      <c r="D24611" s="1" t="s">
        <v>88173</v>
      </c>
      <c r="E24611" s="1" t="s">
        <v>88174</v>
      </c>
      <c r="F24611" s="1" t="s">
        <v>88175</v>
      </c>
      <c r="G24611" s="1" t="s">
        <v>88086</v>
      </c>
      <c r="H24611" s="1" t="s">
        <v>88087</v>
      </c>
      <c r="I24611" s="1" t="s">
        <v>86055</v>
      </c>
      <c r="J24611" s="1" t="s">
        <v>88176</v>
      </c>
    </row>
    <row r="24612" spans="1:10" x14ac:dyDescent="0.35">
      <c r="A24612" s="1" t="s">
        <v>13934</v>
      </c>
      <c r="B24612" s="1" t="s">
        <v>86049</v>
      </c>
      <c r="C24612" s="1" t="s">
        <v>135</v>
      </c>
      <c r="D24612" s="1" t="s">
        <v>88177</v>
      </c>
      <c r="E24612" s="1" t="s">
        <v>88178</v>
      </c>
      <c r="F24612" s="1" t="s">
        <v>88179</v>
      </c>
      <c r="G24612" s="1" t="s">
        <v>88086</v>
      </c>
      <c r="H24612" s="1" t="s">
        <v>88087</v>
      </c>
      <c r="I24612" s="1" t="s">
        <v>86055</v>
      </c>
      <c r="J24612" s="1" t="s">
        <v>88180</v>
      </c>
    </row>
    <row r="24613" spans="1:10" x14ac:dyDescent="0.35">
      <c r="A24613" s="1" t="s">
        <v>13934</v>
      </c>
      <c r="B24613" s="1" t="s">
        <v>86049</v>
      </c>
      <c r="C24613" s="1" t="s">
        <v>140</v>
      </c>
      <c r="D24613" s="1" t="s">
        <v>43554</v>
      </c>
      <c r="E24613" s="1" t="s">
        <v>88181</v>
      </c>
      <c r="F24613" s="1" t="s">
        <v>88182</v>
      </c>
      <c r="G24613" s="1" t="s">
        <v>88086</v>
      </c>
      <c r="H24613" s="1" t="s">
        <v>88087</v>
      </c>
      <c r="I24613" s="1" t="s">
        <v>86055</v>
      </c>
      <c r="J24613" s="1" t="s">
        <v>88183</v>
      </c>
    </row>
    <row r="24614" spans="1:10" x14ac:dyDescent="0.35">
      <c r="A24614" s="1" t="s">
        <v>13934</v>
      </c>
      <c r="B24614" s="1" t="s">
        <v>86049</v>
      </c>
      <c r="C24614" s="1" t="s">
        <v>145</v>
      </c>
      <c r="D24614" s="1" t="s">
        <v>61875</v>
      </c>
      <c r="E24614" s="1" t="s">
        <v>88184</v>
      </c>
      <c r="F24614" s="1" t="s">
        <v>88185</v>
      </c>
      <c r="G24614" s="1" t="s">
        <v>88086</v>
      </c>
      <c r="H24614" s="1" t="s">
        <v>88087</v>
      </c>
      <c r="I24614" s="1" t="s">
        <v>86055</v>
      </c>
      <c r="J24614" s="1" t="s">
        <v>88186</v>
      </c>
    </row>
    <row r="24615" spans="1:10" x14ac:dyDescent="0.35">
      <c r="A24615" s="1" t="s">
        <v>13934</v>
      </c>
      <c r="B24615" s="1" t="s">
        <v>86049</v>
      </c>
      <c r="C24615" s="1" t="s">
        <v>150</v>
      </c>
      <c r="D24615" s="1" t="s">
        <v>88187</v>
      </c>
      <c r="E24615" s="1" t="s">
        <v>88188</v>
      </c>
      <c r="F24615" s="1" t="s">
        <v>88189</v>
      </c>
      <c r="G24615" s="1" t="s">
        <v>88086</v>
      </c>
      <c r="H24615" s="1" t="s">
        <v>88087</v>
      </c>
      <c r="I24615" s="1" t="s">
        <v>86055</v>
      </c>
      <c r="J24615" s="1" t="s">
        <v>88190</v>
      </c>
    </row>
    <row r="24616" spans="1:10" x14ac:dyDescent="0.35">
      <c r="A24616" s="1" t="s">
        <v>13934</v>
      </c>
      <c r="B24616" s="1" t="s">
        <v>86049</v>
      </c>
      <c r="C24616" s="1" t="s">
        <v>155</v>
      </c>
      <c r="D24616" s="1" t="s">
        <v>56892</v>
      </c>
      <c r="E24616" s="1" t="s">
        <v>88191</v>
      </c>
      <c r="F24616" s="1" t="s">
        <v>88192</v>
      </c>
      <c r="G24616" s="1" t="s">
        <v>88086</v>
      </c>
      <c r="H24616" s="1" t="s">
        <v>88087</v>
      </c>
      <c r="I24616" s="1" t="s">
        <v>86055</v>
      </c>
      <c r="J24616" s="1" t="s">
        <v>88193</v>
      </c>
    </row>
    <row r="24617" spans="1:10" x14ac:dyDescent="0.35">
      <c r="A24617" s="1" t="s">
        <v>13934</v>
      </c>
      <c r="B24617" s="1" t="s">
        <v>86049</v>
      </c>
      <c r="C24617" s="1" t="s">
        <v>160</v>
      </c>
      <c r="D24617" s="1" t="s">
        <v>88194</v>
      </c>
      <c r="E24617" s="1" t="s">
        <v>88195</v>
      </c>
      <c r="F24617" s="1" t="s">
        <v>88196</v>
      </c>
      <c r="G24617" s="1" t="s">
        <v>88086</v>
      </c>
      <c r="H24617" s="1" t="s">
        <v>88087</v>
      </c>
      <c r="I24617" s="1" t="s">
        <v>86055</v>
      </c>
      <c r="J24617" s="1" t="s">
        <v>88197</v>
      </c>
    </row>
    <row r="24618" spans="1:10" x14ac:dyDescent="0.35">
      <c r="A24618" s="1" t="s">
        <v>13934</v>
      </c>
      <c r="B24618" s="1" t="s">
        <v>86049</v>
      </c>
      <c r="C24618" s="1" t="s">
        <v>165</v>
      </c>
      <c r="D24618" s="1" t="s">
        <v>88198</v>
      </c>
      <c r="E24618" s="1" t="s">
        <v>88199</v>
      </c>
      <c r="F24618" s="1" t="s">
        <v>88200</v>
      </c>
      <c r="G24618" s="1" t="s">
        <v>88086</v>
      </c>
      <c r="H24618" s="1" t="s">
        <v>88087</v>
      </c>
      <c r="I24618" s="1" t="s">
        <v>86055</v>
      </c>
      <c r="J24618" s="1" t="s">
        <v>88201</v>
      </c>
    </row>
    <row r="24619" spans="1:10" x14ac:dyDescent="0.35">
      <c r="A24619" s="1" t="s">
        <v>13934</v>
      </c>
      <c r="B24619" s="1" t="s">
        <v>86049</v>
      </c>
      <c r="C24619" s="1" t="s">
        <v>170</v>
      </c>
      <c r="D24619" s="1" t="s">
        <v>87500</v>
      </c>
      <c r="E24619" s="1" t="s">
        <v>88202</v>
      </c>
      <c r="F24619" s="1" t="s">
        <v>88203</v>
      </c>
      <c r="G24619" s="1" t="s">
        <v>88086</v>
      </c>
      <c r="H24619" s="1" t="s">
        <v>88087</v>
      </c>
      <c r="I24619" s="1" t="s">
        <v>86055</v>
      </c>
      <c r="J24619" s="1" t="s">
        <v>88204</v>
      </c>
    </row>
    <row r="24620" spans="1:10" x14ac:dyDescent="0.35">
      <c r="A24620" s="1" t="s">
        <v>88205</v>
      </c>
      <c r="B24620" s="1" t="s">
        <v>86049</v>
      </c>
      <c r="C24620" s="1" t="s">
        <v>8</v>
      </c>
      <c r="D24620" s="1" t="s">
        <v>88206</v>
      </c>
      <c r="E24620" s="1" t="s">
        <v>32622</v>
      </c>
      <c r="F24620" s="1" t="s">
        <v>88207</v>
      </c>
      <c r="G24620" s="1" t="s">
        <v>88208</v>
      </c>
      <c r="H24620" s="1" t="s">
        <v>88209</v>
      </c>
      <c r="I24620" s="1" t="s">
        <v>86055</v>
      </c>
      <c r="J24620" s="1" t="s">
        <v>13</v>
      </c>
    </row>
    <row r="24621" spans="1:10" x14ac:dyDescent="0.35">
      <c r="A24621" s="1" t="s">
        <v>88205</v>
      </c>
      <c r="B24621" s="1" t="s">
        <v>86049</v>
      </c>
      <c r="C24621" s="1" t="s">
        <v>15</v>
      </c>
      <c r="D24621" s="1" t="s">
        <v>88210</v>
      </c>
      <c r="E24621" s="1" t="s">
        <v>88211</v>
      </c>
      <c r="F24621" s="1" t="s">
        <v>88212</v>
      </c>
      <c r="G24621" s="1" t="s">
        <v>88208</v>
      </c>
      <c r="H24621" s="1" t="s">
        <v>88209</v>
      </c>
      <c r="I24621" s="1" t="s">
        <v>86055</v>
      </c>
      <c r="J24621" s="1" t="s">
        <v>88213</v>
      </c>
    </row>
    <row r="24622" spans="1:10" x14ac:dyDescent="0.35">
      <c r="A24622" s="1" t="s">
        <v>88205</v>
      </c>
      <c r="B24622" s="1" t="s">
        <v>86049</v>
      </c>
      <c r="C24622" s="1" t="s">
        <v>20</v>
      </c>
      <c r="D24622" s="1" t="s">
        <v>88214</v>
      </c>
      <c r="E24622" s="1" t="s">
        <v>66580</v>
      </c>
      <c r="F24622" s="1" t="s">
        <v>88215</v>
      </c>
      <c r="G24622" s="1" t="s">
        <v>88208</v>
      </c>
      <c r="H24622" s="1" t="s">
        <v>88209</v>
      </c>
      <c r="I24622" s="1" t="s">
        <v>86055</v>
      </c>
      <c r="J24622" s="1" t="s">
        <v>88216</v>
      </c>
    </row>
    <row r="24623" spans="1:10" x14ac:dyDescent="0.35">
      <c r="A24623" s="1" t="s">
        <v>88205</v>
      </c>
      <c r="B24623" s="1" t="s">
        <v>86049</v>
      </c>
      <c r="C24623" s="1" t="s">
        <v>25</v>
      </c>
      <c r="D24623" s="1" t="s">
        <v>88217</v>
      </c>
      <c r="E24623" s="1" t="s">
        <v>57695</v>
      </c>
      <c r="F24623" s="1" t="s">
        <v>88218</v>
      </c>
      <c r="G24623" s="1" t="s">
        <v>88208</v>
      </c>
      <c r="H24623" s="1" t="s">
        <v>88209</v>
      </c>
      <c r="I24623" s="1" t="s">
        <v>86055</v>
      </c>
      <c r="J24623" s="1" t="s">
        <v>88219</v>
      </c>
    </row>
    <row r="24624" spans="1:10" x14ac:dyDescent="0.35">
      <c r="A24624" s="1" t="s">
        <v>88205</v>
      </c>
      <c r="B24624" s="1" t="s">
        <v>86049</v>
      </c>
      <c r="C24624" s="1" t="s">
        <v>30</v>
      </c>
      <c r="D24624" s="1" t="s">
        <v>88220</v>
      </c>
      <c r="E24624" s="1" t="s">
        <v>27164</v>
      </c>
      <c r="F24624" s="1" t="s">
        <v>88221</v>
      </c>
      <c r="G24624" s="1" t="s">
        <v>88208</v>
      </c>
      <c r="H24624" s="1" t="s">
        <v>88209</v>
      </c>
      <c r="I24624" s="1" t="s">
        <v>86055</v>
      </c>
      <c r="J24624" s="1" t="s">
        <v>88222</v>
      </c>
    </row>
    <row r="24625" spans="1:10" x14ac:dyDescent="0.35">
      <c r="A24625" s="1" t="s">
        <v>88205</v>
      </c>
      <c r="B24625" s="1" t="s">
        <v>86049</v>
      </c>
      <c r="C24625" s="1" t="s">
        <v>35</v>
      </c>
      <c r="D24625" s="1" t="s">
        <v>67950</v>
      </c>
      <c r="E24625" s="1" t="s">
        <v>26265</v>
      </c>
      <c r="F24625" s="1" t="s">
        <v>88223</v>
      </c>
      <c r="G24625" s="1" t="s">
        <v>88208</v>
      </c>
      <c r="H24625" s="1" t="s">
        <v>88209</v>
      </c>
      <c r="I24625" s="1" t="s">
        <v>86055</v>
      </c>
      <c r="J24625" s="1" t="s">
        <v>88224</v>
      </c>
    </row>
    <row r="24626" spans="1:10" x14ac:dyDescent="0.35">
      <c r="A24626" s="1" t="s">
        <v>88205</v>
      </c>
      <c r="B24626" s="1" t="s">
        <v>86049</v>
      </c>
      <c r="C24626" s="1" t="s">
        <v>40</v>
      </c>
      <c r="D24626" s="1" t="s">
        <v>88225</v>
      </c>
      <c r="E24626" s="1" t="s">
        <v>64929</v>
      </c>
      <c r="F24626" s="1" t="s">
        <v>88226</v>
      </c>
      <c r="G24626" s="1" t="s">
        <v>88208</v>
      </c>
      <c r="H24626" s="1" t="s">
        <v>88209</v>
      </c>
      <c r="I24626" s="1" t="s">
        <v>86055</v>
      </c>
      <c r="J24626" s="1" t="s">
        <v>88227</v>
      </c>
    </row>
    <row r="24627" spans="1:10" x14ac:dyDescent="0.35">
      <c r="A24627" s="1" t="s">
        <v>88205</v>
      </c>
      <c r="B24627" s="1" t="s">
        <v>86049</v>
      </c>
      <c r="C24627" s="1" t="s">
        <v>45</v>
      </c>
      <c r="D24627" s="1" t="s">
        <v>88228</v>
      </c>
      <c r="E24627" s="1" t="s">
        <v>19908</v>
      </c>
      <c r="F24627" s="1" t="s">
        <v>88229</v>
      </c>
      <c r="G24627" s="1" t="s">
        <v>88208</v>
      </c>
      <c r="H24627" s="1" t="s">
        <v>88209</v>
      </c>
      <c r="I24627" s="1" t="s">
        <v>86055</v>
      </c>
      <c r="J24627" s="1" t="s">
        <v>88230</v>
      </c>
    </row>
    <row r="24628" spans="1:10" x14ac:dyDescent="0.35">
      <c r="A24628" s="1" t="s">
        <v>88205</v>
      </c>
      <c r="B24628" s="1" t="s">
        <v>86049</v>
      </c>
      <c r="C24628" s="1" t="s">
        <v>50</v>
      </c>
      <c r="D24628" s="1" t="s">
        <v>88231</v>
      </c>
      <c r="E24628" s="1" t="s">
        <v>15628</v>
      </c>
      <c r="F24628" s="1" t="s">
        <v>58403</v>
      </c>
      <c r="G24628" s="1" t="s">
        <v>88208</v>
      </c>
      <c r="H24628" s="1" t="s">
        <v>88209</v>
      </c>
      <c r="I24628" s="1" t="s">
        <v>86055</v>
      </c>
      <c r="J24628" s="1" t="s">
        <v>88232</v>
      </c>
    </row>
    <row r="24629" spans="1:10" x14ac:dyDescent="0.35">
      <c r="A24629" s="1" t="s">
        <v>88205</v>
      </c>
      <c r="B24629" s="1" t="s">
        <v>86049</v>
      </c>
      <c r="C24629" s="1" t="s">
        <v>55</v>
      </c>
      <c r="D24629" s="1" t="s">
        <v>88233</v>
      </c>
      <c r="E24629" s="1" t="s">
        <v>23269</v>
      </c>
      <c r="F24629" s="1" t="s">
        <v>88234</v>
      </c>
      <c r="G24629" s="1" t="s">
        <v>88208</v>
      </c>
      <c r="H24629" s="1" t="s">
        <v>88209</v>
      </c>
      <c r="I24629" s="1" t="s">
        <v>86055</v>
      </c>
      <c r="J24629" s="1" t="s">
        <v>88235</v>
      </c>
    </row>
    <row r="24630" spans="1:10" x14ac:dyDescent="0.35">
      <c r="A24630" s="1" t="s">
        <v>88205</v>
      </c>
      <c r="B24630" s="1" t="s">
        <v>86049</v>
      </c>
      <c r="C24630" s="1" t="s">
        <v>60</v>
      </c>
      <c r="D24630" s="1" t="s">
        <v>88236</v>
      </c>
      <c r="E24630" s="1" t="s">
        <v>58648</v>
      </c>
      <c r="F24630" s="1" t="s">
        <v>88237</v>
      </c>
      <c r="G24630" s="1" t="s">
        <v>88208</v>
      </c>
      <c r="H24630" s="1" t="s">
        <v>88209</v>
      </c>
      <c r="I24630" s="1" t="s">
        <v>86055</v>
      </c>
      <c r="J24630" s="1" t="s">
        <v>88238</v>
      </c>
    </row>
    <row r="24631" spans="1:10" x14ac:dyDescent="0.35">
      <c r="A24631" s="1" t="s">
        <v>88205</v>
      </c>
      <c r="B24631" s="1" t="s">
        <v>86049</v>
      </c>
      <c r="C24631" s="1" t="s">
        <v>65</v>
      </c>
      <c r="D24631" s="1" t="s">
        <v>88239</v>
      </c>
      <c r="E24631" s="1" t="s">
        <v>31497</v>
      </c>
      <c r="F24631" s="1" t="s">
        <v>88240</v>
      </c>
      <c r="G24631" s="1" t="s">
        <v>88208</v>
      </c>
      <c r="H24631" s="1" t="s">
        <v>88209</v>
      </c>
      <c r="I24631" s="1" t="s">
        <v>86055</v>
      </c>
      <c r="J24631" s="1" t="s">
        <v>88241</v>
      </c>
    </row>
    <row r="24632" spans="1:10" x14ac:dyDescent="0.35">
      <c r="A24632" s="1" t="s">
        <v>88205</v>
      </c>
      <c r="B24632" s="1" t="s">
        <v>86049</v>
      </c>
      <c r="C24632" s="1" t="s">
        <v>70</v>
      </c>
      <c r="D24632" s="1" t="s">
        <v>88242</v>
      </c>
      <c r="E24632" s="1" t="s">
        <v>32644</v>
      </c>
      <c r="F24632" s="1" t="s">
        <v>88243</v>
      </c>
      <c r="G24632" s="1" t="s">
        <v>88208</v>
      </c>
      <c r="H24632" s="1" t="s">
        <v>88209</v>
      </c>
      <c r="I24632" s="1" t="s">
        <v>86055</v>
      </c>
      <c r="J24632" s="1" t="s">
        <v>88244</v>
      </c>
    </row>
    <row r="24633" spans="1:10" x14ac:dyDescent="0.35">
      <c r="A24633" s="1" t="s">
        <v>88205</v>
      </c>
      <c r="B24633" s="1" t="s">
        <v>86049</v>
      </c>
      <c r="C24633" s="1" t="s">
        <v>75</v>
      </c>
      <c r="D24633" s="1" t="s">
        <v>88245</v>
      </c>
      <c r="E24633" s="1" t="s">
        <v>15622</v>
      </c>
      <c r="F24633" s="1" t="s">
        <v>88246</v>
      </c>
      <c r="G24633" s="1" t="s">
        <v>88208</v>
      </c>
      <c r="H24633" s="1" t="s">
        <v>88209</v>
      </c>
      <c r="I24633" s="1" t="s">
        <v>86055</v>
      </c>
      <c r="J24633" s="1" t="s">
        <v>88247</v>
      </c>
    </row>
    <row r="24634" spans="1:10" x14ac:dyDescent="0.35">
      <c r="A24634" s="1" t="s">
        <v>88205</v>
      </c>
      <c r="B24634" s="1" t="s">
        <v>86049</v>
      </c>
      <c r="C24634" s="1" t="s">
        <v>80</v>
      </c>
      <c r="D24634" s="1" t="s">
        <v>67174</v>
      </c>
      <c r="E24634" s="1" t="s">
        <v>31497</v>
      </c>
      <c r="F24634" s="1" t="s">
        <v>88248</v>
      </c>
      <c r="G24634" s="1" t="s">
        <v>88208</v>
      </c>
      <c r="H24634" s="1" t="s">
        <v>88209</v>
      </c>
      <c r="I24634" s="1" t="s">
        <v>86055</v>
      </c>
      <c r="J24634" s="1" t="s">
        <v>88249</v>
      </c>
    </row>
    <row r="24635" spans="1:10" x14ac:dyDescent="0.35">
      <c r="A24635" s="1" t="s">
        <v>88205</v>
      </c>
      <c r="B24635" s="1" t="s">
        <v>86049</v>
      </c>
      <c r="C24635" s="1" t="s">
        <v>85</v>
      </c>
      <c r="D24635" s="1" t="s">
        <v>88250</v>
      </c>
      <c r="E24635" s="1" t="s">
        <v>26218</v>
      </c>
      <c r="F24635" s="1" t="s">
        <v>88251</v>
      </c>
      <c r="G24635" s="1" t="s">
        <v>88208</v>
      </c>
      <c r="H24635" s="1" t="s">
        <v>88209</v>
      </c>
      <c r="I24635" s="1" t="s">
        <v>86055</v>
      </c>
      <c r="J24635" s="1" t="s">
        <v>88252</v>
      </c>
    </row>
    <row r="24636" spans="1:10" x14ac:dyDescent="0.35">
      <c r="A24636" s="1" t="s">
        <v>88205</v>
      </c>
      <c r="B24636" s="1" t="s">
        <v>86049</v>
      </c>
      <c r="C24636" s="1" t="s">
        <v>90</v>
      </c>
      <c r="D24636" s="1" t="s">
        <v>88253</v>
      </c>
      <c r="E24636" s="1" t="s">
        <v>88254</v>
      </c>
      <c r="F24636" s="1" t="s">
        <v>88255</v>
      </c>
      <c r="G24636" s="1" t="s">
        <v>88208</v>
      </c>
      <c r="H24636" s="1" t="s">
        <v>88209</v>
      </c>
      <c r="I24636" s="1" t="s">
        <v>86055</v>
      </c>
      <c r="J24636" s="1" t="s">
        <v>88256</v>
      </c>
    </row>
    <row r="24637" spans="1:10" x14ac:dyDescent="0.35">
      <c r="A24637" s="1" t="s">
        <v>88205</v>
      </c>
      <c r="B24637" s="1" t="s">
        <v>86049</v>
      </c>
      <c r="C24637" s="1" t="s">
        <v>95</v>
      </c>
      <c r="D24637" s="1" t="s">
        <v>88257</v>
      </c>
      <c r="E24637" s="1" t="s">
        <v>15432</v>
      </c>
      <c r="F24637" s="1" t="s">
        <v>88258</v>
      </c>
      <c r="G24637" s="1" t="s">
        <v>88208</v>
      </c>
      <c r="H24637" s="1" t="s">
        <v>88209</v>
      </c>
      <c r="I24637" s="1" t="s">
        <v>86055</v>
      </c>
      <c r="J24637" s="1" t="s">
        <v>88259</v>
      </c>
    </row>
    <row r="24638" spans="1:10" x14ac:dyDescent="0.35">
      <c r="A24638" s="1" t="s">
        <v>88205</v>
      </c>
      <c r="B24638" s="1" t="s">
        <v>86049</v>
      </c>
      <c r="C24638" s="1" t="s">
        <v>100</v>
      </c>
      <c r="D24638" s="1" t="s">
        <v>88260</v>
      </c>
      <c r="E24638" s="1" t="s">
        <v>31459</v>
      </c>
      <c r="F24638" s="1" t="s">
        <v>88261</v>
      </c>
      <c r="G24638" s="1" t="s">
        <v>88208</v>
      </c>
      <c r="H24638" s="1" t="s">
        <v>88209</v>
      </c>
      <c r="I24638" s="1" t="s">
        <v>86055</v>
      </c>
      <c r="J24638" s="1" t="s">
        <v>88262</v>
      </c>
    </row>
    <row r="24639" spans="1:10" x14ac:dyDescent="0.35">
      <c r="A24639" s="1" t="s">
        <v>88205</v>
      </c>
      <c r="B24639" s="1" t="s">
        <v>86049</v>
      </c>
      <c r="C24639" s="1" t="s">
        <v>105</v>
      </c>
      <c r="D24639" s="1" t="s">
        <v>77836</v>
      </c>
      <c r="E24639" s="1" t="s">
        <v>54720</v>
      </c>
      <c r="F24639" s="1" t="s">
        <v>88263</v>
      </c>
      <c r="G24639" s="1" t="s">
        <v>88208</v>
      </c>
      <c r="H24639" s="1" t="s">
        <v>88209</v>
      </c>
      <c r="I24639" s="1" t="s">
        <v>86055</v>
      </c>
      <c r="J24639" s="1" t="s">
        <v>88264</v>
      </c>
    </row>
    <row r="24640" spans="1:10" x14ac:dyDescent="0.35">
      <c r="A24640" s="1" t="s">
        <v>88205</v>
      </c>
      <c r="B24640" s="1" t="s">
        <v>86049</v>
      </c>
      <c r="C24640" s="1" t="s">
        <v>110</v>
      </c>
      <c r="D24640" s="1" t="s">
        <v>88265</v>
      </c>
      <c r="E24640" s="1" t="s">
        <v>26592</v>
      </c>
      <c r="F24640" s="1" t="s">
        <v>88266</v>
      </c>
      <c r="G24640" s="1" t="s">
        <v>88208</v>
      </c>
      <c r="H24640" s="1" t="s">
        <v>88209</v>
      </c>
      <c r="I24640" s="1" t="s">
        <v>86055</v>
      </c>
      <c r="J24640" s="1" t="s">
        <v>88267</v>
      </c>
    </row>
    <row r="24641" spans="1:10" x14ac:dyDescent="0.35">
      <c r="A24641" s="1" t="s">
        <v>88205</v>
      </c>
      <c r="B24641" s="1" t="s">
        <v>86049</v>
      </c>
      <c r="C24641" s="1" t="s">
        <v>115</v>
      </c>
      <c r="D24641" s="1" t="s">
        <v>88268</v>
      </c>
      <c r="E24641" s="1" t="s">
        <v>31742</v>
      </c>
      <c r="F24641" s="1" t="s">
        <v>57579</v>
      </c>
      <c r="G24641" s="1" t="s">
        <v>88208</v>
      </c>
      <c r="H24641" s="1" t="s">
        <v>88209</v>
      </c>
      <c r="I24641" s="1" t="s">
        <v>86055</v>
      </c>
      <c r="J24641" s="1" t="s">
        <v>88269</v>
      </c>
    </row>
    <row r="24642" spans="1:10" x14ac:dyDescent="0.35">
      <c r="A24642" s="1" t="s">
        <v>88205</v>
      </c>
      <c r="B24642" s="1" t="s">
        <v>86049</v>
      </c>
      <c r="C24642" s="1" t="s">
        <v>120</v>
      </c>
      <c r="D24642" s="1" t="s">
        <v>88270</v>
      </c>
      <c r="E24642" s="1" t="s">
        <v>23269</v>
      </c>
      <c r="F24642" s="1" t="s">
        <v>88271</v>
      </c>
      <c r="G24642" s="1" t="s">
        <v>88208</v>
      </c>
      <c r="H24642" s="1" t="s">
        <v>88209</v>
      </c>
      <c r="I24642" s="1" t="s">
        <v>86055</v>
      </c>
      <c r="J24642" s="1" t="s">
        <v>88272</v>
      </c>
    </row>
    <row r="24643" spans="1:10" x14ac:dyDescent="0.35">
      <c r="A24643" s="1" t="s">
        <v>88205</v>
      </c>
      <c r="B24643" s="1" t="s">
        <v>86049</v>
      </c>
      <c r="C24643" s="1" t="s">
        <v>125</v>
      </c>
      <c r="D24643" s="1" t="s">
        <v>53979</v>
      </c>
      <c r="E24643" s="1" t="s">
        <v>57103</v>
      </c>
      <c r="F24643" s="1" t="s">
        <v>88273</v>
      </c>
      <c r="G24643" s="1" t="s">
        <v>88208</v>
      </c>
      <c r="H24643" s="1" t="s">
        <v>88209</v>
      </c>
      <c r="I24643" s="1" t="s">
        <v>86055</v>
      </c>
      <c r="J24643" s="1" t="s">
        <v>88274</v>
      </c>
    </row>
    <row r="24644" spans="1:10" x14ac:dyDescent="0.35">
      <c r="A24644" s="1" t="s">
        <v>88205</v>
      </c>
      <c r="B24644" s="1" t="s">
        <v>86049</v>
      </c>
      <c r="C24644" s="1" t="s">
        <v>130</v>
      </c>
      <c r="D24644" s="1" t="s">
        <v>88275</v>
      </c>
      <c r="E24644" s="1" t="s">
        <v>73342</v>
      </c>
      <c r="F24644" s="1" t="s">
        <v>88276</v>
      </c>
      <c r="G24644" s="1" t="s">
        <v>88208</v>
      </c>
      <c r="H24644" s="1" t="s">
        <v>88209</v>
      </c>
      <c r="I24644" s="1" t="s">
        <v>86055</v>
      </c>
      <c r="J24644" s="1" t="s">
        <v>88277</v>
      </c>
    </row>
    <row r="24645" spans="1:10" x14ac:dyDescent="0.35">
      <c r="A24645" s="1" t="s">
        <v>88205</v>
      </c>
      <c r="B24645" s="1" t="s">
        <v>86049</v>
      </c>
      <c r="C24645" s="1" t="s">
        <v>135</v>
      </c>
      <c r="D24645" s="1" t="s">
        <v>22071</v>
      </c>
      <c r="E24645" s="1" t="s">
        <v>31914</v>
      </c>
      <c r="F24645" s="1" t="s">
        <v>88278</v>
      </c>
      <c r="G24645" s="1" t="s">
        <v>88208</v>
      </c>
      <c r="H24645" s="1" t="s">
        <v>88209</v>
      </c>
      <c r="I24645" s="1" t="s">
        <v>86055</v>
      </c>
      <c r="J24645" s="1" t="s">
        <v>88279</v>
      </c>
    </row>
    <row r="24646" spans="1:10" x14ac:dyDescent="0.35">
      <c r="A24646" s="1" t="s">
        <v>88205</v>
      </c>
      <c r="B24646" s="1" t="s">
        <v>86049</v>
      </c>
      <c r="C24646" s="1" t="s">
        <v>140</v>
      </c>
      <c r="D24646" s="1" t="s">
        <v>61742</v>
      </c>
      <c r="E24646" s="1" t="s">
        <v>67157</v>
      </c>
      <c r="F24646" s="1" t="s">
        <v>88280</v>
      </c>
      <c r="G24646" s="1" t="s">
        <v>88208</v>
      </c>
      <c r="H24646" s="1" t="s">
        <v>88209</v>
      </c>
      <c r="I24646" s="1" t="s">
        <v>86055</v>
      </c>
      <c r="J24646" s="1" t="s">
        <v>88281</v>
      </c>
    </row>
    <row r="24647" spans="1:10" x14ac:dyDescent="0.35">
      <c r="A24647" s="1" t="s">
        <v>88205</v>
      </c>
      <c r="B24647" s="1" t="s">
        <v>86049</v>
      </c>
      <c r="C24647" s="1" t="s">
        <v>145</v>
      </c>
      <c r="D24647" s="1" t="s">
        <v>88282</v>
      </c>
      <c r="E24647" s="1" t="s">
        <v>30619</v>
      </c>
      <c r="F24647" s="1" t="s">
        <v>21780</v>
      </c>
      <c r="G24647" s="1" t="s">
        <v>88208</v>
      </c>
      <c r="H24647" s="1" t="s">
        <v>88209</v>
      </c>
      <c r="I24647" s="1" t="s">
        <v>86055</v>
      </c>
      <c r="J24647" s="1" t="s">
        <v>88283</v>
      </c>
    </row>
    <row r="24648" spans="1:10" x14ac:dyDescent="0.35">
      <c r="A24648" s="1" t="s">
        <v>88205</v>
      </c>
      <c r="B24648" s="1" t="s">
        <v>86049</v>
      </c>
      <c r="C24648" s="1" t="s">
        <v>150</v>
      </c>
      <c r="D24648" s="1" t="s">
        <v>56314</v>
      </c>
      <c r="E24648" s="1" t="s">
        <v>88284</v>
      </c>
      <c r="F24648" s="1" t="s">
        <v>88285</v>
      </c>
      <c r="G24648" s="1" t="s">
        <v>88208</v>
      </c>
      <c r="H24648" s="1" t="s">
        <v>88209</v>
      </c>
      <c r="I24648" s="1" t="s">
        <v>86055</v>
      </c>
      <c r="J24648" s="1" t="s">
        <v>88286</v>
      </c>
    </row>
    <row r="24649" spans="1:10" x14ac:dyDescent="0.35">
      <c r="A24649" s="1" t="s">
        <v>88205</v>
      </c>
      <c r="B24649" s="1" t="s">
        <v>86049</v>
      </c>
      <c r="C24649" s="1" t="s">
        <v>155</v>
      </c>
      <c r="D24649" s="1" t="s">
        <v>88287</v>
      </c>
      <c r="E24649" s="1" t="s">
        <v>88288</v>
      </c>
      <c r="F24649" s="1" t="s">
        <v>88289</v>
      </c>
      <c r="G24649" s="1" t="s">
        <v>88208</v>
      </c>
      <c r="H24649" s="1" t="s">
        <v>88209</v>
      </c>
      <c r="I24649" s="1" t="s">
        <v>86055</v>
      </c>
      <c r="J24649" s="1" t="s">
        <v>88290</v>
      </c>
    </row>
    <row r="24650" spans="1:10" x14ac:dyDescent="0.35">
      <c r="A24650" s="1" t="s">
        <v>88205</v>
      </c>
      <c r="B24650" s="1" t="s">
        <v>86049</v>
      </c>
      <c r="C24650" s="1" t="s">
        <v>160</v>
      </c>
      <c r="D24650" s="1" t="s">
        <v>87306</v>
      </c>
      <c r="E24650" s="1" t="s">
        <v>88291</v>
      </c>
      <c r="F24650" s="1" t="s">
        <v>11817</v>
      </c>
      <c r="G24650" s="1" t="s">
        <v>88208</v>
      </c>
      <c r="H24650" s="1" t="s">
        <v>88209</v>
      </c>
      <c r="I24650" s="1" t="s">
        <v>86055</v>
      </c>
      <c r="J24650" s="1" t="s">
        <v>88292</v>
      </c>
    </row>
    <row r="24651" spans="1:10" x14ac:dyDescent="0.35">
      <c r="A24651" s="1" t="s">
        <v>88205</v>
      </c>
      <c r="B24651" s="1" t="s">
        <v>86049</v>
      </c>
      <c r="C24651" s="1" t="s">
        <v>165</v>
      </c>
      <c r="D24651" s="1" t="s">
        <v>57349</v>
      </c>
      <c r="E24651" s="1" t="s">
        <v>88293</v>
      </c>
      <c r="F24651" s="1" t="s">
        <v>66080</v>
      </c>
      <c r="G24651" s="1" t="s">
        <v>88208</v>
      </c>
      <c r="H24651" s="1" t="s">
        <v>88209</v>
      </c>
      <c r="I24651" s="1" t="s">
        <v>86055</v>
      </c>
      <c r="J24651" s="1" t="s">
        <v>88294</v>
      </c>
    </row>
    <row r="24652" spans="1:10" x14ac:dyDescent="0.35">
      <c r="A24652" s="1" t="s">
        <v>88205</v>
      </c>
      <c r="B24652" s="1" t="s">
        <v>86049</v>
      </c>
      <c r="C24652" s="1" t="s">
        <v>170</v>
      </c>
      <c r="D24652" s="1" t="s">
        <v>88295</v>
      </c>
      <c r="E24652" s="1" t="s">
        <v>16006</v>
      </c>
      <c r="F24652" s="1" t="s">
        <v>88296</v>
      </c>
      <c r="G24652" s="1" t="s">
        <v>88208</v>
      </c>
      <c r="H24652" s="1" t="s">
        <v>88209</v>
      </c>
      <c r="I24652" s="1" t="s">
        <v>86055</v>
      </c>
      <c r="J24652" s="1" t="s">
        <v>88297</v>
      </c>
    </row>
    <row r="24653" spans="1:10" x14ac:dyDescent="0.35">
      <c r="A24653" s="1" t="s">
        <v>1497</v>
      </c>
      <c r="B24653" s="1" t="s">
        <v>86049</v>
      </c>
      <c r="C24653" s="1" t="s">
        <v>8</v>
      </c>
      <c r="D24653" s="1" t="s">
        <v>53263</v>
      </c>
      <c r="E24653" s="1" t="s">
        <v>88298</v>
      </c>
      <c r="F24653" s="1" t="s">
        <v>88299</v>
      </c>
      <c r="G24653" s="1" t="s">
        <v>88300</v>
      </c>
      <c r="H24653" s="1" t="s">
        <v>88301</v>
      </c>
      <c r="I24653" s="1" t="s">
        <v>86055</v>
      </c>
      <c r="J24653" s="1" t="s">
        <v>13</v>
      </c>
    </row>
    <row r="24654" spans="1:10" x14ac:dyDescent="0.35">
      <c r="A24654" s="1" t="s">
        <v>1497</v>
      </c>
      <c r="B24654" s="1" t="s">
        <v>86049</v>
      </c>
      <c r="C24654" s="1" t="s">
        <v>15</v>
      </c>
      <c r="D24654" s="1" t="s">
        <v>57205</v>
      </c>
      <c r="E24654" s="1" t="s">
        <v>88302</v>
      </c>
      <c r="F24654" s="1" t="s">
        <v>88303</v>
      </c>
      <c r="G24654" s="1" t="s">
        <v>88300</v>
      </c>
      <c r="H24654" s="1" t="s">
        <v>88301</v>
      </c>
      <c r="I24654" s="1" t="s">
        <v>86055</v>
      </c>
      <c r="J24654" s="1" t="s">
        <v>88304</v>
      </c>
    </row>
    <row r="24655" spans="1:10" x14ac:dyDescent="0.35">
      <c r="A24655" s="1" t="s">
        <v>1497</v>
      </c>
      <c r="B24655" s="1" t="s">
        <v>86049</v>
      </c>
      <c r="C24655" s="1" t="s">
        <v>20</v>
      </c>
      <c r="D24655" s="1" t="s">
        <v>40140</v>
      </c>
      <c r="E24655" s="1" t="s">
        <v>88305</v>
      </c>
      <c r="F24655" s="1" t="s">
        <v>88306</v>
      </c>
      <c r="G24655" s="1" t="s">
        <v>88300</v>
      </c>
      <c r="H24655" s="1" t="s">
        <v>88301</v>
      </c>
      <c r="I24655" s="1" t="s">
        <v>86055</v>
      </c>
      <c r="J24655" s="1" t="s">
        <v>88307</v>
      </c>
    </row>
    <row r="24656" spans="1:10" x14ac:dyDescent="0.35">
      <c r="A24656" s="1" t="s">
        <v>1497</v>
      </c>
      <c r="B24656" s="1" t="s">
        <v>86049</v>
      </c>
      <c r="C24656" s="1" t="s">
        <v>25</v>
      </c>
      <c r="D24656" s="1" t="s">
        <v>88308</v>
      </c>
      <c r="E24656" s="1" t="s">
        <v>88309</v>
      </c>
      <c r="F24656" s="1" t="s">
        <v>88310</v>
      </c>
      <c r="G24656" s="1" t="s">
        <v>88300</v>
      </c>
      <c r="H24656" s="1" t="s">
        <v>88301</v>
      </c>
      <c r="I24656" s="1" t="s">
        <v>86055</v>
      </c>
      <c r="J24656" s="1" t="s">
        <v>88311</v>
      </c>
    </row>
    <row r="24657" spans="1:10" x14ac:dyDescent="0.35">
      <c r="A24657" s="1" t="s">
        <v>1497</v>
      </c>
      <c r="B24657" s="1" t="s">
        <v>86049</v>
      </c>
      <c r="C24657" s="1" t="s">
        <v>30</v>
      </c>
      <c r="D24657" s="1" t="s">
        <v>59549</v>
      </c>
      <c r="E24657" s="1" t="s">
        <v>88312</v>
      </c>
      <c r="F24657" s="1" t="s">
        <v>88313</v>
      </c>
      <c r="G24657" s="1" t="s">
        <v>88300</v>
      </c>
      <c r="H24657" s="1" t="s">
        <v>88301</v>
      </c>
      <c r="I24657" s="1" t="s">
        <v>86055</v>
      </c>
      <c r="J24657" s="1" t="s">
        <v>88314</v>
      </c>
    </row>
    <row r="24658" spans="1:10" x14ac:dyDescent="0.35">
      <c r="A24658" s="1" t="s">
        <v>1497</v>
      </c>
      <c r="B24658" s="1" t="s">
        <v>86049</v>
      </c>
      <c r="C24658" s="1" t="s">
        <v>35</v>
      </c>
      <c r="D24658" s="1" t="s">
        <v>88315</v>
      </c>
      <c r="E24658" s="1" t="s">
        <v>88316</v>
      </c>
      <c r="F24658" s="1" t="s">
        <v>88317</v>
      </c>
      <c r="G24658" s="1" t="s">
        <v>88300</v>
      </c>
      <c r="H24658" s="1" t="s">
        <v>88301</v>
      </c>
      <c r="I24658" s="1" t="s">
        <v>86055</v>
      </c>
      <c r="J24658" s="1" t="s">
        <v>88318</v>
      </c>
    </row>
    <row r="24659" spans="1:10" x14ac:dyDescent="0.35">
      <c r="A24659" s="1" t="s">
        <v>1497</v>
      </c>
      <c r="B24659" s="1" t="s">
        <v>86049</v>
      </c>
      <c r="C24659" s="1" t="s">
        <v>40</v>
      </c>
      <c r="D24659" s="1" t="s">
        <v>86944</v>
      </c>
      <c r="E24659" s="1" t="s">
        <v>88319</v>
      </c>
      <c r="F24659" s="1" t="s">
        <v>88320</v>
      </c>
      <c r="G24659" s="1" t="s">
        <v>88300</v>
      </c>
      <c r="H24659" s="1" t="s">
        <v>88301</v>
      </c>
      <c r="I24659" s="1" t="s">
        <v>86055</v>
      </c>
      <c r="J24659" s="1" t="s">
        <v>88321</v>
      </c>
    </row>
    <row r="24660" spans="1:10" x14ac:dyDescent="0.35">
      <c r="A24660" s="1" t="s">
        <v>1497</v>
      </c>
      <c r="B24660" s="1" t="s">
        <v>86049</v>
      </c>
      <c r="C24660" s="1" t="s">
        <v>45</v>
      </c>
      <c r="D24660" s="1" t="s">
        <v>88322</v>
      </c>
      <c r="E24660" s="1" t="s">
        <v>88323</v>
      </c>
      <c r="F24660" s="1" t="s">
        <v>88324</v>
      </c>
      <c r="G24660" s="1" t="s">
        <v>88300</v>
      </c>
      <c r="H24660" s="1" t="s">
        <v>88301</v>
      </c>
      <c r="I24660" s="1" t="s">
        <v>86055</v>
      </c>
      <c r="J24660" s="1" t="s">
        <v>88325</v>
      </c>
    </row>
    <row r="24661" spans="1:10" x14ac:dyDescent="0.35">
      <c r="A24661" s="1" t="s">
        <v>1497</v>
      </c>
      <c r="B24661" s="1" t="s">
        <v>86049</v>
      </c>
      <c r="C24661" s="1" t="s">
        <v>50</v>
      </c>
      <c r="D24661" s="1" t="s">
        <v>88326</v>
      </c>
      <c r="E24661" s="1" t="s">
        <v>88327</v>
      </c>
      <c r="F24661" s="1" t="s">
        <v>88328</v>
      </c>
      <c r="G24661" s="1" t="s">
        <v>88300</v>
      </c>
      <c r="H24661" s="1" t="s">
        <v>88301</v>
      </c>
      <c r="I24661" s="1" t="s">
        <v>86055</v>
      </c>
      <c r="J24661" s="1" t="s">
        <v>88329</v>
      </c>
    </row>
    <row r="24662" spans="1:10" x14ac:dyDescent="0.35">
      <c r="A24662" s="1" t="s">
        <v>1497</v>
      </c>
      <c r="B24662" s="1" t="s">
        <v>86049</v>
      </c>
      <c r="C24662" s="1" t="s">
        <v>55</v>
      </c>
      <c r="D24662" s="1" t="s">
        <v>88330</v>
      </c>
      <c r="E24662" s="1" t="s">
        <v>88331</v>
      </c>
      <c r="F24662" s="1" t="s">
        <v>88332</v>
      </c>
      <c r="G24662" s="1" t="s">
        <v>88300</v>
      </c>
      <c r="H24662" s="1" t="s">
        <v>88301</v>
      </c>
      <c r="I24662" s="1" t="s">
        <v>86055</v>
      </c>
      <c r="J24662" s="1" t="s">
        <v>88333</v>
      </c>
    </row>
    <row r="24663" spans="1:10" x14ac:dyDescent="0.35">
      <c r="A24663" s="1" t="s">
        <v>1497</v>
      </c>
      <c r="B24663" s="1" t="s">
        <v>86049</v>
      </c>
      <c r="C24663" s="1" t="s">
        <v>60</v>
      </c>
      <c r="D24663" s="1" t="s">
        <v>88334</v>
      </c>
      <c r="E24663" s="1" t="s">
        <v>88335</v>
      </c>
      <c r="F24663" s="1" t="s">
        <v>88336</v>
      </c>
      <c r="G24663" s="1" t="s">
        <v>88300</v>
      </c>
      <c r="H24663" s="1" t="s">
        <v>88301</v>
      </c>
      <c r="I24663" s="1" t="s">
        <v>86055</v>
      </c>
      <c r="J24663" s="1" t="s">
        <v>88337</v>
      </c>
    </row>
    <row r="24664" spans="1:10" x14ac:dyDescent="0.35">
      <c r="A24664" s="1" t="s">
        <v>1497</v>
      </c>
      <c r="B24664" s="1" t="s">
        <v>86049</v>
      </c>
      <c r="C24664" s="1" t="s">
        <v>65</v>
      </c>
      <c r="D24664" s="1" t="s">
        <v>56733</v>
      </c>
      <c r="E24664" s="1" t="s">
        <v>88338</v>
      </c>
      <c r="F24664" s="1" t="s">
        <v>88339</v>
      </c>
      <c r="G24664" s="1" t="s">
        <v>88300</v>
      </c>
      <c r="H24664" s="1" t="s">
        <v>88301</v>
      </c>
      <c r="I24664" s="1" t="s">
        <v>86055</v>
      </c>
      <c r="J24664" s="1" t="s">
        <v>88340</v>
      </c>
    </row>
    <row r="24665" spans="1:10" x14ac:dyDescent="0.35">
      <c r="A24665" s="1" t="s">
        <v>1497</v>
      </c>
      <c r="B24665" s="1" t="s">
        <v>86049</v>
      </c>
      <c r="C24665" s="1" t="s">
        <v>70</v>
      </c>
      <c r="D24665" s="1" t="s">
        <v>88341</v>
      </c>
      <c r="E24665" s="1" t="s">
        <v>88342</v>
      </c>
      <c r="F24665" s="1" t="s">
        <v>88343</v>
      </c>
      <c r="G24665" s="1" t="s">
        <v>88300</v>
      </c>
      <c r="H24665" s="1" t="s">
        <v>88301</v>
      </c>
      <c r="I24665" s="1" t="s">
        <v>86055</v>
      </c>
      <c r="J24665" s="1" t="s">
        <v>88344</v>
      </c>
    </row>
    <row r="24666" spans="1:10" x14ac:dyDescent="0.35">
      <c r="A24666" s="1" t="s">
        <v>1497</v>
      </c>
      <c r="B24666" s="1" t="s">
        <v>86049</v>
      </c>
      <c r="C24666" s="1" t="s">
        <v>75</v>
      </c>
      <c r="D24666" s="1" t="s">
        <v>57661</v>
      </c>
      <c r="E24666" s="1" t="s">
        <v>88345</v>
      </c>
      <c r="F24666" s="1" t="s">
        <v>88346</v>
      </c>
      <c r="G24666" s="1" t="s">
        <v>88300</v>
      </c>
      <c r="H24666" s="1" t="s">
        <v>88301</v>
      </c>
      <c r="I24666" s="1" t="s">
        <v>86055</v>
      </c>
      <c r="J24666" s="1" t="s">
        <v>88347</v>
      </c>
    </row>
    <row r="24667" spans="1:10" x14ac:dyDescent="0.35">
      <c r="A24667" s="1" t="s">
        <v>1497</v>
      </c>
      <c r="B24667" s="1" t="s">
        <v>86049</v>
      </c>
      <c r="C24667" s="1" t="s">
        <v>80</v>
      </c>
      <c r="D24667" s="1" t="s">
        <v>76615</v>
      </c>
      <c r="E24667" s="1" t="s">
        <v>88348</v>
      </c>
      <c r="F24667" s="1" t="s">
        <v>88349</v>
      </c>
      <c r="G24667" s="1" t="s">
        <v>88300</v>
      </c>
      <c r="H24667" s="1" t="s">
        <v>88301</v>
      </c>
      <c r="I24667" s="1" t="s">
        <v>86055</v>
      </c>
      <c r="J24667" s="1" t="s">
        <v>88350</v>
      </c>
    </row>
    <row r="24668" spans="1:10" x14ac:dyDescent="0.35">
      <c r="A24668" s="1" t="s">
        <v>1497</v>
      </c>
      <c r="B24668" s="1" t="s">
        <v>86049</v>
      </c>
      <c r="C24668" s="1" t="s">
        <v>85</v>
      </c>
      <c r="D24668" s="1" t="s">
        <v>65422</v>
      </c>
      <c r="E24668" s="1" t="s">
        <v>88351</v>
      </c>
      <c r="F24668" s="1" t="s">
        <v>88352</v>
      </c>
      <c r="G24668" s="1" t="s">
        <v>88300</v>
      </c>
      <c r="H24668" s="1" t="s">
        <v>88301</v>
      </c>
      <c r="I24668" s="1" t="s">
        <v>86055</v>
      </c>
      <c r="J24668" s="1" t="s">
        <v>88353</v>
      </c>
    </row>
    <row r="24669" spans="1:10" x14ac:dyDescent="0.35">
      <c r="A24669" s="1" t="s">
        <v>1497</v>
      </c>
      <c r="B24669" s="1" t="s">
        <v>86049</v>
      </c>
      <c r="C24669" s="1" t="s">
        <v>90</v>
      </c>
      <c r="D24669" s="1" t="s">
        <v>22583</v>
      </c>
      <c r="E24669" s="1" t="s">
        <v>88354</v>
      </c>
      <c r="F24669" s="1" t="s">
        <v>88355</v>
      </c>
      <c r="G24669" s="1" t="s">
        <v>88300</v>
      </c>
      <c r="H24669" s="1" t="s">
        <v>88301</v>
      </c>
      <c r="I24669" s="1" t="s">
        <v>86055</v>
      </c>
      <c r="J24669" s="1" t="s">
        <v>88356</v>
      </c>
    </row>
    <row r="24670" spans="1:10" x14ac:dyDescent="0.35">
      <c r="A24670" s="1" t="s">
        <v>1497</v>
      </c>
      <c r="B24670" s="1" t="s">
        <v>86049</v>
      </c>
      <c r="C24670" s="1" t="s">
        <v>95</v>
      </c>
      <c r="D24670" s="1" t="s">
        <v>58861</v>
      </c>
      <c r="E24670" s="1" t="s">
        <v>88357</v>
      </c>
      <c r="F24670" s="1" t="s">
        <v>88358</v>
      </c>
      <c r="G24670" s="1" t="s">
        <v>88300</v>
      </c>
      <c r="H24670" s="1" t="s">
        <v>88301</v>
      </c>
      <c r="I24670" s="1" t="s">
        <v>86055</v>
      </c>
      <c r="J24670" s="1" t="s">
        <v>88359</v>
      </c>
    </row>
    <row r="24671" spans="1:10" x14ac:dyDescent="0.35">
      <c r="A24671" s="1" t="s">
        <v>1497</v>
      </c>
      <c r="B24671" s="1" t="s">
        <v>86049</v>
      </c>
      <c r="C24671" s="1" t="s">
        <v>100</v>
      </c>
      <c r="D24671" s="1" t="s">
        <v>14461</v>
      </c>
      <c r="E24671" s="1" t="s">
        <v>88360</v>
      </c>
      <c r="F24671" s="1" t="s">
        <v>88361</v>
      </c>
      <c r="G24671" s="1" t="s">
        <v>88300</v>
      </c>
      <c r="H24671" s="1" t="s">
        <v>88301</v>
      </c>
      <c r="I24671" s="1" t="s">
        <v>86055</v>
      </c>
      <c r="J24671" s="1" t="s">
        <v>88362</v>
      </c>
    </row>
    <row r="24672" spans="1:10" x14ac:dyDescent="0.35">
      <c r="A24672" s="1" t="s">
        <v>1497</v>
      </c>
      <c r="B24672" s="1" t="s">
        <v>86049</v>
      </c>
      <c r="C24672" s="1" t="s">
        <v>105</v>
      </c>
      <c r="D24672" s="1" t="s">
        <v>14693</v>
      </c>
      <c r="E24672" s="1" t="s">
        <v>88363</v>
      </c>
      <c r="F24672" s="1" t="s">
        <v>88364</v>
      </c>
      <c r="G24672" s="1" t="s">
        <v>88300</v>
      </c>
      <c r="H24672" s="1" t="s">
        <v>88301</v>
      </c>
      <c r="I24672" s="1" t="s">
        <v>86055</v>
      </c>
      <c r="J24672" s="1" t="s">
        <v>88365</v>
      </c>
    </row>
    <row r="24673" spans="1:10" x14ac:dyDescent="0.35">
      <c r="A24673" s="1" t="s">
        <v>1497</v>
      </c>
      <c r="B24673" s="1" t="s">
        <v>86049</v>
      </c>
      <c r="C24673" s="1" t="s">
        <v>110</v>
      </c>
      <c r="D24673" s="1" t="s">
        <v>66795</v>
      </c>
      <c r="E24673" s="1" t="s">
        <v>88366</v>
      </c>
      <c r="F24673" s="1" t="s">
        <v>88367</v>
      </c>
      <c r="G24673" s="1" t="s">
        <v>88300</v>
      </c>
      <c r="H24673" s="1" t="s">
        <v>88301</v>
      </c>
      <c r="I24673" s="1" t="s">
        <v>86055</v>
      </c>
      <c r="J24673" s="1" t="s">
        <v>88368</v>
      </c>
    </row>
    <row r="24674" spans="1:10" x14ac:dyDescent="0.35">
      <c r="A24674" s="1" t="s">
        <v>1497</v>
      </c>
      <c r="B24674" s="1" t="s">
        <v>86049</v>
      </c>
      <c r="C24674" s="1" t="s">
        <v>115</v>
      </c>
      <c r="D24674" s="1" t="s">
        <v>88369</v>
      </c>
      <c r="E24674" s="1" t="s">
        <v>88370</v>
      </c>
      <c r="F24674" s="1" t="s">
        <v>88371</v>
      </c>
      <c r="G24674" s="1" t="s">
        <v>88300</v>
      </c>
      <c r="H24674" s="1" t="s">
        <v>88301</v>
      </c>
      <c r="I24674" s="1" t="s">
        <v>86055</v>
      </c>
      <c r="J24674" s="1" t="s">
        <v>88372</v>
      </c>
    </row>
    <row r="24675" spans="1:10" x14ac:dyDescent="0.35">
      <c r="A24675" s="1" t="s">
        <v>1497</v>
      </c>
      <c r="B24675" s="1" t="s">
        <v>86049</v>
      </c>
      <c r="C24675" s="1" t="s">
        <v>120</v>
      </c>
      <c r="D24675" s="1" t="s">
        <v>88373</v>
      </c>
      <c r="E24675" s="1" t="s">
        <v>88374</v>
      </c>
      <c r="F24675" s="1" t="s">
        <v>88375</v>
      </c>
      <c r="G24675" s="1" t="s">
        <v>88300</v>
      </c>
      <c r="H24675" s="1" t="s">
        <v>88301</v>
      </c>
      <c r="I24675" s="1" t="s">
        <v>86055</v>
      </c>
      <c r="J24675" s="1" t="s">
        <v>88376</v>
      </c>
    </row>
    <row r="24676" spans="1:10" x14ac:dyDescent="0.35">
      <c r="A24676" s="1" t="s">
        <v>1497</v>
      </c>
      <c r="B24676" s="1" t="s">
        <v>86049</v>
      </c>
      <c r="C24676" s="1" t="s">
        <v>125</v>
      </c>
      <c r="D24676" s="1" t="s">
        <v>24509</v>
      </c>
      <c r="E24676" s="1" t="s">
        <v>88377</v>
      </c>
      <c r="F24676" s="1" t="s">
        <v>88378</v>
      </c>
      <c r="G24676" s="1" t="s">
        <v>88300</v>
      </c>
      <c r="H24676" s="1" t="s">
        <v>88301</v>
      </c>
      <c r="I24676" s="1" t="s">
        <v>86055</v>
      </c>
      <c r="J24676" s="1" t="s">
        <v>88379</v>
      </c>
    </row>
    <row r="24677" spans="1:10" x14ac:dyDescent="0.35">
      <c r="A24677" s="1" t="s">
        <v>1497</v>
      </c>
      <c r="B24677" s="1" t="s">
        <v>86049</v>
      </c>
      <c r="C24677" s="1" t="s">
        <v>130</v>
      </c>
      <c r="D24677" s="1" t="s">
        <v>58529</v>
      </c>
      <c r="E24677" s="1" t="s">
        <v>88380</v>
      </c>
      <c r="F24677" s="1" t="s">
        <v>88381</v>
      </c>
      <c r="G24677" s="1" t="s">
        <v>88300</v>
      </c>
      <c r="H24677" s="1" t="s">
        <v>88301</v>
      </c>
      <c r="I24677" s="1" t="s">
        <v>86055</v>
      </c>
      <c r="J24677" s="1" t="s">
        <v>88382</v>
      </c>
    </row>
    <row r="24678" spans="1:10" x14ac:dyDescent="0.35">
      <c r="A24678" s="1" t="s">
        <v>1497</v>
      </c>
      <c r="B24678" s="1" t="s">
        <v>86049</v>
      </c>
      <c r="C24678" s="1" t="s">
        <v>135</v>
      </c>
      <c r="D24678" s="1" t="s">
        <v>88383</v>
      </c>
      <c r="E24678" s="1" t="s">
        <v>88384</v>
      </c>
      <c r="F24678" s="1" t="s">
        <v>88385</v>
      </c>
      <c r="G24678" s="1" t="s">
        <v>88300</v>
      </c>
      <c r="H24678" s="1" t="s">
        <v>88301</v>
      </c>
      <c r="I24678" s="1" t="s">
        <v>86055</v>
      </c>
      <c r="J24678" s="1" t="s">
        <v>88386</v>
      </c>
    </row>
    <row r="24679" spans="1:10" x14ac:dyDescent="0.35">
      <c r="A24679" s="1" t="s">
        <v>1497</v>
      </c>
      <c r="B24679" s="1" t="s">
        <v>86049</v>
      </c>
      <c r="C24679" s="1" t="s">
        <v>140</v>
      </c>
      <c r="D24679" s="1" t="s">
        <v>32362</v>
      </c>
      <c r="E24679" s="1" t="s">
        <v>88387</v>
      </c>
      <c r="F24679" s="1" t="s">
        <v>88388</v>
      </c>
      <c r="G24679" s="1" t="s">
        <v>88300</v>
      </c>
      <c r="H24679" s="1" t="s">
        <v>88301</v>
      </c>
      <c r="I24679" s="1" t="s">
        <v>86055</v>
      </c>
      <c r="J24679" s="1" t="s">
        <v>88389</v>
      </c>
    </row>
    <row r="24680" spans="1:10" x14ac:dyDescent="0.35">
      <c r="A24680" s="1" t="s">
        <v>1497</v>
      </c>
      <c r="B24680" s="1" t="s">
        <v>86049</v>
      </c>
      <c r="C24680" s="1" t="s">
        <v>145</v>
      </c>
      <c r="D24680" s="1" t="s">
        <v>88390</v>
      </c>
      <c r="E24680" s="1" t="s">
        <v>88391</v>
      </c>
      <c r="F24680" s="1" t="s">
        <v>88392</v>
      </c>
      <c r="G24680" s="1" t="s">
        <v>88300</v>
      </c>
      <c r="H24680" s="1" t="s">
        <v>88301</v>
      </c>
      <c r="I24680" s="1" t="s">
        <v>86055</v>
      </c>
      <c r="J24680" s="1" t="s">
        <v>88393</v>
      </c>
    </row>
    <row r="24681" spans="1:10" x14ac:dyDescent="0.35">
      <c r="A24681" s="1" t="s">
        <v>1497</v>
      </c>
      <c r="B24681" s="1" t="s">
        <v>86049</v>
      </c>
      <c r="C24681" s="1" t="s">
        <v>150</v>
      </c>
      <c r="D24681" s="1" t="s">
        <v>70620</v>
      </c>
      <c r="E24681" s="1" t="s">
        <v>88394</v>
      </c>
      <c r="F24681" s="1" t="s">
        <v>88395</v>
      </c>
      <c r="G24681" s="1" t="s">
        <v>88300</v>
      </c>
      <c r="H24681" s="1" t="s">
        <v>88301</v>
      </c>
      <c r="I24681" s="1" t="s">
        <v>86055</v>
      </c>
      <c r="J24681" s="1" t="s">
        <v>88396</v>
      </c>
    </row>
    <row r="24682" spans="1:10" x14ac:dyDescent="0.35">
      <c r="A24682" s="1" t="s">
        <v>1497</v>
      </c>
      <c r="B24682" s="1" t="s">
        <v>86049</v>
      </c>
      <c r="C24682" s="1" t="s">
        <v>155</v>
      </c>
      <c r="D24682" s="1" t="s">
        <v>88397</v>
      </c>
      <c r="E24682" s="1" t="s">
        <v>88398</v>
      </c>
      <c r="F24682" s="1" t="s">
        <v>88399</v>
      </c>
      <c r="G24682" s="1" t="s">
        <v>88300</v>
      </c>
      <c r="H24682" s="1" t="s">
        <v>88301</v>
      </c>
      <c r="I24682" s="1" t="s">
        <v>86055</v>
      </c>
      <c r="J24682" s="1" t="s">
        <v>88400</v>
      </c>
    </row>
    <row r="24683" spans="1:10" x14ac:dyDescent="0.35">
      <c r="A24683" s="1" t="s">
        <v>1497</v>
      </c>
      <c r="B24683" s="1" t="s">
        <v>86049</v>
      </c>
      <c r="C24683" s="1" t="s">
        <v>160</v>
      </c>
      <c r="D24683" s="1" t="s">
        <v>88401</v>
      </c>
      <c r="E24683" s="1" t="s">
        <v>88402</v>
      </c>
      <c r="F24683" s="1" t="s">
        <v>88403</v>
      </c>
      <c r="G24683" s="1" t="s">
        <v>88300</v>
      </c>
      <c r="H24683" s="1" t="s">
        <v>88301</v>
      </c>
      <c r="I24683" s="1" t="s">
        <v>86055</v>
      </c>
      <c r="J24683" s="1" t="s">
        <v>88404</v>
      </c>
    </row>
    <row r="24684" spans="1:10" x14ac:dyDescent="0.35">
      <c r="A24684" s="1" t="s">
        <v>1497</v>
      </c>
      <c r="B24684" s="1" t="s">
        <v>86049</v>
      </c>
      <c r="C24684" s="1" t="s">
        <v>165</v>
      </c>
      <c r="D24684" s="1" t="s">
        <v>88405</v>
      </c>
      <c r="E24684" s="1" t="s">
        <v>88406</v>
      </c>
      <c r="F24684" s="1" t="s">
        <v>88407</v>
      </c>
      <c r="G24684" s="1" t="s">
        <v>88300</v>
      </c>
      <c r="H24684" s="1" t="s">
        <v>88301</v>
      </c>
      <c r="I24684" s="1" t="s">
        <v>86055</v>
      </c>
      <c r="J24684" s="1" t="s">
        <v>88408</v>
      </c>
    </row>
    <row r="24685" spans="1:10" x14ac:dyDescent="0.35">
      <c r="A24685" s="1" t="s">
        <v>1497</v>
      </c>
      <c r="B24685" s="1" t="s">
        <v>86049</v>
      </c>
      <c r="C24685" s="1" t="s">
        <v>170</v>
      </c>
      <c r="D24685" s="1" t="s">
        <v>20524</v>
      </c>
      <c r="E24685" s="1" t="s">
        <v>88409</v>
      </c>
      <c r="F24685" s="1" t="s">
        <v>88410</v>
      </c>
      <c r="G24685" s="1" t="s">
        <v>88300</v>
      </c>
      <c r="H24685" s="1" t="s">
        <v>88301</v>
      </c>
      <c r="I24685" s="1" t="s">
        <v>86055</v>
      </c>
      <c r="J24685" s="1" t="s">
        <v>88411</v>
      </c>
    </row>
    <row r="24686" spans="1:10" x14ac:dyDescent="0.35">
      <c r="A24686" s="1" t="s">
        <v>88412</v>
      </c>
      <c r="B24686" s="1" t="s">
        <v>86049</v>
      </c>
      <c r="C24686" s="1" t="s">
        <v>8</v>
      </c>
      <c r="D24686" s="1" t="s">
        <v>78662</v>
      </c>
      <c r="E24686" s="1" t="s">
        <v>88413</v>
      </c>
      <c r="F24686" s="1" t="s">
        <v>88414</v>
      </c>
      <c r="G24686" s="1" t="s">
        <v>88415</v>
      </c>
      <c r="H24686" s="1" t="s">
        <v>88416</v>
      </c>
      <c r="I24686" s="1" t="s">
        <v>86055</v>
      </c>
      <c r="J24686" s="1" t="s">
        <v>13</v>
      </c>
    </row>
    <row r="24687" spans="1:10" x14ac:dyDescent="0.35">
      <c r="A24687" s="1" t="s">
        <v>88412</v>
      </c>
      <c r="B24687" s="1" t="s">
        <v>86049</v>
      </c>
      <c r="C24687" s="1" t="s">
        <v>15</v>
      </c>
      <c r="D24687" s="1" t="s">
        <v>88417</v>
      </c>
      <c r="E24687" s="1" t="s">
        <v>88418</v>
      </c>
      <c r="F24687" s="1" t="s">
        <v>88419</v>
      </c>
      <c r="G24687" s="1" t="s">
        <v>88415</v>
      </c>
      <c r="H24687" s="1" t="s">
        <v>88416</v>
      </c>
      <c r="I24687" s="1" t="s">
        <v>86055</v>
      </c>
      <c r="J24687" s="1" t="s">
        <v>88420</v>
      </c>
    </row>
    <row r="24688" spans="1:10" x14ac:dyDescent="0.35">
      <c r="A24688" s="1" t="s">
        <v>88412</v>
      </c>
      <c r="B24688" s="1" t="s">
        <v>86049</v>
      </c>
      <c r="C24688" s="1" t="s">
        <v>20</v>
      </c>
      <c r="D24688" s="1" t="s">
        <v>88421</v>
      </c>
      <c r="E24688" s="1" t="s">
        <v>88422</v>
      </c>
      <c r="F24688" s="1" t="s">
        <v>88423</v>
      </c>
      <c r="G24688" s="1" t="s">
        <v>88415</v>
      </c>
      <c r="H24688" s="1" t="s">
        <v>88416</v>
      </c>
      <c r="I24688" s="1" t="s">
        <v>86055</v>
      </c>
      <c r="J24688" s="1" t="s">
        <v>88424</v>
      </c>
    </row>
    <row r="24689" spans="1:10" x14ac:dyDescent="0.35">
      <c r="A24689" s="1" t="s">
        <v>88412</v>
      </c>
      <c r="B24689" s="1" t="s">
        <v>86049</v>
      </c>
      <c r="C24689" s="1" t="s">
        <v>25</v>
      </c>
      <c r="D24689" s="1" t="s">
        <v>88425</v>
      </c>
      <c r="E24689" s="1" t="s">
        <v>88426</v>
      </c>
      <c r="F24689" s="1" t="s">
        <v>88427</v>
      </c>
      <c r="G24689" s="1" t="s">
        <v>88415</v>
      </c>
      <c r="H24689" s="1" t="s">
        <v>88416</v>
      </c>
      <c r="I24689" s="1" t="s">
        <v>86055</v>
      </c>
      <c r="J24689" s="1" t="s">
        <v>88428</v>
      </c>
    </row>
    <row r="24690" spans="1:10" x14ac:dyDescent="0.35">
      <c r="A24690" s="1" t="s">
        <v>88412</v>
      </c>
      <c r="B24690" s="1" t="s">
        <v>86049</v>
      </c>
      <c r="C24690" s="1" t="s">
        <v>30</v>
      </c>
      <c r="D24690" s="1" t="s">
        <v>57419</v>
      </c>
      <c r="E24690" s="1" t="s">
        <v>88429</v>
      </c>
      <c r="F24690" s="1" t="s">
        <v>88430</v>
      </c>
      <c r="G24690" s="1" t="s">
        <v>88415</v>
      </c>
      <c r="H24690" s="1" t="s">
        <v>88416</v>
      </c>
      <c r="I24690" s="1" t="s">
        <v>86055</v>
      </c>
      <c r="J24690" s="1" t="s">
        <v>88431</v>
      </c>
    </row>
    <row r="24691" spans="1:10" x14ac:dyDescent="0.35">
      <c r="A24691" s="1" t="s">
        <v>88412</v>
      </c>
      <c r="B24691" s="1" t="s">
        <v>86049</v>
      </c>
      <c r="C24691" s="1" t="s">
        <v>35</v>
      </c>
      <c r="D24691" s="1" t="s">
        <v>88432</v>
      </c>
      <c r="E24691" s="1" t="s">
        <v>88433</v>
      </c>
      <c r="F24691" s="1" t="s">
        <v>88434</v>
      </c>
      <c r="G24691" s="1" t="s">
        <v>88415</v>
      </c>
      <c r="H24691" s="1" t="s">
        <v>88416</v>
      </c>
      <c r="I24691" s="1" t="s">
        <v>86055</v>
      </c>
      <c r="J24691" s="1" t="s">
        <v>88435</v>
      </c>
    </row>
    <row r="24692" spans="1:10" x14ac:dyDescent="0.35">
      <c r="A24692" s="1" t="s">
        <v>88412</v>
      </c>
      <c r="B24692" s="1" t="s">
        <v>86049</v>
      </c>
      <c r="C24692" s="1" t="s">
        <v>40</v>
      </c>
      <c r="D24692" s="1" t="s">
        <v>58710</v>
      </c>
      <c r="E24692" s="1" t="s">
        <v>88436</v>
      </c>
      <c r="F24692" s="1" t="s">
        <v>88437</v>
      </c>
      <c r="G24692" s="1" t="s">
        <v>88415</v>
      </c>
      <c r="H24692" s="1" t="s">
        <v>88416</v>
      </c>
      <c r="I24692" s="1" t="s">
        <v>86055</v>
      </c>
      <c r="J24692" s="1" t="s">
        <v>88438</v>
      </c>
    </row>
    <row r="24693" spans="1:10" x14ac:dyDescent="0.35">
      <c r="A24693" s="1" t="s">
        <v>88412</v>
      </c>
      <c r="B24693" s="1" t="s">
        <v>86049</v>
      </c>
      <c r="C24693" s="1" t="s">
        <v>45</v>
      </c>
      <c r="D24693" s="1" t="s">
        <v>88439</v>
      </c>
      <c r="E24693" s="1" t="s">
        <v>88440</v>
      </c>
      <c r="F24693" s="1" t="s">
        <v>88441</v>
      </c>
      <c r="G24693" s="1" t="s">
        <v>88415</v>
      </c>
      <c r="H24693" s="1" t="s">
        <v>88416</v>
      </c>
      <c r="I24693" s="1" t="s">
        <v>86055</v>
      </c>
      <c r="J24693" s="1" t="s">
        <v>88442</v>
      </c>
    </row>
    <row r="24694" spans="1:10" x14ac:dyDescent="0.35">
      <c r="A24694" s="1" t="s">
        <v>88412</v>
      </c>
      <c r="B24694" s="1" t="s">
        <v>86049</v>
      </c>
      <c r="C24694" s="1" t="s">
        <v>50</v>
      </c>
      <c r="D24694" s="1" t="s">
        <v>78448</v>
      </c>
      <c r="E24694" s="1" t="s">
        <v>88443</v>
      </c>
      <c r="F24694" s="1" t="s">
        <v>88444</v>
      </c>
      <c r="G24694" s="1" t="s">
        <v>88415</v>
      </c>
      <c r="H24694" s="1" t="s">
        <v>88416</v>
      </c>
      <c r="I24694" s="1" t="s">
        <v>86055</v>
      </c>
      <c r="J24694" s="1" t="s">
        <v>87757</v>
      </c>
    </row>
    <row r="24695" spans="1:10" x14ac:dyDescent="0.35">
      <c r="A24695" s="1" t="s">
        <v>88412</v>
      </c>
      <c r="B24695" s="1" t="s">
        <v>86049</v>
      </c>
      <c r="C24695" s="1" t="s">
        <v>55</v>
      </c>
      <c r="D24695" s="1" t="s">
        <v>23424</v>
      </c>
      <c r="E24695" s="1" t="s">
        <v>88445</v>
      </c>
      <c r="F24695" s="1" t="s">
        <v>88446</v>
      </c>
      <c r="G24695" s="1" t="s">
        <v>88415</v>
      </c>
      <c r="H24695" s="1" t="s">
        <v>88416</v>
      </c>
      <c r="I24695" s="1" t="s">
        <v>86055</v>
      </c>
      <c r="J24695" s="1" t="s">
        <v>88447</v>
      </c>
    </row>
    <row r="24696" spans="1:10" x14ac:dyDescent="0.35">
      <c r="A24696" s="1" t="s">
        <v>88412</v>
      </c>
      <c r="B24696" s="1" t="s">
        <v>86049</v>
      </c>
      <c r="C24696" s="1" t="s">
        <v>60</v>
      </c>
      <c r="D24696" s="1" t="s">
        <v>62435</v>
      </c>
      <c r="E24696" s="1" t="s">
        <v>88448</v>
      </c>
      <c r="F24696" s="1" t="s">
        <v>88449</v>
      </c>
      <c r="G24696" s="1" t="s">
        <v>88415</v>
      </c>
      <c r="H24696" s="1" t="s">
        <v>88416</v>
      </c>
      <c r="I24696" s="1" t="s">
        <v>86055</v>
      </c>
      <c r="J24696" s="1" t="s">
        <v>88450</v>
      </c>
    </row>
    <row r="24697" spans="1:10" x14ac:dyDescent="0.35">
      <c r="A24697" s="1" t="s">
        <v>88412</v>
      </c>
      <c r="B24697" s="1" t="s">
        <v>86049</v>
      </c>
      <c r="C24697" s="1" t="s">
        <v>65</v>
      </c>
      <c r="D24697" s="1" t="s">
        <v>88451</v>
      </c>
      <c r="E24697" s="1" t="s">
        <v>88452</v>
      </c>
      <c r="F24697" s="1" t="s">
        <v>88453</v>
      </c>
      <c r="G24697" s="1" t="s">
        <v>88415</v>
      </c>
      <c r="H24697" s="1" t="s">
        <v>88416</v>
      </c>
      <c r="I24697" s="1" t="s">
        <v>86055</v>
      </c>
      <c r="J24697" s="1" t="s">
        <v>88454</v>
      </c>
    </row>
    <row r="24698" spans="1:10" x14ac:dyDescent="0.35">
      <c r="A24698" s="1" t="s">
        <v>88412</v>
      </c>
      <c r="B24698" s="1" t="s">
        <v>86049</v>
      </c>
      <c r="C24698" s="1" t="s">
        <v>70</v>
      </c>
      <c r="D24698" s="1" t="s">
        <v>88455</v>
      </c>
      <c r="E24698" s="1" t="s">
        <v>88456</v>
      </c>
      <c r="F24698" s="1" t="s">
        <v>88457</v>
      </c>
      <c r="G24698" s="1" t="s">
        <v>88415</v>
      </c>
      <c r="H24698" s="1" t="s">
        <v>88416</v>
      </c>
      <c r="I24698" s="1" t="s">
        <v>86055</v>
      </c>
      <c r="J24698" s="1" t="s">
        <v>88458</v>
      </c>
    </row>
    <row r="24699" spans="1:10" x14ac:dyDescent="0.35">
      <c r="A24699" s="1" t="s">
        <v>88412</v>
      </c>
      <c r="B24699" s="1" t="s">
        <v>86049</v>
      </c>
      <c r="C24699" s="1" t="s">
        <v>75</v>
      </c>
      <c r="D24699" s="1" t="s">
        <v>88459</v>
      </c>
      <c r="E24699" s="1" t="s">
        <v>88460</v>
      </c>
      <c r="F24699" s="1" t="s">
        <v>88461</v>
      </c>
      <c r="G24699" s="1" t="s">
        <v>88415</v>
      </c>
      <c r="H24699" s="1" t="s">
        <v>88416</v>
      </c>
      <c r="I24699" s="1" t="s">
        <v>86055</v>
      </c>
      <c r="J24699" s="1" t="s">
        <v>88462</v>
      </c>
    </row>
    <row r="24700" spans="1:10" x14ac:dyDescent="0.35">
      <c r="A24700" s="1" t="s">
        <v>88412</v>
      </c>
      <c r="B24700" s="1" t="s">
        <v>86049</v>
      </c>
      <c r="C24700" s="1" t="s">
        <v>80</v>
      </c>
      <c r="D24700" s="1" t="s">
        <v>88463</v>
      </c>
      <c r="E24700" s="1" t="s">
        <v>88464</v>
      </c>
      <c r="F24700" s="1" t="s">
        <v>88465</v>
      </c>
      <c r="G24700" s="1" t="s">
        <v>88415</v>
      </c>
      <c r="H24700" s="1" t="s">
        <v>88416</v>
      </c>
      <c r="I24700" s="1" t="s">
        <v>86055</v>
      </c>
      <c r="J24700" s="1" t="s">
        <v>88466</v>
      </c>
    </row>
    <row r="24701" spans="1:10" x14ac:dyDescent="0.35">
      <c r="A24701" s="1" t="s">
        <v>88412</v>
      </c>
      <c r="B24701" s="1" t="s">
        <v>86049</v>
      </c>
      <c r="C24701" s="1" t="s">
        <v>85</v>
      </c>
      <c r="D24701" s="1" t="s">
        <v>88467</v>
      </c>
      <c r="E24701" s="1" t="s">
        <v>88468</v>
      </c>
      <c r="F24701" s="1" t="s">
        <v>88469</v>
      </c>
      <c r="G24701" s="1" t="s">
        <v>88415</v>
      </c>
      <c r="H24701" s="1" t="s">
        <v>88416</v>
      </c>
      <c r="I24701" s="1" t="s">
        <v>86055</v>
      </c>
      <c r="J24701" s="1" t="s">
        <v>88470</v>
      </c>
    </row>
    <row r="24702" spans="1:10" x14ac:dyDescent="0.35">
      <c r="A24702" s="1" t="s">
        <v>88412</v>
      </c>
      <c r="B24702" s="1" t="s">
        <v>86049</v>
      </c>
      <c r="C24702" s="1" t="s">
        <v>90</v>
      </c>
      <c r="D24702" s="1" t="s">
        <v>88471</v>
      </c>
      <c r="E24702" s="1" t="s">
        <v>88472</v>
      </c>
      <c r="F24702" s="1" t="s">
        <v>88473</v>
      </c>
      <c r="G24702" s="1" t="s">
        <v>88415</v>
      </c>
      <c r="H24702" s="1" t="s">
        <v>88416</v>
      </c>
      <c r="I24702" s="1" t="s">
        <v>86055</v>
      </c>
      <c r="J24702" s="1" t="s">
        <v>88474</v>
      </c>
    </row>
    <row r="24703" spans="1:10" x14ac:dyDescent="0.35">
      <c r="A24703" s="1" t="s">
        <v>88412</v>
      </c>
      <c r="B24703" s="1" t="s">
        <v>86049</v>
      </c>
      <c r="C24703" s="1" t="s">
        <v>95</v>
      </c>
      <c r="D24703" s="1" t="s">
        <v>53479</v>
      </c>
      <c r="E24703" s="1" t="s">
        <v>88475</v>
      </c>
      <c r="F24703" s="1" t="s">
        <v>88476</v>
      </c>
      <c r="G24703" s="1" t="s">
        <v>88415</v>
      </c>
      <c r="H24703" s="1" t="s">
        <v>88416</v>
      </c>
      <c r="I24703" s="1" t="s">
        <v>86055</v>
      </c>
      <c r="J24703" s="1" t="s">
        <v>88477</v>
      </c>
    </row>
    <row r="24704" spans="1:10" x14ac:dyDescent="0.35">
      <c r="A24704" s="1" t="s">
        <v>88412</v>
      </c>
      <c r="B24704" s="1" t="s">
        <v>86049</v>
      </c>
      <c r="C24704" s="1" t="s">
        <v>100</v>
      </c>
      <c r="D24704" s="1" t="s">
        <v>88478</v>
      </c>
      <c r="E24704" s="1" t="s">
        <v>88479</v>
      </c>
      <c r="F24704" s="1" t="s">
        <v>88480</v>
      </c>
      <c r="G24704" s="1" t="s">
        <v>88415</v>
      </c>
      <c r="H24704" s="1" t="s">
        <v>88416</v>
      </c>
      <c r="I24704" s="1" t="s">
        <v>86055</v>
      </c>
      <c r="J24704" s="1" t="s">
        <v>88481</v>
      </c>
    </row>
    <row r="24705" spans="1:10" x14ac:dyDescent="0.35">
      <c r="A24705" s="1" t="s">
        <v>88412</v>
      </c>
      <c r="B24705" s="1" t="s">
        <v>86049</v>
      </c>
      <c r="C24705" s="1" t="s">
        <v>105</v>
      </c>
      <c r="D24705" s="1" t="s">
        <v>88482</v>
      </c>
      <c r="E24705" s="1" t="s">
        <v>88483</v>
      </c>
      <c r="F24705" s="1" t="s">
        <v>88484</v>
      </c>
      <c r="G24705" s="1" t="s">
        <v>88415</v>
      </c>
      <c r="H24705" s="1" t="s">
        <v>88416</v>
      </c>
      <c r="I24705" s="1" t="s">
        <v>86055</v>
      </c>
      <c r="J24705" s="1" t="s">
        <v>88485</v>
      </c>
    </row>
    <row r="24706" spans="1:10" x14ac:dyDescent="0.35">
      <c r="A24706" s="1" t="s">
        <v>88412</v>
      </c>
      <c r="B24706" s="1" t="s">
        <v>86049</v>
      </c>
      <c r="C24706" s="1" t="s">
        <v>110</v>
      </c>
      <c r="D24706" s="1" t="s">
        <v>88486</v>
      </c>
      <c r="E24706" s="1" t="s">
        <v>88487</v>
      </c>
      <c r="F24706" s="1" t="s">
        <v>88488</v>
      </c>
      <c r="G24706" s="1" t="s">
        <v>88415</v>
      </c>
      <c r="H24706" s="1" t="s">
        <v>88416</v>
      </c>
      <c r="I24706" s="1" t="s">
        <v>86055</v>
      </c>
      <c r="J24706" s="1" t="s">
        <v>88489</v>
      </c>
    </row>
    <row r="24707" spans="1:10" x14ac:dyDescent="0.35">
      <c r="A24707" s="1" t="s">
        <v>88412</v>
      </c>
      <c r="B24707" s="1" t="s">
        <v>86049</v>
      </c>
      <c r="C24707" s="1" t="s">
        <v>115</v>
      </c>
      <c r="D24707" s="1" t="s">
        <v>88490</v>
      </c>
      <c r="E24707" s="1" t="s">
        <v>88491</v>
      </c>
      <c r="F24707" s="1" t="s">
        <v>88492</v>
      </c>
      <c r="G24707" s="1" t="s">
        <v>88415</v>
      </c>
      <c r="H24707" s="1" t="s">
        <v>88416</v>
      </c>
      <c r="I24707" s="1" t="s">
        <v>86055</v>
      </c>
      <c r="J24707" s="1" t="s">
        <v>88493</v>
      </c>
    </row>
    <row r="24708" spans="1:10" x14ac:dyDescent="0.35">
      <c r="A24708" s="1" t="s">
        <v>88412</v>
      </c>
      <c r="B24708" s="1" t="s">
        <v>86049</v>
      </c>
      <c r="C24708" s="1" t="s">
        <v>120</v>
      </c>
      <c r="D24708" s="1" t="s">
        <v>88494</v>
      </c>
      <c r="E24708" s="1" t="s">
        <v>88495</v>
      </c>
      <c r="F24708" s="1" t="s">
        <v>88496</v>
      </c>
      <c r="G24708" s="1" t="s">
        <v>88415</v>
      </c>
      <c r="H24708" s="1" t="s">
        <v>88416</v>
      </c>
      <c r="I24708" s="1" t="s">
        <v>86055</v>
      </c>
      <c r="J24708" s="1" t="s">
        <v>88497</v>
      </c>
    </row>
    <row r="24709" spans="1:10" x14ac:dyDescent="0.35">
      <c r="A24709" s="1" t="s">
        <v>88412</v>
      </c>
      <c r="B24709" s="1" t="s">
        <v>86049</v>
      </c>
      <c r="C24709" s="1" t="s">
        <v>125</v>
      </c>
      <c r="D24709" s="1" t="s">
        <v>88498</v>
      </c>
      <c r="E24709" s="1" t="s">
        <v>88499</v>
      </c>
      <c r="F24709" s="1" t="s">
        <v>88500</v>
      </c>
      <c r="G24709" s="1" t="s">
        <v>88415</v>
      </c>
      <c r="H24709" s="1" t="s">
        <v>88416</v>
      </c>
      <c r="I24709" s="1" t="s">
        <v>86055</v>
      </c>
      <c r="J24709" s="1" t="s">
        <v>88501</v>
      </c>
    </row>
    <row r="24710" spans="1:10" x14ac:dyDescent="0.35">
      <c r="A24710" s="1" t="s">
        <v>88412</v>
      </c>
      <c r="B24710" s="1" t="s">
        <v>86049</v>
      </c>
      <c r="C24710" s="1" t="s">
        <v>130</v>
      </c>
      <c r="D24710" s="1" t="s">
        <v>52528</v>
      </c>
      <c r="E24710" s="1" t="s">
        <v>88502</v>
      </c>
      <c r="F24710" s="1" t="s">
        <v>88503</v>
      </c>
      <c r="G24710" s="1" t="s">
        <v>88415</v>
      </c>
      <c r="H24710" s="1" t="s">
        <v>88416</v>
      </c>
      <c r="I24710" s="1" t="s">
        <v>86055</v>
      </c>
      <c r="J24710" s="1" t="s">
        <v>88504</v>
      </c>
    </row>
    <row r="24711" spans="1:10" x14ac:dyDescent="0.35">
      <c r="A24711" s="1" t="s">
        <v>88412</v>
      </c>
      <c r="B24711" s="1" t="s">
        <v>86049</v>
      </c>
      <c r="C24711" s="1" t="s">
        <v>135</v>
      </c>
      <c r="D24711" s="1" t="s">
        <v>84491</v>
      </c>
      <c r="E24711" s="1" t="s">
        <v>88505</v>
      </c>
      <c r="F24711" s="1" t="s">
        <v>88506</v>
      </c>
      <c r="G24711" s="1" t="s">
        <v>88415</v>
      </c>
      <c r="H24711" s="1" t="s">
        <v>88416</v>
      </c>
      <c r="I24711" s="1" t="s">
        <v>86055</v>
      </c>
      <c r="J24711" s="1" t="s">
        <v>88507</v>
      </c>
    </row>
    <row r="24712" spans="1:10" x14ac:dyDescent="0.35">
      <c r="A24712" s="1" t="s">
        <v>88412</v>
      </c>
      <c r="B24712" s="1" t="s">
        <v>86049</v>
      </c>
      <c r="C24712" s="1" t="s">
        <v>140</v>
      </c>
      <c r="D24712" s="1" t="s">
        <v>65370</v>
      </c>
      <c r="E24712" s="1" t="s">
        <v>88508</v>
      </c>
      <c r="F24712" s="1" t="s">
        <v>88509</v>
      </c>
      <c r="G24712" s="1" t="s">
        <v>88415</v>
      </c>
      <c r="H24712" s="1" t="s">
        <v>88416</v>
      </c>
      <c r="I24712" s="1" t="s">
        <v>86055</v>
      </c>
      <c r="J24712" s="1" t="s">
        <v>88510</v>
      </c>
    </row>
    <row r="24713" spans="1:10" x14ac:dyDescent="0.35">
      <c r="A24713" s="1" t="s">
        <v>88412</v>
      </c>
      <c r="B24713" s="1" t="s">
        <v>86049</v>
      </c>
      <c r="C24713" s="1" t="s">
        <v>145</v>
      </c>
      <c r="D24713" s="1" t="s">
        <v>88511</v>
      </c>
      <c r="E24713" s="1" t="s">
        <v>88512</v>
      </c>
      <c r="F24713" s="1" t="s">
        <v>88513</v>
      </c>
      <c r="G24713" s="1" t="s">
        <v>88415</v>
      </c>
      <c r="H24713" s="1" t="s">
        <v>88416</v>
      </c>
      <c r="I24713" s="1" t="s">
        <v>86055</v>
      </c>
      <c r="J24713" s="1" t="s">
        <v>88514</v>
      </c>
    </row>
    <row r="24714" spans="1:10" x14ac:dyDescent="0.35">
      <c r="A24714" s="1" t="s">
        <v>88412</v>
      </c>
      <c r="B24714" s="1" t="s">
        <v>86049</v>
      </c>
      <c r="C24714" s="1" t="s">
        <v>150</v>
      </c>
      <c r="D24714" s="1" t="s">
        <v>53119</v>
      </c>
      <c r="E24714" s="1" t="s">
        <v>88515</v>
      </c>
      <c r="F24714" s="1" t="s">
        <v>88516</v>
      </c>
      <c r="G24714" s="1" t="s">
        <v>88415</v>
      </c>
      <c r="H24714" s="1" t="s">
        <v>88416</v>
      </c>
      <c r="I24714" s="1" t="s">
        <v>86055</v>
      </c>
      <c r="J24714" s="1" t="s">
        <v>88517</v>
      </c>
    </row>
    <row r="24715" spans="1:10" x14ac:dyDescent="0.35">
      <c r="A24715" s="1" t="s">
        <v>88412</v>
      </c>
      <c r="B24715" s="1" t="s">
        <v>86049</v>
      </c>
      <c r="C24715" s="1" t="s">
        <v>155</v>
      </c>
      <c r="D24715" s="1" t="s">
        <v>88518</v>
      </c>
      <c r="E24715" s="1" t="s">
        <v>88519</v>
      </c>
      <c r="F24715" s="1" t="s">
        <v>88520</v>
      </c>
      <c r="G24715" s="1" t="s">
        <v>88415</v>
      </c>
      <c r="H24715" s="1" t="s">
        <v>88416</v>
      </c>
      <c r="I24715" s="1" t="s">
        <v>86055</v>
      </c>
      <c r="J24715" s="1" t="s">
        <v>88521</v>
      </c>
    </row>
    <row r="24716" spans="1:10" x14ac:dyDescent="0.35">
      <c r="A24716" s="1" t="s">
        <v>88412</v>
      </c>
      <c r="B24716" s="1" t="s">
        <v>86049</v>
      </c>
      <c r="C24716" s="1" t="s">
        <v>160</v>
      </c>
      <c r="D24716" s="1" t="s">
        <v>88522</v>
      </c>
      <c r="E24716" s="1" t="s">
        <v>88523</v>
      </c>
      <c r="F24716" s="1" t="s">
        <v>88524</v>
      </c>
      <c r="G24716" s="1" t="s">
        <v>88415</v>
      </c>
      <c r="H24716" s="1" t="s">
        <v>88416</v>
      </c>
      <c r="I24716" s="1" t="s">
        <v>86055</v>
      </c>
      <c r="J24716" s="1" t="s">
        <v>88525</v>
      </c>
    </row>
    <row r="24717" spans="1:10" x14ac:dyDescent="0.35">
      <c r="A24717" s="1" t="s">
        <v>88412</v>
      </c>
      <c r="B24717" s="1" t="s">
        <v>86049</v>
      </c>
      <c r="C24717" s="1" t="s">
        <v>165</v>
      </c>
      <c r="D24717" s="1" t="s">
        <v>88526</v>
      </c>
      <c r="E24717" s="1" t="s">
        <v>88527</v>
      </c>
      <c r="F24717" s="1" t="s">
        <v>88528</v>
      </c>
      <c r="G24717" s="1" t="s">
        <v>88415</v>
      </c>
      <c r="H24717" s="1" t="s">
        <v>88416</v>
      </c>
      <c r="I24717" s="1" t="s">
        <v>86055</v>
      </c>
      <c r="J24717" s="1" t="s">
        <v>88529</v>
      </c>
    </row>
    <row r="24718" spans="1:10" x14ac:dyDescent="0.35">
      <c r="A24718" s="1" t="s">
        <v>88412</v>
      </c>
      <c r="B24718" s="1" t="s">
        <v>86049</v>
      </c>
      <c r="C24718" s="1" t="s">
        <v>170</v>
      </c>
      <c r="D24718" s="1" t="s">
        <v>88530</v>
      </c>
      <c r="E24718" s="1" t="s">
        <v>88531</v>
      </c>
      <c r="F24718" s="1" t="s">
        <v>88532</v>
      </c>
      <c r="G24718" s="1" t="s">
        <v>88415</v>
      </c>
      <c r="H24718" s="1" t="s">
        <v>88416</v>
      </c>
      <c r="I24718" s="1" t="s">
        <v>86055</v>
      </c>
      <c r="J24718" s="1" t="s">
        <v>88533</v>
      </c>
    </row>
    <row r="24719" spans="1:10" x14ac:dyDescent="0.35">
      <c r="A24719" s="1" t="s">
        <v>2267</v>
      </c>
      <c r="B24719" s="1" t="s">
        <v>86049</v>
      </c>
      <c r="C24719" s="1" t="s">
        <v>8</v>
      </c>
      <c r="D24719" s="1" t="s">
        <v>88534</v>
      </c>
      <c r="E24719" s="1" t="s">
        <v>88535</v>
      </c>
      <c r="F24719" s="1" t="s">
        <v>88536</v>
      </c>
      <c r="G24719" s="1" t="s">
        <v>88537</v>
      </c>
      <c r="H24719" s="1" t="s">
        <v>88538</v>
      </c>
      <c r="I24719" s="1" t="s">
        <v>86055</v>
      </c>
      <c r="J24719" s="1" t="s">
        <v>13</v>
      </c>
    </row>
    <row r="24720" spans="1:10" x14ac:dyDescent="0.35">
      <c r="A24720" s="1" t="s">
        <v>2267</v>
      </c>
      <c r="B24720" s="1" t="s">
        <v>86049</v>
      </c>
      <c r="C24720" s="1" t="s">
        <v>15</v>
      </c>
      <c r="D24720" s="1" t="s">
        <v>88539</v>
      </c>
      <c r="E24720" s="1" t="s">
        <v>88540</v>
      </c>
      <c r="F24720" s="1" t="s">
        <v>88541</v>
      </c>
      <c r="G24720" s="1" t="s">
        <v>88537</v>
      </c>
      <c r="H24720" s="1" t="s">
        <v>88538</v>
      </c>
      <c r="I24720" s="1" t="s">
        <v>86055</v>
      </c>
      <c r="J24720" s="1" t="s">
        <v>88542</v>
      </c>
    </row>
    <row r="24721" spans="1:10" x14ac:dyDescent="0.35">
      <c r="A24721" s="1" t="s">
        <v>2267</v>
      </c>
      <c r="B24721" s="1" t="s">
        <v>86049</v>
      </c>
      <c r="C24721" s="1" t="s">
        <v>20</v>
      </c>
      <c r="D24721" s="1" t="s">
        <v>54554</v>
      </c>
      <c r="E24721" s="1" t="s">
        <v>88543</v>
      </c>
      <c r="F24721" s="1" t="s">
        <v>88544</v>
      </c>
      <c r="G24721" s="1" t="s">
        <v>88537</v>
      </c>
      <c r="H24721" s="1" t="s">
        <v>88538</v>
      </c>
      <c r="I24721" s="1" t="s">
        <v>86055</v>
      </c>
      <c r="J24721" s="1" t="s">
        <v>88545</v>
      </c>
    </row>
    <row r="24722" spans="1:10" x14ac:dyDescent="0.35">
      <c r="A24722" s="1" t="s">
        <v>2267</v>
      </c>
      <c r="B24722" s="1" t="s">
        <v>86049</v>
      </c>
      <c r="C24722" s="1" t="s">
        <v>25</v>
      </c>
      <c r="D24722" s="1" t="s">
        <v>88546</v>
      </c>
      <c r="E24722" s="1" t="s">
        <v>88547</v>
      </c>
      <c r="F24722" s="1" t="s">
        <v>88548</v>
      </c>
      <c r="G24722" s="1" t="s">
        <v>88537</v>
      </c>
      <c r="H24722" s="1" t="s">
        <v>88538</v>
      </c>
      <c r="I24722" s="1" t="s">
        <v>86055</v>
      </c>
      <c r="J24722" s="1" t="s">
        <v>88549</v>
      </c>
    </row>
    <row r="24723" spans="1:10" x14ac:dyDescent="0.35">
      <c r="A24723" s="1" t="s">
        <v>2267</v>
      </c>
      <c r="B24723" s="1" t="s">
        <v>86049</v>
      </c>
      <c r="C24723" s="1" t="s">
        <v>30</v>
      </c>
      <c r="D24723" s="1" t="s">
        <v>88550</v>
      </c>
      <c r="E24723" s="1" t="s">
        <v>88551</v>
      </c>
      <c r="F24723" s="1" t="s">
        <v>88552</v>
      </c>
      <c r="G24723" s="1" t="s">
        <v>88537</v>
      </c>
      <c r="H24723" s="1" t="s">
        <v>88538</v>
      </c>
      <c r="I24723" s="1" t="s">
        <v>86055</v>
      </c>
      <c r="J24723" s="1" t="s">
        <v>88553</v>
      </c>
    </row>
    <row r="24724" spans="1:10" x14ac:dyDescent="0.35">
      <c r="A24724" s="1" t="s">
        <v>2267</v>
      </c>
      <c r="B24724" s="1" t="s">
        <v>86049</v>
      </c>
      <c r="C24724" s="1" t="s">
        <v>35</v>
      </c>
      <c r="D24724" s="1" t="s">
        <v>88554</v>
      </c>
      <c r="E24724" s="1" t="s">
        <v>88555</v>
      </c>
      <c r="F24724" s="1" t="s">
        <v>88556</v>
      </c>
      <c r="G24724" s="1" t="s">
        <v>88537</v>
      </c>
      <c r="H24724" s="1" t="s">
        <v>88538</v>
      </c>
      <c r="I24724" s="1" t="s">
        <v>86055</v>
      </c>
      <c r="J24724" s="1" t="s">
        <v>88557</v>
      </c>
    </row>
    <row r="24725" spans="1:10" x14ac:dyDescent="0.35">
      <c r="A24725" s="1" t="s">
        <v>2267</v>
      </c>
      <c r="B24725" s="1" t="s">
        <v>86049</v>
      </c>
      <c r="C24725" s="1" t="s">
        <v>40</v>
      </c>
      <c r="D24725" s="1" t="s">
        <v>88558</v>
      </c>
      <c r="E24725" s="1" t="s">
        <v>88559</v>
      </c>
      <c r="F24725" s="1" t="s">
        <v>88560</v>
      </c>
      <c r="G24725" s="1" t="s">
        <v>88537</v>
      </c>
      <c r="H24725" s="1" t="s">
        <v>88538</v>
      </c>
      <c r="I24725" s="1" t="s">
        <v>86055</v>
      </c>
      <c r="J24725" s="1" t="s">
        <v>88561</v>
      </c>
    </row>
    <row r="24726" spans="1:10" x14ac:dyDescent="0.35">
      <c r="A24726" s="1" t="s">
        <v>2267</v>
      </c>
      <c r="B24726" s="1" t="s">
        <v>86049</v>
      </c>
      <c r="C24726" s="1" t="s">
        <v>45</v>
      </c>
      <c r="D24726" s="1" t="s">
        <v>88562</v>
      </c>
      <c r="E24726" s="1" t="s">
        <v>88563</v>
      </c>
      <c r="F24726" s="1" t="s">
        <v>88564</v>
      </c>
      <c r="G24726" s="1" t="s">
        <v>88537</v>
      </c>
      <c r="H24726" s="1" t="s">
        <v>88538</v>
      </c>
      <c r="I24726" s="1" t="s">
        <v>86055</v>
      </c>
      <c r="J24726" s="1" t="s">
        <v>88565</v>
      </c>
    </row>
    <row r="24727" spans="1:10" x14ac:dyDescent="0.35">
      <c r="A24727" s="1" t="s">
        <v>2267</v>
      </c>
      <c r="B24727" s="1" t="s">
        <v>86049</v>
      </c>
      <c r="C24727" s="1" t="s">
        <v>50</v>
      </c>
      <c r="D24727" s="1" t="s">
        <v>88566</v>
      </c>
      <c r="E24727" s="1" t="s">
        <v>88567</v>
      </c>
      <c r="F24727" s="1" t="s">
        <v>88568</v>
      </c>
      <c r="G24727" s="1" t="s">
        <v>88537</v>
      </c>
      <c r="H24727" s="1" t="s">
        <v>88538</v>
      </c>
      <c r="I24727" s="1" t="s">
        <v>86055</v>
      </c>
      <c r="J24727" s="1" t="s">
        <v>88569</v>
      </c>
    </row>
    <row r="24728" spans="1:10" x14ac:dyDescent="0.35">
      <c r="A24728" s="1" t="s">
        <v>2267</v>
      </c>
      <c r="B24728" s="1" t="s">
        <v>86049</v>
      </c>
      <c r="C24728" s="1" t="s">
        <v>55</v>
      </c>
      <c r="D24728" s="1" t="s">
        <v>88570</v>
      </c>
      <c r="E24728" s="1" t="s">
        <v>88571</v>
      </c>
      <c r="F24728" s="1" t="s">
        <v>88572</v>
      </c>
      <c r="G24728" s="1" t="s">
        <v>88537</v>
      </c>
      <c r="H24728" s="1" t="s">
        <v>88538</v>
      </c>
      <c r="I24728" s="1" t="s">
        <v>86055</v>
      </c>
      <c r="J24728" s="1" t="s">
        <v>88573</v>
      </c>
    </row>
    <row r="24729" spans="1:10" x14ac:dyDescent="0.35">
      <c r="A24729" s="1" t="s">
        <v>2267</v>
      </c>
      <c r="B24729" s="1" t="s">
        <v>86049</v>
      </c>
      <c r="C24729" s="1" t="s">
        <v>60</v>
      </c>
      <c r="D24729" s="1" t="s">
        <v>88574</v>
      </c>
      <c r="E24729" s="1" t="s">
        <v>88575</v>
      </c>
      <c r="F24729" s="1" t="s">
        <v>88576</v>
      </c>
      <c r="G24729" s="1" t="s">
        <v>88537</v>
      </c>
      <c r="H24729" s="1" t="s">
        <v>88538</v>
      </c>
      <c r="I24729" s="1" t="s">
        <v>86055</v>
      </c>
      <c r="J24729" s="1" t="s">
        <v>88577</v>
      </c>
    </row>
    <row r="24730" spans="1:10" x14ac:dyDescent="0.35">
      <c r="A24730" s="1" t="s">
        <v>2267</v>
      </c>
      <c r="B24730" s="1" t="s">
        <v>86049</v>
      </c>
      <c r="C24730" s="1" t="s">
        <v>65</v>
      </c>
      <c r="D24730" s="1" t="s">
        <v>57277</v>
      </c>
      <c r="E24730" s="1" t="s">
        <v>88578</v>
      </c>
      <c r="F24730" s="1" t="s">
        <v>88579</v>
      </c>
      <c r="G24730" s="1" t="s">
        <v>88537</v>
      </c>
      <c r="H24730" s="1" t="s">
        <v>88538</v>
      </c>
      <c r="I24730" s="1" t="s">
        <v>86055</v>
      </c>
      <c r="J24730" s="1" t="s">
        <v>88580</v>
      </c>
    </row>
    <row r="24731" spans="1:10" x14ac:dyDescent="0.35">
      <c r="A24731" s="1" t="s">
        <v>2267</v>
      </c>
      <c r="B24731" s="1" t="s">
        <v>86049</v>
      </c>
      <c r="C24731" s="1" t="s">
        <v>70</v>
      </c>
      <c r="D24731" s="1" t="s">
        <v>41751</v>
      </c>
      <c r="E24731" s="1" t="s">
        <v>88581</v>
      </c>
      <c r="F24731" s="1" t="s">
        <v>88582</v>
      </c>
      <c r="G24731" s="1" t="s">
        <v>88537</v>
      </c>
      <c r="H24731" s="1" t="s">
        <v>88538</v>
      </c>
      <c r="I24731" s="1" t="s">
        <v>86055</v>
      </c>
      <c r="J24731" s="1" t="s">
        <v>88583</v>
      </c>
    </row>
    <row r="24732" spans="1:10" x14ac:dyDescent="0.35">
      <c r="A24732" s="1" t="s">
        <v>2267</v>
      </c>
      <c r="B24732" s="1" t="s">
        <v>86049</v>
      </c>
      <c r="C24732" s="1" t="s">
        <v>75</v>
      </c>
      <c r="D24732" s="1" t="s">
        <v>88584</v>
      </c>
      <c r="E24732" s="1" t="s">
        <v>88585</v>
      </c>
      <c r="F24732" s="1" t="s">
        <v>88586</v>
      </c>
      <c r="G24732" s="1" t="s">
        <v>88537</v>
      </c>
      <c r="H24732" s="1" t="s">
        <v>88538</v>
      </c>
      <c r="I24732" s="1" t="s">
        <v>86055</v>
      </c>
      <c r="J24732" s="1" t="s">
        <v>88587</v>
      </c>
    </row>
    <row r="24733" spans="1:10" x14ac:dyDescent="0.35">
      <c r="A24733" s="1" t="s">
        <v>2267</v>
      </c>
      <c r="B24733" s="1" t="s">
        <v>86049</v>
      </c>
      <c r="C24733" s="1" t="s">
        <v>80</v>
      </c>
      <c r="D24733" s="1" t="s">
        <v>20066</v>
      </c>
      <c r="E24733" s="1" t="s">
        <v>88588</v>
      </c>
      <c r="F24733" s="1" t="s">
        <v>88589</v>
      </c>
      <c r="G24733" s="1" t="s">
        <v>88537</v>
      </c>
      <c r="H24733" s="1" t="s">
        <v>88538</v>
      </c>
      <c r="I24733" s="1" t="s">
        <v>86055</v>
      </c>
      <c r="J24733" s="1" t="s">
        <v>88590</v>
      </c>
    </row>
    <row r="24734" spans="1:10" x14ac:dyDescent="0.35">
      <c r="A24734" s="1" t="s">
        <v>2267</v>
      </c>
      <c r="B24734" s="1" t="s">
        <v>86049</v>
      </c>
      <c r="C24734" s="1" t="s">
        <v>85</v>
      </c>
      <c r="D24734" s="1" t="s">
        <v>65264</v>
      </c>
      <c r="E24734" s="1" t="s">
        <v>88591</v>
      </c>
      <c r="F24734" s="1" t="s">
        <v>88592</v>
      </c>
      <c r="G24734" s="1" t="s">
        <v>88537</v>
      </c>
      <c r="H24734" s="1" t="s">
        <v>88538</v>
      </c>
      <c r="I24734" s="1" t="s">
        <v>86055</v>
      </c>
      <c r="J24734" s="1" t="s">
        <v>88593</v>
      </c>
    </row>
    <row r="24735" spans="1:10" x14ac:dyDescent="0.35">
      <c r="A24735" s="1" t="s">
        <v>2267</v>
      </c>
      <c r="B24735" s="1" t="s">
        <v>86049</v>
      </c>
      <c r="C24735" s="1" t="s">
        <v>90</v>
      </c>
      <c r="D24735" s="1" t="s">
        <v>88594</v>
      </c>
      <c r="E24735" s="1" t="s">
        <v>88595</v>
      </c>
      <c r="F24735" s="1" t="s">
        <v>88596</v>
      </c>
      <c r="G24735" s="1" t="s">
        <v>88537</v>
      </c>
      <c r="H24735" s="1" t="s">
        <v>88538</v>
      </c>
      <c r="I24735" s="1" t="s">
        <v>86055</v>
      </c>
      <c r="J24735" s="1" t="s">
        <v>88597</v>
      </c>
    </row>
    <row r="24736" spans="1:10" x14ac:dyDescent="0.35">
      <c r="A24736" s="1" t="s">
        <v>2267</v>
      </c>
      <c r="B24736" s="1" t="s">
        <v>86049</v>
      </c>
      <c r="C24736" s="1" t="s">
        <v>95</v>
      </c>
      <c r="D24736" s="1" t="s">
        <v>88598</v>
      </c>
      <c r="E24736" s="1" t="s">
        <v>88599</v>
      </c>
      <c r="F24736" s="1" t="s">
        <v>88600</v>
      </c>
      <c r="G24736" s="1" t="s">
        <v>88537</v>
      </c>
      <c r="H24736" s="1" t="s">
        <v>88538</v>
      </c>
      <c r="I24736" s="1" t="s">
        <v>86055</v>
      </c>
      <c r="J24736" s="1" t="s">
        <v>88601</v>
      </c>
    </row>
    <row r="24737" spans="1:10" x14ac:dyDescent="0.35">
      <c r="A24737" s="1" t="s">
        <v>2267</v>
      </c>
      <c r="B24737" s="1" t="s">
        <v>86049</v>
      </c>
      <c r="C24737" s="1" t="s">
        <v>100</v>
      </c>
      <c r="D24737" s="1" t="s">
        <v>60909</v>
      </c>
      <c r="E24737" s="1" t="s">
        <v>88602</v>
      </c>
      <c r="F24737" s="1" t="s">
        <v>88603</v>
      </c>
      <c r="G24737" s="1" t="s">
        <v>88537</v>
      </c>
      <c r="H24737" s="1" t="s">
        <v>88538</v>
      </c>
      <c r="I24737" s="1" t="s">
        <v>86055</v>
      </c>
      <c r="J24737" s="1" t="s">
        <v>88604</v>
      </c>
    </row>
    <row r="24738" spans="1:10" x14ac:dyDescent="0.35">
      <c r="A24738" s="1" t="s">
        <v>2267</v>
      </c>
      <c r="B24738" s="1" t="s">
        <v>86049</v>
      </c>
      <c r="C24738" s="1" t="s">
        <v>105</v>
      </c>
      <c r="D24738" s="1" t="s">
        <v>88605</v>
      </c>
      <c r="E24738" s="1" t="s">
        <v>88606</v>
      </c>
      <c r="F24738" s="1" t="s">
        <v>88607</v>
      </c>
      <c r="G24738" s="1" t="s">
        <v>88537</v>
      </c>
      <c r="H24738" s="1" t="s">
        <v>88538</v>
      </c>
      <c r="I24738" s="1" t="s">
        <v>86055</v>
      </c>
      <c r="J24738" s="1" t="s">
        <v>88608</v>
      </c>
    </row>
    <row r="24739" spans="1:10" x14ac:dyDescent="0.35">
      <c r="A24739" s="1" t="s">
        <v>2267</v>
      </c>
      <c r="B24739" s="1" t="s">
        <v>86049</v>
      </c>
      <c r="C24739" s="1" t="s">
        <v>110</v>
      </c>
      <c r="D24739" s="1" t="s">
        <v>88609</v>
      </c>
      <c r="E24739" s="1" t="s">
        <v>88610</v>
      </c>
      <c r="F24739" s="1" t="s">
        <v>88611</v>
      </c>
      <c r="G24739" s="1" t="s">
        <v>88537</v>
      </c>
      <c r="H24739" s="1" t="s">
        <v>88538</v>
      </c>
      <c r="I24739" s="1" t="s">
        <v>86055</v>
      </c>
      <c r="J24739" s="1" t="s">
        <v>88612</v>
      </c>
    </row>
    <row r="24740" spans="1:10" x14ac:dyDescent="0.35">
      <c r="A24740" s="1" t="s">
        <v>2267</v>
      </c>
      <c r="B24740" s="1" t="s">
        <v>86049</v>
      </c>
      <c r="C24740" s="1" t="s">
        <v>115</v>
      </c>
      <c r="D24740" s="1" t="s">
        <v>88613</v>
      </c>
      <c r="E24740" s="1" t="s">
        <v>88614</v>
      </c>
      <c r="F24740" s="1" t="s">
        <v>88615</v>
      </c>
      <c r="G24740" s="1" t="s">
        <v>88537</v>
      </c>
      <c r="H24740" s="1" t="s">
        <v>88538</v>
      </c>
      <c r="I24740" s="1" t="s">
        <v>86055</v>
      </c>
      <c r="J24740" s="1" t="s">
        <v>88616</v>
      </c>
    </row>
    <row r="24741" spans="1:10" x14ac:dyDescent="0.35">
      <c r="A24741" s="1" t="s">
        <v>2267</v>
      </c>
      <c r="B24741" s="1" t="s">
        <v>86049</v>
      </c>
      <c r="C24741" s="1" t="s">
        <v>120</v>
      </c>
      <c r="D24741" s="1" t="s">
        <v>88617</v>
      </c>
      <c r="E24741" s="1" t="s">
        <v>88618</v>
      </c>
      <c r="F24741" s="1" t="s">
        <v>88619</v>
      </c>
      <c r="G24741" s="1" t="s">
        <v>88537</v>
      </c>
      <c r="H24741" s="1" t="s">
        <v>88538</v>
      </c>
      <c r="I24741" s="1" t="s">
        <v>86055</v>
      </c>
      <c r="J24741" s="1" t="s">
        <v>88620</v>
      </c>
    </row>
    <row r="24742" spans="1:10" x14ac:dyDescent="0.35">
      <c r="A24742" s="1" t="s">
        <v>2267</v>
      </c>
      <c r="B24742" s="1" t="s">
        <v>86049</v>
      </c>
      <c r="C24742" s="1" t="s">
        <v>125</v>
      </c>
      <c r="D24742" s="1" t="s">
        <v>88621</v>
      </c>
      <c r="E24742" s="1" t="s">
        <v>88622</v>
      </c>
      <c r="F24742" s="1" t="s">
        <v>88623</v>
      </c>
      <c r="G24742" s="1" t="s">
        <v>88537</v>
      </c>
      <c r="H24742" s="1" t="s">
        <v>88538</v>
      </c>
      <c r="I24742" s="1" t="s">
        <v>86055</v>
      </c>
      <c r="J24742" s="1" t="s">
        <v>88624</v>
      </c>
    </row>
    <row r="24743" spans="1:10" x14ac:dyDescent="0.35">
      <c r="A24743" s="1" t="s">
        <v>2267</v>
      </c>
      <c r="B24743" s="1" t="s">
        <v>86049</v>
      </c>
      <c r="C24743" s="1" t="s">
        <v>130</v>
      </c>
      <c r="D24743" s="1" t="s">
        <v>88625</v>
      </c>
      <c r="E24743" s="1" t="s">
        <v>88626</v>
      </c>
      <c r="F24743" s="1" t="s">
        <v>88627</v>
      </c>
      <c r="G24743" s="1" t="s">
        <v>88537</v>
      </c>
      <c r="H24743" s="1" t="s">
        <v>88538</v>
      </c>
      <c r="I24743" s="1" t="s">
        <v>86055</v>
      </c>
      <c r="J24743" s="1" t="s">
        <v>88628</v>
      </c>
    </row>
    <row r="24744" spans="1:10" x14ac:dyDescent="0.35">
      <c r="A24744" s="1" t="s">
        <v>2267</v>
      </c>
      <c r="B24744" s="1" t="s">
        <v>86049</v>
      </c>
      <c r="C24744" s="1" t="s">
        <v>135</v>
      </c>
      <c r="D24744" s="1" t="s">
        <v>88629</v>
      </c>
      <c r="E24744" s="1" t="s">
        <v>88630</v>
      </c>
      <c r="F24744" s="1" t="s">
        <v>88631</v>
      </c>
      <c r="G24744" s="1" t="s">
        <v>88537</v>
      </c>
      <c r="H24744" s="1" t="s">
        <v>88538</v>
      </c>
      <c r="I24744" s="1" t="s">
        <v>86055</v>
      </c>
      <c r="J24744" s="1" t="s">
        <v>88632</v>
      </c>
    </row>
    <row r="24745" spans="1:10" x14ac:dyDescent="0.35">
      <c r="A24745" s="1" t="s">
        <v>2267</v>
      </c>
      <c r="B24745" s="1" t="s">
        <v>86049</v>
      </c>
      <c r="C24745" s="1" t="s">
        <v>140</v>
      </c>
      <c r="D24745" s="1" t="s">
        <v>88633</v>
      </c>
      <c r="E24745" s="1" t="s">
        <v>88634</v>
      </c>
      <c r="F24745" s="1" t="s">
        <v>88635</v>
      </c>
      <c r="G24745" s="1" t="s">
        <v>88537</v>
      </c>
      <c r="H24745" s="1" t="s">
        <v>88538</v>
      </c>
      <c r="I24745" s="1" t="s">
        <v>86055</v>
      </c>
      <c r="J24745" s="1" t="s">
        <v>88636</v>
      </c>
    </row>
    <row r="24746" spans="1:10" x14ac:dyDescent="0.35">
      <c r="A24746" s="1" t="s">
        <v>2267</v>
      </c>
      <c r="B24746" s="1" t="s">
        <v>86049</v>
      </c>
      <c r="C24746" s="1" t="s">
        <v>145</v>
      </c>
      <c r="D24746" s="1" t="s">
        <v>88637</v>
      </c>
      <c r="E24746" s="1" t="s">
        <v>88638</v>
      </c>
      <c r="F24746" s="1" t="s">
        <v>88639</v>
      </c>
      <c r="G24746" s="1" t="s">
        <v>88537</v>
      </c>
      <c r="H24746" s="1" t="s">
        <v>88538</v>
      </c>
      <c r="I24746" s="1" t="s">
        <v>86055</v>
      </c>
      <c r="J24746" s="1" t="s">
        <v>88640</v>
      </c>
    </row>
    <row r="24747" spans="1:10" x14ac:dyDescent="0.35">
      <c r="A24747" s="1" t="s">
        <v>2267</v>
      </c>
      <c r="B24747" s="1" t="s">
        <v>86049</v>
      </c>
      <c r="C24747" s="1" t="s">
        <v>150</v>
      </c>
      <c r="D24747" s="1" t="s">
        <v>88641</v>
      </c>
      <c r="E24747" s="1" t="s">
        <v>88642</v>
      </c>
      <c r="F24747" s="1" t="s">
        <v>88643</v>
      </c>
      <c r="G24747" s="1" t="s">
        <v>88537</v>
      </c>
      <c r="H24747" s="1" t="s">
        <v>88538</v>
      </c>
      <c r="I24747" s="1" t="s">
        <v>86055</v>
      </c>
      <c r="J24747" s="1" t="s">
        <v>88644</v>
      </c>
    </row>
    <row r="24748" spans="1:10" x14ac:dyDescent="0.35">
      <c r="A24748" s="1" t="s">
        <v>2267</v>
      </c>
      <c r="B24748" s="1" t="s">
        <v>86049</v>
      </c>
      <c r="C24748" s="1" t="s">
        <v>155</v>
      </c>
      <c r="D24748" s="1" t="s">
        <v>88645</v>
      </c>
      <c r="E24748" s="1" t="s">
        <v>88646</v>
      </c>
      <c r="F24748" s="1" t="s">
        <v>88647</v>
      </c>
      <c r="G24748" s="1" t="s">
        <v>88537</v>
      </c>
      <c r="H24748" s="1" t="s">
        <v>88538</v>
      </c>
      <c r="I24748" s="1" t="s">
        <v>86055</v>
      </c>
      <c r="J24748" s="1" t="s">
        <v>88648</v>
      </c>
    </row>
    <row r="24749" spans="1:10" x14ac:dyDescent="0.35">
      <c r="A24749" s="1" t="s">
        <v>2267</v>
      </c>
      <c r="B24749" s="1" t="s">
        <v>86049</v>
      </c>
      <c r="C24749" s="1" t="s">
        <v>160</v>
      </c>
      <c r="D24749" s="1" t="s">
        <v>88649</v>
      </c>
      <c r="E24749" s="1" t="s">
        <v>88650</v>
      </c>
      <c r="F24749" s="1" t="s">
        <v>88651</v>
      </c>
      <c r="G24749" s="1" t="s">
        <v>88537</v>
      </c>
      <c r="H24749" s="1" t="s">
        <v>88538</v>
      </c>
      <c r="I24749" s="1" t="s">
        <v>86055</v>
      </c>
      <c r="J24749" s="1" t="s">
        <v>88652</v>
      </c>
    </row>
    <row r="24750" spans="1:10" x14ac:dyDescent="0.35">
      <c r="A24750" s="1" t="s">
        <v>2267</v>
      </c>
      <c r="B24750" s="1" t="s">
        <v>86049</v>
      </c>
      <c r="C24750" s="1" t="s">
        <v>165</v>
      </c>
      <c r="D24750" s="1" t="s">
        <v>88653</v>
      </c>
      <c r="E24750" s="1" t="s">
        <v>88654</v>
      </c>
      <c r="F24750" s="1" t="s">
        <v>88655</v>
      </c>
      <c r="G24750" s="1" t="s">
        <v>88537</v>
      </c>
      <c r="H24750" s="1" t="s">
        <v>88538</v>
      </c>
      <c r="I24750" s="1" t="s">
        <v>86055</v>
      </c>
      <c r="J24750" s="1" t="s">
        <v>88656</v>
      </c>
    </row>
    <row r="24751" spans="1:10" x14ac:dyDescent="0.35">
      <c r="A24751" s="1" t="s">
        <v>2267</v>
      </c>
      <c r="B24751" s="1" t="s">
        <v>86049</v>
      </c>
      <c r="C24751" s="1" t="s">
        <v>170</v>
      </c>
      <c r="D24751" s="1" t="s">
        <v>88657</v>
      </c>
      <c r="E24751" s="1" t="s">
        <v>88658</v>
      </c>
      <c r="F24751" s="1" t="s">
        <v>88659</v>
      </c>
      <c r="G24751" s="1" t="s">
        <v>88537</v>
      </c>
      <c r="H24751" s="1" t="s">
        <v>88538</v>
      </c>
      <c r="I24751" s="1" t="s">
        <v>86055</v>
      </c>
      <c r="J24751" s="1" t="s">
        <v>88660</v>
      </c>
    </row>
    <row r="24752" spans="1:10" x14ac:dyDescent="0.35">
      <c r="A24752" s="1" t="s">
        <v>25827</v>
      </c>
      <c r="B24752" s="1" t="s">
        <v>86049</v>
      </c>
      <c r="C24752" s="1" t="s">
        <v>8</v>
      </c>
      <c r="D24752" s="1" t="s">
        <v>12455</v>
      </c>
      <c r="E24752" s="1" t="s">
        <v>88661</v>
      </c>
      <c r="F24752" s="1" t="s">
        <v>88662</v>
      </c>
      <c r="G24752" s="1" t="s">
        <v>88663</v>
      </c>
      <c r="H24752" s="1" t="s">
        <v>88664</v>
      </c>
      <c r="I24752" s="1" t="s">
        <v>86055</v>
      </c>
      <c r="J24752" s="1" t="s">
        <v>13</v>
      </c>
    </row>
    <row r="24753" spans="1:10" x14ac:dyDescent="0.35">
      <c r="A24753" s="1" t="s">
        <v>25827</v>
      </c>
      <c r="B24753" s="1" t="s">
        <v>86049</v>
      </c>
      <c r="C24753" s="1" t="s">
        <v>15</v>
      </c>
      <c r="D24753" s="1" t="s">
        <v>88665</v>
      </c>
      <c r="E24753" s="1" t="s">
        <v>88666</v>
      </c>
      <c r="F24753" s="1" t="s">
        <v>88667</v>
      </c>
      <c r="G24753" s="1" t="s">
        <v>88663</v>
      </c>
      <c r="H24753" s="1" t="s">
        <v>88664</v>
      </c>
      <c r="I24753" s="1" t="s">
        <v>86055</v>
      </c>
      <c r="J24753" s="1" t="s">
        <v>88668</v>
      </c>
    </row>
    <row r="24754" spans="1:10" x14ac:dyDescent="0.35">
      <c r="A24754" s="1" t="s">
        <v>25827</v>
      </c>
      <c r="B24754" s="1" t="s">
        <v>86049</v>
      </c>
      <c r="C24754" s="1" t="s">
        <v>20</v>
      </c>
      <c r="D24754" s="1" t="s">
        <v>88669</v>
      </c>
      <c r="E24754" s="1" t="s">
        <v>88670</v>
      </c>
      <c r="F24754" s="1" t="s">
        <v>88671</v>
      </c>
      <c r="G24754" s="1" t="s">
        <v>88663</v>
      </c>
      <c r="H24754" s="1" t="s">
        <v>88664</v>
      </c>
      <c r="I24754" s="1" t="s">
        <v>86055</v>
      </c>
      <c r="J24754" s="1" t="s">
        <v>88672</v>
      </c>
    </row>
    <row r="24755" spans="1:10" x14ac:dyDescent="0.35">
      <c r="A24755" s="1" t="s">
        <v>25827</v>
      </c>
      <c r="B24755" s="1" t="s">
        <v>86049</v>
      </c>
      <c r="C24755" s="1" t="s">
        <v>25</v>
      </c>
      <c r="D24755" s="1" t="s">
        <v>88673</v>
      </c>
      <c r="E24755" s="1" t="s">
        <v>88674</v>
      </c>
      <c r="F24755" s="1" t="s">
        <v>88675</v>
      </c>
      <c r="G24755" s="1" t="s">
        <v>88663</v>
      </c>
      <c r="H24755" s="1" t="s">
        <v>88664</v>
      </c>
      <c r="I24755" s="1" t="s">
        <v>86055</v>
      </c>
      <c r="J24755" s="1" t="s">
        <v>88676</v>
      </c>
    </row>
    <row r="24756" spans="1:10" x14ac:dyDescent="0.35">
      <c r="A24756" s="1" t="s">
        <v>25827</v>
      </c>
      <c r="B24756" s="1" t="s">
        <v>86049</v>
      </c>
      <c r="C24756" s="1" t="s">
        <v>30</v>
      </c>
      <c r="D24756" s="1" t="s">
        <v>88677</v>
      </c>
      <c r="E24756" s="1" t="s">
        <v>88678</v>
      </c>
      <c r="F24756" s="1" t="s">
        <v>88679</v>
      </c>
      <c r="G24756" s="1" t="s">
        <v>88663</v>
      </c>
      <c r="H24756" s="1" t="s">
        <v>88664</v>
      </c>
      <c r="I24756" s="1" t="s">
        <v>86055</v>
      </c>
      <c r="J24756" s="1" t="s">
        <v>88680</v>
      </c>
    </row>
    <row r="24757" spans="1:10" x14ac:dyDescent="0.35">
      <c r="A24757" s="1" t="s">
        <v>25827</v>
      </c>
      <c r="B24757" s="1" t="s">
        <v>86049</v>
      </c>
      <c r="C24757" s="1" t="s">
        <v>35</v>
      </c>
      <c r="D24757" s="1" t="s">
        <v>88681</v>
      </c>
      <c r="E24757" s="1" t="s">
        <v>88682</v>
      </c>
      <c r="F24757" s="1" t="s">
        <v>88683</v>
      </c>
      <c r="G24757" s="1" t="s">
        <v>88663</v>
      </c>
      <c r="H24757" s="1" t="s">
        <v>88664</v>
      </c>
      <c r="I24757" s="1" t="s">
        <v>86055</v>
      </c>
      <c r="J24757" s="1" t="s">
        <v>88684</v>
      </c>
    </row>
    <row r="24758" spans="1:10" x14ac:dyDescent="0.35">
      <c r="A24758" s="1" t="s">
        <v>25827</v>
      </c>
      <c r="B24758" s="1" t="s">
        <v>86049</v>
      </c>
      <c r="C24758" s="1" t="s">
        <v>40</v>
      </c>
      <c r="D24758" s="1" t="s">
        <v>88685</v>
      </c>
      <c r="E24758" s="1" t="s">
        <v>88686</v>
      </c>
      <c r="F24758" s="1" t="s">
        <v>88687</v>
      </c>
      <c r="G24758" s="1" t="s">
        <v>88663</v>
      </c>
      <c r="H24758" s="1" t="s">
        <v>88664</v>
      </c>
      <c r="I24758" s="1" t="s">
        <v>86055</v>
      </c>
      <c r="J24758" s="1" t="s">
        <v>88688</v>
      </c>
    </row>
    <row r="24759" spans="1:10" x14ac:dyDescent="0.35">
      <c r="A24759" s="1" t="s">
        <v>25827</v>
      </c>
      <c r="B24759" s="1" t="s">
        <v>86049</v>
      </c>
      <c r="C24759" s="1" t="s">
        <v>45</v>
      </c>
      <c r="D24759" s="1" t="s">
        <v>88689</v>
      </c>
      <c r="E24759" s="1" t="s">
        <v>88690</v>
      </c>
      <c r="F24759" s="1" t="s">
        <v>88691</v>
      </c>
      <c r="G24759" s="1" t="s">
        <v>88663</v>
      </c>
      <c r="H24759" s="1" t="s">
        <v>88664</v>
      </c>
      <c r="I24759" s="1" t="s">
        <v>86055</v>
      </c>
      <c r="J24759" s="1" t="s">
        <v>88692</v>
      </c>
    </row>
    <row r="24760" spans="1:10" x14ac:dyDescent="0.35">
      <c r="A24760" s="1" t="s">
        <v>25827</v>
      </c>
      <c r="B24760" s="1" t="s">
        <v>86049</v>
      </c>
      <c r="C24760" s="1" t="s">
        <v>50</v>
      </c>
      <c r="D24760" s="1" t="s">
        <v>88693</v>
      </c>
      <c r="E24760" s="1" t="s">
        <v>88694</v>
      </c>
      <c r="F24760" s="1" t="s">
        <v>88695</v>
      </c>
      <c r="G24760" s="1" t="s">
        <v>88663</v>
      </c>
      <c r="H24760" s="1" t="s">
        <v>88664</v>
      </c>
      <c r="I24760" s="1" t="s">
        <v>86055</v>
      </c>
      <c r="J24760" s="1" t="s">
        <v>88696</v>
      </c>
    </row>
    <row r="24761" spans="1:10" x14ac:dyDescent="0.35">
      <c r="A24761" s="1" t="s">
        <v>25827</v>
      </c>
      <c r="B24761" s="1" t="s">
        <v>86049</v>
      </c>
      <c r="C24761" s="1" t="s">
        <v>55</v>
      </c>
      <c r="D24761" s="1" t="s">
        <v>63735</v>
      </c>
      <c r="E24761" s="1" t="s">
        <v>88697</v>
      </c>
      <c r="F24761" s="1" t="s">
        <v>88698</v>
      </c>
      <c r="G24761" s="1" t="s">
        <v>88663</v>
      </c>
      <c r="H24761" s="1" t="s">
        <v>88664</v>
      </c>
      <c r="I24761" s="1" t="s">
        <v>86055</v>
      </c>
      <c r="J24761" s="1" t="s">
        <v>88699</v>
      </c>
    </row>
    <row r="24762" spans="1:10" x14ac:dyDescent="0.35">
      <c r="A24762" s="1" t="s">
        <v>25827</v>
      </c>
      <c r="B24762" s="1" t="s">
        <v>86049</v>
      </c>
      <c r="C24762" s="1" t="s">
        <v>60</v>
      </c>
      <c r="D24762" s="1" t="s">
        <v>40152</v>
      </c>
      <c r="E24762" s="1" t="s">
        <v>88700</v>
      </c>
      <c r="F24762" s="1" t="s">
        <v>88701</v>
      </c>
      <c r="G24762" s="1" t="s">
        <v>88663</v>
      </c>
      <c r="H24762" s="1" t="s">
        <v>88664</v>
      </c>
      <c r="I24762" s="1" t="s">
        <v>86055</v>
      </c>
      <c r="J24762" s="1" t="s">
        <v>88702</v>
      </c>
    </row>
    <row r="24763" spans="1:10" x14ac:dyDescent="0.35">
      <c r="A24763" s="1" t="s">
        <v>25827</v>
      </c>
      <c r="B24763" s="1" t="s">
        <v>86049</v>
      </c>
      <c r="C24763" s="1" t="s">
        <v>65</v>
      </c>
      <c r="D24763" s="1" t="s">
        <v>88703</v>
      </c>
      <c r="E24763" s="1" t="s">
        <v>88704</v>
      </c>
      <c r="F24763" s="1" t="s">
        <v>88705</v>
      </c>
      <c r="G24763" s="1" t="s">
        <v>88663</v>
      </c>
      <c r="H24763" s="1" t="s">
        <v>88664</v>
      </c>
      <c r="I24763" s="1" t="s">
        <v>86055</v>
      </c>
      <c r="J24763" s="1" t="s">
        <v>88706</v>
      </c>
    </row>
    <row r="24764" spans="1:10" x14ac:dyDescent="0.35">
      <c r="A24764" s="1" t="s">
        <v>25827</v>
      </c>
      <c r="B24764" s="1" t="s">
        <v>86049</v>
      </c>
      <c r="C24764" s="1" t="s">
        <v>70</v>
      </c>
      <c r="D24764" s="1" t="s">
        <v>75686</v>
      </c>
      <c r="E24764" s="1" t="s">
        <v>88707</v>
      </c>
      <c r="F24764" s="1" t="s">
        <v>88708</v>
      </c>
      <c r="G24764" s="1" t="s">
        <v>88663</v>
      </c>
      <c r="H24764" s="1" t="s">
        <v>88664</v>
      </c>
      <c r="I24764" s="1" t="s">
        <v>86055</v>
      </c>
      <c r="J24764" s="1" t="s">
        <v>88709</v>
      </c>
    </row>
    <row r="24765" spans="1:10" x14ac:dyDescent="0.35">
      <c r="A24765" s="1" t="s">
        <v>25827</v>
      </c>
      <c r="B24765" s="1" t="s">
        <v>86049</v>
      </c>
      <c r="C24765" s="1" t="s">
        <v>75</v>
      </c>
      <c r="D24765" s="1" t="s">
        <v>88710</v>
      </c>
      <c r="E24765" s="1" t="s">
        <v>88711</v>
      </c>
      <c r="F24765" s="1" t="s">
        <v>88712</v>
      </c>
      <c r="G24765" s="1" t="s">
        <v>88663</v>
      </c>
      <c r="H24765" s="1" t="s">
        <v>88664</v>
      </c>
      <c r="I24765" s="1" t="s">
        <v>86055</v>
      </c>
      <c r="J24765" s="1" t="s">
        <v>88713</v>
      </c>
    </row>
    <row r="24766" spans="1:10" x14ac:dyDescent="0.35">
      <c r="A24766" s="1" t="s">
        <v>25827</v>
      </c>
      <c r="B24766" s="1" t="s">
        <v>86049</v>
      </c>
      <c r="C24766" s="1" t="s">
        <v>80</v>
      </c>
      <c r="D24766" s="1" t="s">
        <v>88714</v>
      </c>
      <c r="E24766" s="1" t="s">
        <v>88715</v>
      </c>
      <c r="F24766" s="1" t="s">
        <v>88716</v>
      </c>
      <c r="G24766" s="1" t="s">
        <v>88663</v>
      </c>
      <c r="H24766" s="1" t="s">
        <v>88664</v>
      </c>
      <c r="I24766" s="1" t="s">
        <v>86055</v>
      </c>
      <c r="J24766" s="1" t="s">
        <v>88717</v>
      </c>
    </row>
    <row r="24767" spans="1:10" x14ac:dyDescent="0.35">
      <c r="A24767" s="1" t="s">
        <v>25827</v>
      </c>
      <c r="B24767" s="1" t="s">
        <v>86049</v>
      </c>
      <c r="C24767" s="1" t="s">
        <v>85</v>
      </c>
      <c r="D24767" s="1" t="s">
        <v>88718</v>
      </c>
      <c r="E24767" s="1" t="s">
        <v>88719</v>
      </c>
      <c r="F24767" s="1" t="s">
        <v>88720</v>
      </c>
      <c r="G24767" s="1" t="s">
        <v>88663</v>
      </c>
      <c r="H24767" s="1" t="s">
        <v>88664</v>
      </c>
      <c r="I24767" s="1" t="s">
        <v>86055</v>
      </c>
      <c r="J24767" s="1" t="s">
        <v>88721</v>
      </c>
    </row>
    <row r="24768" spans="1:10" x14ac:dyDescent="0.35">
      <c r="A24768" s="1" t="s">
        <v>25827</v>
      </c>
      <c r="B24768" s="1" t="s">
        <v>86049</v>
      </c>
      <c r="C24768" s="1" t="s">
        <v>90</v>
      </c>
      <c r="D24768" s="1" t="s">
        <v>88722</v>
      </c>
      <c r="E24768" s="1" t="s">
        <v>88723</v>
      </c>
      <c r="F24768" s="1" t="s">
        <v>88724</v>
      </c>
      <c r="G24768" s="1" t="s">
        <v>88663</v>
      </c>
      <c r="H24768" s="1" t="s">
        <v>88664</v>
      </c>
      <c r="I24768" s="1" t="s">
        <v>86055</v>
      </c>
      <c r="J24768" s="1" t="s">
        <v>88725</v>
      </c>
    </row>
    <row r="24769" spans="1:10" x14ac:dyDescent="0.35">
      <c r="A24769" s="1" t="s">
        <v>25827</v>
      </c>
      <c r="B24769" s="1" t="s">
        <v>86049</v>
      </c>
      <c r="C24769" s="1" t="s">
        <v>95</v>
      </c>
      <c r="D24769" s="1" t="s">
        <v>88726</v>
      </c>
      <c r="E24769" s="1" t="s">
        <v>88727</v>
      </c>
      <c r="F24769" s="1" t="s">
        <v>88728</v>
      </c>
      <c r="G24769" s="1" t="s">
        <v>88663</v>
      </c>
      <c r="H24769" s="1" t="s">
        <v>88664</v>
      </c>
      <c r="I24769" s="1" t="s">
        <v>86055</v>
      </c>
      <c r="J24769" s="1" t="s">
        <v>88729</v>
      </c>
    </row>
    <row r="24770" spans="1:10" x14ac:dyDescent="0.35">
      <c r="A24770" s="1" t="s">
        <v>25827</v>
      </c>
      <c r="B24770" s="1" t="s">
        <v>86049</v>
      </c>
      <c r="C24770" s="1" t="s">
        <v>100</v>
      </c>
      <c r="D24770" s="1" t="s">
        <v>59326</v>
      </c>
      <c r="E24770" s="1" t="s">
        <v>88730</v>
      </c>
      <c r="F24770" s="1" t="s">
        <v>88731</v>
      </c>
      <c r="G24770" s="1" t="s">
        <v>88663</v>
      </c>
      <c r="H24770" s="1" t="s">
        <v>88664</v>
      </c>
      <c r="I24770" s="1" t="s">
        <v>86055</v>
      </c>
      <c r="J24770" s="1" t="s">
        <v>88732</v>
      </c>
    </row>
    <row r="24771" spans="1:10" x14ac:dyDescent="0.35">
      <c r="A24771" s="1" t="s">
        <v>25827</v>
      </c>
      <c r="B24771" s="1" t="s">
        <v>86049</v>
      </c>
      <c r="C24771" s="1" t="s">
        <v>105</v>
      </c>
      <c r="D24771" s="1" t="s">
        <v>60332</v>
      </c>
      <c r="E24771" s="1" t="s">
        <v>88733</v>
      </c>
      <c r="F24771" s="1" t="s">
        <v>88734</v>
      </c>
      <c r="G24771" s="1" t="s">
        <v>88663</v>
      </c>
      <c r="H24771" s="1" t="s">
        <v>88664</v>
      </c>
      <c r="I24771" s="1" t="s">
        <v>86055</v>
      </c>
      <c r="J24771" s="1" t="s">
        <v>71994</v>
      </c>
    </row>
    <row r="24772" spans="1:10" x14ac:dyDescent="0.35">
      <c r="A24772" s="1" t="s">
        <v>25827</v>
      </c>
      <c r="B24772" s="1" t="s">
        <v>86049</v>
      </c>
      <c r="C24772" s="1" t="s">
        <v>110</v>
      </c>
      <c r="D24772" s="1" t="s">
        <v>69645</v>
      </c>
      <c r="E24772" s="1" t="s">
        <v>88735</v>
      </c>
      <c r="F24772" s="1" t="s">
        <v>88736</v>
      </c>
      <c r="G24772" s="1" t="s">
        <v>88663</v>
      </c>
      <c r="H24772" s="1" t="s">
        <v>88664</v>
      </c>
      <c r="I24772" s="1" t="s">
        <v>86055</v>
      </c>
      <c r="J24772" s="1" t="s">
        <v>88737</v>
      </c>
    </row>
    <row r="24773" spans="1:10" x14ac:dyDescent="0.35">
      <c r="A24773" s="1" t="s">
        <v>25827</v>
      </c>
      <c r="B24773" s="1" t="s">
        <v>86049</v>
      </c>
      <c r="C24773" s="1" t="s">
        <v>115</v>
      </c>
      <c r="D24773" s="1" t="s">
        <v>88738</v>
      </c>
      <c r="E24773" s="1" t="s">
        <v>88739</v>
      </c>
      <c r="F24773" s="1" t="s">
        <v>88740</v>
      </c>
      <c r="G24773" s="1" t="s">
        <v>88663</v>
      </c>
      <c r="H24773" s="1" t="s">
        <v>88664</v>
      </c>
      <c r="I24773" s="1" t="s">
        <v>86055</v>
      </c>
      <c r="J24773" s="1" t="s">
        <v>88741</v>
      </c>
    </row>
    <row r="24774" spans="1:10" x14ac:dyDescent="0.35">
      <c r="A24774" s="1" t="s">
        <v>25827</v>
      </c>
      <c r="B24774" s="1" t="s">
        <v>86049</v>
      </c>
      <c r="C24774" s="1" t="s">
        <v>120</v>
      </c>
      <c r="D24774" s="1" t="s">
        <v>88742</v>
      </c>
      <c r="E24774" s="1" t="s">
        <v>88743</v>
      </c>
      <c r="F24774" s="1" t="s">
        <v>88744</v>
      </c>
      <c r="G24774" s="1" t="s">
        <v>88663</v>
      </c>
      <c r="H24774" s="1" t="s">
        <v>88664</v>
      </c>
      <c r="I24774" s="1" t="s">
        <v>86055</v>
      </c>
      <c r="J24774" s="1" t="s">
        <v>88745</v>
      </c>
    </row>
    <row r="24775" spans="1:10" x14ac:dyDescent="0.35">
      <c r="A24775" s="1" t="s">
        <v>25827</v>
      </c>
      <c r="B24775" s="1" t="s">
        <v>86049</v>
      </c>
      <c r="C24775" s="1" t="s">
        <v>125</v>
      </c>
      <c r="D24775" s="1" t="s">
        <v>88746</v>
      </c>
      <c r="E24775" s="1" t="s">
        <v>88747</v>
      </c>
      <c r="F24775" s="1" t="s">
        <v>88748</v>
      </c>
      <c r="G24775" s="1" t="s">
        <v>88663</v>
      </c>
      <c r="H24775" s="1" t="s">
        <v>88664</v>
      </c>
      <c r="I24775" s="1" t="s">
        <v>86055</v>
      </c>
      <c r="J24775" s="1" t="s">
        <v>88749</v>
      </c>
    </row>
    <row r="24776" spans="1:10" x14ac:dyDescent="0.35">
      <c r="A24776" s="1" t="s">
        <v>25827</v>
      </c>
      <c r="B24776" s="1" t="s">
        <v>86049</v>
      </c>
      <c r="C24776" s="1" t="s">
        <v>130</v>
      </c>
      <c r="D24776" s="1" t="s">
        <v>57230</v>
      </c>
      <c r="E24776" s="1" t="s">
        <v>88750</v>
      </c>
      <c r="F24776" s="1" t="s">
        <v>88751</v>
      </c>
      <c r="G24776" s="1" t="s">
        <v>88663</v>
      </c>
      <c r="H24776" s="1" t="s">
        <v>88664</v>
      </c>
      <c r="I24776" s="1" t="s">
        <v>86055</v>
      </c>
      <c r="J24776" s="1" t="s">
        <v>88752</v>
      </c>
    </row>
    <row r="24777" spans="1:10" x14ac:dyDescent="0.35">
      <c r="A24777" s="1" t="s">
        <v>25827</v>
      </c>
      <c r="B24777" s="1" t="s">
        <v>86049</v>
      </c>
      <c r="C24777" s="1" t="s">
        <v>135</v>
      </c>
      <c r="D24777" s="1" t="s">
        <v>88753</v>
      </c>
      <c r="E24777" s="1" t="s">
        <v>88754</v>
      </c>
      <c r="F24777" s="1" t="s">
        <v>88755</v>
      </c>
      <c r="G24777" s="1" t="s">
        <v>88663</v>
      </c>
      <c r="H24777" s="1" t="s">
        <v>88664</v>
      </c>
      <c r="I24777" s="1" t="s">
        <v>86055</v>
      </c>
      <c r="J24777" s="1" t="s">
        <v>88756</v>
      </c>
    </row>
    <row r="24778" spans="1:10" x14ac:dyDescent="0.35">
      <c r="A24778" s="1" t="s">
        <v>25827</v>
      </c>
      <c r="B24778" s="1" t="s">
        <v>86049</v>
      </c>
      <c r="C24778" s="1" t="s">
        <v>140</v>
      </c>
      <c r="D24778" s="1" t="s">
        <v>84868</v>
      </c>
      <c r="E24778" s="1" t="s">
        <v>88757</v>
      </c>
      <c r="F24778" s="1" t="s">
        <v>88758</v>
      </c>
      <c r="G24778" s="1" t="s">
        <v>88663</v>
      </c>
      <c r="H24778" s="1" t="s">
        <v>88664</v>
      </c>
      <c r="I24778" s="1" t="s">
        <v>86055</v>
      </c>
      <c r="J24778" s="1" t="s">
        <v>88759</v>
      </c>
    </row>
    <row r="24779" spans="1:10" x14ac:dyDescent="0.35">
      <c r="A24779" s="1" t="s">
        <v>25827</v>
      </c>
      <c r="B24779" s="1" t="s">
        <v>86049</v>
      </c>
      <c r="C24779" s="1" t="s">
        <v>145</v>
      </c>
      <c r="D24779" s="1" t="s">
        <v>88760</v>
      </c>
      <c r="E24779" s="1" t="s">
        <v>88761</v>
      </c>
      <c r="F24779" s="1" t="s">
        <v>88762</v>
      </c>
      <c r="G24779" s="1" t="s">
        <v>88663</v>
      </c>
      <c r="H24779" s="1" t="s">
        <v>88664</v>
      </c>
      <c r="I24779" s="1" t="s">
        <v>86055</v>
      </c>
      <c r="J24779" s="1" t="s">
        <v>88763</v>
      </c>
    </row>
    <row r="24780" spans="1:10" x14ac:dyDescent="0.35">
      <c r="A24780" s="1" t="s">
        <v>25827</v>
      </c>
      <c r="B24780" s="1" t="s">
        <v>86049</v>
      </c>
      <c r="C24780" s="1" t="s">
        <v>150</v>
      </c>
      <c r="D24780" s="1" t="s">
        <v>88764</v>
      </c>
      <c r="E24780" s="1" t="s">
        <v>88765</v>
      </c>
      <c r="F24780" s="1" t="s">
        <v>88766</v>
      </c>
      <c r="G24780" s="1" t="s">
        <v>88663</v>
      </c>
      <c r="H24780" s="1" t="s">
        <v>88664</v>
      </c>
      <c r="I24780" s="1" t="s">
        <v>86055</v>
      </c>
      <c r="J24780" s="1" t="s">
        <v>88767</v>
      </c>
    </row>
    <row r="24781" spans="1:10" x14ac:dyDescent="0.35">
      <c r="A24781" s="1" t="s">
        <v>25827</v>
      </c>
      <c r="B24781" s="1" t="s">
        <v>86049</v>
      </c>
      <c r="C24781" s="1" t="s">
        <v>155</v>
      </c>
      <c r="D24781" s="1" t="s">
        <v>88768</v>
      </c>
      <c r="E24781" s="1" t="s">
        <v>88769</v>
      </c>
      <c r="F24781" s="1" t="s">
        <v>88770</v>
      </c>
      <c r="G24781" s="1" t="s">
        <v>88663</v>
      </c>
      <c r="H24781" s="1" t="s">
        <v>88664</v>
      </c>
      <c r="I24781" s="1" t="s">
        <v>86055</v>
      </c>
      <c r="J24781" s="1" t="s">
        <v>88771</v>
      </c>
    </row>
    <row r="24782" spans="1:10" x14ac:dyDescent="0.35">
      <c r="A24782" s="1" t="s">
        <v>25827</v>
      </c>
      <c r="B24782" s="1" t="s">
        <v>86049</v>
      </c>
      <c r="C24782" s="1" t="s">
        <v>160</v>
      </c>
      <c r="D24782" s="1" t="s">
        <v>86098</v>
      </c>
      <c r="E24782" s="1" t="s">
        <v>88772</v>
      </c>
      <c r="F24782" s="1" t="s">
        <v>88773</v>
      </c>
      <c r="G24782" s="1" t="s">
        <v>88663</v>
      </c>
      <c r="H24782" s="1" t="s">
        <v>88664</v>
      </c>
      <c r="I24782" s="1" t="s">
        <v>86055</v>
      </c>
      <c r="J24782" s="1" t="s">
        <v>88774</v>
      </c>
    </row>
    <row r="24783" spans="1:10" x14ac:dyDescent="0.35">
      <c r="A24783" s="1" t="s">
        <v>25827</v>
      </c>
      <c r="B24783" s="1" t="s">
        <v>86049</v>
      </c>
      <c r="C24783" s="1" t="s">
        <v>165</v>
      </c>
      <c r="D24783" s="1" t="s">
        <v>54939</v>
      </c>
      <c r="E24783" s="1" t="s">
        <v>88775</v>
      </c>
      <c r="F24783" s="1" t="s">
        <v>88776</v>
      </c>
      <c r="G24783" s="1" t="s">
        <v>88663</v>
      </c>
      <c r="H24783" s="1" t="s">
        <v>88664</v>
      </c>
      <c r="I24783" s="1" t="s">
        <v>86055</v>
      </c>
      <c r="J24783" s="1" t="s">
        <v>88777</v>
      </c>
    </row>
    <row r="24784" spans="1:10" x14ac:dyDescent="0.35">
      <c r="A24784" s="1" t="s">
        <v>25827</v>
      </c>
      <c r="B24784" s="1" t="s">
        <v>86049</v>
      </c>
      <c r="C24784" s="1" t="s">
        <v>170</v>
      </c>
      <c r="D24784" s="1" t="s">
        <v>88778</v>
      </c>
      <c r="E24784" s="1" t="s">
        <v>88779</v>
      </c>
      <c r="F24784" s="1" t="s">
        <v>88780</v>
      </c>
      <c r="G24784" s="1" t="s">
        <v>88663</v>
      </c>
      <c r="H24784" s="1" t="s">
        <v>88664</v>
      </c>
      <c r="I24784" s="1" t="s">
        <v>86055</v>
      </c>
      <c r="J24784" s="1" t="s">
        <v>88781</v>
      </c>
    </row>
    <row r="24785" spans="1:10" x14ac:dyDescent="0.35">
      <c r="A24785" s="1" t="s">
        <v>1797</v>
      </c>
      <c r="B24785" s="1" t="s">
        <v>86049</v>
      </c>
      <c r="C24785" s="1" t="s">
        <v>8</v>
      </c>
      <c r="D24785" s="1" t="s">
        <v>88782</v>
      </c>
      <c r="E24785" s="1" t="s">
        <v>88783</v>
      </c>
      <c r="F24785" s="1" t="s">
        <v>88784</v>
      </c>
      <c r="G24785" s="1" t="s">
        <v>88785</v>
      </c>
      <c r="H24785" s="1" t="s">
        <v>88786</v>
      </c>
      <c r="I24785" s="1" t="s">
        <v>86055</v>
      </c>
      <c r="J24785" s="1" t="s">
        <v>13</v>
      </c>
    </row>
    <row r="24786" spans="1:10" x14ac:dyDescent="0.35">
      <c r="A24786" s="1" t="s">
        <v>1797</v>
      </c>
      <c r="B24786" s="1" t="s">
        <v>86049</v>
      </c>
      <c r="C24786" s="1" t="s">
        <v>15</v>
      </c>
      <c r="D24786" s="1" t="s">
        <v>88787</v>
      </c>
      <c r="E24786" s="1" t="s">
        <v>88788</v>
      </c>
      <c r="F24786" s="1" t="s">
        <v>88789</v>
      </c>
      <c r="G24786" s="1" t="s">
        <v>88785</v>
      </c>
      <c r="H24786" s="1" t="s">
        <v>88786</v>
      </c>
      <c r="I24786" s="1" t="s">
        <v>86055</v>
      </c>
      <c r="J24786" s="1" t="s">
        <v>88790</v>
      </c>
    </row>
    <row r="24787" spans="1:10" x14ac:dyDescent="0.35">
      <c r="A24787" s="1" t="s">
        <v>1797</v>
      </c>
      <c r="B24787" s="1" t="s">
        <v>86049</v>
      </c>
      <c r="C24787" s="1" t="s">
        <v>20</v>
      </c>
      <c r="D24787" s="1" t="s">
        <v>59004</v>
      </c>
      <c r="E24787" s="1" t="s">
        <v>88791</v>
      </c>
      <c r="F24787" s="1" t="s">
        <v>88792</v>
      </c>
      <c r="G24787" s="1" t="s">
        <v>88785</v>
      </c>
      <c r="H24787" s="1" t="s">
        <v>88786</v>
      </c>
      <c r="I24787" s="1" t="s">
        <v>86055</v>
      </c>
      <c r="J24787" s="1" t="s">
        <v>88793</v>
      </c>
    </row>
    <row r="24788" spans="1:10" x14ac:dyDescent="0.35">
      <c r="A24788" s="1" t="s">
        <v>1797</v>
      </c>
      <c r="B24788" s="1" t="s">
        <v>86049</v>
      </c>
      <c r="C24788" s="1" t="s">
        <v>25</v>
      </c>
      <c r="D24788" s="1" t="s">
        <v>54378</v>
      </c>
      <c r="E24788" s="1" t="s">
        <v>88794</v>
      </c>
      <c r="F24788" s="1" t="s">
        <v>88795</v>
      </c>
      <c r="G24788" s="1" t="s">
        <v>88785</v>
      </c>
      <c r="H24788" s="1" t="s">
        <v>88786</v>
      </c>
      <c r="I24788" s="1" t="s">
        <v>86055</v>
      </c>
      <c r="J24788" s="1" t="s">
        <v>88796</v>
      </c>
    </row>
    <row r="24789" spans="1:10" x14ac:dyDescent="0.35">
      <c r="A24789" s="1" t="s">
        <v>1797</v>
      </c>
      <c r="B24789" s="1" t="s">
        <v>86049</v>
      </c>
      <c r="C24789" s="1" t="s">
        <v>30</v>
      </c>
      <c r="D24789" s="1" t="s">
        <v>88797</v>
      </c>
      <c r="E24789" s="1" t="s">
        <v>88798</v>
      </c>
      <c r="F24789" s="1" t="s">
        <v>88799</v>
      </c>
      <c r="G24789" s="1" t="s">
        <v>88785</v>
      </c>
      <c r="H24789" s="1" t="s">
        <v>88786</v>
      </c>
      <c r="I24789" s="1" t="s">
        <v>86055</v>
      </c>
      <c r="J24789" s="1" t="s">
        <v>88800</v>
      </c>
    </row>
    <row r="24790" spans="1:10" x14ac:dyDescent="0.35">
      <c r="A24790" s="1" t="s">
        <v>1797</v>
      </c>
      <c r="B24790" s="1" t="s">
        <v>86049</v>
      </c>
      <c r="C24790" s="1" t="s">
        <v>35</v>
      </c>
      <c r="D24790" s="1" t="s">
        <v>20432</v>
      </c>
      <c r="E24790" s="1" t="s">
        <v>88801</v>
      </c>
      <c r="F24790" s="1" t="s">
        <v>88802</v>
      </c>
      <c r="G24790" s="1" t="s">
        <v>88785</v>
      </c>
      <c r="H24790" s="1" t="s">
        <v>88786</v>
      </c>
      <c r="I24790" s="1" t="s">
        <v>86055</v>
      </c>
      <c r="J24790" s="1" t="s">
        <v>88803</v>
      </c>
    </row>
    <row r="24791" spans="1:10" x14ac:dyDescent="0.35">
      <c r="A24791" s="1" t="s">
        <v>1797</v>
      </c>
      <c r="B24791" s="1" t="s">
        <v>86049</v>
      </c>
      <c r="C24791" s="1" t="s">
        <v>40</v>
      </c>
      <c r="D24791" s="1" t="s">
        <v>88804</v>
      </c>
      <c r="E24791" s="1" t="s">
        <v>88805</v>
      </c>
      <c r="F24791" s="1" t="s">
        <v>88806</v>
      </c>
      <c r="G24791" s="1" t="s">
        <v>88785</v>
      </c>
      <c r="H24791" s="1" t="s">
        <v>88786</v>
      </c>
      <c r="I24791" s="1" t="s">
        <v>86055</v>
      </c>
      <c r="J24791" s="1" t="s">
        <v>88807</v>
      </c>
    </row>
    <row r="24792" spans="1:10" x14ac:dyDescent="0.35">
      <c r="A24792" s="1" t="s">
        <v>1797</v>
      </c>
      <c r="B24792" s="1" t="s">
        <v>86049</v>
      </c>
      <c r="C24792" s="1" t="s">
        <v>45</v>
      </c>
      <c r="D24792" s="1" t="s">
        <v>88808</v>
      </c>
      <c r="E24792" s="1" t="s">
        <v>88809</v>
      </c>
      <c r="F24792" s="1" t="s">
        <v>88810</v>
      </c>
      <c r="G24792" s="1" t="s">
        <v>88785</v>
      </c>
      <c r="H24792" s="1" t="s">
        <v>88786</v>
      </c>
      <c r="I24792" s="1" t="s">
        <v>86055</v>
      </c>
      <c r="J24792" s="1" t="s">
        <v>88811</v>
      </c>
    </row>
    <row r="24793" spans="1:10" x14ac:dyDescent="0.35">
      <c r="A24793" s="1" t="s">
        <v>1797</v>
      </c>
      <c r="B24793" s="1" t="s">
        <v>86049</v>
      </c>
      <c r="C24793" s="1" t="s">
        <v>50</v>
      </c>
      <c r="D24793" s="1" t="s">
        <v>88812</v>
      </c>
      <c r="E24793" s="1" t="s">
        <v>88813</v>
      </c>
      <c r="F24793" s="1" t="s">
        <v>88814</v>
      </c>
      <c r="G24793" s="1" t="s">
        <v>88785</v>
      </c>
      <c r="H24793" s="1" t="s">
        <v>88786</v>
      </c>
      <c r="I24793" s="1" t="s">
        <v>86055</v>
      </c>
      <c r="J24793" s="1" t="s">
        <v>88815</v>
      </c>
    </row>
    <row r="24794" spans="1:10" x14ac:dyDescent="0.35">
      <c r="A24794" s="1" t="s">
        <v>1797</v>
      </c>
      <c r="B24794" s="1" t="s">
        <v>86049</v>
      </c>
      <c r="C24794" s="1" t="s">
        <v>55</v>
      </c>
      <c r="D24794" s="1" t="s">
        <v>88816</v>
      </c>
      <c r="E24794" s="1" t="s">
        <v>88817</v>
      </c>
      <c r="F24794" s="1" t="s">
        <v>88818</v>
      </c>
      <c r="G24794" s="1" t="s">
        <v>88785</v>
      </c>
      <c r="H24794" s="1" t="s">
        <v>88786</v>
      </c>
      <c r="I24794" s="1" t="s">
        <v>86055</v>
      </c>
      <c r="J24794" s="1" t="s">
        <v>88819</v>
      </c>
    </row>
    <row r="24795" spans="1:10" x14ac:dyDescent="0.35">
      <c r="A24795" s="1" t="s">
        <v>1797</v>
      </c>
      <c r="B24795" s="1" t="s">
        <v>86049</v>
      </c>
      <c r="C24795" s="1" t="s">
        <v>60</v>
      </c>
      <c r="D24795" s="1" t="s">
        <v>69562</v>
      </c>
      <c r="E24795" s="1" t="s">
        <v>88820</v>
      </c>
      <c r="F24795" s="1" t="s">
        <v>88821</v>
      </c>
      <c r="G24795" s="1" t="s">
        <v>88785</v>
      </c>
      <c r="H24795" s="1" t="s">
        <v>88786</v>
      </c>
      <c r="I24795" s="1" t="s">
        <v>86055</v>
      </c>
      <c r="J24795" s="1" t="s">
        <v>88822</v>
      </c>
    </row>
    <row r="24796" spans="1:10" x14ac:dyDescent="0.35">
      <c r="A24796" s="1" t="s">
        <v>1797</v>
      </c>
      <c r="B24796" s="1" t="s">
        <v>86049</v>
      </c>
      <c r="C24796" s="1" t="s">
        <v>65</v>
      </c>
      <c r="D24796" s="1" t="s">
        <v>88823</v>
      </c>
      <c r="E24796" s="1" t="s">
        <v>88824</v>
      </c>
      <c r="F24796" s="1" t="s">
        <v>88825</v>
      </c>
      <c r="G24796" s="1" t="s">
        <v>88785</v>
      </c>
      <c r="H24796" s="1" t="s">
        <v>88786</v>
      </c>
      <c r="I24796" s="1" t="s">
        <v>86055</v>
      </c>
      <c r="J24796" s="1" t="s">
        <v>88826</v>
      </c>
    </row>
    <row r="24797" spans="1:10" x14ac:dyDescent="0.35">
      <c r="A24797" s="1" t="s">
        <v>1797</v>
      </c>
      <c r="B24797" s="1" t="s">
        <v>86049</v>
      </c>
      <c r="C24797" s="1" t="s">
        <v>70</v>
      </c>
      <c r="D24797" s="1" t="s">
        <v>23534</v>
      </c>
      <c r="E24797" s="1" t="s">
        <v>88827</v>
      </c>
      <c r="F24797" s="1" t="s">
        <v>88828</v>
      </c>
      <c r="G24797" s="1" t="s">
        <v>88785</v>
      </c>
      <c r="H24797" s="1" t="s">
        <v>88786</v>
      </c>
      <c r="I24797" s="1" t="s">
        <v>86055</v>
      </c>
      <c r="J24797" s="1" t="s">
        <v>88829</v>
      </c>
    </row>
    <row r="24798" spans="1:10" x14ac:dyDescent="0.35">
      <c r="A24798" s="1" t="s">
        <v>1797</v>
      </c>
      <c r="B24798" s="1" t="s">
        <v>86049</v>
      </c>
      <c r="C24798" s="1" t="s">
        <v>75</v>
      </c>
      <c r="D24798" s="1" t="s">
        <v>88830</v>
      </c>
      <c r="E24798" s="1" t="s">
        <v>88831</v>
      </c>
      <c r="F24798" s="1" t="s">
        <v>88832</v>
      </c>
      <c r="G24798" s="1" t="s">
        <v>88785</v>
      </c>
      <c r="H24798" s="1" t="s">
        <v>88786</v>
      </c>
      <c r="I24798" s="1" t="s">
        <v>86055</v>
      </c>
      <c r="J24798" s="1" t="s">
        <v>88833</v>
      </c>
    </row>
    <row r="24799" spans="1:10" x14ac:dyDescent="0.35">
      <c r="A24799" s="1" t="s">
        <v>1797</v>
      </c>
      <c r="B24799" s="1" t="s">
        <v>86049</v>
      </c>
      <c r="C24799" s="1" t="s">
        <v>80</v>
      </c>
      <c r="D24799" s="1" t="s">
        <v>88834</v>
      </c>
      <c r="E24799" s="1" t="s">
        <v>88835</v>
      </c>
      <c r="F24799" s="1" t="s">
        <v>88836</v>
      </c>
      <c r="G24799" s="1" t="s">
        <v>88785</v>
      </c>
      <c r="H24799" s="1" t="s">
        <v>88786</v>
      </c>
      <c r="I24799" s="1" t="s">
        <v>86055</v>
      </c>
      <c r="J24799" s="1" t="s">
        <v>88837</v>
      </c>
    </row>
    <row r="24800" spans="1:10" x14ac:dyDescent="0.35">
      <c r="A24800" s="1" t="s">
        <v>1797</v>
      </c>
      <c r="B24800" s="1" t="s">
        <v>86049</v>
      </c>
      <c r="C24800" s="1" t="s">
        <v>85</v>
      </c>
      <c r="D24800" s="1" t="s">
        <v>67203</v>
      </c>
      <c r="E24800" s="1" t="s">
        <v>88838</v>
      </c>
      <c r="F24800" s="1" t="s">
        <v>88839</v>
      </c>
      <c r="G24800" s="1" t="s">
        <v>88785</v>
      </c>
      <c r="H24800" s="1" t="s">
        <v>88786</v>
      </c>
      <c r="I24800" s="1" t="s">
        <v>86055</v>
      </c>
      <c r="J24800" s="1" t="s">
        <v>88840</v>
      </c>
    </row>
    <row r="24801" spans="1:10" x14ac:dyDescent="0.35">
      <c r="A24801" s="1" t="s">
        <v>1797</v>
      </c>
      <c r="B24801" s="1" t="s">
        <v>86049</v>
      </c>
      <c r="C24801" s="1" t="s">
        <v>90</v>
      </c>
      <c r="D24801" s="1" t="s">
        <v>66991</v>
      </c>
      <c r="E24801" s="1" t="s">
        <v>88841</v>
      </c>
      <c r="F24801" s="1" t="s">
        <v>88842</v>
      </c>
      <c r="G24801" s="1" t="s">
        <v>88785</v>
      </c>
      <c r="H24801" s="1" t="s">
        <v>88786</v>
      </c>
      <c r="I24801" s="1" t="s">
        <v>86055</v>
      </c>
      <c r="J24801" s="1" t="s">
        <v>88843</v>
      </c>
    </row>
    <row r="24802" spans="1:10" x14ac:dyDescent="0.35">
      <c r="A24802" s="1" t="s">
        <v>1797</v>
      </c>
      <c r="B24802" s="1" t="s">
        <v>86049</v>
      </c>
      <c r="C24802" s="1" t="s">
        <v>95</v>
      </c>
      <c r="D24802" s="1" t="s">
        <v>88844</v>
      </c>
      <c r="E24802" s="1" t="s">
        <v>88845</v>
      </c>
      <c r="F24802" s="1" t="s">
        <v>88846</v>
      </c>
      <c r="G24802" s="1" t="s">
        <v>88785</v>
      </c>
      <c r="H24802" s="1" t="s">
        <v>88786</v>
      </c>
      <c r="I24802" s="1" t="s">
        <v>86055</v>
      </c>
      <c r="J24802" s="1" t="s">
        <v>88847</v>
      </c>
    </row>
    <row r="24803" spans="1:10" x14ac:dyDescent="0.35">
      <c r="A24803" s="1" t="s">
        <v>1797</v>
      </c>
      <c r="B24803" s="1" t="s">
        <v>86049</v>
      </c>
      <c r="C24803" s="1" t="s">
        <v>100</v>
      </c>
      <c r="D24803" s="1" t="s">
        <v>88848</v>
      </c>
      <c r="E24803" s="1" t="s">
        <v>88849</v>
      </c>
      <c r="F24803" s="1" t="s">
        <v>88850</v>
      </c>
      <c r="G24803" s="1" t="s">
        <v>88785</v>
      </c>
      <c r="H24803" s="1" t="s">
        <v>88786</v>
      </c>
      <c r="I24803" s="1" t="s">
        <v>86055</v>
      </c>
      <c r="J24803" s="1" t="s">
        <v>88851</v>
      </c>
    </row>
    <row r="24804" spans="1:10" x14ac:dyDescent="0.35">
      <c r="A24804" s="1" t="s">
        <v>1797</v>
      </c>
      <c r="B24804" s="1" t="s">
        <v>86049</v>
      </c>
      <c r="C24804" s="1" t="s">
        <v>105</v>
      </c>
      <c r="D24804" s="1" t="s">
        <v>88852</v>
      </c>
      <c r="E24804" s="1" t="s">
        <v>88853</v>
      </c>
      <c r="F24804" s="1" t="s">
        <v>88854</v>
      </c>
      <c r="G24804" s="1" t="s">
        <v>88785</v>
      </c>
      <c r="H24804" s="1" t="s">
        <v>88786</v>
      </c>
      <c r="I24804" s="1" t="s">
        <v>86055</v>
      </c>
      <c r="J24804" s="1" t="s">
        <v>88855</v>
      </c>
    </row>
    <row r="24805" spans="1:10" x14ac:dyDescent="0.35">
      <c r="A24805" s="1" t="s">
        <v>1797</v>
      </c>
      <c r="B24805" s="1" t="s">
        <v>86049</v>
      </c>
      <c r="C24805" s="1" t="s">
        <v>110</v>
      </c>
      <c r="D24805" s="1" t="s">
        <v>88856</v>
      </c>
      <c r="E24805" s="1" t="s">
        <v>88857</v>
      </c>
      <c r="F24805" s="1" t="s">
        <v>88858</v>
      </c>
      <c r="G24805" s="1" t="s">
        <v>88785</v>
      </c>
      <c r="H24805" s="1" t="s">
        <v>88786</v>
      </c>
      <c r="I24805" s="1" t="s">
        <v>86055</v>
      </c>
      <c r="J24805" s="1" t="s">
        <v>88859</v>
      </c>
    </row>
    <row r="24806" spans="1:10" x14ac:dyDescent="0.35">
      <c r="A24806" s="1" t="s">
        <v>1797</v>
      </c>
      <c r="B24806" s="1" t="s">
        <v>86049</v>
      </c>
      <c r="C24806" s="1" t="s">
        <v>115</v>
      </c>
      <c r="D24806" s="1" t="s">
        <v>88860</v>
      </c>
      <c r="E24806" s="1" t="s">
        <v>88861</v>
      </c>
      <c r="F24806" s="1" t="s">
        <v>88862</v>
      </c>
      <c r="G24806" s="1" t="s">
        <v>88785</v>
      </c>
      <c r="H24806" s="1" t="s">
        <v>88786</v>
      </c>
      <c r="I24806" s="1" t="s">
        <v>86055</v>
      </c>
      <c r="J24806" s="1" t="s">
        <v>88863</v>
      </c>
    </row>
    <row r="24807" spans="1:10" x14ac:dyDescent="0.35">
      <c r="A24807" s="1" t="s">
        <v>1797</v>
      </c>
      <c r="B24807" s="1" t="s">
        <v>86049</v>
      </c>
      <c r="C24807" s="1" t="s">
        <v>120</v>
      </c>
      <c r="D24807" s="1" t="s">
        <v>88864</v>
      </c>
      <c r="E24807" s="1" t="s">
        <v>88865</v>
      </c>
      <c r="F24807" s="1" t="s">
        <v>88866</v>
      </c>
      <c r="G24807" s="1" t="s">
        <v>88785</v>
      </c>
      <c r="H24807" s="1" t="s">
        <v>88786</v>
      </c>
      <c r="I24807" s="1" t="s">
        <v>86055</v>
      </c>
      <c r="J24807" s="1" t="s">
        <v>88867</v>
      </c>
    </row>
    <row r="24808" spans="1:10" x14ac:dyDescent="0.35">
      <c r="A24808" s="1" t="s">
        <v>1797</v>
      </c>
      <c r="B24808" s="1" t="s">
        <v>86049</v>
      </c>
      <c r="C24808" s="1" t="s">
        <v>125</v>
      </c>
      <c r="D24808" s="1" t="s">
        <v>88868</v>
      </c>
      <c r="E24808" s="1" t="s">
        <v>88869</v>
      </c>
      <c r="F24808" s="1" t="s">
        <v>88870</v>
      </c>
      <c r="G24808" s="1" t="s">
        <v>88785</v>
      </c>
      <c r="H24808" s="1" t="s">
        <v>88786</v>
      </c>
      <c r="I24808" s="1" t="s">
        <v>86055</v>
      </c>
      <c r="J24808" s="1" t="s">
        <v>88871</v>
      </c>
    </row>
    <row r="24809" spans="1:10" x14ac:dyDescent="0.35">
      <c r="A24809" s="1" t="s">
        <v>1797</v>
      </c>
      <c r="B24809" s="1" t="s">
        <v>86049</v>
      </c>
      <c r="C24809" s="1" t="s">
        <v>130</v>
      </c>
      <c r="D24809" s="1" t="s">
        <v>88872</v>
      </c>
      <c r="E24809" s="1" t="s">
        <v>88873</v>
      </c>
      <c r="F24809" s="1" t="s">
        <v>88874</v>
      </c>
      <c r="G24809" s="1" t="s">
        <v>88785</v>
      </c>
      <c r="H24809" s="1" t="s">
        <v>88786</v>
      </c>
      <c r="I24809" s="1" t="s">
        <v>86055</v>
      </c>
      <c r="J24809" s="1" t="s">
        <v>88875</v>
      </c>
    </row>
    <row r="24810" spans="1:10" x14ac:dyDescent="0.35">
      <c r="A24810" s="1" t="s">
        <v>1797</v>
      </c>
      <c r="B24810" s="1" t="s">
        <v>86049</v>
      </c>
      <c r="C24810" s="1" t="s">
        <v>135</v>
      </c>
      <c r="D24810" s="1" t="s">
        <v>88876</v>
      </c>
      <c r="E24810" s="1" t="s">
        <v>88877</v>
      </c>
      <c r="F24810" s="1" t="s">
        <v>88878</v>
      </c>
      <c r="G24810" s="1" t="s">
        <v>88785</v>
      </c>
      <c r="H24810" s="1" t="s">
        <v>88786</v>
      </c>
      <c r="I24810" s="1" t="s">
        <v>86055</v>
      </c>
      <c r="J24810" s="1" t="s">
        <v>88879</v>
      </c>
    </row>
    <row r="24811" spans="1:10" x14ac:dyDescent="0.35">
      <c r="A24811" s="1" t="s">
        <v>1797</v>
      </c>
      <c r="B24811" s="1" t="s">
        <v>86049</v>
      </c>
      <c r="C24811" s="1" t="s">
        <v>140</v>
      </c>
      <c r="D24811" s="1" t="s">
        <v>88880</v>
      </c>
      <c r="E24811" s="1" t="s">
        <v>88881</v>
      </c>
      <c r="F24811" s="1" t="s">
        <v>88882</v>
      </c>
      <c r="G24811" s="1" t="s">
        <v>88785</v>
      </c>
      <c r="H24811" s="1" t="s">
        <v>88786</v>
      </c>
      <c r="I24811" s="1" t="s">
        <v>86055</v>
      </c>
      <c r="J24811" s="1" t="s">
        <v>88883</v>
      </c>
    </row>
    <row r="24812" spans="1:10" x14ac:dyDescent="0.35">
      <c r="A24812" s="1" t="s">
        <v>1797</v>
      </c>
      <c r="B24812" s="1" t="s">
        <v>86049</v>
      </c>
      <c r="C24812" s="1" t="s">
        <v>145</v>
      </c>
      <c r="D24812" s="1" t="s">
        <v>88884</v>
      </c>
      <c r="E24812" s="1" t="s">
        <v>88885</v>
      </c>
      <c r="F24812" s="1" t="s">
        <v>88886</v>
      </c>
      <c r="G24812" s="1" t="s">
        <v>88785</v>
      </c>
      <c r="H24812" s="1" t="s">
        <v>88786</v>
      </c>
      <c r="I24812" s="1" t="s">
        <v>86055</v>
      </c>
      <c r="J24812" s="1" t="s">
        <v>88887</v>
      </c>
    </row>
    <row r="24813" spans="1:10" x14ac:dyDescent="0.35">
      <c r="A24813" s="1" t="s">
        <v>1797</v>
      </c>
      <c r="B24813" s="1" t="s">
        <v>86049</v>
      </c>
      <c r="C24813" s="1" t="s">
        <v>150</v>
      </c>
      <c r="D24813" s="1" t="s">
        <v>87518</v>
      </c>
      <c r="E24813" s="1" t="s">
        <v>88888</v>
      </c>
      <c r="F24813" s="1" t="s">
        <v>88889</v>
      </c>
      <c r="G24813" s="1" t="s">
        <v>88785</v>
      </c>
      <c r="H24813" s="1" t="s">
        <v>88786</v>
      </c>
      <c r="I24813" s="1" t="s">
        <v>86055</v>
      </c>
      <c r="J24813" s="1" t="s">
        <v>88890</v>
      </c>
    </row>
    <row r="24814" spans="1:10" x14ac:dyDescent="0.35">
      <c r="A24814" s="1" t="s">
        <v>1797</v>
      </c>
      <c r="B24814" s="1" t="s">
        <v>86049</v>
      </c>
      <c r="C24814" s="1" t="s">
        <v>155</v>
      </c>
      <c r="D24814" s="1" t="s">
        <v>88891</v>
      </c>
      <c r="E24814" s="1" t="s">
        <v>88892</v>
      </c>
      <c r="F24814" s="1" t="s">
        <v>88893</v>
      </c>
      <c r="G24814" s="1" t="s">
        <v>88785</v>
      </c>
      <c r="H24814" s="1" t="s">
        <v>88786</v>
      </c>
      <c r="I24814" s="1" t="s">
        <v>86055</v>
      </c>
      <c r="J24814" s="1" t="s">
        <v>88894</v>
      </c>
    </row>
    <row r="24815" spans="1:10" x14ac:dyDescent="0.35">
      <c r="A24815" s="1" t="s">
        <v>1797</v>
      </c>
      <c r="B24815" s="1" t="s">
        <v>86049</v>
      </c>
      <c r="C24815" s="1" t="s">
        <v>160</v>
      </c>
      <c r="D24815" s="1" t="s">
        <v>56937</v>
      </c>
      <c r="E24815" s="1" t="s">
        <v>88895</v>
      </c>
      <c r="F24815" s="1" t="s">
        <v>88896</v>
      </c>
      <c r="G24815" s="1" t="s">
        <v>88785</v>
      </c>
      <c r="H24815" s="1" t="s">
        <v>88786</v>
      </c>
      <c r="I24815" s="1" t="s">
        <v>86055</v>
      </c>
      <c r="J24815" s="1" t="s">
        <v>88897</v>
      </c>
    </row>
    <row r="24816" spans="1:10" x14ac:dyDescent="0.35">
      <c r="A24816" s="1" t="s">
        <v>1797</v>
      </c>
      <c r="B24816" s="1" t="s">
        <v>86049</v>
      </c>
      <c r="C24816" s="1" t="s">
        <v>165</v>
      </c>
      <c r="D24816" s="1" t="s">
        <v>64620</v>
      </c>
      <c r="E24816" s="1" t="s">
        <v>88898</v>
      </c>
      <c r="F24816" s="1" t="s">
        <v>88899</v>
      </c>
      <c r="G24816" s="1" t="s">
        <v>88785</v>
      </c>
      <c r="H24816" s="1" t="s">
        <v>88786</v>
      </c>
      <c r="I24816" s="1" t="s">
        <v>86055</v>
      </c>
      <c r="J24816" s="1" t="s">
        <v>88900</v>
      </c>
    </row>
    <row r="24817" spans="1:10" x14ac:dyDescent="0.35">
      <c r="A24817" s="1" t="s">
        <v>1797</v>
      </c>
      <c r="B24817" s="1" t="s">
        <v>86049</v>
      </c>
      <c r="C24817" s="1" t="s">
        <v>170</v>
      </c>
      <c r="D24817" s="1" t="s">
        <v>66235</v>
      </c>
      <c r="E24817" s="1" t="s">
        <v>88901</v>
      </c>
      <c r="F24817" s="1" t="s">
        <v>88902</v>
      </c>
      <c r="G24817" s="1" t="s">
        <v>88785</v>
      </c>
      <c r="H24817" s="1" t="s">
        <v>88786</v>
      </c>
      <c r="I24817" s="1" t="s">
        <v>86055</v>
      </c>
      <c r="J24817" s="1" t="s">
        <v>88903</v>
      </c>
    </row>
    <row r="24818" spans="1:10" x14ac:dyDescent="0.35">
      <c r="A24818" s="1" t="s">
        <v>44646</v>
      </c>
      <c r="B24818" s="1" t="s">
        <v>86049</v>
      </c>
      <c r="C24818" s="1" t="s">
        <v>8</v>
      </c>
      <c r="D24818" s="1" t="s">
        <v>88904</v>
      </c>
      <c r="E24818" s="1" t="s">
        <v>88905</v>
      </c>
      <c r="F24818" s="1" t="s">
        <v>88906</v>
      </c>
      <c r="G24818" s="1" t="s">
        <v>88907</v>
      </c>
      <c r="H24818" s="1" t="s">
        <v>88908</v>
      </c>
      <c r="I24818" s="1" t="s">
        <v>86055</v>
      </c>
      <c r="J24818" s="1" t="s">
        <v>13</v>
      </c>
    </row>
    <row r="24819" spans="1:10" x14ac:dyDescent="0.35">
      <c r="A24819" s="1" t="s">
        <v>44646</v>
      </c>
      <c r="B24819" s="1" t="s">
        <v>86049</v>
      </c>
      <c r="C24819" s="1" t="s">
        <v>15</v>
      </c>
      <c r="D24819" s="1" t="s">
        <v>88909</v>
      </c>
      <c r="E24819" s="1" t="s">
        <v>88910</v>
      </c>
      <c r="F24819" s="1" t="s">
        <v>88911</v>
      </c>
      <c r="G24819" s="1" t="s">
        <v>88907</v>
      </c>
      <c r="H24819" s="1" t="s">
        <v>88908</v>
      </c>
      <c r="I24819" s="1" t="s">
        <v>86055</v>
      </c>
      <c r="J24819" s="1" t="s">
        <v>88912</v>
      </c>
    </row>
    <row r="24820" spans="1:10" x14ac:dyDescent="0.35">
      <c r="A24820" s="1" t="s">
        <v>44646</v>
      </c>
      <c r="B24820" s="1" t="s">
        <v>86049</v>
      </c>
      <c r="C24820" s="1" t="s">
        <v>20</v>
      </c>
      <c r="D24820" s="1" t="s">
        <v>43515</v>
      </c>
      <c r="E24820" s="1" t="s">
        <v>88913</v>
      </c>
      <c r="F24820" s="1" t="s">
        <v>88914</v>
      </c>
      <c r="G24820" s="1" t="s">
        <v>88907</v>
      </c>
      <c r="H24820" s="1" t="s">
        <v>88908</v>
      </c>
      <c r="I24820" s="1" t="s">
        <v>86055</v>
      </c>
      <c r="J24820" s="1" t="s">
        <v>88915</v>
      </c>
    </row>
    <row r="24821" spans="1:10" x14ac:dyDescent="0.35">
      <c r="A24821" s="1" t="s">
        <v>44646</v>
      </c>
      <c r="B24821" s="1" t="s">
        <v>86049</v>
      </c>
      <c r="C24821" s="1" t="s">
        <v>25</v>
      </c>
      <c r="D24821" s="1" t="s">
        <v>79000</v>
      </c>
      <c r="E24821" s="1" t="s">
        <v>88916</v>
      </c>
      <c r="F24821" s="1" t="s">
        <v>88917</v>
      </c>
      <c r="G24821" s="1" t="s">
        <v>88907</v>
      </c>
      <c r="H24821" s="1" t="s">
        <v>88908</v>
      </c>
      <c r="I24821" s="1" t="s">
        <v>86055</v>
      </c>
      <c r="J24821" s="1" t="s">
        <v>88918</v>
      </c>
    </row>
    <row r="24822" spans="1:10" x14ac:dyDescent="0.35">
      <c r="A24822" s="1" t="s">
        <v>44646</v>
      </c>
      <c r="B24822" s="1" t="s">
        <v>86049</v>
      </c>
      <c r="C24822" s="1" t="s">
        <v>30</v>
      </c>
      <c r="D24822" s="1" t="s">
        <v>56196</v>
      </c>
      <c r="E24822" s="1" t="s">
        <v>88919</v>
      </c>
      <c r="F24822" s="1" t="s">
        <v>88920</v>
      </c>
      <c r="G24822" s="1" t="s">
        <v>88907</v>
      </c>
      <c r="H24822" s="1" t="s">
        <v>88908</v>
      </c>
      <c r="I24822" s="1" t="s">
        <v>86055</v>
      </c>
      <c r="J24822" s="1" t="s">
        <v>88921</v>
      </c>
    </row>
    <row r="24823" spans="1:10" x14ac:dyDescent="0.35">
      <c r="A24823" s="1" t="s">
        <v>44646</v>
      </c>
      <c r="B24823" s="1" t="s">
        <v>86049</v>
      </c>
      <c r="C24823" s="1" t="s">
        <v>35</v>
      </c>
      <c r="D24823" s="1" t="s">
        <v>88922</v>
      </c>
      <c r="E24823" s="1" t="s">
        <v>88923</v>
      </c>
      <c r="F24823" s="1" t="s">
        <v>88924</v>
      </c>
      <c r="G24823" s="1" t="s">
        <v>88907</v>
      </c>
      <c r="H24823" s="1" t="s">
        <v>88908</v>
      </c>
      <c r="I24823" s="1" t="s">
        <v>86055</v>
      </c>
      <c r="J24823" s="1" t="s">
        <v>88925</v>
      </c>
    </row>
    <row r="24824" spans="1:10" x14ac:dyDescent="0.35">
      <c r="A24824" s="1" t="s">
        <v>44646</v>
      </c>
      <c r="B24824" s="1" t="s">
        <v>86049</v>
      </c>
      <c r="C24824" s="1" t="s">
        <v>40</v>
      </c>
      <c r="D24824" s="1" t="s">
        <v>88926</v>
      </c>
      <c r="E24824" s="1" t="s">
        <v>88927</v>
      </c>
      <c r="F24824" s="1" t="s">
        <v>88928</v>
      </c>
      <c r="G24824" s="1" t="s">
        <v>88907</v>
      </c>
      <c r="H24824" s="1" t="s">
        <v>88908</v>
      </c>
      <c r="I24824" s="1" t="s">
        <v>86055</v>
      </c>
      <c r="J24824" s="1" t="s">
        <v>88929</v>
      </c>
    </row>
    <row r="24825" spans="1:10" x14ac:dyDescent="0.35">
      <c r="A24825" s="1" t="s">
        <v>44646</v>
      </c>
      <c r="B24825" s="1" t="s">
        <v>86049</v>
      </c>
      <c r="C24825" s="1" t="s">
        <v>45</v>
      </c>
      <c r="D24825" s="1" t="s">
        <v>88930</v>
      </c>
      <c r="E24825" s="1" t="s">
        <v>88931</v>
      </c>
      <c r="F24825" s="1" t="s">
        <v>88932</v>
      </c>
      <c r="G24825" s="1" t="s">
        <v>88907</v>
      </c>
      <c r="H24825" s="1" t="s">
        <v>88908</v>
      </c>
      <c r="I24825" s="1" t="s">
        <v>86055</v>
      </c>
      <c r="J24825" s="1" t="s">
        <v>88933</v>
      </c>
    </row>
    <row r="24826" spans="1:10" x14ac:dyDescent="0.35">
      <c r="A24826" s="1" t="s">
        <v>44646</v>
      </c>
      <c r="B24826" s="1" t="s">
        <v>86049</v>
      </c>
      <c r="C24826" s="1" t="s">
        <v>50</v>
      </c>
      <c r="D24826" s="1" t="s">
        <v>56379</v>
      </c>
      <c r="E24826" s="1" t="s">
        <v>88934</v>
      </c>
      <c r="F24826" s="1" t="s">
        <v>88935</v>
      </c>
      <c r="G24826" s="1" t="s">
        <v>88907</v>
      </c>
      <c r="H24826" s="1" t="s">
        <v>88908</v>
      </c>
      <c r="I24826" s="1" t="s">
        <v>86055</v>
      </c>
      <c r="J24826" s="1" t="s">
        <v>88936</v>
      </c>
    </row>
    <row r="24827" spans="1:10" x14ac:dyDescent="0.35">
      <c r="A24827" s="1" t="s">
        <v>44646</v>
      </c>
      <c r="B24827" s="1" t="s">
        <v>86049</v>
      </c>
      <c r="C24827" s="1" t="s">
        <v>55</v>
      </c>
      <c r="D24827" s="1" t="s">
        <v>88937</v>
      </c>
      <c r="E24827" s="1" t="s">
        <v>88938</v>
      </c>
      <c r="F24827" s="1" t="s">
        <v>88939</v>
      </c>
      <c r="G24827" s="1" t="s">
        <v>88907</v>
      </c>
      <c r="H24827" s="1" t="s">
        <v>88908</v>
      </c>
      <c r="I24827" s="1" t="s">
        <v>86055</v>
      </c>
      <c r="J24827" s="1" t="s">
        <v>88940</v>
      </c>
    </row>
    <row r="24828" spans="1:10" x14ac:dyDescent="0.35">
      <c r="A24828" s="1" t="s">
        <v>44646</v>
      </c>
      <c r="B24828" s="1" t="s">
        <v>86049</v>
      </c>
      <c r="C24828" s="1" t="s">
        <v>60</v>
      </c>
      <c r="D24828" s="1" t="s">
        <v>88941</v>
      </c>
      <c r="E24828" s="1" t="s">
        <v>88942</v>
      </c>
      <c r="F24828" s="1" t="s">
        <v>88943</v>
      </c>
      <c r="G24828" s="1" t="s">
        <v>88907</v>
      </c>
      <c r="H24828" s="1" t="s">
        <v>88908</v>
      </c>
      <c r="I24828" s="1" t="s">
        <v>86055</v>
      </c>
      <c r="J24828" s="1" t="s">
        <v>88944</v>
      </c>
    </row>
    <row r="24829" spans="1:10" x14ac:dyDescent="0.35">
      <c r="A24829" s="1" t="s">
        <v>44646</v>
      </c>
      <c r="B24829" s="1" t="s">
        <v>86049</v>
      </c>
      <c r="C24829" s="1" t="s">
        <v>65</v>
      </c>
      <c r="D24829" s="1" t="s">
        <v>88945</v>
      </c>
      <c r="E24829" s="1" t="s">
        <v>88946</v>
      </c>
      <c r="F24829" s="1" t="s">
        <v>88947</v>
      </c>
      <c r="G24829" s="1" t="s">
        <v>88907</v>
      </c>
      <c r="H24829" s="1" t="s">
        <v>88908</v>
      </c>
      <c r="I24829" s="1" t="s">
        <v>86055</v>
      </c>
      <c r="J24829" s="1" t="s">
        <v>88948</v>
      </c>
    </row>
    <row r="24830" spans="1:10" x14ac:dyDescent="0.35">
      <c r="A24830" s="1" t="s">
        <v>44646</v>
      </c>
      <c r="B24830" s="1" t="s">
        <v>86049</v>
      </c>
      <c r="C24830" s="1" t="s">
        <v>70</v>
      </c>
      <c r="D24830" s="1" t="s">
        <v>59770</v>
      </c>
      <c r="E24830" s="1" t="s">
        <v>88949</v>
      </c>
      <c r="F24830" s="1" t="s">
        <v>88950</v>
      </c>
      <c r="G24830" s="1" t="s">
        <v>88907</v>
      </c>
      <c r="H24830" s="1" t="s">
        <v>88908</v>
      </c>
      <c r="I24830" s="1" t="s">
        <v>86055</v>
      </c>
      <c r="J24830" s="1" t="s">
        <v>88951</v>
      </c>
    </row>
    <row r="24831" spans="1:10" x14ac:dyDescent="0.35">
      <c r="A24831" s="1" t="s">
        <v>44646</v>
      </c>
      <c r="B24831" s="1" t="s">
        <v>86049</v>
      </c>
      <c r="C24831" s="1" t="s">
        <v>75</v>
      </c>
      <c r="D24831" s="1" t="s">
        <v>88952</v>
      </c>
      <c r="E24831" s="1" t="s">
        <v>88953</v>
      </c>
      <c r="F24831" s="1" t="s">
        <v>88954</v>
      </c>
      <c r="G24831" s="1" t="s">
        <v>88907</v>
      </c>
      <c r="H24831" s="1" t="s">
        <v>88908</v>
      </c>
      <c r="I24831" s="1" t="s">
        <v>86055</v>
      </c>
      <c r="J24831" s="1" t="s">
        <v>88955</v>
      </c>
    </row>
    <row r="24832" spans="1:10" x14ac:dyDescent="0.35">
      <c r="A24832" s="1" t="s">
        <v>44646</v>
      </c>
      <c r="B24832" s="1" t="s">
        <v>86049</v>
      </c>
      <c r="C24832" s="1" t="s">
        <v>80</v>
      </c>
      <c r="D24832" s="1" t="s">
        <v>88956</v>
      </c>
      <c r="E24832" s="1" t="s">
        <v>88957</v>
      </c>
      <c r="F24832" s="1" t="s">
        <v>88958</v>
      </c>
      <c r="G24832" s="1" t="s">
        <v>88907</v>
      </c>
      <c r="H24832" s="1" t="s">
        <v>88908</v>
      </c>
      <c r="I24832" s="1" t="s">
        <v>86055</v>
      </c>
      <c r="J24832" s="1" t="s">
        <v>88959</v>
      </c>
    </row>
    <row r="24833" spans="1:10" x14ac:dyDescent="0.35">
      <c r="A24833" s="1" t="s">
        <v>44646</v>
      </c>
      <c r="B24833" s="1" t="s">
        <v>86049</v>
      </c>
      <c r="C24833" s="1" t="s">
        <v>85</v>
      </c>
      <c r="D24833" s="1" t="s">
        <v>88960</v>
      </c>
      <c r="E24833" s="1" t="s">
        <v>88961</v>
      </c>
      <c r="F24833" s="1" t="s">
        <v>88962</v>
      </c>
      <c r="G24833" s="1" t="s">
        <v>88907</v>
      </c>
      <c r="H24833" s="1" t="s">
        <v>88908</v>
      </c>
      <c r="I24833" s="1" t="s">
        <v>86055</v>
      </c>
      <c r="J24833" s="1" t="s">
        <v>88963</v>
      </c>
    </row>
    <row r="24834" spans="1:10" x14ac:dyDescent="0.35">
      <c r="A24834" s="1" t="s">
        <v>44646</v>
      </c>
      <c r="B24834" s="1" t="s">
        <v>86049</v>
      </c>
      <c r="C24834" s="1" t="s">
        <v>90</v>
      </c>
      <c r="D24834" s="1" t="s">
        <v>88964</v>
      </c>
      <c r="E24834" s="1" t="s">
        <v>88965</v>
      </c>
      <c r="F24834" s="1" t="s">
        <v>88966</v>
      </c>
      <c r="G24834" s="1" t="s">
        <v>88907</v>
      </c>
      <c r="H24834" s="1" t="s">
        <v>88908</v>
      </c>
      <c r="I24834" s="1" t="s">
        <v>86055</v>
      </c>
      <c r="J24834" s="1" t="s">
        <v>88967</v>
      </c>
    </row>
    <row r="24835" spans="1:10" x14ac:dyDescent="0.35">
      <c r="A24835" s="1" t="s">
        <v>44646</v>
      </c>
      <c r="B24835" s="1" t="s">
        <v>86049</v>
      </c>
      <c r="C24835" s="1" t="s">
        <v>95</v>
      </c>
      <c r="D24835" s="1" t="s">
        <v>64037</v>
      </c>
      <c r="E24835" s="1" t="s">
        <v>88968</v>
      </c>
      <c r="F24835" s="1" t="s">
        <v>88969</v>
      </c>
      <c r="G24835" s="1" t="s">
        <v>88907</v>
      </c>
      <c r="H24835" s="1" t="s">
        <v>88908</v>
      </c>
      <c r="I24835" s="1" t="s">
        <v>86055</v>
      </c>
      <c r="J24835" s="1" t="s">
        <v>88970</v>
      </c>
    </row>
    <row r="24836" spans="1:10" x14ac:dyDescent="0.35">
      <c r="A24836" s="1" t="s">
        <v>44646</v>
      </c>
      <c r="B24836" s="1" t="s">
        <v>86049</v>
      </c>
      <c r="C24836" s="1" t="s">
        <v>100</v>
      </c>
      <c r="D24836" s="1" t="s">
        <v>88971</v>
      </c>
      <c r="E24836" s="1" t="s">
        <v>88972</v>
      </c>
      <c r="F24836" s="1" t="s">
        <v>88973</v>
      </c>
      <c r="G24836" s="1" t="s">
        <v>88907</v>
      </c>
      <c r="H24836" s="1" t="s">
        <v>88908</v>
      </c>
      <c r="I24836" s="1" t="s">
        <v>86055</v>
      </c>
      <c r="J24836" s="1" t="s">
        <v>88974</v>
      </c>
    </row>
    <row r="24837" spans="1:10" x14ac:dyDescent="0.35">
      <c r="A24837" s="1" t="s">
        <v>44646</v>
      </c>
      <c r="B24837" s="1" t="s">
        <v>86049</v>
      </c>
      <c r="C24837" s="1" t="s">
        <v>105</v>
      </c>
      <c r="D24837" s="1" t="s">
        <v>88975</v>
      </c>
      <c r="E24837" s="1" t="s">
        <v>88976</v>
      </c>
      <c r="F24837" s="1" t="s">
        <v>88977</v>
      </c>
      <c r="G24837" s="1" t="s">
        <v>88907</v>
      </c>
      <c r="H24837" s="1" t="s">
        <v>88908</v>
      </c>
      <c r="I24837" s="1" t="s">
        <v>86055</v>
      </c>
      <c r="J24837" s="1" t="s">
        <v>88978</v>
      </c>
    </row>
    <row r="24838" spans="1:10" x14ac:dyDescent="0.35">
      <c r="A24838" s="1" t="s">
        <v>44646</v>
      </c>
      <c r="B24838" s="1" t="s">
        <v>86049</v>
      </c>
      <c r="C24838" s="1" t="s">
        <v>110</v>
      </c>
      <c r="D24838" s="1" t="s">
        <v>88979</v>
      </c>
      <c r="E24838" s="1" t="s">
        <v>88980</v>
      </c>
      <c r="F24838" s="1" t="s">
        <v>88981</v>
      </c>
      <c r="G24838" s="1" t="s">
        <v>88907</v>
      </c>
      <c r="H24838" s="1" t="s">
        <v>88908</v>
      </c>
      <c r="I24838" s="1" t="s">
        <v>86055</v>
      </c>
      <c r="J24838" s="1" t="s">
        <v>88982</v>
      </c>
    </row>
    <row r="24839" spans="1:10" x14ac:dyDescent="0.35">
      <c r="A24839" s="1" t="s">
        <v>44646</v>
      </c>
      <c r="B24839" s="1" t="s">
        <v>86049</v>
      </c>
      <c r="C24839" s="1" t="s">
        <v>115</v>
      </c>
      <c r="D24839" s="1" t="s">
        <v>55661</v>
      </c>
      <c r="E24839" s="1" t="s">
        <v>88983</v>
      </c>
      <c r="F24839" s="1" t="s">
        <v>88984</v>
      </c>
      <c r="G24839" s="1" t="s">
        <v>88907</v>
      </c>
      <c r="H24839" s="1" t="s">
        <v>88908</v>
      </c>
      <c r="I24839" s="1" t="s">
        <v>86055</v>
      </c>
      <c r="J24839" s="1" t="s">
        <v>88985</v>
      </c>
    </row>
    <row r="24840" spans="1:10" x14ac:dyDescent="0.35">
      <c r="A24840" s="1" t="s">
        <v>44646</v>
      </c>
      <c r="B24840" s="1" t="s">
        <v>86049</v>
      </c>
      <c r="C24840" s="1" t="s">
        <v>120</v>
      </c>
      <c r="D24840" s="1" t="s">
        <v>84273</v>
      </c>
      <c r="E24840" s="1" t="s">
        <v>88986</v>
      </c>
      <c r="F24840" s="1" t="s">
        <v>88987</v>
      </c>
      <c r="G24840" s="1" t="s">
        <v>88907</v>
      </c>
      <c r="H24840" s="1" t="s">
        <v>88908</v>
      </c>
      <c r="I24840" s="1" t="s">
        <v>86055</v>
      </c>
      <c r="J24840" s="1" t="s">
        <v>88988</v>
      </c>
    </row>
    <row r="24841" spans="1:10" x14ac:dyDescent="0.35">
      <c r="A24841" s="1" t="s">
        <v>44646</v>
      </c>
      <c r="B24841" s="1" t="s">
        <v>86049</v>
      </c>
      <c r="C24841" s="1" t="s">
        <v>125</v>
      </c>
      <c r="D24841" s="1" t="s">
        <v>88989</v>
      </c>
      <c r="E24841" s="1" t="s">
        <v>88990</v>
      </c>
      <c r="F24841" s="1" t="s">
        <v>88991</v>
      </c>
      <c r="G24841" s="1" t="s">
        <v>88907</v>
      </c>
      <c r="H24841" s="1" t="s">
        <v>88908</v>
      </c>
      <c r="I24841" s="1" t="s">
        <v>86055</v>
      </c>
      <c r="J24841" s="1" t="s">
        <v>88992</v>
      </c>
    </row>
    <row r="24842" spans="1:10" x14ac:dyDescent="0.35">
      <c r="A24842" s="1" t="s">
        <v>44646</v>
      </c>
      <c r="B24842" s="1" t="s">
        <v>86049</v>
      </c>
      <c r="C24842" s="1" t="s">
        <v>130</v>
      </c>
      <c r="D24842" s="1" t="s">
        <v>88993</v>
      </c>
      <c r="E24842" s="1" t="s">
        <v>88994</v>
      </c>
      <c r="F24842" s="1" t="s">
        <v>88995</v>
      </c>
      <c r="G24842" s="1" t="s">
        <v>88907</v>
      </c>
      <c r="H24842" s="1" t="s">
        <v>88908</v>
      </c>
      <c r="I24842" s="1" t="s">
        <v>86055</v>
      </c>
      <c r="J24842" s="1" t="s">
        <v>88996</v>
      </c>
    </row>
    <row r="24843" spans="1:10" x14ac:dyDescent="0.35">
      <c r="A24843" s="1" t="s">
        <v>44646</v>
      </c>
      <c r="B24843" s="1" t="s">
        <v>86049</v>
      </c>
      <c r="C24843" s="1" t="s">
        <v>135</v>
      </c>
      <c r="D24843" s="1" t="s">
        <v>88997</v>
      </c>
      <c r="E24843" s="1" t="s">
        <v>88998</v>
      </c>
      <c r="F24843" s="1" t="s">
        <v>88999</v>
      </c>
      <c r="G24843" s="1" t="s">
        <v>88907</v>
      </c>
      <c r="H24843" s="1" t="s">
        <v>88908</v>
      </c>
      <c r="I24843" s="1" t="s">
        <v>86055</v>
      </c>
      <c r="J24843" s="1" t="s">
        <v>89000</v>
      </c>
    </row>
    <row r="24844" spans="1:10" x14ac:dyDescent="0.35">
      <c r="A24844" s="1" t="s">
        <v>44646</v>
      </c>
      <c r="B24844" s="1" t="s">
        <v>86049</v>
      </c>
      <c r="C24844" s="1" t="s">
        <v>140</v>
      </c>
      <c r="D24844" s="1" t="s">
        <v>89001</v>
      </c>
      <c r="E24844" s="1" t="s">
        <v>89002</v>
      </c>
      <c r="F24844" s="1" t="s">
        <v>89003</v>
      </c>
      <c r="G24844" s="1" t="s">
        <v>88907</v>
      </c>
      <c r="H24844" s="1" t="s">
        <v>88908</v>
      </c>
      <c r="I24844" s="1" t="s">
        <v>86055</v>
      </c>
      <c r="J24844" s="1" t="s">
        <v>89004</v>
      </c>
    </row>
    <row r="24845" spans="1:10" x14ac:dyDescent="0.35">
      <c r="A24845" s="1" t="s">
        <v>44646</v>
      </c>
      <c r="B24845" s="1" t="s">
        <v>86049</v>
      </c>
      <c r="C24845" s="1" t="s">
        <v>145</v>
      </c>
      <c r="D24845" s="1" t="s">
        <v>89005</v>
      </c>
      <c r="E24845" s="1" t="s">
        <v>89006</v>
      </c>
      <c r="F24845" s="1" t="s">
        <v>89007</v>
      </c>
      <c r="G24845" s="1" t="s">
        <v>88907</v>
      </c>
      <c r="H24845" s="1" t="s">
        <v>88908</v>
      </c>
      <c r="I24845" s="1" t="s">
        <v>86055</v>
      </c>
      <c r="J24845" s="1" t="s">
        <v>89008</v>
      </c>
    </row>
    <row r="24846" spans="1:10" x14ac:dyDescent="0.35">
      <c r="A24846" s="1" t="s">
        <v>44646</v>
      </c>
      <c r="B24846" s="1" t="s">
        <v>86049</v>
      </c>
      <c r="C24846" s="1" t="s">
        <v>150</v>
      </c>
      <c r="D24846" s="1" t="s">
        <v>89009</v>
      </c>
      <c r="E24846" s="1" t="s">
        <v>89010</v>
      </c>
      <c r="F24846" s="1" t="s">
        <v>89011</v>
      </c>
      <c r="G24846" s="1" t="s">
        <v>88907</v>
      </c>
      <c r="H24846" s="1" t="s">
        <v>88908</v>
      </c>
      <c r="I24846" s="1" t="s">
        <v>86055</v>
      </c>
      <c r="J24846" s="1" t="s">
        <v>89012</v>
      </c>
    </row>
    <row r="24847" spans="1:10" x14ac:dyDescent="0.35">
      <c r="A24847" s="1" t="s">
        <v>44646</v>
      </c>
      <c r="B24847" s="1" t="s">
        <v>86049</v>
      </c>
      <c r="C24847" s="1" t="s">
        <v>155</v>
      </c>
      <c r="D24847" s="1" t="s">
        <v>89013</v>
      </c>
      <c r="E24847" s="1" t="s">
        <v>89014</v>
      </c>
      <c r="F24847" s="1" t="s">
        <v>89015</v>
      </c>
      <c r="G24847" s="1" t="s">
        <v>88907</v>
      </c>
      <c r="H24847" s="1" t="s">
        <v>88908</v>
      </c>
      <c r="I24847" s="1" t="s">
        <v>86055</v>
      </c>
      <c r="J24847" s="1" t="s">
        <v>89016</v>
      </c>
    </row>
    <row r="24848" spans="1:10" x14ac:dyDescent="0.35">
      <c r="A24848" s="1" t="s">
        <v>44646</v>
      </c>
      <c r="B24848" s="1" t="s">
        <v>86049</v>
      </c>
      <c r="C24848" s="1" t="s">
        <v>160</v>
      </c>
      <c r="D24848" s="1" t="s">
        <v>89017</v>
      </c>
      <c r="E24848" s="1" t="s">
        <v>89018</v>
      </c>
      <c r="F24848" s="1" t="s">
        <v>89019</v>
      </c>
      <c r="G24848" s="1" t="s">
        <v>88907</v>
      </c>
      <c r="H24848" s="1" t="s">
        <v>88908</v>
      </c>
      <c r="I24848" s="1" t="s">
        <v>86055</v>
      </c>
      <c r="J24848" s="1" t="s">
        <v>89020</v>
      </c>
    </row>
    <row r="24849" spans="1:10" x14ac:dyDescent="0.35">
      <c r="A24849" s="1" t="s">
        <v>44646</v>
      </c>
      <c r="B24849" s="1" t="s">
        <v>86049</v>
      </c>
      <c r="C24849" s="1" t="s">
        <v>165</v>
      </c>
      <c r="D24849" s="1" t="s">
        <v>55506</v>
      </c>
      <c r="E24849" s="1" t="s">
        <v>89021</v>
      </c>
      <c r="F24849" s="1" t="s">
        <v>89022</v>
      </c>
      <c r="G24849" s="1" t="s">
        <v>88907</v>
      </c>
      <c r="H24849" s="1" t="s">
        <v>88908</v>
      </c>
      <c r="I24849" s="1" t="s">
        <v>86055</v>
      </c>
      <c r="J24849" s="1" t="s">
        <v>89023</v>
      </c>
    </row>
    <row r="24850" spans="1:10" x14ac:dyDescent="0.35">
      <c r="A24850" s="1" t="s">
        <v>44646</v>
      </c>
      <c r="B24850" s="1" t="s">
        <v>86049</v>
      </c>
      <c r="C24850" s="1" t="s">
        <v>170</v>
      </c>
      <c r="D24850" s="1" t="s">
        <v>89024</v>
      </c>
      <c r="E24850" s="1" t="s">
        <v>89025</v>
      </c>
      <c r="F24850" s="1" t="s">
        <v>89026</v>
      </c>
      <c r="G24850" s="1" t="s">
        <v>88907</v>
      </c>
      <c r="H24850" s="1" t="s">
        <v>88908</v>
      </c>
      <c r="I24850" s="1" t="s">
        <v>86055</v>
      </c>
      <c r="J24850" s="1" t="s">
        <v>89027</v>
      </c>
    </row>
    <row r="24851" spans="1:10" x14ac:dyDescent="0.35">
      <c r="A24851" s="1" t="s">
        <v>89028</v>
      </c>
      <c r="B24851" s="1" t="s">
        <v>86049</v>
      </c>
      <c r="C24851" s="1" t="s">
        <v>8</v>
      </c>
      <c r="D24851" s="1" t="s">
        <v>89029</v>
      </c>
      <c r="E24851" s="1" t="s">
        <v>89030</v>
      </c>
      <c r="F24851" s="1" t="s">
        <v>89031</v>
      </c>
      <c r="G24851" s="1" t="s">
        <v>89032</v>
      </c>
      <c r="H24851" s="1" t="s">
        <v>89033</v>
      </c>
      <c r="I24851" s="1" t="s">
        <v>86055</v>
      </c>
      <c r="J24851" s="1" t="s">
        <v>13</v>
      </c>
    </row>
    <row r="24852" spans="1:10" x14ac:dyDescent="0.35">
      <c r="A24852" s="1" t="s">
        <v>89028</v>
      </c>
      <c r="B24852" s="1" t="s">
        <v>86049</v>
      </c>
      <c r="C24852" s="1" t="s">
        <v>15</v>
      </c>
      <c r="D24852" s="1" t="s">
        <v>62468</v>
      </c>
      <c r="E24852" s="1" t="s">
        <v>89034</v>
      </c>
      <c r="F24852" s="1" t="s">
        <v>89035</v>
      </c>
      <c r="G24852" s="1" t="s">
        <v>89032</v>
      </c>
      <c r="H24852" s="1" t="s">
        <v>89033</v>
      </c>
      <c r="I24852" s="1" t="s">
        <v>86055</v>
      </c>
      <c r="J24852" s="1" t="s">
        <v>89036</v>
      </c>
    </row>
    <row r="24853" spans="1:10" x14ac:dyDescent="0.35">
      <c r="A24853" s="1" t="s">
        <v>89028</v>
      </c>
      <c r="B24853" s="1" t="s">
        <v>86049</v>
      </c>
      <c r="C24853" s="1" t="s">
        <v>20</v>
      </c>
      <c r="D24853" s="1" t="s">
        <v>68002</v>
      </c>
      <c r="E24853" s="1" t="s">
        <v>89037</v>
      </c>
      <c r="F24853" s="1" t="s">
        <v>89038</v>
      </c>
      <c r="G24853" s="1" t="s">
        <v>89032</v>
      </c>
      <c r="H24853" s="1" t="s">
        <v>89033</v>
      </c>
      <c r="I24853" s="1" t="s">
        <v>86055</v>
      </c>
      <c r="J24853" s="1" t="s">
        <v>89039</v>
      </c>
    </row>
    <row r="24854" spans="1:10" x14ac:dyDescent="0.35">
      <c r="A24854" s="1" t="s">
        <v>89028</v>
      </c>
      <c r="B24854" s="1" t="s">
        <v>86049</v>
      </c>
      <c r="C24854" s="1" t="s">
        <v>25</v>
      </c>
      <c r="D24854" s="1" t="s">
        <v>68187</v>
      </c>
      <c r="E24854" s="1" t="s">
        <v>89040</v>
      </c>
      <c r="F24854" s="1" t="s">
        <v>89041</v>
      </c>
      <c r="G24854" s="1" t="s">
        <v>89032</v>
      </c>
      <c r="H24854" s="1" t="s">
        <v>89033</v>
      </c>
      <c r="I24854" s="1" t="s">
        <v>86055</v>
      </c>
      <c r="J24854" s="1" t="s">
        <v>89042</v>
      </c>
    </row>
    <row r="24855" spans="1:10" x14ac:dyDescent="0.35">
      <c r="A24855" s="1" t="s">
        <v>89028</v>
      </c>
      <c r="B24855" s="1" t="s">
        <v>86049</v>
      </c>
      <c r="C24855" s="1" t="s">
        <v>30</v>
      </c>
      <c r="D24855" s="1" t="s">
        <v>89043</v>
      </c>
      <c r="E24855" s="1" t="s">
        <v>89044</v>
      </c>
      <c r="F24855" s="1" t="s">
        <v>89045</v>
      </c>
      <c r="G24855" s="1" t="s">
        <v>89032</v>
      </c>
      <c r="H24855" s="1" t="s">
        <v>89033</v>
      </c>
      <c r="I24855" s="1" t="s">
        <v>86055</v>
      </c>
      <c r="J24855" s="1" t="s">
        <v>89046</v>
      </c>
    </row>
    <row r="24856" spans="1:10" x14ac:dyDescent="0.35">
      <c r="A24856" s="1" t="s">
        <v>89028</v>
      </c>
      <c r="B24856" s="1" t="s">
        <v>86049</v>
      </c>
      <c r="C24856" s="1" t="s">
        <v>35</v>
      </c>
      <c r="D24856" s="1" t="s">
        <v>55747</v>
      </c>
      <c r="E24856" s="1" t="s">
        <v>89047</v>
      </c>
      <c r="F24856" s="1" t="s">
        <v>89048</v>
      </c>
      <c r="G24856" s="1" t="s">
        <v>89032</v>
      </c>
      <c r="H24856" s="1" t="s">
        <v>89033</v>
      </c>
      <c r="I24856" s="1" t="s">
        <v>86055</v>
      </c>
      <c r="J24856" s="1" t="s">
        <v>89049</v>
      </c>
    </row>
    <row r="24857" spans="1:10" x14ac:dyDescent="0.35">
      <c r="A24857" s="1" t="s">
        <v>89028</v>
      </c>
      <c r="B24857" s="1" t="s">
        <v>86049</v>
      </c>
      <c r="C24857" s="1" t="s">
        <v>40</v>
      </c>
      <c r="D24857" s="1" t="s">
        <v>89050</v>
      </c>
      <c r="E24857" s="1" t="s">
        <v>89051</v>
      </c>
      <c r="F24857" s="1" t="s">
        <v>89052</v>
      </c>
      <c r="G24857" s="1" t="s">
        <v>89032</v>
      </c>
      <c r="H24857" s="1" t="s">
        <v>89033</v>
      </c>
      <c r="I24857" s="1" t="s">
        <v>86055</v>
      </c>
      <c r="J24857" s="1" t="s">
        <v>89053</v>
      </c>
    </row>
    <row r="24858" spans="1:10" x14ac:dyDescent="0.35">
      <c r="A24858" s="1" t="s">
        <v>89028</v>
      </c>
      <c r="B24858" s="1" t="s">
        <v>86049</v>
      </c>
      <c r="C24858" s="1" t="s">
        <v>45</v>
      </c>
      <c r="D24858" s="1" t="s">
        <v>89054</v>
      </c>
      <c r="E24858" s="1" t="s">
        <v>89055</v>
      </c>
      <c r="F24858" s="1" t="s">
        <v>89056</v>
      </c>
      <c r="G24858" s="1" t="s">
        <v>89032</v>
      </c>
      <c r="H24858" s="1" t="s">
        <v>89033</v>
      </c>
      <c r="I24858" s="1" t="s">
        <v>86055</v>
      </c>
      <c r="J24858" s="1" t="s">
        <v>89057</v>
      </c>
    </row>
    <row r="24859" spans="1:10" x14ac:dyDescent="0.35">
      <c r="A24859" s="1" t="s">
        <v>89028</v>
      </c>
      <c r="B24859" s="1" t="s">
        <v>86049</v>
      </c>
      <c r="C24859" s="1" t="s">
        <v>50</v>
      </c>
      <c r="D24859" s="1" t="s">
        <v>21647</v>
      </c>
      <c r="E24859" s="1" t="s">
        <v>89058</v>
      </c>
      <c r="F24859" s="1" t="s">
        <v>89059</v>
      </c>
      <c r="G24859" s="1" t="s">
        <v>89032</v>
      </c>
      <c r="H24859" s="1" t="s">
        <v>89033</v>
      </c>
      <c r="I24859" s="1" t="s">
        <v>86055</v>
      </c>
      <c r="J24859" s="1" t="s">
        <v>89060</v>
      </c>
    </row>
    <row r="24860" spans="1:10" x14ac:dyDescent="0.35">
      <c r="A24860" s="1" t="s">
        <v>89028</v>
      </c>
      <c r="B24860" s="1" t="s">
        <v>86049</v>
      </c>
      <c r="C24860" s="1" t="s">
        <v>55</v>
      </c>
      <c r="D24860" s="1" t="s">
        <v>89061</v>
      </c>
      <c r="E24860" s="1" t="s">
        <v>89062</v>
      </c>
      <c r="F24860" s="1" t="s">
        <v>89063</v>
      </c>
      <c r="G24860" s="1" t="s">
        <v>89032</v>
      </c>
      <c r="H24860" s="1" t="s">
        <v>89033</v>
      </c>
      <c r="I24860" s="1" t="s">
        <v>86055</v>
      </c>
      <c r="J24860" s="1" t="s">
        <v>89064</v>
      </c>
    </row>
    <row r="24861" spans="1:10" x14ac:dyDescent="0.35">
      <c r="A24861" s="1" t="s">
        <v>89028</v>
      </c>
      <c r="B24861" s="1" t="s">
        <v>86049</v>
      </c>
      <c r="C24861" s="1" t="s">
        <v>60</v>
      </c>
      <c r="D24861" s="1" t="s">
        <v>89065</v>
      </c>
      <c r="E24861" s="1" t="s">
        <v>89066</v>
      </c>
      <c r="F24861" s="1" t="s">
        <v>89067</v>
      </c>
      <c r="G24861" s="1" t="s">
        <v>89032</v>
      </c>
      <c r="H24861" s="1" t="s">
        <v>89033</v>
      </c>
      <c r="I24861" s="1" t="s">
        <v>86055</v>
      </c>
      <c r="J24861" s="1" t="s">
        <v>89068</v>
      </c>
    </row>
    <row r="24862" spans="1:10" x14ac:dyDescent="0.35">
      <c r="A24862" s="1" t="s">
        <v>89028</v>
      </c>
      <c r="B24862" s="1" t="s">
        <v>86049</v>
      </c>
      <c r="C24862" s="1" t="s">
        <v>65</v>
      </c>
      <c r="D24862" s="1" t="s">
        <v>89069</v>
      </c>
      <c r="E24862" s="1" t="s">
        <v>89070</v>
      </c>
      <c r="F24862" s="1" t="s">
        <v>89071</v>
      </c>
      <c r="G24862" s="1" t="s">
        <v>89032</v>
      </c>
      <c r="H24862" s="1" t="s">
        <v>89033</v>
      </c>
      <c r="I24862" s="1" t="s">
        <v>86055</v>
      </c>
      <c r="J24862" s="1" t="s">
        <v>89072</v>
      </c>
    </row>
    <row r="24863" spans="1:10" x14ac:dyDescent="0.35">
      <c r="A24863" s="1" t="s">
        <v>89028</v>
      </c>
      <c r="B24863" s="1" t="s">
        <v>86049</v>
      </c>
      <c r="C24863" s="1" t="s">
        <v>70</v>
      </c>
      <c r="D24863" s="1" t="s">
        <v>77693</v>
      </c>
      <c r="E24863" s="1" t="s">
        <v>89073</v>
      </c>
      <c r="F24863" s="1" t="s">
        <v>89074</v>
      </c>
      <c r="G24863" s="1" t="s">
        <v>89032</v>
      </c>
      <c r="H24863" s="1" t="s">
        <v>89033</v>
      </c>
      <c r="I24863" s="1" t="s">
        <v>86055</v>
      </c>
      <c r="J24863" s="1" t="s">
        <v>89075</v>
      </c>
    </row>
    <row r="24864" spans="1:10" x14ac:dyDescent="0.35">
      <c r="A24864" s="1" t="s">
        <v>89028</v>
      </c>
      <c r="B24864" s="1" t="s">
        <v>86049</v>
      </c>
      <c r="C24864" s="1" t="s">
        <v>75</v>
      </c>
      <c r="D24864" s="1" t="s">
        <v>89076</v>
      </c>
      <c r="E24864" s="1" t="s">
        <v>89077</v>
      </c>
      <c r="F24864" s="1" t="s">
        <v>89078</v>
      </c>
      <c r="G24864" s="1" t="s">
        <v>89032</v>
      </c>
      <c r="H24864" s="1" t="s">
        <v>89033</v>
      </c>
      <c r="I24864" s="1" t="s">
        <v>86055</v>
      </c>
      <c r="J24864" s="1" t="s">
        <v>89079</v>
      </c>
    </row>
    <row r="24865" spans="1:10" x14ac:dyDescent="0.35">
      <c r="A24865" s="1" t="s">
        <v>89028</v>
      </c>
      <c r="B24865" s="1" t="s">
        <v>86049</v>
      </c>
      <c r="C24865" s="1" t="s">
        <v>80</v>
      </c>
      <c r="D24865" s="1" t="s">
        <v>89080</v>
      </c>
      <c r="E24865" s="1" t="s">
        <v>89081</v>
      </c>
      <c r="F24865" s="1" t="s">
        <v>89082</v>
      </c>
      <c r="G24865" s="1" t="s">
        <v>89032</v>
      </c>
      <c r="H24865" s="1" t="s">
        <v>89033</v>
      </c>
      <c r="I24865" s="1" t="s">
        <v>86055</v>
      </c>
      <c r="J24865" s="1" t="s">
        <v>89083</v>
      </c>
    </row>
    <row r="24866" spans="1:10" x14ac:dyDescent="0.35">
      <c r="A24866" s="1" t="s">
        <v>89028</v>
      </c>
      <c r="B24866" s="1" t="s">
        <v>86049</v>
      </c>
      <c r="C24866" s="1" t="s">
        <v>85</v>
      </c>
      <c r="D24866" s="1" t="s">
        <v>89084</v>
      </c>
      <c r="E24866" s="1" t="s">
        <v>89085</v>
      </c>
      <c r="F24866" s="1" t="s">
        <v>89086</v>
      </c>
      <c r="G24866" s="1" t="s">
        <v>89032</v>
      </c>
      <c r="H24866" s="1" t="s">
        <v>89033</v>
      </c>
      <c r="I24866" s="1" t="s">
        <v>86055</v>
      </c>
      <c r="J24866" s="1" t="s">
        <v>89087</v>
      </c>
    </row>
    <row r="24867" spans="1:10" x14ac:dyDescent="0.35">
      <c r="A24867" s="1" t="s">
        <v>89028</v>
      </c>
      <c r="B24867" s="1" t="s">
        <v>86049</v>
      </c>
      <c r="C24867" s="1" t="s">
        <v>90</v>
      </c>
      <c r="D24867" s="1" t="s">
        <v>89088</v>
      </c>
      <c r="E24867" s="1" t="s">
        <v>89089</v>
      </c>
      <c r="F24867" s="1" t="s">
        <v>89090</v>
      </c>
      <c r="G24867" s="1" t="s">
        <v>89032</v>
      </c>
      <c r="H24867" s="1" t="s">
        <v>89033</v>
      </c>
      <c r="I24867" s="1" t="s">
        <v>86055</v>
      </c>
      <c r="J24867" s="1" t="s">
        <v>89091</v>
      </c>
    </row>
    <row r="24868" spans="1:10" x14ac:dyDescent="0.35">
      <c r="A24868" s="1" t="s">
        <v>89028</v>
      </c>
      <c r="B24868" s="1" t="s">
        <v>86049</v>
      </c>
      <c r="C24868" s="1" t="s">
        <v>95</v>
      </c>
      <c r="D24868" s="1" t="s">
        <v>12577</v>
      </c>
      <c r="E24868" s="1" t="s">
        <v>89092</v>
      </c>
      <c r="F24868" s="1" t="s">
        <v>89093</v>
      </c>
      <c r="G24868" s="1" t="s">
        <v>89032</v>
      </c>
      <c r="H24868" s="1" t="s">
        <v>89033</v>
      </c>
      <c r="I24868" s="1" t="s">
        <v>86055</v>
      </c>
      <c r="J24868" s="1" t="s">
        <v>89094</v>
      </c>
    </row>
    <row r="24869" spans="1:10" x14ac:dyDescent="0.35">
      <c r="A24869" s="1" t="s">
        <v>89028</v>
      </c>
      <c r="B24869" s="1" t="s">
        <v>86049</v>
      </c>
      <c r="C24869" s="1" t="s">
        <v>100</v>
      </c>
      <c r="D24869" s="1" t="s">
        <v>85311</v>
      </c>
      <c r="E24869" s="1" t="s">
        <v>89095</v>
      </c>
      <c r="F24869" s="1" t="s">
        <v>89096</v>
      </c>
      <c r="G24869" s="1" t="s">
        <v>89032</v>
      </c>
      <c r="H24869" s="1" t="s">
        <v>89033</v>
      </c>
      <c r="I24869" s="1" t="s">
        <v>86055</v>
      </c>
      <c r="J24869" s="1" t="s">
        <v>89097</v>
      </c>
    </row>
    <row r="24870" spans="1:10" x14ac:dyDescent="0.35">
      <c r="A24870" s="1" t="s">
        <v>89028</v>
      </c>
      <c r="B24870" s="1" t="s">
        <v>86049</v>
      </c>
      <c r="C24870" s="1" t="s">
        <v>105</v>
      </c>
      <c r="D24870" s="1" t="s">
        <v>78597</v>
      </c>
      <c r="E24870" s="1" t="s">
        <v>89098</v>
      </c>
      <c r="F24870" s="1" t="s">
        <v>89099</v>
      </c>
      <c r="G24870" s="1" t="s">
        <v>89032</v>
      </c>
      <c r="H24870" s="1" t="s">
        <v>89033</v>
      </c>
      <c r="I24870" s="1" t="s">
        <v>86055</v>
      </c>
      <c r="J24870" s="1" t="s">
        <v>89100</v>
      </c>
    </row>
    <row r="24871" spans="1:10" x14ac:dyDescent="0.35">
      <c r="A24871" s="1" t="s">
        <v>89028</v>
      </c>
      <c r="B24871" s="1" t="s">
        <v>86049</v>
      </c>
      <c r="C24871" s="1" t="s">
        <v>110</v>
      </c>
      <c r="D24871" s="1" t="s">
        <v>89101</v>
      </c>
      <c r="E24871" s="1" t="s">
        <v>89102</v>
      </c>
      <c r="F24871" s="1" t="s">
        <v>89103</v>
      </c>
      <c r="G24871" s="1" t="s">
        <v>89032</v>
      </c>
      <c r="H24871" s="1" t="s">
        <v>89033</v>
      </c>
      <c r="I24871" s="1" t="s">
        <v>86055</v>
      </c>
      <c r="J24871" s="1" t="s">
        <v>89104</v>
      </c>
    </row>
    <row r="24872" spans="1:10" x14ac:dyDescent="0.35">
      <c r="A24872" s="1" t="s">
        <v>89028</v>
      </c>
      <c r="B24872" s="1" t="s">
        <v>86049</v>
      </c>
      <c r="C24872" s="1" t="s">
        <v>115</v>
      </c>
      <c r="D24872" s="1" t="s">
        <v>66908</v>
      </c>
      <c r="E24872" s="1" t="s">
        <v>89105</v>
      </c>
      <c r="F24872" s="1" t="s">
        <v>89106</v>
      </c>
      <c r="G24872" s="1" t="s">
        <v>89032</v>
      </c>
      <c r="H24872" s="1" t="s">
        <v>89033</v>
      </c>
      <c r="I24872" s="1" t="s">
        <v>86055</v>
      </c>
      <c r="J24872" s="1" t="s">
        <v>89107</v>
      </c>
    </row>
    <row r="24873" spans="1:10" x14ac:dyDescent="0.35">
      <c r="A24873" s="1" t="s">
        <v>89028</v>
      </c>
      <c r="B24873" s="1" t="s">
        <v>86049</v>
      </c>
      <c r="C24873" s="1" t="s">
        <v>120</v>
      </c>
      <c r="D24873" s="1" t="s">
        <v>89108</v>
      </c>
      <c r="E24873" s="1" t="s">
        <v>89109</v>
      </c>
      <c r="F24873" s="1" t="s">
        <v>89110</v>
      </c>
      <c r="G24873" s="1" t="s">
        <v>89032</v>
      </c>
      <c r="H24873" s="1" t="s">
        <v>89033</v>
      </c>
      <c r="I24873" s="1" t="s">
        <v>86055</v>
      </c>
      <c r="J24873" s="1" t="s">
        <v>89111</v>
      </c>
    </row>
    <row r="24874" spans="1:10" x14ac:dyDescent="0.35">
      <c r="A24874" s="1" t="s">
        <v>89028</v>
      </c>
      <c r="B24874" s="1" t="s">
        <v>86049</v>
      </c>
      <c r="C24874" s="1" t="s">
        <v>125</v>
      </c>
      <c r="D24874" s="1" t="s">
        <v>81505</v>
      </c>
      <c r="E24874" s="1" t="s">
        <v>89112</v>
      </c>
      <c r="F24874" s="1" t="s">
        <v>89113</v>
      </c>
      <c r="G24874" s="1" t="s">
        <v>89032</v>
      </c>
      <c r="H24874" s="1" t="s">
        <v>89033</v>
      </c>
      <c r="I24874" s="1" t="s">
        <v>86055</v>
      </c>
      <c r="J24874" s="1" t="s">
        <v>89114</v>
      </c>
    </row>
    <row r="24875" spans="1:10" x14ac:dyDescent="0.35">
      <c r="A24875" s="1" t="s">
        <v>89028</v>
      </c>
      <c r="B24875" s="1" t="s">
        <v>86049</v>
      </c>
      <c r="C24875" s="1" t="s">
        <v>130</v>
      </c>
      <c r="D24875" s="1" t="s">
        <v>89115</v>
      </c>
      <c r="E24875" s="1" t="s">
        <v>89116</v>
      </c>
      <c r="F24875" s="1" t="s">
        <v>89117</v>
      </c>
      <c r="G24875" s="1" t="s">
        <v>89032</v>
      </c>
      <c r="H24875" s="1" t="s">
        <v>89033</v>
      </c>
      <c r="I24875" s="1" t="s">
        <v>86055</v>
      </c>
      <c r="J24875" s="1" t="s">
        <v>89118</v>
      </c>
    </row>
    <row r="24876" spans="1:10" x14ac:dyDescent="0.35">
      <c r="A24876" s="1" t="s">
        <v>89028</v>
      </c>
      <c r="B24876" s="1" t="s">
        <v>86049</v>
      </c>
      <c r="C24876" s="1" t="s">
        <v>135</v>
      </c>
      <c r="D24876" s="1" t="s">
        <v>23542</v>
      </c>
      <c r="E24876" s="1" t="s">
        <v>89119</v>
      </c>
      <c r="F24876" s="1" t="s">
        <v>89120</v>
      </c>
      <c r="G24876" s="1" t="s">
        <v>89032</v>
      </c>
      <c r="H24876" s="1" t="s">
        <v>89033</v>
      </c>
      <c r="I24876" s="1" t="s">
        <v>86055</v>
      </c>
      <c r="J24876" s="1" t="s">
        <v>89121</v>
      </c>
    </row>
    <row r="24877" spans="1:10" x14ac:dyDescent="0.35">
      <c r="A24877" s="1" t="s">
        <v>89028</v>
      </c>
      <c r="B24877" s="1" t="s">
        <v>86049</v>
      </c>
      <c r="C24877" s="1" t="s">
        <v>140</v>
      </c>
      <c r="D24877" s="1" t="s">
        <v>84531</v>
      </c>
      <c r="E24877" s="1" t="s">
        <v>89122</v>
      </c>
      <c r="F24877" s="1" t="s">
        <v>89123</v>
      </c>
      <c r="G24877" s="1" t="s">
        <v>89032</v>
      </c>
      <c r="H24877" s="1" t="s">
        <v>89033</v>
      </c>
      <c r="I24877" s="1" t="s">
        <v>86055</v>
      </c>
      <c r="J24877" s="1" t="s">
        <v>89124</v>
      </c>
    </row>
    <row r="24878" spans="1:10" x14ac:dyDescent="0.35">
      <c r="A24878" s="1" t="s">
        <v>89028</v>
      </c>
      <c r="B24878" s="1" t="s">
        <v>86049</v>
      </c>
      <c r="C24878" s="1" t="s">
        <v>145</v>
      </c>
      <c r="D24878" s="1" t="s">
        <v>89125</v>
      </c>
      <c r="E24878" s="1" t="s">
        <v>89126</v>
      </c>
      <c r="F24878" s="1" t="s">
        <v>89127</v>
      </c>
      <c r="G24878" s="1" t="s">
        <v>89032</v>
      </c>
      <c r="H24878" s="1" t="s">
        <v>89033</v>
      </c>
      <c r="I24878" s="1" t="s">
        <v>86055</v>
      </c>
      <c r="J24878" s="1" t="s">
        <v>89128</v>
      </c>
    </row>
    <row r="24879" spans="1:10" x14ac:dyDescent="0.35">
      <c r="A24879" s="1" t="s">
        <v>89028</v>
      </c>
      <c r="B24879" s="1" t="s">
        <v>86049</v>
      </c>
      <c r="C24879" s="1" t="s">
        <v>150</v>
      </c>
      <c r="D24879" s="1" t="s">
        <v>20813</v>
      </c>
      <c r="E24879" s="1" t="s">
        <v>89129</v>
      </c>
      <c r="F24879" s="1" t="s">
        <v>89130</v>
      </c>
      <c r="G24879" s="1" t="s">
        <v>89032</v>
      </c>
      <c r="H24879" s="1" t="s">
        <v>89033</v>
      </c>
      <c r="I24879" s="1" t="s">
        <v>86055</v>
      </c>
      <c r="J24879" s="1" t="s">
        <v>89131</v>
      </c>
    </row>
    <row r="24880" spans="1:10" x14ac:dyDescent="0.35">
      <c r="A24880" s="1" t="s">
        <v>89028</v>
      </c>
      <c r="B24880" s="1" t="s">
        <v>86049</v>
      </c>
      <c r="C24880" s="1" t="s">
        <v>155</v>
      </c>
      <c r="D24880" s="1" t="s">
        <v>89132</v>
      </c>
      <c r="E24880" s="1" t="s">
        <v>89133</v>
      </c>
      <c r="F24880" s="1" t="s">
        <v>89134</v>
      </c>
      <c r="G24880" s="1" t="s">
        <v>89032</v>
      </c>
      <c r="H24880" s="1" t="s">
        <v>89033</v>
      </c>
      <c r="I24880" s="1" t="s">
        <v>86055</v>
      </c>
      <c r="J24880" s="1" t="s">
        <v>89135</v>
      </c>
    </row>
    <row r="24881" spans="1:10" x14ac:dyDescent="0.35">
      <c r="A24881" s="1" t="s">
        <v>89028</v>
      </c>
      <c r="B24881" s="1" t="s">
        <v>86049</v>
      </c>
      <c r="C24881" s="1" t="s">
        <v>160</v>
      </c>
      <c r="D24881" s="1" t="s">
        <v>89136</v>
      </c>
      <c r="E24881" s="1" t="s">
        <v>89137</v>
      </c>
      <c r="F24881" s="1" t="s">
        <v>89138</v>
      </c>
      <c r="G24881" s="1" t="s">
        <v>89032</v>
      </c>
      <c r="H24881" s="1" t="s">
        <v>89033</v>
      </c>
      <c r="I24881" s="1" t="s">
        <v>86055</v>
      </c>
      <c r="J24881" s="1" t="s">
        <v>89139</v>
      </c>
    </row>
    <row r="24882" spans="1:10" x14ac:dyDescent="0.35">
      <c r="A24882" s="1" t="s">
        <v>89028</v>
      </c>
      <c r="B24882" s="1" t="s">
        <v>86049</v>
      </c>
      <c r="C24882" s="1" t="s">
        <v>165</v>
      </c>
      <c r="D24882" s="1" t="s">
        <v>89140</v>
      </c>
      <c r="E24882" s="1" t="s">
        <v>89141</v>
      </c>
      <c r="F24882" s="1" t="s">
        <v>89142</v>
      </c>
      <c r="G24882" s="1" t="s">
        <v>89032</v>
      </c>
      <c r="H24882" s="1" t="s">
        <v>89033</v>
      </c>
      <c r="I24882" s="1" t="s">
        <v>86055</v>
      </c>
      <c r="J24882" s="1" t="s">
        <v>89143</v>
      </c>
    </row>
    <row r="24883" spans="1:10" x14ac:dyDescent="0.35">
      <c r="A24883" s="1" t="s">
        <v>89028</v>
      </c>
      <c r="B24883" s="1" t="s">
        <v>86049</v>
      </c>
      <c r="C24883" s="1" t="s">
        <v>170</v>
      </c>
      <c r="D24883" s="1" t="s">
        <v>89144</v>
      </c>
      <c r="E24883" s="1" t="s">
        <v>89145</v>
      </c>
      <c r="F24883" s="1" t="s">
        <v>89146</v>
      </c>
      <c r="G24883" s="1" t="s">
        <v>89032</v>
      </c>
      <c r="H24883" s="1" t="s">
        <v>89033</v>
      </c>
      <c r="I24883" s="1" t="s">
        <v>86055</v>
      </c>
      <c r="J24883" s="1" t="s">
        <v>89147</v>
      </c>
    </row>
    <row r="24884" spans="1:10" x14ac:dyDescent="0.35">
      <c r="A24884" s="1" t="s">
        <v>89148</v>
      </c>
      <c r="B24884" s="1" t="s">
        <v>86049</v>
      </c>
      <c r="C24884" s="1" t="s">
        <v>8</v>
      </c>
      <c r="D24884" s="1" t="s">
        <v>69640</v>
      </c>
      <c r="E24884" s="1" t="s">
        <v>89149</v>
      </c>
      <c r="F24884" s="1" t="s">
        <v>89150</v>
      </c>
      <c r="G24884" s="1" t="s">
        <v>89151</v>
      </c>
      <c r="H24884" s="1" t="s">
        <v>89152</v>
      </c>
      <c r="I24884" s="1" t="s">
        <v>86055</v>
      </c>
      <c r="J24884" s="1" t="s">
        <v>13</v>
      </c>
    </row>
    <row r="24885" spans="1:10" x14ac:dyDescent="0.35">
      <c r="A24885" s="1" t="s">
        <v>89148</v>
      </c>
      <c r="B24885" s="1" t="s">
        <v>86049</v>
      </c>
      <c r="C24885" s="1" t="s">
        <v>15</v>
      </c>
      <c r="D24885" s="1" t="s">
        <v>89153</v>
      </c>
      <c r="E24885" s="1" t="s">
        <v>89154</v>
      </c>
      <c r="F24885" s="1" t="s">
        <v>89155</v>
      </c>
      <c r="G24885" s="1" t="s">
        <v>89151</v>
      </c>
      <c r="H24885" s="1" t="s">
        <v>89152</v>
      </c>
      <c r="I24885" s="1" t="s">
        <v>86055</v>
      </c>
      <c r="J24885" s="1" t="s">
        <v>89156</v>
      </c>
    </row>
    <row r="24886" spans="1:10" x14ac:dyDescent="0.35">
      <c r="A24886" s="1" t="s">
        <v>89148</v>
      </c>
      <c r="B24886" s="1" t="s">
        <v>86049</v>
      </c>
      <c r="C24886" s="1" t="s">
        <v>20</v>
      </c>
      <c r="D24886" s="1" t="s">
        <v>89157</v>
      </c>
      <c r="E24886" s="1" t="s">
        <v>89158</v>
      </c>
      <c r="F24886" s="1" t="s">
        <v>89159</v>
      </c>
      <c r="G24886" s="1" t="s">
        <v>89151</v>
      </c>
      <c r="H24886" s="1" t="s">
        <v>89152</v>
      </c>
      <c r="I24886" s="1" t="s">
        <v>86055</v>
      </c>
      <c r="J24886" s="1" t="s">
        <v>89160</v>
      </c>
    </row>
    <row r="24887" spans="1:10" x14ac:dyDescent="0.35">
      <c r="A24887" s="1" t="s">
        <v>89148</v>
      </c>
      <c r="B24887" s="1" t="s">
        <v>86049</v>
      </c>
      <c r="C24887" s="1" t="s">
        <v>25</v>
      </c>
      <c r="D24887" s="1" t="s">
        <v>89161</v>
      </c>
      <c r="E24887" s="1" t="s">
        <v>89162</v>
      </c>
      <c r="F24887" s="1" t="s">
        <v>89163</v>
      </c>
      <c r="G24887" s="1" t="s">
        <v>89151</v>
      </c>
      <c r="H24887" s="1" t="s">
        <v>89152</v>
      </c>
      <c r="I24887" s="1" t="s">
        <v>86055</v>
      </c>
      <c r="J24887" s="1" t="s">
        <v>89164</v>
      </c>
    </row>
    <row r="24888" spans="1:10" x14ac:dyDescent="0.35">
      <c r="A24888" s="1" t="s">
        <v>89148</v>
      </c>
      <c r="B24888" s="1" t="s">
        <v>86049</v>
      </c>
      <c r="C24888" s="1" t="s">
        <v>30</v>
      </c>
      <c r="D24888" s="1" t="s">
        <v>75775</v>
      </c>
      <c r="E24888" s="1" t="s">
        <v>89165</v>
      </c>
      <c r="F24888" s="1" t="s">
        <v>89166</v>
      </c>
      <c r="G24888" s="1" t="s">
        <v>89151</v>
      </c>
      <c r="H24888" s="1" t="s">
        <v>89152</v>
      </c>
      <c r="I24888" s="1" t="s">
        <v>86055</v>
      </c>
      <c r="J24888" s="1" t="s">
        <v>89167</v>
      </c>
    </row>
    <row r="24889" spans="1:10" x14ac:dyDescent="0.35">
      <c r="A24889" s="1" t="s">
        <v>89148</v>
      </c>
      <c r="B24889" s="1" t="s">
        <v>86049</v>
      </c>
      <c r="C24889" s="1" t="s">
        <v>35</v>
      </c>
      <c r="D24889" s="1" t="s">
        <v>26360</v>
      </c>
      <c r="E24889" s="1" t="s">
        <v>89168</v>
      </c>
      <c r="F24889" s="1" t="s">
        <v>89169</v>
      </c>
      <c r="G24889" s="1" t="s">
        <v>89151</v>
      </c>
      <c r="H24889" s="1" t="s">
        <v>89152</v>
      </c>
      <c r="I24889" s="1" t="s">
        <v>86055</v>
      </c>
      <c r="J24889" s="1" t="s">
        <v>89170</v>
      </c>
    </row>
    <row r="24890" spans="1:10" x14ac:dyDescent="0.35">
      <c r="A24890" s="1" t="s">
        <v>89148</v>
      </c>
      <c r="B24890" s="1" t="s">
        <v>86049</v>
      </c>
      <c r="C24890" s="1" t="s">
        <v>40</v>
      </c>
      <c r="D24890" s="1" t="s">
        <v>21886</v>
      </c>
      <c r="E24890" s="1" t="s">
        <v>89171</v>
      </c>
      <c r="F24890" s="1" t="s">
        <v>89172</v>
      </c>
      <c r="G24890" s="1" t="s">
        <v>89151</v>
      </c>
      <c r="H24890" s="1" t="s">
        <v>89152</v>
      </c>
      <c r="I24890" s="1" t="s">
        <v>86055</v>
      </c>
      <c r="J24890" s="1" t="s">
        <v>89173</v>
      </c>
    </row>
    <row r="24891" spans="1:10" x14ac:dyDescent="0.35">
      <c r="A24891" s="1" t="s">
        <v>89148</v>
      </c>
      <c r="B24891" s="1" t="s">
        <v>86049</v>
      </c>
      <c r="C24891" s="1" t="s">
        <v>45</v>
      </c>
      <c r="D24891" s="1" t="s">
        <v>89174</v>
      </c>
      <c r="E24891" s="1" t="s">
        <v>89175</v>
      </c>
      <c r="F24891" s="1" t="s">
        <v>89176</v>
      </c>
      <c r="G24891" s="1" t="s">
        <v>89151</v>
      </c>
      <c r="H24891" s="1" t="s">
        <v>89152</v>
      </c>
      <c r="I24891" s="1" t="s">
        <v>86055</v>
      </c>
      <c r="J24891" s="1" t="s">
        <v>89177</v>
      </c>
    </row>
    <row r="24892" spans="1:10" x14ac:dyDescent="0.35">
      <c r="A24892" s="1" t="s">
        <v>89148</v>
      </c>
      <c r="B24892" s="1" t="s">
        <v>86049</v>
      </c>
      <c r="C24892" s="1" t="s">
        <v>50</v>
      </c>
      <c r="D24892" s="1" t="s">
        <v>87331</v>
      </c>
      <c r="E24892" s="1" t="s">
        <v>89178</v>
      </c>
      <c r="F24892" s="1" t="s">
        <v>89179</v>
      </c>
      <c r="G24892" s="1" t="s">
        <v>89151</v>
      </c>
      <c r="H24892" s="1" t="s">
        <v>89152</v>
      </c>
      <c r="I24892" s="1" t="s">
        <v>86055</v>
      </c>
      <c r="J24892" s="1" t="s">
        <v>89180</v>
      </c>
    </row>
    <row r="24893" spans="1:10" x14ac:dyDescent="0.35">
      <c r="A24893" s="1" t="s">
        <v>89148</v>
      </c>
      <c r="B24893" s="1" t="s">
        <v>86049</v>
      </c>
      <c r="C24893" s="1" t="s">
        <v>55</v>
      </c>
      <c r="D24893" s="1" t="s">
        <v>89181</v>
      </c>
      <c r="E24893" s="1" t="s">
        <v>89182</v>
      </c>
      <c r="F24893" s="1" t="s">
        <v>89183</v>
      </c>
      <c r="G24893" s="1" t="s">
        <v>89151</v>
      </c>
      <c r="H24893" s="1" t="s">
        <v>89152</v>
      </c>
      <c r="I24893" s="1" t="s">
        <v>86055</v>
      </c>
      <c r="J24893" s="1" t="s">
        <v>89184</v>
      </c>
    </row>
    <row r="24894" spans="1:10" x14ac:dyDescent="0.35">
      <c r="A24894" s="1" t="s">
        <v>89148</v>
      </c>
      <c r="B24894" s="1" t="s">
        <v>86049</v>
      </c>
      <c r="C24894" s="1" t="s">
        <v>60</v>
      </c>
      <c r="D24894" s="1" t="s">
        <v>89185</v>
      </c>
      <c r="E24894" s="1" t="s">
        <v>89186</v>
      </c>
      <c r="F24894" s="1" t="s">
        <v>89187</v>
      </c>
      <c r="G24894" s="1" t="s">
        <v>89151</v>
      </c>
      <c r="H24894" s="1" t="s">
        <v>89152</v>
      </c>
      <c r="I24894" s="1" t="s">
        <v>86055</v>
      </c>
      <c r="J24894" s="1" t="s">
        <v>89188</v>
      </c>
    </row>
    <row r="24895" spans="1:10" x14ac:dyDescent="0.35">
      <c r="A24895" s="1" t="s">
        <v>89148</v>
      </c>
      <c r="B24895" s="1" t="s">
        <v>86049</v>
      </c>
      <c r="C24895" s="1" t="s">
        <v>65</v>
      </c>
      <c r="D24895" s="1" t="s">
        <v>33331</v>
      </c>
      <c r="E24895" s="1" t="s">
        <v>89189</v>
      </c>
      <c r="F24895" s="1" t="s">
        <v>89190</v>
      </c>
      <c r="G24895" s="1" t="s">
        <v>89151</v>
      </c>
      <c r="H24895" s="1" t="s">
        <v>89152</v>
      </c>
      <c r="I24895" s="1" t="s">
        <v>86055</v>
      </c>
      <c r="J24895" s="1" t="s">
        <v>89191</v>
      </c>
    </row>
    <row r="24896" spans="1:10" x14ac:dyDescent="0.35">
      <c r="A24896" s="1" t="s">
        <v>89148</v>
      </c>
      <c r="B24896" s="1" t="s">
        <v>86049</v>
      </c>
      <c r="C24896" s="1" t="s">
        <v>70</v>
      </c>
      <c r="D24896" s="1" t="s">
        <v>87045</v>
      </c>
      <c r="E24896" s="1" t="s">
        <v>89192</v>
      </c>
      <c r="F24896" s="1" t="s">
        <v>89193</v>
      </c>
      <c r="G24896" s="1" t="s">
        <v>89151</v>
      </c>
      <c r="H24896" s="1" t="s">
        <v>89152</v>
      </c>
      <c r="I24896" s="1" t="s">
        <v>86055</v>
      </c>
      <c r="J24896" s="1" t="s">
        <v>89194</v>
      </c>
    </row>
    <row r="24897" spans="1:10" x14ac:dyDescent="0.35">
      <c r="A24897" s="1" t="s">
        <v>89148</v>
      </c>
      <c r="B24897" s="1" t="s">
        <v>86049</v>
      </c>
      <c r="C24897" s="1" t="s">
        <v>75</v>
      </c>
      <c r="D24897" s="1" t="s">
        <v>69103</v>
      </c>
      <c r="E24897" s="1" t="s">
        <v>89195</v>
      </c>
      <c r="F24897" s="1" t="s">
        <v>89196</v>
      </c>
      <c r="G24897" s="1" t="s">
        <v>89151</v>
      </c>
      <c r="H24897" s="1" t="s">
        <v>89152</v>
      </c>
      <c r="I24897" s="1" t="s">
        <v>86055</v>
      </c>
      <c r="J24897" s="1" t="s">
        <v>89197</v>
      </c>
    </row>
    <row r="24898" spans="1:10" x14ac:dyDescent="0.35">
      <c r="A24898" s="1" t="s">
        <v>89148</v>
      </c>
      <c r="B24898" s="1" t="s">
        <v>86049</v>
      </c>
      <c r="C24898" s="1" t="s">
        <v>80</v>
      </c>
      <c r="D24898" s="1" t="s">
        <v>64597</v>
      </c>
      <c r="E24898" s="1" t="s">
        <v>89198</v>
      </c>
      <c r="F24898" s="1" t="s">
        <v>89199</v>
      </c>
      <c r="G24898" s="1" t="s">
        <v>89151</v>
      </c>
      <c r="H24898" s="1" t="s">
        <v>89152</v>
      </c>
      <c r="I24898" s="1" t="s">
        <v>86055</v>
      </c>
      <c r="J24898" s="1" t="s">
        <v>89200</v>
      </c>
    </row>
    <row r="24899" spans="1:10" x14ac:dyDescent="0.35">
      <c r="A24899" s="1" t="s">
        <v>89148</v>
      </c>
      <c r="B24899" s="1" t="s">
        <v>86049</v>
      </c>
      <c r="C24899" s="1" t="s">
        <v>85</v>
      </c>
      <c r="D24899" s="1" t="s">
        <v>89201</v>
      </c>
      <c r="E24899" s="1" t="s">
        <v>89202</v>
      </c>
      <c r="F24899" s="1" t="s">
        <v>89203</v>
      </c>
      <c r="G24899" s="1" t="s">
        <v>89151</v>
      </c>
      <c r="H24899" s="1" t="s">
        <v>89152</v>
      </c>
      <c r="I24899" s="1" t="s">
        <v>86055</v>
      </c>
      <c r="J24899" s="1" t="s">
        <v>89204</v>
      </c>
    </row>
    <row r="24900" spans="1:10" x14ac:dyDescent="0.35">
      <c r="A24900" s="1" t="s">
        <v>89148</v>
      </c>
      <c r="B24900" s="1" t="s">
        <v>86049</v>
      </c>
      <c r="C24900" s="1" t="s">
        <v>90</v>
      </c>
      <c r="D24900" s="1" t="s">
        <v>88390</v>
      </c>
      <c r="E24900" s="1" t="s">
        <v>89205</v>
      </c>
      <c r="F24900" s="1" t="s">
        <v>89206</v>
      </c>
      <c r="G24900" s="1" t="s">
        <v>89151</v>
      </c>
      <c r="H24900" s="1" t="s">
        <v>89152</v>
      </c>
      <c r="I24900" s="1" t="s">
        <v>86055</v>
      </c>
      <c r="J24900" s="1" t="s">
        <v>89207</v>
      </c>
    </row>
    <row r="24901" spans="1:10" x14ac:dyDescent="0.35">
      <c r="A24901" s="1" t="s">
        <v>89148</v>
      </c>
      <c r="B24901" s="1" t="s">
        <v>86049</v>
      </c>
      <c r="C24901" s="1" t="s">
        <v>95</v>
      </c>
      <c r="D24901" s="1" t="s">
        <v>56569</v>
      </c>
      <c r="E24901" s="1" t="s">
        <v>89208</v>
      </c>
      <c r="F24901" s="1" t="s">
        <v>89209</v>
      </c>
      <c r="G24901" s="1" t="s">
        <v>89151</v>
      </c>
      <c r="H24901" s="1" t="s">
        <v>89152</v>
      </c>
      <c r="I24901" s="1" t="s">
        <v>86055</v>
      </c>
      <c r="J24901" s="1" t="s">
        <v>89210</v>
      </c>
    </row>
    <row r="24902" spans="1:10" x14ac:dyDescent="0.35">
      <c r="A24902" s="1" t="s">
        <v>89148</v>
      </c>
      <c r="B24902" s="1" t="s">
        <v>86049</v>
      </c>
      <c r="C24902" s="1" t="s">
        <v>100</v>
      </c>
      <c r="D24902" s="1" t="s">
        <v>89211</v>
      </c>
      <c r="E24902" s="1" t="s">
        <v>89212</v>
      </c>
      <c r="F24902" s="1" t="s">
        <v>89213</v>
      </c>
      <c r="G24902" s="1" t="s">
        <v>89151</v>
      </c>
      <c r="H24902" s="1" t="s">
        <v>89152</v>
      </c>
      <c r="I24902" s="1" t="s">
        <v>86055</v>
      </c>
      <c r="J24902" s="1" t="s">
        <v>89214</v>
      </c>
    </row>
    <row r="24903" spans="1:10" x14ac:dyDescent="0.35">
      <c r="A24903" s="1" t="s">
        <v>89148</v>
      </c>
      <c r="B24903" s="1" t="s">
        <v>86049</v>
      </c>
      <c r="C24903" s="1" t="s">
        <v>105</v>
      </c>
      <c r="D24903" s="1" t="s">
        <v>89215</v>
      </c>
      <c r="E24903" s="1" t="s">
        <v>89216</v>
      </c>
      <c r="F24903" s="1" t="s">
        <v>89217</v>
      </c>
      <c r="G24903" s="1" t="s">
        <v>89151</v>
      </c>
      <c r="H24903" s="1" t="s">
        <v>89152</v>
      </c>
      <c r="I24903" s="1" t="s">
        <v>86055</v>
      </c>
      <c r="J24903" s="1" t="s">
        <v>89218</v>
      </c>
    </row>
    <row r="24904" spans="1:10" x14ac:dyDescent="0.35">
      <c r="A24904" s="1" t="s">
        <v>89148</v>
      </c>
      <c r="B24904" s="1" t="s">
        <v>86049</v>
      </c>
      <c r="C24904" s="1" t="s">
        <v>110</v>
      </c>
      <c r="D24904" s="1" t="s">
        <v>61172</v>
      </c>
      <c r="E24904" s="1" t="s">
        <v>89219</v>
      </c>
      <c r="F24904" s="1" t="s">
        <v>89220</v>
      </c>
      <c r="G24904" s="1" t="s">
        <v>89151</v>
      </c>
      <c r="H24904" s="1" t="s">
        <v>89152</v>
      </c>
      <c r="I24904" s="1" t="s">
        <v>86055</v>
      </c>
      <c r="J24904" s="1" t="s">
        <v>89221</v>
      </c>
    </row>
    <row r="24905" spans="1:10" x14ac:dyDescent="0.35">
      <c r="A24905" s="1" t="s">
        <v>89148</v>
      </c>
      <c r="B24905" s="1" t="s">
        <v>86049</v>
      </c>
      <c r="C24905" s="1" t="s">
        <v>115</v>
      </c>
      <c r="D24905" s="1" t="s">
        <v>89222</v>
      </c>
      <c r="E24905" s="1" t="s">
        <v>89223</v>
      </c>
      <c r="F24905" s="1" t="s">
        <v>89224</v>
      </c>
      <c r="G24905" s="1" t="s">
        <v>89151</v>
      </c>
      <c r="H24905" s="1" t="s">
        <v>89152</v>
      </c>
      <c r="I24905" s="1" t="s">
        <v>86055</v>
      </c>
      <c r="J24905" s="1" t="s">
        <v>89225</v>
      </c>
    </row>
    <row r="24906" spans="1:10" x14ac:dyDescent="0.35">
      <c r="A24906" s="1" t="s">
        <v>89148</v>
      </c>
      <c r="B24906" s="1" t="s">
        <v>86049</v>
      </c>
      <c r="C24906" s="1" t="s">
        <v>120</v>
      </c>
      <c r="D24906" s="1" t="s">
        <v>89226</v>
      </c>
      <c r="E24906" s="1" t="s">
        <v>89227</v>
      </c>
      <c r="F24906" s="1" t="s">
        <v>89228</v>
      </c>
      <c r="G24906" s="1" t="s">
        <v>89151</v>
      </c>
      <c r="H24906" s="1" t="s">
        <v>89152</v>
      </c>
      <c r="I24906" s="1" t="s">
        <v>86055</v>
      </c>
      <c r="J24906" s="1" t="s">
        <v>89229</v>
      </c>
    </row>
    <row r="24907" spans="1:10" x14ac:dyDescent="0.35">
      <c r="A24907" s="1" t="s">
        <v>89148</v>
      </c>
      <c r="B24907" s="1" t="s">
        <v>86049</v>
      </c>
      <c r="C24907" s="1" t="s">
        <v>125</v>
      </c>
      <c r="D24907" s="1" t="s">
        <v>68078</v>
      </c>
      <c r="E24907" s="1" t="s">
        <v>89230</v>
      </c>
      <c r="F24907" s="1" t="s">
        <v>89231</v>
      </c>
      <c r="G24907" s="1" t="s">
        <v>89151</v>
      </c>
      <c r="H24907" s="1" t="s">
        <v>89152</v>
      </c>
      <c r="I24907" s="1" t="s">
        <v>86055</v>
      </c>
      <c r="J24907" s="1" t="s">
        <v>89232</v>
      </c>
    </row>
    <row r="24908" spans="1:10" x14ac:dyDescent="0.35">
      <c r="A24908" s="1" t="s">
        <v>89148</v>
      </c>
      <c r="B24908" s="1" t="s">
        <v>86049</v>
      </c>
      <c r="C24908" s="1" t="s">
        <v>130</v>
      </c>
      <c r="D24908" s="1" t="s">
        <v>89233</v>
      </c>
      <c r="E24908" s="1" t="s">
        <v>89234</v>
      </c>
      <c r="F24908" s="1" t="s">
        <v>89235</v>
      </c>
      <c r="G24908" s="1" t="s">
        <v>89151</v>
      </c>
      <c r="H24908" s="1" t="s">
        <v>89152</v>
      </c>
      <c r="I24908" s="1" t="s">
        <v>86055</v>
      </c>
      <c r="J24908" s="1" t="s">
        <v>89236</v>
      </c>
    </row>
    <row r="24909" spans="1:10" x14ac:dyDescent="0.35">
      <c r="A24909" s="1" t="s">
        <v>89148</v>
      </c>
      <c r="B24909" s="1" t="s">
        <v>86049</v>
      </c>
      <c r="C24909" s="1" t="s">
        <v>135</v>
      </c>
      <c r="D24909" s="1" t="s">
        <v>89237</v>
      </c>
      <c r="E24909" s="1" t="s">
        <v>89238</v>
      </c>
      <c r="F24909" s="1" t="s">
        <v>89239</v>
      </c>
      <c r="G24909" s="1" t="s">
        <v>89151</v>
      </c>
      <c r="H24909" s="1" t="s">
        <v>89152</v>
      </c>
      <c r="I24909" s="1" t="s">
        <v>86055</v>
      </c>
      <c r="J24909" s="1" t="s">
        <v>89240</v>
      </c>
    </row>
    <row r="24910" spans="1:10" x14ac:dyDescent="0.35">
      <c r="A24910" s="1" t="s">
        <v>89148</v>
      </c>
      <c r="B24910" s="1" t="s">
        <v>86049</v>
      </c>
      <c r="C24910" s="1" t="s">
        <v>140</v>
      </c>
      <c r="D24910" s="1" t="s">
        <v>55073</v>
      </c>
      <c r="E24910" s="1" t="s">
        <v>89241</v>
      </c>
      <c r="F24910" s="1" t="s">
        <v>89242</v>
      </c>
      <c r="G24910" s="1" t="s">
        <v>89151</v>
      </c>
      <c r="H24910" s="1" t="s">
        <v>89152</v>
      </c>
      <c r="I24910" s="1" t="s">
        <v>86055</v>
      </c>
      <c r="J24910" s="1" t="s">
        <v>89243</v>
      </c>
    </row>
    <row r="24911" spans="1:10" x14ac:dyDescent="0.35">
      <c r="A24911" s="1" t="s">
        <v>89148</v>
      </c>
      <c r="B24911" s="1" t="s">
        <v>86049</v>
      </c>
      <c r="C24911" s="1" t="s">
        <v>145</v>
      </c>
      <c r="D24911" s="1" t="s">
        <v>89244</v>
      </c>
      <c r="E24911" s="1" t="s">
        <v>89245</v>
      </c>
      <c r="F24911" s="1" t="s">
        <v>89246</v>
      </c>
      <c r="G24911" s="1" t="s">
        <v>89151</v>
      </c>
      <c r="H24911" s="1" t="s">
        <v>89152</v>
      </c>
      <c r="I24911" s="1" t="s">
        <v>86055</v>
      </c>
      <c r="J24911" s="1" t="s">
        <v>89247</v>
      </c>
    </row>
    <row r="24912" spans="1:10" x14ac:dyDescent="0.35">
      <c r="A24912" s="1" t="s">
        <v>89148</v>
      </c>
      <c r="B24912" s="1" t="s">
        <v>86049</v>
      </c>
      <c r="C24912" s="1" t="s">
        <v>150</v>
      </c>
      <c r="D24912" s="1" t="s">
        <v>67228</v>
      </c>
      <c r="E24912" s="1" t="s">
        <v>89248</v>
      </c>
      <c r="F24912" s="1" t="s">
        <v>89249</v>
      </c>
      <c r="G24912" s="1" t="s">
        <v>89151</v>
      </c>
      <c r="H24912" s="1" t="s">
        <v>89152</v>
      </c>
      <c r="I24912" s="1" t="s">
        <v>86055</v>
      </c>
      <c r="J24912" s="1" t="s">
        <v>89250</v>
      </c>
    </row>
    <row r="24913" spans="1:10" x14ac:dyDescent="0.35">
      <c r="A24913" s="1" t="s">
        <v>89148</v>
      </c>
      <c r="B24913" s="1" t="s">
        <v>86049</v>
      </c>
      <c r="C24913" s="1" t="s">
        <v>155</v>
      </c>
      <c r="D24913" s="1" t="s">
        <v>62048</v>
      </c>
      <c r="E24913" s="1" t="s">
        <v>89251</v>
      </c>
      <c r="F24913" s="1" t="s">
        <v>89252</v>
      </c>
      <c r="G24913" s="1" t="s">
        <v>89151</v>
      </c>
      <c r="H24913" s="1" t="s">
        <v>89152</v>
      </c>
      <c r="I24913" s="1" t="s">
        <v>86055</v>
      </c>
      <c r="J24913" s="1" t="s">
        <v>89253</v>
      </c>
    </row>
    <row r="24914" spans="1:10" x14ac:dyDescent="0.35">
      <c r="A24914" s="1" t="s">
        <v>89148</v>
      </c>
      <c r="B24914" s="1" t="s">
        <v>86049</v>
      </c>
      <c r="C24914" s="1" t="s">
        <v>160</v>
      </c>
      <c r="D24914" s="1" t="s">
        <v>89254</v>
      </c>
      <c r="E24914" s="1" t="s">
        <v>89255</v>
      </c>
      <c r="F24914" s="1" t="s">
        <v>89256</v>
      </c>
      <c r="G24914" s="1" t="s">
        <v>89151</v>
      </c>
      <c r="H24914" s="1" t="s">
        <v>89152</v>
      </c>
      <c r="I24914" s="1" t="s">
        <v>86055</v>
      </c>
      <c r="J24914" s="1" t="s">
        <v>89257</v>
      </c>
    </row>
    <row r="24915" spans="1:10" x14ac:dyDescent="0.35">
      <c r="A24915" s="1" t="s">
        <v>89148</v>
      </c>
      <c r="B24915" s="1" t="s">
        <v>86049</v>
      </c>
      <c r="C24915" s="1" t="s">
        <v>165</v>
      </c>
      <c r="D24915" s="1" t="s">
        <v>89258</v>
      </c>
      <c r="E24915" s="1" t="s">
        <v>89259</v>
      </c>
      <c r="F24915" s="1" t="s">
        <v>89260</v>
      </c>
      <c r="G24915" s="1" t="s">
        <v>89151</v>
      </c>
      <c r="H24915" s="1" t="s">
        <v>89152</v>
      </c>
      <c r="I24915" s="1" t="s">
        <v>86055</v>
      </c>
      <c r="J24915" s="1" t="s">
        <v>89261</v>
      </c>
    </row>
    <row r="24916" spans="1:10" x14ac:dyDescent="0.35">
      <c r="A24916" s="1" t="s">
        <v>89148</v>
      </c>
      <c r="B24916" s="1" t="s">
        <v>86049</v>
      </c>
      <c r="C24916" s="1" t="s">
        <v>170</v>
      </c>
      <c r="D24916" s="1" t="s">
        <v>89262</v>
      </c>
      <c r="E24916" s="1" t="s">
        <v>89263</v>
      </c>
      <c r="F24916" s="1" t="s">
        <v>89264</v>
      </c>
      <c r="G24916" s="1" t="s">
        <v>89151</v>
      </c>
      <c r="H24916" s="1" t="s">
        <v>89152</v>
      </c>
      <c r="I24916" s="1" t="s">
        <v>86055</v>
      </c>
      <c r="J24916" s="1" t="s">
        <v>89265</v>
      </c>
    </row>
    <row r="24917" spans="1:10" x14ac:dyDescent="0.35">
      <c r="A24917" s="1" t="s">
        <v>89266</v>
      </c>
      <c r="B24917" s="1" t="s">
        <v>86049</v>
      </c>
      <c r="C24917" s="1" t="s">
        <v>8</v>
      </c>
      <c r="D24917" s="1" t="s">
        <v>89267</v>
      </c>
      <c r="E24917" s="1" t="s">
        <v>31794</v>
      </c>
      <c r="F24917" s="1" t="s">
        <v>53921</v>
      </c>
      <c r="G24917" s="1" t="s">
        <v>89268</v>
      </c>
      <c r="H24917" s="1" t="s">
        <v>89269</v>
      </c>
      <c r="I24917" s="1" t="s">
        <v>86055</v>
      </c>
      <c r="J24917" s="1" t="s">
        <v>13</v>
      </c>
    </row>
    <row r="24918" spans="1:10" x14ac:dyDescent="0.35">
      <c r="A24918" s="1" t="s">
        <v>89266</v>
      </c>
      <c r="B24918" s="1" t="s">
        <v>86049</v>
      </c>
      <c r="C24918" s="1" t="s">
        <v>15</v>
      </c>
      <c r="D24918" s="1" t="s">
        <v>89270</v>
      </c>
      <c r="E24918" s="1" t="s">
        <v>32090</v>
      </c>
      <c r="F24918" s="1" t="s">
        <v>89271</v>
      </c>
      <c r="G24918" s="1" t="s">
        <v>89268</v>
      </c>
      <c r="H24918" s="1" t="s">
        <v>89269</v>
      </c>
      <c r="I24918" s="1" t="s">
        <v>86055</v>
      </c>
      <c r="J24918" s="1" t="s">
        <v>89272</v>
      </c>
    </row>
    <row r="24919" spans="1:10" x14ac:dyDescent="0.35">
      <c r="A24919" s="1" t="s">
        <v>89266</v>
      </c>
      <c r="B24919" s="1" t="s">
        <v>86049</v>
      </c>
      <c r="C24919" s="1" t="s">
        <v>20</v>
      </c>
      <c r="D24919" s="1" t="s">
        <v>89273</v>
      </c>
      <c r="E24919" s="1" t="s">
        <v>89274</v>
      </c>
      <c r="F24919" s="1" t="s">
        <v>31813</v>
      </c>
      <c r="G24919" s="1" t="s">
        <v>89268</v>
      </c>
      <c r="H24919" s="1" t="s">
        <v>89269</v>
      </c>
      <c r="I24919" s="1" t="s">
        <v>86055</v>
      </c>
      <c r="J24919" s="1" t="s">
        <v>89275</v>
      </c>
    </row>
    <row r="24920" spans="1:10" x14ac:dyDescent="0.35">
      <c r="A24920" s="1" t="s">
        <v>89266</v>
      </c>
      <c r="B24920" s="1" t="s">
        <v>86049</v>
      </c>
      <c r="C24920" s="1" t="s">
        <v>25</v>
      </c>
      <c r="D24920" s="1" t="s">
        <v>89276</v>
      </c>
      <c r="E24920" s="1" t="s">
        <v>31972</v>
      </c>
      <c r="F24920" s="1" t="s">
        <v>89277</v>
      </c>
      <c r="G24920" s="1" t="s">
        <v>89268</v>
      </c>
      <c r="H24920" s="1" t="s">
        <v>89269</v>
      </c>
      <c r="I24920" s="1" t="s">
        <v>86055</v>
      </c>
      <c r="J24920" s="1" t="s">
        <v>89278</v>
      </c>
    </row>
    <row r="24921" spans="1:10" x14ac:dyDescent="0.35">
      <c r="A24921" s="1" t="s">
        <v>89266</v>
      </c>
      <c r="B24921" s="1" t="s">
        <v>86049</v>
      </c>
      <c r="C24921" s="1" t="s">
        <v>30</v>
      </c>
      <c r="D24921" s="1" t="s">
        <v>89279</v>
      </c>
      <c r="E24921" s="1" t="s">
        <v>31908</v>
      </c>
      <c r="F24921" s="1" t="s">
        <v>57089</v>
      </c>
      <c r="G24921" s="1" t="s">
        <v>89268</v>
      </c>
      <c r="H24921" s="1" t="s">
        <v>89269</v>
      </c>
      <c r="I24921" s="1" t="s">
        <v>86055</v>
      </c>
      <c r="J24921" s="1" t="s">
        <v>89280</v>
      </c>
    </row>
    <row r="24922" spans="1:10" x14ac:dyDescent="0.35">
      <c r="A24922" s="1" t="s">
        <v>89266</v>
      </c>
      <c r="B24922" s="1" t="s">
        <v>86049</v>
      </c>
      <c r="C24922" s="1" t="s">
        <v>35</v>
      </c>
      <c r="D24922" s="1" t="s">
        <v>63223</v>
      </c>
      <c r="E24922" s="1" t="s">
        <v>89281</v>
      </c>
      <c r="F24922" s="1" t="s">
        <v>60512</v>
      </c>
      <c r="G24922" s="1" t="s">
        <v>89268</v>
      </c>
      <c r="H24922" s="1" t="s">
        <v>89269</v>
      </c>
      <c r="I24922" s="1" t="s">
        <v>86055</v>
      </c>
      <c r="J24922" s="1" t="s">
        <v>89282</v>
      </c>
    </row>
    <row r="24923" spans="1:10" x14ac:dyDescent="0.35">
      <c r="A24923" s="1" t="s">
        <v>89266</v>
      </c>
      <c r="B24923" s="1" t="s">
        <v>86049</v>
      </c>
      <c r="C24923" s="1" t="s">
        <v>40</v>
      </c>
      <c r="D24923" s="1" t="s">
        <v>89283</v>
      </c>
      <c r="E24923" s="1" t="s">
        <v>41356</v>
      </c>
      <c r="F24923" s="1" t="s">
        <v>89284</v>
      </c>
      <c r="G24923" s="1" t="s">
        <v>89268</v>
      </c>
      <c r="H24923" s="1" t="s">
        <v>89269</v>
      </c>
      <c r="I24923" s="1" t="s">
        <v>86055</v>
      </c>
      <c r="J24923" s="1" t="s">
        <v>89285</v>
      </c>
    </row>
    <row r="24924" spans="1:10" x14ac:dyDescent="0.35">
      <c r="A24924" s="1" t="s">
        <v>89266</v>
      </c>
      <c r="B24924" s="1" t="s">
        <v>86049</v>
      </c>
      <c r="C24924" s="1" t="s">
        <v>45</v>
      </c>
      <c r="D24924" s="1" t="s">
        <v>24005</v>
      </c>
      <c r="E24924" s="1" t="s">
        <v>88284</v>
      </c>
      <c r="F24924" s="1" t="s">
        <v>89286</v>
      </c>
      <c r="G24924" s="1" t="s">
        <v>89268</v>
      </c>
      <c r="H24924" s="1" t="s">
        <v>89269</v>
      </c>
      <c r="I24924" s="1" t="s">
        <v>86055</v>
      </c>
      <c r="J24924" s="1" t="s">
        <v>89287</v>
      </c>
    </row>
    <row r="24925" spans="1:10" x14ac:dyDescent="0.35">
      <c r="A24925" s="1" t="s">
        <v>89266</v>
      </c>
      <c r="B24925" s="1" t="s">
        <v>86049</v>
      </c>
      <c r="C24925" s="1" t="s">
        <v>50</v>
      </c>
      <c r="D24925" s="1" t="s">
        <v>89288</v>
      </c>
      <c r="E24925" s="1" t="s">
        <v>30597</v>
      </c>
      <c r="F24925" s="1" t="s">
        <v>89289</v>
      </c>
      <c r="G24925" s="1" t="s">
        <v>89268</v>
      </c>
      <c r="H24925" s="1" t="s">
        <v>89269</v>
      </c>
      <c r="I24925" s="1" t="s">
        <v>86055</v>
      </c>
      <c r="J24925" s="1" t="s">
        <v>89290</v>
      </c>
    </row>
    <row r="24926" spans="1:10" x14ac:dyDescent="0.35">
      <c r="A24926" s="1" t="s">
        <v>89266</v>
      </c>
      <c r="B24926" s="1" t="s">
        <v>86049</v>
      </c>
      <c r="C24926" s="1" t="s">
        <v>55</v>
      </c>
      <c r="D24926" s="1" t="s">
        <v>66042</v>
      </c>
      <c r="E24926" s="1" t="s">
        <v>26292</v>
      </c>
      <c r="F24926" s="1" t="s">
        <v>59096</v>
      </c>
      <c r="G24926" s="1" t="s">
        <v>89268</v>
      </c>
      <c r="H24926" s="1" t="s">
        <v>89269</v>
      </c>
      <c r="I24926" s="1" t="s">
        <v>86055</v>
      </c>
      <c r="J24926" s="1" t="s">
        <v>89291</v>
      </c>
    </row>
    <row r="24927" spans="1:10" x14ac:dyDescent="0.35">
      <c r="A24927" s="1" t="s">
        <v>89266</v>
      </c>
      <c r="B24927" s="1" t="s">
        <v>86049</v>
      </c>
      <c r="C24927" s="1" t="s">
        <v>60</v>
      </c>
      <c r="D24927" s="1" t="s">
        <v>89292</v>
      </c>
      <c r="E24927" s="1" t="s">
        <v>89293</v>
      </c>
      <c r="F24927" s="1" t="s">
        <v>89294</v>
      </c>
      <c r="G24927" s="1" t="s">
        <v>89268</v>
      </c>
      <c r="H24927" s="1" t="s">
        <v>89269</v>
      </c>
      <c r="I24927" s="1" t="s">
        <v>86055</v>
      </c>
      <c r="J24927" s="1" t="s">
        <v>89295</v>
      </c>
    </row>
    <row r="24928" spans="1:10" x14ac:dyDescent="0.35">
      <c r="A24928" s="1" t="s">
        <v>89266</v>
      </c>
      <c r="B24928" s="1" t="s">
        <v>86049</v>
      </c>
      <c r="C24928" s="1" t="s">
        <v>65</v>
      </c>
      <c r="D24928" s="1" t="s">
        <v>89296</v>
      </c>
      <c r="E24928" s="1" t="s">
        <v>27160</v>
      </c>
      <c r="F24928" s="1" t="s">
        <v>89297</v>
      </c>
      <c r="G24928" s="1" t="s">
        <v>89268</v>
      </c>
      <c r="H24928" s="1" t="s">
        <v>89269</v>
      </c>
      <c r="I24928" s="1" t="s">
        <v>86055</v>
      </c>
      <c r="J24928" s="1" t="s">
        <v>89298</v>
      </c>
    </row>
    <row r="24929" spans="1:10" x14ac:dyDescent="0.35">
      <c r="A24929" s="1" t="s">
        <v>89266</v>
      </c>
      <c r="B24929" s="1" t="s">
        <v>86049</v>
      </c>
      <c r="C24929" s="1" t="s">
        <v>70</v>
      </c>
      <c r="D24929" s="1" t="s">
        <v>57283</v>
      </c>
      <c r="E24929" s="1" t="s">
        <v>26292</v>
      </c>
      <c r="F24929" s="1" t="s">
        <v>32123</v>
      </c>
      <c r="G24929" s="1" t="s">
        <v>89268</v>
      </c>
      <c r="H24929" s="1" t="s">
        <v>89269</v>
      </c>
      <c r="I24929" s="1" t="s">
        <v>86055</v>
      </c>
      <c r="J24929" s="1" t="s">
        <v>89299</v>
      </c>
    </row>
    <row r="24930" spans="1:10" x14ac:dyDescent="0.35">
      <c r="A24930" s="1" t="s">
        <v>89266</v>
      </c>
      <c r="B24930" s="1" t="s">
        <v>86049</v>
      </c>
      <c r="C24930" s="1" t="s">
        <v>75</v>
      </c>
      <c r="D24930" s="1" t="s">
        <v>89300</v>
      </c>
      <c r="E24930" s="1" t="s">
        <v>32036</v>
      </c>
      <c r="F24930" s="1" t="s">
        <v>89301</v>
      </c>
      <c r="G24930" s="1" t="s">
        <v>89268</v>
      </c>
      <c r="H24930" s="1" t="s">
        <v>89269</v>
      </c>
      <c r="I24930" s="1" t="s">
        <v>86055</v>
      </c>
      <c r="J24930" s="1" t="s">
        <v>89302</v>
      </c>
    </row>
    <row r="24931" spans="1:10" x14ac:dyDescent="0.35">
      <c r="A24931" s="1" t="s">
        <v>89266</v>
      </c>
      <c r="B24931" s="1" t="s">
        <v>86049</v>
      </c>
      <c r="C24931" s="1" t="s">
        <v>80</v>
      </c>
      <c r="D24931" s="1" t="s">
        <v>89303</v>
      </c>
      <c r="E24931" s="1" t="s">
        <v>15606</v>
      </c>
      <c r="F24931" s="1" t="s">
        <v>89304</v>
      </c>
      <c r="G24931" s="1" t="s">
        <v>89268</v>
      </c>
      <c r="H24931" s="1" t="s">
        <v>89269</v>
      </c>
      <c r="I24931" s="1" t="s">
        <v>86055</v>
      </c>
      <c r="J24931" s="1" t="s">
        <v>89305</v>
      </c>
    </row>
    <row r="24932" spans="1:10" x14ac:dyDescent="0.35">
      <c r="A24932" s="1" t="s">
        <v>89266</v>
      </c>
      <c r="B24932" s="1" t="s">
        <v>86049</v>
      </c>
      <c r="C24932" s="1" t="s">
        <v>85</v>
      </c>
      <c r="D24932" s="1" t="s">
        <v>89306</v>
      </c>
      <c r="E24932" s="1" t="s">
        <v>89307</v>
      </c>
      <c r="F24932" s="1" t="s">
        <v>89308</v>
      </c>
      <c r="G24932" s="1" t="s">
        <v>89268</v>
      </c>
      <c r="H24932" s="1" t="s">
        <v>89269</v>
      </c>
      <c r="I24932" s="1" t="s">
        <v>86055</v>
      </c>
      <c r="J24932" s="1" t="s">
        <v>89309</v>
      </c>
    </row>
    <row r="24933" spans="1:10" x14ac:dyDescent="0.35">
      <c r="A24933" s="1" t="s">
        <v>89266</v>
      </c>
      <c r="B24933" s="1" t="s">
        <v>86049</v>
      </c>
      <c r="C24933" s="1" t="s">
        <v>90</v>
      </c>
      <c r="D24933" s="1" t="s">
        <v>89310</v>
      </c>
      <c r="E24933" s="1" t="s">
        <v>33002</v>
      </c>
      <c r="F24933" s="1" t="s">
        <v>62893</v>
      </c>
      <c r="G24933" s="1" t="s">
        <v>89268</v>
      </c>
      <c r="H24933" s="1" t="s">
        <v>89269</v>
      </c>
      <c r="I24933" s="1" t="s">
        <v>86055</v>
      </c>
      <c r="J24933" s="1" t="s">
        <v>89311</v>
      </c>
    </row>
    <row r="24934" spans="1:10" x14ac:dyDescent="0.35">
      <c r="A24934" s="1" t="s">
        <v>89266</v>
      </c>
      <c r="B24934" s="1" t="s">
        <v>86049</v>
      </c>
      <c r="C24934" s="1" t="s">
        <v>95</v>
      </c>
      <c r="D24934" s="1" t="s">
        <v>89312</v>
      </c>
      <c r="E24934" s="1" t="s">
        <v>89313</v>
      </c>
      <c r="F24934" s="1" t="s">
        <v>63496</v>
      </c>
      <c r="G24934" s="1" t="s">
        <v>89268</v>
      </c>
      <c r="H24934" s="1" t="s">
        <v>89269</v>
      </c>
      <c r="I24934" s="1" t="s">
        <v>86055</v>
      </c>
      <c r="J24934" s="1" t="s">
        <v>89314</v>
      </c>
    </row>
    <row r="24935" spans="1:10" x14ac:dyDescent="0.35">
      <c r="A24935" s="1" t="s">
        <v>89266</v>
      </c>
      <c r="B24935" s="1" t="s">
        <v>86049</v>
      </c>
      <c r="C24935" s="1" t="s">
        <v>100</v>
      </c>
      <c r="D24935" s="1" t="s">
        <v>89315</v>
      </c>
      <c r="E24935" s="1" t="s">
        <v>15915</v>
      </c>
      <c r="F24935" s="1" t="s">
        <v>70236</v>
      </c>
      <c r="G24935" s="1" t="s">
        <v>89268</v>
      </c>
      <c r="H24935" s="1" t="s">
        <v>89269</v>
      </c>
      <c r="I24935" s="1" t="s">
        <v>86055</v>
      </c>
      <c r="J24935" s="1" t="s">
        <v>89316</v>
      </c>
    </row>
    <row r="24936" spans="1:10" x14ac:dyDescent="0.35">
      <c r="A24936" s="1" t="s">
        <v>89266</v>
      </c>
      <c r="B24936" s="1" t="s">
        <v>86049</v>
      </c>
      <c r="C24936" s="1" t="s">
        <v>105</v>
      </c>
      <c r="D24936" s="1" t="s">
        <v>89317</v>
      </c>
      <c r="E24936" s="1" t="s">
        <v>15622</v>
      </c>
      <c r="F24936" s="1" t="s">
        <v>89318</v>
      </c>
      <c r="G24936" s="1" t="s">
        <v>89268</v>
      </c>
      <c r="H24936" s="1" t="s">
        <v>89269</v>
      </c>
      <c r="I24936" s="1" t="s">
        <v>86055</v>
      </c>
      <c r="J24936" s="1" t="s">
        <v>89319</v>
      </c>
    </row>
    <row r="24937" spans="1:10" x14ac:dyDescent="0.35">
      <c r="A24937" s="1" t="s">
        <v>89266</v>
      </c>
      <c r="B24937" s="1" t="s">
        <v>86049</v>
      </c>
      <c r="C24937" s="1" t="s">
        <v>110</v>
      </c>
      <c r="D24937" s="1" t="s">
        <v>89320</v>
      </c>
      <c r="E24937" s="1" t="s">
        <v>15907</v>
      </c>
      <c r="F24937" s="1" t="s">
        <v>62265</v>
      </c>
      <c r="G24937" s="1" t="s">
        <v>89268</v>
      </c>
      <c r="H24937" s="1" t="s">
        <v>89269</v>
      </c>
      <c r="I24937" s="1" t="s">
        <v>86055</v>
      </c>
      <c r="J24937" s="1" t="s">
        <v>89321</v>
      </c>
    </row>
    <row r="24938" spans="1:10" x14ac:dyDescent="0.35">
      <c r="A24938" s="1" t="s">
        <v>89266</v>
      </c>
      <c r="B24938" s="1" t="s">
        <v>86049</v>
      </c>
      <c r="C24938" s="1" t="s">
        <v>115</v>
      </c>
      <c r="D24938" s="1" t="s">
        <v>89322</v>
      </c>
      <c r="E24938" s="1" t="s">
        <v>15610</v>
      </c>
      <c r="F24938" s="1" t="s">
        <v>89323</v>
      </c>
      <c r="G24938" s="1" t="s">
        <v>89268</v>
      </c>
      <c r="H24938" s="1" t="s">
        <v>89269</v>
      </c>
      <c r="I24938" s="1" t="s">
        <v>86055</v>
      </c>
      <c r="J24938" s="1" t="s">
        <v>89324</v>
      </c>
    </row>
    <row r="24939" spans="1:10" x14ac:dyDescent="0.35">
      <c r="A24939" s="1" t="s">
        <v>89266</v>
      </c>
      <c r="B24939" s="1" t="s">
        <v>86049</v>
      </c>
      <c r="C24939" s="1" t="s">
        <v>120</v>
      </c>
      <c r="D24939" s="1" t="s">
        <v>19658</v>
      </c>
      <c r="E24939" s="1" t="s">
        <v>32618</v>
      </c>
      <c r="F24939" s="1" t="s">
        <v>63434</v>
      </c>
      <c r="G24939" s="1" t="s">
        <v>89268</v>
      </c>
      <c r="H24939" s="1" t="s">
        <v>89269</v>
      </c>
      <c r="I24939" s="1" t="s">
        <v>86055</v>
      </c>
      <c r="J24939" s="1" t="s">
        <v>89325</v>
      </c>
    </row>
    <row r="24940" spans="1:10" x14ac:dyDescent="0.35">
      <c r="A24940" s="1" t="s">
        <v>89266</v>
      </c>
      <c r="B24940" s="1" t="s">
        <v>86049</v>
      </c>
      <c r="C24940" s="1" t="s">
        <v>125</v>
      </c>
      <c r="D24940" s="1" t="s">
        <v>89326</v>
      </c>
      <c r="E24940" s="1" t="s">
        <v>22309</v>
      </c>
      <c r="F24940" s="1" t="s">
        <v>89327</v>
      </c>
      <c r="G24940" s="1" t="s">
        <v>89268</v>
      </c>
      <c r="H24940" s="1" t="s">
        <v>89269</v>
      </c>
      <c r="I24940" s="1" t="s">
        <v>86055</v>
      </c>
      <c r="J24940" s="1" t="s">
        <v>89328</v>
      </c>
    </row>
    <row r="24941" spans="1:10" x14ac:dyDescent="0.35">
      <c r="A24941" s="1" t="s">
        <v>89266</v>
      </c>
      <c r="B24941" s="1" t="s">
        <v>86049</v>
      </c>
      <c r="C24941" s="1" t="s">
        <v>130</v>
      </c>
      <c r="D24941" s="1" t="s">
        <v>89329</v>
      </c>
      <c r="E24941" s="1" t="s">
        <v>89330</v>
      </c>
      <c r="F24941" s="1" t="s">
        <v>66846</v>
      </c>
      <c r="G24941" s="1" t="s">
        <v>89268</v>
      </c>
      <c r="H24941" s="1" t="s">
        <v>89269</v>
      </c>
      <c r="I24941" s="1" t="s">
        <v>86055</v>
      </c>
      <c r="J24941" s="1" t="s">
        <v>89331</v>
      </c>
    </row>
    <row r="24942" spans="1:10" x14ac:dyDescent="0.35">
      <c r="A24942" s="1" t="s">
        <v>89266</v>
      </c>
      <c r="B24942" s="1" t="s">
        <v>86049</v>
      </c>
      <c r="C24942" s="1" t="s">
        <v>135</v>
      </c>
      <c r="D24942" s="1" t="s">
        <v>89332</v>
      </c>
      <c r="E24942" s="1" t="s">
        <v>89333</v>
      </c>
      <c r="F24942" s="1" t="s">
        <v>23454</v>
      </c>
      <c r="G24942" s="1" t="s">
        <v>89268</v>
      </c>
      <c r="H24942" s="1" t="s">
        <v>89269</v>
      </c>
      <c r="I24942" s="1" t="s">
        <v>86055</v>
      </c>
      <c r="J24942" s="1" t="s">
        <v>89334</v>
      </c>
    </row>
    <row r="24943" spans="1:10" x14ac:dyDescent="0.35">
      <c r="A24943" s="1" t="s">
        <v>89266</v>
      </c>
      <c r="B24943" s="1" t="s">
        <v>86049</v>
      </c>
      <c r="C24943" s="1" t="s">
        <v>140</v>
      </c>
      <c r="D24943" s="1" t="s">
        <v>89335</v>
      </c>
      <c r="E24943" s="1" t="s">
        <v>26156</v>
      </c>
      <c r="F24943" s="1" t="s">
        <v>89336</v>
      </c>
      <c r="G24943" s="1" t="s">
        <v>89268</v>
      </c>
      <c r="H24943" s="1" t="s">
        <v>89269</v>
      </c>
      <c r="I24943" s="1" t="s">
        <v>86055</v>
      </c>
      <c r="J24943" s="1" t="s">
        <v>89337</v>
      </c>
    </row>
    <row r="24944" spans="1:10" x14ac:dyDescent="0.35">
      <c r="A24944" s="1" t="s">
        <v>89266</v>
      </c>
      <c r="B24944" s="1" t="s">
        <v>86049</v>
      </c>
      <c r="C24944" s="1" t="s">
        <v>145</v>
      </c>
      <c r="D24944" s="1" t="s">
        <v>89338</v>
      </c>
      <c r="E24944" s="1" t="s">
        <v>89339</v>
      </c>
      <c r="F24944" s="1" t="s">
        <v>89340</v>
      </c>
      <c r="G24944" s="1" t="s">
        <v>89268</v>
      </c>
      <c r="H24944" s="1" t="s">
        <v>89269</v>
      </c>
      <c r="I24944" s="1" t="s">
        <v>86055</v>
      </c>
      <c r="J24944" s="1" t="s">
        <v>89341</v>
      </c>
    </row>
    <row r="24945" spans="1:10" x14ac:dyDescent="0.35">
      <c r="A24945" s="1" t="s">
        <v>89266</v>
      </c>
      <c r="B24945" s="1" t="s">
        <v>86049</v>
      </c>
      <c r="C24945" s="1" t="s">
        <v>150</v>
      </c>
      <c r="D24945" s="1" t="s">
        <v>89342</v>
      </c>
      <c r="E24945" s="1" t="s">
        <v>76329</v>
      </c>
      <c r="F24945" s="1" t="s">
        <v>67751</v>
      </c>
      <c r="G24945" s="1" t="s">
        <v>89268</v>
      </c>
      <c r="H24945" s="1" t="s">
        <v>89269</v>
      </c>
      <c r="I24945" s="1" t="s">
        <v>86055</v>
      </c>
      <c r="J24945" s="1" t="s">
        <v>89343</v>
      </c>
    </row>
    <row r="24946" spans="1:10" x14ac:dyDescent="0.35">
      <c r="A24946" s="1" t="s">
        <v>89266</v>
      </c>
      <c r="B24946" s="1" t="s">
        <v>86049</v>
      </c>
      <c r="C24946" s="1" t="s">
        <v>155</v>
      </c>
      <c r="D24946" s="1" t="s">
        <v>89344</v>
      </c>
      <c r="E24946" s="1" t="s">
        <v>89345</v>
      </c>
      <c r="F24946" s="1" t="s">
        <v>89346</v>
      </c>
      <c r="G24946" s="1" t="s">
        <v>89268</v>
      </c>
      <c r="H24946" s="1" t="s">
        <v>89269</v>
      </c>
      <c r="I24946" s="1" t="s">
        <v>86055</v>
      </c>
      <c r="J24946" s="1" t="s">
        <v>89347</v>
      </c>
    </row>
    <row r="24947" spans="1:10" x14ac:dyDescent="0.35">
      <c r="A24947" s="1" t="s">
        <v>89266</v>
      </c>
      <c r="B24947" s="1" t="s">
        <v>86049</v>
      </c>
      <c r="C24947" s="1" t="s">
        <v>160</v>
      </c>
      <c r="D24947" s="1" t="s">
        <v>89348</v>
      </c>
      <c r="E24947" s="1" t="s">
        <v>89349</v>
      </c>
      <c r="F24947" s="1" t="s">
        <v>89350</v>
      </c>
      <c r="G24947" s="1" t="s">
        <v>89268</v>
      </c>
      <c r="H24947" s="1" t="s">
        <v>89269</v>
      </c>
      <c r="I24947" s="1" t="s">
        <v>86055</v>
      </c>
      <c r="J24947" s="1" t="s">
        <v>89351</v>
      </c>
    </row>
    <row r="24948" spans="1:10" x14ac:dyDescent="0.35">
      <c r="A24948" s="1" t="s">
        <v>89266</v>
      </c>
      <c r="B24948" s="1" t="s">
        <v>86049</v>
      </c>
      <c r="C24948" s="1" t="s">
        <v>165</v>
      </c>
      <c r="D24948" s="1" t="s">
        <v>89352</v>
      </c>
      <c r="E24948" s="1" t="s">
        <v>89353</v>
      </c>
      <c r="F24948" s="1" t="s">
        <v>89354</v>
      </c>
      <c r="G24948" s="1" t="s">
        <v>89268</v>
      </c>
      <c r="H24948" s="1" t="s">
        <v>89269</v>
      </c>
      <c r="I24948" s="1" t="s">
        <v>86055</v>
      </c>
      <c r="J24948" s="1" t="s">
        <v>89355</v>
      </c>
    </row>
    <row r="24949" spans="1:10" x14ac:dyDescent="0.35">
      <c r="A24949" s="1" t="s">
        <v>89266</v>
      </c>
      <c r="B24949" s="1" t="s">
        <v>86049</v>
      </c>
      <c r="C24949" s="1" t="s">
        <v>170</v>
      </c>
      <c r="D24949" s="1" t="s">
        <v>89356</v>
      </c>
      <c r="E24949" s="1" t="s">
        <v>89357</v>
      </c>
      <c r="F24949" s="1" t="s">
        <v>64917</v>
      </c>
      <c r="G24949" s="1" t="s">
        <v>89268</v>
      </c>
      <c r="H24949" s="1" t="s">
        <v>89269</v>
      </c>
      <c r="I24949" s="1" t="s">
        <v>86055</v>
      </c>
      <c r="J24949" s="1" t="s">
        <v>89358</v>
      </c>
    </row>
    <row r="24950" spans="1:10" x14ac:dyDescent="0.35">
      <c r="A24950" s="1" t="s">
        <v>89359</v>
      </c>
      <c r="B24950" s="1" t="s">
        <v>86049</v>
      </c>
      <c r="C24950" s="1" t="s">
        <v>8</v>
      </c>
      <c r="D24950" s="1" t="s">
        <v>89360</v>
      </c>
      <c r="E24950" s="1" t="s">
        <v>89361</v>
      </c>
      <c r="F24950" s="1" t="s">
        <v>89362</v>
      </c>
      <c r="G24950" s="1" t="s">
        <v>89363</v>
      </c>
      <c r="H24950" s="1" t="s">
        <v>89364</v>
      </c>
      <c r="I24950" s="1" t="s">
        <v>86055</v>
      </c>
      <c r="J24950" s="1" t="s">
        <v>13</v>
      </c>
    </row>
    <row r="24951" spans="1:10" x14ac:dyDescent="0.35">
      <c r="A24951" s="1" t="s">
        <v>89359</v>
      </c>
      <c r="B24951" s="1" t="s">
        <v>86049</v>
      </c>
      <c r="C24951" s="1" t="s">
        <v>15</v>
      </c>
      <c r="D24951" s="1" t="s">
        <v>89365</v>
      </c>
      <c r="E24951" s="1" t="s">
        <v>89366</v>
      </c>
      <c r="F24951" s="1" t="s">
        <v>89367</v>
      </c>
      <c r="G24951" s="1" t="s">
        <v>89363</v>
      </c>
      <c r="H24951" s="1" t="s">
        <v>89364</v>
      </c>
      <c r="I24951" s="1" t="s">
        <v>86055</v>
      </c>
      <c r="J24951" s="1" t="s">
        <v>89368</v>
      </c>
    </row>
    <row r="24952" spans="1:10" x14ac:dyDescent="0.35">
      <c r="A24952" s="1" t="s">
        <v>89359</v>
      </c>
      <c r="B24952" s="1" t="s">
        <v>86049</v>
      </c>
      <c r="C24952" s="1" t="s">
        <v>20</v>
      </c>
      <c r="D24952" s="1" t="s">
        <v>89369</v>
      </c>
      <c r="E24952" s="1" t="s">
        <v>89370</v>
      </c>
      <c r="F24952" s="1" t="s">
        <v>89371</v>
      </c>
      <c r="G24952" s="1" t="s">
        <v>89363</v>
      </c>
      <c r="H24952" s="1" t="s">
        <v>89364</v>
      </c>
      <c r="I24952" s="1" t="s">
        <v>86055</v>
      </c>
      <c r="J24952" s="1" t="s">
        <v>89372</v>
      </c>
    </row>
    <row r="24953" spans="1:10" x14ac:dyDescent="0.35">
      <c r="A24953" s="1" t="s">
        <v>89359</v>
      </c>
      <c r="B24953" s="1" t="s">
        <v>86049</v>
      </c>
      <c r="C24953" s="1" t="s">
        <v>25</v>
      </c>
      <c r="D24953" s="1" t="s">
        <v>89373</v>
      </c>
      <c r="E24953" s="1" t="s">
        <v>89374</v>
      </c>
      <c r="F24953" s="1" t="s">
        <v>89375</v>
      </c>
      <c r="G24953" s="1" t="s">
        <v>89363</v>
      </c>
      <c r="H24953" s="1" t="s">
        <v>89364</v>
      </c>
      <c r="I24953" s="1" t="s">
        <v>86055</v>
      </c>
      <c r="J24953" s="1" t="s">
        <v>89376</v>
      </c>
    </row>
    <row r="24954" spans="1:10" x14ac:dyDescent="0.35">
      <c r="A24954" s="1" t="s">
        <v>89359</v>
      </c>
      <c r="B24954" s="1" t="s">
        <v>86049</v>
      </c>
      <c r="C24954" s="1" t="s">
        <v>30</v>
      </c>
      <c r="D24954" s="1" t="s">
        <v>89377</v>
      </c>
      <c r="E24954" s="1" t="s">
        <v>89378</v>
      </c>
      <c r="F24954" s="1" t="s">
        <v>89379</v>
      </c>
      <c r="G24954" s="1" t="s">
        <v>89363</v>
      </c>
      <c r="H24954" s="1" t="s">
        <v>89364</v>
      </c>
      <c r="I24954" s="1" t="s">
        <v>86055</v>
      </c>
      <c r="J24954" s="1" t="s">
        <v>89380</v>
      </c>
    </row>
    <row r="24955" spans="1:10" x14ac:dyDescent="0.35">
      <c r="A24955" s="1" t="s">
        <v>89359</v>
      </c>
      <c r="B24955" s="1" t="s">
        <v>86049</v>
      </c>
      <c r="C24955" s="1" t="s">
        <v>35</v>
      </c>
      <c r="D24955" s="1" t="s">
        <v>89381</v>
      </c>
      <c r="E24955" s="1" t="s">
        <v>89382</v>
      </c>
      <c r="F24955" s="1" t="s">
        <v>89383</v>
      </c>
      <c r="G24955" s="1" t="s">
        <v>89363</v>
      </c>
      <c r="H24955" s="1" t="s">
        <v>89364</v>
      </c>
      <c r="I24955" s="1" t="s">
        <v>86055</v>
      </c>
      <c r="J24955" s="1" t="s">
        <v>89384</v>
      </c>
    </row>
    <row r="24956" spans="1:10" x14ac:dyDescent="0.35">
      <c r="A24956" s="1" t="s">
        <v>89359</v>
      </c>
      <c r="B24956" s="1" t="s">
        <v>86049</v>
      </c>
      <c r="C24956" s="1" t="s">
        <v>40</v>
      </c>
      <c r="D24956" s="1" t="s">
        <v>60180</v>
      </c>
      <c r="E24956" s="1" t="s">
        <v>89385</v>
      </c>
      <c r="F24956" s="1" t="s">
        <v>89386</v>
      </c>
      <c r="G24956" s="1" t="s">
        <v>89363</v>
      </c>
      <c r="H24956" s="1" t="s">
        <v>89364</v>
      </c>
      <c r="I24956" s="1" t="s">
        <v>86055</v>
      </c>
      <c r="J24956" s="1" t="s">
        <v>89387</v>
      </c>
    </row>
    <row r="24957" spans="1:10" x14ac:dyDescent="0.35">
      <c r="A24957" s="1" t="s">
        <v>89359</v>
      </c>
      <c r="B24957" s="1" t="s">
        <v>86049</v>
      </c>
      <c r="C24957" s="1" t="s">
        <v>45</v>
      </c>
      <c r="D24957" s="1" t="s">
        <v>5246</v>
      </c>
      <c r="E24957" s="1" t="s">
        <v>89388</v>
      </c>
      <c r="F24957" s="1" t="s">
        <v>89389</v>
      </c>
      <c r="G24957" s="1" t="s">
        <v>89363</v>
      </c>
      <c r="H24957" s="1" t="s">
        <v>89364</v>
      </c>
      <c r="I24957" s="1" t="s">
        <v>86055</v>
      </c>
      <c r="J24957" s="1" t="s">
        <v>89390</v>
      </c>
    </row>
    <row r="24958" spans="1:10" x14ac:dyDescent="0.35">
      <c r="A24958" s="1" t="s">
        <v>89359</v>
      </c>
      <c r="B24958" s="1" t="s">
        <v>86049</v>
      </c>
      <c r="C24958" s="1" t="s">
        <v>50</v>
      </c>
      <c r="D24958" s="1" t="s">
        <v>89391</v>
      </c>
      <c r="E24958" s="1" t="s">
        <v>89392</v>
      </c>
      <c r="F24958" s="1" t="s">
        <v>89393</v>
      </c>
      <c r="G24958" s="1" t="s">
        <v>89363</v>
      </c>
      <c r="H24958" s="1" t="s">
        <v>89364</v>
      </c>
      <c r="I24958" s="1" t="s">
        <v>86055</v>
      </c>
      <c r="J24958" s="1" t="s">
        <v>89394</v>
      </c>
    </row>
    <row r="24959" spans="1:10" x14ac:dyDescent="0.35">
      <c r="A24959" s="1" t="s">
        <v>89359</v>
      </c>
      <c r="B24959" s="1" t="s">
        <v>86049</v>
      </c>
      <c r="C24959" s="1" t="s">
        <v>55</v>
      </c>
      <c r="D24959" s="1" t="s">
        <v>89395</v>
      </c>
      <c r="E24959" s="1" t="s">
        <v>89396</v>
      </c>
      <c r="F24959" s="1" t="s">
        <v>89397</v>
      </c>
      <c r="G24959" s="1" t="s">
        <v>89363</v>
      </c>
      <c r="H24959" s="1" t="s">
        <v>89364</v>
      </c>
      <c r="I24959" s="1" t="s">
        <v>86055</v>
      </c>
      <c r="J24959" s="1" t="s">
        <v>89398</v>
      </c>
    </row>
    <row r="24960" spans="1:10" x14ac:dyDescent="0.35">
      <c r="A24960" s="1" t="s">
        <v>89359</v>
      </c>
      <c r="B24960" s="1" t="s">
        <v>86049</v>
      </c>
      <c r="C24960" s="1" t="s">
        <v>60</v>
      </c>
      <c r="D24960" s="1" t="s">
        <v>89399</v>
      </c>
      <c r="E24960" s="1" t="s">
        <v>89400</v>
      </c>
      <c r="F24960" s="1" t="s">
        <v>89401</v>
      </c>
      <c r="G24960" s="1" t="s">
        <v>89363</v>
      </c>
      <c r="H24960" s="1" t="s">
        <v>89364</v>
      </c>
      <c r="I24960" s="1" t="s">
        <v>86055</v>
      </c>
      <c r="J24960" s="1" t="s">
        <v>89402</v>
      </c>
    </row>
    <row r="24961" spans="1:10" x14ac:dyDescent="0.35">
      <c r="A24961" s="1" t="s">
        <v>89359</v>
      </c>
      <c r="B24961" s="1" t="s">
        <v>86049</v>
      </c>
      <c r="C24961" s="1" t="s">
        <v>65</v>
      </c>
      <c r="D24961" s="1" t="s">
        <v>89403</v>
      </c>
      <c r="E24961" s="1" t="s">
        <v>89404</v>
      </c>
      <c r="F24961" s="1" t="s">
        <v>89405</v>
      </c>
      <c r="G24961" s="1" t="s">
        <v>89363</v>
      </c>
      <c r="H24961" s="1" t="s">
        <v>89364</v>
      </c>
      <c r="I24961" s="1" t="s">
        <v>86055</v>
      </c>
      <c r="J24961" s="1" t="s">
        <v>89406</v>
      </c>
    </row>
    <row r="24962" spans="1:10" x14ac:dyDescent="0.35">
      <c r="A24962" s="1" t="s">
        <v>89359</v>
      </c>
      <c r="B24962" s="1" t="s">
        <v>86049</v>
      </c>
      <c r="C24962" s="1" t="s">
        <v>70</v>
      </c>
      <c r="D24962" s="1" t="s">
        <v>89407</v>
      </c>
      <c r="E24962" s="1" t="s">
        <v>89408</v>
      </c>
      <c r="F24962" s="1" t="s">
        <v>89409</v>
      </c>
      <c r="G24962" s="1" t="s">
        <v>89363</v>
      </c>
      <c r="H24962" s="1" t="s">
        <v>89364</v>
      </c>
      <c r="I24962" s="1" t="s">
        <v>86055</v>
      </c>
      <c r="J24962" s="1" t="s">
        <v>89410</v>
      </c>
    </row>
    <row r="24963" spans="1:10" x14ac:dyDescent="0.35">
      <c r="A24963" s="1" t="s">
        <v>89359</v>
      </c>
      <c r="B24963" s="1" t="s">
        <v>86049</v>
      </c>
      <c r="C24963" s="1" t="s">
        <v>75</v>
      </c>
      <c r="D24963" s="1" t="s">
        <v>89411</v>
      </c>
      <c r="E24963" s="1" t="s">
        <v>89412</v>
      </c>
      <c r="F24963" s="1" t="s">
        <v>89413</v>
      </c>
      <c r="G24963" s="1" t="s">
        <v>89363</v>
      </c>
      <c r="H24963" s="1" t="s">
        <v>89364</v>
      </c>
      <c r="I24963" s="1" t="s">
        <v>86055</v>
      </c>
      <c r="J24963" s="1" t="s">
        <v>89414</v>
      </c>
    </row>
    <row r="24964" spans="1:10" x14ac:dyDescent="0.35">
      <c r="A24964" s="1" t="s">
        <v>89359</v>
      </c>
      <c r="B24964" s="1" t="s">
        <v>86049</v>
      </c>
      <c r="C24964" s="1" t="s">
        <v>80</v>
      </c>
      <c r="D24964" s="1" t="s">
        <v>54962</v>
      </c>
      <c r="E24964" s="1" t="s">
        <v>89415</v>
      </c>
      <c r="F24964" s="1" t="s">
        <v>89416</v>
      </c>
      <c r="G24964" s="1" t="s">
        <v>89363</v>
      </c>
      <c r="H24964" s="1" t="s">
        <v>89364</v>
      </c>
      <c r="I24964" s="1" t="s">
        <v>86055</v>
      </c>
      <c r="J24964" s="1" t="s">
        <v>89417</v>
      </c>
    </row>
    <row r="24965" spans="1:10" x14ac:dyDescent="0.35">
      <c r="A24965" s="1" t="s">
        <v>89359</v>
      </c>
      <c r="B24965" s="1" t="s">
        <v>86049</v>
      </c>
      <c r="C24965" s="1" t="s">
        <v>85</v>
      </c>
      <c r="D24965" s="1" t="s">
        <v>89418</v>
      </c>
      <c r="E24965" s="1" t="s">
        <v>89419</v>
      </c>
      <c r="F24965" s="1" t="s">
        <v>89420</v>
      </c>
      <c r="G24965" s="1" t="s">
        <v>89363</v>
      </c>
      <c r="H24965" s="1" t="s">
        <v>89364</v>
      </c>
      <c r="I24965" s="1" t="s">
        <v>86055</v>
      </c>
      <c r="J24965" s="1" t="s">
        <v>89421</v>
      </c>
    </row>
    <row r="24966" spans="1:10" x14ac:dyDescent="0.35">
      <c r="A24966" s="1" t="s">
        <v>89359</v>
      </c>
      <c r="B24966" s="1" t="s">
        <v>86049</v>
      </c>
      <c r="C24966" s="1" t="s">
        <v>90</v>
      </c>
      <c r="D24966" s="1" t="s">
        <v>89422</v>
      </c>
      <c r="E24966" s="1" t="s">
        <v>89423</v>
      </c>
      <c r="F24966" s="1" t="s">
        <v>89424</v>
      </c>
      <c r="G24966" s="1" t="s">
        <v>89363</v>
      </c>
      <c r="H24966" s="1" t="s">
        <v>89364</v>
      </c>
      <c r="I24966" s="1" t="s">
        <v>86055</v>
      </c>
      <c r="J24966" s="1" t="s">
        <v>89425</v>
      </c>
    </row>
    <row r="24967" spans="1:10" x14ac:dyDescent="0.35">
      <c r="A24967" s="1" t="s">
        <v>89359</v>
      </c>
      <c r="B24967" s="1" t="s">
        <v>86049</v>
      </c>
      <c r="C24967" s="1" t="s">
        <v>95</v>
      </c>
      <c r="D24967" s="1" t="s">
        <v>89426</v>
      </c>
      <c r="E24967" s="1" t="s">
        <v>89427</v>
      </c>
      <c r="F24967" s="1" t="s">
        <v>89428</v>
      </c>
      <c r="G24967" s="1" t="s">
        <v>89363</v>
      </c>
      <c r="H24967" s="1" t="s">
        <v>89364</v>
      </c>
      <c r="I24967" s="1" t="s">
        <v>86055</v>
      </c>
      <c r="J24967" s="1" t="s">
        <v>89429</v>
      </c>
    </row>
    <row r="24968" spans="1:10" x14ac:dyDescent="0.35">
      <c r="A24968" s="1" t="s">
        <v>89359</v>
      </c>
      <c r="B24968" s="1" t="s">
        <v>86049</v>
      </c>
      <c r="C24968" s="1" t="s">
        <v>100</v>
      </c>
      <c r="D24968" s="1" t="s">
        <v>89430</v>
      </c>
      <c r="E24968" s="1" t="s">
        <v>89431</v>
      </c>
      <c r="F24968" s="1" t="s">
        <v>89432</v>
      </c>
      <c r="G24968" s="1" t="s">
        <v>89363</v>
      </c>
      <c r="H24968" s="1" t="s">
        <v>89364</v>
      </c>
      <c r="I24968" s="1" t="s">
        <v>86055</v>
      </c>
      <c r="J24968" s="1" t="s">
        <v>89433</v>
      </c>
    </row>
    <row r="24969" spans="1:10" x14ac:dyDescent="0.35">
      <c r="A24969" s="1" t="s">
        <v>89359</v>
      </c>
      <c r="B24969" s="1" t="s">
        <v>86049</v>
      </c>
      <c r="C24969" s="1" t="s">
        <v>105</v>
      </c>
      <c r="D24969" s="1" t="s">
        <v>81394</v>
      </c>
      <c r="E24969" s="1" t="s">
        <v>89434</v>
      </c>
      <c r="F24969" s="1" t="s">
        <v>89435</v>
      </c>
      <c r="G24969" s="1" t="s">
        <v>89363</v>
      </c>
      <c r="H24969" s="1" t="s">
        <v>89364</v>
      </c>
      <c r="I24969" s="1" t="s">
        <v>86055</v>
      </c>
      <c r="J24969" s="1" t="s">
        <v>89436</v>
      </c>
    </row>
    <row r="24970" spans="1:10" x14ac:dyDescent="0.35">
      <c r="A24970" s="1" t="s">
        <v>89359</v>
      </c>
      <c r="B24970" s="1" t="s">
        <v>86049</v>
      </c>
      <c r="C24970" s="1" t="s">
        <v>110</v>
      </c>
      <c r="D24970" s="1" t="s">
        <v>89437</v>
      </c>
      <c r="E24970" s="1" t="s">
        <v>89438</v>
      </c>
      <c r="F24970" s="1" t="s">
        <v>89439</v>
      </c>
      <c r="G24970" s="1" t="s">
        <v>89363</v>
      </c>
      <c r="H24970" s="1" t="s">
        <v>89364</v>
      </c>
      <c r="I24970" s="1" t="s">
        <v>86055</v>
      </c>
      <c r="J24970" s="1" t="s">
        <v>89440</v>
      </c>
    </row>
    <row r="24971" spans="1:10" x14ac:dyDescent="0.35">
      <c r="A24971" s="1" t="s">
        <v>89359</v>
      </c>
      <c r="B24971" s="1" t="s">
        <v>86049</v>
      </c>
      <c r="C24971" s="1" t="s">
        <v>115</v>
      </c>
      <c r="D24971" s="1" t="s">
        <v>40172</v>
      </c>
      <c r="E24971" s="1" t="s">
        <v>89441</v>
      </c>
      <c r="F24971" s="1" t="s">
        <v>89442</v>
      </c>
      <c r="G24971" s="1" t="s">
        <v>89363</v>
      </c>
      <c r="H24971" s="1" t="s">
        <v>89364</v>
      </c>
      <c r="I24971" s="1" t="s">
        <v>86055</v>
      </c>
      <c r="J24971" s="1" t="s">
        <v>89443</v>
      </c>
    </row>
    <row r="24972" spans="1:10" x14ac:dyDescent="0.35">
      <c r="A24972" s="1" t="s">
        <v>89359</v>
      </c>
      <c r="B24972" s="1" t="s">
        <v>86049</v>
      </c>
      <c r="C24972" s="1" t="s">
        <v>120</v>
      </c>
      <c r="D24972" s="1" t="s">
        <v>89444</v>
      </c>
      <c r="E24972" s="1" t="s">
        <v>89445</v>
      </c>
      <c r="F24972" s="1" t="s">
        <v>89446</v>
      </c>
      <c r="G24972" s="1" t="s">
        <v>89363</v>
      </c>
      <c r="H24972" s="1" t="s">
        <v>89364</v>
      </c>
      <c r="I24972" s="1" t="s">
        <v>86055</v>
      </c>
      <c r="J24972" s="1" t="s">
        <v>89447</v>
      </c>
    </row>
    <row r="24973" spans="1:10" x14ac:dyDescent="0.35">
      <c r="A24973" s="1" t="s">
        <v>89359</v>
      </c>
      <c r="B24973" s="1" t="s">
        <v>86049</v>
      </c>
      <c r="C24973" s="1" t="s">
        <v>125</v>
      </c>
      <c r="D24973" s="1" t="s">
        <v>84284</v>
      </c>
      <c r="E24973" s="1" t="s">
        <v>89448</v>
      </c>
      <c r="F24973" s="1" t="s">
        <v>89449</v>
      </c>
      <c r="G24973" s="1" t="s">
        <v>89363</v>
      </c>
      <c r="H24973" s="1" t="s">
        <v>89364</v>
      </c>
      <c r="I24973" s="1" t="s">
        <v>86055</v>
      </c>
      <c r="J24973" s="1" t="s">
        <v>89450</v>
      </c>
    </row>
    <row r="24974" spans="1:10" x14ac:dyDescent="0.35">
      <c r="A24974" s="1" t="s">
        <v>89359</v>
      </c>
      <c r="B24974" s="1" t="s">
        <v>86049</v>
      </c>
      <c r="C24974" s="1" t="s">
        <v>130</v>
      </c>
      <c r="D24974" s="1" t="s">
        <v>89451</v>
      </c>
      <c r="E24974" s="1" t="s">
        <v>89452</v>
      </c>
      <c r="F24974" s="1" t="s">
        <v>89453</v>
      </c>
      <c r="G24974" s="1" t="s">
        <v>89363</v>
      </c>
      <c r="H24974" s="1" t="s">
        <v>89364</v>
      </c>
      <c r="I24974" s="1" t="s">
        <v>86055</v>
      </c>
      <c r="J24974" s="1" t="s">
        <v>89454</v>
      </c>
    </row>
    <row r="24975" spans="1:10" x14ac:dyDescent="0.35">
      <c r="A24975" s="1" t="s">
        <v>89359</v>
      </c>
      <c r="B24975" s="1" t="s">
        <v>86049</v>
      </c>
      <c r="C24975" s="1" t="s">
        <v>135</v>
      </c>
      <c r="D24975" s="1" t="s">
        <v>76862</v>
      </c>
      <c r="E24975" s="1" t="s">
        <v>89455</v>
      </c>
      <c r="F24975" s="1" t="s">
        <v>89456</v>
      </c>
      <c r="G24975" s="1" t="s">
        <v>89363</v>
      </c>
      <c r="H24975" s="1" t="s">
        <v>89364</v>
      </c>
      <c r="I24975" s="1" t="s">
        <v>86055</v>
      </c>
      <c r="J24975" s="1" t="s">
        <v>89457</v>
      </c>
    </row>
    <row r="24976" spans="1:10" x14ac:dyDescent="0.35">
      <c r="A24976" s="1" t="s">
        <v>89359</v>
      </c>
      <c r="B24976" s="1" t="s">
        <v>86049</v>
      </c>
      <c r="C24976" s="1" t="s">
        <v>140</v>
      </c>
      <c r="D24976" s="1" t="s">
        <v>89458</v>
      </c>
      <c r="E24976" s="1" t="s">
        <v>89459</v>
      </c>
      <c r="F24976" s="1" t="s">
        <v>89460</v>
      </c>
      <c r="G24976" s="1" t="s">
        <v>89363</v>
      </c>
      <c r="H24976" s="1" t="s">
        <v>89364</v>
      </c>
      <c r="I24976" s="1" t="s">
        <v>86055</v>
      </c>
      <c r="J24976" s="1" t="s">
        <v>89461</v>
      </c>
    </row>
    <row r="24977" spans="1:10" x14ac:dyDescent="0.35">
      <c r="A24977" s="1" t="s">
        <v>89359</v>
      </c>
      <c r="B24977" s="1" t="s">
        <v>86049</v>
      </c>
      <c r="C24977" s="1" t="s">
        <v>145</v>
      </c>
      <c r="D24977" s="1" t="s">
        <v>24441</v>
      </c>
      <c r="E24977" s="1" t="s">
        <v>89462</v>
      </c>
      <c r="F24977" s="1" t="s">
        <v>89463</v>
      </c>
      <c r="G24977" s="1" t="s">
        <v>89363</v>
      </c>
      <c r="H24977" s="1" t="s">
        <v>89364</v>
      </c>
      <c r="I24977" s="1" t="s">
        <v>86055</v>
      </c>
      <c r="J24977" s="1" t="s">
        <v>89464</v>
      </c>
    </row>
    <row r="24978" spans="1:10" x14ac:dyDescent="0.35">
      <c r="A24978" s="1" t="s">
        <v>89359</v>
      </c>
      <c r="B24978" s="1" t="s">
        <v>86049</v>
      </c>
      <c r="C24978" s="1" t="s">
        <v>150</v>
      </c>
      <c r="D24978" s="1" t="s">
        <v>89465</v>
      </c>
      <c r="E24978" s="1" t="s">
        <v>89466</v>
      </c>
      <c r="F24978" s="1" t="s">
        <v>89467</v>
      </c>
      <c r="G24978" s="1" t="s">
        <v>89363</v>
      </c>
      <c r="H24978" s="1" t="s">
        <v>89364</v>
      </c>
      <c r="I24978" s="1" t="s">
        <v>86055</v>
      </c>
      <c r="J24978" s="1" t="s">
        <v>89468</v>
      </c>
    </row>
    <row r="24979" spans="1:10" x14ac:dyDescent="0.35">
      <c r="A24979" s="1" t="s">
        <v>89359</v>
      </c>
      <c r="B24979" s="1" t="s">
        <v>86049</v>
      </c>
      <c r="C24979" s="1" t="s">
        <v>155</v>
      </c>
      <c r="D24979" s="1" t="s">
        <v>89469</v>
      </c>
      <c r="E24979" s="1" t="s">
        <v>89470</v>
      </c>
      <c r="F24979" s="1" t="s">
        <v>89471</v>
      </c>
      <c r="G24979" s="1" t="s">
        <v>89363</v>
      </c>
      <c r="H24979" s="1" t="s">
        <v>89364</v>
      </c>
      <c r="I24979" s="1" t="s">
        <v>86055</v>
      </c>
      <c r="J24979" s="1" t="s">
        <v>89472</v>
      </c>
    </row>
    <row r="24980" spans="1:10" x14ac:dyDescent="0.35">
      <c r="A24980" s="1" t="s">
        <v>89359</v>
      </c>
      <c r="B24980" s="1" t="s">
        <v>86049</v>
      </c>
      <c r="C24980" s="1" t="s">
        <v>160</v>
      </c>
      <c r="D24980" s="1" t="s">
        <v>89473</v>
      </c>
      <c r="E24980" s="1" t="s">
        <v>89474</v>
      </c>
      <c r="F24980" s="1" t="s">
        <v>89475</v>
      </c>
      <c r="G24980" s="1" t="s">
        <v>89363</v>
      </c>
      <c r="H24980" s="1" t="s">
        <v>89364</v>
      </c>
      <c r="I24980" s="1" t="s">
        <v>86055</v>
      </c>
      <c r="J24980" s="1" t="s">
        <v>89476</v>
      </c>
    </row>
    <row r="24981" spans="1:10" x14ac:dyDescent="0.35">
      <c r="A24981" s="1" t="s">
        <v>89359</v>
      </c>
      <c r="B24981" s="1" t="s">
        <v>86049</v>
      </c>
      <c r="C24981" s="1" t="s">
        <v>165</v>
      </c>
      <c r="D24981" s="1" t="s">
        <v>89477</v>
      </c>
      <c r="E24981" s="1" t="s">
        <v>89478</v>
      </c>
      <c r="F24981" s="1" t="s">
        <v>89479</v>
      </c>
      <c r="G24981" s="1" t="s">
        <v>89363</v>
      </c>
      <c r="H24981" s="1" t="s">
        <v>89364</v>
      </c>
      <c r="I24981" s="1" t="s">
        <v>86055</v>
      </c>
      <c r="J24981" s="1" t="s">
        <v>89480</v>
      </c>
    </row>
    <row r="24982" spans="1:10" x14ac:dyDescent="0.35">
      <c r="A24982" s="1" t="s">
        <v>89359</v>
      </c>
      <c r="B24982" s="1" t="s">
        <v>86049</v>
      </c>
      <c r="C24982" s="1" t="s">
        <v>170</v>
      </c>
      <c r="D24982" s="1" t="s">
        <v>89481</v>
      </c>
      <c r="E24982" s="1" t="s">
        <v>89482</v>
      </c>
      <c r="F24982" s="1" t="s">
        <v>89483</v>
      </c>
      <c r="G24982" s="1" t="s">
        <v>89363</v>
      </c>
      <c r="H24982" s="1" t="s">
        <v>89364</v>
      </c>
      <c r="I24982" s="1" t="s">
        <v>86055</v>
      </c>
      <c r="J24982" s="1" t="s">
        <v>89484</v>
      </c>
    </row>
    <row r="24983" spans="1:10" x14ac:dyDescent="0.35">
      <c r="A24983" s="1" t="s">
        <v>3553</v>
      </c>
      <c r="B24983" s="1" t="s">
        <v>86049</v>
      </c>
      <c r="C24983" s="1" t="s">
        <v>8</v>
      </c>
      <c r="D24983" s="1" t="s">
        <v>56509</v>
      </c>
      <c r="E24983" s="1" t="s">
        <v>89485</v>
      </c>
      <c r="F24983" s="1" t="s">
        <v>89486</v>
      </c>
      <c r="G24983" s="1" t="s">
        <v>89487</v>
      </c>
      <c r="H24983" s="1" t="s">
        <v>89488</v>
      </c>
      <c r="I24983" s="1" t="s">
        <v>86055</v>
      </c>
      <c r="J24983" s="1" t="s">
        <v>13</v>
      </c>
    </row>
    <row r="24984" spans="1:10" x14ac:dyDescent="0.35">
      <c r="A24984" s="1" t="s">
        <v>3553</v>
      </c>
      <c r="B24984" s="1" t="s">
        <v>86049</v>
      </c>
      <c r="C24984" s="1" t="s">
        <v>15</v>
      </c>
      <c r="D24984" s="1" t="s">
        <v>89489</v>
      </c>
      <c r="E24984" s="1" t="s">
        <v>89490</v>
      </c>
      <c r="F24984" s="1" t="s">
        <v>89491</v>
      </c>
      <c r="G24984" s="1" t="s">
        <v>89487</v>
      </c>
      <c r="H24984" s="1" t="s">
        <v>89488</v>
      </c>
      <c r="I24984" s="1" t="s">
        <v>86055</v>
      </c>
      <c r="J24984" s="1" t="s">
        <v>89492</v>
      </c>
    </row>
    <row r="24985" spans="1:10" x14ac:dyDescent="0.35">
      <c r="A24985" s="1" t="s">
        <v>3553</v>
      </c>
      <c r="B24985" s="1" t="s">
        <v>86049</v>
      </c>
      <c r="C24985" s="1" t="s">
        <v>20</v>
      </c>
      <c r="D24985" s="1" t="s">
        <v>89493</v>
      </c>
      <c r="E24985" s="1" t="s">
        <v>89494</v>
      </c>
      <c r="F24985" s="1" t="s">
        <v>89495</v>
      </c>
      <c r="G24985" s="1" t="s">
        <v>89487</v>
      </c>
      <c r="H24985" s="1" t="s">
        <v>89488</v>
      </c>
      <c r="I24985" s="1" t="s">
        <v>86055</v>
      </c>
      <c r="J24985" s="1" t="s">
        <v>89496</v>
      </c>
    </row>
    <row r="24986" spans="1:10" x14ac:dyDescent="0.35">
      <c r="A24986" s="1" t="s">
        <v>3553</v>
      </c>
      <c r="B24986" s="1" t="s">
        <v>86049</v>
      </c>
      <c r="C24986" s="1" t="s">
        <v>25</v>
      </c>
      <c r="D24986" s="1" t="s">
        <v>65751</v>
      </c>
      <c r="E24986" s="1" t="s">
        <v>89497</v>
      </c>
      <c r="F24986" s="1" t="s">
        <v>89498</v>
      </c>
      <c r="G24986" s="1" t="s">
        <v>89487</v>
      </c>
      <c r="H24986" s="1" t="s">
        <v>89488</v>
      </c>
      <c r="I24986" s="1" t="s">
        <v>86055</v>
      </c>
      <c r="J24986" s="1" t="s">
        <v>89499</v>
      </c>
    </row>
    <row r="24987" spans="1:10" x14ac:dyDescent="0.35">
      <c r="A24987" s="1" t="s">
        <v>3553</v>
      </c>
      <c r="B24987" s="1" t="s">
        <v>86049</v>
      </c>
      <c r="C24987" s="1" t="s">
        <v>30</v>
      </c>
      <c r="D24987" s="1" t="s">
        <v>89500</v>
      </c>
      <c r="E24987" s="1" t="s">
        <v>89501</v>
      </c>
      <c r="F24987" s="1" t="s">
        <v>89502</v>
      </c>
      <c r="G24987" s="1" t="s">
        <v>89487</v>
      </c>
      <c r="H24987" s="1" t="s">
        <v>89488</v>
      </c>
      <c r="I24987" s="1" t="s">
        <v>86055</v>
      </c>
      <c r="J24987" s="1" t="s">
        <v>89503</v>
      </c>
    </row>
    <row r="24988" spans="1:10" x14ac:dyDescent="0.35">
      <c r="A24988" s="1" t="s">
        <v>3553</v>
      </c>
      <c r="B24988" s="1" t="s">
        <v>86049</v>
      </c>
      <c r="C24988" s="1" t="s">
        <v>35</v>
      </c>
      <c r="D24988" s="1" t="s">
        <v>89504</v>
      </c>
      <c r="E24988" s="1" t="s">
        <v>89505</v>
      </c>
      <c r="F24988" s="1" t="s">
        <v>89506</v>
      </c>
      <c r="G24988" s="1" t="s">
        <v>89487</v>
      </c>
      <c r="H24988" s="1" t="s">
        <v>89488</v>
      </c>
      <c r="I24988" s="1" t="s">
        <v>86055</v>
      </c>
      <c r="J24988" s="1" t="s">
        <v>89507</v>
      </c>
    </row>
    <row r="24989" spans="1:10" x14ac:dyDescent="0.35">
      <c r="A24989" s="1" t="s">
        <v>3553</v>
      </c>
      <c r="B24989" s="1" t="s">
        <v>86049</v>
      </c>
      <c r="C24989" s="1" t="s">
        <v>40</v>
      </c>
      <c r="D24989" s="1" t="s">
        <v>89508</v>
      </c>
      <c r="E24989" s="1" t="s">
        <v>89509</v>
      </c>
      <c r="F24989" s="1" t="s">
        <v>89510</v>
      </c>
      <c r="G24989" s="1" t="s">
        <v>89487</v>
      </c>
      <c r="H24989" s="1" t="s">
        <v>89488</v>
      </c>
      <c r="I24989" s="1" t="s">
        <v>86055</v>
      </c>
      <c r="J24989" s="1" t="s">
        <v>89511</v>
      </c>
    </row>
    <row r="24990" spans="1:10" x14ac:dyDescent="0.35">
      <c r="A24990" s="1" t="s">
        <v>3553</v>
      </c>
      <c r="B24990" s="1" t="s">
        <v>86049</v>
      </c>
      <c r="C24990" s="1" t="s">
        <v>45</v>
      </c>
      <c r="D24990" s="1" t="s">
        <v>86159</v>
      </c>
      <c r="E24990" s="1" t="s">
        <v>89512</v>
      </c>
      <c r="F24990" s="1" t="s">
        <v>89513</v>
      </c>
      <c r="G24990" s="1" t="s">
        <v>89487</v>
      </c>
      <c r="H24990" s="1" t="s">
        <v>89488</v>
      </c>
      <c r="I24990" s="1" t="s">
        <v>86055</v>
      </c>
      <c r="J24990" s="1" t="s">
        <v>89514</v>
      </c>
    </row>
    <row r="24991" spans="1:10" x14ac:dyDescent="0.35">
      <c r="A24991" s="1" t="s">
        <v>3553</v>
      </c>
      <c r="B24991" s="1" t="s">
        <v>86049</v>
      </c>
      <c r="C24991" s="1" t="s">
        <v>50</v>
      </c>
      <c r="D24991" s="1" t="s">
        <v>58775</v>
      </c>
      <c r="E24991" s="1" t="s">
        <v>89515</v>
      </c>
      <c r="F24991" s="1" t="s">
        <v>89516</v>
      </c>
      <c r="G24991" s="1" t="s">
        <v>89487</v>
      </c>
      <c r="H24991" s="1" t="s">
        <v>89488</v>
      </c>
      <c r="I24991" s="1" t="s">
        <v>86055</v>
      </c>
      <c r="J24991" s="1" t="s">
        <v>89517</v>
      </c>
    </row>
    <row r="24992" spans="1:10" x14ac:dyDescent="0.35">
      <c r="A24992" s="1" t="s">
        <v>3553</v>
      </c>
      <c r="B24992" s="1" t="s">
        <v>86049</v>
      </c>
      <c r="C24992" s="1" t="s">
        <v>55</v>
      </c>
      <c r="D24992" s="1" t="s">
        <v>89518</v>
      </c>
      <c r="E24992" s="1" t="s">
        <v>89519</v>
      </c>
      <c r="F24992" s="1" t="s">
        <v>89520</v>
      </c>
      <c r="G24992" s="1" t="s">
        <v>89487</v>
      </c>
      <c r="H24992" s="1" t="s">
        <v>89488</v>
      </c>
      <c r="I24992" s="1" t="s">
        <v>86055</v>
      </c>
      <c r="J24992" s="1" t="s">
        <v>89521</v>
      </c>
    </row>
    <row r="24993" spans="1:10" x14ac:dyDescent="0.35">
      <c r="A24993" s="1" t="s">
        <v>3553</v>
      </c>
      <c r="B24993" s="1" t="s">
        <v>86049</v>
      </c>
      <c r="C24993" s="1" t="s">
        <v>60</v>
      </c>
      <c r="D24993" s="1" t="s">
        <v>89522</v>
      </c>
      <c r="E24993" s="1" t="s">
        <v>89523</v>
      </c>
      <c r="F24993" s="1" t="s">
        <v>89524</v>
      </c>
      <c r="G24993" s="1" t="s">
        <v>89487</v>
      </c>
      <c r="H24993" s="1" t="s">
        <v>89488</v>
      </c>
      <c r="I24993" s="1" t="s">
        <v>86055</v>
      </c>
      <c r="J24993" s="1" t="s">
        <v>89525</v>
      </c>
    </row>
    <row r="24994" spans="1:10" x14ac:dyDescent="0.35">
      <c r="A24994" s="1" t="s">
        <v>3553</v>
      </c>
      <c r="B24994" s="1" t="s">
        <v>86049</v>
      </c>
      <c r="C24994" s="1" t="s">
        <v>65</v>
      </c>
      <c r="D24994" s="1" t="s">
        <v>77165</v>
      </c>
      <c r="E24994" s="1" t="s">
        <v>89526</v>
      </c>
      <c r="F24994" s="1" t="s">
        <v>89527</v>
      </c>
      <c r="G24994" s="1" t="s">
        <v>89487</v>
      </c>
      <c r="H24994" s="1" t="s">
        <v>89488</v>
      </c>
      <c r="I24994" s="1" t="s">
        <v>86055</v>
      </c>
      <c r="J24994" s="1" t="s">
        <v>89528</v>
      </c>
    </row>
    <row r="24995" spans="1:10" x14ac:dyDescent="0.35">
      <c r="A24995" s="1" t="s">
        <v>3553</v>
      </c>
      <c r="B24995" s="1" t="s">
        <v>86049</v>
      </c>
      <c r="C24995" s="1" t="s">
        <v>70</v>
      </c>
      <c r="D24995" s="1" t="s">
        <v>77828</v>
      </c>
      <c r="E24995" s="1" t="s">
        <v>89529</v>
      </c>
      <c r="F24995" s="1" t="s">
        <v>89530</v>
      </c>
      <c r="G24995" s="1" t="s">
        <v>89487</v>
      </c>
      <c r="H24995" s="1" t="s">
        <v>89488</v>
      </c>
      <c r="I24995" s="1" t="s">
        <v>86055</v>
      </c>
      <c r="J24995" s="1" t="s">
        <v>89531</v>
      </c>
    </row>
    <row r="24996" spans="1:10" x14ac:dyDescent="0.35">
      <c r="A24996" s="1" t="s">
        <v>3553</v>
      </c>
      <c r="B24996" s="1" t="s">
        <v>86049</v>
      </c>
      <c r="C24996" s="1" t="s">
        <v>75</v>
      </c>
      <c r="D24996" s="1" t="s">
        <v>40176</v>
      </c>
      <c r="E24996" s="1" t="s">
        <v>89532</v>
      </c>
      <c r="F24996" s="1" t="s">
        <v>89533</v>
      </c>
      <c r="G24996" s="1" t="s">
        <v>89487</v>
      </c>
      <c r="H24996" s="1" t="s">
        <v>89488</v>
      </c>
      <c r="I24996" s="1" t="s">
        <v>86055</v>
      </c>
      <c r="J24996" s="1" t="s">
        <v>89534</v>
      </c>
    </row>
    <row r="24997" spans="1:10" x14ac:dyDescent="0.35">
      <c r="A24997" s="1" t="s">
        <v>3553</v>
      </c>
      <c r="B24997" s="1" t="s">
        <v>86049</v>
      </c>
      <c r="C24997" s="1" t="s">
        <v>80</v>
      </c>
      <c r="D24997" s="1" t="s">
        <v>76913</v>
      </c>
      <c r="E24997" s="1" t="s">
        <v>89535</v>
      </c>
      <c r="F24997" s="1" t="s">
        <v>89536</v>
      </c>
      <c r="G24997" s="1" t="s">
        <v>89487</v>
      </c>
      <c r="H24997" s="1" t="s">
        <v>89488</v>
      </c>
      <c r="I24997" s="1" t="s">
        <v>86055</v>
      </c>
      <c r="J24997" s="1" t="s">
        <v>89537</v>
      </c>
    </row>
    <row r="24998" spans="1:10" x14ac:dyDescent="0.35">
      <c r="A24998" s="1" t="s">
        <v>3553</v>
      </c>
      <c r="B24998" s="1" t="s">
        <v>86049</v>
      </c>
      <c r="C24998" s="1" t="s">
        <v>85</v>
      </c>
      <c r="D24998" s="1" t="s">
        <v>89538</v>
      </c>
      <c r="E24998" s="1" t="s">
        <v>89539</v>
      </c>
      <c r="F24998" s="1" t="s">
        <v>89540</v>
      </c>
      <c r="G24998" s="1" t="s">
        <v>89487</v>
      </c>
      <c r="H24998" s="1" t="s">
        <v>89488</v>
      </c>
      <c r="I24998" s="1" t="s">
        <v>86055</v>
      </c>
      <c r="J24998" s="1" t="s">
        <v>89541</v>
      </c>
    </row>
    <row r="24999" spans="1:10" x14ac:dyDescent="0.35">
      <c r="A24999" s="1" t="s">
        <v>3553</v>
      </c>
      <c r="B24999" s="1" t="s">
        <v>86049</v>
      </c>
      <c r="C24999" s="1" t="s">
        <v>90</v>
      </c>
      <c r="D24999" s="1" t="s">
        <v>84677</v>
      </c>
      <c r="E24999" s="1" t="s">
        <v>89542</v>
      </c>
      <c r="F24999" s="1" t="s">
        <v>89543</v>
      </c>
      <c r="G24999" s="1" t="s">
        <v>89487</v>
      </c>
      <c r="H24999" s="1" t="s">
        <v>89488</v>
      </c>
      <c r="I24999" s="1" t="s">
        <v>86055</v>
      </c>
      <c r="J24999" s="1" t="s">
        <v>89544</v>
      </c>
    </row>
    <row r="25000" spans="1:10" x14ac:dyDescent="0.35">
      <c r="A25000" s="1" t="s">
        <v>3553</v>
      </c>
      <c r="B25000" s="1" t="s">
        <v>86049</v>
      </c>
      <c r="C25000" s="1" t="s">
        <v>95</v>
      </c>
      <c r="D25000" s="1" t="s">
        <v>77832</v>
      </c>
      <c r="E25000" s="1" t="s">
        <v>89545</v>
      </c>
      <c r="F25000" s="1" t="s">
        <v>89546</v>
      </c>
      <c r="G25000" s="1" t="s">
        <v>89487</v>
      </c>
      <c r="H25000" s="1" t="s">
        <v>89488</v>
      </c>
      <c r="I25000" s="1" t="s">
        <v>86055</v>
      </c>
      <c r="J25000" s="1" t="s">
        <v>89547</v>
      </c>
    </row>
    <row r="25001" spans="1:10" x14ac:dyDescent="0.35">
      <c r="A25001" s="1" t="s">
        <v>3553</v>
      </c>
      <c r="B25001" s="1" t="s">
        <v>86049</v>
      </c>
      <c r="C25001" s="1" t="s">
        <v>100</v>
      </c>
      <c r="D25001" s="1" t="s">
        <v>89548</v>
      </c>
      <c r="E25001" s="1" t="s">
        <v>89549</v>
      </c>
      <c r="F25001" s="1" t="s">
        <v>89550</v>
      </c>
      <c r="G25001" s="1" t="s">
        <v>89487</v>
      </c>
      <c r="H25001" s="1" t="s">
        <v>89488</v>
      </c>
      <c r="I25001" s="1" t="s">
        <v>86055</v>
      </c>
      <c r="J25001" s="1" t="s">
        <v>89551</v>
      </c>
    </row>
    <row r="25002" spans="1:10" x14ac:dyDescent="0.35">
      <c r="A25002" s="1" t="s">
        <v>3553</v>
      </c>
      <c r="B25002" s="1" t="s">
        <v>86049</v>
      </c>
      <c r="C25002" s="1" t="s">
        <v>105</v>
      </c>
      <c r="D25002" s="1" t="s">
        <v>59450</v>
      </c>
      <c r="E25002" s="1" t="s">
        <v>89552</v>
      </c>
      <c r="F25002" s="1" t="s">
        <v>89553</v>
      </c>
      <c r="G25002" s="1" t="s">
        <v>89487</v>
      </c>
      <c r="H25002" s="1" t="s">
        <v>89488</v>
      </c>
      <c r="I25002" s="1" t="s">
        <v>86055</v>
      </c>
      <c r="J25002" s="1" t="s">
        <v>89554</v>
      </c>
    </row>
    <row r="25003" spans="1:10" x14ac:dyDescent="0.35">
      <c r="A25003" s="1" t="s">
        <v>3553</v>
      </c>
      <c r="B25003" s="1" t="s">
        <v>86049</v>
      </c>
      <c r="C25003" s="1" t="s">
        <v>110</v>
      </c>
      <c r="D25003" s="1" t="s">
        <v>89555</v>
      </c>
      <c r="E25003" s="1" t="s">
        <v>89556</v>
      </c>
      <c r="F25003" s="1" t="s">
        <v>89557</v>
      </c>
      <c r="G25003" s="1" t="s">
        <v>89487</v>
      </c>
      <c r="H25003" s="1" t="s">
        <v>89488</v>
      </c>
      <c r="I25003" s="1" t="s">
        <v>86055</v>
      </c>
      <c r="J25003" s="1" t="s">
        <v>89558</v>
      </c>
    </row>
    <row r="25004" spans="1:10" x14ac:dyDescent="0.35">
      <c r="A25004" s="1" t="s">
        <v>3553</v>
      </c>
      <c r="B25004" s="1" t="s">
        <v>86049</v>
      </c>
      <c r="C25004" s="1" t="s">
        <v>115</v>
      </c>
      <c r="D25004" s="1" t="s">
        <v>56310</v>
      </c>
      <c r="E25004" s="1" t="s">
        <v>89559</v>
      </c>
      <c r="F25004" s="1" t="s">
        <v>89560</v>
      </c>
      <c r="G25004" s="1" t="s">
        <v>89487</v>
      </c>
      <c r="H25004" s="1" t="s">
        <v>89488</v>
      </c>
      <c r="I25004" s="1" t="s">
        <v>86055</v>
      </c>
      <c r="J25004" s="1" t="s">
        <v>89561</v>
      </c>
    </row>
    <row r="25005" spans="1:10" x14ac:dyDescent="0.35">
      <c r="A25005" s="1" t="s">
        <v>3553</v>
      </c>
      <c r="B25005" s="1" t="s">
        <v>86049</v>
      </c>
      <c r="C25005" s="1" t="s">
        <v>120</v>
      </c>
      <c r="D25005" s="1" t="s">
        <v>89562</v>
      </c>
      <c r="E25005" s="1" t="s">
        <v>89563</v>
      </c>
      <c r="F25005" s="1" t="s">
        <v>89564</v>
      </c>
      <c r="G25005" s="1" t="s">
        <v>89487</v>
      </c>
      <c r="H25005" s="1" t="s">
        <v>89488</v>
      </c>
      <c r="I25005" s="1" t="s">
        <v>86055</v>
      </c>
      <c r="J25005" s="1" t="s">
        <v>89565</v>
      </c>
    </row>
    <row r="25006" spans="1:10" x14ac:dyDescent="0.35">
      <c r="A25006" s="1" t="s">
        <v>3553</v>
      </c>
      <c r="B25006" s="1" t="s">
        <v>86049</v>
      </c>
      <c r="C25006" s="1" t="s">
        <v>125</v>
      </c>
      <c r="D25006" s="1" t="s">
        <v>32358</v>
      </c>
      <c r="E25006" s="1" t="s">
        <v>89566</v>
      </c>
      <c r="F25006" s="1" t="s">
        <v>89567</v>
      </c>
      <c r="G25006" s="1" t="s">
        <v>89487</v>
      </c>
      <c r="H25006" s="1" t="s">
        <v>89488</v>
      </c>
      <c r="I25006" s="1" t="s">
        <v>86055</v>
      </c>
      <c r="J25006" s="1" t="s">
        <v>89568</v>
      </c>
    </row>
    <row r="25007" spans="1:10" x14ac:dyDescent="0.35">
      <c r="A25007" s="1" t="s">
        <v>3553</v>
      </c>
      <c r="B25007" s="1" t="s">
        <v>86049</v>
      </c>
      <c r="C25007" s="1" t="s">
        <v>130</v>
      </c>
      <c r="D25007" s="1" t="s">
        <v>42469</v>
      </c>
      <c r="E25007" s="1" t="s">
        <v>89569</v>
      </c>
      <c r="F25007" s="1" t="s">
        <v>89570</v>
      </c>
      <c r="G25007" s="1" t="s">
        <v>89487</v>
      </c>
      <c r="H25007" s="1" t="s">
        <v>89488</v>
      </c>
      <c r="I25007" s="1" t="s">
        <v>86055</v>
      </c>
      <c r="J25007" s="1" t="s">
        <v>89571</v>
      </c>
    </row>
    <row r="25008" spans="1:10" x14ac:dyDescent="0.35">
      <c r="A25008" s="1" t="s">
        <v>3553</v>
      </c>
      <c r="B25008" s="1" t="s">
        <v>86049</v>
      </c>
      <c r="C25008" s="1" t="s">
        <v>135</v>
      </c>
      <c r="D25008" s="1" t="s">
        <v>89572</v>
      </c>
      <c r="E25008" s="1" t="s">
        <v>89573</v>
      </c>
      <c r="F25008" s="1" t="s">
        <v>89574</v>
      </c>
      <c r="G25008" s="1" t="s">
        <v>89487</v>
      </c>
      <c r="H25008" s="1" t="s">
        <v>89488</v>
      </c>
      <c r="I25008" s="1" t="s">
        <v>86055</v>
      </c>
      <c r="J25008" s="1" t="s">
        <v>89575</v>
      </c>
    </row>
    <row r="25009" spans="1:10" x14ac:dyDescent="0.35">
      <c r="A25009" s="1" t="s">
        <v>3553</v>
      </c>
      <c r="B25009" s="1" t="s">
        <v>86049</v>
      </c>
      <c r="C25009" s="1" t="s">
        <v>140</v>
      </c>
      <c r="D25009" s="1" t="s">
        <v>89576</v>
      </c>
      <c r="E25009" s="1" t="s">
        <v>89577</v>
      </c>
      <c r="F25009" s="1" t="s">
        <v>89578</v>
      </c>
      <c r="G25009" s="1" t="s">
        <v>89487</v>
      </c>
      <c r="H25009" s="1" t="s">
        <v>89488</v>
      </c>
      <c r="I25009" s="1" t="s">
        <v>86055</v>
      </c>
      <c r="J25009" s="1" t="s">
        <v>89579</v>
      </c>
    </row>
    <row r="25010" spans="1:10" x14ac:dyDescent="0.35">
      <c r="A25010" s="1" t="s">
        <v>3553</v>
      </c>
      <c r="B25010" s="1" t="s">
        <v>86049</v>
      </c>
      <c r="C25010" s="1" t="s">
        <v>145</v>
      </c>
      <c r="D25010" s="1" t="s">
        <v>65416</v>
      </c>
      <c r="E25010" s="1" t="s">
        <v>89580</v>
      </c>
      <c r="F25010" s="1" t="s">
        <v>89581</v>
      </c>
      <c r="G25010" s="1" t="s">
        <v>89487</v>
      </c>
      <c r="H25010" s="1" t="s">
        <v>89488</v>
      </c>
      <c r="I25010" s="1" t="s">
        <v>86055</v>
      </c>
      <c r="J25010" s="1" t="s">
        <v>89582</v>
      </c>
    </row>
    <row r="25011" spans="1:10" x14ac:dyDescent="0.35">
      <c r="A25011" s="1" t="s">
        <v>3553</v>
      </c>
      <c r="B25011" s="1" t="s">
        <v>86049</v>
      </c>
      <c r="C25011" s="1" t="s">
        <v>150</v>
      </c>
      <c r="D25011" s="1" t="s">
        <v>89583</v>
      </c>
      <c r="E25011" s="1" t="s">
        <v>89584</v>
      </c>
      <c r="F25011" s="1" t="s">
        <v>89585</v>
      </c>
      <c r="G25011" s="1" t="s">
        <v>89487</v>
      </c>
      <c r="H25011" s="1" t="s">
        <v>89488</v>
      </c>
      <c r="I25011" s="1" t="s">
        <v>86055</v>
      </c>
      <c r="J25011" s="1" t="s">
        <v>89586</v>
      </c>
    </row>
    <row r="25012" spans="1:10" x14ac:dyDescent="0.35">
      <c r="A25012" s="1" t="s">
        <v>3553</v>
      </c>
      <c r="B25012" s="1" t="s">
        <v>86049</v>
      </c>
      <c r="C25012" s="1" t="s">
        <v>155</v>
      </c>
      <c r="D25012" s="1" t="s">
        <v>89587</v>
      </c>
      <c r="E25012" s="1" t="s">
        <v>89588</v>
      </c>
      <c r="F25012" s="1" t="s">
        <v>89589</v>
      </c>
      <c r="G25012" s="1" t="s">
        <v>89487</v>
      </c>
      <c r="H25012" s="1" t="s">
        <v>89488</v>
      </c>
      <c r="I25012" s="1" t="s">
        <v>86055</v>
      </c>
      <c r="J25012" s="1" t="s">
        <v>89590</v>
      </c>
    </row>
    <row r="25013" spans="1:10" x14ac:dyDescent="0.35">
      <c r="A25013" s="1" t="s">
        <v>3553</v>
      </c>
      <c r="B25013" s="1" t="s">
        <v>86049</v>
      </c>
      <c r="C25013" s="1" t="s">
        <v>160</v>
      </c>
      <c r="D25013" s="1" t="s">
        <v>89591</v>
      </c>
      <c r="E25013" s="1" t="s">
        <v>89592</v>
      </c>
      <c r="F25013" s="1" t="s">
        <v>89593</v>
      </c>
      <c r="G25013" s="1" t="s">
        <v>89487</v>
      </c>
      <c r="H25013" s="1" t="s">
        <v>89488</v>
      </c>
      <c r="I25013" s="1" t="s">
        <v>86055</v>
      </c>
      <c r="J25013" s="1" t="s">
        <v>89594</v>
      </c>
    </row>
    <row r="25014" spans="1:10" x14ac:dyDescent="0.35">
      <c r="A25014" s="1" t="s">
        <v>3553</v>
      </c>
      <c r="B25014" s="1" t="s">
        <v>86049</v>
      </c>
      <c r="C25014" s="1" t="s">
        <v>165</v>
      </c>
      <c r="D25014" s="1" t="s">
        <v>89595</v>
      </c>
      <c r="E25014" s="1" t="s">
        <v>89596</v>
      </c>
      <c r="F25014" s="1" t="s">
        <v>89597</v>
      </c>
      <c r="G25014" s="1" t="s">
        <v>89487</v>
      </c>
      <c r="H25014" s="1" t="s">
        <v>89488</v>
      </c>
      <c r="I25014" s="1" t="s">
        <v>86055</v>
      </c>
      <c r="J25014" s="1" t="s">
        <v>89598</v>
      </c>
    </row>
    <row r="25015" spans="1:10" x14ac:dyDescent="0.35">
      <c r="A25015" s="1" t="s">
        <v>3553</v>
      </c>
      <c r="B25015" s="1" t="s">
        <v>86049</v>
      </c>
      <c r="C25015" s="1" t="s">
        <v>170</v>
      </c>
      <c r="D25015" s="1" t="s">
        <v>24362</v>
      </c>
      <c r="E25015" s="1" t="s">
        <v>89599</v>
      </c>
      <c r="F25015" s="1" t="s">
        <v>89600</v>
      </c>
      <c r="G25015" s="1" t="s">
        <v>89487</v>
      </c>
      <c r="H25015" s="1" t="s">
        <v>89488</v>
      </c>
      <c r="I25015" s="1" t="s">
        <v>86055</v>
      </c>
      <c r="J25015" s="1" t="s">
        <v>89601</v>
      </c>
    </row>
    <row r="25016" spans="1:10" x14ac:dyDescent="0.35">
      <c r="A25016" s="1" t="s">
        <v>47276</v>
      </c>
      <c r="B25016" s="1" t="s">
        <v>86049</v>
      </c>
      <c r="C25016" s="1" t="s">
        <v>8</v>
      </c>
      <c r="D25016" s="1" t="s">
        <v>89602</v>
      </c>
      <c r="E25016" s="1" t="s">
        <v>89603</v>
      </c>
      <c r="F25016" s="1" t="s">
        <v>89604</v>
      </c>
      <c r="G25016" s="1" t="s">
        <v>89605</v>
      </c>
      <c r="H25016" s="1" t="s">
        <v>89606</v>
      </c>
      <c r="I25016" s="1" t="s">
        <v>86055</v>
      </c>
      <c r="J25016" s="1" t="s">
        <v>13</v>
      </c>
    </row>
    <row r="25017" spans="1:10" x14ac:dyDescent="0.35">
      <c r="A25017" s="1" t="s">
        <v>47276</v>
      </c>
      <c r="B25017" s="1" t="s">
        <v>86049</v>
      </c>
      <c r="C25017" s="1" t="s">
        <v>15</v>
      </c>
      <c r="D25017" s="1" t="s">
        <v>89607</v>
      </c>
      <c r="E25017" s="1" t="s">
        <v>89608</v>
      </c>
      <c r="F25017" s="1" t="s">
        <v>89609</v>
      </c>
      <c r="G25017" s="1" t="s">
        <v>89605</v>
      </c>
      <c r="H25017" s="1" t="s">
        <v>89606</v>
      </c>
      <c r="I25017" s="1" t="s">
        <v>86055</v>
      </c>
      <c r="J25017" s="1" t="s">
        <v>89610</v>
      </c>
    </row>
    <row r="25018" spans="1:10" x14ac:dyDescent="0.35">
      <c r="A25018" s="1" t="s">
        <v>47276</v>
      </c>
      <c r="B25018" s="1" t="s">
        <v>86049</v>
      </c>
      <c r="C25018" s="1" t="s">
        <v>20</v>
      </c>
      <c r="D25018" s="1" t="s">
        <v>61491</v>
      </c>
      <c r="E25018" s="1" t="s">
        <v>89611</v>
      </c>
      <c r="F25018" s="1" t="s">
        <v>89612</v>
      </c>
      <c r="G25018" s="1" t="s">
        <v>89605</v>
      </c>
      <c r="H25018" s="1" t="s">
        <v>89606</v>
      </c>
      <c r="I25018" s="1" t="s">
        <v>86055</v>
      </c>
      <c r="J25018" s="1" t="s">
        <v>89613</v>
      </c>
    </row>
    <row r="25019" spans="1:10" x14ac:dyDescent="0.35">
      <c r="A25019" s="1" t="s">
        <v>47276</v>
      </c>
      <c r="B25019" s="1" t="s">
        <v>86049</v>
      </c>
      <c r="C25019" s="1" t="s">
        <v>25</v>
      </c>
      <c r="D25019" s="1" t="s">
        <v>65376</v>
      </c>
      <c r="E25019" s="1" t="s">
        <v>89614</v>
      </c>
      <c r="F25019" s="1" t="s">
        <v>89615</v>
      </c>
      <c r="G25019" s="1" t="s">
        <v>89605</v>
      </c>
      <c r="H25019" s="1" t="s">
        <v>89606</v>
      </c>
      <c r="I25019" s="1" t="s">
        <v>86055</v>
      </c>
      <c r="J25019" s="1" t="s">
        <v>89616</v>
      </c>
    </row>
    <row r="25020" spans="1:10" x14ac:dyDescent="0.35">
      <c r="A25020" s="1" t="s">
        <v>47276</v>
      </c>
      <c r="B25020" s="1" t="s">
        <v>86049</v>
      </c>
      <c r="C25020" s="1" t="s">
        <v>30</v>
      </c>
      <c r="D25020" s="1" t="s">
        <v>89617</v>
      </c>
      <c r="E25020" s="1" t="s">
        <v>89618</v>
      </c>
      <c r="F25020" s="1" t="s">
        <v>89619</v>
      </c>
      <c r="G25020" s="1" t="s">
        <v>89605</v>
      </c>
      <c r="H25020" s="1" t="s">
        <v>89606</v>
      </c>
      <c r="I25020" s="1" t="s">
        <v>86055</v>
      </c>
      <c r="J25020" s="1" t="s">
        <v>89620</v>
      </c>
    </row>
    <row r="25021" spans="1:10" x14ac:dyDescent="0.35">
      <c r="A25021" s="1" t="s">
        <v>47276</v>
      </c>
      <c r="B25021" s="1" t="s">
        <v>86049</v>
      </c>
      <c r="C25021" s="1" t="s">
        <v>35</v>
      </c>
      <c r="D25021" s="1" t="s">
        <v>89621</v>
      </c>
      <c r="E25021" s="1" t="s">
        <v>89622</v>
      </c>
      <c r="F25021" s="1" t="s">
        <v>89623</v>
      </c>
      <c r="G25021" s="1" t="s">
        <v>89605</v>
      </c>
      <c r="H25021" s="1" t="s">
        <v>89606</v>
      </c>
      <c r="I25021" s="1" t="s">
        <v>86055</v>
      </c>
      <c r="J25021" s="1" t="s">
        <v>89624</v>
      </c>
    </row>
    <row r="25022" spans="1:10" x14ac:dyDescent="0.35">
      <c r="A25022" s="1" t="s">
        <v>47276</v>
      </c>
      <c r="B25022" s="1" t="s">
        <v>86049</v>
      </c>
      <c r="C25022" s="1" t="s">
        <v>40</v>
      </c>
      <c r="D25022" s="1" t="s">
        <v>62613</v>
      </c>
      <c r="E25022" s="1" t="s">
        <v>89625</v>
      </c>
      <c r="F25022" s="1" t="s">
        <v>89626</v>
      </c>
      <c r="G25022" s="1" t="s">
        <v>89605</v>
      </c>
      <c r="H25022" s="1" t="s">
        <v>89606</v>
      </c>
      <c r="I25022" s="1" t="s">
        <v>86055</v>
      </c>
      <c r="J25022" s="1" t="s">
        <v>89627</v>
      </c>
    </row>
    <row r="25023" spans="1:10" x14ac:dyDescent="0.35">
      <c r="A25023" s="1" t="s">
        <v>47276</v>
      </c>
      <c r="B25023" s="1" t="s">
        <v>86049</v>
      </c>
      <c r="C25023" s="1" t="s">
        <v>45</v>
      </c>
      <c r="D25023" s="1" t="s">
        <v>89628</v>
      </c>
      <c r="E25023" s="1" t="s">
        <v>89629</v>
      </c>
      <c r="F25023" s="1" t="s">
        <v>89630</v>
      </c>
      <c r="G25023" s="1" t="s">
        <v>89605</v>
      </c>
      <c r="H25023" s="1" t="s">
        <v>89606</v>
      </c>
      <c r="I25023" s="1" t="s">
        <v>86055</v>
      </c>
      <c r="J25023" s="1" t="s">
        <v>89631</v>
      </c>
    </row>
    <row r="25024" spans="1:10" x14ac:dyDescent="0.35">
      <c r="A25024" s="1" t="s">
        <v>47276</v>
      </c>
      <c r="B25024" s="1" t="s">
        <v>86049</v>
      </c>
      <c r="C25024" s="1" t="s">
        <v>50</v>
      </c>
      <c r="D25024" s="1" t="s">
        <v>89632</v>
      </c>
      <c r="E25024" s="1" t="s">
        <v>89633</v>
      </c>
      <c r="F25024" s="1" t="s">
        <v>89634</v>
      </c>
      <c r="G25024" s="1" t="s">
        <v>89605</v>
      </c>
      <c r="H25024" s="1" t="s">
        <v>89606</v>
      </c>
      <c r="I25024" s="1" t="s">
        <v>86055</v>
      </c>
      <c r="J25024" s="1" t="s">
        <v>89635</v>
      </c>
    </row>
    <row r="25025" spans="1:10" x14ac:dyDescent="0.35">
      <c r="A25025" s="1" t="s">
        <v>47276</v>
      </c>
      <c r="B25025" s="1" t="s">
        <v>86049</v>
      </c>
      <c r="C25025" s="1" t="s">
        <v>55</v>
      </c>
      <c r="D25025" s="1" t="s">
        <v>89636</v>
      </c>
      <c r="E25025" s="1" t="s">
        <v>89637</v>
      </c>
      <c r="F25025" s="1" t="s">
        <v>89638</v>
      </c>
      <c r="G25025" s="1" t="s">
        <v>89605</v>
      </c>
      <c r="H25025" s="1" t="s">
        <v>89606</v>
      </c>
      <c r="I25025" s="1" t="s">
        <v>86055</v>
      </c>
      <c r="J25025" s="1" t="s">
        <v>89639</v>
      </c>
    </row>
    <row r="25026" spans="1:10" x14ac:dyDescent="0.35">
      <c r="A25026" s="1" t="s">
        <v>47276</v>
      </c>
      <c r="B25026" s="1" t="s">
        <v>86049</v>
      </c>
      <c r="C25026" s="1" t="s">
        <v>60</v>
      </c>
      <c r="D25026" s="1" t="s">
        <v>89640</v>
      </c>
      <c r="E25026" s="1" t="s">
        <v>89641</v>
      </c>
      <c r="F25026" s="1" t="s">
        <v>89642</v>
      </c>
      <c r="G25026" s="1" t="s">
        <v>89605</v>
      </c>
      <c r="H25026" s="1" t="s">
        <v>89606</v>
      </c>
      <c r="I25026" s="1" t="s">
        <v>86055</v>
      </c>
      <c r="J25026" s="1" t="s">
        <v>89643</v>
      </c>
    </row>
    <row r="25027" spans="1:10" x14ac:dyDescent="0.35">
      <c r="A25027" s="1" t="s">
        <v>47276</v>
      </c>
      <c r="B25027" s="1" t="s">
        <v>86049</v>
      </c>
      <c r="C25027" s="1" t="s">
        <v>65</v>
      </c>
      <c r="D25027" s="1" t="s">
        <v>65111</v>
      </c>
      <c r="E25027" s="1" t="s">
        <v>89644</v>
      </c>
      <c r="F25027" s="1" t="s">
        <v>89645</v>
      </c>
      <c r="G25027" s="1" t="s">
        <v>89605</v>
      </c>
      <c r="H25027" s="1" t="s">
        <v>89606</v>
      </c>
      <c r="I25027" s="1" t="s">
        <v>86055</v>
      </c>
      <c r="J25027" s="1" t="s">
        <v>89646</v>
      </c>
    </row>
    <row r="25028" spans="1:10" x14ac:dyDescent="0.35">
      <c r="A25028" s="1" t="s">
        <v>47276</v>
      </c>
      <c r="B25028" s="1" t="s">
        <v>86049</v>
      </c>
      <c r="C25028" s="1" t="s">
        <v>70</v>
      </c>
      <c r="D25028" s="1" t="s">
        <v>69656</v>
      </c>
      <c r="E25028" s="1" t="s">
        <v>89647</v>
      </c>
      <c r="F25028" s="1" t="s">
        <v>89648</v>
      </c>
      <c r="G25028" s="1" t="s">
        <v>89605</v>
      </c>
      <c r="H25028" s="1" t="s">
        <v>89606</v>
      </c>
      <c r="I25028" s="1" t="s">
        <v>86055</v>
      </c>
      <c r="J25028" s="1" t="s">
        <v>89649</v>
      </c>
    </row>
    <row r="25029" spans="1:10" x14ac:dyDescent="0.35">
      <c r="A25029" s="1" t="s">
        <v>47276</v>
      </c>
      <c r="B25029" s="1" t="s">
        <v>86049</v>
      </c>
      <c r="C25029" s="1" t="s">
        <v>75</v>
      </c>
      <c r="D25029" s="1" t="s">
        <v>88076</v>
      </c>
      <c r="E25029" s="1" t="s">
        <v>89650</v>
      </c>
      <c r="F25029" s="1" t="s">
        <v>89651</v>
      </c>
      <c r="G25029" s="1" t="s">
        <v>89605</v>
      </c>
      <c r="H25029" s="1" t="s">
        <v>89606</v>
      </c>
      <c r="I25029" s="1" t="s">
        <v>86055</v>
      </c>
      <c r="J25029" s="1" t="s">
        <v>89652</v>
      </c>
    </row>
    <row r="25030" spans="1:10" x14ac:dyDescent="0.35">
      <c r="A25030" s="1" t="s">
        <v>47276</v>
      </c>
      <c r="B25030" s="1" t="s">
        <v>86049</v>
      </c>
      <c r="C25030" s="1" t="s">
        <v>80</v>
      </c>
      <c r="D25030" s="1" t="s">
        <v>89653</v>
      </c>
      <c r="E25030" s="1" t="s">
        <v>89654</v>
      </c>
      <c r="F25030" s="1" t="s">
        <v>89655</v>
      </c>
      <c r="G25030" s="1" t="s">
        <v>89605</v>
      </c>
      <c r="H25030" s="1" t="s">
        <v>89606</v>
      </c>
      <c r="I25030" s="1" t="s">
        <v>86055</v>
      </c>
      <c r="J25030" s="1" t="s">
        <v>89656</v>
      </c>
    </row>
    <row r="25031" spans="1:10" x14ac:dyDescent="0.35">
      <c r="A25031" s="1" t="s">
        <v>47276</v>
      </c>
      <c r="B25031" s="1" t="s">
        <v>86049</v>
      </c>
      <c r="C25031" s="1" t="s">
        <v>85</v>
      </c>
      <c r="D25031" s="1" t="s">
        <v>80904</v>
      </c>
      <c r="E25031" s="1" t="s">
        <v>89657</v>
      </c>
      <c r="F25031" s="1" t="s">
        <v>89658</v>
      </c>
      <c r="G25031" s="1" t="s">
        <v>89605</v>
      </c>
      <c r="H25031" s="1" t="s">
        <v>89606</v>
      </c>
      <c r="I25031" s="1" t="s">
        <v>86055</v>
      </c>
      <c r="J25031" s="1" t="s">
        <v>89659</v>
      </c>
    </row>
    <row r="25032" spans="1:10" x14ac:dyDescent="0.35">
      <c r="A25032" s="1" t="s">
        <v>47276</v>
      </c>
      <c r="B25032" s="1" t="s">
        <v>86049</v>
      </c>
      <c r="C25032" s="1" t="s">
        <v>90</v>
      </c>
      <c r="D25032" s="1" t="s">
        <v>89660</v>
      </c>
      <c r="E25032" s="1" t="s">
        <v>89661</v>
      </c>
      <c r="F25032" s="1" t="s">
        <v>89662</v>
      </c>
      <c r="G25032" s="1" t="s">
        <v>89605</v>
      </c>
      <c r="H25032" s="1" t="s">
        <v>89606</v>
      </c>
      <c r="I25032" s="1" t="s">
        <v>86055</v>
      </c>
      <c r="J25032" s="1" t="s">
        <v>89663</v>
      </c>
    </row>
    <row r="25033" spans="1:10" x14ac:dyDescent="0.35">
      <c r="A25033" s="1" t="s">
        <v>47276</v>
      </c>
      <c r="B25033" s="1" t="s">
        <v>86049</v>
      </c>
      <c r="C25033" s="1" t="s">
        <v>95</v>
      </c>
      <c r="D25033" s="1" t="s">
        <v>89664</v>
      </c>
      <c r="E25033" s="1" t="s">
        <v>89665</v>
      </c>
      <c r="F25033" s="1" t="s">
        <v>89666</v>
      </c>
      <c r="G25033" s="1" t="s">
        <v>89605</v>
      </c>
      <c r="H25033" s="1" t="s">
        <v>89606</v>
      </c>
      <c r="I25033" s="1" t="s">
        <v>86055</v>
      </c>
      <c r="J25033" s="1" t="s">
        <v>89667</v>
      </c>
    </row>
    <row r="25034" spans="1:10" x14ac:dyDescent="0.35">
      <c r="A25034" s="1" t="s">
        <v>47276</v>
      </c>
      <c r="B25034" s="1" t="s">
        <v>86049</v>
      </c>
      <c r="C25034" s="1" t="s">
        <v>100</v>
      </c>
      <c r="D25034" s="1" t="s">
        <v>89668</v>
      </c>
      <c r="E25034" s="1" t="s">
        <v>89669</v>
      </c>
      <c r="F25034" s="1" t="s">
        <v>89670</v>
      </c>
      <c r="G25034" s="1" t="s">
        <v>89605</v>
      </c>
      <c r="H25034" s="1" t="s">
        <v>89606</v>
      </c>
      <c r="I25034" s="1" t="s">
        <v>86055</v>
      </c>
      <c r="J25034" s="1" t="s">
        <v>89671</v>
      </c>
    </row>
    <row r="25035" spans="1:10" x14ac:dyDescent="0.35">
      <c r="A25035" s="1" t="s">
        <v>47276</v>
      </c>
      <c r="B25035" s="1" t="s">
        <v>86049</v>
      </c>
      <c r="C25035" s="1" t="s">
        <v>105</v>
      </c>
      <c r="D25035" s="1" t="s">
        <v>89672</v>
      </c>
      <c r="E25035" s="1" t="s">
        <v>89673</v>
      </c>
      <c r="F25035" s="1" t="s">
        <v>89674</v>
      </c>
      <c r="G25035" s="1" t="s">
        <v>89605</v>
      </c>
      <c r="H25035" s="1" t="s">
        <v>89606</v>
      </c>
      <c r="I25035" s="1" t="s">
        <v>86055</v>
      </c>
      <c r="J25035" s="1" t="s">
        <v>89675</v>
      </c>
    </row>
    <row r="25036" spans="1:10" x14ac:dyDescent="0.35">
      <c r="A25036" s="1" t="s">
        <v>47276</v>
      </c>
      <c r="B25036" s="1" t="s">
        <v>86049</v>
      </c>
      <c r="C25036" s="1" t="s">
        <v>110</v>
      </c>
      <c r="D25036" s="1" t="s">
        <v>56116</v>
      </c>
      <c r="E25036" s="1" t="s">
        <v>89676</v>
      </c>
      <c r="F25036" s="1" t="s">
        <v>89677</v>
      </c>
      <c r="G25036" s="1" t="s">
        <v>89605</v>
      </c>
      <c r="H25036" s="1" t="s">
        <v>89606</v>
      </c>
      <c r="I25036" s="1" t="s">
        <v>86055</v>
      </c>
      <c r="J25036" s="1" t="s">
        <v>89678</v>
      </c>
    </row>
    <row r="25037" spans="1:10" x14ac:dyDescent="0.35">
      <c r="A25037" s="1" t="s">
        <v>47276</v>
      </c>
      <c r="B25037" s="1" t="s">
        <v>86049</v>
      </c>
      <c r="C25037" s="1" t="s">
        <v>115</v>
      </c>
      <c r="D25037" s="1" t="s">
        <v>89679</v>
      </c>
      <c r="E25037" s="1" t="s">
        <v>89680</v>
      </c>
      <c r="F25037" s="1" t="s">
        <v>89681</v>
      </c>
      <c r="G25037" s="1" t="s">
        <v>89605</v>
      </c>
      <c r="H25037" s="1" t="s">
        <v>89606</v>
      </c>
      <c r="I25037" s="1" t="s">
        <v>86055</v>
      </c>
      <c r="J25037" s="1" t="s">
        <v>89682</v>
      </c>
    </row>
    <row r="25038" spans="1:10" x14ac:dyDescent="0.35">
      <c r="A25038" s="1" t="s">
        <v>47276</v>
      </c>
      <c r="B25038" s="1" t="s">
        <v>86049</v>
      </c>
      <c r="C25038" s="1" t="s">
        <v>120</v>
      </c>
      <c r="D25038" s="1" t="s">
        <v>26870</v>
      </c>
      <c r="E25038" s="1" t="s">
        <v>89683</v>
      </c>
      <c r="F25038" s="1" t="s">
        <v>89684</v>
      </c>
      <c r="G25038" s="1" t="s">
        <v>89605</v>
      </c>
      <c r="H25038" s="1" t="s">
        <v>89606</v>
      </c>
      <c r="I25038" s="1" t="s">
        <v>86055</v>
      </c>
      <c r="J25038" s="1" t="s">
        <v>89685</v>
      </c>
    </row>
    <row r="25039" spans="1:10" x14ac:dyDescent="0.35">
      <c r="A25039" s="1" t="s">
        <v>47276</v>
      </c>
      <c r="B25039" s="1" t="s">
        <v>86049</v>
      </c>
      <c r="C25039" s="1" t="s">
        <v>125</v>
      </c>
      <c r="D25039" s="1" t="s">
        <v>89686</v>
      </c>
      <c r="E25039" s="1" t="s">
        <v>89687</v>
      </c>
      <c r="F25039" s="1" t="s">
        <v>89688</v>
      </c>
      <c r="G25039" s="1" t="s">
        <v>89605</v>
      </c>
      <c r="H25039" s="1" t="s">
        <v>89606</v>
      </c>
      <c r="I25039" s="1" t="s">
        <v>86055</v>
      </c>
      <c r="J25039" s="1" t="s">
        <v>89689</v>
      </c>
    </row>
    <row r="25040" spans="1:10" x14ac:dyDescent="0.35">
      <c r="A25040" s="1" t="s">
        <v>47276</v>
      </c>
      <c r="B25040" s="1" t="s">
        <v>86049</v>
      </c>
      <c r="C25040" s="1" t="s">
        <v>130</v>
      </c>
      <c r="D25040" s="1" t="s">
        <v>60973</v>
      </c>
      <c r="E25040" s="1" t="s">
        <v>89690</v>
      </c>
      <c r="F25040" s="1" t="s">
        <v>89691</v>
      </c>
      <c r="G25040" s="1" t="s">
        <v>89605</v>
      </c>
      <c r="H25040" s="1" t="s">
        <v>89606</v>
      </c>
      <c r="I25040" s="1" t="s">
        <v>86055</v>
      </c>
      <c r="J25040" s="1" t="s">
        <v>89692</v>
      </c>
    </row>
    <row r="25041" spans="1:10" x14ac:dyDescent="0.35">
      <c r="A25041" s="1" t="s">
        <v>47276</v>
      </c>
      <c r="B25041" s="1" t="s">
        <v>86049</v>
      </c>
      <c r="C25041" s="1" t="s">
        <v>135</v>
      </c>
      <c r="D25041" s="1" t="s">
        <v>89693</v>
      </c>
      <c r="E25041" s="1" t="s">
        <v>89694</v>
      </c>
      <c r="F25041" s="1" t="s">
        <v>89695</v>
      </c>
      <c r="G25041" s="1" t="s">
        <v>89605</v>
      </c>
      <c r="H25041" s="1" t="s">
        <v>89606</v>
      </c>
      <c r="I25041" s="1" t="s">
        <v>86055</v>
      </c>
      <c r="J25041" s="1" t="s">
        <v>89696</v>
      </c>
    </row>
    <row r="25042" spans="1:10" x14ac:dyDescent="0.35">
      <c r="A25042" s="1" t="s">
        <v>47276</v>
      </c>
      <c r="B25042" s="1" t="s">
        <v>86049</v>
      </c>
      <c r="C25042" s="1" t="s">
        <v>140</v>
      </c>
      <c r="D25042" s="1" t="s">
        <v>89697</v>
      </c>
      <c r="E25042" s="1" t="s">
        <v>89698</v>
      </c>
      <c r="F25042" s="1" t="s">
        <v>89699</v>
      </c>
      <c r="G25042" s="1" t="s">
        <v>89605</v>
      </c>
      <c r="H25042" s="1" t="s">
        <v>89606</v>
      </c>
      <c r="I25042" s="1" t="s">
        <v>86055</v>
      </c>
      <c r="J25042" s="1" t="s">
        <v>89700</v>
      </c>
    </row>
    <row r="25043" spans="1:10" x14ac:dyDescent="0.35">
      <c r="A25043" s="1" t="s">
        <v>47276</v>
      </c>
      <c r="B25043" s="1" t="s">
        <v>86049</v>
      </c>
      <c r="C25043" s="1" t="s">
        <v>145</v>
      </c>
      <c r="D25043" s="1" t="s">
        <v>55795</v>
      </c>
      <c r="E25043" s="1" t="s">
        <v>89701</v>
      </c>
      <c r="F25043" s="1" t="s">
        <v>89702</v>
      </c>
      <c r="G25043" s="1" t="s">
        <v>89605</v>
      </c>
      <c r="H25043" s="1" t="s">
        <v>89606</v>
      </c>
      <c r="I25043" s="1" t="s">
        <v>86055</v>
      </c>
      <c r="J25043" s="1" t="s">
        <v>89703</v>
      </c>
    </row>
    <row r="25044" spans="1:10" x14ac:dyDescent="0.35">
      <c r="A25044" s="1" t="s">
        <v>47276</v>
      </c>
      <c r="B25044" s="1" t="s">
        <v>86049</v>
      </c>
      <c r="C25044" s="1" t="s">
        <v>150</v>
      </c>
      <c r="D25044" s="1" t="s">
        <v>84887</v>
      </c>
      <c r="E25044" s="1" t="s">
        <v>89704</v>
      </c>
      <c r="F25044" s="1" t="s">
        <v>89705</v>
      </c>
      <c r="G25044" s="1" t="s">
        <v>89605</v>
      </c>
      <c r="H25044" s="1" t="s">
        <v>89606</v>
      </c>
      <c r="I25044" s="1" t="s">
        <v>86055</v>
      </c>
      <c r="J25044" s="1" t="s">
        <v>89706</v>
      </c>
    </row>
    <row r="25045" spans="1:10" x14ac:dyDescent="0.35">
      <c r="A25045" s="1" t="s">
        <v>47276</v>
      </c>
      <c r="B25045" s="1" t="s">
        <v>86049</v>
      </c>
      <c r="C25045" s="1" t="s">
        <v>155</v>
      </c>
      <c r="D25045" s="1" t="s">
        <v>40694</v>
      </c>
      <c r="E25045" s="1" t="s">
        <v>89707</v>
      </c>
      <c r="F25045" s="1" t="s">
        <v>89708</v>
      </c>
      <c r="G25045" s="1" t="s">
        <v>89605</v>
      </c>
      <c r="H25045" s="1" t="s">
        <v>89606</v>
      </c>
      <c r="I25045" s="1" t="s">
        <v>86055</v>
      </c>
      <c r="J25045" s="1" t="s">
        <v>89709</v>
      </c>
    </row>
    <row r="25046" spans="1:10" x14ac:dyDescent="0.35">
      <c r="A25046" s="1" t="s">
        <v>47276</v>
      </c>
      <c r="B25046" s="1" t="s">
        <v>86049</v>
      </c>
      <c r="C25046" s="1" t="s">
        <v>160</v>
      </c>
      <c r="D25046" s="1" t="s">
        <v>63081</v>
      </c>
      <c r="E25046" s="1" t="s">
        <v>89710</v>
      </c>
      <c r="F25046" s="1" t="s">
        <v>89711</v>
      </c>
      <c r="G25046" s="1" t="s">
        <v>89605</v>
      </c>
      <c r="H25046" s="1" t="s">
        <v>89606</v>
      </c>
      <c r="I25046" s="1" t="s">
        <v>86055</v>
      </c>
      <c r="J25046" s="1" t="s">
        <v>89712</v>
      </c>
    </row>
    <row r="25047" spans="1:10" x14ac:dyDescent="0.35">
      <c r="A25047" s="1" t="s">
        <v>47276</v>
      </c>
      <c r="B25047" s="1" t="s">
        <v>86049</v>
      </c>
      <c r="C25047" s="1" t="s">
        <v>165</v>
      </c>
      <c r="D25047" s="1" t="s">
        <v>89713</v>
      </c>
      <c r="E25047" s="1" t="s">
        <v>89714</v>
      </c>
      <c r="F25047" s="1" t="s">
        <v>89715</v>
      </c>
      <c r="G25047" s="1" t="s">
        <v>89605</v>
      </c>
      <c r="H25047" s="1" t="s">
        <v>89606</v>
      </c>
      <c r="I25047" s="1" t="s">
        <v>86055</v>
      </c>
      <c r="J25047" s="1" t="s">
        <v>89716</v>
      </c>
    </row>
    <row r="25048" spans="1:10" x14ac:dyDescent="0.35">
      <c r="A25048" s="1" t="s">
        <v>47276</v>
      </c>
      <c r="B25048" s="1" t="s">
        <v>86049</v>
      </c>
      <c r="C25048" s="1" t="s">
        <v>170</v>
      </c>
      <c r="D25048" s="1" t="s">
        <v>84386</v>
      </c>
      <c r="E25048" s="1" t="s">
        <v>89717</v>
      </c>
      <c r="F25048" s="1" t="s">
        <v>89718</v>
      </c>
      <c r="G25048" s="1" t="s">
        <v>89605</v>
      </c>
      <c r="H25048" s="1" t="s">
        <v>89606</v>
      </c>
      <c r="I25048" s="1" t="s">
        <v>86055</v>
      </c>
      <c r="J25048" s="1" t="s">
        <v>89719</v>
      </c>
    </row>
    <row r="25049" spans="1:10" x14ac:dyDescent="0.35">
      <c r="A25049" s="1" t="s">
        <v>89720</v>
      </c>
      <c r="B25049" s="1" t="s">
        <v>86049</v>
      </c>
      <c r="C25049" s="1" t="s">
        <v>8</v>
      </c>
      <c r="D25049" s="1" t="s">
        <v>89721</v>
      </c>
      <c r="E25049" s="1" t="s">
        <v>89722</v>
      </c>
      <c r="F25049" s="1" t="s">
        <v>89723</v>
      </c>
      <c r="G25049" s="1" t="s">
        <v>89724</v>
      </c>
      <c r="H25049" s="1" t="s">
        <v>89725</v>
      </c>
      <c r="I25049" s="1" t="s">
        <v>86055</v>
      </c>
      <c r="J25049" s="1" t="s">
        <v>13</v>
      </c>
    </row>
    <row r="25050" spans="1:10" x14ac:dyDescent="0.35">
      <c r="A25050" s="1" t="s">
        <v>89720</v>
      </c>
      <c r="B25050" s="1" t="s">
        <v>86049</v>
      </c>
      <c r="C25050" s="1" t="s">
        <v>15</v>
      </c>
      <c r="D25050" s="1" t="s">
        <v>89726</v>
      </c>
      <c r="E25050" s="1" t="s">
        <v>89727</v>
      </c>
      <c r="F25050" s="1" t="s">
        <v>89728</v>
      </c>
      <c r="G25050" s="1" t="s">
        <v>89724</v>
      </c>
      <c r="H25050" s="1" t="s">
        <v>89725</v>
      </c>
      <c r="I25050" s="1" t="s">
        <v>86055</v>
      </c>
      <c r="J25050" s="1" t="s">
        <v>89729</v>
      </c>
    </row>
    <row r="25051" spans="1:10" x14ac:dyDescent="0.35">
      <c r="A25051" s="1" t="s">
        <v>89720</v>
      </c>
      <c r="B25051" s="1" t="s">
        <v>86049</v>
      </c>
      <c r="C25051" s="1" t="s">
        <v>20</v>
      </c>
      <c r="D25051" s="1" t="s">
        <v>89730</v>
      </c>
      <c r="E25051" s="1" t="s">
        <v>89731</v>
      </c>
      <c r="F25051" s="1" t="s">
        <v>89732</v>
      </c>
      <c r="G25051" s="1" t="s">
        <v>89724</v>
      </c>
      <c r="H25051" s="1" t="s">
        <v>89725</v>
      </c>
      <c r="I25051" s="1" t="s">
        <v>86055</v>
      </c>
      <c r="J25051" s="1" t="s">
        <v>89733</v>
      </c>
    </row>
    <row r="25052" spans="1:10" x14ac:dyDescent="0.35">
      <c r="A25052" s="1" t="s">
        <v>89720</v>
      </c>
      <c r="B25052" s="1" t="s">
        <v>86049</v>
      </c>
      <c r="C25052" s="1" t="s">
        <v>25</v>
      </c>
      <c r="D25052" s="1" t="s">
        <v>24051</v>
      </c>
      <c r="E25052" s="1" t="s">
        <v>89734</v>
      </c>
      <c r="F25052" s="1" t="s">
        <v>89735</v>
      </c>
      <c r="G25052" s="1" t="s">
        <v>89724</v>
      </c>
      <c r="H25052" s="1" t="s">
        <v>89725</v>
      </c>
      <c r="I25052" s="1" t="s">
        <v>86055</v>
      </c>
      <c r="J25052" s="1" t="s">
        <v>89736</v>
      </c>
    </row>
    <row r="25053" spans="1:10" x14ac:dyDescent="0.35">
      <c r="A25053" s="1" t="s">
        <v>89720</v>
      </c>
      <c r="B25053" s="1" t="s">
        <v>86049</v>
      </c>
      <c r="C25053" s="1" t="s">
        <v>30</v>
      </c>
      <c r="D25053" s="1" t="s">
        <v>89737</v>
      </c>
      <c r="E25053" s="1" t="s">
        <v>89738</v>
      </c>
      <c r="F25053" s="1" t="s">
        <v>89739</v>
      </c>
      <c r="G25053" s="1" t="s">
        <v>89724</v>
      </c>
      <c r="H25053" s="1" t="s">
        <v>89725</v>
      </c>
      <c r="I25053" s="1" t="s">
        <v>86055</v>
      </c>
      <c r="J25053" s="1" t="s">
        <v>89740</v>
      </c>
    </row>
    <row r="25054" spans="1:10" x14ac:dyDescent="0.35">
      <c r="A25054" s="1" t="s">
        <v>89720</v>
      </c>
      <c r="B25054" s="1" t="s">
        <v>86049</v>
      </c>
      <c r="C25054" s="1" t="s">
        <v>35</v>
      </c>
      <c r="D25054" s="1" t="s">
        <v>89741</v>
      </c>
      <c r="E25054" s="1" t="s">
        <v>89742</v>
      </c>
      <c r="F25054" s="1" t="s">
        <v>89743</v>
      </c>
      <c r="G25054" s="1" t="s">
        <v>89724</v>
      </c>
      <c r="H25054" s="1" t="s">
        <v>89725</v>
      </c>
      <c r="I25054" s="1" t="s">
        <v>86055</v>
      </c>
      <c r="J25054" s="1" t="s">
        <v>89744</v>
      </c>
    </row>
    <row r="25055" spans="1:10" x14ac:dyDescent="0.35">
      <c r="A25055" s="1" t="s">
        <v>89720</v>
      </c>
      <c r="B25055" s="1" t="s">
        <v>86049</v>
      </c>
      <c r="C25055" s="1" t="s">
        <v>40</v>
      </c>
      <c r="D25055" s="1" t="s">
        <v>45573</v>
      </c>
      <c r="E25055" s="1" t="s">
        <v>89745</v>
      </c>
      <c r="F25055" s="1" t="s">
        <v>89746</v>
      </c>
      <c r="G25055" s="1" t="s">
        <v>89724</v>
      </c>
      <c r="H25055" s="1" t="s">
        <v>89725</v>
      </c>
      <c r="I25055" s="1" t="s">
        <v>86055</v>
      </c>
      <c r="J25055" s="1" t="s">
        <v>89747</v>
      </c>
    </row>
    <row r="25056" spans="1:10" x14ac:dyDescent="0.35">
      <c r="A25056" s="1" t="s">
        <v>89720</v>
      </c>
      <c r="B25056" s="1" t="s">
        <v>86049</v>
      </c>
      <c r="C25056" s="1" t="s">
        <v>45</v>
      </c>
      <c r="D25056" s="1" t="s">
        <v>89748</v>
      </c>
      <c r="E25056" s="1" t="s">
        <v>89749</v>
      </c>
      <c r="F25056" s="1" t="s">
        <v>89750</v>
      </c>
      <c r="G25056" s="1" t="s">
        <v>89724</v>
      </c>
      <c r="H25056" s="1" t="s">
        <v>89725</v>
      </c>
      <c r="I25056" s="1" t="s">
        <v>86055</v>
      </c>
      <c r="J25056" s="1" t="s">
        <v>47870</v>
      </c>
    </row>
    <row r="25057" spans="1:10" x14ac:dyDescent="0.35">
      <c r="A25057" s="1" t="s">
        <v>89720</v>
      </c>
      <c r="B25057" s="1" t="s">
        <v>86049</v>
      </c>
      <c r="C25057" s="1" t="s">
        <v>50</v>
      </c>
      <c r="D25057" s="1" t="s">
        <v>89751</v>
      </c>
      <c r="E25057" s="1" t="s">
        <v>89752</v>
      </c>
      <c r="F25057" s="1" t="s">
        <v>89753</v>
      </c>
      <c r="G25057" s="1" t="s">
        <v>89724</v>
      </c>
      <c r="H25057" s="1" t="s">
        <v>89725</v>
      </c>
      <c r="I25057" s="1" t="s">
        <v>86055</v>
      </c>
      <c r="J25057" s="1" t="s">
        <v>89754</v>
      </c>
    </row>
    <row r="25058" spans="1:10" x14ac:dyDescent="0.35">
      <c r="A25058" s="1" t="s">
        <v>89720</v>
      </c>
      <c r="B25058" s="1" t="s">
        <v>86049</v>
      </c>
      <c r="C25058" s="1" t="s">
        <v>55</v>
      </c>
      <c r="D25058" s="1" t="s">
        <v>89755</v>
      </c>
      <c r="E25058" s="1" t="s">
        <v>89756</v>
      </c>
      <c r="F25058" s="1" t="s">
        <v>89757</v>
      </c>
      <c r="G25058" s="1" t="s">
        <v>89724</v>
      </c>
      <c r="H25058" s="1" t="s">
        <v>89725</v>
      </c>
      <c r="I25058" s="1" t="s">
        <v>86055</v>
      </c>
      <c r="J25058" s="1" t="s">
        <v>89758</v>
      </c>
    </row>
    <row r="25059" spans="1:10" x14ac:dyDescent="0.35">
      <c r="A25059" s="1" t="s">
        <v>89720</v>
      </c>
      <c r="B25059" s="1" t="s">
        <v>86049</v>
      </c>
      <c r="C25059" s="1" t="s">
        <v>60</v>
      </c>
      <c r="D25059" s="1" t="s">
        <v>5254</v>
      </c>
      <c r="E25059" s="1" t="s">
        <v>89759</v>
      </c>
      <c r="F25059" s="1" t="s">
        <v>89760</v>
      </c>
      <c r="G25059" s="1" t="s">
        <v>89724</v>
      </c>
      <c r="H25059" s="1" t="s">
        <v>89725</v>
      </c>
      <c r="I25059" s="1" t="s">
        <v>86055</v>
      </c>
      <c r="J25059" s="1" t="s">
        <v>89761</v>
      </c>
    </row>
    <row r="25060" spans="1:10" x14ac:dyDescent="0.35">
      <c r="A25060" s="1" t="s">
        <v>89720</v>
      </c>
      <c r="B25060" s="1" t="s">
        <v>86049</v>
      </c>
      <c r="C25060" s="1" t="s">
        <v>65</v>
      </c>
      <c r="D25060" s="1" t="s">
        <v>59784</v>
      </c>
      <c r="E25060" s="1" t="s">
        <v>89762</v>
      </c>
      <c r="F25060" s="1" t="s">
        <v>89763</v>
      </c>
      <c r="G25060" s="1" t="s">
        <v>89724</v>
      </c>
      <c r="H25060" s="1" t="s">
        <v>89725</v>
      </c>
      <c r="I25060" s="1" t="s">
        <v>86055</v>
      </c>
      <c r="J25060" s="1" t="s">
        <v>89764</v>
      </c>
    </row>
    <row r="25061" spans="1:10" x14ac:dyDescent="0.35">
      <c r="A25061" s="1" t="s">
        <v>89720</v>
      </c>
      <c r="B25061" s="1" t="s">
        <v>86049</v>
      </c>
      <c r="C25061" s="1" t="s">
        <v>70</v>
      </c>
      <c r="D25061" s="1" t="s">
        <v>89161</v>
      </c>
      <c r="E25061" s="1" t="s">
        <v>89765</v>
      </c>
      <c r="F25061" s="1" t="s">
        <v>89766</v>
      </c>
      <c r="G25061" s="1" t="s">
        <v>89724</v>
      </c>
      <c r="H25061" s="1" t="s">
        <v>89725</v>
      </c>
      <c r="I25061" s="1" t="s">
        <v>86055</v>
      </c>
      <c r="J25061" s="1" t="s">
        <v>89767</v>
      </c>
    </row>
    <row r="25062" spans="1:10" x14ac:dyDescent="0.35">
      <c r="A25062" s="1" t="s">
        <v>89720</v>
      </c>
      <c r="B25062" s="1" t="s">
        <v>86049</v>
      </c>
      <c r="C25062" s="1" t="s">
        <v>75</v>
      </c>
      <c r="D25062" s="1" t="s">
        <v>89768</v>
      </c>
      <c r="E25062" s="1" t="s">
        <v>89769</v>
      </c>
      <c r="F25062" s="1" t="s">
        <v>89770</v>
      </c>
      <c r="G25062" s="1" t="s">
        <v>89724</v>
      </c>
      <c r="H25062" s="1" t="s">
        <v>89725</v>
      </c>
      <c r="I25062" s="1" t="s">
        <v>86055</v>
      </c>
      <c r="J25062" s="1" t="s">
        <v>89771</v>
      </c>
    </row>
    <row r="25063" spans="1:10" x14ac:dyDescent="0.35">
      <c r="A25063" s="1" t="s">
        <v>89720</v>
      </c>
      <c r="B25063" s="1" t="s">
        <v>86049</v>
      </c>
      <c r="C25063" s="1" t="s">
        <v>80</v>
      </c>
      <c r="D25063" s="1" t="s">
        <v>61662</v>
      </c>
      <c r="E25063" s="1" t="s">
        <v>89772</v>
      </c>
      <c r="F25063" s="1" t="s">
        <v>89773</v>
      </c>
      <c r="G25063" s="1" t="s">
        <v>89724</v>
      </c>
      <c r="H25063" s="1" t="s">
        <v>89725</v>
      </c>
      <c r="I25063" s="1" t="s">
        <v>86055</v>
      </c>
      <c r="J25063" s="1" t="s">
        <v>89774</v>
      </c>
    </row>
    <row r="25064" spans="1:10" x14ac:dyDescent="0.35">
      <c r="A25064" s="1" t="s">
        <v>89720</v>
      </c>
      <c r="B25064" s="1" t="s">
        <v>86049</v>
      </c>
      <c r="C25064" s="1" t="s">
        <v>85</v>
      </c>
      <c r="D25064" s="1" t="s">
        <v>89775</v>
      </c>
      <c r="E25064" s="1" t="s">
        <v>89776</v>
      </c>
      <c r="F25064" s="1" t="s">
        <v>89777</v>
      </c>
      <c r="G25064" s="1" t="s">
        <v>89724</v>
      </c>
      <c r="H25064" s="1" t="s">
        <v>89725</v>
      </c>
      <c r="I25064" s="1" t="s">
        <v>86055</v>
      </c>
      <c r="J25064" s="1" t="s">
        <v>89778</v>
      </c>
    </row>
    <row r="25065" spans="1:10" x14ac:dyDescent="0.35">
      <c r="A25065" s="1" t="s">
        <v>89720</v>
      </c>
      <c r="B25065" s="1" t="s">
        <v>86049</v>
      </c>
      <c r="C25065" s="1" t="s">
        <v>90</v>
      </c>
      <c r="D25065" s="1" t="s">
        <v>56262</v>
      </c>
      <c r="E25065" s="1" t="s">
        <v>89779</v>
      </c>
      <c r="F25065" s="1" t="s">
        <v>89780</v>
      </c>
      <c r="G25065" s="1" t="s">
        <v>89724</v>
      </c>
      <c r="H25065" s="1" t="s">
        <v>89725</v>
      </c>
      <c r="I25065" s="1" t="s">
        <v>86055</v>
      </c>
      <c r="J25065" s="1" t="s">
        <v>89781</v>
      </c>
    </row>
    <row r="25066" spans="1:10" x14ac:dyDescent="0.35">
      <c r="A25066" s="1" t="s">
        <v>89720</v>
      </c>
      <c r="B25066" s="1" t="s">
        <v>86049</v>
      </c>
      <c r="C25066" s="1" t="s">
        <v>95</v>
      </c>
      <c r="D25066" s="1" t="s">
        <v>89782</v>
      </c>
      <c r="E25066" s="1" t="s">
        <v>89783</v>
      </c>
      <c r="F25066" s="1" t="s">
        <v>89784</v>
      </c>
      <c r="G25066" s="1" t="s">
        <v>89724</v>
      </c>
      <c r="H25066" s="1" t="s">
        <v>89725</v>
      </c>
      <c r="I25066" s="1" t="s">
        <v>86055</v>
      </c>
      <c r="J25066" s="1" t="s">
        <v>89785</v>
      </c>
    </row>
    <row r="25067" spans="1:10" x14ac:dyDescent="0.35">
      <c r="A25067" s="1" t="s">
        <v>89720</v>
      </c>
      <c r="B25067" s="1" t="s">
        <v>86049</v>
      </c>
      <c r="C25067" s="1" t="s">
        <v>100</v>
      </c>
      <c r="D25067" s="1" t="s">
        <v>89786</v>
      </c>
      <c r="E25067" s="1" t="s">
        <v>89787</v>
      </c>
      <c r="F25067" s="1" t="s">
        <v>89788</v>
      </c>
      <c r="G25067" s="1" t="s">
        <v>89724</v>
      </c>
      <c r="H25067" s="1" t="s">
        <v>89725</v>
      </c>
      <c r="I25067" s="1" t="s">
        <v>86055</v>
      </c>
      <c r="J25067" s="1" t="s">
        <v>89789</v>
      </c>
    </row>
    <row r="25068" spans="1:10" x14ac:dyDescent="0.35">
      <c r="A25068" s="1" t="s">
        <v>89720</v>
      </c>
      <c r="B25068" s="1" t="s">
        <v>86049</v>
      </c>
      <c r="C25068" s="1" t="s">
        <v>105</v>
      </c>
      <c r="D25068" s="1" t="s">
        <v>89790</v>
      </c>
      <c r="E25068" s="1" t="s">
        <v>89791</v>
      </c>
      <c r="F25068" s="1" t="s">
        <v>89792</v>
      </c>
      <c r="G25068" s="1" t="s">
        <v>89724</v>
      </c>
      <c r="H25068" s="1" t="s">
        <v>89725</v>
      </c>
      <c r="I25068" s="1" t="s">
        <v>86055</v>
      </c>
      <c r="J25068" s="1" t="s">
        <v>89793</v>
      </c>
    </row>
    <row r="25069" spans="1:10" x14ac:dyDescent="0.35">
      <c r="A25069" s="1" t="s">
        <v>89720</v>
      </c>
      <c r="B25069" s="1" t="s">
        <v>86049</v>
      </c>
      <c r="C25069" s="1" t="s">
        <v>110</v>
      </c>
      <c r="D25069" s="1" t="s">
        <v>78070</v>
      </c>
      <c r="E25069" s="1" t="s">
        <v>89794</v>
      </c>
      <c r="F25069" s="1" t="s">
        <v>89795</v>
      </c>
      <c r="G25069" s="1" t="s">
        <v>89724</v>
      </c>
      <c r="H25069" s="1" t="s">
        <v>89725</v>
      </c>
      <c r="I25069" s="1" t="s">
        <v>86055</v>
      </c>
      <c r="J25069" s="1" t="s">
        <v>89796</v>
      </c>
    </row>
    <row r="25070" spans="1:10" x14ac:dyDescent="0.35">
      <c r="A25070" s="1" t="s">
        <v>89720</v>
      </c>
      <c r="B25070" s="1" t="s">
        <v>86049</v>
      </c>
      <c r="C25070" s="1" t="s">
        <v>115</v>
      </c>
      <c r="D25070" s="1" t="s">
        <v>89797</v>
      </c>
      <c r="E25070" s="1" t="s">
        <v>89798</v>
      </c>
      <c r="F25070" s="1" t="s">
        <v>89799</v>
      </c>
      <c r="G25070" s="1" t="s">
        <v>89724</v>
      </c>
      <c r="H25070" s="1" t="s">
        <v>89725</v>
      </c>
      <c r="I25070" s="1" t="s">
        <v>86055</v>
      </c>
      <c r="J25070" s="1" t="s">
        <v>89800</v>
      </c>
    </row>
    <row r="25071" spans="1:10" x14ac:dyDescent="0.35">
      <c r="A25071" s="1" t="s">
        <v>89720</v>
      </c>
      <c r="B25071" s="1" t="s">
        <v>86049</v>
      </c>
      <c r="C25071" s="1" t="s">
        <v>120</v>
      </c>
      <c r="D25071" s="1" t="s">
        <v>60202</v>
      </c>
      <c r="E25071" s="1" t="s">
        <v>89801</v>
      </c>
      <c r="F25071" s="1" t="s">
        <v>89802</v>
      </c>
      <c r="G25071" s="1" t="s">
        <v>89724</v>
      </c>
      <c r="H25071" s="1" t="s">
        <v>89725</v>
      </c>
      <c r="I25071" s="1" t="s">
        <v>86055</v>
      </c>
      <c r="J25071" s="1" t="s">
        <v>89803</v>
      </c>
    </row>
    <row r="25072" spans="1:10" x14ac:dyDescent="0.35">
      <c r="A25072" s="1" t="s">
        <v>89720</v>
      </c>
      <c r="B25072" s="1" t="s">
        <v>86049</v>
      </c>
      <c r="C25072" s="1" t="s">
        <v>125</v>
      </c>
      <c r="D25072" s="1" t="s">
        <v>89804</v>
      </c>
      <c r="E25072" s="1" t="s">
        <v>89805</v>
      </c>
      <c r="F25072" s="1" t="s">
        <v>89806</v>
      </c>
      <c r="G25072" s="1" t="s">
        <v>89724</v>
      </c>
      <c r="H25072" s="1" t="s">
        <v>89725</v>
      </c>
      <c r="I25072" s="1" t="s">
        <v>86055</v>
      </c>
      <c r="J25072" s="1" t="s">
        <v>89807</v>
      </c>
    </row>
    <row r="25073" spans="1:10" x14ac:dyDescent="0.35">
      <c r="A25073" s="1" t="s">
        <v>89720</v>
      </c>
      <c r="B25073" s="1" t="s">
        <v>86049</v>
      </c>
      <c r="C25073" s="1" t="s">
        <v>130</v>
      </c>
      <c r="D25073" s="1" t="s">
        <v>89808</v>
      </c>
      <c r="E25073" s="1" t="s">
        <v>89809</v>
      </c>
      <c r="F25073" s="1" t="s">
        <v>89810</v>
      </c>
      <c r="G25073" s="1" t="s">
        <v>89724</v>
      </c>
      <c r="H25073" s="1" t="s">
        <v>89725</v>
      </c>
      <c r="I25073" s="1" t="s">
        <v>86055</v>
      </c>
      <c r="J25073" s="1" t="s">
        <v>89811</v>
      </c>
    </row>
    <row r="25074" spans="1:10" x14ac:dyDescent="0.35">
      <c r="A25074" s="1" t="s">
        <v>89720</v>
      </c>
      <c r="B25074" s="1" t="s">
        <v>86049</v>
      </c>
      <c r="C25074" s="1" t="s">
        <v>135</v>
      </c>
      <c r="D25074" s="1" t="s">
        <v>89812</v>
      </c>
      <c r="E25074" s="1" t="s">
        <v>89813</v>
      </c>
      <c r="F25074" s="1" t="s">
        <v>89814</v>
      </c>
      <c r="G25074" s="1" t="s">
        <v>89724</v>
      </c>
      <c r="H25074" s="1" t="s">
        <v>89725</v>
      </c>
      <c r="I25074" s="1" t="s">
        <v>86055</v>
      </c>
      <c r="J25074" s="1" t="s">
        <v>89815</v>
      </c>
    </row>
    <row r="25075" spans="1:10" x14ac:dyDescent="0.35">
      <c r="A25075" s="1" t="s">
        <v>89720</v>
      </c>
      <c r="B25075" s="1" t="s">
        <v>86049</v>
      </c>
      <c r="C25075" s="1" t="s">
        <v>140</v>
      </c>
      <c r="D25075" s="1" t="s">
        <v>89816</v>
      </c>
      <c r="E25075" s="1" t="s">
        <v>89817</v>
      </c>
      <c r="F25075" s="1" t="s">
        <v>89818</v>
      </c>
      <c r="G25075" s="1" t="s">
        <v>89724</v>
      </c>
      <c r="H25075" s="1" t="s">
        <v>89725</v>
      </c>
      <c r="I25075" s="1" t="s">
        <v>86055</v>
      </c>
      <c r="J25075" s="1" t="s">
        <v>89819</v>
      </c>
    </row>
    <row r="25076" spans="1:10" x14ac:dyDescent="0.35">
      <c r="A25076" s="1" t="s">
        <v>89720</v>
      </c>
      <c r="B25076" s="1" t="s">
        <v>86049</v>
      </c>
      <c r="C25076" s="1" t="s">
        <v>145</v>
      </c>
      <c r="D25076" s="1" t="s">
        <v>20598</v>
      </c>
      <c r="E25076" s="1" t="s">
        <v>89820</v>
      </c>
      <c r="F25076" s="1" t="s">
        <v>89821</v>
      </c>
      <c r="G25076" s="1" t="s">
        <v>89724</v>
      </c>
      <c r="H25076" s="1" t="s">
        <v>89725</v>
      </c>
      <c r="I25076" s="1" t="s">
        <v>86055</v>
      </c>
      <c r="J25076" s="1" t="s">
        <v>89822</v>
      </c>
    </row>
    <row r="25077" spans="1:10" x14ac:dyDescent="0.35">
      <c r="A25077" s="1" t="s">
        <v>89720</v>
      </c>
      <c r="B25077" s="1" t="s">
        <v>86049</v>
      </c>
      <c r="C25077" s="1" t="s">
        <v>150</v>
      </c>
      <c r="D25077" s="1" t="s">
        <v>78258</v>
      </c>
      <c r="E25077" s="1" t="s">
        <v>89823</v>
      </c>
      <c r="F25077" s="1" t="s">
        <v>89824</v>
      </c>
      <c r="G25077" s="1" t="s">
        <v>89724</v>
      </c>
      <c r="H25077" s="1" t="s">
        <v>89725</v>
      </c>
      <c r="I25077" s="1" t="s">
        <v>86055</v>
      </c>
      <c r="J25077" s="1" t="s">
        <v>89825</v>
      </c>
    </row>
    <row r="25078" spans="1:10" x14ac:dyDescent="0.35">
      <c r="A25078" s="1" t="s">
        <v>89720</v>
      </c>
      <c r="B25078" s="1" t="s">
        <v>86049</v>
      </c>
      <c r="C25078" s="1" t="s">
        <v>155</v>
      </c>
      <c r="D25078" s="1" t="s">
        <v>57495</v>
      </c>
      <c r="E25078" s="1" t="s">
        <v>89826</v>
      </c>
      <c r="F25078" s="1" t="s">
        <v>89827</v>
      </c>
      <c r="G25078" s="1" t="s">
        <v>89724</v>
      </c>
      <c r="H25078" s="1" t="s">
        <v>89725</v>
      </c>
      <c r="I25078" s="1" t="s">
        <v>86055</v>
      </c>
      <c r="J25078" s="1" t="s">
        <v>89828</v>
      </c>
    </row>
    <row r="25079" spans="1:10" x14ac:dyDescent="0.35">
      <c r="A25079" s="1" t="s">
        <v>89720</v>
      </c>
      <c r="B25079" s="1" t="s">
        <v>86049</v>
      </c>
      <c r="C25079" s="1" t="s">
        <v>160</v>
      </c>
      <c r="D25079" s="1" t="s">
        <v>80074</v>
      </c>
      <c r="E25079" s="1" t="s">
        <v>89829</v>
      </c>
      <c r="F25079" s="1" t="s">
        <v>89830</v>
      </c>
      <c r="G25079" s="1" t="s">
        <v>89724</v>
      </c>
      <c r="H25079" s="1" t="s">
        <v>89725</v>
      </c>
      <c r="I25079" s="1" t="s">
        <v>86055</v>
      </c>
      <c r="J25079" s="1" t="s">
        <v>89831</v>
      </c>
    </row>
    <row r="25080" spans="1:10" x14ac:dyDescent="0.35">
      <c r="A25080" s="1" t="s">
        <v>89720</v>
      </c>
      <c r="B25080" s="1" t="s">
        <v>86049</v>
      </c>
      <c r="C25080" s="1" t="s">
        <v>165</v>
      </c>
      <c r="D25080" s="1" t="s">
        <v>63165</v>
      </c>
      <c r="E25080" s="1" t="s">
        <v>89832</v>
      </c>
      <c r="F25080" s="1" t="s">
        <v>89833</v>
      </c>
      <c r="G25080" s="1" t="s">
        <v>89724</v>
      </c>
      <c r="H25080" s="1" t="s">
        <v>89725</v>
      </c>
      <c r="I25080" s="1" t="s">
        <v>86055</v>
      </c>
      <c r="J25080" s="1" t="s">
        <v>89834</v>
      </c>
    </row>
    <row r="25081" spans="1:10" x14ac:dyDescent="0.35">
      <c r="A25081" s="1" t="s">
        <v>89720</v>
      </c>
      <c r="B25081" s="1" t="s">
        <v>86049</v>
      </c>
      <c r="C25081" s="1" t="s">
        <v>170</v>
      </c>
      <c r="D25081" s="1" t="s">
        <v>86599</v>
      </c>
      <c r="E25081" s="1" t="s">
        <v>89835</v>
      </c>
      <c r="F25081" s="1" t="s">
        <v>89836</v>
      </c>
      <c r="G25081" s="1" t="s">
        <v>89724</v>
      </c>
      <c r="H25081" s="1" t="s">
        <v>89725</v>
      </c>
      <c r="I25081" s="1" t="s">
        <v>86055</v>
      </c>
      <c r="J25081" s="1" t="s">
        <v>89837</v>
      </c>
    </row>
    <row r="25082" spans="1:10" x14ac:dyDescent="0.35">
      <c r="A25082" s="1" t="s">
        <v>89838</v>
      </c>
      <c r="B25082" s="1" t="s">
        <v>86049</v>
      </c>
      <c r="C25082" s="1" t="s">
        <v>8</v>
      </c>
      <c r="D25082" s="1" t="s">
        <v>38750</v>
      </c>
      <c r="E25082" s="1" t="s">
        <v>89839</v>
      </c>
      <c r="F25082" s="1" t="s">
        <v>89840</v>
      </c>
      <c r="G25082" s="1" t="s">
        <v>89841</v>
      </c>
      <c r="H25082" s="1" t="s">
        <v>89842</v>
      </c>
      <c r="I25082" s="1" t="s">
        <v>86055</v>
      </c>
      <c r="J25082" s="1" t="s">
        <v>13</v>
      </c>
    </row>
    <row r="25083" spans="1:10" x14ac:dyDescent="0.35">
      <c r="A25083" s="1" t="s">
        <v>89838</v>
      </c>
      <c r="B25083" s="1" t="s">
        <v>86049</v>
      </c>
      <c r="C25083" s="1" t="s">
        <v>15</v>
      </c>
      <c r="D25083" s="1" t="s">
        <v>89843</v>
      </c>
      <c r="E25083" s="1" t="s">
        <v>89844</v>
      </c>
      <c r="F25083" s="1" t="s">
        <v>89845</v>
      </c>
      <c r="G25083" s="1" t="s">
        <v>89841</v>
      </c>
      <c r="H25083" s="1" t="s">
        <v>89842</v>
      </c>
      <c r="I25083" s="1" t="s">
        <v>86055</v>
      </c>
      <c r="J25083" s="1" t="s">
        <v>89846</v>
      </c>
    </row>
    <row r="25084" spans="1:10" x14ac:dyDescent="0.35">
      <c r="A25084" s="1" t="s">
        <v>89838</v>
      </c>
      <c r="B25084" s="1" t="s">
        <v>86049</v>
      </c>
      <c r="C25084" s="1" t="s">
        <v>20</v>
      </c>
      <c r="D25084" s="1" t="s">
        <v>79771</v>
      </c>
      <c r="E25084" s="1" t="s">
        <v>89847</v>
      </c>
      <c r="F25084" s="1" t="s">
        <v>89848</v>
      </c>
      <c r="G25084" s="1" t="s">
        <v>89841</v>
      </c>
      <c r="H25084" s="1" t="s">
        <v>89842</v>
      </c>
      <c r="I25084" s="1" t="s">
        <v>86055</v>
      </c>
      <c r="J25084" s="1" t="s">
        <v>89849</v>
      </c>
    </row>
    <row r="25085" spans="1:10" x14ac:dyDescent="0.35">
      <c r="A25085" s="1" t="s">
        <v>89838</v>
      </c>
      <c r="B25085" s="1" t="s">
        <v>86049</v>
      </c>
      <c r="C25085" s="1" t="s">
        <v>25</v>
      </c>
      <c r="D25085" s="1" t="s">
        <v>89850</v>
      </c>
      <c r="E25085" s="1" t="s">
        <v>89851</v>
      </c>
      <c r="F25085" s="1" t="s">
        <v>89852</v>
      </c>
      <c r="G25085" s="1" t="s">
        <v>89841</v>
      </c>
      <c r="H25085" s="1" t="s">
        <v>89842</v>
      </c>
      <c r="I25085" s="1" t="s">
        <v>86055</v>
      </c>
      <c r="J25085" s="1" t="s">
        <v>89853</v>
      </c>
    </row>
    <row r="25086" spans="1:10" x14ac:dyDescent="0.35">
      <c r="A25086" s="1" t="s">
        <v>89838</v>
      </c>
      <c r="B25086" s="1" t="s">
        <v>86049</v>
      </c>
      <c r="C25086" s="1" t="s">
        <v>30</v>
      </c>
      <c r="D25086" s="1" t="s">
        <v>52517</v>
      </c>
      <c r="E25086" s="1" t="s">
        <v>89854</v>
      </c>
      <c r="F25086" s="1" t="s">
        <v>89855</v>
      </c>
      <c r="G25086" s="1" t="s">
        <v>89841</v>
      </c>
      <c r="H25086" s="1" t="s">
        <v>89842</v>
      </c>
      <c r="I25086" s="1" t="s">
        <v>86055</v>
      </c>
      <c r="J25086" s="1" t="s">
        <v>89856</v>
      </c>
    </row>
    <row r="25087" spans="1:10" x14ac:dyDescent="0.35">
      <c r="A25087" s="1" t="s">
        <v>89838</v>
      </c>
      <c r="B25087" s="1" t="s">
        <v>86049</v>
      </c>
      <c r="C25087" s="1" t="s">
        <v>35</v>
      </c>
      <c r="D25087" s="1" t="s">
        <v>67934</v>
      </c>
      <c r="E25087" s="1" t="s">
        <v>89857</v>
      </c>
      <c r="F25087" s="1" t="s">
        <v>89858</v>
      </c>
      <c r="G25087" s="1" t="s">
        <v>89841</v>
      </c>
      <c r="H25087" s="1" t="s">
        <v>89842</v>
      </c>
      <c r="I25087" s="1" t="s">
        <v>86055</v>
      </c>
      <c r="J25087" s="1" t="s">
        <v>89859</v>
      </c>
    </row>
    <row r="25088" spans="1:10" x14ac:dyDescent="0.35">
      <c r="A25088" s="1" t="s">
        <v>89838</v>
      </c>
      <c r="B25088" s="1" t="s">
        <v>86049</v>
      </c>
      <c r="C25088" s="1" t="s">
        <v>40</v>
      </c>
      <c r="D25088" s="1" t="s">
        <v>62898</v>
      </c>
      <c r="E25088" s="1" t="s">
        <v>89860</v>
      </c>
      <c r="F25088" s="1" t="s">
        <v>89861</v>
      </c>
      <c r="G25088" s="1" t="s">
        <v>89841</v>
      </c>
      <c r="H25088" s="1" t="s">
        <v>89842</v>
      </c>
      <c r="I25088" s="1" t="s">
        <v>86055</v>
      </c>
      <c r="J25088" s="1" t="s">
        <v>67938</v>
      </c>
    </row>
    <row r="25089" spans="1:10" x14ac:dyDescent="0.35">
      <c r="A25089" s="1" t="s">
        <v>89838</v>
      </c>
      <c r="B25089" s="1" t="s">
        <v>86049</v>
      </c>
      <c r="C25089" s="1" t="s">
        <v>45</v>
      </c>
      <c r="D25089" s="1" t="s">
        <v>63995</v>
      </c>
      <c r="E25089" s="1" t="s">
        <v>89862</v>
      </c>
      <c r="F25089" s="1" t="s">
        <v>89863</v>
      </c>
      <c r="G25089" s="1" t="s">
        <v>89841</v>
      </c>
      <c r="H25089" s="1" t="s">
        <v>89842</v>
      </c>
      <c r="I25089" s="1" t="s">
        <v>86055</v>
      </c>
      <c r="J25089" s="1" t="s">
        <v>89864</v>
      </c>
    </row>
    <row r="25090" spans="1:10" x14ac:dyDescent="0.35">
      <c r="A25090" s="1" t="s">
        <v>89838</v>
      </c>
      <c r="B25090" s="1" t="s">
        <v>86049</v>
      </c>
      <c r="C25090" s="1" t="s">
        <v>50</v>
      </c>
      <c r="D25090" s="1" t="s">
        <v>89865</v>
      </c>
      <c r="E25090" s="1" t="s">
        <v>89866</v>
      </c>
      <c r="F25090" s="1" t="s">
        <v>89867</v>
      </c>
      <c r="G25090" s="1" t="s">
        <v>89841</v>
      </c>
      <c r="H25090" s="1" t="s">
        <v>89842</v>
      </c>
      <c r="I25090" s="1" t="s">
        <v>86055</v>
      </c>
      <c r="J25090" s="1" t="s">
        <v>89868</v>
      </c>
    </row>
    <row r="25091" spans="1:10" x14ac:dyDescent="0.35">
      <c r="A25091" s="1" t="s">
        <v>89838</v>
      </c>
      <c r="B25091" s="1" t="s">
        <v>86049</v>
      </c>
      <c r="C25091" s="1" t="s">
        <v>55</v>
      </c>
      <c r="D25091" s="1" t="s">
        <v>89869</v>
      </c>
      <c r="E25091" s="1" t="s">
        <v>89870</v>
      </c>
      <c r="F25091" s="1" t="s">
        <v>89871</v>
      </c>
      <c r="G25091" s="1" t="s">
        <v>89841</v>
      </c>
      <c r="H25091" s="1" t="s">
        <v>89842</v>
      </c>
      <c r="I25091" s="1" t="s">
        <v>86055</v>
      </c>
      <c r="J25091" s="1" t="s">
        <v>89872</v>
      </c>
    </row>
    <row r="25092" spans="1:10" x14ac:dyDescent="0.35">
      <c r="A25092" s="1" t="s">
        <v>89838</v>
      </c>
      <c r="B25092" s="1" t="s">
        <v>86049</v>
      </c>
      <c r="C25092" s="1" t="s">
        <v>60</v>
      </c>
      <c r="D25092" s="1" t="s">
        <v>52993</v>
      </c>
      <c r="E25092" s="1" t="s">
        <v>89873</v>
      </c>
      <c r="F25092" s="1" t="s">
        <v>89874</v>
      </c>
      <c r="G25092" s="1" t="s">
        <v>89841</v>
      </c>
      <c r="H25092" s="1" t="s">
        <v>89842</v>
      </c>
      <c r="I25092" s="1" t="s">
        <v>86055</v>
      </c>
      <c r="J25092" s="1" t="s">
        <v>89875</v>
      </c>
    </row>
    <row r="25093" spans="1:10" x14ac:dyDescent="0.35">
      <c r="A25093" s="1" t="s">
        <v>89838</v>
      </c>
      <c r="B25093" s="1" t="s">
        <v>86049</v>
      </c>
      <c r="C25093" s="1" t="s">
        <v>65</v>
      </c>
      <c r="D25093" s="1" t="s">
        <v>89876</v>
      </c>
      <c r="E25093" s="1" t="s">
        <v>89877</v>
      </c>
      <c r="F25093" s="1" t="s">
        <v>89878</v>
      </c>
      <c r="G25093" s="1" t="s">
        <v>89841</v>
      </c>
      <c r="H25093" s="1" t="s">
        <v>89842</v>
      </c>
      <c r="I25093" s="1" t="s">
        <v>86055</v>
      </c>
      <c r="J25093" s="1" t="s">
        <v>89879</v>
      </c>
    </row>
    <row r="25094" spans="1:10" x14ac:dyDescent="0.35">
      <c r="A25094" s="1" t="s">
        <v>89838</v>
      </c>
      <c r="B25094" s="1" t="s">
        <v>86049</v>
      </c>
      <c r="C25094" s="1" t="s">
        <v>70</v>
      </c>
      <c r="D25094" s="1" t="s">
        <v>52624</v>
      </c>
      <c r="E25094" s="1" t="s">
        <v>89880</v>
      </c>
      <c r="F25094" s="1" t="s">
        <v>89881</v>
      </c>
      <c r="G25094" s="1" t="s">
        <v>89841</v>
      </c>
      <c r="H25094" s="1" t="s">
        <v>89842</v>
      </c>
      <c r="I25094" s="1" t="s">
        <v>86055</v>
      </c>
      <c r="J25094" s="1" t="s">
        <v>89882</v>
      </c>
    </row>
    <row r="25095" spans="1:10" x14ac:dyDescent="0.35">
      <c r="A25095" s="1" t="s">
        <v>89838</v>
      </c>
      <c r="B25095" s="1" t="s">
        <v>86049</v>
      </c>
      <c r="C25095" s="1" t="s">
        <v>75</v>
      </c>
      <c r="D25095" s="1" t="s">
        <v>17367</v>
      </c>
      <c r="E25095" s="1" t="s">
        <v>89883</v>
      </c>
      <c r="F25095" s="1" t="s">
        <v>89884</v>
      </c>
      <c r="G25095" s="1" t="s">
        <v>89841</v>
      </c>
      <c r="H25095" s="1" t="s">
        <v>89842</v>
      </c>
      <c r="I25095" s="1" t="s">
        <v>86055</v>
      </c>
      <c r="J25095" s="1" t="s">
        <v>89885</v>
      </c>
    </row>
    <row r="25096" spans="1:10" x14ac:dyDescent="0.35">
      <c r="A25096" s="1" t="s">
        <v>89838</v>
      </c>
      <c r="B25096" s="1" t="s">
        <v>86049</v>
      </c>
      <c r="C25096" s="1" t="s">
        <v>80</v>
      </c>
      <c r="D25096" s="1" t="s">
        <v>89886</v>
      </c>
      <c r="E25096" s="1" t="s">
        <v>89887</v>
      </c>
      <c r="F25096" s="1" t="s">
        <v>89888</v>
      </c>
      <c r="G25096" s="1" t="s">
        <v>89841</v>
      </c>
      <c r="H25096" s="1" t="s">
        <v>89842</v>
      </c>
      <c r="I25096" s="1" t="s">
        <v>86055</v>
      </c>
      <c r="J25096" s="1" t="s">
        <v>89889</v>
      </c>
    </row>
    <row r="25097" spans="1:10" x14ac:dyDescent="0.35">
      <c r="A25097" s="1" t="s">
        <v>89838</v>
      </c>
      <c r="B25097" s="1" t="s">
        <v>86049</v>
      </c>
      <c r="C25097" s="1" t="s">
        <v>85</v>
      </c>
      <c r="D25097" s="1" t="s">
        <v>89890</v>
      </c>
      <c r="E25097" s="1" t="s">
        <v>89891</v>
      </c>
      <c r="F25097" s="1" t="s">
        <v>89892</v>
      </c>
      <c r="G25097" s="1" t="s">
        <v>89841</v>
      </c>
      <c r="H25097" s="1" t="s">
        <v>89842</v>
      </c>
      <c r="I25097" s="1" t="s">
        <v>86055</v>
      </c>
      <c r="J25097" s="1" t="s">
        <v>89893</v>
      </c>
    </row>
    <row r="25098" spans="1:10" x14ac:dyDescent="0.35">
      <c r="A25098" s="1" t="s">
        <v>89838</v>
      </c>
      <c r="B25098" s="1" t="s">
        <v>86049</v>
      </c>
      <c r="C25098" s="1" t="s">
        <v>90</v>
      </c>
      <c r="D25098" s="1" t="s">
        <v>89894</v>
      </c>
      <c r="E25098" s="1" t="s">
        <v>89895</v>
      </c>
      <c r="F25098" s="1" t="s">
        <v>89896</v>
      </c>
      <c r="G25098" s="1" t="s">
        <v>89841</v>
      </c>
      <c r="H25098" s="1" t="s">
        <v>89842</v>
      </c>
      <c r="I25098" s="1" t="s">
        <v>86055</v>
      </c>
      <c r="J25098" s="1" t="s">
        <v>89897</v>
      </c>
    </row>
    <row r="25099" spans="1:10" x14ac:dyDescent="0.35">
      <c r="A25099" s="1" t="s">
        <v>89838</v>
      </c>
      <c r="B25099" s="1" t="s">
        <v>86049</v>
      </c>
      <c r="C25099" s="1" t="s">
        <v>95</v>
      </c>
      <c r="D25099" s="1" t="s">
        <v>52636</v>
      </c>
      <c r="E25099" s="1" t="s">
        <v>89898</v>
      </c>
      <c r="F25099" s="1" t="s">
        <v>89899</v>
      </c>
      <c r="G25099" s="1" t="s">
        <v>89841</v>
      </c>
      <c r="H25099" s="1" t="s">
        <v>89842</v>
      </c>
      <c r="I25099" s="1" t="s">
        <v>86055</v>
      </c>
      <c r="J25099" s="1" t="s">
        <v>89900</v>
      </c>
    </row>
    <row r="25100" spans="1:10" x14ac:dyDescent="0.35">
      <c r="A25100" s="1" t="s">
        <v>89838</v>
      </c>
      <c r="B25100" s="1" t="s">
        <v>86049</v>
      </c>
      <c r="C25100" s="1" t="s">
        <v>100</v>
      </c>
      <c r="D25100" s="1" t="s">
        <v>22531</v>
      </c>
      <c r="E25100" s="1" t="s">
        <v>89901</v>
      </c>
      <c r="F25100" s="1" t="s">
        <v>89902</v>
      </c>
      <c r="G25100" s="1" t="s">
        <v>89841</v>
      </c>
      <c r="H25100" s="1" t="s">
        <v>89842</v>
      </c>
      <c r="I25100" s="1" t="s">
        <v>86055</v>
      </c>
      <c r="J25100" s="1" t="s">
        <v>89903</v>
      </c>
    </row>
    <row r="25101" spans="1:10" x14ac:dyDescent="0.35">
      <c r="A25101" s="1" t="s">
        <v>89838</v>
      </c>
      <c r="B25101" s="1" t="s">
        <v>86049</v>
      </c>
      <c r="C25101" s="1" t="s">
        <v>105</v>
      </c>
      <c r="D25101" s="1" t="s">
        <v>89904</v>
      </c>
      <c r="E25101" s="1" t="s">
        <v>89905</v>
      </c>
      <c r="F25101" s="1" t="s">
        <v>89906</v>
      </c>
      <c r="G25101" s="1" t="s">
        <v>89841</v>
      </c>
      <c r="H25101" s="1" t="s">
        <v>89842</v>
      </c>
      <c r="I25101" s="1" t="s">
        <v>86055</v>
      </c>
      <c r="J25101" s="1" t="s">
        <v>89907</v>
      </c>
    </row>
    <row r="25102" spans="1:10" x14ac:dyDescent="0.35">
      <c r="A25102" s="1" t="s">
        <v>89838</v>
      </c>
      <c r="B25102" s="1" t="s">
        <v>86049</v>
      </c>
      <c r="C25102" s="1" t="s">
        <v>110</v>
      </c>
      <c r="D25102" s="1" t="s">
        <v>89908</v>
      </c>
      <c r="E25102" s="1" t="s">
        <v>89909</v>
      </c>
      <c r="F25102" s="1" t="s">
        <v>89910</v>
      </c>
      <c r="G25102" s="1" t="s">
        <v>89841</v>
      </c>
      <c r="H25102" s="1" t="s">
        <v>89842</v>
      </c>
      <c r="I25102" s="1" t="s">
        <v>86055</v>
      </c>
      <c r="J25102" s="1" t="s">
        <v>89911</v>
      </c>
    </row>
    <row r="25103" spans="1:10" x14ac:dyDescent="0.35">
      <c r="A25103" s="1" t="s">
        <v>89838</v>
      </c>
      <c r="B25103" s="1" t="s">
        <v>86049</v>
      </c>
      <c r="C25103" s="1" t="s">
        <v>115</v>
      </c>
      <c r="D25103" s="1" t="s">
        <v>89912</v>
      </c>
      <c r="E25103" s="1" t="s">
        <v>89913</v>
      </c>
      <c r="F25103" s="1" t="s">
        <v>89914</v>
      </c>
      <c r="G25103" s="1" t="s">
        <v>89841</v>
      </c>
      <c r="H25103" s="1" t="s">
        <v>89842</v>
      </c>
      <c r="I25103" s="1" t="s">
        <v>86055</v>
      </c>
      <c r="J25103" s="1" t="s">
        <v>89915</v>
      </c>
    </row>
    <row r="25104" spans="1:10" x14ac:dyDescent="0.35">
      <c r="A25104" s="1" t="s">
        <v>89838</v>
      </c>
      <c r="B25104" s="1" t="s">
        <v>86049</v>
      </c>
      <c r="C25104" s="1" t="s">
        <v>120</v>
      </c>
      <c r="D25104" s="1" t="s">
        <v>52636</v>
      </c>
      <c r="E25104" s="1" t="s">
        <v>88302</v>
      </c>
      <c r="F25104" s="1" t="s">
        <v>89916</v>
      </c>
      <c r="G25104" s="1" t="s">
        <v>89841</v>
      </c>
      <c r="H25104" s="1" t="s">
        <v>89842</v>
      </c>
      <c r="I25104" s="1" t="s">
        <v>86055</v>
      </c>
      <c r="J25104" s="1" t="s">
        <v>89917</v>
      </c>
    </row>
    <row r="25105" spans="1:10" x14ac:dyDescent="0.35">
      <c r="A25105" s="1" t="s">
        <v>89838</v>
      </c>
      <c r="B25105" s="1" t="s">
        <v>86049</v>
      </c>
      <c r="C25105" s="1" t="s">
        <v>125</v>
      </c>
      <c r="D25105" s="1" t="s">
        <v>80857</v>
      </c>
      <c r="E25105" s="1" t="s">
        <v>89918</v>
      </c>
      <c r="F25105" s="1" t="s">
        <v>89919</v>
      </c>
      <c r="G25105" s="1" t="s">
        <v>89841</v>
      </c>
      <c r="H25105" s="1" t="s">
        <v>89842</v>
      </c>
      <c r="I25105" s="1" t="s">
        <v>86055</v>
      </c>
      <c r="J25105" s="1" t="s">
        <v>89920</v>
      </c>
    </row>
    <row r="25106" spans="1:10" x14ac:dyDescent="0.35">
      <c r="A25106" s="1" t="s">
        <v>89838</v>
      </c>
      <c r="B25106" s="1" t="s">
        <v>86049</v>
      </c>
      <c r="C25106" s="1" t="s">
        <v>130</v>
      </c>
      <c r="D25106" s="1" t="s">
        <v>89921</v>
      </c>
      <c r="E25106" s="1" t="s">
        <v>89922</v>
      </c>
      <c r="F25106" s="1" t="s">
        <v>89923</v>
      </c>
      <c r="G25106" s="1" t="s">
        <v>89841</v>
      </c>
      <c r="H25106" s="1" t="s">
        <v>89842</v>
      </c>
      <c r="I25106" s="1" t="s">
        <v>86055</v>
      </c>
      <c r="J25106" s="1" t="s">
        <v>89924</v>
      </c>
    </row>
    <row r="25107" spans="1:10" x14ac:dyDescent="0.35">
      <c r="A25107" s="1" t="s">
        <v>89838</v>
      </c>
      <c r="B25107" s="1" t="s">
        <v>86049</v>
      </c>
      <c r="C25107" s="1" t="s">
        <v>135</v>
      </c>
      <c r="D25107" s="1" t="s">
        <v>53479</v>
      </c>
      <c r="E25107" s="1" t="s">
        <v>89925</v>
      </c>
      <c r="F25107" s="1" t="s">
        <v>89926</v>
      </c>
      <c r="G25107" s="1" t="s">
        <v>89841</v>
      </c>
      <c r="H25107" s="1" t="s">
        <v>89842</v>
      </c>
      <c r="I25107" s="1" t="s">
        <v>86055</v>
      </c>
      <c r="J25107" s="1" t="s">
        <v>89927</v>
      </c>
    </row>
    <row r="25108" spans="1:10" x14ac:dyDescent="0.35">
      <c r="A25108" s="1" t="s">
        <v>89838</v>
      </c>
      <c r="B25108" s="1" t="s">
        <v>86049</v>
      </c>
      <c r="C25108" s="1" t="s">
        <v>140</v>
      </c>
      <c r="D25108" s="1" t="s">
        <v>68780</v>
      </c>
      <c r="E25108" s="1" t="s">
        <v>89928</v>
      </c>
      <c r="F25108" s="1" t="s">
        <v>89929</v>
      </c>
      <c r="G25108" s="1" t="s">
        <v>89841</v>
      </c>
      <c r="H25108" s="1" t="s">
        <v>89842</v>
      </c>
      <c r="I25108" s="1" t="s">
        <v>86055</v>
      </c>
      <c r="J25108" s="1" t="s">
        <v>89930</v>
      </c>
    </row>
    <row r="25109" spans="1:10" x14ac:dyDescent="0.35">
      <c r="A25109" s="1" t="s">
        <v>89838</v>
      </c>
      <c r="B25109" s="1" t="s">
        <v>86049</v>
      </c>
      <c r="C25109" s="1" t="s">
        <v>145</v>
      </c>
      <c r="D25109" s="1" t="s">
        <v>26571</v>
      </c>
      <c r="E25109" s="1" t="s">
        <v>89931</v>
      </c>
      <c r="F25109" s="1" t="s">
        <v>89932</v>
      </c>
      <c r="G25109" s="1" t="s">
        <v>89841</v>
      </c>
      <c r="H25109" s="1" t="s">
        <v>89842</v>
      </c>
      <c r="I25109" s="1" t="s">
        <v>86055</v>
      </c>
      <c r="J25109" s="1" t="s">
        <v>89933</v>
      </c>
    </row>
    <row r="25110" spans="1:10" x14ac:dyDescent="0.35">
      <c r="A25110" s="1" t="s">
        <v>89838</v>
      </c>
      <c r="B25110" s="1" t="s">
        <v>86049</v>
      </c>
      <c r="C25110" s="1" t="s">
        <v>150</v>
      </c>
      <c r="D25110" s="1" t="s">
        <v>89934</v>
      </c>
      <c r="E25110" s="1" t="s">
        <v>89935</v>
      </c>
      <c r="F25110" s="1" t="s">
        <v>89936</v>
      </c>
      <c r="G25110" s="1" t="s">
        <v>89841</v>
      </c>
      <c r="H25110" s="1" t="s">
        <v>89842</v>
      </c>
      <c r="I25110" s="1" t="s">
        <v>86055</v>
      </c>
      <c r="J25110" s="1" t="s">
        <v>89937</v>
      </c>
    </row>
    <row r="25111" spans="1:10" x14ac:dyDescent="0.35">
      <c r="A25111" s="1" t="s">
        <v>89838</v>
      </c>
      <c r="B25111" s="1" t="s">
        <v>86049</v>
      </c>
      <c r="C25111" s="1" t="s">
        <v>155</v>
      </c>
      <c r="D25111" s="1" t="s">
        <v>89938</v>
      </c>
      <c r="E25111" s="1" t="s">
        <v>89939</v>
      </c>
      <c r="F25111" s="1" t="s">
        <v>89940</v>
      </c>
      <c r="G25111" s="1" t="s">
        <v>89841</v>
      </c>
      <c r="H25111" s="1" t="s">
        <v>89842</v>
      </c>
      <c r="I25111" s="1" t="s">
        <v>86055</v>
      </c>
      <c r="J25111" s="1" t="s">
        <v>89941</v>
      </c>
    </row>
    <row r="25112" spans="1:10" x14ac:dyDescent="0.35">
      <c r="A25112" s="1" t="s">
        <v>89838</v>
      </c>
      <c r="B25112" s="1" t="s">
        <v>86049</v>
      </c>
      <c r="C25112" s="1" t="s">
        <v>160</v>
      </c>
      <c r="D25112" s="1" t="s">
        <v>85831</v>
      </c>
      <c r="E25112" s="1" t="s">
        <v>89939</v>
      </c>
      <c r="F25112" s="1" t="s">
        <v>89942</v>
      </c>
      <c r="G25112" s="1" t="s">
        <v>89841</v>
      </c>
      <c r="H25112" s="1" t="s">
        <v>89842</v>
      </c>
      <c r="I25112" s="1" t="s">
        <v>86055</v>
      </c>
      <c r="J25112" s="1" t="s">
        <v>89943</v>
      </c>
    </row>
    <row r="25113" spans="1:10" x14ac:dyDescent="0.35">
      <c r="A25113" s="1" t="s">
        <v>89838</v>
      </c>
      <c r="B25113" s="1" t="s">
        <v>86049</v>
      </c>
      <c r="C25113" s="1" t="s">
        <v>165</v>
      </c>
      <c r="D25113" s="1" t="s">
        <v>89489</v>
      </c>
      <c r="E25113" s="1" t="s">
        <v>89944</v>
      </c>
      <c r="F25113" s="1" t="s">
        <v>89945</v>
      </c>
      <c r="G25113" s="1" t="s">
        <v>89841</v>
      </c>
      <c r="H25113" s="1" t="s">
        <v>89842</v>
      </c>
      <c r="I25113" s="1" t="s">
        <v>86055</v>
      </c>
      <c r="J25113" s="1" t="s">
        <v>89946</v>
      </c>
    </row>
    <row r="25114" spans="1:10" x14ac:dyDescent="0.35">
      <c r="A25114" s="1" t="s">
        <v>89838</v>
      </c>
      <c r="B25114" s="1" t="s">
        <v>86049</v>
      </c>
      <c r="C25114" s="1" t="s">
        <v>170</v>
      </c>
      <c r="D25114" s="1" t="s">
        <v>64528</v>
      </c>
      <c r="E25114" s="1" t="s">
        <v>89947</v>
      </c>
      <c r="F25114" s="1" t="s">
        <v>89948</v>
      </c>
      <c r="G25114" s="1" t="s">
        <v>89841</v>
      </c>
      <c r="H25114" s="1" t="s">
        <v>89842</v>
      </c>
      <c r="I25114" s="1" t="s">
        <v>86055</v>
      </c>
      <c r="J25114" s="1" t="s">
        <v>89949</v>
      </c>
    </row>
    <row r="25115" spans="1:10" x14ac:dyDescent="0.35">
      <c r="A25115" s="1" t="s">
        <v>89950</v>
      </c>
      <c r="B25115" s="1" t="s">
        <v>86049</v>
      </c>
      <c r="C25115" s="1" t="s">
        <v>8</v>
      </c>
      <c r="D25115" s="1" t="s">
        <v>68231</v>
      </c>
      <c r="E25115" s="1" t="s">
        <v>89951</v>
      </c>
      <c r="F25115" s="1" t="s">
        <v>89952</v>
      </c>
      <c r="G25115" s="1" t="s">
        <v>89953</v>
      </c>
      <c r="H25115" s="1" t="s">
        <v>89954</v>
      </c>
      <c r="I25115" s="1" t="s">
        <v>86055</v>
      </c>
      <c r="J25115" s="1" t="s">
        <v>13</v>
      </c>
    </row>
    <row r="25116" spans="1:10" x14ac:dyDescent="0.35">
      <c r="A25116" s="1" t="s">
        <v>89950</v>
      </c>
      <c r="B25116" s="1" t="s">
        <v>86049</v>
      </c>
      <c r="C25116" s="1" t="s">
        <v>15</v>
      </c>
      <c r="D25116" s="1" t="s">
        <v>89955</v>
      </c>
      <c r="E25116" s="1" t="s">
        <v>89956</v>
      </c>
      <c r="F25116" s="1" t="s">
        <v>89957</v>
      </c>
      <c r="G25116" s="1" t="s">
        <v>89953</v>
      </c>
      <c r="H25116" s="1" t="s">
        <v>89954</v>
      </c>
      <c r="I25116" s="1" t="s">
        <v>86055</v>
      </c>
      <c r="J25116" s="1" t="s">
        <v>89958</v>
      </c>
    </row>
    <row r="25117" spans="1:10" x14ac:dyDescent="0.35">
      <c r="A25117" s="1" t="s">
        <v>89950</v>
      </c>
      <c r="B25117" s="1" t="s">
        <v>86049</v>
      </c>
      <c r="C25117" s="1" t="s">
        <v>20</v>
      </c>
      <c r="D25117" s="1" t="s">
        <v>89959</v>
      </c>
      <c r="E25117" s="1" t="s">
        <v>89960</v>
      </c>
      <c r="F25117" s="1" t="s">
        <v>89961</v>
      </c>
      <c r="G25117" s="1" t="s">
        <v>89953</v>
      </c>
      <c r="H25117" s="1" t="s">
        <v>89954</v>
      </c>
      <c r="I25117" s="1" t="s">
        <v>86055</v>
      </c>
      <c r="J25117" s="1" t="s">
        <v>89962</v>
      </c>
    </row>
    <row r="25118" spans="1:10" x14ac:dyDescent="0.35">
      <c r="A25118" s="1" t="s">
        <v>89950</v>
      </c>
      <c r="B25118" s="1" t="s">
        <v>86049</v>
      </c>
      <c r="C25118" s="1" t="s">
        <v>25</v>
      </c>
      <c r="D25118" s="1" t="s">
        <v>68208</v>
      </c>
      <c r="E25118" s="1" t="s">
        <v>89963</v>
      </c>
      <c r="F25118" s="1" t="s">
        <v>89964</v>
      </c>
      <c r="G25118" s="1" t="s">
        <v>89953</v>
      </c>
      <c r="H25118" s="1" t="s">
        <v>89954</v>
      </c>
      <c r="I25118" s="1" t="s">
        <v>86055</v>
      </c>
      <c r="J25118" s="1" t="s">
        <v>89965</v>
      </c>
    </row>
    <row r="25119" spans="1:10" x14ac:dyDescent="0.35">
      <c r="A25119" s="1" t="s">
        <v>89950</v>
      </c>
      <c r="B25119" s="1" t="s">
        <v>86049</v>
      </c>
      <c r="C25119" s="1" t="s">
        <v>30</v>
      </c>
      <c r="D25119" s="1" t="s">
        <v>3292</v>
      </c>
      <c r="E25119" s="1" t="s">
        <v>89966</v>
      </c>
      <c r="F25119" s="1" t="s">
        <v>89967</v>
      </c>
      <c r="G25119" s="1" t="s">
        <v>89953</v>
      </c>
      <c r="H25119" s="1" t="s">
        <v>89954</v>
      </c>
      <c r="I25119" s="1" t="s">
        <v>86055</v>
      </c>
      <c r="J25119" s="1" t="s">
        <v>89968</v>
      </c>
    </row>
    <row r="25120" spans="1:10" x14ac:dyDescent="0.35">
      <c r="A25120" s="1" t="s">
        <v>89950</v>
      </c>
      <c r="B25120" s="1" t="s">
        <v>86049</v>
      </c>
      <c r="C25120" s="1" t="s">
        <v>35</v>
      </c>
      <c r="D25120" s="1" t="s">
        <v>89969</v>
      </c>
      <c r="E25120" s="1" t="s">
        <v>89970</v>
      </c>
      <c r="F25120" s="1" t="s">
        <v>89971</v>
      </c>
      <c r="G25120" s="1" t="s">
        <v>89953</v>
      </c>
      <c r="H25120" s="1" t="s">
        <v>89954</v>
      </c>
      <c r="I25120" s="1" t="s">
        <v>86055</v>
      </c>
      <c r="J25120" s="1" t="s">
        <v>89972</v>
      </c>
    </row>
    <row r="25121" spans="1:10" x14ac:dyDescent="0.35">
      <c r="A25121" s="1" t="s">
        <v>89950</v>
      </c>
      <c r="B25121" s="1" t="s">
        <v>86049</v>
      </c>
      <c r="C25121" s="1" t="s">
        <v>40</v>
      </c>
      <c r="D25121" s="1" t="s">
        <v>89973</v>
      </c>
      <c r="E25121" s="1" t="s">
        <v>89974</v>
      </c>
      <c r="F25121" s="1" t="s">
        <v>89975</v>
      </c>
      <c r="G25121" s="1" t="s">
        <v>89953</v>
      </c>
      <c r="H25121" s="1" t="s">
        <v>89954</v>
      </c>
      <c r="I25121" s="1" t="s">
        <v>86055</v>
      </c>
      <c r="J25121" s="1" t="s">
        <v>89976</v>
      </c>
    </row>
    <row r="25122" spans="1:10" x14ac:dyDescent="0.35">
      <c r="A25122" s="1" t="s">
        <v>89950</v>
      </c>
      <c r="B25122" s="1" t="s">
        <v>86049</v>
      </c>
      <c r="C25122" s="1" t="s">
        <v>45</v>
      </c>
      <c r="D25122" s="1" t="s">
        <v>70542</v>
      </c>
      <c r="E25122" s="1" t="s">
        <v>89977</v>
      </c>
      <c r="F25122" s="1" t="s">
        <v>89978</v>
      </c>
      <c r="G25122" s="1" t="s">
        <v>89953</v>
      </c>
      <c r="H25122" s="1" t="s">
        <v>89954</v>
      </c>
      <c r="I25122" s="1" t="s">
        <v>86055</v>
      </c>
      <c r="J25122" s="1" t="s">
        <v>89979</v>
      </c>
    </row>
    <row r="25123" spans="1:10" x14ac:dyDescent="0.35">
      <c r="A25123" s="1" t="s">
        <v>89950</v>
      </c>
      <c r="B25123" s="1" t="s">
        <v>86049</v>
      </c>
      <c r="C25123" s="1" t="s">
        <v>50</v>
      </c>
      <c r="D25123" s="1" t="s">
        <v>89980</v>
      </c>
      <c r="E25123" s="1" t="s">
        <v>89981</v>
      </c>
      <c r="F25123" s="1" t="s">
        <v>89982</v>
      </c>
      <c r="G25123" s="1" t="s">
        <v>89953</v>
      </c>
      <c r="H25123" s="1" t="s">
        <v>89954</v>
      </c>
      <c r="I25123" s="1" t="s">
        <v>86055</v>
      </c>
      <c r="J25123" s="1" t="s">
        <v>89983</v>
      </c>
    </row>
    <row r="25124" spans="1:10" x14ac:dyDescent="0.35">
      <c r="A25124" s="1" t="s">
        <v>89950</v>
      </c>
      <c r="B25124" s="1" t="s">
        <v>86049</v>
      </c>
      <c r="C25124" s="1" t="s">
        <v>55</v>
      </c>
      <c r="D25124" s="1" t="s">
        <v>89984</v>
      </c>
      <c r="E25124" s="1" t="s">
        <v>89985</v>
      </c>
      <c r="F25124" s="1" t="s">
        <v>89986</v>
      </c>
      <c r="G25124" s="1" t="s">
        <v>89953</v>
      </c>
      <c r="H25124" s="1" t="s">
        <v>89954</v>
      </c>
      <c r="I25124" s="1" t="s">
        <v>86055</v>
      </c>
      <c r="J25124" s="1" t="s">
        <v>89987</v>
      </c>
    </row>
    <row r="25125" spans="1:10" x14ac:dyDescent="0.35">
      <c r="A25125" s="1" t="s">
        <v>89950</v>
      </c>
      <c r="B25125" s="1" t="s">
        <v>86049</v>
      </c>
      <c r="C25125" s="1" t="s">
        <v>60</v>
      </c>
      <c r="D25125" s="1" t="s">
        <v>62024</v>
      </c>
      <c r="E25125" s="1" t="s">
        <v>89988</v>
      </c>
      <c r="F25125" s="1" t="s">
        <v>89989</v>
      </c>
      <c r="G25125" s="1" t="s">
        <v>89953</v>
      </c>
      <c r="H25125" s="1" t="s">
        <v>89954</v>
      </c>
      <c r="I25125" s="1" t="s">
        <v>86055</v>
      </c>
      <c r="J25125" s="1" t="s">
        <v>89990</v>
      </c>
    </row>
    <row r="25126" spans="1:10" x14ac:dyDescent="0.35">
      <c r="A25126" s="1" t="s">
        <v>89950</v>
      </c>
      <c r="B25126" s="1" t="s">
        <v>86049</v>
      </c>
      <c r="C25126" s="1" t="s">
        <v>65</v>
      </c>
      <c r="D25126" s="1" t="s">
        <v>56157</v>
      </c>
      <c r="E25126" s="1" t="s">
        <v>89991</v>
      </c>
      <c r="F25126" s="1" t="s">
        <v>89992</v>
      </c>
      <c r="G25126" s="1" t="s">
        <v>89953</v>
      </c>
      <c r="H25126" s="1" t="s">
        <v>89954</v>
      </c>
      <c r="I25126" s="1" t="s">
        <v>86055</v>
      </c>
      <c r="J25126" s="1" t="s">
        <v>89993</v>
      </c>
    </row>
    <row r="25127" spans="1:10" x14ac:dyDescent="0.35">
      <c r="A25127" s="1" t="s">
        <v>89950</v>
      </c>
      <c r="B25127" s="1" t="s">
        <v>86049</v>
      </c>
      <c r="C25127" s="1" t="s">
        <v>70</v>
      </c>
      <c r="D25127" s="1" t="s">
        <v>89994</v>
      </c>
      <c r="E25127" s="1" t="s">
        <v>89995</v>
      </c>
      <c r="F25127" s="1" t="s">
        <v>89996</v>
      </c>
      <c r="G25127" s="1" t="s">
        <v>89953</v>
      </c>
      <c r="H25127" s="1" t="s">
        <v>89954</v>
      </c>
      <c r="I25127" s="1" t="s">
        <v>86055</v>
      </c>
      <c r="J25127" s="1" t="s">
        <v>89997</v>
      </c>
    </row>
    <row r="25128" spans="1:10" x14ac:dyDescent="0.35">
      <c r="A25128" s="1" t="s">
        <v>89950</v>
      </c>
      <c r="B25128" s="1" t="s">
        <v>86049</v>
      </c>
      <c r="C25128" s="1" t="s">
        <v>75</v>
      </c>
      <c r="D25128" s="1" t="s">
        <v>89998</v>
      </c>
      <c r="E25128" s="1" t="s">
        <v>89999</v>
      </c>
      <c r="F25128" s="1" t="s">
        <v>90000</v>
      </c>
      <c r="G25128" s="1" t="s">
        <v>89953</v>
      </c>
      <c r="H25128" s="1" t="s">
        <v>89954</v>
      </c>
      <c r="I25128" s="1" t="s">
        <v>86055</v>
      </c>
      <c r="J25128" s="1" t="s">
        <v>90001</v>
      </c>
    </row>
    <row r="25129" spans="1:10" x14ac:dyDescent="0.35">
      <c r="A25129" s="1" t="s">
        <v>89950</v>
      </c>
      <c r="B25129" s="1" t="s">
        <v>86049</v>
      </c>
      <c r="C25129" s="1" t="s">
        <v>80</v>
      </c>
      <c r="D25129" s="1" t="s">
        <v>90002</v>
      </c>
      <c r="E25129" s="1" t="s">
        <v>90003</v>
      </c>
      <c r="F25129" s="1" t="s">
        <v>90004</v>
      </c>
      <c r="G25129" s="1" t="s">
        <v>89953</v>
      </c>
      <c r="H25129" s="1" t="s">
        <v>89954</v>
      </c>
      <c r="I25129" s="1" t="s">
        <v>86055</v>
      </c>
      <c r="J25129" s="1" t="s">
        <v>90005</v>
      </c>
    </row>
    <row r="25130" spans="1:10" x14ac:dyDescent="0.35">
      <c r="A25130" s="1" t="s">
        <v>89950</v>
      </c>
      <c r="B25130" s="1" t="s">
        <v>86049</v>
      </c>
      <c r="C25130" s="1" t="s">
        <v>85</v>
      </c>
      <c r="D25130" s="1" t="s">
        <v>77621</v>
      </c>
      <c r="E25130" s="1" t="s">
        <v>90006</v>
      </c>
      <c r="F25130" s="1" t="s">
        <v>90007</v>
      </c>
      <c r="G25130" s="1" t="s">
        <v>89953</v>
      </c>
      <c r="H25130" s="1" t="s">
        <v>89954</v>
      </c>
      <c r="I25130" s="1" t="s">
        <v>86055</v>
      </c>
      <c r="J25130" s="1" t="s">
        <v>90008</v>
      </c>
    </row>
    <row r="25131" spans="1:10" x14ac:dyDescent="0.35">
      <c r="A25131" s="1" t="s">
        <v>89950</v>
      </c>
      <c r="B25131" s="1" t="s">
        <v>86049</v>
      </c>
      <c r="C25131" s="1" t="s">
        <v>90</v>
      </c>
      <c r="D25131" s="1" t="s">
        <v>90009</v>
      </c>
      <c r="E25131" s="1" t="s">
        <v>90010</v>
      </c>
      <c r="F25131" s="1" t="s">
        <v>90011</v>
      </c>
      <c r="G25131" s="1" t="s">
        <v>89953</v>
      </c>
      <c r="H25131" s="1" t="s">
        <v>89954</v>
      </c>
      <c r="I25131" s="1" t="s">
        <v>86055</v>
      </c>
      <c r="J25131" s="1" t="s">
        <v>90012</v>
      </c>
    </row>
    <row r="25132" spans="1:10" x14ac:dyDescent="0.35">
      <c r="A25132" s="1" t="s">
        <v>89950</v>
      </c>
      <c r="B25132" s="1" t="s">
        <v>86049</v>
      </c>
      <c r="C25132" s="1" t="s">
        <v>95</v>
      </c>
      <c r="D25132" s="1" t="s">
        <v>58659</v>
      </c>
      <c r="E25132" s="1" t="s">
        <v>90013</v>
      </c>
      <c r="F25132" s="1" t="s">
        <v>90014</v>
      </c>
      <c r="G25132" s="1" t="s">
        <v>89953</v>
      </c>
      <c r="H25132" s="1" t="s">
        <v>89954</v>
      </c>
      <c r="I25132" s="1" t="s">
        <v>86055</v>
      </c>
      <c r="J25132" s="1" t="s">
        <v>90015</v>
      </c>
    </row>
    <row r="25133" spans="1:10" x14ac:dyDescent="0.35">
      <c r="A25133" s="1" t="s">
        <v>89950</v>
      </c>
      <c r="B25133" s="1" t="s">
        <v>86049</v>
      </c>
      <c r="C25133" s="1" t="s">
        <v>100</v>
      </c>
      <c r="D25133" s="1" t="s">
        <v>90016</v>
      </c>
      <c r="E25133" s="1" t="s">
        <v>90017</v>
      </c>
      <c r="F25133" s="1" t="s">
        <v>90018</v>
      </c>
      <c r="G25133" s="1" t="s">
        <v>89953</v>
      </c>
      <c r="H25133" s="1" t="s">
        <v>89954</v>
      </c>
      <c r="I25133" s="1" t="s">
        <v>86055</v>
      </c>
      <c r="J25133" s="1" t="s">
        <v>90019</v>
      </c>
    </row>
    <row r="25134" spans="1:10" x14ac:dyDescent="0.35">
      <c r="A25134" s="1" t="s">
        <v>89950</v>
      </c>
      <c r="B25134" s="1" t="s">
        <v>86049</v>
      </c>
      <c r="C25134" s="1" t="s">
        <v>105</v>
      </c>
      <c r="D25134" s="1" t="s">
        <v>90020</v>
      </c>
      <c r="E25134" s="1" t="s">
        <v>90021</v>
      </c>
      <c r="F25134" s="1" t="s">
        <v>90022</v>
      </c>
      <c r="G25134" s="1" t="s">
        <v>89953</v>
      </c>
      <c r="H25134" s="1" t="s">
        <v>89954</v>
      </c>
      <c r="I25134" s="1" t="s">
        <v>86055</v>
      </c>
      <c r="J25134" s="1" t="s">
        <v>90023</v>
      </c>
    </row>
    <row r="25135" spans="1:10" x14ac:dyDescent="0.35">
      <c r="A25135" s="1" t="s">
        <v>89950</v>
      </c>
      <c r="B25135" s="1" t="s">
        <v>86049</v>
      </c>
      <c r="C25135" s="1" t="s">
        <v>110</v>
      </c>
      <c r="D25135" s="1" t="s">
        <v>90024</v>
      </c>
      <c r="E25135" s="1" t="s">
        <v>90025</v>
      </c>
      <c r="F25135" s="1" t="s">
        <v>90026</v>
      </c>
      <c r="G25135" s="1" t="s">
        <v>89953</v>
      </c>
      <c r="H25135" s="1" t="s">
        <v>89954</v>
      </c>
      <c r="I25135" s="1" t="s">
        <v>86055</v>
      </c>
      <c r="J25135" s="1" t="s">
        <v>90027</v>
      </c>
    </row>
    <row r="25136" spans="1:10" x14ac:dyDescent="0.35">
      <c r="A25136" s="1" t="s">
        <v>89950</v>
      </c>
      <c r="B25136" s="1" t="s">
        <v>86049</v>
      </c>
      <c r="C25136" s="1" t="s">
        <v>115</v>
      </c>
      <c r="D25136" s="1" t="s">
        <v>90028</v>
      </c>
      <c r="E25136" s="1" t="s">
        <v>90029</v>
      </c>
      <c r="F25136" s="1" t="s">
        <v>90030</v>
      </c>
      <c r="G25136" s="1" t="s">
        <v>89953</v>
      </c>
      <c r="H25136" s="1" t="s">
        <v>89954</v>
      </c>
      <c r="I25136" s="1" t="s">
        <v>86055</v>
      </c>
      <c r="J25136" s="1" t="s">
        <v>90031</v>
      </c>
    </row>
    <row r="25137" spans="1:10" x14ac:dyDescent="0.35">
      <c r="A25137" s="1" t="s">
        <v>89950</v>
      </c>
      <c r="B25137" s="1" t="s">
        <v>86049</v>
      </c>
      <c r="C25137" s="1" t="s">
        <v>120</v>
      </c>
      <c r="D25137" s="1" t="s">
        <v>90032</v>
      </c>
      <c r="E25137" s="1" t="s">
        <v>90033</v>
      </c>
      <c r="F25137" s="1" t="s">
        <v>90034</v>
      </c>
      <c r="G25137" s="1" t="s">
        <v>89953</v>
      </c>
      <c r="H25137" s="1" t="s">
        <v>89954</v>
      </c>
      <c r="I25137" s="1" t="s">
        <v>86055</v>
      </c>
      <c r="J25137" s="1" t="s">
        <v>90035</v>
      </c>
    </row>
    <row r="25138" spans="1:10" x14ac:dyDescent="0.35">
      <c r="A25138" s="1" t="s">
        <v>89950</v>
      </c>
      <c r="B25138" s="1" t="s">
        <v>86049</v>
      </c>
      <c r="C25138" s="1" t="s">
        <v>125</v>
      </c>
      <c r="D25138" s="1" t="s">
        <v>90036</v>
      </c>
      <c r="E25138" s="1" t="s">
        <v>90037</v>
      </c>
      <c r="F25138" s="1" t="s">
        <v>90038</v>
      </c>
      <c r="G25138" s="1" t="s">
        <v>89953</v>
      </c>
      <c r="H25138" s="1" t="s">
        <v>89954</v>
      </c>
      <c r="I25138" s="1" t="s">
        <v>86055</v>
      </c>
      <c r="J25138" s="1" t="s">
        <v>90039</v>
      </c>
    </row>
    <row r="25139" spans="1:10" x14ac:dyDescent="0.35">
      <c r="A25139" s="1" t="s">
        <v>89950</v>
      </c>
      <c r="B25139" s="1" t="s">
        <v>86049</v>
      </c>
      <c r="C25139" s="1" t="s">
        <v>130</v>
      </c>
      <c r="D25139" s="1" t="s">
        <v>90040</v>
      </c>
      <c r="E25139" s="1" t="s">
        <v>90041</v>
      </c>
      <c r="F25139" s="1" t="s">
        <v>90042</v>
      </c>
      <c r="G25139" s="1" t="s">
        <v>89953</v>
      </c>
      <c r="H25139" s="1" t="s">
        <v>89954</v>
      </c>
      <c r="I25139" s="1" t="s">
        <v>86055</v>
      </c>
      <c r="J25139" s="1" t="s">
        <v>90043</v>
      </c>
    </row>
    <row r="25140" spans="1:10" x14ac:dyDescent="0.35">
      <c r="A25140" s="1" t="s">
        <v>89950</v>
      </c>
      <c r="B25140" s="1" t="s">
        <v>86049</v>
      </c>
      <c r="C25140" s="1" t="s">
        <v>135</v>
      </c>
      <c r="D25140" s="1" t="s">
        <v>90044</v>
      </c>
      <c r="E25140" s="1" t="s">
        <v>90045</v>
      </c>
      <c r="F25140" s="1" t="s">
        <v>90046</v>
      </c>
      <c r="G25140" s="1" t="s">
        <v>89953</v>
      </c>
      <c r="H25140" s="1" t="s">
        <v>89954</v>
      </c>
      <c r="I25140" s="1" t="s">
        <v>86055</v>
      </c>
      <c r="J25140" s="1" t="s">
        <v>90047</v>
      </c>
    </row>
    <row r="25141" spans="1:10" x14ac:dyDescent="0.35">
      <c r="A25141" s="1" t="s">
        <v>89950</v>
      </c>
      <c r="B25141" s="1" t="s">
        <v>86049</v>
      </c>
      <c r="C25141" s="1" t="s">
        <v>140</v>
      </c>
      <c r="D25141" s="1" t="s">
        <v>90048</v>
      </c>
      <c r="E25141" s="1" t="s">
        <v>90049</v>
      </c>
      <c r="F25141" s="1" t="s">
        <v>90050</v>
      </c>
      <c r="G25141" s="1" t="s">
        <v>89953</v>
      </c>
      <c r="H25141" s="1" t="s">
        <v>89954</v>
      </c>
      <c r="I25141" s="1" t="s">
        <v>86055</v>
      </c>
      <c r="J25141" s="1" t="s">
        <v>90051</v>
      </c>
    </row>
    <row r="25142" spans="1:10" x14ac:dyDescent="0.35">
      <c r="A25142" s="1" t="s">
        <v>89950</v>
      </c>
      <c r="B25142" s="1" t="s">
        <v>86049</v>
      </c>
      <c r="C25142" s="1" t="s">
        <v>145</v>
      </c>
      <c r="D25142" s="1" t="s">
        <v>90052</v>
      </c>
      <c r="E25142" s="1" t="s">
        <v>90053</v>
      </c>
      <c r="F25142" s="1" t="s">
        <v>90054</v>
      </c>
      <c r="G25142" s="1" t="s">
        <v>89953</v>
      </c>
      <c r="H25142" s="1" t="s">
        <v>89954</v>
      </c>
      <c r="I25142" s="1" t="s">
        <v>86055</v>
      </c>
      <c r="J25142" s="1" t="s">
        <v>90055</v>
      </c>
    </row>
    <row r="25143" spans="1:10" x14ac:dyDescent="0.35">
      <c r="A25143" s="1" t="s">
        <v>89950</v>
      </c>
      <c r="B25143" s="1" t="s">
        <v>86049</v>
      </c>
      <c r="C25143" s="1" t="s">
        <v>150</v>
      </c>
      <c r="D25143" s="1" t="s">
        <v>41577</v>
      </c>
      <c r="E25143" s="1" t="s">
        <v>90056</v>
      </c>
      <c r="F25143" s="1" t="s">
        <v>90057</v>
      </c>
      <c r="G25143" s="1" t="s">
        <v>89953</v>
      </c>
      <c r="H25143" s="1" t="s">
        <v>89954</v>
      </c>
      <c r="I25143" s="1" t="s">
        <v>86055</v>
      </c>
      <c r="J25143" s="1" t="s">
        <v>90058</v>
      </c>
    </row>
    <row r="25144" spans="1:10" x14ac:dyDescent="0.35">
      <c r="A25144" s="1" t="s">
        <v>89950</v>
      </c>
      <c r="B25144" s="1" t="s">
        <v>86049</v>
      </c>
      <c r="C25144" s="1" t="s">
        <v>155</v>
      </c>
      <c r="D25144" s="1" t="s">
        <v>90059</v>
      </c>
      <c r="E25144" s="1" t="s">
        <v>90060</v>
      </c>
      <c r="F25144" s="1" t="s">
        <v>90061</v>
      </c>
      <c r="G25144" s="1" t="s">
        <v>89953</v>
      </c>
      <c r="H25144" s="1" t="s">
        <v>89954</v>
      </c>
      <c r="I25144" s="1" t="s">
        <v>86055</v>
      </c>
      <c r="J25144" s="1" t="s">
        <v>90062</v>
      </c>
    </row>
    <row r="25145" spans="1:10" x14ac:dyDescent="0.35">
      <c r="A25145" s="1" t="s">
        <v>89950</v>
      </c>
      <c r="B25145" s="1" t="s">
        <v>86049</v>
      </c>
      <c r="C25145" s="1" t="s">
        <v>160</v>
      </c>
      <c r="D25145" s="1" t="s">
        <v>90063</v>
      </c>
      <c r="E25145" s="1" t="s">
        <v>90064</v>
      </c>
      <c r="F25145" s="1" t="s">
        <v>90065</v>
      </c>
      <c r="G25145" s="1" t="s">
        <v>89953</v>
      </c>
      <c r="H25145" s="1" t="s">
        <v>89954</v>
      </c>
      <c r="I25145" s="1" t="s">
        <v>86055</v>
      </c>
      <c r="J25145" s="1" t="s">
        <v>90066</v>
      </c>
    </row>
    <row r="25146" spans="1:10" x14ac:dyDescent="0.35">
      <c r="A25146" s="1" t="s">
        <v>89950</v>
      </c>
      <c r="B25146" s="1" t="s">
        <v>86049</v>
      </c>
      <c r="C25146" s="1" t="s">
        <v>165</v>
      </c>
      <c r="D25146" s="1" t="s">
        <v>90067</v>
      </c>
      <c r="E25146" s="1" t="s">
        <v>90068</v>
      </c>
      <c r="F25146" s="1" t="s">
        <v>90069</v>
      </c>
      <c r="G25146" s="1" t="s">
        <v>89953</v>
      </c>
      <c r="H25146" s="1" t="s">
        <v>89954</v>
      </c>
      <c r="I25146" s="1" t="s">
        <v>86055</v>
      </c>
      <c r="J25146" s="1" t="s">
        <v>90070</v>
      </c>
    </row>
    <row r="25147" spans="1:10" x14ac:dyDescent="0.35">
      <c r="A25147" s="1" t="s">
        <v>89950</v>
      </c>
      <c r="B25147" s="1" t="s">
        <v>86049</v>
      </c>
      <c r="C25147" s="1" t="s">
        <v>170</v>
      </c>
      <c r="D25147" s="1" t="s">
        <v>90071</v>
      </c>
      <c r="E25147" s="1" t="s">
        <v>90072</v>
      </c>
      <c r="F25147" s="1" t="s">
        <v>90073</v>
      </c>
      <c r="G25147" s="1" t="s">
        <v>89953</v>
      </c>
      <c r="H25147" s="1" t="s">
        <v>89954</v>
      </c>
      <c r="I25147" s="1" t="s">
        <v>86055</v>
      </c>
      <c r="J25147" s="1" t="s">
        <v>90074</v>
      </c>
    </row>
    <row r="25148" spans="1:10" x14ac:dyDescent="0.35">
      <c r="A25148" s="1" t="s">
        <v>2274</v>
      </c>
      <c r="B25148" s="1" t="s">
        <v>86049</v>
      </c>
      <c r="C25148" s="1" t="s">
        <v>8</v>
      </c>
      <c r="D25148" s="1" t="s">
        <v>68006</v>
      </c>
      <c r="E25148" s="1" t="s">
        <v>90075</v>
      </c>
      <c r="F25148" s="1" t="s">
        <v>90076</v>
      </c>
      <c r="G25148" s="1" t="s">
        <v>90077</v>
      </c>
      <c r="H25148" s="1" t="s">
        <v>90078</v>
      </c>
      <c r="I25148" s="1" t="s">
        <v>86055</v>
      </c>
      <c r="J25148" s="1" t="s">
        <v>13</v>
      </c>
    </row>
    <row r="25149" spans="1:10" x14ac:dyDescent="0.35">
      <c r="A25149" s="1" t="s">
        <v>2274</v>
      </c>
      <c r="B25149" s="1" t="s">
        <v>86049</v>
      </c>
      <c r="C25149" s="1" t="s">
        <v>15</v>
      </c>
      <c r="D25149" s="1" t="s">
        <v>81826</v>
      </c>
      <c r="E25149" s="1" t="s">
        <v>90079</v>
      </c>
      <c r="F25149" s="1" t="s">
        <v>90080</v>
      </c>
      <c r="G25149" s="1" t="s">
        <v>90077</v>
      </c>
      <c r="H25149" s="1" t="s">
        <v>90078</v>
      </c>
      <c r="I25149" s="1" t="s">
        <v>86055</v>
      </c>
      <c r="J25149" s="1" t="s">
        <v>90081</v>
      </c>
    </row>
    <row r="25150" spans="1:10" x14ac:dyDescent="0.35">
      <c r="A25150" s="1" t="s">
        <v>2274</v>
      </c>
      <c r="B25150" s="1" t="s">
        <v>86049</v>
      </c>
      <c r="C25150" s="1" t="s">
        <v>20</v>
      </c>
      <c r="D25150" s="1" t="s">
        <v>90082</v>
      </c>
      <c r="E25150" s="1" t="s">
        <v>90083</v>
      </c>
      <c r="F25150" s="1" t="s">
        <v>90084</v>
      </c>
      <c r="G25150" s="1" t="s">
        <v>90077</v>
      </c>
      <c r="H25150" s="1" t="s">
        <v>90078</v>
      </c>
      <c r="I25150" s="1" t="s">
        <v>86055</v>
      </c>
      <c r="J25150" s="1" t="s">
        <v>90085</v>
      </c>
    </row>
    <row r="25151" spans="1:10" x14ac:dyDescent="0.35">
      <c r="A25151" s="1" t="s">
        <v>2274</v>
      </c>
      <c r="B25151" s="1" t="s">
        <v>86049</v>
      </c>
      <c r="C25151" s="1" t="s">
        <v>25</v>
      </c>
      <c r="D25151" s="1" t="s">
        <v>90086</v>
      </c>
      <c r="E25151" s="1" t="s">
        <v>90087</v>
      </c>
      <c r="F25151" s="1" t="s">
        <v>90088</v>
      </c>
      <c r="G25151" s="1" t="s">
        <v>90077</v>
      </c>
      <c r="H25151" s="1" t="s">
        <v>90078</v>
      </c>
      <c r="I25151" s="1" t="s">
        <v>86055</v>
      </c>
      <c r="J25151" s="1" t="s">
        <v>90089</v>
      </c>
    </row>
    <row r="25152" spans="1:10" x14ac:dyDescent="0.35">
      <c r="A25152" s="1" t="s">
        <v>2274</v>
      </c>
      <c r="B25152" s="1" t="s">
        <v>86049</v>
      </c>
      <c r="C25152" s="1" t="s">
        <v>30</v>
      </c>
      <c r="D25152" s="1" t="s">
        <v>90090</v>
      </c>
      <c r="E25152" s="1" t="s">
        <v>90091</v>
      </c>
      <c r="F25152" s="1" t="s">
        <v>90092</v>
      </c>
      <c r="G25152" s="1" t="s">
        <v>90077</v>
      </c>
      <c r="H25152" s="1" t="s">
        <v>90078</v>
      </c>
      <c r="I25152" s="1" t="s">
        <v>86055</v>
      </c>
      <c r="J25152" s="1" t="s">
        <v>90093</v>
      </c>
    </row>
    <row r="25153" spans="1:10" x14ac:dyDescent="0.35">
      <c r="A25153" s="1" t="s">
        <v>2274</v>
      </c>
      <c r="B25153" s="1" t="s">
        <v>86049</v>
      </c>
      <c r="C25153" s="1" t="s">
        <v>35</v>
      </c>
      <c r="D25153" s="1" t="s">
        <v>26412</v>
      </c>
      <c r="E25153" s="1" t="s">
        <v>90094</v>
      </c>
      <c r="F25153" s="1" t="s">
        <v>90095</v>
      </c>
      <c r="G25153" s="1" t="s">
        <v>90077</v>
      </c>
      <c r="H25153" s="1" t="s">
        <v>90078</v>
      </c>
      <c r="I25153" s="1" t="s">
        <v>86055</v>
      </c>
      <c r="J25153" s="1" t="s">
        <v>90096</v>
      </c>
    </row>
    <row r="25154" spans="1:10" x14ac:dyDescent="0.35">
      <c r="A25154" s="1" t="s">
        <v>2274</v>
      </c>
      <c r="B25154" s="1" t="s">
        <v>86049</v>
      </c>
      <c r="C25154" s="1" t="s">
        <v>40</v>
      </c>
      <c r="D25154" s="1" t="s">
        <v>60447</v>
      </c>
      <c r="E25154" s="1" t="s">
        <v>90097</v>
      </c>
      <c r="F25154" s="1" t="s">
        <v>90098</v>
      </c>
      <c r="G25154" s="1" t="s">
        <v>90077</v>
      </c>
      <c r="H25154" s="1" t="s">
        <v>90078</v>
      </c>
      <c r="I25154" s="1" t="s">
        <v>86055</v>
      </c>
      <c r="J25154" s="1" t="s">
        <v>90099</v>
      </c>
    </row>
    <row r="25155" spans="1:10" x14ac:dyDescent="0.35">
      <c r="A25155" s="1" t="s">
        <v>2274</v>
      </c>
      <c r="B25155" s="1" t="s">
        <v>86049</v>
      </c>
      <c r="C25155" s="1" t="s">
        <v>45</v>
      </c>
      <c r="D25155" s="1" t="s">
        <v>87496</v>
      </c>
      <c r="E25155" s="1" t="s">
        <v>90100</v>
      </c>
      <c r="F25155" s="1" t="s">
        <v>90101</v>
      </c>
      <c r="G25155" s="1" t="s">
        <v>90077</v>
      </c>
      <c r="H25155" s="1" t="s">
        <v>90078</v>
      </c>
      <c r="I25155" s="1" t="s">
        <v>86055</v>
      </c>
      <c r="J25155" s="1" t="s">
        <v>90102</v>
      </c>
    </row>
    <row r="25156" spans="1:10" x14ac:dyDescent="0.35">
      <c r="A25156" s="1" t="s">
        <v>2274</v>
      </c>
      <c r="B25156" s="1" t="s">
        <v>86049</v>
      </c>
      <c r="C25156" s="1" t="s">
        <v>50</v>
      </c>
      <c r="D25156" s="1" t="s">
        <v>90103</v>
      </c>
      <c r="E25156" s="1" t="s">
        <v>90104</v>
      </c>
      <c r="F25156" s="1" t="s">
        <v>90105</v>
      </c>
      <c r="G25156" s="1" t="s">
        <v>90077</v>
      </c>
      <c r="H25156" s="1" t="s">
        <v>90078</v>
      </c>
      <c r="I25156" s="1" t="s">
        <v>86055</v>
      </c>
      <c r="J25156" s="1" t="s">
        <v>90106</v>
      </c>
    </row>
    <row r="25157" spans="1:10" x14ac:dyDescent="0.35">
      <c r="A25157" s="1" t="s">
        <v>2274</v>
      </c>
      <c r="B25157" s="1" t="s">
        <v>86049</v>
      </c>
      <c r="C25157" s="1" t="s">
        <v>55</v>
      </c>
      <c r="D25157" s="1" t="s">
        <v>90107</v>
      </c>
      <c r="E25157" s="1" t="s">
        <v>90108</v>
      </c>
      <c r="F25157" s="1" t="s">
        <v>90109</v>
      </c>
      <c r="G25157" s="1" t="s">
        <v>90077</v>
      </c>
      <c r="H25157" s="1" t="s">
        <v>90078</v>
      </c>
      <c r="I25157" s="1" t="s">
        <v>86055</v>
      </c>
      <c r="J25157" s="1" t="s">
        <v>90110</v>
      </c>
    </row>
    <row r="25158" spans="1:10" x14ac:dyDescent="0.35">
      <c r="A25158" s="1" t="s">
        <v>2274</v>
      </c>
      <c r="B25158" s="1" t="s">
        <v>86049</v>
      </c>
      <c r="C25158" s="1" t="s">
        <v>60</v>
      </c>
      <c r="D25158" s="1" t="s">
        <v>60487</v>
      </c>
      <c r="E25158" s="1" t="s">
        <v>90111</v>
      </c>
      <c r="F25158" s="1" t="s">
        <v>90112</v>
      </c>
      <c r="G25158" s="1" t="s">
        <v>90077</v>
      </c>
      <c r="H25158" s="1" t="s">
        <v>90078</v>
      </c>
      <c r="I25158" s="1" t="s">
        <v>86055</v>
      </c>
      <c r="J25158" s="1" t="s">
        <v>90113</v>
      </c>
    </row>
    <row r="25159" spans="1:10" x14ac:dyDescent="0.35">
      <c r="A25159" s="1" t="s">
        <v>2274</v>
      </c>
      <c r="B25159" s="1" t="s">
        <v>86049</v>
      </c>
      <c r="C25159" s="1" t="s">
        <v>65</v>
      </c>
      <c r="D25159" s="1" t="s">
        <v>62980</v>
      </c>
      <c r="E25159" s="1" t="s">
        <v>90114</v>
      </c>
      <c r="F25159" s="1" t="s">
        <v>90115</v>
      </c>
      <c r="G25159" s="1" t="s">
        <v>90077</v>
      </c>
      <c r="H25159" s="1" t="s">
        <v>90078</v>
      </c>
      <c r="I25159" s="1" t="s">
        <v>86055</v>
      </c>
      <c r="J25159" s="1" t="s">
        <v>90116</v>
      </c>
    </row>
    <row r="25160" spans="1:10" x14ac:dyDescent="0.35">
      <c r="A25160" s="1" t="s">
        <v>2274</v>
      </c>
      <c r="B25160" s="1" t="s">
        <v>86049</v>
      </c>
      <c r="C25160" s="1" t="s">
        <v>70</v>
      </c>
      <c r="D25160" s="1" t="s">
        <v>90117</v>
      </c>
      <c r="E25160" s="1" t="s">
        <v>90118</v>
      </c>
      <c r="F25160" s="1" t="s">
        <v>90119</v>
      </c>
      <c r="G25160" s="1" t="s">
        <v>90077</v>
      </c>
      <c r="H25160" s="1" t="s">
        <v>90078</v>
      </c>
      <c r="I25160" s="1" t="s">
        <v>86055</v>
      </c>
      <c r="J25160" s="1" t="s">
        <v>90120</v>
      </c>
    </row>
    <row r="25161" spans="1:10" x14ac:dyDescent="0.35">
      <c r="A25161" s="1" t="s">
        <v>2274</v>
      </c>
      <c r="B25161" s="1" t="s">
        <v>86049</v>
      </c>
      <c r="C25161" s="1" t="s">
        <v>75</v>
      </c>
      <c r="D25161" s="1" t="s">
        <v>60880</v>
      </c>
      <c r="E25161" s="1" t="s">
        <v>90121</v>
      </c>
      <c r="F25161" s="1" t="s">
        <v>90122</v>
      </c>
      <c r="G25161" s="1" t="s">
        <v>90077</v>
      </c>
      <c r="H25161" s="1" t="s">
        <v>90078</v>
      </c>
      <c r="I25161" s="1" t="s">
        <v>86055</v>
      </c>
      <c r="J25161" s="1" t="s">
        <v>90123</v>
      </c>
    </row>
    <row r="25162" spans="1:10" x14ac:dyDescent="0.35">
      <c r="A25162" s="1" t="s">
        <v>2274</v>
      </c>
      <c r="B25162" s="1" t="s">
        <v>86049</v>
      </c>
      <c r="C25162" s="1" t="s">
        <v>80</v>
      </c>
      <c r="D25162" s="1" t="s">
        <v>90124</v>
      </c>
      <c r="E25162" s="1" t="s">
        <v>90125</v>
      </c>
      <c r="F25162" s="1" t="s">
        <v>90126</v>
      </c>
      <c r="G25162" s="1" t="s">
        <v>90077</v>
      </c>
      <c r="H25162" s="1" t="s">
        <v>90078</v>
      </c>
      <c r="I25162" s="1" t="s">
        <v>86055</v>
      </c>
      <c r="J25162" s="1" t="s">
        <v>90127</v>
      </c>
    </row>
    <row r="25163" spans="1:10" x14ac:dyDescent="0.35">
      <c r="A25163" s="1" t="s">
        <v>2274</v>
      </c>
      <c r="B25163" s="1" t="s">
        <v>86049</v>
      </c>
      <c r="C25163" s="1" t="s">
        <v>85</v>
      </c>
      <c r="D25163" s="1" t="s">
        <v>90128</v>
      </c>
      <c r="E25163" s="1" t="s">
        <v>90129</v>
      </c>
      <c r="F25163" s="1" t="s">
        <v>90130</v>
      </c>
      <c r="G25163" s="1" t="s">
        <v>90077</v>
      </c>
      <c r="H25163" s="1" t="s">
        <v>90078</v>
      </c>
      <c r="I25163" s="1" t="s">
        <v>86055</v>
      </c>
      <c r="J25163" s="1" t="s">
        <v>90131</v>
      </c>
    </row>
    <row r="25164" spans="1:10" x14ac:dyDescent="0.35">
      <c r="A25164" s="1" t="s">
        <v>2274</v>
      </c>
      <c r="B25164" s="1" t="s">
        <v>86049</v>
      </c>
      <c r="C25164" s="1" t="s">
        <v>90</v>
      </c>
      <c r="D25164" s="1" t="s">
        <v>90132</v>
      </c>
      <c r="E25164" s="1" t="s">
        <v>90133</v>
      </c>
      <c r="F25164" s="1" t="s">
        <v>90134</v>
      </c>
      <c r="G25164" s="1" t="s">
        <v>90077</v>
      </c>
      <c r="H25164" s="1" t="s">
        <v>90078</v>
      </c>
      <c r="I25164" s="1" t="s">
        <v>86055</v>
      </c>
      <c r="J25164" s="1" t="s">
        <v>90135</v>
      </c>
    </row>
    <row r="25165" spans="1:10" x14ac:dyDescent="0.35">
      <c r="A25165" s="1" t="s">
        <v>2274</v>
      </c>
      <c r="B25165" s="1" t="s">
        <v>86049</v>
      </c>
      <c r="C25165" s="1" t="s">
        <v>95</v>
      </c>
      <c r="D25165" s="1" t="s">
        <v>54320</v>
      </c>
      <c r="E25165" s="1" t="s">
        <v>90136</v>
      </c>
      <c r="F25165" s="1" t="s">
        <v>90137</v>
      </c>
      <c r="G25165" s="1" t="s">
        <v>90077</v>
      </c>
      <c r="H25165" s="1" t="s">
        <v>90078</v>
      </c>
      <c r="I25165" s="1" t="s">
        <v>86055</v>
      </c>
      <c r="J25165" s="1" t="s">
        <v>90138</v>
      </c>
    </row>
    <row r="25166" spans="1:10" x14ac:dyDescent="0.35">
      <c r="A25166" s="1" t="s">
        <v>2274</v>
      </c>
      <c r="B25166" s="1" t="s">
        <v>86049</v>
      </c>
      <c r="C25166" s="1" t="s">
        <v>100</v>
      </c>
      <c r="D25166" s="1" t="s">
        <v>90139</v>
      </c>
      <c r="E25166" s="1" t="s">
        <v>90140</v>
      </c>
      <c r="F25166" s="1" t="s">
        <v>90141</v>
      </c>
      <c r="G25166" s="1" t="s">
        <v>90077</v>
      </c>
      <c r="H25166" s="1" t="s">
        <v>90078</v>
      </c>
      <c r="I25166" s="1" t="s">
        <v>86055</v>
      </c>
      <c r="J25166" s="1" t="s">
        <v>90142</v>
      </c>
    </row>
    <row r="25167" spans="1:10" x14ac:dyDescent="0.35">
      <c r="A25167" s="1" t="s">
        <v>2274</v>
      </c>
      <c r="B25167" s="1" t="s">
        <v>86049</v>
      </c>
      <c r="C25167" s="1" t="s">
        <v>105</v>
      </c>
      <c r="D25167" s="1" t="s">
        <v>90143</v>
      </c>
      <c r="E25167" s="1" t="s">
        <v>90144</v>
      </c>
      <c r="F25167" s="1" t="s">
        <v>90145</v>
      </c>
      <c r="G25167" s="1" t="s">
        <v>90077</v>
      </c>
      <c r="H25167" s="1" t="s">
        <v>90078</v>
      </c>
      <c r="I25167" s="1" t="s">
        <v>86055</v>
      </c>
      <c r="J25167" s="1" t="s">
        <v>90146</v>
      </c>
    </row>
    <row r="25168" spans="1:10" x14ac:dyDescent="0.35">
      <c r="A25168" s="1" t="s">
        <v>2274</v>
      </c>
      <c r="B25168" s="1" t="s">
        <v>86049</v>
      </c>
      <c r="C25168" s="1" t="s">
        <v>110</v>
      </c>
      <c r="D25168" s="1" t="s">
        <v>90147</v>
      </c>
      <c r="E25168" s="1" t="s">
        <v>61942</v>
      </c>
      <c r="F25168" s="1" t="s">
        <v>90148</v>
      </c>
      <c r="G25168" s="1" t="s">
        <v>90077</v>
      </c>
      <c r="H25168" s="1" t="s">
        <v>90078</v>
      </c>
      <c r="I25168" s="1" t="s">
        <v>86055</v>
      </c>
      <c r="J25168" s="1" t="s">
        <v>90149</v>
      </c>
    </row>
    <row r="25169" spans="1:10" x14ac:dyDescent="0.35">
      <c r="A25169" s="1" t="s">
        <v>2274</v>
      </c>
      <c r="B25169" s="1" t="s">
        <v>86049</v>
      </c>
      <c r="C25169" s="1" t="s">
        <v>115</v>
      </c>
      <c r="D25169" s="1" t="s">
        <v>56130</v>
      </c>
      <c r="E25169" s="1" t="s">
        <v>90150</v>
      </c>
      <c r="F25169" s="1" t="s">
        <v>90151</v>
      </c>
      <c r="G25169" s="1" t="s">
        <v>90077</v>
      </c>
      <c r="H25169" s="1" t="s">
        <v>90078</v>
      </c>
      <c r="I25169" s="1" t="s">
        <v>86055</v>
      </c>
      <c r="J25169" s="1" t="s">
        <v>90152</v>
      </c>
    </row>
    <row r="25170" spans="1:10" x14ac:dyDescent="0.35">
      <c r="A25170" s="1" t="s">
        <v>2274</v>
      </c>
      <c r="B25170" s="1" t="s">
        <v>86049</v>
      </c>
      <c r="C25170" s="1" t="s">
        <v>120</v>
      </c>
      <c r="D25170" s="1" t="s">
        <v>90153</v>
      </c>
      <c r="E25170" s="1" t="s">
        <v>90154</v>
      </c>
      <c r="F25170" s="1" t="s">
        <v>90155</v>
      </c>
      <c r="G25170" s="1" t="s">
        <v>90077</v>
      </c>
      <c r="H25170" s="1" t="s">
        <v>90078</v>
      </c>
      <c r="I25170" s="1" t="s">
        <v>86055</v>
      </c>
      <c r="J25170" s="1" t="s">
        <v>90156</v>
      </c>
    </row>
    <row r="25171" spans="1:10" x14ac:dyDescent="0.35">
      <c r="A25171" s="1" t="s">
        <v>2274</v>
      </c>
      <c r="B25171" s="1" t="s">
        <v>86049</v>
      </c>
      <c r="C25171" s="1" t="s">
        <v>125</v>
      </c>
      <c r="D25171" s="1" t="s">
        <v>90157</v>
      </c>
      <c r="E25171" s="1" t="s">
        <v>90158</v>
      </c>
      <c r="F25171" s="1" t="s">
        <v>90159</v>
      </c>
      <c r="G25171" s="1" t="s">
        <v>90077</v>
      </c>
      <c r="H25171" s="1" t="s">
        <v>90078</v>
      </c>
      <c r="I25171" s="1" t="s">
        <v>86055</v>
      </c>
      <c r="J25171" s="1" t="s">
        <v>90160</v>
      </c>
    </row>
    <row r="25172" spans="1:10" x14ac:dyDescent="0.35">
      <c r="A25172" s="1" t="s">
        <v>2274</v>
      </c>
      <c r="B25172" s="1" t="s">
        <v>86049</v>
      </c>
      <c r="C25172" s="1" t="s">
        <v>130</v>
      </c>
      <c r="D25172" s="1" t="s">
        <v>39229</v>
      </c>
      <c r="E25172" s="1" t="s">
        <v>90161</v>
      </c>
      <c r="F25172" s="1" t="s">
        <v>90162</v>
      </c>
      <c r="G25172" s="1" t="s">
        <v>90077</v>
      </c>
      <c r="H25172" s="1" t="s">
        <v>90078</v>
      </c>
      <c r="I25172" s="1" t="s">
        <v>86055</v>
      </c>
      <c r="J25172" s="1" t="s">
        <v>90163</v>
      </c>
    </row>
    <row r="25173" spans="1:10" x14ac:dyDescent="0.35">
      <c r="A25173" s="1" t="s">
        <v>2274</v>
      </c>
      <c r="B25173" s="1" t="s">
        <v>86049</v>
      </c>
      <c r="C25173" s="1" t="s">
        <v>135</v>
      </c>
      <c r="D25173" s="1" t="s">
        <v>59959</v>
      </c>
      <c r="E25173" s="1" t="s">
        <v>90164</v>
      </c>
      <c r="F25173" s="1" t="s">
        <v>90165</v>
      </c>
      <c r="G25173" s="1" t="s">
        <v>90077</v>
      </c>
      <c r="H25173" s="1" t="s">
        <v>90078</v>
      </c>
      <c r="I25173" s="1" t="s">
        <v>86055</v>
      </c>
      <c r="J25173" s="1" t="s">
        <v>90166</v>
      </c>
    </row>
    <row r="25174" spans="1:10" x14ac:dyDescent="0.35">
      <c r="A25174" s="1" t="s">
        <v>2274</v>
      </c>
      <c r="B25174" s="1" t="s">
        <v>86049</v>
      </c>
      <c r="C25174" s="1" t="s">
        <v>140</v>
      </c>
      <c r="D25174" s="1" t="s">
        <v>90167</v>
      </c>
      <c r="E25174" s="1" t="s">
        <v>90168</v>
      </c>
      <c r="F25174" s="1" t="s">
        <v>90169</v>
      </c>
      <c r="G25174" s="1" t="s">
        <v>90077</v>
      </c>
      <c r="H25174" s="1" t="s">
        <v>90078</v>
      </c>
      <c r="I25174" s="1" t="s">
        <v>86055</v>
      </c>
      <c r="J25174" s="1" t="s">
        <v>90170</v>
      </c>
    </row>
    <row r="25175" spans="1:10" x14ac:dyDescent="0.35">
      <c r="A25175" s="1" t="s">
        <v>2274</v>
      </c>
      <c r="B25175" s="1" t="s">
        <v>86049</v>
      </c>
      <c r="C25175" s="1" t="s">
        <v>145</v>
      </c>
      <c r="D25175" s="1" t="s">
        <v>90171</v>
      </c>
      <c r="E25175" s="1" t="s">
        <v>90172</v>
      </c>
      <c r="F25175" s="1" t="s">
        <v>90173</v>
      </c>
      <c r="G25175" s="1" t="s">
        <v>90077</v>
      </c>
      <c r="H25175" s="1" t="s">
        <v>90078</v>
      </c>
      <c r="I25175" s="1" t="s">
        <v>86055</v>
      </c>
      <c r="J25175" s="1" t="s">
        <v>90174</v>
      </c>
    </row>
    <row r="25176" spans="1:10" x14ac:dyDescent="0.35">
      <c r="A25176" s="1" t="s">
        <v>2274</v>
      </c>
      <c r="B25176" s="1" t="s">
        <v>86049</v>
      </c>
      <c r="C25176" s="1" t="s">
        <v>150</v>
      </c>
      <c r="D25176" s="1" t="s">
        <v>90175</v>
      </c>
      <c r="E25176" s="1" t="s">
        <v>90176</v>
      </c>
      <c r="F25176" s="1" t="s">
        <v>90177</v>
      </c>
      <c r="G25176" s="1" t="s">
        <v>90077</v>
      </c>
      <c r="H25176" s="1" t="s">
        <v>90078</v>
      </c>
      <c r="I25176" s="1" t="s">
        <v>86055</v>
      </c>
      <c r="J25176" s="1" t="s">
        <v>90178</v>
      </c>
    </row>
    <row r="25177" spans="1:10" x14ac:dyDescent="0.35">
      <c r="A25177" s="1" t="s">
        <v>2274</v>
      </c>
      <c r="B25177" s="1" t="s">
        <v>86049</v>
      </c>
      <c r="C25177" s="1" t="s">
        <v>155</v>
      </c>
      <c r="D25177" s="1" t="s">
        <v>90179</v>
      </c>
      <c r="E25177" s="1" t="s">
        <v>90180</v>
      </c>
      <c r="F25177" s="1" t="s">
        <v>90181</v>
      </c>
      <c r="G25177" s="1" t="s">
        <v>90077</v>
      </c>
      <c r="H25177" s="1" t="s">
        <v>90078</v>
      </c>
      <c r="I25177" s="1" t="s">
        <v>86055</v>
      </c>
      <c r="J25177" s="1" t="s">
        <v>90182</v>
      </c>
    </row>
    <row r="25178" spans="1:10" x14ac:dyDescent="0.35">
      <c r="A25178" s="1" t="s">
        <v>2274</v>
      </c>
      <c r="B25178" s="1" t="s">
        <v>86049</v>
      </c>
      <c r="C25178" s="1" t="s">
        <v>160</v>
      </c>
      <c r="D25178" s="1" t="s">
        <v>89136</v>
      </c>
      <c r="E25178" s="1" t="s">
        <v>90183</v>
      </c>
      <c r="F25178" s="1" t="s">
        <v>90184</v>
      </c>
      <c r="G25178" s="1" t="s">
        <v>90077</v>
      </c>
      <c r="H25178" s="1" t="s">
        <v>90078</v>
      </c>
      <c r="I25178" s="1" t="s">
        <v>86055</v>
      </c>
      <c r="J25178" s="1" t="s">
        <v>90185</v>
      </c>
    </row>
    <row r="25179" spans="1:10" x14ac:dyDescent="0.35">
      <c r="A25179" s="1" t="s">
        <v>2274</v>
      </c>
      <c r="B25179" s="1" t="s">
        <v>86049</v>
      </c>
      <c r="C25179" s="1" t="s">
        <v>165</v>
      </c>
      <c r="D25179" s="1" t="s">
        <v>89140</v>
      </c>
      <c r="E25179" s="1" t="s">
        <v>90186</v>
      </c>
      <c r="F25179" s="1" t="s">
        <v>90187</v>
      </c>
      <c r="G25179" s="1" t="s">
        <v>90077</v>
      </c>
      <c r="H25179" s="1" t="s">
        <v>90078</v>
      </c>
      <c r="I25179" s="1" t="s">
        <v>86055</v>
      </c>
      <c r="J25179" s="1" t="s">
        <v>89143</v>
      </c>
    </row>
    <row r="25180" spans="1:10" x14ac:dyDescent="0.35">
      <c r="A25180" s="1" t="s">
        <v>2274</v>
      </c>
      <c r="B25180" s="1" t="s">
        <v>86049</v>
      </c>
      <c r="C25180" s="1" t="s">
        <v>170</v>
      </c>
      <c r="D25180" s="1" t="s">
        <v>89144</v>
      </c>
      <c r="E25180" s="1" t="s">
        <v>90188</v>
      </c>
      <c r="F25180" s="1" t="s">
        <v>90189</v>
      </c>
      <c r="G25180" s="1" t="s">
        <v>90077</v>
      </c>
      <c r="H25180" s="1" t="s">
        <v>90078</v>
      </c>
      <c r="I25180" s="1" t="s">
        <v>86055</v>
      </c>
      <c r="J25180" s="1" t="s">
        <v>89147</v>
      </c>
    </row>
    <row r="25181" spans="1:10" x14ac:dyDescent="0.35">
      <c r="A25181" s="1" t="s">
        <v>1896</v>
      </c>
      <c r="B25181" s="1" t="s">
        <v>86049</v>
      </c>
      <c r="C25181" s="1" t="s">
        <v>8</v>
      </c>
      <c r="D25181" s="1" t="s">
        <v>90190</v>
      </c>
      <c r="E25181" s="1" t="s">
        <v>90191</v>
      </c>
      <c r="F25181" s="1" t="s">
        <v>86926</v>
      </c>
      <c r="G25181" s="1" t="s">
        <v>90192</v>
      </c>
      <c r="H25181" s="1" t="s">
        <v>90193</v>
      </c>
      <c r="I25181" s="1" t="s">
        <v>86055</v>
      </c>
      <c r="J25181" s="1" t="s">
        <v>13</v>
      </c>
    </row>
    <row r="25182" spans="1:10" x14ac:dyDescent="0.35">
      <c r="A25182" s="1" t="s">
        <v>1896</v>
      </c>
      <c r="B25182" s="1" t="s">
        <v>86049</v>
      </c>
      <c r="C25182" s="1" t="s">
        <v>15</v>
      </c>
      <c r="D25182" s="1" t="s">
        <v>76966</v>
      </c>
      <c r="E25182" s="1" t="s">
        <v>88254</v>
      </c>
      <c r="F25182" s="1" t="s">
        <v>90194</v>
      </c>
      <c r="G25182" s="1" t="s">
        <v>90192</v>
      </c>
      <c r="H25182" s="1" t="s">
        <v>90193</v>
      </c>
      <c r="I25182" s="1" t="s">
        <v>86055</v>
      </c>
      <c r="J25182" s="1" t="s">
        <v>90195</v>
      </c>
    </row>
    <row r="25183" spans="1:10" x14ac:dyDescent="0.35">
      <c r="A25183" s="1" t="s">
        <v>1896</v>
      </c>
      <c r="B25183" s="1" t="s">
        <v>86049</v>
      </c>
      <c r="C25183" s="1" t="s">
        <v>20</v>
      </c>
      <c r="D25183" s="1" t="s">
        <v>90196</v>
      </c>
      <c r="E25183" s="1" t="s">
        <v>19940</v>
      </c>
      <c r="F25183" s="1" t="s">
        <v>90197</v>
      </c>
      <c r="G25183" s="1" t="s">
        <v>90192</v>
      </c>
      <c r="H25183" s="1" t="s">
        <v>90193</v>
      </c>
      <c r="I25183" s="1" t="s">
        <v>86055</v>
      </c>
      <c r="J25183" s="1" t="s">
        <v>90198</v>
      </c>
    </row>
    <row r="25184" spans="1:10" x14ac:dyDescent="0.35">
      <c r="A25184" s="1" t="s">
        <v>1896</v>
      </c>
      <c r="B25184" s="1" t="s">
        <v>86049</v>
      </c>
      <c r="C25184" s="1" t="s">
        <v>25</v>
      </c>
      <c r="D25184" s="1" t="s">
        <v>68651</v>
      </c>
      <c r="E25184" s="1" t="s">
        <v>31886</v>
      </c>
      <c r="F25184" s="1" t="s">
        <v>90199</v>
      </c>
      <c r="G25184" s="1" t="s">
        <v>90192</v>
      </c>
      <c r="H25184" s="1" t="s">
        <v>90193</v>
      </c>
      <c r="I25184" s="1" t="s">
        <v>86055</v>
      </c>
      <c r="J25184" s="1" t="s">
        <v>90200</v>
      </c>
    </row>
    <row r="25185" spans="1:10" x14ac:dyDescent="0.35">
      <c r="A25185" s="1" t="s">
        <v>1896</v>
      </c>
      <c r="B25185" s="1" t="s">
        <v>86049</v>
      </c>
      <c r="C25185" s="1" t="s">
        <v>30</v>
      </c>
      <c r="D25185" s="1" t="s">
        <v>90201</v>
      </c>
      <c r="E25185" s="1" t="s">
        <v>15973</v>
      </c>
      <c r="F25185" s="1" t="s">
        <v>90202</v>
      </c>
      <c r="G25185" s="1" t="s">
        <v>90192</v>
      </c>
      <c r="H25185" s="1" t="s">
        <v>90193</v>
      </c>
      <c r="I25185" s="1" t="s">
        <v>86055</v>
      </c>
      <c r="J25185" s="1" t="s">
        <v>90203</v>
      </c>
    </row>
    <row r="25186" spans="1:10" x14ac:dyDescent="0.35">
      <c r="A25186" s="1" t="s">
        <v>1896</v>
      </c>
      <c r="B25186" s="1" t="s">
        <v>86049</v>
      </c>
      <c r="C25186" s="1" t="s">
        <v>35</v>
      </c>
      <c r="D25186" s="1" t="s">
        <v>38738</v>
      </c>
      <c r="E25186" s="1" t="s">
        <v>70887</v>
      </c>
      <c r="F25186" s="1" t="s">
        <v>90204</v>
      </c>
      <c r="G25186" s="1" t="s">
        <v>90192</v>
      </c>
      <c r="H25186" s="1" t="s">
        <v>90193</v>
      </c>
      <c r="I25186" s="1" t="s">
        <v>86055</v>
      </c>
      <c r="J25186" s="1" t="s">
        <v>90205</v>
      </c>
    </row>
    <row r="25187" spans="1:10" x14ac:dyDescent="0.35">
      <c r="A25187" s="1" t="s">
        <v>1896</v>
      </c>
      <c r="B25187" s="1" t="s">
        <v>86049</v>
      </c>
      <c r="C25187" s="1" t="s">
        <v>40</v>
      </c>
      <c r="D25187" s="1" t="s">
        <v>90206</v>
      </c>
      <c r="E25187" s="1" t="s">
        <v>58638</v>
      </c>
      <c r="F25187" s="1" t="s">
        <v>90207</v>
      </c>
      <c r="G25187" s="1" t="s">
        <v>90192</v>
      </c>
      <c r="H25187" s="1" t="s">
        <v>90193</v>
      </c>
      <c r="I25187" s="1" t="s">
        <v>86055</v>
      </c>
      <c r="J25187" s="1" t="s">
        <v>90208</v>
      </c>
    </row>
    <row r="25188" spans="1:10" x14ac:dyDescent="0.35">
      <c r="A25188" s="1" t="s">
        <v>1896</v>
      </c>
      <c r="B25188" s="1" t="s">
        <v>86049</v>
      </c>
      <c r="C25188" s="1" t="s">
        <v>45</v>
      </c>
      <c r="D25188" s="1" t="s">
        <v>66180</v>
      </c>
      <c r="E25188" s="1" t="s">
        <v>90209</v>
      </c>
      <c r="F25188" s="1" t="s">
        <v>90210</v>
      </c>
      <c r="G25188" s="1" t="s">
        <v>90192</v>
      </c>
      <c r="H25188" s="1" t="s">
        <v>90193</v>
      </c>
      <c r="I25188" s="1" t="s">
        <v>86055</v>
      </c>
      <c r="J25188" s="1" t="s">
        <v>90211</v>
      </c>
    </row>
    <row r="25189" spans="1:10" x14ac:dyDescent="0.35">
      <c r="A25189" s="1" t="s">
        <v>1896</v>
      </c>
      <c r="B25189" s="1" t="s">
        <v>86049</v>
      </c>
      <c r="C25189" s="1" t="s">
        <v>50</v>
      </c>
      <c r="D25189" s="1" t="s">
        <v>77535</v>
      </c>
      <c r="E25189" s="1" t="s">
        <v>90212</v>
      </c>
      <c r="F25189" s="1" t="s">
        <v>65816</v>
      </c>
      <c r="G25189" s="1" t="s">
        <v>90192</v>
      </c>
      <c r="H25189" s="1" t="s">
        <v>90193</v>
      </c>
      <c r="I25189" s="1" t="s">
        <v>86055</v>
      </c>
      <c r="J25189" s="1" t="s">
        <v>90213</v>
      </c>
    </row>
    <row r="25190" spans="1:10" x14ac:dyDescent="0.35">
      <c r="A25190" s="1" t="s">
        <v>1896</v>
      </c>
      <c r="B25190" s="1" t="s">
        <v>86049</v>
      </c>
      <c r="C25190" s="1" t="s">
        <v>55</v>
      </c>
      <c r="D25190" s="1" t="s">
        <v>5226</v>
      </c>
      <c r="E25190" s="1" t="s">
        <v>15680</v>
      </c>
      <c r="F25190" s="1" t="s">
        <v>23405</v>
      </c>
      <c r="G25190" s="1" t="s">
        <v>90192</v>
      </c>
      <c r="H25190" s="1" t="s">
        <v>90193</v>
      </c>
      <c r="I25190" s="1" t="s">
        <v>86055</v>
      </c>
      <c r="J25190" s="1" t="s">
        <v>90214</v>
      </c>
    </row>
    <row r="25191" spans="1:10" x14ac:dyDescent="0.35">
      <c r="A25191" s="1" t="s">
        <v>1896</v>
      </c>
      <c r="B25191" s="1" t="s">
        <v>86049</v>
      </c>
      <c r="C25191" s="1" t="s">
        <v>60</v>
      </c>
      <c r="D25191" s="1" t="s">
        <v>90215</v>
      </c>
      <c r="E25191" s="1" t="s">
        <v>30690</v>
      </c>
      <c r="F25191" s="1" t="s">
        <v>90216</v>
      </c>
      <c r="G25191" s="1" t="s">
        <v>90192</v>
      </c>
      <c r="H25191" s="1" t="s">
        <v>90193</v>
      </c>
      <c r="I25191" s="1" t="s">
        <v>86055</v>
      </c>
      <c r="J25191" s="1" t="s">
        <v>90217</v>
      </c>
    </row>
    <row r="25192" spans="1:10" x14ac:dyDescent="0.35">
      <c r="A25192" s="1" t="s">
        <v>1896</v>
      </c>
      <c r="B25192" s="1" t="s">
        <v>86049</v>
      </c>
      <c r="C25192" s="1" t="s">
        <v>65</v>
      </c>
      <c r="D25192" s="1" t="s">
        <v>61286</v>
      </c>
      <c r="E25192" s="1" t="s">
        <v>90218</v>
      </c>
      <c r="F25192" s="1" t="s">
        <v>90219</v>
      </c>
      <c r="G25192" s="1" t="s">
        <v>90192</v>
      </c>
      <c r="H25192" s="1" t="s">
        <v>90193</v>
      </c>
      <c r="I25192" s="1" t="s">
        <v>86055</v>
      </c>
      <c r="J25192" s="1" t="s">
        <v>90220</v>
      </c>
    </row>
    <row r="25193" spans="1:10" x14ac:dyDescent="0.35">
      <c r="A25193" s="1" t="s">
        <v>1896</v>
      </c>
      <c r="B25193" s="1" t="s">
        <v>86049</v>
      </c>
      <c r="C25193" s="1" t="s">
        <v>70</v>
      </c>
      <c r="D25193" s="1" t="s">
        <v>90221</v>
      </c>
      <c r="E25193" s="1" t="s">
        <v>90222</v>
      </c>
      <c r="F25193" s="1" t="s">
        <v>90223</v>
      </c>
      <c r="G25193" s="1" t="s">
        <v>90192</v>
      </c>
      <c r="H25193" s="1" t="s">
        <v>90193</v>
      </c>
      <c r="I25193" s="1" t="s">
        <v>86055</v>
      </c>
      <c r="J25193" s="1" t="s">
        <v>90224</v>
      </c>
    </row>
    <row r="25194" spans="1:10" x14ac:dyDescent="0.35">
      <c r="A25194" s="1" t="s">
        <v>1896</v>
      </c>
      <c r="B25194" s="1" t="s">
        <v>86049</v>
      </c>
      <c r="C25194" s="1" t="s">
        <v>75</v>
      </c>
      <c r="D25194" s="1" t="s">
        <v>90225</v>
      </c>
      <c r="E25194" s="1" t="s">
        <v>30663</v>
      </c>
      <c r="F25194" s="1" t="s">
        <v>90226</v>
      </c>
      <c r="G25194" s="1" t="s">
        <v>90192</v>
      </c>
      <c r="H25194" s="1" t="s">
        <v>90193</v>
      </c>
      <c r="I25194" s="1" t="s">
        <v>86055</v>
      </c>
      <c r="J25194" s="1" t="s">
        <v>90227</v>
      </c>
    </row>
    <row r="25195" spans="1:10" x14ac:dyDescent="0.35">
      <c r="A25195" s="1" t="s">
        <v>1896</v>
      </c>
      <c r="B25195" s="1" t="s">
        <v>86049</v>
      </c>
      <c r="C25195" s="1" t="s">
        <v>80</v>
      </c>
      <c r="D25195" s="1" t="s">
        <v>79648</v>
      </c>
      <c r="E25195" s="1" t="s">
        <v>30648</v>
      </c>
      <c r="F25195" s="1" t="s">
        <v>90228</v>
      </c>
      <c r="G25195" s="1" t="s">
        <v>90192</v>
      </c>
      <c r="H25195" s="1" t="s">
        <v>90193</v>
      </c>
      <c r="I25195" s="1" t="s">
        <v>86055</v>
      </c>
      <c r="J25195" s="1" t="s">
        <v>90229</v>
      </c>
    </row>
    <row r="25196" spans="1:10" x14ac:dyDescent="0.35">
      <c r="A25196" s="1" t="s">
        <v>1896</v>
      </c>
      <c r="B25196" s="1" t="s">
        <v>86049</v>
      </c>
      <c r="C25196" s="1" t="s">
        <v>85</v>
      </c>
      <c r="D25196" s="1" t="s">
        <v>90230</v>
      </c>
      <c r="E25196" s="1" t="s">
        <v>32036</v>
      </c>
      <c r="F25196" s="1" t="s">
        <v>21907</v>
      </c>
      <c r="G25196" s="1" t="s">
        <v>90192</v>
      </c>
      <c r="H25196" s="1" t="s">
        <v>90193</v>
      </c>
      <c r="I25196" s="1" t="s">
        <v>86055</v>
      </c>
      <c r="J25196" s="1" t="s">
        <v>90231</v>
      </c>
    </row>
    <row r="25197" spans="1:10" x14ac:dyDescent="0.35">
      <c r="A25197" s="1" t="s">
        <v>1896</v>
      </c>
      <c r="B25197" s="1" t="s">
        <v>86049</v>
      </c>
      <c r="C25197" s="1" t="s">
        <v>90</v>
      </c>
      <c r="D25197" s="1" t="s">
        <v>90232</v>
      </c>
      <c r="E25197" s="1" t="s">
        <v>90233</v>
      </c>
      <c r="F25197" s="1" t="s">
        <v>90234</v>
      </c>
      <c r="G25197" s="1" t="s">
        <v>90192</v>
      </c>
      <c r="H25197" s="1" t="s">
        <v>90193</v>
      </c>
      <c r="I25197" s="1" t="s">
        <v>86055</v>
      </c>
      <c r="J25197" s="1" t="s">
        <v>90235</v>
      </c>
    </row>
    <row r="25198" spans="1:10" x14ac:dyDescent="0.35">
      <c r="A25198" s="1" t="s">
        <v>1896</v>
      </c>
      <c r="B25198" s="1" t="s">
        <v>86049</v>
      </c>
      <c r="C25198" s="1" t="s">
        <v>95</v>
      </c>
      <c r="D25198" s="1" t="s">
        <v>90236</v>
      </c>
      <c r="E25198" s="1" t="s">
        <v>90237</v>
      </c>
      <c r="F25198" s="1" t="s">
        <v>90238</v>
      </c>
      <c r="G25198" s="1" t="s">
        <v>90192</v>
      </c>
      <c r="H25198" s="1" t="s">
        <v>90193</v>
      </c>
      <c r="I25198" s="1" t="s">
        <v>86055</v>
      </c>
      <c r="J25198" s="1" t="s">
        <v>90239</v>
      </c>
    </row>
    <row r="25199" spans="1:10" x14ac:dyDescent="0.35">
      <c r="A25199" s="1" t="s">
        <v>1896</v>
      </c>
      <c r="B25199" s="1" t="s">
        <v>86049</v>
      </c>
      <c r="C25199" s="1" t="s">
        <v>100</v>
      </c>
      <c r="D25199" s="1" t="s">
        <v>90240</v>
      </c>
      <c r="E25199" s="1" t="s">
        <v>90191</v>
      </c>
      <c r="F25199" s="1" t="s">
        <v>90241</v>
      </c>
      <c r="G25199" s="1" t="s">
        <v>90192</v>
      </c>
      <c r="H25199" s="1" t="s">
        <v>90193</v>
      </c>
      <c r="I25199" s="1" t="s">
        <v>86055</v>
      </c>
      <c r="J25199" s="1" t="s">
        <v>90242</v>
      </c>
    </row>
    <row r="25200" spans="1:10" x14ac:dyDescent="0.35">
      <c r="A25200" s="1" t="s">
        <v>1896</v>
      </c>
      <c r="B25200" s="1" t="s">
        <v>86049</v>
      </c>
      <c r="C25200" s="1" t="s">
        <v>105</v>
      </c>
      <c r="D25200" s="1" t="s">
        <v>90243</v>
      </c>
      <c r="E25200" s="1" t="s">
        <v>30656</v>
      </c>
      <c r="F25200" s="1" t="s">
        <v>54660</v>
      </c>
      <c r="G25200" s="1" t="s">
        <v>90192</v>
      </c>
      <c r="H25200" s="1" t="s">
        <v>90193</v>
      </c>
      <c r="I25200" s="1" t="s">
        <v>86055</v>
      </c>
      <c r="J25200" s="1" t="s">
        <v>90244</v>
      </c>
    </row>
    <row r="25201" spans="1:10" x14ac:dyDescent="0.35">
      <c r="A25201" s="1" t="s">
        <v>1896</v>
      </c>
      <c r="B25201" s="1" t="s">
        <v>86049</v>
      </c>
      <c r="C25201" s="1" t="s">
        <v>110</v>
      </c>
      <c r="D25201" s="1" t="s">
        <v>86073</v>
      </c>
      <c r="E25201" s="1" t="s">
        <v>90245</v>
      </c>
      <c r="F25201" s="1" t="s">
        <v>90246</v>
      </c>
      <c r="G25201" s="1" t="s">
        <v>90192</v>
      </c>
      <c r="H25201" s="1" t="s">
        <v>90193</v>
      </c>
      <c r="I25201" s="1" t="s">
        <v>86055</v>
      </c>
      <c r="J25201" s="1" t="s">
        <v>90247</v>
      </c>
    </row>
    <row r="25202" spans="1:10" x14ac:dyDescent="0.35">
      <c r="A25202" s="1" t="s">
        <v>1896</v>
      </c>
      <c r="B25202" s="1" t="s">
        <v>86049</v>
      </c>
      <c r="C25202" s="1" t="s">
        <v>115</v>
      </c>
      <c r="D25202" s="1" t="s">
        <v>59787</v>
      </c>
      <c r="E25202" s="1" t="s">
        <v>90248</v>
      </c>
      <c r="F25202" s="1" t="s">
        <v>90249</v>
      </c>
      <c r="G25202" s="1" t="s">
        <v>90192</v>
      </c>
      <c r="H25202" s="1" t="s">
        <v>90193</v>
      </c>
      <c r="I25202" s="1" t="s">
        <v>86055</v>
      </c>
      <c r="J25202" s="1" t="s">
        <v>90250</v>
      </c>
    </row>
    <row r="25203" spans="1:10" x14ac:dyDescent="0.35">
      <c r="A25203" s="1" t="s">
        <v>1896</v>
      </c>
      <c r="B25203" s="1" t="s">
        <v>86049</v>
      </c>
      <c r="C25203" s="1" t="s">
        <v>120</v>
      </c>
      <c r="D25203" s="1" t="s">
        <v>90251</v>
      </c>
      <c r="E25203" s="1" t="s">
        <v>90252</v>
      </c>
      <c r="F25203" s="1" t="s">
        <v>90253</v>
      </c>
      <c r="G25203" s="1" t="s">
        <v>90192</v>
      </c>
      <c r="H25203" s="1" t="s">
        <v>90193</v>
      </c>
      <c r="I25203" s="1" t="s">
        <v>86055</v>
      </c>
      <c r="J25203" s="1" t="s">
        <v>90254</v>
      </c>
    </row>
    <row r="25204" spans="1:10" x14ac:dyDescent="0.35">
      <c r="A25204" s="1" t="s">
        <v>1896</v>
      </c>
      <c r="B25204" s="1" t="s">
        <v>86049</v>
      </c>
      <c r="C25204" s="1" t="s">
        <v>125</v>
      </c>
      <c r="D25204" s="1" t="s">
        <v>90255</v>
      </c>
      <c r="E25204" s="1" t="s">
        <v>90256</v>
      </c>
      <c r="F25204" s="1" t="s">
        <v>90257</v>
      </c>
      <c r="G25204" s="1" t="s">
        <v>90192</v>
      </c>
      <c r="H25204" s="1" t="s">
        <v>90193</v>
      </c>
      <c r="I25204" s="1" t="s">
        <v>86055</v>
      </c>
      <c r="J25204" s="1" t="s">
        <v>90258</v>
      </c>
    </row>
    <row r="25205" spans="1:10" x14ac:dyDescent="0.35">
      <c r="A25205" s="1" t="s">
        <v>1896</v>
      </c>
      <c r="B25205" s="1" t="s">
        <v>86049</v>
      </c>
      <c r="C25205" s="1" t="s">
        <v>130</v>
      </c>
      <c r="D25205" s="1" t="s">
        <v>68854</v>
      </c>
      <c r="E25205" s="1" t="s">
        <v>90259</v>
      </c>
      <c r="F25205" s="1" t="s">
        <v>58152</v>
      </c>
      <c r="G25205" s="1" t="s">
        <v>90192</v>
      </c>
      <c r="H25205" s="1" t="s">
        <v>90193</v>
      </c>
      <c r="I25205" s="1" t="s">
        <v>86055</v>
      </c>
      <c r="J25205" s="1" t="s">
        <v>90260</v>
      </c>
    </row>
    <row r="25206" spans="1:10" x14ac:dyDescent="0.35">
      <c r="A25206" s="1" t="s">
        <v>1896</v>
      </c>
      <c r="B25206" s="1" t="s">
        <v>86049</v>
      </c>
      <c r="C25206" s="1" t="s">
        <v>135</v>
      </c>
      <c r="D25206" s="1" t="s">
        <v>90261</v>
      </c>
      <c r="E25206" s="1" t="s">
        <v>90262</v>
      </c>
      <c r="F25206" s="1" t="s">
        <v>90263</v>
      </c>
      <c r="G25206" s="1" t="s">
        <v>90192</v>
      </c>
      <c r="H25206" s="1" t="s">
        <v>90193</v>
      </c>
      <c r="I25206" s="1" t="s">
        <v>86055</v>
      </c>
      <c r="J25206" s="1" t="s">
        <v>90264</v>
      </c>
    </row>
    <row r="25207" spans="1:10" x14ac:dyDescent="0.35">
      <c r="A25207" s="1" t="s">
        <v>1896</v>
      </c>
      <c r="B25207" s="1" t="s">
        <v>86049</v>
      </c>
      <c r="C25207" s="1" t="s">
        <v>140</v>
      </c>
      <c r="D25207" s="1" t="s">
        <v>90265</v>
      </c>
      <c r="E25207" s="1" t="s">
        <v>30683</v>
      </c>
      <c r="F25207" s="1" t="s">
        <v>90266</v>
      </c>
      <c r="G25207" s="1" t="s">
        <v>90192</v>
      </c>
      <c r="H25207" s="1" t="s">
        <v>90193</v>
      </c>
      <c r="I25207" s="1" t="s">
        <v>86055</v>
      </c>
      <c r="J25207" s="1" t="s">
        <v>90267</v>
      </c>
    </row>
    <row r="25208" spans="1:10" x14ac:dyDescent="0.35">
      <c r="A25208" s="1" t="s">
        <v>1896</v>
      </c>
      <c r="B25208" s="1" t="s">
        <v>86049</v>
      </c>
      <c r="C25208" s="1" t="s">
        <v>145</v>
      </c>
      <c r="D25208" s="1" t="s">
        <v>68392</v>
      </c>
      <c r="E25208" s="1" t="s">
        <v>90268</v>
      </c>
      <c r="F25208" s="1" t="s">
        <v>90269</v>
      </c>
      <c r="G25208" s="1" t="s">
        <v>90192</v>
      </c>
      <c r="H25208" s="1" t="s">
        <v>90193</v>
      </c>
      <c r="I25208" s="1" t="s">
        <v>86055</v>
      </c>
      <c r="J25208" s="1" t="s">
        <v>90270</v>
      </c>
    </row>
    <row r="25209" spans="1:10" x14ac:dyDescent="0.35">
      <c r="A25209" s="1" t="s">
        <v>1896</v>
      </c>
      <c r="B25209" s="1" t="s">
        <v>86049</v>
      </c>
      <c r="C25209" s="1" t="s">
        <v>150</v>
      </c>
      <c r="D25209" s="1" t="s">
        <v>90271</v>
      </c>
      <c r="E25209" s="1" t="s">
        <v>76375</v>
      </c>
      <c r="F25209" s="1" t="s">
        <v>90272</v>
      </c>
      <c r="G25209" s="1" t="s">
        <v>90192</v>
      </c>
      <c r="H25209" s="1" t="s">
        <v>90193</v>
      </c>
      <c r="I25209" s="1" t="s">
        <v>86055</v>
      </c>
      <c r="J25209" s="1" t="s">
        <v>90273</v>
      </c>
    </row>
    <row r="25210" spans="1:10" x14ac:dyDescent="0.35">
      <c r="A25210" s="1" t="s">
        <v>1896</v>
      </c>
      <c r="B25210" s="1" t="s">
        <v>86049</v>
      </c>
      <c r="C25210" s="1" t="s">
        <v>155</v>
      </c>
      <c r="D25210" s="1" t="s">
        <v>80852</v>
      </c>
      <c r="E25210" s="1" t="s">
        <v>90274</v>
      </c>
      <c r="F25210" s="1" t="s">
        <v>90275</v>
      </c>
      <c r="G25210" s="1" t="s">
        <v>90192</v>
      </c>
      <c r="H25210" s="1" t="s">
        <v>90193</v>
      </c>
      <c r="I25210" s="1" t="s">
        <v>86055</v>
      </c>
      <c r="J25210" s="1" t="s">
        <v>90276</v>
      </c>
    </row>
    <row r="25211" spans="1:10" x14ac:dyDescent="0.35">
      <c r="A25211" s="1" t="s">
        <v>1896</v>
      </c>
      <c r="B25211" s="1" t="s">
        <v>86049</v>
      </c>
      <c r="C25211" s="1" t="s">
        <v>160</v>
      </c>
      <c r="D25211" s="1" t="s">
        <v>90277</v>
      </c>
      <c r="E25211" s="1" t="s">
        <v>90278</v>
      </c>
      <c r="F25211" s="1" t="s">
        <v>90279</v>
      </c>
      <c r="G25211" s="1" t="s">
        <v>90192</v>
      </c>
      <c r="H25211" s="1" t="s">
        <v>90193</v>
      </c>
      <c r="I25211" s="1" t="s">
        <v>86055</v>
      </c>
      <c r="J25211" s="1" t="s">
        <v>90280</v>
      </c>
    </row>
    <row r="25212" spans="1:10" x14ac:dyDescent="0.35">
      <c r="A25212" s="1" t="s">
        <v>1896</v>
      </c>
      <c r="B25212" s="1" t="s">
        <v>86049</v>
      </c>
      <c r="C25212" s="1" t="s">
        <v>165</v>
      </c>
      <c r="D25212" s="1" t="s">
        <v>65759</v>
      </c>
      <c r="E25212" s="1" t="s">
        <v>31812</v>
      </c>
      <c r="F25212" s="1" t="s">
        <v>72814</v>
      </c>
      <c r="G25212" s="1" t="s">
        <v>90192</v>
      </c>
      <c r="H25212" s="1" t="s">
        <v>90193</v>
      </c>
      <c r="I25212" s="1" t="s">
        <v>86055</v>
      </c>
      <c r="J25212" s="1" t="s">
        <v>90281</v>
      </c>
    </row>
    <row r="25213" spans="1:10" x14ac:dyDescent="0.35">
      <c r="A25213" s="1" t="s">
        <v>1896</v>
      </c>
      <c r="B25213" s="1" t="s">
        <v>86049</v>
      </c>
      <c r="C25213" s="1" t="s">
        <v>170</v>
      </c>
      <c r="D25213" s="1" t="s">
        <v>87619</v>
      </c>
      <c r="E25213" s="1" t="s">
        <v>90282</v>
      </c>
      <c r="F25213" s="1" t="s">
        <v>90283</v>
      </c>
      <c r="G25213" s="1" t="s">
        <v>90192</v>
      </c>
      <c r="H25213" s="1" t="s">
        <v>90193</v>
      </c>
      <c r="I25213" s="1" t="s">
        <v>86055</v>
      </c>
      <c r="J25213" s="1" t="s">
        <v>90284</v>
      </c>
    </row>
    <row r="25214" spans="1:10" x14ac:dyDescent="0.35">
      <c r="A25214" s="1" t="s">
        <v>9826</v>
      </c>
      <c r="B25214" s="1" t="s">
        <v>86049</v>
      </c>
      <c r="C25214" s="1" t="s">
        <v>8</v>
      </c>
      <c r="D25214" s="1" t="s">
        <v>61753</v>
      </c>
      <c r="E25214" s="1" t="s">
        <v>90285</v>
      </c>
      <c r="F25214" s="1" t="s">
        <v>90286</v>
      </c>
      <c r="G25214" s="1" t="s">
        <v>90287</v>
      </c>
      <c r="H25214" s="1" t="s">
        <v>90288</v>
      </c>
      <c r="I25214" s="1" t="s">
        <v>86055</v>
      </c>
      <c r="J25214" s="1" t="s">
        <v>13</v>
      </c>
    </row>
    <row r="25215" spans="1:10" x14ac:dyDescent="0.35">
      <c r="A25215" s="1" t="s">
        <v>9826</v>
      </c>
      <c r="B25215" s="1" t="s">
        <v>86049</v>
      </c>
      <c r="C25215" s="1" t="s">
        <v>15</v>
      </c>
      <c r="D25215" s="1" t="s">
        <v>90289</v>
      </c>
      <c r="E25215" s="1" t="s">
        <v>90290</v>
      </c>
      <c r="F25215" s="1" t="s">
        <v>90291</v>
      </c>
      <c r="G25215" s="1" t="s">
        <v>90287</v>
      </c>
      <c r="H25215" s="1" t="s">
        <v>90288</v>
      </c>
      <c r="I25215" s="1" t="s">
        <v>86055</v>
      </c>
      <c r="J25215" s="1" t="s">
        <v>90292</v>
      </c>
    </row>
    <row r="25216" spans="1:10" x14ac:dyDescent="0.35">
      <c r="A25216" s="1" t="s">
        <v>9826</v>
      </c>
      <c r="B25216" s="1" t="s">
        <v>86049</v>
      </c>
      <c r="C25216" s="1" t="s">
        <v>20</v>
      </c>
      <c r="D25216" s="1" t="s">
        <v>69658</v>
      </c>
      <c r="E25216" s="1" t="s">
        <v>90293</v>
      </c>
      <c r="F25216" s="1" t="s">
        <v>90294</v>
      </c>
      <c r="G25216" s="1" t="s">
        <v>90287</v>
      </c>
      <c r="H25216" s="1" t="s">
        <v>90288</v>
      </c>
      <c r="I25216" s="1" t="s">
        <v>86055</v>
      </c>
      <c r="J25216" s="1" t="s">
        <v>90295</v>
      </c>
    </row>
    <row r="25217" spans="1:10" x14ac:dyDescent="0.35">
      <c r="A25217" s="1" t="s">
        <v>9826</v>
      </c>
      <c r="B25217" s="1" t="s">
        <v>86049</v>
      </c>
      <c r="C25217" s="1" t="s">
        <v>25</v>
      </c>
      <c r="D25217" s="1" t="s">
        <v>22486</v>
      </c>
      <c r="E25217" s="1" t="s">
        <v>90296</v>
      </c>
      <c r="F25217" s="1" t="s">
        <v>90297</v>
      </c>
      <c r="G25217" s="1" t="s">
        <v>90287</v>
      </c>
      <c r="H25217" s="1" t="s">
        <v>90288</v>
      </c>
      <c r="I25217" s="1" t="s">
        <v>86055</v>
      </c>
      <c r="J25217" s="1" t="s">
        <v>90298</v>
      </c>
    </row>
    <row r="25218" spans="1:10" x14ac:dyDescent="0.35">
      <c r="A25218" s="1" t="s">
        <v>9826</v>
      </c>
      <c r="B25218" s="1" t="s">
        <v>86049</v>
      </c>
      <c r="C25218" s="1" t="s">
        <v>30</v>
      </c>
      <c r="D25218" s="1" t="s">
        <v>90299</v>
      </c>
      <c r="E25218" s="1" t="s">
        <v>90300</v>
      </c>
      <c r="F25218" s="1" t="s">
        <v>90301</v>
      </c>
      <c r="G25218" s="1" t="s">
        <v>90287</v>
      </c>
      <c r="H25218" s="1" t="s">
        <v>90288</v>
      </c>
      <c r="I25218" s="1" t="s">
        <v>86055</v>
      </c>
      <c r="J25218" s="1" t="s">
        <v>90302</v>
      </c>
    </row>
    <row r="25219" spans="1:10" x14ac:dyDescent="0.35">
      <c r="A25219" s="1" t="s">
        <v>9826</v>
      </c>
      <c r="B25219" s="1" t="s">
        <v>86049</v>
      </c>
      <c r="C25219" s="1" t="s">
        <v>35</v>
      </c>
      <c r="D25219" s="1" t="s">
        <v>90303</v>
      </c>
      <c r="E25219" s="1" t="s">
        <v>90304</v>
      </c>
      <c r="F25219" s="1" t="s">
        <v>90305</v>
      </c>
      <c r="G25219" s="1" t="s">
        <v>90287</v>
      </c>
      <c r="H25219" s="1" t="s">
        <v>90288</v>
      </c>
      <c r="I25219" s="1" t="s">
        <v>86055</v>
      </c>
      <c r="J25219" s="1" t="s">
        <v>90306</v>
      </c>
    </row>
    <row r="25220" spans="1:10" x14ac:dyDescent="0.35">
      <c r="A25220" s="1" t="s">
        <v>9826</v>
      </c>
      <c r="B25220" s="1" t="s">
        <v>86049</v>
      </c>
      <c r="C25220" s="1" t="s">
        <v>40</v>
      </c>
      <c r="D25220" s="1" t="s">
        <v>90307</v>
      </c>
      <c r="E25220" s="1" t="s">
        <v>90308</v>
      </c>
      <c r="F25220" s="1" t="s">
        <v>90309</v>
      </c>
      <c r="G25220" s="1" t="s">
        <v>90287</v>
      </c>
      <c r="H25220" s="1" t="s">
        <v>90288</v>
      </c>
      <c r="I25220" s="1" t="s">
        <v>86055</v>
      </c>
      <c r="J25220" s="1" t="s">
        <v>90310</v>
      </c>
    </row>
    <row r="25221" spans="1:10" x14ac:dyDescent="0.35">
      <c r="A25221" s="1" t="s">
        <v>9826</v>
      </c>
      <c r="B25221" s="1" t="s">
        <v>86049</v>
      </c>
      <c r="C25221" s="1" t="s">
        <v>45</v>
      </c>
      <c r="D25221" s="1" t="s">
        <v>57689</v>
      </c>
      <c r="E25221" s="1" t="s">
        <v>90311</v>
      </c>
      <c r="F25221" s="1" t="s">
        <v>90312</v>
      </c>
      <c r="G25221" s="1" t="s">
        <v>90287</v>
      </c>
      <c r="H25221" s="1" t="s">
        <v>90288</v>
      </c>
      <c r="I25221" s="1" t="s">
        <v>86055</v>
      </c>
      <c r="J25221" s="1" t="s">
        <v>90313</v>
      </c>
    </row>
    <row r="25222" spans="1:10" x14ac:dyDescent="0.35">
      <c r="A25222" s="1" t="s">
        <v>9826</v>
      </c>
      <c r="B25222" s="1" t="s">
        <v>86049</v>
      </c>
      <c r="C25222" s="1" t="s">
        <v>50</v>
      </c>
      <c r="D25222" s="1" t="s">
        <v>12585</v>
      </c>
      <c r="E25222" s="1" t="s">
        <v>90314</v>
      </c>
      <c r="F25222" s="1" t="s">
        <v>90315</v>
      </c>
      <c r="G25222" s="1" t="s">
        <v>90287</v>
      </c>
      <c r="H25222" s="1" t="s">
        <v>90288</v>
      </c>
      <c r="I25222" s="1" t="s">
        <v>86055</v>
      </c>
      <c r="J25222" s="1" t="s">
        <v>90316</v>
      </c>
    </row>
    <row r="25223" spans="1:10" x14ac:dyDescent="0.35">
      <c r="A25223" s="1" t="s">
        <v>9826</v>
      </c>
      <c r="B25223" s="1" t="s">
        <v>86049</v>
      </c>
      <c r="C25223" s="1" t="s">
        <v>55</v>
      </c>
      <c r="D25223" s="1" t="s">
        <v>90317</v>
      </c>
      <c r="E25223" s="1" t="s">
        <v>90318</v>
      </c>
      <c r="F25223" s="1" t="s">
        <v>90319</v>
      </c>
      <c r="G25223" s="1" t="s">
        <v>90287</v>
      </c>
      <c r="H25223" s="1" t="s">
        <v>90288</v>
      </c>
      <c r="I25223" s="1" t="s">
        <v>86055</v>
      </c>
      <c r="J25223" s="1" t="s">
        <v>90320</v>
      </c>
    </row>
    <row r="25224" spans="1:10" x14ac:dyDescent="0.35">
      <c r="A25224" s="1" t="s">
        <v>9826</v>
      </c>
      <c r="B25224" s="1" t="s">
        <v>86049</v>
      </c>
      <c r="C25224" s="1" t="s">
        <v>60</v>
      </c>
      <c r="D25224" s="1" t="s">
        <v>61783</v>
      </c>
      <c r="E25224" s="1" t="s">
        <v>90321</v>
      </c>
      <c r="F25224" s="1" t="s">
        <v>90322</v>
      </c>
      <c r="G25224" s="1" t="s">
        <v>90287</v>
      </c>
      <c r="H25224" s="1" t="s">
        <v>90288</v>
      </c>
      <c r="I25224" s="1" t="s">
        <v>86055</v>
      </c>
      <c r="J25224" s="1" t="s">
        <v>90323</v>
      </c>
    </row>
    <row r="25225" spans="1:10" x14ac:dyDescent="0.35">
      <c r="A25225" s="1" t="s">
        <v>9826</v>
      </c>
      <c r="B25225" s="1" t="s">
        <v>86049</v>
      </c>
      <c r="C25225" s="1" t="s">
        <v>65</v>
      </c>
      <c r="D25225" s="1" t="s">
        <v>86494</v>
      </c>
      <c r="E25225" s="1" t="s">
        <v>90324</v>
      </c>
      <c r="F25225" s="1" t="s">
        <v>90325</v>
      </c>
      <c r="G25225" s="1" t="s">
        <v>90287</v>
      </c>
      <c r="H25225" s="1" t="s">
        <v>90288</v>
      </c>
      <c r="I25225" s="1" t="s">
        <v>86055</v>
      </c>
      <c r="J25225" s="1" t="s">
        <v>90326</v>
      </c>
    </row>
    <row r="25226" spans="1:10" x14ac:dyDescent="0.35">
      <c r="A25226" s="1" t="s">
        <v>9826</v>
      </c>
      <c r="B25226" s="1" t="s">
        <v>86049</v>
      </c>
      <c r="C25226" s="1" t="s">
        <v>70</v>
      </c>
      <c r="D25226" s="1" t="s">
        <v>90327</v>
      </c>
      <c r="E25226" s="1" t="s">
        <v>90328</v>
      </c>
      <c r="F25226" s="1" t="s">
        <v>90329</v>
      </c>
      <c r="G25226" s="1" t="s">
        <v>90287</v>
      </c>
      <c r="H25226" s="1" t="s">
        <v>90288</v>
      </c>
      <c r="I25226" s="1" t="s">
        <v>86055</v>
      </c>
      <c r="J25226" s="1" t="s">
        <v>90330</v>
      </c>
    </row>
    <row r="25227" spans="1:10" x14ac:dyDescent="0.35">
      <c r="A25227" s="1" t="s">
        <v>9826</v>
      </c>
      <c r="B25227" s="1" t="s">
        <v>86049</v>
      </c>
      <c r="C25227" s="1" t="s">
        <v>75</v>
      </c>
      <c r="D25227" s="1" t="s">
        <v>90331</v>
      </c>
      <c r="E25227" s="1" t="s">
        <v>90332</v>
      </c>
      <c r="F25227" s="1" t="s">
        <v>90333</v>
      </c>
      <c r="G25227" s="1" t="s">
        <v>90287</v>
      </c>
      <c r="H25227" s="1" t="s">
        <v>90288</v>
      </c>
      <c r="I25227" s="1" t="s">
        <v>86055</v>
      </c>
      <c r="J25227" s="1" t="s">
        <v>90334</v>
      </c>
    </row>
    <row r="25228" spans="1:10" x14ac:dyDescent="0.35">
      <c r="A25228" s="1" t="s">
        <v>9826</v>
      </c>
      <c r="B25228" s="1" t="s">
        <v>86049</v>
      </c>
      <c r="C25228" s="1" t="s">
        <v>80</v>
      </c>
      <c r="D25228" s="1" t="s">
        <v>58831</v>
      </c>
      <c r="E25228" s="1" t="s">
        <v>90335</v>
      </c>
      <c r="F25228" s="1" t="s">
        <v>54681</v>
      </c>
      <c r="G25228" s="1" t="s">
        <v>90287</v>
      </c>
      <c r="H25228" s="1" t="s">
        <v>90288</v>
      </c>
      <c r="I25228" s="1" t="s">
        <v>86055</v>
      </c>
      <c r="J25228" s="1" t="s">
        <v>90336</v>
      </c>
    </row>
    <row r="25229" spans="1:10" x14ac:dyDescent="0.35">
      <c r="A25229" s="1" t="s">
        <v>9826</v>
      </c>
      <c r="B25229" s="1" t="s">
        <v>86049</v>
      </c>
      <c r="C25229" s="1" t="s">
        <v>85</v>
      </c>
      <c r="D25229" s="1" t="s">
        <v>90337</v>
      </c>
      <c r="E25229" s="1" t="s">
        <v>90338</v>
      </c>
      <c r="F25229" s="1" t="s">
        <v>90339</v>
      </c>
      <c r="G25229" s="1" t="s">
        <v>90287</v>
      </c>
      <c r="H25229" s="1" t="s">
        <v>90288</v>
      </c>
      <c r="I25229" s="1" t="s">
        <v>86055</v>
      </c>
      <c r="J25229" s="1" t="s">
        <v>90340</v>
      </c>
    </row>
    <row r="25230" spans="1:10" x14ac:dyDescent="0.35">
      <c r="A25230" s="1" t="s">
        <v>9826</v>
      </c>
      <c r="B25230" s="1" t="s">
        <v>86049</v>
      </c>
      <c r="C25230" s="1" t="s">
        <v>90</v>
      </c>
      <c r="D25230" s="1" t="s">
        <v>90341</v>
      </c>
      <c r="E25230" s="1" t="s">
        <v>90342</v>
      </c>
      <c r="F25230" s="1" t="s">
        <v>90343</v>
      </c>
      <c r="G25230" s="1" t="s">
        <v>90287</v>
      </c>
      <c r="H25230" s="1" t="s">
        <v>90288</v>
      </c>
      <c r="I25230" s="1" t="s">
        <v>86055</v>
      </c>
      <c r="J25230" s="1" t="s">
        <v>90344</v>
      </c>
    </row>
    <row r="25231" spans="1:10" x14ac:dyDescent="0.35">
      <c r="A25231" s="1" t="s">
        <v>9826</v>
      </c>
      <c r="B25231" s="1" t="s">
        <v>86049</v>
      </c>
      <c r="C25231" s="1" t="s">
        <v>95</v>
      </c>
      <c r="D25231" s="1" t="s">
        <v>90345</v>
      </c>
      <c r="E25231" s="1" t="s">
        <v>90346</v>
      </c>
      <c r="F25231" s="1" t="s">
        <v>90347</v>
      </c>
      <c r="G25231" s="1" t="s">
        <v>90287</v>
      </c>
      <c r="H25231" s="1" t="s">
        <v>90288</v>
      </c>
      <c r="I25231" s="1" t="s">
        <v>86055</v>
      </c>
      <c r="J25231" s="1" t="s">
        <v>90348</v>
      </c>
    </row>
    <row r="25232" spans="1:10" x14ac:dyDescent="0.35">
      <c r="A25232" s="1" t="s">
        <v>9826</v>
      </c>
      <c r="B25232" s="1" t="s">
        <v>86049</v>
      </c>
      <c r="C25232" s="1" t="s">
        <v>100</v>
      </c>
      <c r="D25232" s="1" t="s">
        <v>90349</v>
      </c>
      <c r="E25232" s="1" t="s">
        <v>90350</v>
      </c>
      <c r="F25232" s="1" t="s">
        <v>90351</v>
      </c>
      <c r="G25232" s="1" t="s">
        <v>90287</v>
      </c>
      <c r="H25232" s="1" t="s">
        <v>90288</v>
      </c>
      <c r="I25232" s="1" t="s">
        <v>86055</v>
      </c>
      <c r="J25232" s="1" t="s">
        <v>90352</v>
      </c>
    </row>
    <row r="25233" spans="1:10" x14ac:dyDescent="0.35">
      <c r="A25233" s="1" t="s">
        <v>9826</v>
      </c>
      <c r="B25233" s="1" t="s">
        <v>86049</v>
      </c>
      <c r="C25233" s="1" t="s">
        <v>105</v>
      </c>
      <c r="D25233" s="1" t="s">
        <v>90353</v>
      </c>
      <c r="E25233" s="1" t="s">
        <v>90354</v>
      </c>
      <c r="F25233" s="1" t="s">
        <v>90355</v>
      </c>
      <c r="G25233" s="1" t="s">
        <v>90287</v>
      </c>
      <c r="H25233" s="1" t="s">
        <v>90288</v>
      </c>
      <c r="I25233" s="1" t="s">
        <v>86055</v>
      </c>
      <c r="J25233" s="1" t="s">
        <v>90356</v>
      </c>
    </row>
    <row r="25234" spans="1:10" x14ac:dyDescent="0.35">
      <c r="A25234" s="1" t="s">
        <v>9826</v>
      </c>
      <c r="B25234" s="1" t="s">
        <v>86049</v>
      </c>
      <c r="C25234" s="1" t="s">
        <v>110</v>
      </c>
      <c r="D25234" s="1" t="s">
        <v>90357</v>
      </c>
      <c r="E25234" s="1" t="s">
        <v>90358</v>
      </c>
      <c r="F25234" s="1" t="s">
        <v>90359</v>
      </c>
      <c r="G25234" s="1" t="s">
        <v>90287</v>
      </c>
      <c r="H25234" s="1" t="s">
        <v>90288</v>
      </c>
      <c r="I25234" s="1" t="s">
        <v>86055</v>
      </c>
      <c r="J25234" s="1" t="s">
        <v>90360</v>
      </c>
    </row>
    <row r="25235" spans="1:10" x14ac:dyDescent="0.35">
      <c r="A25235" s="1" t="s">
        <v>9826</v>
      </c>
      <c r="B25235" s="1" t="s">
        <v>86049</v>
      </c>
      <c r="C25235" s="1" t="s">
        <v>115</v>
      </c>
      <c r="D25235" s="1" t="s">
        <v>90361</v>
      </c>
      <c r="E25235" s="1" t="s">
        <v>90362</v>
      </c>
      <c r="F25235" s="1" t="s">
        <v>90363</v>
      </c>
      <c r="G25235" s="1" t="s">
        <v>90287</v>
      </c>
      <c r="H25235" s="1" t="s">
        <v>90288</v>
      </c>
      <c r="I25235" s="1" t="s">
        <v>86055</v>
      </c>
      <c r="J25235" s="1" t="s">
        <v>90364</v>
      </c>
    </row>
    <row r="25236" spans="1:10" x14ac:dyDescent="0.35">
      <c r="A25236" s="1" t="s">
        <v>9826</v>
      </c>
      <c r="B25236" s="1" t="s">
        <v>86049</v>
      </c>
      <c r="C25236" s="1" t="s">
        <v>120</v>
      </c>
      <c r="D25236" s="1" t="s">
        <v>90365</v>
      </c>
      <c r="E25236" s="1" t="s">
        <v>90366</v>
      </c>
      <c r="F25236" s="1" t="s">
        <v>90367</v>
      </c>
      <c r="G25236" s="1" t="s">
        <v>90287</v>
      </c>
      <c r="H25236" s="1" t="s">
        <v>90288</v>
      </c>
      <c r="I25236" s="1" t="s">
        <v>86055</v>
      </c>
      <c r="J25236" s="1" t="s">
        <v>90368</v>
      </c>
    </row>
    <row r="25237" spans="1:10" x14ac:dyDescent="0.35">
      <c r="A25237" s="1" t="s">
        <v>9826</v>
      </c>
      <c r="B25237" s="1" t="s">
        <v>86049</v>
      </c>
      <c r="C25237" s="1" t="s">
        <v>125</v>
      </c>
      <c r="D25237" s="1" t="s">
        <v>90369</v>
      </c>
      <c r="E25237" s="1" t="s">
        <v>90370</v>
      </c>
      <c r="F25237" s="1" t="s">
        <v>90371</v>
      </c>
      <c r="G25237" s="1" t="s">
        <v>90287</v>
      </c>
      <c r="H25237" s="1" t="s">
        <v>90288</v>
      </c>
      <c r="I25237" s="1" t="s">
        <v>86055</v>
      </c>
      <c r="J25237" s="1" t="s">
        <v>90372</v>
      </c>
    </row>
    <row r="25238" spans="1:10" x14ac:dyDescent="0.35">
      <c r="A25238" s="1" t="s">
        <v>9826</v>
      </c>
      <c r="B25238" s="1" t="s">
        <v>86049</v>
      </c>
      <c r="C25238" s="1" t="s">
        <v>130</v>
      </c>
      <c r="D25238" s="1" t="s">
        <v>90373</v>
      </c>
      <c r="E25238" s="1" t="s">
        <v>90374</v>
      </c>
      <c r="F25238" s="1" t="s">
        <v>90375</v>
      </c>
      <c r="G25238" s="1" t="s">
        <v>90287</v>
      </c>
      <c r="H25238" s="1" t="s">
        <v>90288</v>
      </c>
      <c r="I25238" s="1" t="s">
        <v>86055</v>
      </c>
      <c r="J25238" s="1" t="s">
        <v>90376</v>
      </c>
    </row>
    <row r="25239" spans="1:10" x14ac:dyDescent="0.35">
      <c r="A25239" s="1" t="s">
        <v>9826</v>
      </c>
      <c r="B25239" s="1" t="s">
        <v>86049</v>
      </c>
      <c r="C25239" s="1" t="s">
        <v>135</v>
      </c>
      <c r="D25239" s="1" t="s">
        <v>90377</v>
      </c>
      <c r="E25239" s="1" t="s">
        <v>90378</v>
      </c>
      <c r="F25239" s="1" t="s">
        <v>90379</v>
      </c>
      <c r="G25239" s="1" t="s">
        <v>90287</v>
      </c>
      <c r="H25239" s="1" t="s">
        <v>90288</v>
      </c>
      <c r="I25239" s="1" t="s">
        <v>86055</v>
      </c>
      <c r="J25239" s="1" t="s">
        <v>90380</v>
      </c>
    </row>
    <row r="25240" spans="1:10" x14ac:dyDescent="0.35">
      <c r="A25240" s="1" t="s">
        <v>9826</v>
      </c>
      <c r="B25240" s="1" t="s">
        <v>86049</v>
      </c>
      <c r="C25240" s="1" t="s">
        <v>140</v>
      </c>
      <c r="D25240" s="1" t="s">
        <v>90381</v>
      </c>
      <c r="E25240" s="1" t="s">
        <v>90382</v>
      </c>
      <c r="F25240" s="1" t="s">
        <v>90383</v>
      </c>
      <c r="G25240" s="1" t="s">
        <v>90287</v>
      </c>
      <c r="H25240" s="1" t="s">
        <v>90288</v>
      </c>
      <c r="I25240" s="1" t="s">
        <v>86055</v>
      </c>
      <c r="J25240" s="1" t="s">
        <v>90384</v>
      </c>
    </row>
    <row r="25241" spans="1:10" x14ac:dyDescent="0.35">
      <c r="A25241" s="1" t="s">
        <v>9826</v>
      </c>
      <c r="B25241" s="1" t="s">
        <v>86049</v>
      </c>
      <c r="C25241" s="1" t="s">
        <v>145</v>
      </c>
      <c r="D25241" s="1" t="s">
        <v>55314</v>
      </c>
      <c r="E25241" s="1" t="s">
        <v>90385</v>
      </c>
      <c r="F25241" s="1" t="s">
        <v>90386</v>
      </c>
      <c r="G25241" s="1" t="s">
        <v>90287</v>
      </c>
      <c r="H25241" s="1" t="s">
        <v>90288</v>
      </c>
      <c r="I25241" s="1" t="s">
        <v>86055</v>
      </c>
      <c r="J25241" s="1" t="s">
        <v>90387</v>
      </c>
    </row>
    <row r="25242" spans="1:10" x14ac:dyDescent="0.35">
      <c r="A25242" s="1" t="s">
        <v>9826</v>
      </c>
      <c r="B25242" s="1" t="s">
        <v>86049</v>
      </c>
      <c r="C25242" s="1" t="s">
        <v>150</v>
      </c>
      <c r="D25242" s="1" t="s">
        <v>90388</v>
      </c>
      <c r="E25242" s="1" t="s">
        <v>90389</v>
      </c>
      <c r="F25242" s="1" t="s">
        <v>90390</v>
      </c>
      <c r="G25242" s="1" t="s">
        <v>90287</v>
      </c>
      <c r="H25242" s="1" t="s">
        <v>90288</v>
      </c>
      <c r="I25242" s="1" t="s">
        <v>86055</v>
      </c>
      <c r="J25242" s="1" t="s">
        <v>90391</v>
      </c>
    </row>
    <row r="25243" spans="1:10" x14ac:dyDescent="0.35">
      <c r="A25243" s="1" t="s">
        <v>9826</v>
      </c>
      <c r="B25243" s="1" t="s">
        <v>86049</v>
      </c>
      <c r="C25243" s="1" t="s">
        <v>155</v>
      </c>
      <c r="D25243" s="1" t="s">
        <v>90392</v>
      </c>
      <c r="E25243" s="1" t="s">
        <v>90393</v>
      </c>
      <c r="F25243" s="1" t="s">
        <v>90394</v>
      </c>
      <c r="G25243" s="1" t="s">
        <v>90287</v>
      </c>
      <c r="H25243" s="1" t="s">
        <v>90288</v>
      </c>
      <c r="I25243" s="1" t="s">
        <v>86055</v>
      </c>
      <c r="J25243" s="1" t="s">
        <v>90395</v>
      </c>
    </row>
    <row r="25244" spans="1:10" x14ac:dyDescent="0.35">
      <c r="A25244" s="1" t="s">
        <v>9826</v>
      </c>
      <c r="B25244" s="1" t="s">
        <v>86049</v>
      </c>
      <c r="C25244" s="1" t="s">
        <v>160</v>
      </c>
      <c r="D25244" s="1" t="s">
        <v>90396</v>
      </c>
      <c r="E25244" s="1" t="s">
        <v>90397</v>
      </c>
      <c r="F25244" s="1" t="s">
        <v>90398</v>
      </c>
      <c r="G25244" s="1" t="s">
        <v>90287</v>
      </c>
      <c r="H25244" s="1" t="s">
        <v>90288</v>
      </c>
      <c r="I25244" s="1" t="s">
        <v>86055</v>
      </c>
      <c r="J25244" s="1" t="s">
        <v>90399</v>
      </c>
    </row>
    <row r="25245" spans="1:10" x14ac:dyDescent="0.35">
      <c r="A25245" s="1" t="s">
        <v>9826</v>
      </c>
      <c r="B25245" s="1" t="s">
        <v>86049</v>
      </c>
      <c r="C25245" s="1" t="s">
        <v>165</v>
      </c>
      <c r="D25245" s="1" t="s">
        <v>90400</v>
      </c>
      <c r="E25245" s="1" t="s">
        <v>90401</v>
      </c>
      <c r="F25245" s="1" t="s">
        <v>90402</v>
      </c>
      <c r="G25245" s="1" t="s">
        <v>90287</v>
      </c>
      <c r="H25245" s="1" t="s">
        <v>90288</v>
      </c>
      <c r="I25245" s="1" t="s">
        <v>86055</v>
      </c>
      <c r="J25245" s="1" t="s">
        <v>90403</v>
      </c>
    </row>
    <row r="25246" spans="1:10" x14ac:dyDescent="0.35">
      <c r="A25246" s="1" t="s">
        <v>9826</v>
      </c>
      <c r="B25246" s="1" t="s">
        <v>86049</v>
      </c>
      <c r="C25246" s="1" t="s">
        <v>170</v>
      </c>
      <c r="D25246" s="1" t="s">
        <v>90404</v>
      </c>
      <c r="E25246" s="1" t="s">
        <v>90405</v>
      </c>
      <c r="F25246" s="1" t="s">
        <v>90406</v>
      </c>
      <c r="G25246" s="1" t="s">
        <v>90287</v>
      </c>
      <c r="H25246" s="1" t="s">
        <v>90288</v>
      </c>
      <c r="I25246" s="1" t="s">
        <v>86055</v>
      </c>
      <c r="J25246" s="1" t="s">
        <v>90407</v>
      </c>
    </row>
    <row r="25247" spans="1:10" x14ac:dyDescent="0.35">
      <c r="A25247" s="1" t="s">
        <v>6235</v>
      </c>
      <c r="B25247" s="1" t="s">
        <v>86049</v>
      </c>
      <c r="C25247" s="1" t="s">
        <v>8</v>
      </c>
      <c r="D25247" s="1" t="s">
        <v>90408</v>
      </c>
      <c r="E25247" s="1" t="s">
        <v>90409</v>
      </c>
      <c r="F25247" s="1" t="s">
        <v>90410</v>
      </c>
      <c r="G25247" s="1" t="s">
        <v>90411</v>
      </c>
      <c r="H25247" s="1" t="s">
        <v>90412</v>
      </c>
      <c r="I25247" s="1" t="s">
        <v>86055</v>
      </c>
      <c r="J25247" s="1" t="s">
        <v>13</v>
      </c>
    </row>
    <row r="25248" spans="1:10" x14ac:dyDescent="0.35">
      <c r="A25248" s="1" t="s">
        <v>6235</v>
      </c>
      <c r="B25248" s="1" t="s">
        <v>86049</v>
      </c>
      <c r="C25248" s="1" t="s">
        <v>15</v>
      </c>
      <c r="D25248" s="1" t="s">
        <v>59702</v>
      </c>
      <c r="E25248" s="1" t="s">
        <v>90413</v>
      </c>
      <c r="F25248" s="1" t="s">
        <v>90414</v>
      </c>
      <c r="G25248" s="1" t="s">
        <v>90411</v>
      </c>
      <c r="H25248" s="1" t="s">
        <v>90412</v>
      </c>
      <c r="I25248" s="1" t="s">
        <v>86055</v>
      </c>
      <c r="J25248" s="1" t="s">
        <v>90415</v>
      </c>
    </row>
    <row r="25249" spans="1:10" x14ac:dyDescent="0.35">
      <c r="A25249" s="1" t="s">
        <v>6235</v>
      </c>
      <c r="B25249" s="1" t="s">
        <v>86049</v>
      </c>
      <c r="C25249" s="1" t="s">
        <v>20</v>
      </c>
      <c r="D25249" s="1" t="s">
        <v>90416</v>
      </c>
      <c r="E25249" s="1" t="s">
        <v>90417</v>
      </c>
      <c r="F25249" s="1" t="s">
        <v>90418</v>
      </c>
      <c r="G25249" s="1" t="s">
        <v>90411</v>
      </c>
      <c r="H25249" s="1" t="s">
        <v>90412</v>
      </c>
      <c r="I25249" s="1" t="s">
        <v>86055</v>
      </c>
      <c r="J25249" s="1" t="s">
        <v>90419</v>
      </c>
    </row>
    <row r="25250" spans="1:10" x14ac:dyDescent="0.35">
      <c r="A25250" s="1" t="s">
        <v>6235</v>
      </c>
      <c r="B25250" s="1" t="s">
        <v>86049</v>
      </c>
      <c r="C25250" s="1" t="s">
        <v>25</v>
      </c>
      <c r="D25250" s="1" t="s">
        <v>66180</v>
      </c>
      <c r="E25250" s="1" t="s">
        <v>90420</v>
      </c>
      <c r="F25250" s="1" t="s">
        <v>90421</v>
      </c>
      <c r="G25250" s="1" t="s">
        <v>90411</v>
      </c>
      <c r="H25250" s="1" t="s">
        <v>90412</v>
      </c>
      <c r="I25250" s="1" t="s">
        <v>86055</v>
      </c>
      <c r="J25250" s="1" t="s">
        <v>90422</v>
      </c>
    </row>
    <row r="25251" spans="1:10" x14ac:dyDescent="0.35">
      <c r="A25251" s="1" t="s">
        <v>6235</v>
      </c>
      <c r="B25251" s="1" t="s">
        <v>86049</v>
      </c>
      <c r="C25251" s="1" t="s">
        <v>30</v>
      </c>
      <c r="D25251" s="1" t="s">
        <v>53227</v>
      </c>
      <c r="E25251" s="1" t="s">
        <v>90423</v>
      </c>
      <c r="F25251" s="1" t="s">
        <v>90424</v>
      </c>
      <c r="G25251" s="1" t="s">
        <v>90411</v>
      </c>
      <c r="H25251" s="1" t="s">
        <v>90412</v>
      </c>
      <c r="I25251" s="1" t="s">
        <v>86055</v>
      </c>
      <c r="J25251" s="1" t="s">
        <v>90425</v>
      </c>
    </row>
    <row r="25252" spans="1:10" x14ac:dyDescent="0.35">
      <c r="A25252" s="1" t="s">
        <v>6235</v>
      </c>
      <c r="B25252" s="1" t="s">
        <v>86049</v>
      </c>
      <c r="C25252" s="1" t="s">
        <v>35</v>
      </c>
      <c r="D25252" s="1" t="s">
        <v>90426</v>
      </c>
      <c r="E25252" s="1" t="s">
        <v>90427</v>
      </c>
      <c r="F25252" s="1" t="s">
        <v>90428</v>
      </c>
      <c r="G25252" s="1" t="s">
        <v>90411</v>
      </c>
      <c r="H25252" s="1" t="s">
        <v>90412</v>
      </c>
      <c r="I25252" s="1" t="s">
        <v>86055</v>
      </c>
      <c r="J25252" s="1" t="s">
        <v>90429</v>
      </c>
    </row>
    <row r="25253" spans="1:10" x14ac:dyDescent="0.35">
      <c r="A25253" s="1" t="s">
        <v>6235</v>
      </c>
      <c r="B25253" s="1" t="s">
        <v>86049</v>
      </c>
      <c r="C25253" s="1" t="s">
        <v>40</v>
      </c>
      <c r="D25253" s="1" t="s">
        <v>90430</v>
      </c>
      <c r="E25253" s="1" t="s">
        <v>90431</v>
      </c>
      <c r="F25253" s="1" t="s">
        <v>90432</v>
      </c>
      <c r="G25253" s="1" t="s">
        <v>90411</v>
      </c>
      <c r="H25253" s="1" t="s">
        <v>90412</v>
      </c>
      <c r="I25253" s="1" t="s">
        <v>86055</v>
      </c>
      <c r="J25253" s="1" t="s">
        <v>90433</v>
      </c>
    </row>
    <row r="25254" spans="1:10" x14ac:dyDescent="0.35">
      <c r="A25254" s="1" t="s">
        <v>6235</v>
      </c>
      <c r="B25254" s="1" t="s">
        <v>86049</v>
      </c>
      <c r="C25254" s="1" t="s">
        <v>45</v>
      </c>
      <c r="D25254" s="1" t="s">
        <v>24055</v>
      </c>
      <c r="E25254" s="1" t="s">
        <v>90434</v>
      </c>
      <c r="F25254" s="1" t="s">
        <v>90435</v>
      </c>
      <c r="G25254" s="1" t="s">
        <v>90411</v>
      </c>
      <c r="H25254" s="1" t="s">
        <v>90412</v>
      </c>
      <c r="I25254" s="1" t="s">
        <v>86055</v>
      </c>
      <c r="J25254" s="1" t="s">
        <v>90436</v>
      </c>
    </row>
    <row r="25255" spans="1:10" x14ac:dyDescent="0.35">
      <c r="A25255" s="1" t="s">
        <v>6235</v>
      </c>
      <c r="B25255" s="1" t="s">
        <v>86049</v>
      </c>
      <c r="C25255" s="1" t="s">
        <v>50</v>
      </c>
      <c r="D25255" s="1" t="s">
        <v>80773</v>
      </c>
      <c r="E25255" s="1" t="s">
        <v>90437</v>
      </c>
      <c r="F25255" s="1" t="s">
        <v>90438</v>
      </c>
      <c r="G25255" s="1" t="s">
        <v>90411</v>
      </c>
      <c r="H25255" s="1" t="s">
        <v>90412</v>
      </c>
      <c r="I25255" s="1" t="s">
        <v>86055</v>
      </c>
      <c r="J25255" s="1" t="s">
        <v>90439</v>
      </c>
    </row>
    <row r="25256" spans="1:10" x14ac:dyDescent="0.35">
      <c r="A25256" s="1" t="s">
        <v>6235</v>
      </c>
      <c r="B25256" s="1" t="s">
        <v>86049</v>
      </c>
      <c r="C25256" s="1" t="s">
        <v>55</v>
      </c>
      <c r="D25256" s="1" t="s">
        <v>56280</v>
      </c>
      <c r="E25256" s="1" t="s">
        <v>90440</v>
      </c>
      <c r="F25256" s="1" t="s">
        <v>90441</v>
      </c>
      <c r="G25256" s="1" t="s">
        <v>90411</v>
      </c>
      <c r="H25256" s="1" t="s">
        <v>90412</v>
      </c>
      <c r="I25256" s="1" t="s">
        <v>86055</v>
      </c>
      <c r="J25256" s="1" t="s">
        <v>90442</v>
      </c>
    </row>
    <row r="25257" spans="1:10" x14ac:dyDescent="0.35">
      <c r="A25257" s="1" t="s">
        <v>6235</v>
      </c>
      <c r="B25257" s="1" t="s">
        <v>86049</v>
      </c>
      <c r="C25257" s="1" t="s">
        <v>60</v>
      </c>
      <c r="D25257" s="1" t="s">
        <v>20578</v>
      </c>
      <c r="E25257" s="1" t="s">
        <v>90443</v>
      </c>
      <c r="F25257" s="1" t="s">
        <v>90444</v>
      </c>
      <c r="G25257" s="1" t="s">
        <v>90411</v>
      </c>
      <c r="H25257" s="1" t="s">
        <v>90412</v>
      </c>
      <c r="I25257" s="1" t="s">
        <v>86055</v>
      </c>
      <c r="J25257" s="1" t="s">
        <v>90445</v>
      </c>
    </row>
    <row r="25258" spans="1:10" x14ac:dyDescent="0.35">
      <c r="A25258" s="1" t="s">
        <v>6235</v>
      </c>
      <c r="B25258" s="1" t="s">
        <v>86049</v>
      </c>
      <c r="C25258" s="1" t="s">
        <v>65</v>
      </c>
      <c r="D25258" s="1" t="s">
        <v>90446</v>
      </c>
      <c r="E25258" s="1" t="s">
        <v>90447</v>
      </c>
      <c r="F25258" s="1" t="s">
        <v>90448</v>
      </c>
      <c r="G25258" s="1" t="s">
        <v>90411</v>
      </c>
      <c r="H25258" s="1" t="s">
        <v>90412</v>
      </c>
      <c r="I25258" s="1" t="s">
        <v>86055</v>
      </c>
      <c r="J25258" s="1" t="s">
        <v>90449</v>
      </c>
    </row>
    <row r="25259" spans="1:10" x14ac:dyDescent="0.35">
      <c r="A25259" s="1" t="s">
        <v>6235</v>
      </c>
      <c r="B25259" s="1" t="s">
        <v>86049</v>
      </c>
      <c r="C25259" s="1" t="s">
        <v>70</v>
      </c>
      <c r="D25259" s="1" t="s">
        <v>90450</v>
      </c>
      <c r="E25259" s="1" t="s">
        <v>90451</v>
      </c>
      <c r="F25259" s="1" t="s">
        <v>90452</v>
      </c>
      <c r="G25259" s="1" t="s">
        <v>90411</v>
      </c>
      <c r="H25259" s="1" t="s">
        <v>90412</v>
      </c>
      <c r="I25259" s="1" t="s">
        <v>86055</v>
      </c>
      <c r="J25259" s="1" t="s">
        <v>18852</v>
      </c>
    </row>
    <row r="25260" spans="1:10" x14ac:dyDescent="0.35">
      <c r="A25260" s="1" t="s">
        <v>6235</v>
      </c>
      <c r="B25260" s="1" t="s">
        <v>86049</v>
      </c>
      <c r="C25260" s="1" t="s">
        <v>75</v>
      </c>
      <c r="D25260" s="1" t="s">
        <v>90453</v>
      </c>
      <c r="E25260" s="1" t="s">
        <v>90454</v>
      </c>
      <c r="F25260" s="1" t="s">
        <v>90455</v>
      </c>
      <c r="G25260" s="1" t="s">
        <v>90411</v>
      </c>
      <c r="H25260" s="1" t="s">
        <v>90412</v>
      </c>
      <c r="I25260" s="1" t="s">
        <v>86055</v>
      </c>
      <c r="J25260" s="1" t="s">
        <v>90456</v>
      </c>
    </row>
    <row r="25261" spans="1:10" x14ac:dyDescent="0.35">
      <c r="A25261" s="1" t="s">
        <v>6235</v>
      </c>
      <c r="B25261" s="1" t="s">
        <v>86049</v>
      </c>
      <c r="C25261" s="1" t="s">
        <v>80</v>
      </c>
      <c r="D25261" s="1" t="s">
        <v>90457</v>
      </c>
      <c r="E25261" s="1" t="s">
        <v>90458</v>
      </c>
      <c r="F25261" s="1" t="s">
        <v>90459</v>
      </c>
      <c r="G25261" s="1" t="s">
        <v>90411</v>
      </c>
      <c r="H25261" s="1" t="s">
        <v>90412</v>
      </c>
      <c r="I25261" s="1" t="s">
        <v>86055</v>
      </c>
      <c r="J25261" s="1" t="s">
        <v>90460</v>
      </c>
    </row>
    <row r="25262" spans="1:10" x14ac:dyDescent="0.35">
      <c r="A25262" s="1" t="s">
        <v>6235</v>
      </c>
      <c r="B25262" s="1" t="s">
        <v>86049</v>
      </c>
      <c r="C25262" s="1" t="s">
        <v>85</v>
      </c>
      <c r="D25262" s="1" t="s">
        <v>90461</v>
      </c>
      <c r="E25262" s="1" t="s">
        <v>90462</v>
      </c>
      <c r="F25262" s="1" t="s">
        <v>90463</v>
      </c>
      <c r="G25262" s="1" t="s">
        <v>90411</v>
      </c>
      <c r="H25262" s="1" t="s">
        <v>90412</v>
      </c>
      <c r="I25262" s="1" t="s">
        <v>86055</v>
      </c>
      <c r="J25262" s="1" t="s">
        <v>90464</v>
      </c>
    </row>
    <row r="25263" spans="1:10" x14ac:dyDescent="0.35">
      <c r="A25263" s="1" t="s">
        <v>6235</v>
      </c>
      <c r="B25263" s="1" t="s">
        <v>86049</v>
      </c>
      <c r="C25263" s="1" t="s">
        <v>90</v>
      </c>
      <c r="D25263" s="1" t="s">
        <v>90465</v>
      </c>
      <c r="E25263" s="1" t="s">
        <v>90466</v>
      </c>
      <c r="F25263" s="1" t="s">
        <v>90467</v>
      </c>
      <c r="G25263" s="1" t="s">
        <v>90411</v>
      </c>
      <c r="H25263" s="1" t="s">
        <v>90412</v>
      </c>
      <c r="I25263" s="1" t="s">
        <v>86055</v>
      </c>
      <c r="J25263" s="1" t="s">
        <v>90468</v>
      </c>
    </row>
    <row r="25264" spans="1:10" x14ac:dyDescent="0.35">
      <c r="A25264" s="1" t="s">
        <v>6235</v>
      </c>
      <c r="B25264" s="1" t="s">
        <v>86049</v>
      </c>
      <c r="C25264" s="1" t="s">
        <v>95</v>
      </c>
      <c r="D25264" s="1" t="s">
        <v>90469</v>
      </c>
      <c r="E25264" s="1" t="s">
        <v>90470</v>
      </c>
      <c r="F25264" s="1" t="s">
        <v>90471</v>
      </c>
      <c r="G25264" s="1" t="s">
        <v>90411</v>
      </c>
      <c r="H25264" s="1" t="s">
        <v>90412</v>
      </c>
      <c r="I25264" s="1" t="s">
        <v>86055</v>
      </c>
      <c r="J25264" s="1" t="s">
        <v>90472</v>
      </c>
    </row>
    <row r="25265" spans="1:10" x14ac:dyDescent="0.35">
      <c r="A25265" s="1" t="s">
        <v>6235</v>
      </c>
      <c r="B25265" s="1" t="s">
        <v>86049</v>
      </c>
      <c r="C25265" s="1" t="s">
        <v>100</v>
      </c>
      <c r="D25265" s="1" t="s">
        <v>79659</v>
      </c>
      <c r="E25265" s="1" t="s">
        <v>90473</v>
      </c>
      <c r="F25265" s="1" t="s">
        <v>90474</v>
      </c>
      <c r="G25265" s="1" t="s">
        <v>90411</v>
      </c>
      <c r="H25265" s="1" t="s">
        <v>90412</v>
      </c>
      <c r="I25265" s="1" t="s">
        <v>86055</v>
      </c>
      <c r="J25265" s="1" t="s">
        <v>90475</v>
      </c>
    </row>
    <row r="25266" spans="1:10" x14ac:dyDescent="0.35">
      <c r="A25266" s="1" t="s">
        <v>6235</v>
      </c>
      <c r="B25266" s="1" t="s">
        <v>86049</v>
      </c>
      <c r="C25266" s="1" t="s">
        <v>105</v>
      </c>
      <c r="D25266" s="1" t="s">
        <v>57918</v>
      </c>
      <c r="E25266" s="1" t="s">
        <v>90476</v>
      </c>
      <c r="F25266" s="1" t="s">
        <v>90477</v>
      </c>
      <c r="G25266" s="1" t="s">
        <v>90411</v>
      </c>
      <c r="H25266" s="1" t="s">
        <v>90412</v>
      </c>
      <c r="I25266" s="1" t="s">
        <v>86055</v>
      </c>
      <c r="J25266" s="1" t="s">
        <v>90478</v>
      </c>
    </row>
    <row r="25267" spans="1:10" x14ac:dyDescent="0.35">
      <c r="A25267" s="1" t="s">
        <v>6235</v>
      </c>
      <c r="B25267" s="1" t="s">
        <v>86049</v>
      </c>
      <c r="C25267" s="1" t="s">
        <v>110</v>
      </c>
      <c r="D25267" s="1" t="s">
        <v>90479</v>
      </c>
      <c r="E25267" s="1" t="s">
        <v>90480</v>
      </c>
      <c r="F25267" s="1" t="s">
        <v>90481</v>
      </c>
      <c r="G25267" s="1" t="s">
        <v>90411</v>
      </c>
      <c r="H25267" s="1" t="s">
        <v>90412</v>
      </c>
      <c r="I25267" s="1" t="s">
        <v>86055</v>
      </c>
      <c r="J25267" s="1" t="s">
        <v>90482</v>
      </c>
    </row>
    <row r="25268" spans="1:10" x14ac:dyDescent="0.35">
      <c r="A25268" s="1" t="s">
        <v>6235</v>
      </c>
      <c r="B25268" s="1" t="s">
        <v>86049</v>
      </c>
      <c r="C25268" s="1" t="s">
        <v>115</v>
      </c>
      <c r="D25268" s="1" t="s">
        <v>66833</v>
      </c>
      <c r="E25268" s="1" t="s">
        <v>90483</v>
      </c>
      <c r="F25268" s="1" t="s">
        <v>90484</v>
      </c>
      <c r="G25268" s="1" t="s">
        <v>90411</v>
      </c>
      <c r="H25268" s="1" t="s">
        <v>90412</v>
      </c>
      <c r="I25268" s="1" t="s">
        <v>86055</v>
      </c>
      <c r="J25268" s="1" t="s">
        <v>90485</v>
      </c>
    </row>
    <row r="25269" spans="1:10" x14ac:dyDescent="0.35">
      <c r="A25269" s="1" t="s">
        <v>6235</v>
      </c>
      <c r="B25269" s="1" t="s">
        <v>86049</v>
      </c>
      <c r="C25269" s="1" t="s">
        <v>120</v>
      </c>
      <c r="D25269" s="1" t="s">
        <v>90486</v>
      </c>
      <c r="E25269" s="1" t="s">
        <v>90487</v>
      </c>
      <c r="F25269" s="1" t="s">
        <v>90488</v>
      </c>
      <c r="G25269" s="1" t="s">
        <v>90411</v>
      </c>
      <c r="H25269" s="1" t="s">
        <v>90412</v>
      </c>
      <c r="I25269" s="1" t="s">
        <v>86055</v>
      </c>
      <c r="J25269" s="1" t="s">
        <v>90489</v>
      </c>
    </row>
    <row r="25270" spans="1:10" x14ac:dyDescent="0.35">
      <c r="A25270" s="1" t="s">
        <v>6235</v>
      </c>
      <c r="B25270" s="1" t="s">
        <v>86049</v>
      </c>
      <c r="C25270" s="1" t="s">
        <v>125</v>
      </c>
      <c r="D25270" s="1" t="s">
        <v>90490</v>
      </c>
      <c r="E25270" s="1" t="s">
        <v>90491</v>
      </c>
      <c r="F25270" s="1" t="s">
        <v>90492</v>
      </c>
      <c r="G25270" s="1" t="s">
        <v>90411</v>
      </c>
      <c r="H25270" s="1" t="s">
        <v>90412</v>
      </c>
      <c r="I25270" s="1" t="s">
        <v>86055</v>
      </c>
      <c r="J25270" s="1" t="s">
        <v>90493</v>
      </c>
    </row>
    <row r="25271" spans="1:10" x14ac:dyDescent="0.35">
      <c r="A25271" s="1" t="s">
        <v>6235</v>
      </c>
      <c r="B25271" s="1" t="s">
        <v>86049</v>
      </c>
      <c r="C25271" s="1" t="s">
        <v>130</v>
      </c>
      <c r="D25271" s="1" t="s">
        <v>90494</v>
      </c>
      <c r="E25271" s="1" t="s">
        <v>90495</v>
      </c>
      <c r="F25271" s="1" t="s">
        <v>90496</v>
      </c>
      <c r="G25271" s="1" t="s">
        <v>90411</v>
      </c>
      <c r="H25271" s="1" t="s">
        <v>90412</v>
      </c>
      <c r="I25271" s="1" t="s">
        <v>86055</v>
      </c>
      <c r="J25271" s="1" t="s">
        <v>90497</v>
      </c>
    </row>
    <row r="25272" spans="1:10" x14ac:dyDescent="0.35">
      <c r="A25272" s="1" t="s">
        <v>6235</v>
      </c>
      <c r="B25272" s="1" t="s">
        <v>86049</v>
      </c>
      <c r="C25272" s="1" t="s">
        <v>135</v>
      </c>
      <c r="D25272" s="1" t="s">
        <v>90498</v>
      </c>
      <c r="E25272" s="1" t="s">
        <v>90499</v>
      </c>
      <c r="F25272" s="1" t="s">
        <v>90500</v>
      </c>
      <c r="G25272" s="1" t="s">
        <v>90411</v>
      </c>
      <c r="H25272" s="1" t="s">
        <v>90412</v>
      </c>
      <c r="I25272" s="1" t="s">
        <v>86055</v>
      </c>
      <c r="J25272" s="1" t="s">
        <v>90501</v>
      </c>
    </row>
    <row r="25273" spans="1:10" x14ac:dyDescent="0.35">
      <c r="A25273" s="1" t="s">
        <v>6235</v>
      </c>
      <c r="B25273" s="1" t="s">
        <v>86049</v>
      </c>
      <c r="C25273" s="1" t="s">
        <v>140</v>
      </c>
      <c r="D25273" s="1" t="s">
        <v>90502</v>
      </c>
      <c r="E25273" s="1" t="s">
        <v>90503</v>
      </c>
      <c r="F25273" s="1" t="s">
        <v>90504</v>
      </c>
      <c r="G25273" s="1" t="s">
        <v>90411</v>
      </c>
      <c r="H25273" s="1" t="s">
        <v>90412</v>
      </c>
      <c r="I25273" s="1" t="s">
        <v>86055</v>
      </c>
      <c r="J25273" s="1" t="s">
        <v>90505</v>
      </c>
    </row>
    <row r="25274" spans="1:10" x14ac:dyDescent="0.35">
      <c r="A25274" s="1" t="s">
        <v>6235</v>
      </c>
      <c r="B25274" s="1" t="s">
        <v>86049</v>
      </c>
      <c r="C25274" s="1" t="s">
        <v>145</v>
      </c>
      <c r="D25274" s="1" t="s">
        <v>90506</v>
      </c>
      <c r="E25274" s="1" t="s">
        <v>90507</v>
      </c>
      <c r="F25274" s="1" t="s">
        <v>90508</v>
      </c>
      <c r="G25274" s="1" t="s">
        <v>90411</v>
      </c>
      <c r="H25274" s="1" t="s">
        <v>90412</v>
      </c>
      <c r="I25274" s="1" t="s">
        <v>86055</v>
      </c>
      <c r="J25274" s="1" t="s">
        <v>90509</v>
      </c>
    </row>
    <row r="25275" spans="1:10" x14ac:dyDescent="0.35">
      <c r="A25275" s="1" t="s">
        <v>6235</v>
      </c>
      <c r="B25275" s="1" t="s">
        <v>86049</v>
      </c>
      <c r="C25275" s="1" t="s">
        <v>150</v>
      </c>
      <c r="D25275" s="1" t="s">
        <v>61316</v>
      </c>
      <c r="E25275" s="1" t="s">
        <v>90510</v>
      </c>
      <c r="F25275" s="1" t="s">
        <v>90511</v>
      </c>
      <c r="G25275" s="1" t="s">
        <v>90411</v>
      </c>
      <c r="H25275" s="1" t="s">
        <v>90412</v>
      </c>
      <c r="I25275" s="1" t="s">
        <v>86055</v>
      </c>
      <c r="J25275" s="1" t="s">
        <v>90512</v>
      </c>
    </row>
    <row r="25276" spans="1:10" x14ac:dyDescent="0.35">
      <c r="A25276" s="1" t="s">
        <v>6235</v>
      </c>
      <c r="B25276" s="1" t="s">
        <v>86049</v>
      </c>
      <c r="C25276" s="1" t="s">
        <v>155</v>
      </c>
      <c r="D25276" s="1" t="s">
        <v>86228</v>
      </c>
      <c r="E25276" s="1" t="s">
        <v>90513</v>
      </c>
      <c r="F25276" s="1" t="s">
        <v>90514</v>
      </c>
      <c r="G25276" s="1" t="s">
        <v>90411</v>
      </c>
      <c r="H25276" s="1" t="s">
        <v>90412</v>
      </c>
      <c r="I25276" s="1" t="s">
        <v>86055</v>
      </c>
      <c r="J25276" s="1" t="s">
        <v>90515</v>
      </c>
    </row>
    <row r="25277" spans="1:10" x14ac:dyDescent="0.35">
      <c r="A25277" s="1" t="s">
        <v>6235</v>
      </c>
      <c r="B25277" s="1" t="s">
        <v>86049</v>
      </c>
      <c r="C25277" s="1" t="s">
        <v>160</v>
      </c>
      <c r="D25277" s="1" t="s">
        <v>39181</v>
      </c>
      <c r="E25277" s="1" t="s">
        <v>90516</v>
      </c>
      <c r="F25277" s="1" t="s">
        <v>90517</v>
      </c>
      <c r="G25277" s="1" t="s">
        <v>90411</v>
      </c>
      <c r="H25277" s="1" t="s">
        <v>90412</v>
      </c>
      <c r="I25277" s="1" t="s">
        <v>86055</v>
      </c>
      <c r="J25277" s="1" t="s">
        <v>90518</v>
      </c>
    </row>
    <row r="25278" spans="1:10" x14ac:dyDescent="0.35">
      <c r="A25278" s="1" t="s">
        <v>6235</v>
      </c>
      <c r="B25278" s="1" t="s">
        <v>86049</v>
      </c>
      <c r="C25278" s="1" t="s">
        <v>165</v>
      </c>
      <c r="D25278" s="1" t="s">
        <v>63422</v>
      </c>
      <c r="E25278" s="1" t="s">
        <v>90519</v>
      </c>
      <c r="F25278" s="1" t="s">
        <v>90520</v>
      </c>
      <c r="G25278" s="1" t="s">
        <v>90411</v>
      </c>
      <c r="H25278" s="1" t="s">
        <v>90412</v>
      </c>
      <c r="I25278" s="1" t="s">
        <v>86055</v>
      </c>
      <c r="J25278" s="1" t="s">
        <v>90521</v>
      </c>
    </row>
    <row r="25279" spans="1:10" x14ac:dyDescent="0.35">
      <c r="A25279" s="1" t="s">
        <v>6235</v>
      </c>
      <c r="B25279" s="1" t="s">
        <v>86049</v>
      </c>
      <c r="C25279" s="1" t="s">
        <v>170</v>
      </c>
      <c r="D25279" s="1" t="s">
        <v>17304</v>
      </c>
      <c r="E25279" s="1" t="s">
        <v>90522</v>
      </c>
      <c r="F25279" s="1" t="s">
        <v>90523</v>
      </c>
      <c r="G25279" s="1" t="s">
        <v>90411</v>
      </c>
      <c r="H25279" s="1" t="s">
        <v>90412</v>
      </c>
      <c r="I25279" s="1" t="s">
        <v>86055</v>
      </c>
      <c r="J25279" s="1" t="s">
        <v>90524</v>
      </c>
    </row>
    <row r="25280" spans="1:10" x14ac:dyDescent="0.35">
      <c r="A25280" s="1" t="s">
        <v>1509</v>
      </c>
      <c r="B25280" s="1" t="s">
        <v>86049</v>
      </c>
      <c r="C25280" s="1" t="s">
        <v>8</v>
      </c>
      <c r="D25280" s="1" t="s">
        <v>90525</v>
      </c>
      <c r="E25280" s="1" t="s">
        <v>90526</v>
      </c>
      <c r="F25280" s="1" t="s">
        <v>90527</v>
      </c>
      <c r="G25280" s="1" t="s">
        <v>90528</v>
      </c>
      <c r="H25280" s="1" t="s">
        <v>90529</v>
      </c>
      <c r="I25280" s="1" t="s">
        <v>86055</v>
      </c>
      <c r="J25280" s="1" t="s">
        <v>13</v>
      </c>
    </row>
    <row r="25281" spans="1:10" x14ac:dyDescent="0.35">
      <c r="A25281" s="1" t="s">
        <v>1509</v>
      </c>
      <c r="B25281" s="1" t="s">
        <v>86049</v>
      </c>
      <c r="C25281" s="1" t="s">
        <v>15</v>
      </c>
      <c r="D25281" s="1" t="s">
        <v>55178</v>
      </c>
      <c r="E25281" s="1" t="s">
        <v>90530</v>
      </c>
      <c r="F25281" s="1" t="s">
        <v>90531</v>
      </c>
      <c r="G25281" s="1" t="s">
        <v>90528</v>
      </c>
      <c r="H25281" s="1" t="s">
        <v>90529</v>
      </c>
      <c r="I25281" s="1" t="s">
        <v>86055</v>
      </c>
      <c r="J25281" s="1" t="s">
        <v>90532</v>
      </c>
    </row>
    <row r="25282" spans="1:10" x14ac:dyDescent="0.35">
      <c r="A25282" s="1" t="s">
        <v>1509</v>
      </c>
      <c r="B25282" s="1" t="s">
        <v>86049</v>
      </c>
      <c r="C25282" s="1" t="s">
        <v>20</v>
      </c>
      <c r="D25282" s="1" t="s">
        <v>90533</v>
      </c>
      <c r="E25282" s="1" t="s">
        <v>90534</v>
      </c>
      <c r="F25282" s="1" t="s">
        <v>90535</v>
      </c>
      <c r="G25282" s="1" t="s">
        <v>90528</v>
      </c>
      <c r="H25282" s="1" t="s">
        <v>90529</v>
      </c>
      <c r="I25282" s="1" t="s">
        <v>86055</v>
      </c>
      <c r="J25282" s="1" t="s">
        <v>90536</v>
      </c>
    </row>
    <row r="25283" spans="1:10" x14ac:dyDescent="0.35">
      <c r="A25283" s="1" t="s">
        <v>1509</v>
      </c>
      <c r="B25283" s="1" t="s">
        <v>86049</v>
      </c>
      <c r="C25283" s="1" t="s">
        <v>25</v>
      </c>
      <c r="D25283" s="1" t="s">
        <v>43476</v>
      </c>
      <c r="E25283" s="1" t="s">
        <v>90537</v>
      </c>
      <c r="F25283" s="1" t="s">
        <v>90538</v>
      </c>
      <c r="G25283" s="1" t="s">
        <v>90528</v>
      </c>
      <c r="H25283" s="1" t="s">
        <v>90529</v>
      </c>
      <c r="I25283" s="1" t="s">
        <v>86055</v>
      </c>
      <c r="J25283" s="1" t="s">
        <v>90539</v>
      </c>
    </row>
    <row r="25284" spans="1:10" x14ac:dyDescent="0.35">
      <c r="A25284" s="1" t="s">
        <v>1509</v>
      </c>
      <c r="B25284" s="1" t="s">
        <v>86049</v>
      </c>
      <c r="C25284" s="1" t="s">
        <v>30</v>
      </c>
      <c r="D25284" s="1" t="s">
        <v>90540</v>
      </c>
      <c r="E25284" s="1" t="s">
        <v>90541</v>
      </c>
      <c r="F25284" s="1" t="s">
        <v>90542</v>
      </c>
      <c r="G25284" s="1" t="s">
        <v>90528</v>
      </c>
      <c r="H25284" s="1" t="s">
        <v>90529</v>
      </c>
      <c r="I25284" s="1" t="s">
        <v>86055</v>
      </c>
      <c r="J25284" s="1" t="s">
        <v>90543</v>
      </c>
    </row>
    <row r="25285" spans="1:10" x14ac:dyDescent="0.35">
      <c r="A25285" s="1" t="s">
        <v>1509</v>
      </c>
      <c r="B25285" s="1" t="s">
        <v>86049</v>
      </c>
      <c r="C25285" s="1" t="s">
        <v>35</v>
      </c>
      <c r="D25285" s="1" t="s">
        <v>63327</v>
      </c>
      <c r="E25285" s="1" t="s">
        <v>90544</v>
      </c>
      <c r="F25285" s="1" t="s">
        <v>90545</v>
      </c>
      <c r="G25285" s="1" t="s">
        <v>90528</v>
      </c>
      <c r="H25285" s="1" t="s">
        <v>90529</v>
      </c>
      <c r="I25285" s="1" t="s">
        <v>86055</v>
      </c>
      <c r="J25285" s="1" t="s">
        <v>90546</v>
      </c>
    </row>
    <row r="25286" spans="1:10" x14ac:dyDescent="0.35">
      <c r="A25286" s="1" t="s">
        <v>1509</v>
      </c>
      <c r="B25286" s="1" t="s">
        <v>86049</v>
      </c>
      <c r="C25286" s="1" t="s">
        <v>40</v>
      </c>
      <c r="D25286" s="1" t="s">
        <v>79659</v>
      </c>
      <c r="E25286" s="1" t="s">
        <v>90547</v>
      </c>
      <c r="F25286" s="1" t="s">
        <v>90548</v>
      </c>
      <c r="G25286" s="1" t="s">
        <v>90528</v>
      </c>
      <c r="H25286" s="1" t="s">
        <v>90529</v>
      </c>
      <c r="I25286" s="1" t="s">
        <v>86055</v>
      </c>
      <c r="J25286" s="1" t="s">
        <v>90549</v>
      </c>
    </row>
    <row r="25287" spans="1:10" x14ac:dyDescent="0.35">
      <c r="A25287" s="1" t="s">
        <v>1509</v>
      </c>
      <c r="B25287" s="1" t="s">
        <v>86049</v>
      </c>
      <c r="C25287" s="1" t="s">
        <v>45</v>
      </c>
      <c r="D25287" s="1" t="s">
        <v>90550</v>
      </c>
      <c r="E25287" s="1" t="s">
        <v>90551</v>
      </c>
      <c r="F25287" s="1" t="s">
        <v>90552</v>
      </c>
      <c r="G25287" s="1" t="s">
        <v>90528</v>
      </c>
      <c r="H25287" s="1" t="s">
        <v>90529</v>
      </c>
      <c r="I25287" s="1" t="s">
        <v>86055</v>
      </c>
      <c r="J25287" s="1" t="s">
        <v>90553</v>
      </c>
    </row>
    <row r="25288" spans="1:10" x14ac:dyDescent="0.35">
      <c r="A25288" s="1" t="s">
        <v>1509</v>
      </c>
      <c r="B25288" s="1" t="s">
        <v>86049</v>
      </c>
      <c r="C25288" s="1" t="s">
        <v>50</v>
      </c>
      <c r="D25288" s="1" t="s">
        <v>90554</v>
      </c>
      <c r="E25288" s="1" t="s">
        <v>90555</v>
      </c>
      <c r="F25288" s="1" t="s">
        <v>90556</v>
      </c>
      <c r="G25288" s="1" t="s">
        <v>90528</v>
      </c>
      <c r="H25288" s="1" t="s">
        <v>90529</v>
      </c>
      <c r="I25288" s="1" t="s">
        <v>86055</v>
      </c>
      <c r="J25288" s="1" t="s">
        <v>90557</v>
      </c>
    </row>
    <row r="25289" spans="1:10" x14ac:dyDescent="0.35">
      <c r="A25289" s="1" t="s">
        <v>1509</v>
      </c>
      <c r="B25289" s="1" t="s">
        <v>86049</v>
      </c>
      <c r="C25289" s="1" t="s">
        <v>55</v>
      </c>
      <c r="D25289" s="1" t="s">
        <v>90558</v>
      </c>
      <c r="E25289" s="1" t="s">
        <v>90559</v>
      </c>
      <c r="F25289" s="1" t="s">
        <v>90560</v>
      </c>
      <c r="G25289" s="1" t="s">
        <v>90528</v>
      </c>
      <c r="H25289" s="1" t="s">
        <v>90529</v>
      </c>
      <c r="I25289" s="1" t="s">
        <v>86055</v>
      </c>
      <c r="J25289" s="1" t="s">
        <v>90561</v>
      </c>
    </row>
    <row r="25290" spans="1:10" x14ac:dyDescent="0.35">
      <c r="A25290" s="1" t="s">
        <v>1509</v>
      </c>
      <c r="B25290" s="1" t="s">
        <v>86049</v>
      </c>
      <c r="C25290" s="1" t="s">
        <v>60</v>
      </c>
      <c r="D25290" s="1" t="s">
        <v>90562</v>
      </c>
      <c r="E25290" s="1" t="s">
        <v>90563</v>
      </c>
      <c r="F25290" s="1" t="s">
        <v>90564</v>
      </c>
      <c r="G25290" s="1" t="s">
        <v>90528</v>
      </c>
      <c r="H25290" s="1" t="s">
        <v>90529</v>
      </c>
      <c r="I25290" s="1" t="s">
        <v>86055</v>
      </c>
      <c r="J25290" s="1" t="s">
        <v>90565</v>
      </c>
    </row>
    <row r="25291" spans="1:10" x14ac:dyDescent="0.35">
      <c r="A25291" s="1" t="s">
        <v>1509</v>
      </c>
      <c r="B25291" s="1" t="s">
        <v>86049</v>
      </c>
      <c r="C25291" s="1" t="s">
        <v>65</v>
      </c>
      <c r="D25291" s="1" t="s">
        <v>55549</v>
      </c>
      <c r="E25291" s="1" t="s">
        <v>90566</v>
      </c>
      <c r="F25291" s="1" t="s">
        <v>90567</v>
      </c>
      <c r="G25291" s="1" t="s">
        <v>90528</v>
      </c>
      <c r="H25291" s="1" t="s">
        <v>90529</v>
      </c>
      <c r="I25291" s="1" t="s">
        <v>86055</v>
      </c>
      <c r="J25291" s="1" t="s">
        <v>90568</v>
      </c>
    </row>
    <row r="25292" spans="1:10" x14ac:dyDescent="0.35">
      <c r="A25292" s="1" t="s">
        <v>1509</v>
      </c>
      <c r="B25292" s="1" t="s">
        <v>86049</v>
      </c>
      <c r="C25292" s="1" t="s">
        <v>70</v>
      </c>
      <c r="D25292" s="1" t="s">
        <v>55989</v>
      </c>
      <c r="E25292" s="1" t="s">
        <v>27126</v>
      </c>
      <c r="F25292" s="1" t="s">
        <v>90569</v>
      </c>
      <c r="G25292" s="1" t="s">
        <v>90528</v>
      </c>
      <c r="H25292" s="1" t="s">
        <v>90529</v>
      </c>
      <c r="I25292" s="1" t="s">
        <v>86055</v>
      </c>
      <c r="J25292" s="1" t="s">
        <v>90570</v>
      </c>
    </row>
    <row r="25293" spans="1:10" x14ac:dyDescent="0.35">
      <c r="A25293" s="1" t="s">
        <v>1509</v>
      </c>
      <c r="B25293" s="1" t="s">
        <v>86049</v>
      </c>
      <c r="C25293" s="1" t="s">
        <v>75</v>
      </c>
      <c r="D25293" s="1" t="s">
        <v>90571</v>
      </c>
      <c r="E25293" s="1" t="s">
        <v>90572</v>
      </c>
      <c r="F25293" s="1" t="s">
        <v>90573</v>
      </c>
      <c r="G25293" s="1" t="s">
        <v>90528</v>
      </c>
      <c r="H25293" s="1" t="s">
        <v>90529</v>
      </c>
      <c r="I25293" s="1" t="s">
        <v>86055</v>
      </c>
      <c r="J25293" s="1" t="s">
        <v>90574</v>
      </c>
    </row>
    <row r="25294" spans="1:10" x14ac:dyDescent="0.35">
      <c r="A25294" s="1" t="s">
        <v>1509</v>
      </c>
      <c r="B25294" s="1" t="s">
        <v>86049</v>
      </c>
      <c r="C25294" s="1" t="s">
        <v>80</v>
      </c>
      <c r="D25294" s="1" t="s">
        <v>90575</v>
      </c>
      <c r="E25294" s="1" t="s">
        <v>90576</v>
      </c>
      <c r="F25294" s="1" t="s">
        <v>90577</v>
      </c>
      <c r="G25294" s="1" t="s">
        <v>90528</v>
      </c>
      <c r="H25294" s="1" t="s">
        <v>90529</v>
      </c>
      <c r="I25294" s="1" t="s">
        <v>86055</v>
      </c>
      <c r="J25294" s="1" t="s">
        <v>90578</v>
      </c>
    </row>
    <row r="25295" spans="1:10" x14ac:dyDescent="0.35">
      <c r="A25295" s="1" t="s">
        <v>1509</v>
      </c>
      <c r="B25295" s="1" t="s">
        <v>86049</v>
      </c>
      <c r="C25295" s="1" t="s">
        <v>85</v>
      </c>
      <c r="D25295" s="1" t="s">
        <v>90579</v>
      </c>
      <c r="E25295" s="1" t="s">
        <v>90580</v>
      </c>
      <c r="F25295" s="1" t="s">
        <v>90581</v>
      </c>
      <c r="G25295" s="1" t="s">
        <v>90528</v>
      </c>
      <c r="H25295" s="1" t="s">
        <v>90529</v>
      </c>
      <c r="I25295" s="1" t="s">
        <v>86055</v>
      </c>
      <c r="J25295" s="1" t="s">
        <v>90582</v>
      </c>
    </row>
    <row r="25296" spans="1:10" x14ac:dyDescent="0.35">
      <c r="A25296" s="1" t="s">
        <v>1509</v>
      </c>
      <c r="B25296" s="1" t="s">
        <v>86049</v>
      </c>
      <c r="C25296" s="1" t="s">
        <v>90</v>
      </c>
      <c r="D25296" s="1" t="s">
        <v>90583</v>
      </c>
      <c r="E25296" s="1" t="s">
        <v>90584</v>
      </c>
      <c r="F25296" s="1" t="s">
        <v>90585</v>
      </c>
      <c r="G25296" s="1" t="s">
        <v>90528</v>
      </c>
      <c r="H25296" s="1" t="s">
        <v>90529</v>
      </c>
      <c r="I25296" s="1" t="s">
        <v>86055</v>
      </c>
      <c r="J25296" s="1" t="s">
        <v>90586</v>
      </c>
    </row>
    <row r="25297" spans="1:10" x14ac:dyDescent="0.35">
      <c r="A25297" s="1" t="s">
        <v>1509</v>
      </c>
      <c r="B25297" s="1" t="s">
        <v>86049</v>
      </c>
      <c r="C25297" s="1" t="s">
        <v>95</v>
      </c>
      <c r="D25297" s="1" t="s">
        <v>90587</v>
      </c>
      <c r="E25297" s="1" t="s">
        <v>90588</v>
      </c>
      <c r="F25297" s="1" t="s">
        <v>90589</v>
      </c>
      <c r="G25297" s="1" t="s">
        <v>90528</v>
      </c>
      <c r="H25297" s="1" t="s">
        <v>90529</v>
      </c>
      <c r="I25297" s="1" t="s">
        <v>86055</v>
      </c>
      <c r="J25297" s="1" t="s">
        <v>90590</v>
      </c>
    </row>
    <row r="25298" spans="1:10" x14ac:dyDescent="0.35">
      <c r="A25298" s="1" t="s">
        <v>1509</v>
      </c>
      <c r="B25298" s="1" t="s">
        <v>86049</v>
      </c>
      <c r="C25298" s="1" t="s">
        <v>100</v>
      </c>
      <c r="D25298" s="1" t="s">
        <v>15152</v>
      </c>
      <c r="E25298" s="1" t="s">
        <v>90591</v>
      </c>
      <c r="F25298" s="1" t="s">
        <v>90592</v>
      </c>
      <c r="G25298" s="1" t="s">
        <v>90528</v>
      </c>
      <c r="H25298" s="1" t="s">
        <v>90529</v>
      </c>
      <c r="I25298" s="1" t="s">
        <v>86055</v>
      </c>
      <c r="J25298" s="1" t="s">
        <v>90593</v>
      </c>
    </row>
    <row r="25299" spans="1:10" x14ac:dyDescent="0.35">
      <c r="A25299" s="1" t="s">
        <v>1509</v>
      </c>
      <c r="B25299" s="1" t="s">
        <v>86049</v>
      </c>
      <c r="C25299" s="1" t="s">
        <v>105</v>
      </c>
      <c r="D25299" s="1" t="s">
        <v>90594</v>
      </c>
      <c r="E25299" s="1" t="s">
        <v>90595</v>
      </c>
      <c r="F25299" s="1" t="s">
        <v>90596</v>
      </c>
      <c r="G25299" s="1" t="s">
        <v>90528</v>
      </c>
      <c r="H25299" s="1" t="s">
        <v>90529</v>
      </c>
      <c r="I25299" s="1" t="s">
        <v>86055</v>
      </c>
      <c r="J25299" s="1" t="s">
        <v>90597</v>
      </c>
    </row>
    <row r="25300" spans="1:10" x14ac:dyDescent="0.35">
      <c r="A25300" s="1" t="s">
        <v>1509</v>
      </c>
      <c r="B25300" s="1" t="s">
        <v>86049</v>
      </c>
      <c r="C25300" s="1" t="s">
        <v>110</v>
      </c>
      <c r="D25300" s="1" t="s">
        <v>90598</v>
      </c>
      <c r="E25300" s="1" t="s">
        <v>90599</v>
      </c>
      <c r="F25300" s="1" t="s">
        <v>90600</v>
      </c>
      <c r="G25300" s="1" t="s">
        <v>90528</v>
      </c>
      <c r="H25300" s="1" t="s">
        <v>90529</v>
      </c>
      <c r="I25300" s="1" t="s">
        <v>86055</v>
      </c>
      <c r="J25300" s="1" t="s">
        <v>90601</v>
      </c>
    </row>
    <row r="25301" spans="1:10" x14ac:dyDescent="0.35">
      <c r="A25301" s="1" t="s">
        <v>1509</v>
      </c>
      <c r="B25301" s="1" t="s">
        <v>86049</v>
      </c>
      <c r="C25301" s="1" t="s">
        <v>115</v>
      </c>
      <c r="D25301" s="1" t="s">
        <v>90602</v>
      </c>
      <c r="E25301" s="1" t="s">
        <v>90603</v>
      </c>
      <c r="F25301" s="1" t="s">
        <v>90604</v>
      </c>
      <c r="G25301" s="1" t="s">
        <v>90528</v>
      </c>
      <c r="H25301" s="1" t="s">
        <v>90529</v>
      </c>
      <c r="I25301" s="1" t="s">
        <v>86055</v>
      </c>
      <c r="J25301" s="1" t="s">
        <v>90605</v>
      </c>
    </row>
    <row r="25302" spans="1:10" x14ac:dyDescent="0.35">
      <c r="A25302" s="1" t="s">
        <v>1509</v>
      </c>
      <c r="B25302" s="1" t="s">
        <v>86049</v>
      </c>
      <c r="C25302" s="1" t="s">
        <v>120</v>
      </c>
      <c r="D25302" s="1" t="s">
        <v>90606</v>
      </c>
      <c r="E25302" s="1" t="s">
        <v>90607</v>
      </c>
      <c r="F25302" s="1" t="s">
        <v>90608</v>
      </c>
      <c r="G25302" s="1" t="s">
        <v>90528</v>
      </c>
      <c r="H25302" s="1" t="s">
        <v>90529</v>
      </c>
      <c r="I25302" s="1" t="s">
        <v>86055</v>
      </c>
      <c r="J25302" s="1" t="s">
        <v>90609</v>
      </c>
    </row>
    <row r="25303" spans="1:10" x14ac:dyDescent="0.35">
      <c r="A25303" s="1" t="s">
        <v>1509</v>
      </c>
      <c r="B25303" s="1" t="s">
        <v>86049</v>
      </c>
      <c r="C25303" s="1" t="s">
        <v>125</v>
      </c>
      <c r="D25303" s="1" t="s">
        <v>54912</v>
      </c>
      <c r="E25303" s="1" t="s">
        <v>90610</v>
      </c>
      <c r="F25303" s="1" t="s">
        <v>90611</v>
      </c>
      <c r="G25303" s="1" t="s">
        <v>90528</v>
      </c>
      <c r="H25303" s="1" t="s">
        <v>90529</v>
      </c>
      <c r="I25303" s="1" t="s">
        <v>86055</v>
      </c>
      <c r="J25303" s="1" t="s">
        <v>90612</v>
      </c>
    </row>
    <row r="25304" spans="1:10" x14ac:dyDescent="0.35">
      <c r="A25304" s="1" t="s">
        <v>1509</v>
      </c>
      <c r="B25304" s="1" t="s">
        <v>86049</v>
      </c>
      <c r="C25304" s="1" t="s">
        <v>130</v>
      </c>
      <c r="D25304" s="1" t="s">
        <v>90613</v>
      </c>
      <c r="E25304" s="1" t="s">
        <v>90614</v>
      </c>
      <c r="F25304" s="1" t="s">
        <v>90615</v>
      </c>
      <c r="G25304" s="1" t="s">
        <v>90528</v>
      </c>
      <c r="H25304" s="1" t="s">
        <v>90529</v>
      </c>
      <c r="I25304" s="1" t="s">
        <v>86055</v>
      </c>
      <c r="J25304" s="1" t="s">
        <v>90616</v>
      </c>
    </row>
    <row r="25305" spans="1:10" x14ac:dyDescent="0.35">
      <c r="A25305" s="1" t="s">
        <v>1509</v>
      </c>
      <c r="B25305" s="1" t="s">
        <v>86049</v>
      </c>
      <c r="C25305" s="1" t="s">
        <v>135</v>
      </c>
      <c r="D25305" s="1" t="s">
        <v>63831</v>
      </c>
      <c r="E25305" s="1" t="s">
        <v>90617</v>
      </c>
      <c r="F25305" s="1" t="s">
        <v>90618</v>
      </c>
      <c r="G25305" s="1" t="s">
        <v>90528</v>
      </c>
      <c r="H25305" s="1" t="s">
        <v>90529</v>
      </c>
      <c r="I25305" s="1" t="s">
        <v>86055</v>
      </c>
      <c r="J25305" s="1" t="s">
        <v>90619</v>
      </c>
    </row>
    <row r="25306" spans="1:10" x14ac:dyDescent="0.35">
      <c r="A25306" s="1" t="s">
        <v>1509</v>
      </c>
      <c r="B25306" s="1" t="s">
        <v>86049</v>
      </c>
      <c r="C25306" s="1" t="s">
        <v>140</v>
      </c>
      <c r="D25306" s="1" t="s">
        <v>90620</v>
      </c>
      <c r="E25306" s="1" t="s">
        <v>90621</v>
      </c>
      <c r="F25306" s="1" t="s">
        <v>90622</v>
      </c>
      <c r="G25306" s="1" t="s">
        <v>90528</v>
      </c>
      <c r="H25306" s="1" t="s">
        <v>90529</v>
      </c>
      <c r="I25306" s="1" t="s">
        <v>86055</v>
      </c>
      <c r="J25306" s="1" t="s">
        <v>90623</v>
      </c>
    </row>
    <row r="25307" spans="1:10" x14ac:dyDescent="0.35">
      <c r="A25307" s="1" t="s">
        <v>1509</v>
      </c>
      <c r="B25307" s="1" t="s">
        <v>86049</v>
      </c>
      <c r="C25307" s="1" t="s">
        <v>145</v>
      </c>
      <c r="D25307" s="1" t="s">
        <v>90624</v>
      </c>
      <c r="E25307" s="1" t="s">
        <v>90625</v>
      </c>
      <c r="F25307" s="1" t="s">
        <v>90626</v>
      </c>
      <c r="G25307" s="1" t="s">
        <v>90528</v>
      </c>
      <c r="H25307" s="1" t="s">
        <v>90529</v>
      </c>
      <c r="I25307" s="1" t="s">
        <v>86055</v>
      </c>
      <c r="J25307" s="1" t="s">
        <v>90627</v>
      </c>
    </row>
    <row r="25308" spans="1:10" x14ac:dyDescent="0.35">
      <c r="A25308" s="1" t="s">
        <v>1509</v>
      </c>
      <c r="B25308" s="1" t="s">
        <v>86049</v>
      </c>
      <c r="C25308" s="1" t="s">
        <v>150</v>
      </c>
      <c r="D25308" s="1" t="s">
        <v>76913</v>
      </c>
      <c r="E25308" s="1" t="s">
        <v>90628</v>
      </c>
      <c r="F25308" s="1" t="s">
        <v>90629</v>
      </c>
      <c r="G25308" s="1" t="s">
        <v>90528</v>
      </c>
      <c r="H25308" s="1" t="s">
        <v>90529</v>
      </c>
      <c r="I25308" s="1" t="s">
        <v>86055</v>
      </c>
      <c r="J25308" s="1" t="s">
        <v>90630</v>
      </c>
    </row>
    <row r="25309" spans="1:10" x14ac:dyDescent="0.35">
      <c r="A25309" s="1" t="s">
        <v>1509</v>
      </c>
      <c r="B25309" s="1" t="s">
        <v>86049</v>
      </c>
      <c r="C25309" s="1" t="s">
        <v>155</v>
      </c>
      <c r="D25309" s="1" t="s">
        <v>90631</v>
      </c>
      <c r="E25309" s="1" t="s">
        <v>90632</v>
      </c>
      <c r="F25309" s="1" t="s">
        <v>90633</v>
      </c>
      <c r="G25309" s="1" t="s">
        <v>90528</v>
      </c>
      <c r="H25309" s="1" t="s">
        <v>90529</v>
      </c>
      <c r="I25309" s="1" t="s">
        <v>86055</v>
      </c>
      <c r="J25309" s="1" t="s">
        <v>90634</v>
      </c>
    </row>
    <row r="25310" spans="1:10" x14ac:dyDescent="0.35">
      <c r="A25310" s="1" t="s">
        <v>1509</v>
      </c>
      <c r="B25310" s="1" t="s">
        <v>86049</v>
      </c>
      <c r="C25310" s="1" t="s">
        <v>160</v>
      </c>
      <c r="D25310" s="1" t="s">
        <v>22277</v>
      </c>
      <c r="E25310" s="1" t="s">
        <v>90635</v>
      </c>
      <c r="F25310" s="1" t="s">
        <v>90636</v>
      </c>
      <c r="G25310" s="1" t="s">
        <v>90528</v>
      </c>
      <c r="H25310" s="1" t="s">
        <v>90529</v>
      </c>
      <c r="I25310" s="1" t="s">
        <v>86055</v>
      </c>
      <c r="J25310" s="1" t="s">
        <v>90637</v>
      </c>
    </row>
    <row r="25311" spans="1:10" x14ac:dyDescent="0.35">
      <c r="A25311" s="1" t="s">
        <v>1509</v>
      </c>
      <c r="B25311" s="1" t="s">
        <v>86049</v>
      </c>
      <c r="C25311" s="1" t="s">
        <v>165</v>
      </c>
      <c r="D25311" s="1" t="s">
        <v>41680</v>
      </c>
      <c r="E25311" s="1" t="s">
        <v>90638</v>
      </c>
      <c r="F25311" s="1" t="s">
        <v>90639</v>
      </c>
      <c r="G25311" s="1" t="s">
        <v>90528</v>
      </c>
      <c r="H25311" s="1" t="s">
        <v>90529</v>
      </c>
      <c r="I25311" s="1" t="s">
        <v>86055</v>
      </c>
      <c r="J25311" s="1" t="s">
        <v>90640</v>
      </c>
    </row>
    <row r="25312" spans="1:10" x14ac:dyDescent="0.35">
      <c r="A25312" s="1" t="s">
        <v>1509</v>
      </c>
      <c r="B25312" s="1" t="s">
        <v>86049</v>
      </c>
      <c r="C25312" s="1" t="s">
        <v>170</v>
      </c>
      <c r="D25312" s="1" t="s">
        <v>90641</v>
      </c>
      <c r="E25312" s="1" t="s">
        <v>90642</v>
      </c>
      <c r="F25312" s="1" t="s">
        <v>90643</v>
      </c>
      <c r="G25312" s="1" t="s">
        <v>90528</v>
      </c>
      <c r="H25312" s="1" t="s">
        <v>90529</v>
      </c>
      <c r="I25312" s="1" t="s">
        <v>86055</v>
      </c>
      <c r="J25312" s="1" t="s">
        <v>90644</v>
      </c>
    </row>
    <row r="25313" spans="1:10" x14ac:dyDescent="0.35">
      <c r="A25313" s="1" t="s">
        <v>25928</v>
      </c>
      <c r="B25313" s="1" t="s">
        <v>86049</v>
      </c>
      <c r="C25313" s="1" t="s">
        <v>8</v>
      </c>
      <c r="D25313" s="1" t="s">
        <v>90645</v>
      </c>
      <c r="E25313" s="1" t="s">
        <v>90646</v>
      </c>
      <c r="F25313" s="1" t="s">
        <v>90647</v>
      </c>
      <c r="G25313" s="1" t="s">
        <v>90648</v>
      </c>
      <c r="H25313" s="1" t="s">
        <v>90649</v>
      </c>
      <c r="I25313" s="1" t="s">
        <v>86055</v>
      </c>
      <c r="J25313" s="1" t="s">
        <v>13</v>
      </c>
    </row>
    <row r="25314" spans="1:10" x14ac:dyDescent="0.35">
      <c r="A25314" s="1" t="s">
        <v>25928</v>
      </c>
      <c r="B25314" s="1" t="s">
        <v>86049</v>
      </c>
      <c r="C25314" s="1" t="s">
        <v>15</v>
      </c>
      <c r="D25314" s="1" t="s">
        <v>79253</v>
      </c>
      <c r="E25314" s="1" t="s">
        <v>90650</v>
      </c>
      <c r="F25314" s="1" t="s">
        <v>90651</v>
      </c>
      <c r="G25314" s="1" t="s">
        <v>90648</v>
      </c>
      <c r="H25314" s="1" t="s">
        <v>90649</v>
      </c>
      <c r="I25314" s="1" t="s">
        <v>86055</v>
      </c>
      <c r="J25314" s="1" t="s">
        <v>90652</v>
      </c>
    </row>
    <row r="25315" spans="1:10" x14ac:dyDescent="0.35">
      <c r="A25315" s="1" t="s">
        <v>25928</v>
      </c>
      <c r="B25315" s="1" t="s">
        <v>86049</v>
      </c>
      <c r="C25315" s="1" t="s">
        <v>20</v>
      </c>
      <c r="D25315" s="1" t="s">
        <v>90653</v>
      </c>
      <c r="E25315" s="1" t="s">
        <v>90654</v>
      </c>
      <c r="F25315" s="1" t="s">
        <v>90655</v>
      </c>
      <c r="G25315" s="1" t="s">
        <v>90648</v>
      </c>
      <c r="H25315" s="1" t="s">
        <v>90649</v>
      </c>
      <c r="I25315" s="1" t="s">
        <v>86055</v>
      </c>
      <c r="J25315" s="1" t="s">
        <v>90656</v>
      </c>
    </row>
    <row r="25316" spans="1:10" x14ac:dyDescent="0.35">
      <c r="A25316" s="1" t="s">
        <v>25928</v>
      </c>
      <c r="B25316" s="1" t="s">
        <v>86049</v>
      </c>
      <c r="C25316" s="1" t="s">
        <v>25</v>
      </c>
      <c r="D25316" s="1" t="s">
        <v>90657</v>
      </c>
      <c r="E25316" s="1" t="s">
        <v>90658</v>
      </c>
      <c r="F25316" s="1" t="s">
        <v>90659</v>
      </c>
      <c r="G25316" s="1" t="s">
        <v>90648</v>
      </c>
      <c r="H25316" s="1" t="s">
        <v>90649</v>
      </c>
      <c r="I25316" s="1" t="s">
        <v>86055</v>
      </c>
      <c r="J25316" s="1" t="s">
        <v>90660</v>
      </c>
    </row>
    <row r="25317" spans="1:10" x14ac:dyDescent="0.35">
      <c r="A25317" s="1" t="s">
        <v>25928</v>
      </c>
      <c r="B25317" s="1" t="s">
        <v>86049</v>
      </c>
      <c r="C25317" s="1" t="s">
        <v>30</v>
      </c>
      <c r="D25317" s="1" t="s">
        <v>90661</v>
      </c>
      <c r="E25317" s="1" t="s">
        <v>90662</v>
      </c>
      <c r="F25317" s="1" t="s">
        <v>90663</v>
      </c>
      <c r="G25317" s="1" t="s">
        <v>90648</v>
      </c>
      <c r="H25317" s="1" t="s">
        <v>90649</v>
      </c>
      <c r="I25317" s="1" t="s">
        <v>86055</v>
      </c>
      <c r="J25317" s="1" t="s">
        <v>90664</v>
      </c>
    </row>
    <row r="25318" spans="1:10" x14ac:dyDescent="0.35">
      <c r="A25318" s="1" t="s">
        <v>25928</v>
      </c>
      <c r="B25318" s="1" t="s">
        <v>86049</v>
      </c>
      <c r="C25318" s="1" t="s">
        <v>35</v>
      </c>
      <c r="D25318" s="1" t="s">
        <v>90665</v>
      </c>
      <c r="E25318" s="1" t="s">
        <v>90666</v>
      </c>
      <c r="F25318" s="1" t="s">
        <v>90667</v>
      </c>
      <c r="G25318" s="1" t="s">
        <v>90648</v>
      </c>
      <c r="H25318" s="1" t="s">
        <v>90649</v>
      </c>
      <c r="I25318" s="1" t="s">
        <v>86055</v>
      </c>
      <c r="J25318" s="1" t="s">
        <v>90668</v>
      </c>
    </row>
    <row r="25319" spans="1:10" x14ac:dyDescent="0.35">
      <c r="A25319" s="1" t="s">
        <v>25928</v>
      </c>
      <c r="B25319" s="1" t="s">
        <v>86049</v>
      </c>
      <c r="C25319" s="1" t="s">
        <v>40</v>
      </c>
      <c r="D25319" s="1" t="s">
        <v>90669</v>
      </c>
      <c r="E25319" s="1" t="s">
        <v>90670</v>
      </c>
      <c r="F25319" s="1" t="s">
        <v>90671</v>
      </c>
      <c r="G25319" s="1" t="s">
        <v>90648</v>
      </c>
      <c r="H25319" s="1" t="s">
        <v>90649</v>
      </c>
      <c r="I25319" s="1" t="s">
        <v>86055</v>
      </c>
      <c r="J25319" s="1" t="s">
        <v>90672</v>
      </c>
    </row>
    <row r="25320" spans="1:10" x14ac:dyDescent="0.35">
      <c r="A25320" s="1" t="s">
        <v>25928</v>
      </c>
      <c r="B25320" s="1" t="s">
        <v>86049</v>
      </c>
      <c r="C25320" s="1" t="s">
        <v>45</v>
      </c>
      <c r="D25320" s="1" t="s">
        <v>85121</v>
      </c>
      <c r="E25320" s="1" t="s">
        <v>90673</v>
      </c>
      <c r="F25320" s="1" t="s">
        <v>90674</v>
      </c>
      <c r="G25320" s="1" t="s">
        <v>90648</v>
      </c>
      <c r="H25320" s="1" t="s">
        <v>90649</v>
      </c>
      <c r="I25320" s="1" t="s">
        <v>86055</v>
      </c>
      <c r="J25320" s="1" t="s">
        <v>90675</v>
      </c>
    </row>
    <row r="25321" spans="1:10" x14ac:dyDescent="0.35">
      <c r="A25321" s="1" t="s">
        <v>25928</v>
      </c>
      <c r="B25321" s="1" t="s">
        <v>86049</v>
      </c>
      <c r="C25321" s="1" t="s">
        <v>50</v>
      </c>
      <c r="D25321" s="1" t="s">
        <v>59183</v>
      </c>
      <c r="E25321" s="1" t="s">
        <v>90676</v>
      </c>
      <c r="F25321" s="1" t="s">
        <v>90677</v>
      </c>
      <c r="G25321" s="1" t="s">
        <v>90648</v>
      </c>
      <c r="H25321" s="1" t="s">
        <v>90649</v>
      </c>
      <c r="I25321" s="1" t="s">
        <v>86055</v>
      </c>
      <c r="J25321" s="1" t="s">
        <v>90678</v>
      </c>
    </row>
    <row r="25322" spans="1:10" x14ac:dyDescent="0.35">
      <c r="A25322" s="1" t="s">
        <v>25928</v>
      </c>
      <c r="B25322" s="1" t="s">
        <v>86049</v>
      </c>
      <c r="C25322" s="1" t="s">
        <v>55</v>
      </c>
      <c r="D25322" s="1" t="s">
        <v>56150</v>
      </c>
      <c r="E25322" s="1" t="s">
        <v>90679</v>
      </c>
      <c r="F25322" s="1" t="s">
        <v>90680</v>
      </c>
      <c r="G25322" s="1" t="s">
        <v>90648</v>
      </c>
      <c r="H25322" s="1" t="s">
        <v>90649</v>
      </c>
      <c r="I25322" s="1" t="s">
        <v>86055</v>
      </c>
      <c r="J25322" s="1" t="s">
        <v>90681</v>
      </c>
    </row>
    <row r="25323" spans="1:10" x14ac:dyDescent="0.35">
      <c r="A25323" s="1" t="s">
        <v>25928</v>
      </c>
      <c r="B25323" s="1" t="s">
        <v>86049</v>
      </c>
      <c r="C25323" s="1" t="s">
        <v>60</v>
      </c>
      <c r="D25323" s="1" t="s">
        <v>90682</v>
      </c>
      <c r="E25323" s="1" t="s">
        <v>90683</v>
      </c>
      <c r="F25323" s="1" t="s">
        <v>90684</v>
      </c>
      <c r="G25323" s="1" t="s">
        <v>90648</v>
      </c>
      <c r="H25323" s="1" t="s">
        <v>90649</v>
      </c>
      <c r="I25323" s="1" t="s">
        <v>86055</v>
      </c>
      <c r="J25323" s="1" t="s">
        <v>90685</v>
      </c>
    </row>
    <row r="25324" spans="1:10" x14ac:dyDescent="0.35">
      <c r="A25324" s="1" t="s">
        <v>25928</v>
      </c>
      <c r="B25324" s="1" t="s">
        <v>86049</v>
      </c>
      <c r="C25324" s="1" t="s">
        <v>65</v>
      </c>
      <c r="D25324" s="1" t="s">
        <v>90686</v>
      </c>
      <c r="E25324" s="1" t="s">
        <v>90687</v>
      </c>
      <c r="F25324" s="1" t="s">
        <v>90688</v>
      </c>
      <c r="G25324" s="1" t="s">
        <v>90648</v>
      </c>
      <c r="H25324" s="1" t="s">
        <v>90649</v>
      </c>
      <c r="I25324" s="1" t="s">
        <v>86055</v>
      </c>
      <c r="J25324" s="1" t="s">
        <v>90689</v>
      </c>
    </row>
    <row r="25325" spans="1:10" x14ac:dyDescent="0.35">
      <c r="A25325" s="1" t="s">
        <v>25928</v>
      </c>
      <c r="B25325" s="1" t="s">
        <v>86049</v>
      </c>
      <c r="C25325" s="1" t="s">
        <v>70</v>
      </c>
      <c r="D25325" s="1" t="s">
        <v>90690</v>
      </c>
      <c r="E25325" s="1" t="s">
        <v>90691</v>
      </c>
      <c r="F25325" s="1" t="s">
        <v>90692</v>
      </c>
      <c r="G25325" s="1" t="s">
        <v>90648</v>
      </c>
      <c r="H25325" s="1" t="s">
        <v>90649</v>
      </c>
      <c r="I25325" s="1" t="s">
        <v>86055</v>
      </c>
      <c r="J25325" s="1" t="s">
        <v>90693</v>
      </c>
    </row>
    <row r="25326" spans="1:10" x14ac:dyDescent="0.35">
      <c r="A25326" s="1" t="s">
        <v>25928</v>
      </c>
      <c r="B25326" s="1" t="s">
        <v>86049</v>
      </c>
      <c r="C25326" s="1" t="s">
        <v>75</v>
      </c>
      <c r="D25326" s="1" t="s">
        <v>56366</v>
      </c>
      <c r="E25326" s="1" t="s">
        <v>90694</v>
      </c>
      <c r="F25326" s="1" t="s">
        <v>90695</v>
      </c>
      <c r="G25326" s="1" t="s">
        <v>90648</v>
      </c>
      <c r="H25326" s="1" t="s">
        <v>90649</v>
      </c>
      <c r="I25326" s="1" t="s">
        <v>86055</v>
      </c>
      <c r="J25326" s="1" t="s">
        <v>90696</v>
      </c>
    </row>
    <row r="25327" spans="1:10" x14ac:dyDescent="0.35">
      <c r="A25327" s="1" t="s">
        <v>25928</v>
      </c>
      <c r="B25327" s="1" t="s">
        <v>86049</v>
      </c>
      <c r="C25327" s="1" t="s">
        <v>80</v>
      </c>
      <c r="D25327" s="1" t="s">
        <v>85916</v>
      </c>
      <c r="E25327" s="1" t="s">
        <v>90697</v>
      </c>
      <c r="F25327" s="1" t="s">
        <v>90698</v>
      </c>
      <c r="G25327" s="1" t="s">
        <v>90648</v>
      </c>
      <c r="H25327" s="1" t="s">
        <v>90649</v>
      </c>
      <c r="I25327" s="1" t="s">
        <v>86055</v>
      </c>
      <c r="J25327" s="1" t="s">
        <v>90699</v>
      </c>
    </row>
    <row r="25328" spans="1:10" x14ac:dyDescent="0.35">
      <c r="A25328" s="1" t="s">
        <v>25928</v>
      </c>
      <c r="B25328" s="1" t="s">
        <v>86049</v>
      </c>
      <c r="C25328" s="1" t="s">
        <v>85</v>
      </c>
      <c r="D25328" s="1" t="s">
        <v>24017</v>
      </c>
      <c r="E25328" s="1" t="s">
        <v>90700</v>
      </c>
      <c r="F25328" s="1" t="s">
        <v>90701</v>
      </c>
      <c r="G25328" s="1" t="s">
        <v>90648</v>
      </c>
      <c r="H25328" s="1" t="s">
        <v>90649</v>
      </c>
      <c r="I25328" s="1" t="s">
        <v>86055</v>
      </c>
      <c r="J25328" s="1" t="s">
        <v>90702</v>
      </c>
    </row>
    <row r="25329" spans="1:10" x14ac:dyDescent="0.35">
      <c r="A25329" s="1" t="s">
        <v>25928</v>
      </c>
      <c r="B25329" s="1" t="s">
        <v>86049</v>
      </c>
      <c r="C25329" s="1" t="s">
        <v>90</v>
      </c>
      <c r="D25329" s="1" t="s">
        <v>90703</v>
      </c>
      <c r="E25329" s="1" t="s">
        <v>90704</v>
      </c>
      <c r="F25329" s="1" t="s">
        <v>90705</v>
      </c>
      <c r="G25329" s="1" t="s">
        <v>90648</v>
      </c>
      <c r="H25329" s="1" t="s">
        <v>90649</v>
      </c>
      <c r="I25329" s="1" t="s">
        <v>86055</v>
      </c>
      <c r="J25329" s="1" t="s">
        <v>90706</v>
      </c>
    </row>
    <row r="25330" spans="1:10" x14ac:dyDescent="0.35">
      <c r="A25330" s="1" t="s">
        <v>25928</v>
      </c>
      <c r="B25330" s="1" t="s">
        <v>86049</v>
      </c>
      <c r="C25330" s="1" t="s">
        <v>95</v>
      </c>
      <c r="D25330" s="1" t="s">
        <v>64285</v>
      </c>
      <c r="E25330" s="1" t="s">
        <v>90707</v>
      </c>
      <c r="F25330" s="1" t="s">
        <v>90708</v>
      </c>
      <c r="G25330" s="1" t="s">
        <v>90648</v>
      </c>
      <c r="H25330" s="1" t="s">
        <v>90649</v>
      </c>
      <c r="I25330" s="1" t="s">
        <v>86055</v>
      </c>
      <c r="J25330" s="1" t="s">
        <v>90709</v>
      </c>
    </row>
    <row r="25331" spans="1:10" x14ac:dyDescent="0.35">
      <c r="A25331" s="1" t="s">
        <v>25928</v>
      </c>
      <c r="B25331" s="1" t="s">
        <v>86049</v>
      </c>
      <c r="C25331" s="1" t="s">
        <v>100</v>
      </c>
      <c r="D25331" s="1" t="s">
        <v>90710</v>
      </c>
      <c r="E25331" s="1" t="s">
        <v>90711</v>
      </c>
      <c r="F25331" s="1" t="s">
        <v>90712</v>
      </c>
      <c r="G25331" s="1" t="s">
        <v>90648</v>
      </c>
      <c r="H25331" s="1" t="s">
        <v>90649</v>
      </c>
      <c r="I25331" s="1" t="s">
        <v>86055</v>
      </c>
      <c r="J25331" s="1" t="s">
        <v>90713</v>
      </c>
    </row>
    <row r="25332" spans="1:10" x14ac:dyDescent="0.35">
      <c r="A25332" s="1" t="s">
        <v>25928</v>
      </c>
      <c r="B25332" s="1" t="s">
        <v>86049</v>
      </c>
      <c r="C25332" s="1" t="s">
        <v>105</v>
      </c>
      <c r="D25332" s="1" t="s">
        <v>84702</v>
      </c>
      <c r="E25332" s="1" t="s">
        <v>90714</v>
      </c>
      <c r="F25332" s="1" t="s">
        <v>90715</v>
      </c>
      <c r="G25332" s="1" t="s">
        <v>90648</v>
      </c>
      <c r="H25332" s="1" t="s">
        <v>90649</v>
      </c>
      <c r="I25332" s="1" t="s">
        <v>86055</v>
      </c>
      <c r="J25332" s="1" t="s">
        <v>90716</v>
      </c>
    </row>
    <row r="25333" spans="1:10" x14ac:dyDescent="0.35">
      <c r="A25333" s="1" t="s">
        <v>25928</v>
      </c>
      <c r="B25333" s="1" t="s">
        <v>86049</v>
      </c>
      <c r="C25333" s="1" t="s">
        <v>110</v>
      </c>
      <c r="D25333" s="1" t="s">
        <v>62977</v>
      </c>
      <c r="E25333" s="1" t="s">
        <v>90717</v>
      </c>
      <c r="F25333" s="1" t="s">
        <v>90718</v>
      </c>
      <c r="G25333" s="1" t="s">
        <v>90648</v>
      </c>
      <c r="H25333" s="1" t="s">
        <v>90649</v>
      </c>
      <c r="I25333" s="1" t="s">
        <v>86055</v>
      </c>
      <c r="J25333" s="1" t="s">
        <v>90719</v>
      </c>
    </row>
    <row r="25334" spans="1:10" x14ac:dyDescent="0.35">
      <c r="A25334" s="1" t="s">
        <v>25928</v>
      </c>
      <c r="B25334" s="1" t="s">
        <v>86049</v>
      </c>
      <c r="C25334" s="1" t="s">
        <v>115</v>
      </c>
      <c r="D25334" s="1" t="s">
        <v>90720</v>
      </c>
      <c r="E25334" s="1" t="s">
        <v>90721</v>
      </c>
      <c r="F25334" s="1" t="s">
        <v>90722</v>
      </c>
      <c r="G25334" s="1" t="s">
        <v>90648</v>
      </c>
      <c r="H25334" s="1" t="s">
        <v>90649</v>
      </c>
      <c r="I25334" s="1" t="s">
        <v>86055</v>
      </c>
      <c r="J25334" s="1" t="s">
        <v>90723</v>
      </c>
    </row>
    <row r="25335" spans="1:10" x14ac:dyDescent="0.35">
      <c r="A25335" s="1" t="s">
        <v>25928</v>
      </c>
      <c r="B25335" s="1" t="s">
        <v>86049</v>
      </c>
      <c r="C25335" s="1" t="s">
        <v>120</v>
      </c>
      <c r="D25335" s="1" t="s">
        <v>65875</v>
      </c>
      <c r="E25335" s="1" t="s">
        <v>90724</v>
      </c>
      <c r="F25335" s="1" t="s">
        <v>90725</v>
      </c>
      <c r="G25335" s="1" t="s">
        <v>90648</v>
      </c>
      <c r="H25335" s="1" t="s">
        <v>90649</v>
      </c>
      <c r="I25335" s="1" t="s">
        <v>86055</v>
      </c>
      <c r="J25335" s="1" t="s">
        <v>90726</v>
      </c>
    </row>
    <row r="25336" spans="1:10" x14ac:dyDescent="0.35">
      <c r="A25336" s="1" t="s">
        <v>25928</v>
      </c>
      <c r="B25336" s="1" t="s">
        <v>86049</v>
      </c>
      <c r="C25336" s="1" t="s">
        <v>125</v>
      </c>
      <c r="D25336" s="1" t="s">
        <v>90727</v>
      </c>
      <c r="E25336" s="1" t="s">
        <v>90728</v>
      </c>
      <c r="F25336" s="1" t="s">
        <v>90729</v>
      </c>
      <c r="G25336" s="1" t="s">
        <v>90648</v>
      </c>
      <c r="H25336" s="1" t="s">
        <v>90649</v>
      </c>
      <c r="I25336" s="1" t="s">
        <v>86055</v>
      </c>
      <c r="J25336" s="1" t="s">
        <v>90730</v>
      </c>
    </row>
    <row r="25337" spans="1:10" x14ac:dyDescent="0.35">
      <c r="A25337" s="1" t="s">
        <v>25928</v>
      </c>
      <c r="B25337" s="1" t="s">
        <v>86049</v>
      </c>
      <c r="C25337" s="1" t="s">
        <v>130</v>
      </c>
      <c r="D25337" s="1" t="s">
        <v>90731</v>
      </c>
      <c r="E25337" s="1" t="s">
        <v>90732</v>
      </c>
      <c r="F25337" s="1" t="s">
        <v>90733</v>
      </c>
      <c r="G25337" s="1" t="s">
        <v>90648</v>
      </c>
      <c r="H25337" s="1" t="s">
        <v>90649</v>
      </c>
      <c r="I25337" s="1" t="s">
        <v>86055</v>
      </c>
      <c r="J25337" s="1" t="s">
        <v>90734</v>
      </c>
    </row>
    <row r="25338" spans="1:10" x14ac:dyDescent="0.35">
      <c r="A25338" s="1" t="s">
        <v>25928</v>
      </c>
      <c r="B25338" s="1" t="s">
        <v>86049</v>
      </c>
      <c r="C25338" s="1" t="s">
        <v>135</v>
      </c>
      <c r="D25338" s="1" t="s">
        <v>54444</v>
      </c>
      <c r="E25338" s="1" t="s">
        <v>90735</v>
      </c>
      <c r="F25338" s="1" t="s">
        <v>90736</v>
      </c>
      <c r="G25338" s="1" t="s">
        <v>90648</v>
      </c>
      <c r="H25338" s="1" t="s">
        <v>90649</v>
      </c>
      <c r="I25338" s="1" t="s">
        <v>86055</v>
      </c>
      <c r="J25338" s="1" t="s">
        <v>90737</v>
      </c>
    </row>
    <row r="25339" spans="1:10" x14ac:dyDescent="0.35">
      <c r="A25339" s="1" t="s">
        <v>25928</v>
      </c>
      <c r="B25339" s="1" t="s">
        <v>86049</v>
      </c>
      <c r="C25339" s="1" t="s">
        <v>140</v>
      </c>
      <c r="D25339" s="1" t="s">
        <v>90738</v>
      </c>
      <c r="E25339" s="1" t="s">
        <v>90739</v>
      </c>
      <c r="F25339" s="1" t="s">
        <v>90740</v>
      </c>
      <c r="G25339" s="1" t="s">
        <v>90648</v>
      </c>
      <c r="H25339" s="1" t="s">
        <v>90649</v>
      </c>
      <c r="I25339" s="1" t="s">
        <v>86055</v>
      </c>
      <c r="J25339" s="1" t="s">
        <v>90741</v>
      </c>
    </row>
    <row r="25340" spans="1:10" x14ac:dyDescent="0.35">
      <c r="A25340" s="1" t="s">
        <v>25928</v>
      </c>
      <c r="B25340" s="1" t="s">
        <v>86049</v>
      </c>
      <c r="C25340" s="1" t="s">
        <v>145</v>
      </c>
      <c r="D25340" s="1" t="s">
        <v>24005</v>
      </c>
      <c r="E25340" s="1" t="s">
        <v>90742</v>
      </c>
      <c r="F25340" s="1" t="s">
        <v>90743</v>
      </c>
      <c r="G25340" s="1" t="s">
        <v>90648</v>
      </c>
      <c r="H25340" s="1" t="s">
        <v>90649</v>
      </c>
      <c r="I25340" s="1" t="s">
        <v>86055</v>
      </c>
      <c r="J25340" s="1" t="s">
        <v>90744</v>
      </c>
    </row>
    <row r="25341" spans="1:10" x14ac:dyDescent="0.35">
      <c r="A25341" s="1" t="s">
        <v>25928</v>
      </c>
      <c r="B25341" s="1" t="s">
        <v>86049</v>
      </c>
      <c r="C25341" s="1" t="s">
        <v>150</v>
      </c>
      <c r="D25341" s="1" t="s">
        <v>90745</v>
      </c>
      <c r="E25341" s="1" t="s">
        <v>90746</v>
      </c>
      <c r="F25341" s="1" t="s">
        <v>90747</v>
      </c>
      <c r="G25341" s="1" t="s">
        <v>90648</v>
      </c>
      <c r="H25341" s="1" t="s">
        <v>90649</v>
      </c>
      <c r="I25341" s="1" t="s">
        <v>86055</v>
      </c>
      <c r="J25341" s="1" t="s">
        <v>90748</v>
      </c>
    </row>
    <row r="25342" spans="1:10" x14ac:dyDescent="0.35">
      <c r="A25342" s="1" t="s">
        <v>25928</v>
      </c>
      <c r="B25342" s="1" t="s">
        <v>86049</v>
      </c>
      <c r="C25342" s="1" t="s">
        <v>155</v>
      </c>
      <c r="D25342" s="1" t="s">
        <v>90749</v>
      </c>
      <c r="E25342" s="1" t="s">
        <v>90750</v>
      </c>
      <c r="F25342" s="1" t="s">
        <v>90751</v>
      </c>
      <c r="G25342" s="1" t="s">
        <v>90648</v>
      </c>
      <c r="H25342" s="1" t="s">
        <v>90649</v>
      </c>
      <c r="I25342" s="1" t="s">
        <v>86055</v>
      </c>
      <c r="J25342" s="1" t="s">
        <v>90752</v>
      </c>
    </row>
    <row r="25343" spans="1:10" x14ac:dyDescent="0.35">
      <c r="A25343" s="1" t="s">
        <v>25928</v>
      </c>
      <c r="B25343" s="1" t="s">
        <v>86049</v>
      </c>
      <c r="C25343" s="1" t="s">
        <v>160</v>
      </c>
      <c r="D25343" s="1" t="s">
        <v>7412</v>
      </c>
      <c r="E25343" s="1" t="s">
        <v>90753</v>
      </c>
      <c r="F25343" s="1" t="s">
        <v>90754</v>
      </c>
      <c r="G25343" s="1" t="s">
        <v>90648</v>
      </c>
      <c r="H25343" s="1" t="s">
        <v>90649</v>
      </c>
      <c r="I25343" s="1" t="s">
        <v>86055</v>
      </c>
      <c r="J25343" s="1" t="s">
        <v>90755</v>
      </c>
    </row>
    <row r="25344" spans="1:10" x14ac:dyDescent="0.35">
      <c r="A25344" s="1" t="s">
        <v>25928</v>
      </c>
      <c r="B25344" s="1" t="s">
        <v>86049</v>
      </c>
      <c r="C25344" s="1" t="s">
        <v>165</v>
      </c>
      <c r="D25344" s="1" t="s">
        <v>90756</v>
      </c>
      <c r="E25344" s="1" t="s">
        <v>90757</v>
      </c>
      <c r="F25344" s="1" t="s">
        <v>90758</v>
      </c>
      <c r="G25344" s="1" t="s">
        <v>90648</v>
      </c>
      <c r="H25344" s="1" t="s">
        <v>90649</v>
      </c>
      <c r="I25344" s="1" t="s">
        <v>86055</v>
      </c>
      <c r="J25344" s="1" t="s">
        <v>90759</v>
      </c>
    </row>
    <row r="25345" spans="1:10" x14ac:dyDescent="0.35">
      <c r="A25345" s="1" t="s">
        <v>25928</v>
      </c>
      <c r="B25345" s="1" t="s">
        <v>86049</v>
      </c>
      <c r="C25345" s="1" t="s">
        <v>170</v>
      </c>
      <c r="D25345" s="1" t="s">
        <v>90760</v>
      </c>
      <c r="E25345" s="1" t="s">
        <v>90761</v>
      </c>
      <c r="F25345" s="1" t="s">
        <v>90762</v>
      </c>
      <c r="G25345" s="1" t="s">
        <v>90648</v>
      </c>
      <c r="H25345" s="1" t="s">
        <v>90649</v>
      </c>
      <c r="I25345" s="1" t="s">
        <v>86055</v>
      </c>
      <c r="J25345" s="1" t="s">
        <v>90763</v>
      </c>
    </row>
    <row r="25346" spans="1:10" x14ac:dyDescent="0.35">
      <c r="A25346" s="1" t="s">
        <v>90764</v>
      </c>
      <c r="B25346" s="1" t="s">
        <v>86049</v>
      </c>
      <c r="C25346" s="1" t="s">
        <v>8</v>
      </c>
      <c r="D25346" s="1" t="s">
        <v>90765</v>
      </c>
      <c r="E25346" s="1" t="s">
        <v>90766</v>
      </c>
      <c r="F25346" s="1" t="s">
        <v>90767</v>
      </c>
      <c r="G25346" s="1" t="s">
        <v>90768</v>
      </c>
      <c r="H25346" s="1" t="s">
        <v>90769</v>
      </c>
      <c r="I25346" s="1" t="s">
        <v>86055</v>
      </c>
      <c r="J25346" s="1" t="s">
        <v>13</v>
      </c>
    </row>
    <row r="25347" spans="1:10" x14ac:dyDescent="0.35">
      <c r="A25347" s="1" t="s">
        <v>90764</v>
      </c>
      <c r="B25347" s="1" t="s">
        <v>86049</v>
      </c>
      <c r="C25347" s="1" t="s">
        <v>15</v>
      </c>
      <c r="D25347" s="1" t="s">
        <v>90770</v>
      </c>
      <c r="E25347" s="1" t="s">
        <v>90771</v>
      </c>
      <c r="F25347" s="1" t="s">
        <v>90772</v>
      </c>
      <c r="G25347" s="1" t="s">
        <v>90768</v>
      </c>
      <c r="H25347" s="1" t="s">
        <v>90769</v>
      </c>
      <c r="I25347" s="1" t="s">
        <v>86055</v>
      </c>
      <c r="J25347" s="1" t="s">
        <v>90773</v>
      </c>
    </row>
    <row r="25348" spans="1:10" x14ac:dyDescent="0.35">
      <c r="A25348" s="1" t="s">
        <v>90764</v>
      </c>
      <c r="B25348" s="1" t="s">
        <v>86049</v>
      </c>
      <c r="C25348" s="1" t="s">
        <v>20</v>
      </c>
      <c r="D25348" s="1" t="s">
        <v>90774</v>
      </c>
      <c r="E25348" s="1" t="s">
        <v>90775</v>
      </c>
      <c r="F25348" s="1" t="s">
        <v>90776</v>
      </c>
      <c r="G25348" s="1" t="s">
        <v>90768</v>
      </c>
      <c r="H25348" s="1" t="s">
        <v>90769</v>
      </c>
      <c r="I25348" s="1" t="s">
        <v>86055</v>
      </c>
      <c r="J25348" s="1" t="s">
        <v>90777</v>
      </c>
    </row>
    <row r="25349" spans="1:10" x14ac:dyDescent="0.35">
      <c r="A25349" s="1" t="s">
        <v>90764</v>
      </c>
      <c r="B25349" s="1" t="s">
        <v>86049</v>
      </c>
      <c r="C25349" s="1" t="s">
        <v>25</v>
      </c>
      <c r="D25349" s="1" t="s">
        <v>24204</v>
      </c>
      <c r="E25349" s="1" t="s">
        <v>90778</v>
      </c>
      <c r="F25349" s="1" t="s">
        <v>90779</v>
      </c>
      <c r="G25349" s="1" t="s">
        <v>90768</v>
      </c>
      <c r="H25349" s="1" t="s">
        <v>90769</v>
      </c>
      <c r="I25349" s="1" t="s">
        <v>86055</v>
      </c>
      <c r="J25349" s="1" t="s">
        <v>90780</v>
      </c>
    </row>
    <row r="25350" spans="1:10" x14ac:dyDescent="0.35">
      <c r="A25350" s="1" t="s">
        <v>90764</v>
      </c>
      <c r="B25350" s="1" t="s">
        <v>86049</v>
      </c>
      <c r="C25350" s="1" t="s">
        <v>30</v>
      </c>
      <c r="D25350" s="1" t="s">
        <v>90781</v>
      </c>
      <c r="E25350" s="1" t="s">
        <v>90782</v>
      </c>
      <c r="F25350" s="1" t="s">
        <v>90783</v>
      </c>
      <c r="G25350" s="1" t="s">
        <v>90768</v>
      </c>
      <c r="H25350" s="1" t="s">
        <v>90769</v>
      </c>
      <c r="I25350" s="1" t="s">
        <v>86055</v>
      </c>
      <c r="J25350" s="1" t="s">
        <v>90784</v>
      </c>
    </row>
    <row r="25351" spans="1:10" x14ac:dyDescent="0.35">
      <c r="A25351" s="1" t="s">
        <v>90764</v>
      </c>
      <c r="B25351" s="1" t="s">
        <v>86049</v>
      </c>
      <c r="C25351" s="1" t="s">
        <v>35</v>
      </c>
      <c r="D25351" s="1" t="s">
        <v>90785</v>
      </c>
      <c r="E25351" s="1" t="s">
        <v>90786</v>
      </c>
      <c r="F25351" s="1" t="s">
        <v>90787</v>
      </c>
      <c r="G25351" s="1" t="s">
        <v>90768</v>
      </c>
      <c r="H25351" s="1" t="s">
        <v>90769</v>
      </c>
      <c r="I25351" s="1" t="s">
        <v>86055</v>
      </c>
      <c r="J25351" s="1" t="s">
        <v>90788</v>
      </c>
    </row>
    <row r="25352" spans="1:10" x14ac:dyDescent="0.35">
      <c r="A25352" s="1" t="s">
        <v>90764</v>
      </c>
      <c r="B25352" s="1" t="s">
        <v>86049</v>
      </c>
      <c r="C25352" s="1" t="s">
        <v>40</v>
      </c>
      <c r="D25352" s="1" t="s">
        <v>90789</v>
      </c>
      <c r="E25352" s="1" t="s">
        <v>90790</v>
      </c>
      <c r="F25352" s="1" t="s">
        <v>90791</v>
      </c>
      <c r="G25352" s="1" t="s">
        <v>90768</v>
      </c>
      <c r="H25352" s="1" t="s">
        <v>90769</v>
      </c>
      <c r="I25352" s="1" t="s">
        <v>86055</v>
      </c>
      <c r="J25352" s="1" t="s">
        <v>90792</v>
      </c>
    </row>
    <row r="25353" spans="1:10" x14ac:dyDescent="0.35">
      <c r="A25353" s="1" t="s">
        <v>90764</v>
      </c>
      <c r="B25353" s="1" t="s">
        <v>86049</v>
      </c>
      <c r="C25353" s="1" t="s">
        <v>45</v>
      </c>
      <c r="D25353" s="1" t="s">
        <v>77994</v>
      </c>
      <c r="E25353" s="1" t="s">
        <v>90793</v>
      </c>
      <c r="F25353" s="1" t="s">
        <v>90794</v>
      </c>
      <c r="G25353" s="1" t="s">
        <v>90768</v>
      </c>
      <c r="H25353" s="1" t="s">
        <v>90769</v>
      </c>
      <c r="I25353" s="1" t="s">
        <v>86055</v>
      </c>
      <c r="J25353" s="1" t="s">
        <v>90795</v>
      </c>
    </row>
    <row r="25354" spans="1:10" x14ac:dyDescent="0.35">
      <c r="A25354" s="1" t="s">
        <v>90764</v>
      </c>
      <c r="B25354" s="1" t="s">
        <v>86049</v>
      </c>
      <c r="C25354" s="1" t="s">
        <v>50</v>
      </c>
      <c r="D25354" s="1" t="s">
        <v>90796</v>
      </c>
      <c r="E25354" s="1" t="s">
        <v>90797</v>
      </c>
      <c r="F25354" s="1" t="s">
        <v>90798</v>
      </c>
      <c r="G25354" s="1" t="s">
        <v>90768</v>
      </c>
      <c r="H25354" s="1" t="s">
        <v>90769</v>
      </c>
      <c r="I25354" s="1" t="s">
        <v>86055</v>
      </c>
      <c r="J25354" s="1" t="s">
        <v>90799</v>
      </c>
    </row>
    <row r="25355" spans="1:10" x14ac:dyDescent="0.35">
      <c r="A25355" s="1" t="s">
        <v>90764</v>
      </c>
      <c r="B25355" s="1" t="s">
        <v>86049</v>
      </c>
      <c r="C25355" s="1" t="s">
        <v>55</v>
      </c>
      <c r="D25355" s="1" t="s">
        <v>90800</v>
      </c>
      <c r="E25355" s="1" t="s">
        <v>90801</v>
      </c>
      <c r="F25355" s="1" t="s">
        <v>90802</v>
      </c>
      <c r="G25355" s="1" t="s">
        <v>90768</v>
      </c>
      <c r="H25355" s="1" t="s">
        <v>90769</v>
      </c>
      <c r="I25355" s="1" t="s">
        <v>86055</v>
      </c>
      <c r="J25355" s="1" t="s">
        <v>90803</v>
      </c>
    </row>
    <row r="25356" spans="1:10" x14ac:dyDescent="0.35">
      <c r="A25356" s="1" t="s">
        <v>90764</v>
      </c>
      <c r="B25356" s="1" t="s">
        <v>86049</v>
      </c>
      <c r="C25356" s="1" t="s">
        <v>60</v>
      </c>
      <c r="D25356" s="1" t="s">
        <v>90804</v>
      </c>
      <c r="E25356" s="1" t="s">
        <v>90805</v>
      </c>
      <c r="F25356" s="1" t="s">
        <v>90806</v>
      </c>
      <c r="G25356" s="1" t="s">
        <v>90768</v>
      </c>
      <c r="H25356" s="1" t="s">
        <v>90769</v>
      </c>
      <c r="I25356" s="1" t="s">
        <v>86055</v>
      </c>
      <c r="J25356" s="1" t="s">
        <v>90807</v>
      </c>
    </row>
    <row r="25357" spans="1:10" x14ac:dyDescent="0.35">
      <c r="A25357" s="1" t="s">
        <v>90764</v>
      </c>
      <c r="B25357" s="1" t="s">
        <v>86049</v>
      </c>
      <c r="C25357" s="1" t="s">
        <v>65</v>
      </c>
      <c r="D25357" s="1" t="s">
        <v>90446</v>
      </c>
      <c r="E25357" s="1" t="s">
        <v>90808</v>
      </c>
      <c r="F25357" s="1" t="s">
        <v>90809</v>
      </c>
      <c r="G25357" s="1" t="s">
        <v>90768</v>
      </c>
      <c r="H25357" s="1" t="s">
        <v>90769</v>
      </c>
      <c r="I25357" s="1" t="s">
        <v>86055</v>
      </c>
      <c r="J25357" s="1" t="s">
        <v>90810</v>
      </c>
    </row>
    <row r="25358" spans="1:10" x14ac:dyDescent="0.35">
      <c r="A25358" s="1" t="s">
        <v>90764</v>
      </c>
      <c r="B25358" s="1" t="s">
        <v>86049</v>
      </c>
      <c r="C25358" s="1" t="s">
        <v>70</v>
      </c>
      <c r="D25358" s="1" t="s">
        <v>90811</v>
      </c>
      <c r="E25358" s="1" t="s">
        <v>90812</v>
      </c>
      <c r="F25358" s="1" t="s">
        <v>90813</v>
      </c>
      <c r="G25358" s="1" t="s">
        <v>90768</v>
      </c>
      <c r="H25358" s="1" t="s">
        <v>90769</v>
      </c>
      <c r="I25358" s="1" t="s">
        <v>86055</v>
      </c>
      <c r="J25358" s="1" t="s">
        <v>90814</v>
      </c>
    </row>
    <row r="25359" spans="1:10" x14ac:dyDescent="0.35">
      <c r="A25359" s="1" t="s">
        <v>90764</v>
      </c>
      <c r="B25359" s="1" t="s">
        <v>86049</v>
      </c>
      <c r="C25359" s="1" t="s">
        <v>75</v>
      </c>
      <c r="D25359" s="1" t="s">
        <v>26567</v>
      </c>
      <c r="E25359" s="1" t="s">
        <v>90815</v>
      </c>
      <c r="F25359" s="1" t="s">
        <v>90816</v>
      </c>
      <c r="G25359" s="1" t="s">
        <v>90768</v>
      </c>
      <c r="H25359" s="1" t="s">
        <v>90769</v>
      </c>
      <c r="I25359" s="1" t="s">
        <v>86055</v>
      </c>
      <c r="J25359" s="1" t="s">
        <v>90817</v>
      </c>
    </row>
    <row r="25360" spans="1:10" x14ac:dyDescent="0.35">
      <c r="A25360" s="1" t="s">
        <v>90764</v>
      </c>
      <c r="B25360" s="1" t="s">
        <v>86049</v>
      </c>
      <c r="C25360" s="1" t="s">
        <v>80</v>
      </c>
      <c r="D25360" s="1" t="s">
        <v>90818</v>
      </c>
      <c r="E25360" s="1" t="s">
        <v>90819</v>
      </c>
      <c r="F25360" s="1" t="s">
        <v>90820</v>
      </c>
      <c r="G25360" s="1" t="s">
        <v>90768</v>
      </c>
      <c r="H25360" s="1" t="s">
        <v>90769</v>
      </c>
      <c r="I25360" s="1" t="s">
        <v>86055</v>
      </c>
      <c r="J25360" s="1" t="s">
        <v>90821</v>
      </c>
    </row>
    <row r="25361" spans="1:10" x14ac:dyDescent="0.35">
      <c r="A25361" s="1" t="s">
        <v>90764</v>
      </c>
      <c r="B25361" s="1" t="s">
        <v>86049</v>
      </c>
      <c r="C25361" s="1" t="s">
        <v>85</v>
      </c>
      <c r="D25361" s="1" t="s">
        <v>86753</v>
      </c>
      <c r="E25361" s="1" t="s">
        <v>90822</v>
      </c>
      <c r="F25361" s="1" t="s">
        <v>90823</v>
      </c>
      <c r="G25361" s="1" t="s">
        <v>90768</v>
      </c>
      <c r="H25361" s="1" t="s">
        <v>90769</v>
      </c>
      <c r="I25361" s="1" t="s">
        <v>86055</v>
      </c>
      <c r="J25361" s="1" t="s">
        <v>90824</v>
      </c>
    </row>
    <row r="25362" spans="1:10" x14ac:dyDescent="0.35">
      <c r="A25362" s="1" t="s">
        <v>90764</v>
      </c>
      <c r="B25362" s="1" t="s">
        <v>86049</v>
      </c>
      <c r="C25362" s="1" t="s">
        <v>90</v>
      </c>
      <c r="D25362" s="1" t="s">
        <v>58056</v>
      </c>
      <c r="E25362" s="1" t="s">
        <v>90825</v>
      </c>
      <c r="F25362" s="1" t="s">
        <v>90826</v>
      </c>
      <c r="G25362" s="1" t="s">
        <v>90768</v>
      </c>
      <c r="H25362" s="1" t="s">
        <v>90769</v>
      </c>
      <c r="I25362" s="1" t="s">
        <v>86055</v>
      </c>
      <c r="J25362" s="1" t="s">
        <v>90827</v>
      </c>
    </row>
    <row r="25363" spans="1:10" x14ac:dyDescent="0.35">
      <c r="A25363" s="1" t="s">
        <v>90764</v>
      </c>
      <c r="B25363" s="1" t="s">
        <v>86049</v>
      </c>
      <c r="C25363" s="1" t="s">
        <v>95</v>
      </c>
      <c r="D25363" s="1" t="s">
        <v>26709</v>
      </c>
      <c r="E25363" s="1" t="s">
        <v>90828</v>
      </c>
      <c r="F25363" s="1" t="s">
        <v>90829</v>
      </c>
      <c r="G25363" s="1" t="s">
        <v>90768</v>
      </c>
      <c r="H25363" s="1" t="s">
        <v>90769</v>
      </c>
      <c r="I25363" s="1" t="s">
        <v>86055</v>
      </c>
      <c r="J25363" s="1" t="s">
        <v>90830</v>
      </c>
    </row>
    <row r="25364" spans="1:10" x14ac:dyDescent="0.35">
      <c r="A25364" s="1" t="s">
        <v>90764</v>
      </c>
      <c r="B25364" s="1" t="s">
        <v>86049</v>
      </c>
      <c r="C25364" s="1" t="s">
        <v>100</v>
      </c>
      <c r="D25364" s="1" t="s">
        <v>59001</v>
      </c>
      <c r="E25364" s="1" t="s">
        <v>90831</v>
      </c>
      <c r="F25364" s="1" t="s">
        <v>90832</v>
      </c>
      <c r="G25364" s="1" t="s">
        <v>90768</v>
      </c>
      <c r="H25364" s="1" t="s">
        <v>90769</v>
      </c>
      <c r="I25364" s="1" t="s">
        <v>86055</v>
      </c>
      <c r="J25364" s="1" t="s">
        <v>90833</v>
      </c>
    </row>
    <row r="25365" spans="1:10" x14ac:dyDescent="0.35">
      <c r="A25365" s="1" t="s">
        <v>90764</v>
      </c>
      <c r="B25365" s="1" t="s">
        <v>86049</v>
      </c>
      <c r="C25365" s="1" t="s">
        <v>105</v>
      </c>
      <c r="D25365" s="1" t="s">
        <v>90834</v>
      </c>
      <c r="E25365" s="1" t="s">
        <v>90835</v>
      </c>
      <c r="F25365" s="1" t="s">
        <v>90836</v>
      </c>
      <c r="G25365" s="1" t="s">
        <v>90768</v>
      </c>
      <c r="H25365" s="1" t="s">
        <v>90769</v>
      </c>
      <c r="I25365" s="1" t="s">
        <v>86055</v>
      </c>
      <c r="J25365" s="1" t="s">
        <v>90837</v>
      </c>
    </row>
    <row r="25366" spans="1:10" x14ac:dyDescent="0.35">
      <c r="A25366" s="1" t="s">
        <v>90764</v>
      </c>
      <c r="B25366" s="1" t="s">
        <v>86049</v>
      </c>
      <c r="C25366" s="1" t="s">
        <v>110</v>
      </c>
      <c r="D25366" s="1" t="s">
        <v>75672</v>
      </c>
      <c r="E25366" s="1" t="s">
        <v>90838</v>
      </c>
      <c r="F25366" s="1" t="s">
        <v>90839</v>
      </c>
      <c r="G25366" s="1" t="s">
        <v>90768</v>
      </c>
      <c r="H25366" s="1" t="s">
        <v>90769</v>
      </c>
      <c r="I25366" s="1" t="s">
        <v>86055</v>
      </c>
      <c r="J25366" s="1" t="s">
        <v>90840</v>
      </c>
    </row>
    <row r="25367" spans="1:10" x14ac:dyDescent="0.35">
      <c r="A25367" s="1" t="s">
        <v>90764</v>
      </c>
      <c r="B25367" s="1" t="s">
        <v>86049</v>
      </c>
      <c r="C25367" s="1" t="s">
        <v>115</v>
      </c>
      <c r="D25367" s="1" t="s">
        <v>90841</v>
      </c>
      <c r="E25367" s="1" t="s">
        <v>90842</v>
      </c>
      <c r="F25367" s="1" t="s">
        <v>90843</v>
      </c>
      <c r="G25367" s="1" t="s">
        <v>90768</v>
      </c>
      <c r="H25367" s="1" t="s">
        <v>90769</v>
      </c>
      <c r="I25367" s="1" t="s">
        <v>86055</v>
      </c>
      <c r="J25367" s="1" t="s">
        <v>90844</v>
      </c>
    </row>
    <row r="25368" spans="1:10" x14ac:dyDescent="0.35">
      <c r="A25368" s="1" t="s">
        <v>90764</v>
      </c>
      <c r="B25368" s="1" t="s">
        <v>86049</v>
      </c>
      <c r="C25368" s="1" t="s">
        <v>120</v>
      </c>
      <c r="D25368" s="1" t="s">
        <v>90845</v>
      </c>
      <c r="E25368" s="1" t="s">
        <v>90846</v>
      </c>
      <c r="F25368" s="1" t="s">
        <v>90847</v>
      </c>
      <c r="G25368" s="1" t="s">
        <v>90768</v>
      </c>
      <c r="H25368" s="1" t="s">
        <v>90769</v>
      </c>
      <c r="I25368" s="1" t="s">
        <v>86055</v>
      </c>
      <c r="J25368" s="1" t="s">
        <v>90848</v>
      </c>
    </row>
    <row r="25369" spans="1:10" x14ac:dyDescent="0.35">
      <c r="A25369" s="1" t="s">
        <v>90764</v>
      </c>
      <c r="B25369" s="1" t="s">
        <v>86049</v>
      </c>
      <c r="C25369" s="1" t="s">
        <v>125</v>
      </c>
      <c r="D25369" s="1" t="s">
        <v>90849</v>
      </c>
      <c r="E25369" s="1" t="s">
        <v>90850</v>
      </c>
      <c r="F25369" s="1" t="s">
        <v>90851</v>
      </c>
      <c r="G25369" s="1" t="s">
        <v>90768</v>
      </c>
      <c r="H25369" s="1" t="s">
        <v>90769</v>
      </c>
      <c r="I25369" s="1" t="s">
        <v>86055</v>
      </c>
      <c r="J25369" s="1" t="s">
        <v>90852</v>
      </c>
    </row>
    <row r="25370" spans="1:10" x14ac:dyDescent="0.35">
      <c r="A25370" s="1" t="s">
        <v>90764</v>
      </c>
      <c r="B25370" s="1" t="s">
        <v>86049</v>
      </c>
      <c r="C25370" s="1" t="s">
        <v>130</v>
      </c>
      <c r="D25370" s="1" t="s">
        <v>90853</v>
      </c>
      <c r="E25370" s="1" t="s">
        <v>90854</v>
      </c>
      <c r="F25370" s="1" t="s">
        <v>90855</v>
      </c>
      <c r="G25370" s="1" t="s">
        <v>90768</v>
      </c>
      <c r="H25370" s="1" t="s">
        <v>90769</v>
      </c>
      <c r="I25370" s="1" t="s">
        <v>86055</v>
      </c>
      <c r="J25370" s="1" t="s">
        <v>90856</v>
      </c>
    </row>
    <row r="25371" spans="1:10" x14ac:dyDescent="0.35">
      <c r="A25371" s="1" t="s">
        <v>90764</v>
      </c>
      <c r="B25371" s="1" t="s">
        <v>86049</v>
      </c>
      <c r="C25371" s="1" t="s">
        <v>135</v>
      </c>
      <c r="D25371" s="1" t="s">
        <v>90857</v>
      </c>
      <c r="E25371" s="1" t="s">
        <v>90858</v>
      </c>
      <c r="F25371" s="1" t="s">
        <v>90859</v>
      </c>
      <c r="G25371" s="1" t="s">
        <v>90768</v>
      </c>
      <c r="H25371" s="1" t="s">
        <v>90769</v>
      </c>
      <c r="I25371" s="1" t="s">
        <v>86055</v>
      </c>
      <c r="J25371" s="1" t="s">
        <v>90860</v>
      </c>
    </row>
    <row r="25372" spans="1:10" x14ac:dyDescent="0.35">
      <c r="A25372" s="1" t="s">
        <v>90764</v>
      </c>
      <c r="B25372" s="1" t="s">
        <v>86049</v>
      </c>
      <c r="C25372" s="1" t="s">
        <v>140</v>
      </c>
      <c r="D25372" s="1" t="s">
        <v>86192</v>
      </c>
      <c r="E25372" s="1" t="s">
        <v>90861</v>
      </c>
      <c r="F25372" s="1" t="s">
        <v>90862</v>
      </c>
      <c r="G25372" s="1" t="s">
        <v>90768</v>
      </c>
      <c r="H25372" s="1" t="s">
        <v>90769</v>
      </c>
      <c r="I25372" s="1" t="s">
        <v>86055</v>
      </c>
      <c r="J25372" s="1" t="s">
        <v>90863</v>
      </c>
    </row>
    <row r="25373" spans="1:10" x14ac:dyDescent="0.35">
      <c r="A25373" s="1" t="s">
        <v>90764</v>
      </c>
      <c r="B25373" s="1" t="s">
        <v>86049</v>
      </c>
      <c r="C25373" s="1" t="s">
        <v>145</v>
      </c>
      <c r="D25373" s="1" t="s">
        <v>23935</v>
      </c>
      <c r="E25373" s="1" t="s">
        <v>90864</v>
      </c>
      <c r="F25373" s="1" t="s">
        <v>90865</v>
      </c>
      <c r="G25373" s="1" t="s">
        <v>90768</v>
      </c>
      <c r="H25373" s="1" t="s">
        <v>90769</v>
      </c>
      <c r="I25373" s="1" t="s">
        <v>86055</v>
      </c>
      <c r="J25373" s="1" t="s">
        <v>90866</v>
      </c>
    </row>
    <row r="25374" spans="1:10" x14ac:dyDescent="0.35">
      <c r="A25374" s="1" t="s">
        <v>90764</v>
      </c>
      <c r="B25374" s="1" t="s">
        <v>86049</v>
      </c>
      <c r="C25374" s="1" t="s">
        <v>150</v>
      </c>
      <c r="D25374" s="1" t="s">
        <v>90867</v>
      </c>
      <c r="E25374" s="1" t="s">
        <v>90868</v>
      </c>
      <c r="F25374" s="1" t="s">
        <v>90869</v>
      </c>
      <c r="G25374" s="1" t="s">
        <v>90768</v>
      </c>
      <c r="H25374" s="1" t="s">
        <v>90769</v>
      </c>
      <c r="I25374" s="1" t="s">
        <v>86055</v>
      </c>
      <c r="J25374" s="1" t="s">
        <v>90870</v>
      </c>
    </row>
    <row r="25375" spans="1:10" x14ac:dyDescent="0.35">
      <c r="A25375" s="1" t="s">
        <v>90764</v>
      </c>
      <c r="B25375" s="1" t="s">
        <v>86049</v>
      </c>
      <c r="C25375" s="1" t="s">
        <v>155</v>
      </c>
      <c r="D25375" s="1" t="s">
        <v>90871</v>
      </c>
      <c r="E25375" s="1" t="s">
        <v>90872</v>
      </c>
      <c r="F25375" s="1" t="s">
        <v>90873</v>
      </c>
      <c r="G25375" s="1" t="s">
        <v>90768</v>
      </c>
      <c r="H25375" s="1" t="s">
        <v>90769</v>
      </c>
      <c r="I25375" s="1" t="s">
        <v>86055</v>
      </c>
      <c r="J25375" s="1" t="s">
        <v>90874</v>
      </c>
    </row>
    <row r="25376" spans="1:10" x14ac:dyDescent="0.35">
      <c r="A25376" s="1" t="s">
        <v>90764</v>
      </c>
      <c r="B25376" s="1" t="s">
        <v>86049</v>
      </c>
      <c r="C25376" s="1" t="s">
        <v>160</v>
      </c>
      <c r="D25376" s="1" t="s">
        <v>69620</v>
      </c>
      <c r="E25376" s="1" t="s">
        <v>90875</v>
      </c>
      <c r="F25376" s="1" t="s">
        <v>90876</v>
      </c>
      <c r="G25376" s="1" t="s">
        <v>90768</v>
      </c>
      <c r="H25376" s="1" t="s">
        <v>90769</v>
      </c>
      <c r="I25376" s="1" t="s">
        <v>86055</v>
      </c>
      <c r="J25376" s="1" t="s">
        <v>90877</v>
      </c>
    </row>
    <row r="25377" spans="1:10" x14ac:dyDescent="0.35">
      <c r="A25377" s="1" t="s">
        <v>90764</v>
      </c>
      <c r="B25377" s="1" t="s">
        <v>86049</v>
      </c>
      <c r="C25377" s="1" t="s">
        <v>165</v>
      </c>
      <c r="D25377" s="1" t="s">
        <v>90878</v>
      </c>
      <c r="E25377" s="1" t="s">
        <v>90879</v>
      </c>
      <c r="F25377" s="1" t="s">
        <v>90880</v>
      </c>
      <c r="G25377" s="1" t="s">
        <v>90768</v>
      </c>
      <c r="H25377" s="1" t="s">
        <v>90769</v>
      </c>
      <c r="I25377" s="1" t="s">
        <v>86055</v>
      </c>
      <c r="J25377" s="1" t="s">
        <v>90881</v>
      </c>
    </row>
    <row r="25378" spans="1:10" x14ac:dyDescent="0.35">
      <c r="A25378" s="1" t="s">
        <v>90764</v>
      </c>
      <c r="B25378" s="1" t="s">
        <v>86049</v>
      </c>
      <c r="C25378" s="1" t="s">
        <v>170</v>
      </c>
      <c r="D25378" s="1" t="s">
        <v>58754</v>
      </c>
      <c r="E25378" s="1" t="s">
        <v>90882</v>
      </c>
      <c r="F25378" s="1" t="s">
        <v>90883</v>
      </c>
      <c r="G25378" s="1" t="s">
        <v>90768</v>
      </c>
      <c r="H25378" s="1" t="s">
        <v>90769</v>
      </c>
      <c r="I25378" s="1" t="s">
        <v>86055</v>
      </c>
      <c r="J25378" s="1" t="s">
        <v>90884</v>
      </c>
    </row>
    <row r="25379" spans="1:10" x14ac:dyDescent="0.35">
      <c r="A25379" s="1" t="s">
        <v>1781</v>
      </c>
      <c r="B25379" s="1" t="s">
        <v>86049</v>
      </c>
      <c r="C25379" s="1" t="s">
        <v>8</v>
      </c>
      <c r="D25379" s="1" t="s">
        <v>90885</v>
      </c>
      <c r="E25379" s="1" t="s">
        <v>90886</v>
      </c>
      <c r="F25379" s="1" t="s">
        <v>90887</v>
      </c>
      <c r="G25379" s="1" t="s">
        <v>90888</v>
      </c>
      <c r="H25379" s="1" t="s">
        <v>90889</v>
      </c>
      <c r="I25379" s="1" t="s">
        <v>86055</v>
      </c>
      <c r="J25379" s="1" t="s">
        <v>13</v>
      </c>
    </row>
    <row r="25380" spans="1:10" x14ac:dyDescent="0.35">
      <c r="A25380" s="1" t="s">
        <v>1781</v>
      </c>
      <c r="B25380" s="1" t="s">
        <v>86049</v>
      </c>
      <c r="C25380" s="1" t="s">
        <v>15</v>
      </c>
      <c r="D25380" s="1" t="s">
        <v>54812</v>
      </c>
      <c r="E25380" s="1" t="s">
        <v>90890</v>
      </c>
      <c r="F25380" s="1" t="s">
        <v>90891</v>
      </c>
      <c r="G25380" s="1" t="s">
        <v>90888</v>
      </c>
      <c r="H25380" s="1" t="s">
        <v>90889</v>
      </c>
      <c r="I25380" s="1" t="s">
        <v>86055</v>
      </c>
      <c r="J25380" s="1" t="s">
        <v>90892</v>
      </c>
    </row>
    <row r="25381" spans="1:10" x14ac:dyDescent="0.35">
      <c r="A25381" s="1" t="s">
        <v>1781</v>
      </c>
      <c r="B25381" s="1" t="s">
        <v>86049</v>
      </c>
      <c r="C25381" s="1" t="s">
        <v>20</v>
      </c>
      <c r="D25381" s="1" t="s">
        <v>89473</v>
      </c>
      <c r="E25381" s="1" t="s">
        <v>90893</v>
      </c>
      <c r="F25381" s="1" t="s">
        <v>90894</v>
      </c>
      <c r="G25381" s="1" t="s">
        <v>90888</v>
      </c>
      <c r="H25381" s="1" t="s">
        <v>90889</v>
      </c>
      <c r="I25381" s="1" t="s">
        <v>86055</v>
      </c>
      <c r="J25381" s="1" t="s">
        <v>90895</v>
      </c>
    </row>
    <row r="25382" spans="1:10" x14ac:dyDescent="0.35">
      <c r="A25382" s="1" t="s">
        <v>1781</v>
      </c>
      <c r="B25382" s="1" t="s">
        <v>86049</v>
      </c>
      <c r="C25382" s="1" t="s">
        <v>25</v>
      </c>
      <c r="D25382" s="1" t="s">
        <v>90896</v>
      </c>
      <c r="E25382" s="1" t="s">
        <v>90897</v>
      </c>
      <c r="F25382" s="1" t="s">
        <v>90898</v>
      </c>
      <c r="G25382" s="1" t="s">
        <v>90888</v>
      </c>
      <c r="H25382" s="1" t="s">
        <v>90889</v>
      </c>
      <c r="I25382" s="1" t="s">
        <v>86055</v>
      </c>
      <c r="J25382" s="1" t="s">
        <v>90899</v>
      </c>
    </row>
    <row r="25383" spans="1:10" x14ac:dyDescent="0.35">
      <c r="A25383" s="1" t="s">
        <v>1781</v>
      </c>
      <c r="B25383" s="1" t="s">
        <v>86049</v>
      </c>
      <c r="C25383" s="1" t="s">
        <v>30</v>
      </c>
      <c r="D25383" s="1" t="s">
        <v>66252</v>
      </c>
      <c r="E25383" s="1" t="s">
        <v>90900</v>
      </c>
      <c r="F25383" s="1" t="s">
        <v>90901</v>
      </c>
      <c r="G25383" s="1" t="s">
        <v>90888</v>
      </c>
      <c r="H25383" s="1" t="s">
        <v>90889</v>
      </c>
      <c r="I25383" s="1" t="s">
        <v>86055</v>
      </c>
      <c r="J25383" s="1" t="s">
        <v>90902</v>
      </c>
    </row>
    <row r="25384" spans="1:10" x14ac:dyDescent="0.35">
      <c r="A25384" s="1" t="s">
        <v>1781</v>
      </c>
      <c r="B25384" s="1" t="s">
        <v>86049</v>
      </c>
      <c r="C25384" s="1" t="s">
        <v>35</v>
      </c>
      <c r="D25384" s="1" t="s">
        <v>90903</v>
      </c>
      <c r="E25384" s="1" t="s">
        <v>90904</v>
      </c>
      <c r="F25384" s="1" t="s">
        <v>90905</v>
      </c>
      <c r="G25384" s="1" t="s">
        <v>90888</v>
      </c>
      <c r="H25384" s="1" t="s">
        <v>90889</v>
      </c>
      <c r="I25384" s="1" t="s">
        <v>86055</v>
      </c>
      <c r="J25384" s="1" t="s">
        <v>90906</v>
      </c>
    </row>
    <row r="25385" spans="1:10" x14ac:dyDescent="0.35">
      <c r="A25385" s="1" t="s">
        <v>1781</v>
      </c>
      <c r="B25385" s="1" t="s">
        <v>86049</v>
      </c>
      <c r="C25385" s="1" t="s">
        <v>40</v>
      </c>
      <c r="D25385" s="1" t="s">
        <v>68503</v>
      </c>
      <c r="E25385" s="1" t="s">
        <v>90907</v>
      </c>
      <c r="F25385" s="1" t="s">
        <v>90908</v>
      </c>
      <c r="G25385" s="1" t="s">
        <v>90888</v>
      </c>
      <c r="H25385" s="1" t="s">
        <v>90889</v>
      </c>
      <c r="I25385" s="1" t="s">
        <v>86055</v>
      </c>
      <c r="J25385" s="1" t="s">
        <v>90909</v>
      </c>
    </row>
    <row r="25386" spans="1:10" x14ac:dyDescent="0.35">
      <c r="A25386" s="1" t="s">
        <v>1781</v>
      </c>
      <c r="B25386" s="1" t="s">
        <v>86049</v>
      </c>
      <c r="C25386" s="1" t="s">
        <v>45</v>
      </c>
      <c r="D25386" s="1" t="s">
        <v>90910</v>
      </c>
      <c r="E25386" s="1" t="s">
        <v>90911</v>
      </c>
      <c r="F25386" s="1" t="s">
        <v>90912</v>
      </c>
      <c r="G25386" s="1" t="s">
        <v>90888</v>
      </c>
      <c r="H25386" s="1" t="s">
        <v>90889</v>
      </c>
      <c r="I25386" s="1" t="s">
        <v>86055</v>
      </c>
      <c r="J25386" s="1" t="s">
        <v>90913</v>
      </c>
    </row>
    <row r="25387" spans="1:10" x14ac:dyDescent="0.35">
      <c r="A25387" s="1" t="s">
        <v>1781</v>
      </c>
      <c r="B25387" s="1" t="s">
        <v>86049</v>
      </c>
      <c r="C25387" s="1" t="s">
        <v>50</v>
      </c>
      <c r="D25387" s="1" t="s">
        <v>54298</v>
      </c>
      <c r="E25387" s="1" t="s">
        <v>90914</v>
      </c>
      <c r="F25387" s="1" t="s">
        <v>90915</v>
      </c>
      <c r="G25387" s="1" t="s">
        <v>90888</v>
      </c>
      <c r="H25387" s="1" t="s">
        <v>90889</v>
      </c>
      <c r="I25387" s="1" t="s">
        <v>86055</v>
      </c>
      <c r="J25387" s="1" t="s">
        <v>90916</v>
      </c>
    </row>
    <row r="25388" spans="1:10" x14ac:dyDescent="0.35">
      <c r="A25388" s="1" t="s">
        <v>1781</v>
      </c>
      <c r="B25388" s="1" t="s">
        <v>86049</v>
      </c>
      <c r="C25388" s="1" t="s">
        <v>55</v>
      </c>
      <c r="D25388" s="1" t="s">
        <v>84296</v>
      </c>
      <c r="E25388" s="1" t="s">
        <v>90917</v>
      </c>
      <c r="F25388" s="1" t="s">
        <v>90918</v>
      </c>
      <c r="G25388" s="1" t="s">
        <v>90888</v>
      </c>
      <c r="H25388" s="1" t="s">
        <v>90889</v>
      </c>
      <c r="I25388" s="1" t="s">
        <v>86055</v>
      </c>
      <c r="J25388" s="1" t="s">
        <v>90919</v>
      </c>
    </row>
    <row r="25389" spans="1:10" x14ac:dyDescent="0.35">
      <c r="A25389" s="1" t="s">
        <v>1781</v>
      </c>
      <c r="B25389" s="1" t="s">
        <v>86049</v>
      </c>
      <c r="C25389" s="1" t="s">
        <v>60</v>
      </c>
      <c r="D25389" s="1" t="s">
        <v>90920</v>
      </c>
      <c r="E25389" s="1" t="s">
        <v>90921</v>
      </c>
      <c r="F25389" s="1" t="s">
        <v>90922</v>
      </c>
      <c r="G25389" s="1" t="s">
        <v>90888</v>
      </c>
      <c r="H25389" s="1" t="s">
        <v>90889</v>
      </c>
      <c r="I25389" s="1" t="s">
        <v>86055</v>
      </c>
      <c r="J25389" s="1" t="s">
        <v>90923</v>
      </c>
    </row>
    <row r="25390" spans="1:10" x14ac:dyDescent="0.35">
      <c r="A25390" s="1" t="s">
        <v>1781</v>
      </c>
      <c r="B25390" s="1" t="s">
        <v>86049</v>
      </c>
      <c r="C25390" s="1" t="s">
        <v>65</v>
      </c>
      <c r="D25390" s="1" t="s">
        <v>90924</v>
      </c>
      <c r="E25390" s="1" t="s">
        <v>90925</v>
      </c>
      <c r="F25390" s="1" t="s">
        <v>90926</v>
      </c>
      <c r="G25390" s="1" t="s">
        <v>90888</v>
      </c>
      <c r="H25390" s="1" t="s">
        <v>90889</v>
      </c>
      <c r="I25390" s="1" t="s">
        <v>86055</v>
      </c>
      <c r="J25390" s="1" t="s">
        <v>90927</v>
      </c>
    </row>
    <row r="25391" spans="1:10" x14ac:dyDescent="0.35">
      <c r="A25391" s="1" t="s">
        <v>1781</v>
      </c>
      <c r="B25391" s="1" t="s">
        <v>86049</v>
      </c>
      <c r="C25391" s="1" t="s">
        <v>70</v>
      </c>
      <c r="D25391" s="1" t="s">
        <v>60239</v>
      </c>
      <c r="E25391" s="1" t="s">
        <v>90928</v>
      </c>
      <c r="F25391" s="1" t="s">
        <v>90929</v>
      </c>
      <c r="G25391" s="1" t="s">
        <v>90888</v>
      </c>
      <c r="H25391" s="1" t="s">
        <v>90889</v>
      </c>
      <c r="I25391" s="1" t="s">
        <v>86055</v>
      </c>
      <c r="J25391" s="1" t="s">
        <v>90930</v>
      </c>
    </row>
    <row r="25392" spans="1:10" x14ac:dyDescent="0.35">
      <c r="A25392" s="1" t="s">
        <v>1781</v>
      </c>
      <c r="B25392" s="1" t="s">
        <v>86049</v>
      </c>
      <c r="C25392" s="1" t="s">
        <v>75</v>
      </c>
      <c r="D25392" s="1" t="s">
        <v>90931</v>
      </c>
      <c r="E25392" s="1" t="s">
        <v>90932</v>
      </c>
      <c r="F25392" s="1" t="s">
        <v>90933</v>
      </c>
      <c r="G25392" s="1" t="s">
        <v>90888</v>
      </c>
      <c r="H25392" s="1" t="s">
        <v>90889</v>
      </c>
      <c r="I25392" s="1" t="s">
        <v>86055</v>
      </c>
      <c r="J25392" s="1" t="s">
        <v>90934</v>
      </c>
    </row>
    <row r="25393" spans="1:10" x14ac:dyDescent="0.35">
      <c r="A25393" s="1" t="s">
        <v>1781</v>
      </c>
      <c r="B25393" s="1" t="s">
        <v>86049</v>
      </c>
      <c r="C25393" s="1" t="s">
        <v>80</v>
      </c>
      <c r="D25393" s="1" t="s">
        <v>22161</v>
      </c>
      <c r="E25393" s="1" t="s">
        <v>90935</v>
      </c>
      <c r="F25393" s="1" t="s">
        <v>90936</v>
      </c>
      <c r="G25393" s="1" t="s">
        <v>90888</v>
      </c>
      <c r="H25393" s="1" t="s">
        <v>90889</v>
      </c>
      <c r="I25393" s="1" t="s">
        <v>86055</v>
      </c>
      <c r="J25393" s="1" t="s">
        <v>90937</v>
      </c>
    </row>
    <row r="25394" spans="1:10" x14ac:dyDescent="0.35">
      <c r="A25394" s="1" t="s">
        <v>1781</v>
      </c>
      <c r="B25394" s="1" t="s">
        <v>86049</v>
      </c>
      <c r="C25394" s="1" t="s">
        <v>85</v>
      </c>
      <c r="D25394" s="1" t="s">
        <v>58601</v>
      </c>
      <c r="E25394" s="1" t="s">
        <v>90938</v>
      </c>
      <c r="F25394" s="1" t="s">
        <v>90939</v>
      </c>
      <c r="G25394" s="1" t="s">
        <v>90888</v>
      </c>
      <c r="H25394" s="1" t="s">
        <v>90889</v>
      </c>
      <c r="I25394" s="1" t="s">
        <v>86055</v>
      </c>
      <c r="J25394" s="1" t="s">
        <v>90940</v>
      </c>
    </row>
    <row r="25395" spans="1:10" x14ac:dyDescent="0.35">
      <c r="A25395" s="1" t="s">
        <v>1781</v>
      </c>
      <c r="B25395" s="1" t="s">
        <v>86049</v>
      </c>
      <c r="C25395" s="1" t="s">
        <v>90</v>
      </c>
      <c r="D25395" s="1" t="s">
        <v>90941</v>
      </c>
      <c r="E25395" s="1" t="s">
        <v>90942</v>
      </c>
      <c r="F25395" s="1" t="s">
        <v>90943</v>
      </c>
      <c r="G25395" s="1" t="s">
        <v>90888</v>
      </c>
      <c r="H25395" s="1" t="s">
        <v>90889</v>
      </c>
      <c r="I25395" s="1" t="s">
        <v>86055</v>
      </c>
      <c r="J25395" s="1" t="s">
        <v>90944</v>
      </c>
    </row>
    <row r="25396" spans="1:10" x14ac:dyDescent="0.35">
      <c r="A25396" s="1" t="s">
        <v>1781</v>
      </c>
      <c r="B25396" s="1" t="s">
        <v>86049</v>
      </c>
      <c r="C25396" s="1" t="s">
        <v>95</v>
      </c>
      <c r="D25396" s="1" t="s">
        <v>90945</v>
      </c>
      <c r="E25396" s="1" t="s">
        <v>90946</v>
      </c>
      <c r="F25396" s="1" t="s">
        <v>90947</v>
      </c>
      <c r="G25396" s="1" t="s">
        <v>90888</v>
      </c>
      <c r="H25396" s="1" t="s">
        <v>90889</v>
      </c>
      <c r="I25396" s="1" t="s">
        <v>86055</v>
      </c>
      <c r="J25396" s="1" t="s">
        <v>90948</v>
      </c>
    </row>
    <row r="25397" spans="1:10" x14ac:dyDescent="0.35">
      <c r="A25397" s="1" t="s">
        <v>1781</v>
      </c>
      <c r="B25397" s="1" t="s">
        <v>86049</v>
      </c>
      <c r="C25397" s="1" t="s">
        <v>100</v>
      </c>
      <c r="D25397" s="1" t="s">
        <v>61379</v>
      </c>
      <c r="E25397" s="1" t="s">
        <v>90949</v>
      </c>
      <c r="F25397" s="1" t="s">
        <v>90950</v>
      </c>
      <c r="G25397" s="1" t="s">
        <v>90888</v>
      </c>
      <c r="H25397" s="1" t="s">
        <v>90889</v>
      </c>
      <c r="I25397" s="1" t="s">
        <v>86055</v>
      </c>
      <c r="J25397" s="1" t="s">
        <v>90951</v>
      </c>
    </row>
    <row r="25398" spans="1:10" x14ac:dyDescent="0.35">
      <c r="A25398" s="1" t="s">
        <v>1781</v>
      </c>
      <c r="B25398" s="1" t="s">
        <v>86049</v>
      </c>
      <c r="C25398" s="1" t="s">
        <v>105</v>
      </c>
      <c r="D25398" s="1" t="s">
        <v>90952</v>
      </c>
      <c r="E25398" s="1" t="s">
        <v>90953</v>
      </c>
      <c r="F25398" s="1" t="s">
        <v>90954</v>
      </c>
      <c r="G25398" s="1" t="s">
        <v>90888</v>
      </c>
      <c r="H25398" s="1" t="s">
        <v>90889</v>
      </c>
      <c r="I25398" s="1" t="s">
        <v>86055</v>
      </c>
      <c r="J25398" s="1" t="s">
        <v>90955</v>
      </c>
    </row>
    <row r="25399" spans="1:10" x14ac:dyDescent="0.35">
      <c r="A25399" s="1" t="s">
        <v>1781</v>
      </c>
      <c r="B25399" s="1" t="s">
        <v>86049</v>
      </c>
      <c r="C25399" s="1" t="s">
        <v>110</v>
      </c>
      <c r="D25399" s="1" t="s">
        <v>90956</v>
      </c>
      <c r="E25399" s="1" t="s">
        <v>90957</v>
      </c>
      <c r="F25399" s="1" t="s">
        <v>90958</v>
      </c>
      <c r="G25399" s="1" t="s">
        <v>90888</v>
      </c>
      <c r="H25399" s="1" t="s">
        <v>90889</v>
      </c>
      <c r="I25399" s="1" t="s">
        <v>86055</v>
      </c>
      <c r="J25399" s="1" t="s">
        <v>90959</v>
      </c>
    </row>
    <row r="25400" spans="1:10" x14ac:dyDescent="0.35">
      <c r="A25400" s="1" t="s">
        <v>1781</v>
      </c>
      <c r="B25400" s="1" t="s">
        <v>86049</v>
      </c>
      <c r="C25400" s="1" t="s">
        <v>115</v>
      </c>
      <c r="D25400" s="1" t="s">
        <v>90960</v>
      </c>
      <c r="E25400" s="1" t="s">
        <v>90961</v>
      </c>
      <c r="F25400" s="1" t="s">
        <v>90962</v>
      </c>
      <c r="G25400" s="1" t="s">
        <v>90888</v>
      </c>
      <c r="H25400" s="1" t="s">
        <v>90889</v>
      </c>
      <c r="I25400" s="1" t="s">
        <v>86055</v>
      </c>
      <c r="J25400" s="1" t="s">
        <v>90963</v>
      </c>
    </row>
    <row r="25401" spans="1:10" x14ac:dyDescent="0.35">
      <c r="A25401" s="1" t="s">
        <v>1781</v>
      </c>
      <c r="B25401" s="1" t="s">
        <v>86049</v>
      </c>
      <c r="C25401" s="1" t="s">
        <v>120</v>
      </c>
      <c r="D25401" s="1" t="s">
        <v>90964</v>
      </c>
      <c r="E25401" s="1" t="s">
        <v>90965</v>
      </c>
      <c r="F25401" s="1" t="s">
        <v>90966</v>
      </c>
      <c r="G25401" s="1" t="s">
        <v>90888</v>
      </c>
      <c r="H25401" s="1" t="s">
        <v>90889</v>
      </c>
      <c r="I25401" s="1" t="s">
        <v>86055</v>
      </c>
      <c r="J25401" s="1" t="s">
        <v>90967</v>
      </c>
    </row>
    <row r="25402" spans="1:10" x14ac:dyDescent="0.35">
      <c r="A25402" s="1" t="s">
        <v>1781</v>
      </c>
      <c r="B25402" s="1" t="s">
        <v>86049</v>
      </c>
      <c r="C25402" s="1" t="s">
        <v>125</v>
      </c>
      <c r="D25402" s="1" t="s">
        <v>90968</v>
      </c>
      <c r="E25402" s="1" t="s">
        <v>90969</v>
      </c>
      <c r="F25402" s="1" t="s">
        <v>90970</v>
      </c>
      <c r="G25402" s="1" t="s">
        <v>90888</v>
      </c>
      <c r="H25402" s="1" t="s">
        <v>90889</v>
      </c>
      <c r="I25402" s="1" t="s">
        <v>86055</v>
      </c>
      <c r="J25402" s="1" t="s">
        <v>90971</v>
      </c>
    </row>
    <row r="25403" spans="1:10" x14ac:dyDescent="0.35">
      <c r="A25403" s="1" t="s">
        <v>1781</v>
      </c>
      <c r="B25403" s="1" t="s">
        <v>86049</v>
      </c>
      <c r="C25403" s="1" t="s">
        <v>130</v>
      </c>
      <c r="D25403" s="1" t="s">
        <v>4956</v>
      </c>
      <c r="E25403" s="1" t="s">
        <v>90972</v>
      </c>
      <c r="F25403" s="1" t="s">
        <v>90973</v>
      </c>
      <c r="G25403" s="1" t="s">
        <v>90888</v>
      </c>
      <c r="H25403" s="1" t="s">
        <v>90889</v>
      </c>
      <c r="I25403" s="1" t="s">
        <v>86055</v>
      </c>
      <c r="J25403" s="1" t="s">
        <v>90974</v>
      </c>
    </row>
    <row r="25404" spans="1:10" x14ac:dyDescent="0.35">
      <c r="A25404" s="1" t="s">
        <v>1781</v>
      </c>
      <c r="B25404" s="1" t="s">
        <v>86049</v>
      </c>
      <c r="C25404" s="1" t="s">
        <v>135</v>
      </c>
      <c r="D25404" s="1" t="s">
        <v>90975</v>
      </c>
      <c r="E25404" s="1" t="s">
        <v>90976</v>
      </c>
      <c r="F25404" s="1" t="s">
        <v>90977</v>
      </c>
      <c r="G25404" s="1" t="s">
        <v>90888</v>
      </c>
      <c r="H25404" s="1" t="s">
        <v>90889</v>
      </c>
      <c r="I25404" s="1" t="s">
        <v>86055</v>
      </c>
      <c r="J25404" s="1" t="s">
        <v>90978</v>
      </c>
    </row>
    <row r="25405" spans="1:10" x14ac:dyDescent="0.35">
      <c r="A25405" s="1" t="s">
        <v>1781</v>
      </c>
      <c r="B25405" s="1" t="s">
        <v>86049</v>
      </c>
      <c r="C25405" s="1" t="s">
        <v>140</v>
      </c>
      <c r="D25405" s="1" t="s">
        <v>63769</v>
      </c>
      <c r="E25405" s="1" t="s">
        <v>90979</v>
      </c>
      <c r="F25405" s="1" t="s">
        <v>90980</v>
      </c>
      <c r="G25405" s="1" t="s">
        <v>90888</v>
      </c>
      <c r="H25405" s="1" t="s">
        <v>90889</v>
      </c>
      <c r="I25405" s="1" t="s">
        <v>86055</v>
      </c>
      <c r="J25405" s="1" t="s">
        <v>90981</v>
      </c>
    </row>
    <row r="25406" spans="1:10" x14ac:dyDescent="0.35">
      <c r="A25406" s="1" t="s">
        <v>1781</v>
      </c>
      <c r="B25406" s="1" t="s">
        <v>86049</v>
      </c>
      <c r="C25406" s="1" t="s">
        <v>145</v>
      </c>
      <c r="D25406" s="1" t="s">
        <v>22165</v>
      </c>
      <c r="E25406" s="1" t="s">
        <v>90982</v>
      </c>
      <c r="F25406" s="1" t="s">
        <v>90983</v>
      </c>
      <c r="G25406" s="1" t="s">
        <v>90888</v>
      </c>
      <c r="H25406" s="1" t="s">
        <v>90889</v>
      </c>
      <c r="I25406" s="1" t="s">
        <v>86055</v>
      </c>
      <c r="J25406" s="1" t="s">
        <v>90984</v>
      </c>
    </row>
    <row r="25407" spans="1:10" x14ac:dyDescent="0.35">
      <c r="A25407" s="1" t="s">
        <v>1781</v>
      </c>
      <c r="B25407" s="1" t="s">
        <v>86049</v>
      </c>
      <c r="C25407" s="1" t="s">
        <v>150</v>
      </c>
      <c r="D25407" s="1" t="s">
        <v>58113</v>
      </c>
      <c r="E25407" s="1" t="s">
        <v>90985</v>
      </c>
      <c r="F25407" s="1" t="s">
        <v>90986</v>
      </c>
      <c r="G25407" s="1" t="s">
        <v>90888</v>
      </c>
      <c r="H25407" s="1" t="s">
        <v>90889</v>
      </c>
      <c r="I25407" s="1" t="s">
        <v>86055</v>
      </c>
      <c r="J25407" s="1" t="s">
        <v>90987</v>
      </c>
    </row>
    <row r="25408" spans="1:10" x14ac:dyDescent="0.35">
      <c r="A25408" s="1" t="s">
        <v>1781</v>
      </c>
      <c r="B25408" s="1" t="s">
        <v>86049</v>
      </c>
      <c r="C25408" s="1" t="s">
        <v>155</v>
      </c>
      <c r="D25408" s="1" t="s">
        <v>90988</v>
      </c>
      <c r="E25408" s="1" t="s">
        <v>90989</v>
      </c>
      <c r="F25408" s="1" t="s">
        <v>90990</v>
      </c>
      <c r="G25408" s="1" t="s">
        <v>90888</v>
      </c>
      <c r="H25408" s="1" t="s">
        <v>90889</v>
      </c>
      <c r="I25408" s="1" t="s">
        <v>86055</v>
      </c>
      <c r="J25408" s="1" t="s">
        <v>90991</v>
      </c>
    </row>
    <row r="25409" spans="1:10" x14ac:dyDescent="0.35">
      <c r="A25409" s="1" t="s">
        <v>1781</v>
      </c>
      <c r="B25409" s="1" t="s">
        <v>86049</v>
      </c>
      <c r="C25409" s="1" t="s">
        <v>160</v>
      </c>
      <c r="D25409" s="1" t="s">
        <v>85750</v>
      </c>
      <c r="E25409" s="1" t="s">
        <v>90992</v>
      </c>
      <c r="F25409" s="1" t="s">
        <v>90993</v>
      </c>
      <c r="G25409" s="1" t="s">
        <v>90888</v>
      </c>
      <c r="H25409" s="1" t="s">
        <v>90889</v>
      </c>
      <c r="I25409" s="1" t="s">
        <v>86055</v>
      </c>
      <c r="J25409" s="1" t="s">
        <v>90994</v>
      </c>
    </row>
    <row r="25410" spans="1:10" x14ac:dyDescent="0.35">
      <c r="A25410" s="1" t="s">
        <v>1781</v>
      </c>
      <c r="B25410" s="1" t="s">
        <v>86049</v>
      </c>
      <c r="C25410" s="1" t="s">
        <v>165</v>
      </c>
      <c r="D25410" s="1" t="s">
        <v>90995</v>
      </c>
      <c r="E25410" s="1" t="s">
        <v>90996</v>
      </c>
      <c r="F25410" s="1" t="s">
        <v>90997</v>
      </c>
      <c r="G25410" s="1" t="s">
        <v>90888</v>
      </c>
      <c r="H25410" s="1" t="s">
        <v>90889</v>
      </c>
      <c r="I25410" s="1" t="s">
        <v>86055</v>
      </c>
      <c r="J25410" s="1" t="s">
        <v>90998</v>
      </c>
    </row>
    <row r="25411" spans="1:10" x14ac:dyDescent="0.35">
      <c r="A25411" s="1" t="s">
        <v>1781</v>
      </c>
      <c r="B25411" s="1" t="s">
        <v>86049</v>
      </c>
      <c r="C25411" s="1" t="s">
        <v>170</v>
      </c>
      <c r="D25411" s="1" t="s">
        <v>60357</v>
      </c>
      <c r="E25411" s="1" t="s">
        <v>90999</v>
      </c>
      <c r="F25411" s="1" t="s">
        <v>91000</v>
      </c>
      <c r="G25411" s="1" t="s">
        <v>90888</v>
      </c>
      <c r="H25411" s="1" t="s">
        <v>90889</v>
      </c>
      <c r="I25411" s="1" t="s">
        <v>86055</v>
      </c>
      <c r="J25411" s="1" t="s">
        <v>91001</v>
      </c>
    </row>
    <row r="25412" spans="1:10" x14ac:dyDescent="0.35">
      <c r="A25412" s="1" t="s">
        <v>52088</v>
      </c>
      <c r="B25412" s="1" t="s">
        <v>86049</v>
      </c>
      <c r="C25412" s="1" t="s">
        <v>8</v>
      </c>
      <c r="D25412" s="1" t="s">
        <v>91002</v>
      </c>
      <c r="E25412" s="1" t="s">
        <v>91003</v>
      </c>
      <c r="F25412" s="1" t="s">
        <v>91004</v>
      </c>
      <c r="G25412" s="1" t="s">
        <v>91005</v>
      </c>
      <c r="H25412" s="1" t="s">
        <v>91006</v>
      </c>
      <c r="I25412" s="1" t="s">
        <v>86055</v>
      </c>
      <c r="J25412" s="1" t="s">
        <v>13</v>
      </c>
    </row>
    <row r="25413" spans="1:10" x14ac:dyDescent="0.35">
      <c r="A25413" s="1" t="s">
        <v>52088</v>
      </c>
      <c r="B25413" s="1" t="s">
        <v>86049</v>
      </c>
      <c r="C25413" s="1" t="s">
        <v>15</v>
      </c>
      <c r="D25413" s="1" t="s">
        <v>91007</v>
      </c>
      <c r="E25413" s="1" t="s">
        <v>91008</v>
      </c>
      <c r="F25413" s="1" t="s">
        <v>91009</v>
      </c>
      <c r="G25413" s="1" t="s">
        <v>91005</v>
      </c>
      <c r="H25413" s="1" t="s">
        <v>91006</v>
      </c>
      <c r="I25413" s="1" t="s">
        <v>86055</v>
      </c>
      <c r="J25413" s="1" t="s">
        <v>91010</v>
      </c>
    </row>
    <row r="25414" spans="1:10" x14ac:dyDescent="0.35">
      <c r="A25414" s="1" t="s">
        <v>52088</v>
      </c>
      <c r="B25414" s="1" t="s">
        <v>86049</v>
      </c>
      <c r="C25414" s="1" t="s">
        <v>20</v>
      </c>
      <c r="D25414" s="1" t="s">
        <v>24417</v>
      </c>
      <c r="E25414" s="1" t="s">
        <v>91011</v>
      </c>
      <c r="F25414" s="1" t="s">
        <v>91012</v>
      </c>
      <c r="G25414" s="1" t="s">
        <v>91005</v>
      </c>
      <c r="H25414" s="1" t="s">
        <v>91006</v>
      </c>
      <c r="I25414" s="1" t="s">
        <v>86055</v>
      </c>
      <c r="J25414" s="1" t="s">
        <v>91013</v>
      </c>
    </row>
    <row r="25415" spans="1:10" x14ac:dyDescent="0.35">
      <c r="A25415" s="1" t="s">
        <v>52088</v>
      </c>
      <c r="B25415" s="1" t="s">
        <v>86049</v>
      </c>
      <c r="C25415" s="1" t="s">
        <v>25</v>
      </c>
      <c r="D25415" s="1" t="s">
        <v>91014</v>
      </c>
      <c r="E25415" s="1" t="s">
        <v>91015</v>
      </c>
      <c r="F25415" s="1" t="s">
        <v>91016</v>
      </c>
      <c r="G25415" s="1" t="s">
        <v>91005</v>
      </c>
      <c r="H25415" s="1" t="s">
        <v>91006</v>
      </c>
      <c r="I25415" s="1" t="s">
        <v>86055</v>
      </c>
      <c r="J25415" s="1" t="s">
        <v>91017</v>
      </c>
    </row>
    <row r="25416" spans="1:10" x14ac:dyDescent="0.35">
      <c r="A25416" s="1" t="s">
        <v>52088</v>
      </c>
      <c r="B25416" s="1" t="s">
        <v>86049</v>
      </c>
      <c r="C25416" s="1" t="s">
        <v>30</v>
      </c>
      <c r="D25416" s="1" t="s">
        <v>91018</v>
      </c>
      <c r="E25416" s="1" t="s">
        <v>91019</v>
      </c>
      <c r="F25416" s="1" t="s">
        <v>91020</v>
      </c>
      <c r="G25416" s="1" t="s">
        <v>91005</v>
      </c>
      <c r="H25416" s="1" t="s">
        <v>91006</v>
      </c>
      <c r="I25416" s="1" t="s">
        <v>86055</v>
      </c>
      <c r="J25416" s="1" t="s">
        <v>91021</v>
      </c>
    </row>
    <row r="25417" spans="1:10" x14ac:dyDescent="0.35">
      <c r="A25417" s="1" t="s">
        <v>52088</v>
      </c>
      <c r="B25417" s="1" t="s">
        <v>86049</v>
      </c>
      <c r="C25417" s="1" t="s">
        <v>35</v>
      </c>
      <c r="D25417" s="1" t="s">
        <v>79703</v>
      </c>
      <c r="E25417" s="1" t="s">
        <v>91022</v>
      </c>
      <c r="F25417" s="1" t="s">
        <v>91023</v>
      </c>
      <c r="G25417" s="1" t="s">
        <v>91005</v>
      </c>
      <c r="H25417" s="1" t="s">
        <v>91006</v>
      </c>
      <c r="I25417" s="1" t="s">
        <v>86055</v>
      </c>
      <c r="J25417" s="1" t="s">
        <v>91024</v>
      </c>
    </row>
    <row r="25418" spans="1:10" x14ac:dyDescent="0.35">
      <c r="A25418" s="1" t="s">
        <v>52088</v>
      </c>
      <c r="B25418" s="1" t="s">
        <v>86049</v>
      </c>
      <c r="C25418" s="1" t="s">
        <v>40</v>
      </c>
      <c r="D25418" s="1" t="s">
        <v>91025</v>
      </c>
      <c r="E25418" s="1" t="s">
        <v>91026</v>
      </c>
      <c r="F25418" s="1" t="s">
        <v>91027</v>
      </c>
      <c r="G25418" s="1" t="s">
        <v>91005</v>
      </c>
      <c r="H25418" s="1" t="s">
        <v>91006</v>
      </c>
      <c r="I25418" s="1" t="s">
        <v>86055</v>
      </c>
      <c r="J25418" s="1" t="s">
        <v>91028</v>
      </c>
    </row>
    <row r="25419" spans="1:10" x14ac:dyDescent="0.35">
      <c r="A25419" s="1" t="s">
        <v>52088</v>
      </c>
      <c r="B25419" s="1" t="s">
        <v>86049</v>
      </c>
      <c r="C25419" s="1" t="s">
        <v>45</v>
      </c>
      <c r="D25419" s="1" t="s">
        <v>91029</v>
      </c>
      <c r="E25419" s="1" t="s">
        <v>91030</v>
      </c>
      <c r="F25419" s="1" t="s">
        <v>91031</v>
      </c>
      <c r="G25419" s="1" t="s">
        <v>91005</v>
      </c>
      <c r="H25419" s="1" t="s">
        <v>91006</v>
      </c>
      <c r="I25419" s="1" t="s">
        <v>86055</v>
      </c>
      <c r="J25419" s="1" t="s">
        <v>91032</v>
      </c>
    </row>
    <row r="25420" spans="1:10" x14ac:dyDescent="0.35">
      <c r="A25420" s="1" t="s">
        <v>52088</v>
      </c>
      <c r="B25420" s="1" t="s">
        <v>86049</v>
      </c>
      <c r="C25420" s="1" t="s">
        <v>50</v>
      </c>
      <c r="D25420" s="1" t="s">
        <v>91033</v>
      </c>
      <c r="E25420" s="1" t="s">
        <v>91034</v>
      </c>
      <c r="F25420" s="1" t="s">
        <v>91035</v>
      </c>
      <c r="G25420" s="1" t="s">
        <v>91005</v>
      </c>
      <c r="H25420" s="1" t="s">
        <v>91006</v>
      </c>
      <c r="I25420" s="1" t="s">
        <v>86055</v>
      </c>
      <c r="J25420" s="1" t="s">
        <v>91036</v>
      </c>
    </row>
    <row r="25421" spans="1:10" x14ac:dyDescent="0.35">
      <c r="A25421" s="1" t="s">
        <v>52088</v>
      </c>
      <c r="B25421" s="1" t="s">
        <v>86049</v>
      </c>
      <c r="C25421" s="1" t="s">
        <v>55</v>
      </c>
      <c r="D25421" s="1" t="s">
        <v>91037</v>
      </c>
      <c r="E25421" s="1" t="s">
        <v>91038</v>
      </c>
      <c r="F25421" s="1" t="s">
        <v>91039</v>
      </c>
      <c r="G25421" s="1" t="s">
        <v>91005</v>
      </c>
      <c r="H25421" s="1" t="s">
        <v>91006</v>
      </c>
      <c r="I25421" s="1" t="s">
        <v>86055</v>
      </c>
      <c r="J25421" s="1" t="s">
        <v>91040</v>
      </c>
    </row>
    <row r="25422" spans="1:10" x14ac:dyDescent="0.35">
      <c r="A25422" s="1" t="s">
        <v>52088</v>
      </c>
      <c r="B25422" s="1" t="s">
        <v>86049</v>
      </c>
      <c r="C25422" s="1" t="s">
        <v>60</v>
      </c>
      <c r="D25422" s="1" t="s">
        <v>91041</v>
      </c>
      <c r="E25422" s="1" t="s">
        <v>91042</v>
      </c>
      <c r="F25422" s="1" t="s">
        <v>91043</v>
      </c>
      <c r="G25422" s="1" t="s">
        <v>91005</v>
      </c>
      <c r="H25422" s="1" t="s">
        <v>91006</v>
      </c>
      <c r="I25422" s="1" t="s">
        <v>86055</v>
      </c>
      <c r="J25422" s="1" t="s">
        <v>91044</v>
      </c>
    </row>
    <row r="25423" spans="1:10" x14ac:dyDescent="0.35">
      <c r="A25423" s="1" t="s">
        <v>52088</v>
      </c>
      <c r="B25423" s="1" t="s">
        <v>86049</v>
      </c>
      <c r="C25423" s="1" t="s">
        <v>65</v>
      </c>
      <c r="D25423" s="1" t="s">
        <v>20452</v>
      </c>
      <c r="E25423" s="1" t="s">
        <v>91045</v>
      </c>
      <c r="F25423" s="1" t="s">
        <v>91046</v>
      </c>
      <c r="G25423" s="1" t="s">
        <v>91005</v>
      </c>
      <c r="H25423" s="1" t="s">
        <v>91006</v>
      </c>
      <c r="I25423" s="1" t="s">
        <v>86055</v>
      </c>
      <c r="J25423" s="1" t="s">
        <v>91047</v>
      </c>
    </row>
    <row r="25424" spans="1:10" x14ac:dyDescent="0.35">
      <c r="A25424" s="1" t="s">
        <v>52088</v>
      </c>
      <c r="B25424" s="1" t="s">
        <v>86049</v>
      </c>
      <c r="C25424" s="1" t="s">
        <v>70</v>
      </c>
      <c r="D25424" s="1" t="s">
        <v>91048</v>
      </c>
      <c r="E25424" s="1" t="s">
        <v>91049</v>
      </c>
      <c r="F25424" s="1" t="s">
        <v>91050</v>
      </c>
      <c r="G25424" s="1" t="s">
        <v>91005</v>
      </c>
      <c r="H25424" s="1" t="s">
        <v>91006</v>
      </c>
      <c r="I25424" s="1" t="s">
        <v>86055</v>
      </c>
      <c r="J25424" s="1" t="s">
        <v>91051</v>
      </c>
    </row>
    <row r="25425" spans="1:10" x14ac:dyDescent="0.35">
      <c r="A25425" s="1" t="s">
        <v>52088</v>
      </c>
      <c r="B25425" s="1" t="s">
        <v>86049</v>
      </c>
      <c r="C25425" s="1" t="s">
        <v>75</v>
      </c>
      <c r="D25425" s="1" t="s">
        <v>91052</v>
      </c>
      <c r="E25425" s="1" t="s">
        <v>91053</v>
      </c>
      <c r="F25425" s="1" t="s">
        <v>91054</v>
      </c>
      <c r="G25425" s="1" t="s">
        <v>91005</v>
      </c>
      <c r="H25425" s="1" t="s">
        <v>91006</v>
      </c>
      <c r="I25425" s="1" t="s">
        <v>86055</v>
      </c>
      <c r="J25425" s="1" t="s">
        <v>91055</v>
      </c>
    </row>
    <row r="25426" spans="1:10" x14ac:dyDescent="0.35">
      <c r="A25426" s="1" t="s">
        <v>52088</v>
      </c>
      <c r="B25426" s="1" t="s">
        <v>86049</v>
      </c>
      <c r="C25426" s="1" t="s">
        <v>80</v>
      </c>
      <c r="D25426" s="1" t="s">
        <v>91056</v>
      </c>
      <c r="E25426" s="1" t="s">
        <v>91057</v>
      </c>
      <c r="F25426" s="1" t="s">
        <v>91058</v>
      </c>
      <c r="G25426" s="1" t="s">
        <v>91005</v>
      </c>
      <c r="H25426" s="1" t="s">
        <v>91006</v>
      </c>
      <c r="I25426" s="1" t="s">
        <v>86055</v>
      </c>
      <c r="J25426" s="1" t="s">
        <v>91059</v>
      </c>
    </row>
    <row r="25427" spans="1:10" x14ac:dyDescent="0.35">
      <c r="A25427" s="1" t="s">
        <v>52088</v>
      </c>
      <c r="B25427" s="1" t="s">
        <v>86049</v>
      </c>
      <c r="C25427" s="1" t="s">
        <v>85</v>
      </c>
      <c r="D25427" s="1" t="s">
        <v>91060</v>
      </c>
      <c r="E25427" s="1" t="s">
        <v>91061</v>
      </c>
      <c r="F25427" s="1" t="s">
        <v>91062</v>
      </c>
      <c r="G25427" s="1" t="s">
        <v>91005</v>
      </c>
      <c r="H25427" s="1" t="s">
        <v>91006</v>
      </c>
      <c r="I25427" s="1" t="s">
        <v>86055</v>
      </c>
      <c r="J25427" s="1" t="s">
        <v>91063</v>
      </c>
    </row>
    <row r="25428" spans="1:10" x14ac:dyDescent="0.35">
      <c r="A25428" s="1" t="s">
        <v>52088</v>
      </c>
      <c r="B25428" s="1" t="s">
        <v>86049</v>
      </c>
      <c r="C25428" s="1" t="s">
        <v>90</v>
      </c>
      <c r="D25428" s="1" t="s">
        <v>91064</v>
      </c>
      <c r="E25428" s="1" t="s">
        <v>91065</v>
      </c>
      <c r="F25428" s="1" t="s">
        <v>91066</v>
      </c>
      <c r="G25428" s="1" t="s">
        <v>91005</v>
      </c>
      <c r="H25428" s="1" t="s">
        <v>91006</v>
      </c>
      <c r="I25428" s="1" t="s">
        <v>86055</v>
      </c>
      <c r="J25428" s="1" t="s">
        <v>91067</v>
      </c>
    </row>
    <row r="25429" spans="1:10" x14ac:dyDescent="0.35">
      <c r="A25429" s="1" t="s">
        <v>52088</v>
      </c>
      <c r="B25429" s="1" t="s">
        <v>86049</v>
      </c>
      <c r="C25429" s="1" t="s">
        <v>95</v>
      </c>
      <c r="D25429" s="1" t="s">
        <v>68305</v>
      </c>
      <c r="E25429" s="1" t="s">
        <v>91068</v>
      </c>
      <c r="F25429" s="1" t="s">
        <v>91069</v>
      </c>
      <c r="G25429" s="1" t="s">
        <v>91005</v>
      </c>
      <c r="H25429" s="1" t="s">
        <v>91006</v>
      </c>
      <c r="I25429" s="1" t="s">
        <v>86055</v>
      </c>
      <c r="J25429" s="1" t="s">
        <v>91070</v>
      </c>
    </row>
    <row r="25430" spans="1:10" x14ac:dyDescent="0.35">
      <c r="A25430" s="1" t="s">
        <v>52088</v>
      </c>
      <c r="B25430" s="1" t="s">
        <v>86049</v>
      </c>
      <c r="C25430" s="1" t="s">
        <v>100</v>
      </c>
      <c r="D25430" s="1" t="s">
        <v>91071</v>
      </c>
      <c r="E25430" s="1" t="s">
        <v>91072</v>
      </c>
      <c r="F25430" s="1" t="s">
        <v>91073</v>
      </c>
      <c r="G25430" s="1" t="s">
        <v>91005</v>
      </c>
      <c r="H25430" s="1" t="s">
        <v>91006</v>
      </c>
      <c r="I25430" s="1" t="s">
        <v>86055</v>
      </c>
      <c r="J25430" s="1" t="s">
        <v>91074</v>
      </c>
    </row>
    <row r="25431" spans="1:10" x14ac:dyDescent="0.35">
      <c r="A25431" s="1" t="s">
        <v>52088</v>
      </c>
      <c r="B25431" s="1" t="s">
        <v>86049</v>
      </c>
      <c r="C25431" s="1" t="s">
        <v>105</v>
      </c>
      <c r="D25431" s="1" t="s">
        <v>60631</v>
      </c>
      <c r="E25431" s="1" t="s">
        <v>91075</v>
      </c>
      <c r="F25431" s="1" t="s">
        <v>91076</v>
      </c>
      <c r="G25431" s="1" t="s">
        <v>91005</v>
      </c>
      <c r="H25431" s="1" t="s">
        <v>91006</v>
      </c>
      <c r="I25431" s="1" t="s">
        <v>86055</v>
      </c>
      <c r="J25431" s="1" t="s">
        <v>91077</v>
      </c>
    </row>
    <row r="25432" spans="1:10" x14ac:dyDescent="0.35">
      <c r="A25432" s="1" t="s">
        <v>52088</v>
      </c>
      <c r="B25432" s="1" t="s">
        <v>86049</v>
      </c>
      <c r="C25432" s="1" t="s">
        <v>110</v>
      </c>
      <c r="D25432" s="1" t="s">
        <v>91078</v>
      </c>
      <c r="E25432" s="1" t="s">
        <v>91079</v>
      </c>
      <c r="F25432" s="1" t="s">
        <v>91080</v>
      </c>
      <c r="G25432" s="1" t="s">
        <v>91005</v>
      </c>
      <c r="H25432" s="1" t="s">
        <v>91006</v>
      </c>
      <c r="I25432" s="1" t="s">
        <v>86055</v>
      </c>
      <c r="J25432" s="1" t="s">
        <v>91081</v>
      </c>
    </row>
    <row r="25433" spans="1:10" x14ac:dyDescent="0.35">
      <c r="A25433" s="1" t="s">
        <v>52088</v>
      </c>
      <c r="B25433" s="1" t="s">
        <v>86049</v>
      </c>
      <c r="C25433" s="1" t="s">
        <v>115</v>
      </c>
      <c r="D25433" s="1" t="s">
        <v>91082</v>
      </c>
      <c r="E25433" s="1" t="s">
        <v>91083</v>
      </c>
      <c r="F25433" s="1" t="s">
        <v>91084</v>
      </c>
      <c r="G25433" s="1" t="s">
        <v>91005</v>
      </c>
      <c r="H25433" s="1" t="s">
        <v>91006</v>
      </c>
      <c r="I25433" s="1" t="s">
        <v>86055</v>
      </c>
      <c r="J25433" s="1" t="s">
        <v>91085</v>
      </c>
    </row>
    <row r="25434" spans="1:10" x14ac:dyDescent="0.35">
      <c r="A25434" s="1" t="s">
        <v>52088</v>
      </c>
      <c r="B25434" s="1" t="s">
        <v>86049</v>
      </c>
      <c r="C25434" s="1" t="s">
        <v>120</v>
      </c>
      <c r="D25434" s="1" t="s">
        <v>91086</v>
      </c>
      <c r="E25434" s="1" t="s">
        <v>91087</v>
      </c>
      <c r="F25434" s="1" t="s">
        <v>91088</v>
      </c>
      <c r="G25434" s="1" t="s">
        <v>91005</v>
      </c>
      <c r="H25434" s="1" t="s">
        <v>91006</v>
      </c>
      <c r="I25434" s="1" t="s">
        <v>86055</v>
      </c>
      <c r="J25434" s="1" t="s">
        <v>91089</v>
      </c>
    </row>
    <row r="25435" spans="1:10" x14ac:dyDescent="0.35">
      <c r="A25435" s="1" t="s">
        <v>52088</v>
      </c>
      <c r="B25435" s="1" t="s">
        <v>86049</v>
      </c>
      <c r="C25435" s="1" t="s">
        <v>125</v>
      </c>
      <c r="D25435" s="1" t="s">
        <v>91090</v>
      </c>
      <c r="E25435" s="1" t="s">
        <v>91091</v>
      </c>
      <c r="F25435" s="1" t="s">
        <v>91092</v>
      </c>
      <c r="G25435" s="1" t="s">
        <v>91005</v>
      </c>
      <c r="H25435" s="1" t="s">
        <v>91006</v>
      </c>
      <c r="I25435" s="1" t="s">
        <v>86055</v>
      </c>
      <c r="J25435" s="1" t="s">
        <v>91093</v>
      </c>
    </row>
    <row r="25436" spans="1:10" x14ac:dyDescent="0.35">
      <c r="A25436" s="1" t="s">
        <v>52088</v>
      </c>
      <c r="B25436" s="1" t="s">
        <v>86049</v>
      </c>
      <c r="C25436" s="1" t="s">
        <v>130</v>
      </c>
      <c r="D25436" s="1" t="s">
        <v>88726</v>
      </c>
      <c r="E25436" s="1" t="s">
        <v>91094</v>
      </c>
      <c r="F25436" s="1" t="s">
        <v>91095</v>
      </c>
      <c r="G25436" s="1" t="s">
        <v>91005</v>
      </c>
      <c r="H25436" s="1" t="s">
        <v>91006</v>
      </c>
      <c r="I25436" s="1" t="s">
        <v>86055</v>
      </c>
      <c r="J25436" s="1" t="s">
        <v>91096</v>
      </c>
    </row>
    <row r="25437" spans="1:10" x14ac:dyDescent="0.35">
      <c r="A25437" s="1" t="s">
        <v>52088</v>
      </c>
      <c r="B25437" s="1" t="s">
        <v>86049</v>
      </c>
      <c r="C25437" s="1" t="s">
        <v>135</v>
      </c>
      <c r="D25437" s="1" t="s">
        <v>62528</v>
      </c>
      <c r="E25437" s="1" t="s">
        <v>91097</v>
      </c>
      <c r="F25437" s="1" t="s">
        <v>91098</v>
      </c>
      <c r="G25437" s="1" t="s">
        <v>91005</v>
      </c>
      <c r="H25437" s="1" t="s">
        <v>91006</v>
      </c>
      <c r="I25437" s="1" t="s">
        <v>86055</v>
      </c>
      <c r="J25437" s="1" t="s">
        <v>91099</v>
      </c>
    </row>
    <row r="25438" spans="1:10" x14ac:dyDescent="0.35">
      <c r="A25438" s="1" t="s">
        <v>52088</v>
      </c>
      <c r="B25438" s="1" t="s">
        <v>86049</v>
      </c>
      <c r="C25438" s="1" t="s">
        <v>140</v>
      </c>
      <c r="D25438" s="1" t="s">
        <v>91100</v>
      </c>
      <c r="E25438" s="1" t="s">
        <v>91101</v>
      </c>
      <c r="F25438" s="1" t="s">
        <v>91102</v>
      </c>
      <c r="G25438" s="1" t="s">
        <v>91005</v>
      </c>
      <c r="H25438" s="1" t="s">
        <v>91006</v>
      </c>
      <c r="I25438" s="1" t="s">
        <v>86055</v>
      </c>
      <c r="J25438" s="1" t="s">
        <v>91103</v>
      </c>
    </row>
    <row r="25439" spans="1:10" x14ac:dyDescent="0.35">
      <c r="A25439" s="1" t="s">
        <v>52088</v>
      </c>
      <c r="B25439" s="1" t="s">
        <v>86049</v>
      </c>
      <c r="C25439" s="1" t="s">
        <v>145</v>
      </c>
      <c r="D25439" s="1" t="s">
        <v>68616</v>
      </c>
      <c r="E25439" s="1" t="s">
        <v>91104</v>
      </c>
      <c r="F25439" s="1" t="s">
        <v>91105</v>
      </c>
      <c r="G25439" s="1" t="s">
        <v>91005</v>
      </c>
      <c r="H25439" s="1" t="s">
        <v>91006</v>
      </c>
      <c r="I25439" s="1" t="s">
        <v>86055</v>
      </c>
      <c r="J25439" s="1" t="s">
        <v>91106</v>
      </c>
    </row>
    <row r="25440" spans="1:10" x14ac:dyDescent="0.35">
      <c r="A25440" s="1" t="s">
        <v>52088</v>
      </c>
      <c r="B25440" s="1" t="s">
        <v>86049</v>
      </c>
      <c r="C25440" s="1" t="s">
        <v>150</v>
      </c>
      <c r="D25440" s="1" t="s">
        <v>91107</v>
      </c>
      <c r="E25440" s="1" t="s">
        <v>91108</v>
      </c>
      <c r="F25440" s="1" t="s">
        <v>91109</v>
      </c>
      <c r="G25440" s="1" t="s">
        <v>91005</v>
      </c>
      <c r="H25440" s="1" t="s">
        <v>91006</v>
      </c>
      <c r="I25440" s="1" t="s">
        <v>86055</v>
      </c>
      <c r="J25440" s="1" t="s">
        <v>91110</v>
      </c>
    </row>
    <row r="25441" spans="1:10" x14ac:dyDescent="0.35">
      <c r="A25441" s="1" t="s">
        <v>52088</v>
      </c>
      <c r="B25441" s="1" t="s">
        <v>86049</v>
      </c>
      <c r="C25441" s="1" t="s">
        <v>155</v>
      </c>
      <c r="D25441" s="1" t="s">
        <v>91111</v>
      </c>
      <c r="E25441" s="1" t="s">
        <v>91112</v>
      </c>
      <c r="F25441" s="1" t="s">
        <v>91113</v>
      </c>
      <c r="G25441" s="1" t="s">
        <v>91005</v>
      </c>
      <c r="H25441" s="1" t="s">
        <v>91006</v>
      </c>
      <c r="I25441" s="1" t="s">
        <v>86055</v>
      </c>
      <c r="J25441" s="1" t="s">
        <v>91114</v>
      </c>
    </row>
    <row r="25442" spans="1:10" x14ac:dyDescent="0.35">
      <c r="A25442" s="1" t="s">
        <v>52088</v>
      </c>
      <c r="B25442" s="1" t="s">
        <v>86049</v>
      </c>
      <c r="C25442" s="1" t="s">
        <v>160</v>
      </c>
      <c r="D25442" s="1" t="s">
        <v>23516</v>
      </c>
      <c r="E25442" s="1" t="s">
        <v>91115</v>
      </c>
      <c r="F25442" s="1" t="s">
        <v>91116</v>
      </c>
      <c r="G25442" s="1" t="s">
        <v>91005</v>
      </c>
      <c r="H25442" s="1" t="s">
        <v>91006</v>
      </c>
      <c r="I25442" s="1" t="s">
        <v>86055</v>
      </c>
      <c r="J25442" s="1" t="s">
        <v>91117</v>
      </c>
    </row>
    <row r="25443" spans="1:10" x14ac:dyDescent="0.35">
      <c r="A25443" s="1" t="s">
        <v>52088</v>
      </c>
      <c r="B25443" s="1" t="s">
        <v>86049</v>
      </c>
      <c r="C25443" s="1" t="s">
        <v>165</v>
      </c>
      <c r="D25443" s="1" t="s">
        <v>91118</v>
      </c>
      <c r="E25443" s="1" t="s">
        <v>91119</v>
      </c>
      <c r="F25443" s="1" t="s">
        <v>91120</v>
      </c>
      <c r="G25443" s="1" t="s">
        <v>91005</v>
      </c>
      <c r="H25443" s="1" t="s">
        <v>91006</v>
      </c>
      <c r="I25443" s="1" t="s">
        <v>86055</v>
      </c>
      <c r="J25443" s="1" t="s">
        <v>91121</v>
      </c>
    </row>
    <row r="25444" spans="1:10" x14ac:dyDescent="0.35">
      <c r="A25444" s="1" t="s">
        <v>52088</v>
      </c>
      <c r="B25444" s="1" t="s">
        <v>86049</v>
      </c>
      <c r="C25444" s="1" t="s">
        <v>170</v>
      </c>
      <c r="D25444" s="1" t="s">
        <v>21647</v>
      </c>
      <c r="E25444" s="1" t="s">
        <v>91122</v>
      </c>
      <c r="F25444" s="1" t="s">
        <v>91123</v>
      </c>
      <c r="G25444" s="1" t="s">
        <v>91005</v>
      </c>
      <c r="H25444" s="1" t="s">
        <v>91006</v>
      </c>
      <c r="I25444" s="1" t="s">
        <v>86055</v>
      </c>
      <c r="J25444" s="1" t="s">
        <v>91124</v>
      </c>
    </row>
    <row r="25445" spans="1:10" x14ac:dyDescent="0.35">
      <c r="A25445" s="1" t="s">
        <v>7010</v>
      </c>
      <c r="B25445" s="1" t="s">
        <v>86049</v>
      </c>
      <c r="C25445" s="1" t="s">
        <v>8</v>
      </c>
      <c r="D25445" s="1" t="s">
        <v>91125</v>
      </c>
      <c r="E25445" s="1" t="s">
        <v>91126</v>
      </c>
      <c r="F25445" s="1" t="s">
        <v>91127</v>
      </c>
      <c r="G25445" s="1" t="s">
        <v>91128</v>
      </c>
      <c r="H25445" s="1" t="s">
        <v>91129</v>
      </c>
      <c r="I25445" s="1" t="s">
        <v>86055</v>
      </c>
      <c r="J25445" s="1" t="s">
        <v>13</v>
      </c>
    </row>
    <row r="25446" spans="1:10" x14ac:dyDescent="0.35">
      <c r="A25446" s="1" t="s">
        <v>7010</v>
      </c>
      <c r="B25446" s="1" t="s">
        <v>86049</v>
      </c>
      <c r="C25446" s="1" t="s">
        <v>15</v>
      </c>
      <c r="D25446" s="1" t="s">
        <v>2685</v>
      </c>
      <c r="E25446" s="1" t="s">
        <v>91130</v>
      </c>
      <c r="F25446" s="1" t="s">
        <v>91131</v>
      </c>
      <c r="G25446" s="1" t="s">
        <v>91128</v>
      </c>
      <c r="H25446" s="1" t="s">
        <v>91129</v>
      </c>
      <c r="I25446" s="1" t="s">
        <v>86055</v>
      </c>
      <c r="J25446" s="1" t="s">
        <v>91132</v>
      </c>
    </row>
    <row r="25447" spans="1:10" x14ac:dyDescent="0.35">
      <c r="A25447" s="1" t="s">
        <v>7010</v>
      </c>
      <c r="B25447" s="1" t="s">
        <v>86049</v>
      </c>
      <c r="C25447" s="1" t="s">
        <v>20</v>
      </c>
      <c r="D25447" s="1" t="s">
        <v>91133</v>
      </c>
      <c r="E25447" s="1" t="s">
        <v>91134</v>
      </c>
      <c r="F25447" s="1" t="s">
        <v>91135</v>
      </c>
      <c r="G25447" s="1" t="s">
        <v>91128</v>
      </c>
      <c r="H25447" s="1" t="s">
        <v>91129</v>
      </c>
      <c r="I25447" s="1" t="s">
        <v>86055</v>
      </c>
      <c r="J25447" s="1" t="s">
        <v>91136</v>
      </c>
    </row>
    <row r="25448" spans="1:10" x14ac:dyDescent="0.35">
      <c r="A25448" s="1" t="s">
        <v>7010</v>
      </c>
      <c r="B25448" s="1" t="s">
        <v>86049</v>
      </c>
      <c r="C25448" s="1" t="s">
        <v>25</v>
      </c>
      <c r="D25448" s="1" t="s">
        <v>20554</v>
      </c>
      <c r="E25448" s="1" t="s">
        <v>91137</v>
      </c>
      <c r="F25448" s="1" t="s">
        <v>91138</v>
      </c>
      <c r="G25448" s="1" t="s">
        <v>91128</v>
      </c>
      <c r="H25448" s="1" t="s">
        <v>91129</v>
      </c>
      <c r="I25448" s="1" t="s">
        <v>86055</v>
      </c>
      <c r="J25448" s="1" t="s">
        <v>91139</v>
      </c>
    </row>
    <row r="25449" spans="1:10" x14ac:dyDescent="0.35">
      <c r="A25449" s="1" t="s">
        <v>7010</v>
      </c>
      <c r="B25449" s="1" t="s">
        <v>86049</v>
      </c>
      <c r="C25449" s="1" t="s">
        <v>30</v>
      </c>
      <c r="D25449" s="1" t="s">
        <v>91140</v>
      </c>
      <c r="E25449" s="1" t="s">
        <v>91141</v>
      </c>
      <c r="F25449" s="1" t="s">
        <v>91142</v>
      </c>
      <c r="G25449" s="1" t="s">
        <v>91128</v>
      </c>
      <c r="H25449" s="1" t="s">
        <v>91129</v>
      </c>
      <c r="I25449" s="1" t="s">
        <v>86055</v>
      </c>
      <c r="J25449" s="1" t="s">
        <v>91143</v>
      </c>
    </row>
    <row r="25450" spans="1:10" x14ac:dyDescent="0.35">
      <c r="A25450" s="1" t="s">
        <v>7010</v>
      </c>
      <c r="B25450" s="1" t="s">
        <v>86049</v>
      </c>
      <c r="C25450" s="1" t="s">
        <v>35</v>
      </c>
      <c r="D25450" s="1" t="s">
        <v>91144</v>
      </c>
      <c r="E25450" s="1" t="s">
        <v>91145</v>
      </c>
      <c r="F25450" s="1" t="s">
        <v>91146</v>
      </c>
      <c r="G25450" s="1" t="s">
        <v>91128</v>
      </c>
      <c r="H25450" s="1" t="s">
        <v>91129</v>
      </c>
      <c r="I25450" s="1" t="s">
        <v>86055</v>
      </c>
      <c r="J25450" s="1" t="s">
        <v>91147</v>
      </c>
    </row>
    <row r="25451" spans="1:10" x14ac:dyDescent="0.35">
      <c r="A25451" s="1" t="s">
        <v>7010</v>
      </c>
      <c r="B25451" s="1" t="s">
        <v>86049</v>
      </c>
      <c r="C25451" s="1" t="s">
        <v>40</v>
      </c>
      <c r="D25451" s="1" t="s">
        <v>91148</v>
      </c>
      <c r="E25451" s="1" t="s">
        <v>91149</v>
      </c>
      <c r="F25451" s="1" t="s">
        <v>91150</v>
      </c>
      <c r="G25451" s="1" t="s">
        <v>91128</v>
      </c>
      <c r="H25451" s="1" t="s">
        <v>91129</v>
      </c>
      <c r="I25451" s="1" t="s">
        <v>86055</v>
      </c>
      <c r="J25451" s="1" t="s">
        <v>91151</v>
      </c>
    </row>
    <row r="25452" spans="1:10" x14ac:dyDescent="0.35">
      <c r="A25452" s="1" t="s">
        <v>7010</v>
      </c>
      <c r="B25452" s="1" t="s">
        <v>86049</v>
      </c>
      <c r="C25452" s="1" t="s">
        <v>45</v>
      </c>
      <c r="D25452" s="1" t="s">
        <v>91152</v>
      </c>
      <c r="E25452" s="1" t="s">
        <v>91153</v>
      </c>
      <c r="F25452" s="1" t="s">
        <v>91154</v>
      </c>
      <c r="G25452" s="1" t="s">
        <v>91128</v>
      </c>
      <c r="H25452" s="1" t="s">
        <v>91129</v>
      </c>
      <c r="I25452" s="1" t="s">
        <v>86055</v>
      </c>
      <c r="J25452" s="1" t="s">
        <v>91155</v>
      </c>
    </row>
    <row r="25453" spans="1:10" x14ac:dyDescent="0.35">
      <c r="A25453" s="1" t="s">
        <v>7010</v>
      </c>
      <c r="B25453" s="1" t="s">
        <v>86049</v>
      </c>
      <c r="C25453" s="1" t="s">
        <v>50</v>
      </c>
      <c r="D25453" s="1" t="s">
        <v>90490</v>
      </c>
      <c r="E25453" s="1" t="s">
        <v>91156</v>
      </c>
      <c r="F25453" s="1" t="s">
        <v>91157</v>
      </c>
      <c r="G25453" s="1" t="s">
        <v>91128</v>
      </c>
      <c r="H25453" s="1" t="s">
        <v>91129</v>
      </c>
      <c r="I25453" s="1" t="s">
        <v>86055</v>
      </c>
      <c r="J25453" s="1" t="s">
        <v>91158</v>
      </c>
    </row>
    <row r="25454" spans="1:10" x14ac:dyDescent="0.35">
      <c r="A25454" s="1" t="s">
        <v>7010</v>
      </c>
      <c r="B25454" s="1" t="s">
        <v>86049</v>
      </c>
      <c r="C25454" s="1" t="s">
        <v>55</v>
      </c>
      <c r="D25454" s="1" t="s">
        <v>91159</v>
      </c>
      <c r="E25454" s="1" t="s">
        <v>91160</v>
      </c>
      <c r="F25454" s="1" t="s">
        <v>91161</v>
      </c>
      <c r="G25454" s="1" t="s">
        <v>91128</v>
      </c>
      <c r="H25454" s="1" t="s">
        <v>91129</v>
      </c>
      <c r="I25454" s="1" t="s">
        <v>86055</v>
      </c>
      <c r="J25454" s="1" t="s">
        <v>91162</v>
      </c>
    </row>
    <row r="25455" spans="1:10" x14ac:dyDescent="0.35">
      <c r="A25455" s="1" t="s">
        <v>7010</v>
      </c>
      <c r="B25455" s="1" t="s">
        <v>86049</v>
      </c>
      <c r="C25455" s="1" t="s">
        <v>60</v>
      </c>
      <c r="D25455" s="1" t="s">
        <v>91163</v>
      </c>
      <c r="E25455" s="1" t="s">
        <v>91164</v>
      </c>
      <c r="F25455" s="1" t="s">
        <v>91165</v>
      </c>
      <c r="G25455" s="1" t="s">
        <v>91128</v>
      </c>
      <c r="H25455" s="1" t="s">
        <v>91129</v>
      </c>
      <c r="I25455" s="1" t="s">
        <v>86055</v>
      </c>
      <c r="J25455" s="1" t="s">
        <v>91166</v>
      </c>
    </row>
    <row r="25456" spans="1:10" x14ac:dyDescent="0.35">
      <c r="A25456" s="1" t="s">
        <v>7010</v>
      </c>
      <c r="B25456" s="1" t="s">
        <v>86049</v>
      </c>
      <c r="C25456" s="1" t="s">
        <v>65</v>
      </c>
      <c r="D25456" s="1" t="s">
        <v>91167</v>
      </c>
      <c r="E25456" s="1" t="s">
        <v>91168</v>
      </c>
      <c r="F25456" s="1" t="s">
        <v>91169</v>
      </c>
      <c r="G25456" s="1" t="s">
        <v>91128</v>
      </c>
      <c r="H25456" s="1" t="s">
        <v>91129</v>
      </c>
      <c r="I25456" s="1" t="s">
        <v>86055</v>
      </c>
      <c r="J25456" s="1" t="s">
        <v>91170</v>
      </c>
    </row>
    <row r="25457" spans="1:10" x14ac:dyDescent="0.35">
      <c r="A25457" s="1" t="s">
        <v>7010</v>
      </c>
      <c r="B25457" s="1" t="s">
        <v>86049</v>
      </c>
      <c r="C25457" s="1" t="s">
        <v>70</v>
      </c>
      <c r="D25457" s="1" t="s">
        <v>91171</v>
      </c>
      <c r="E25457" s="1" t="s">
        <v>91172</v>
      </c>
      <c r="F25457" s="1" t="s">
        <v>91173</v>
      </c>
      <c r="G25457" s="1" t="s">
        <v>91128</v>
      </c>
      <c r="H25457" s="1" t="s">
        <v>91129</v>
      </c>
      <c r="I25457" s="1" t="s">
        <v>86055</v>
      </c>
      <c r="J25457" s="1" t="s">
        <v>91174</v>
      </c>
    </row>
    <row r="25458" spans="1:10" x14ac:dyDescent="0.35">
      <c r="A25458" s="1" t="s">
        <v>7010</v>
      </c>
      <c r="B25458" s="1" t="s">
        <v>86049</v>
      </c>
      <c r="C25458" s="1" t="s">
        <v>75</v>
      </c>
      <c r="D25458" s="1" t="s">
        <v>65622</v>
      </c>
      <c r="E25458" s="1" t="s">
        <v>91175</v>
      </c>
      <c r="F25458" s="1" t="s">
        <v>91176</v>
      </c>
      <c r="G25458" s="1" t="s">
        <v>91128</v>
      </c>
      <c r="H25458" s="1" t="s">
        <v>91129</v>
      </c>
      <c r="I25458" s="1" t="s">
        <v>86055</v>
      </c>
      <c r="J25458" s="1" t="s">
        <v>91177</v>
      </c>
    </row>
    <row r="25459" spans="1:10" x14ac:dyDescent="0.35">
      <c r="A25459" s="1" t="s">
        <v>7010</v>
      </c>
      <c r="B25459" s="1" t="s">
        <v>86049</v>
      </c>
      <c r="C25459" s="1" t="s">
        <v>80</v>
      </c>
      <c r="D25459" s="1" t="s">
        <v>91178</v>
      </c>
      <c r="E25459" s="1" t="s">
        <v>91179</v>
      </c>
      <c r="F25459" s="1" t="s">
        <v>91180</v>
      </c>
      <c r="G25459" s="1" t="s">
        <v>91128</v>
      </c>
      <c r="H25459" s="1" t="s">
        <v>91129</v>
      </c>
      <c r="I25459" s="1" t="s">
        <v>86055</v>
      </c>
      <c r="J25459" s="1" t="s">
        <v>91181</v>
      </c>
    </row>
    <row r="25460" spans="1:10" x14ac:dyDescent="0.35">
      <c r="A25460" s="1" t="s">
        <v>7010</v>
      </c>
      <c r="B25460" s="1" t="s">
        <v>86049</v>
      </c>
      <c r="C25460" s="1" t="s">
        <v>85</v>
      </c>
      <c r="D25460" s="1" t="s">
        <v>61747</v>
      </c>
      <c r="E25460" s="1" t="s">
        <v>91182</v>
      </c>
      <c r="F25460" s="1" t="s">
        <v>91183</v>
      </c>
      <c r="G25460" s="1" t="s">
        <v>91128</v>
      </c>
      <c r="H25460" s="1" t="s">
        <v>91129</v>
      </c>
      <c r="I25460" s="1" t="s">
        <v>86055</v>
      </c>
      <c r="J25460" s="1" t="s">
        <v>91184</v>
      </c>
    </row>
    <row r="25461" spans="1:10" x14ac:dyDescent="0.35">
      <c r="A25461" s="1" t="s">
        <v>7010</v>
      </c>
      <c r="B25461" s="1" t="s">
        <v>86049</v>
      </c>
      <c r="C25461" s="1" t="s">
        <v>90</v>
      </c>
      <c r="D25461" s="1" t="s">
        <v>78609</v>
      </c>
      <c r="E25461" s="1" t="s">
        <v>91185</v>
      </c>
      <c r="F25461" s="1" t="s">
        <v>91186</v>
      </c>
      <c r="G25461" s="1" t="s">
        <v>91128</v>
      </c>
      <c r="H25461" s="1" t="s">
        <v>91129</v>
      </c>
      <c r="I25461" s="1" t="s">
        <v>86055</v>
      </c>
      <c r="J25461" s="1" t="s">
        <v>91187</v>
      </c>
    </row>
    <row r="25462" spans="1:10" x14ac:dyDescent="0.35">
      <c r="A25462" s="1" t="s">
        <v>7010</v>
      </c>
      <c r="B25462" s="1" t="s">
        <v>86049</v>
      </c>
      <c r="C25462" s="1" t="s">
        <v>95</v>
      </c>
      <c r="D25462" s="1" t="s">
        <v>91188</v>
      </c>
      <c r="E25462" s="1" t="s">
        <v>91189</v>
      </c>
      <c r="F25462" s="1" t="s">
        <v>91190</v>
      </c>
      <c r="G25462" s="1" t="s">
        <v>91128</v>
      </c>
      <c r="H25462" s="1" t="s">
        <v>91129</v>
      </c>
      <c r="I25462" s="1" t="s">
        <v>86055</v>
      </c>
      <c r="J25462" s="1" t="s">
        <v>91191</v>
      </c>
    </row>
    <row r="25463" spans="1:10" x14ac:dyDescent="0.35">
      <c r="A25463" s="1" t="s">
        <v>7010</v>
      </c>
      <c r="B25463" s="1" t="s">
        <v>86049</v>
      </c>
      <c r="C25463" s="1" t="s">
        <v>100</v>
      </c>
      <c r="D25463" s="1" t="s">
        <v>23497</v>
      </c>
      <c r="E25463" s="1" t="s">
        <v>91192</v>
      </c>
      <c r="F25463" s="1" t="s">
        <v>91193</v>
      </c>
      <c r="G25463" s="1" t="s">
        <v>91128</v>
      </c>
      <c r="H25463" s="1" t="s">
        <v>91129</v>
      </c>
      <c r="I25463" s="1" t="s">
        <v>86055</v>
      </c>
      <c r="J25463" s="1" t="s">
        <v>91194</v>
      </c>
    </row>
    <row r="25464" spans="1:10" x14ac:dyDescent="0.35">
      <c r="A25464" s="1" t="s">
        <v>7010</v>
      </c>
      <c r="B25464" s="1" t="s">
        <v>86049</v>
      </c>
      <c r="C25464" s="1" t="s">
        <v>105</v>
      </c>
      <c r="D25464" s="1" t="s">
        <v>81135</v>
      </c>
      <c r="E25464" s="1" t="s">
        <v>91195</v>
      </c>
      <c r="F25464" s="1" t="s">
        <v>91196</v>
      </c>
      <c r="G25464" s="1" t="s">
        <v>91128</v>
      </c>
      <c r="H25464" s="1" t="s">
        <v>91129</v>
      </c>
      <c r="I25464" s="1" t="s">
        <v>86055</v>
      </c>
      <c r="J25464" s="1" t="s">
        <v>91197</v>
      </c>
    </row>
    <row r="25465" spans="1:10" x14ac:dyDescent="0.35">
      <c r="A25465" s="1" t="s">
        <v>7010</v>
      </c>
      <c r="B25465" s="1" t="s">
        <v>86049</v>
      </c>
      <c r="C25465" s="1" t="s">
        <v>110</v>
      </c>
      <c r="D25465" s="1" t="s">
        <v>91198</v>
      </c>
      <c r="E25465" s="1" t="s">
        <v>91199</v>
      </c>
      <c r="F25465" s="1" t="s">
        <v>91200</v>
      </c>
      <c r="G25465" s="1" t="s">
        <v>91128</v>
      </c>
      <c r="H25465" s="1" t="s">
        <v>91129</v>
      </c>
      <c r="I25465" s="1" t="s">
        <v>86055</v>
      </c>
      <c r="J25465" s="1" t="s">
        <v>91201</v>
      </c>
    </row>
    <row r="25466" spans="1:10" x14ac:dyDescent="0.35">
      <c r="A25466" s="1" t="s">
        <v>7010</v>
      </c>
      <c r="B25466" s="1" t="s">
        <v>86049</v>
      </c>
      <c r="C25466" s="1" t="s">
        <v>115</v>
      </c>
      <c r="D25466" s="1" t="s">
        <v>7373</v>
      </c>
      <c r="E25466" s="1" t="s">
        <v>91202</v>
      </c>
      <c r="F25466" s="1" t="s">
        <v>91203</v>
      </c>
      <c r="G25466" s="1" t="s">
        <v>91128</v>
      </c>
      <c r="H25466" s="1" t="s">
        <v>91129</v>
      </c>
      <c r="I25466" s="1" t="s">
        <v>86055</v>
      </c>
      <c r="J25466" s="1" t="s">
        <v>91204</v>
      </c>
    </row>
    <row r="25467" spans="1:10" x14ac:dyDescent="0.35">
      <c r="A25467" s="1" t="s">
        <v>7010</v>
      </c>
      <c r="B25467" s="1" t="s">
        <v>86049</v>
      </c>
      <c r="C25467" s="1" t="s">
        <v>120</v>
      </c>
      <c r="D25467" s="1" t="s">
        <v>91205</v>
      </c>
      <c r="E25467" s="1" t="s">
        <v>91206</v>
      </c>
      <c r="F25467" s="1" t="s">
        <v>91207</v>
      </c>
      <c r="G25467" s="1" t="s">
        <v>91128</v>
      </c>
      <c r="H25467" s="1" t="s">
        <v>91129</v>
      </c>
      <c r="I25467" s="1" t="s">
        <v>86055</v>
      </c>
      <c r="J25467" s="1" t="s">
        <v>91208</v>
      </c>
    </row>
    <row r="25468" spans="1:10" x14ac:dyDescent="0.35">
      <c r="A25468" s="1" t="s">
        <v>7010</v>
      </c>
      <c r="B25468" s="1" t="s">
        <v>86049</v>
      </c>
      <c r="C25468" s="1" t="s">
        <v>125</v>
      </c>
      <c r="D25468" s="1" t="s">
        <v>89407</v>
      </c>
      <c r="E25468" s="1" t="s">
        <v>91209</v>
      </c>
      <c r="F25468" s="1" t="s">
        <v>91210</v>
      </c>
      <c r="G25468" s="1" t="s">
        <v>91128</v>
      </c>
      <c r="H25468" s="1" t="s">
        <v>91129</v>
      </c>
      <c r="I25468" s="1" t="s">
        <v>86055</v>
      </c>
      <c r="J25468" s="1" t="s">
        <v>91211</v>
      </c>
    </row>
    <row r="25469" spans="1:10" x14ac:dyDescent="0.35">
      <c r="A25469" s="1" t="s">
        <v>7010</v>
      </c>
      <c r="B25469" s="1" t="s">
        <v>86049</v>
      </c>
      <c r="C25469" s="1" t="s">
        <v>130</v>
      </c>
      <c r="D25469" s="1" t="s">
        <v>67167</v>
      </c>
      <c r="E25469" s="1" t="s">
        <v>91212</v>
      </c>
      <c r="F25469" s="1" t="s">
        <v>91213</v>
      </c>
      <c r="G25469" s="1" t="s">
        <v>91128</v>
      </c>
      <c r="H25469" s="1" t="s">
        <v>91129</v>
      </c>
      <c r="I25469" s="1" t="s">
        <v>86055</v>
      </c>
      <c r="J25469" s="1" t="s">
        <v>91214</v>
      </c>
    </row>
    <row r="25470" spans="1:10" x14ac:dyDescent="0.35">
      <c r="A25470" s="1" t="s">
        <v>7010</v>
      </c>
      <c r="B25470" s="1" t="s">
        <v>86049</v>
      </c>
      <c r="C25470" s="1" t="s">
        <v>135</v>
      </c>
      <c r="D25470" s="1" t="s">
        <v>91215</v>
      </c>
      <c r="E25470" s="1" t="s">
        <v>91216</v>
      </c>
      <c r="F25470" s="1" t="s">
        <v>91217</v>
      </c>
      <c r="G25470" s="1" t="s">
        <v>91128</v>
      </c>
      <c r="H25470" s="1" t="s">
        <v>91129</v>
      </c>
      <c r="I25470" s="1" t="s">
        <v>86055</v>
      </c>
      <c r="J25470" s="1" t="s">
        <v>91218</v>
      </c>
    </row>
    <row r="25471" spans="1:10" x14ac:dyDescent="0.35">
      <c r="A25471" s="1" t="s">
        <v>7010</v>
      </c>
      <c r="B25471" s="1" t="s">
        <v>86049</v>
      </c>
      <c r="C25471" s="1" t="s">
        <v>140</v>
      </c>
      <c r="D25471" s="1" t="s">
        <v>91219</v>
      </c>
      <c r="E25471" s="1" t="s">
        <v>91220</v>
      </c>
      <c r="F25471" s="1" t="s">
        <v>91221</v>
      </c>
      <c r="G25471" s="1" t="s">
        <v>91128</v>
      </c>
      <c r="H25471" s="1" t="s">
        <v>91129</v>
      </c>
      <c r="I25471" s="1" t="s">
        <v>86055</v>
      </c>
      <c r="J25471" s="1" t="s">
        <v>91222</v>
      </c>
    </row>
    <row r="25472" spans="1:10" x14ac:dyDescent="0.35">
      <c r="A25472" s="1" t="s">
        <v>7010</v>
      </c>
      <c r="B25472" s="1" t="s">
        <v>86049</v>
      </c>
      <c r="C25472" s="1" t="s">
        <v>145</v>
      </c>
      <c r="D25472" s="1" t="s">
        <v>67264</v>
      </c>
      <c r="E25472" s="1" t="s">
        <v>91223</v>
      </c>
      <c r="F25472" s="1" t="s">
        <v>91224</v>
      </c>
      <c r="G25472" s="1" t="s">
        <v>91128</v>
      </c>
      <c r="H25472" s="1" t="s">
        <v>91129</v>
      </c>
      <c r="I25472" s="1" t="s">
        <v>86055</v>
      </c>
      <c r="J25472" s="1" t="s">
        <v>91225</v>
      </c>
    </row>
    <row r="25473" spans="1:10" x14ac:dyDescent="0.35">
      <c r="A25473" s="1" t="s">
        <v>7010</v>
      </c>
      <c r="B25473" s="1" t="s">
        <v>86049</v>
      </c>
      <c r="C25473" s="1" t="s">
        <v>150</v>
      </c>
      <c r="D25473" s="1" t="s">
        <v>69712</v>
      </c>
      <c r="E25473" s="1" t="s">
        <v>91226</v>
      </c>
      <c r="F25473" s="1" t="s">
        <v>91227</v>
      </c>
      <c r="G25473" s="1" t="s">
        <v>91128</v>
      </c>
      <c r="H25473" s="1" t="s">
        <v>91129</v>
      </c>
      <c r="I25473" s="1" t="s">
        <v>86055</v>
      </c>
      <c r="J25473" s="1" t="s">
        <v>91228</v>
      </c>
    </row>
    <row r="25474" spans="1:10" x14ac:dyDescent="0.35">
      <c r="A25474" s="1" t="s">
        <v>7010</v>
      </c>
      <c r="B25474" s="1" t="s">
        <v>86049</v>
      </c>
      <c r="C25474" s="1" t="s">
        <v>155</v>
      </c>
      <c r="D25474" s="1" t="s">
        <v>63761</v>
      </c>
      <c r="E25474" s="1" t="s">
        <v>91229</v>
      </c>
      <c r="F25474" s="1" t="s">
        <v>91230</v>
      </c>
      <c r="G25474" s="1" t="s">
        <v>91128</v>
      </c>
      <c r="H25474" s="1" t="s">
        <v>91129</v>
      </c>
      <c r="I25474" s="1" t="s">
        <v>86055</v>
      </c>
      <c r="J25474" s="1" t="s">
        <v>91231</v>
      </c>
    </row>
    <row r="25475" spans="1:10" x14ac:dyDescent="0.35">
      <c r="A25475" s="1" t="s">
        <v>7010</v>
      </c>
      <c r="B25475" s="1" t="s">
        <v>86049</v>
      </c>
      <c r="C25475" s="1" t="s">
        <v>160</v>
      </c>
      <c r="D25475" s="1" t="s">
        <v>91232</v>
      </c>
      <c r="E25475" s="1" t="s">
        <v>91233</v>
      </c>
      <c r="F25475" s="1" t="s">
        <v>91234</v>
      </c>
      <c r="G25475" s="1" t="s">
        <v>91128</v>
      </c>
      <c r="H25475" s="1" t="s">
        <v>91129</v>
      </c>
      <c r="I25475" s="1" t="s">
        <v>86055</v>
      </c>
      <c r="J25475" s="1" t="s">
        <v>91235</v>
      </c>
    </row>
    <row r="25476" spans="1:10" x14ac:dyDescent="0.35">
      <c r="A25476" s="1" t="s">
        <v>7010</v>
      </c>
      <c r="B25476" s="1" t="s">
        <v>86049</v>
      </c>
      <c r="C25476" s="1" t="s">
        <v>165</v>
      </c>
      <c r="D25476" s="1" t="s">
        <v>91236</v>
      </c>
      <c r="E25476" s="1" t="s">
        <v>91237</v>
      </c>
      <c r="F25476" s="1" t="s">
        <v>91238</v>
      </c>
      <c r="G25476" s="1" t="s">
        <v>91128</v>
      </c>
      <c r="H25476" s="1" t="s">
        <v>91129</v>
      </c>
      <c r="I25476" s="1" t="s">
        <v>86055</v>
      </c>
      <c r="J25476" s="1" t="s">
        <v>91239</v>
      </c>
    </row>
    <row r="25477" spans="1:10" x14ac:dyDescent="0.35">
      <c r="A25477" s="1" t="s">
        <v>7010</v>
      </c>
      <c r="B25477" s="1" t="s">
        <v>86049</v>
      </c>
      <c r="C25477" s="1" t="s">
        <v>170</v>
      </c>
      <c r="D25477" s="1" t="s">
        <v>91240</v>
      </c>
      <c r="E25477" s="1" t="s">
        <v>91241</v>
      </c>
      <c r="F25477" s="1" t="s">
        <v>91242</v>
      </c>
      <c r="G25477" s="1" t="s">
        <v>91128</v>
      </c>
      <c r="H25477" s="1" t="s">
        <v>91129</v>
      </c>
      <c r="I25477" s="1" t="s">
        <v>86055</v>
      </c>
      <c r="J25477" s="1" t="s">
        <v>91243</v>
      </c>
    </row>
    <row r="25478" spans="1:10" x14ac:dyDescent="0.35">
      <c r="A25478" s="1" t="s">
        <v>25357</v>
      </c>
      <c r="B25478" s="1" t="s">
        <v>86049</v>
      </c>
      <c r="C25478" s="1" t="s">
        <v>8</v>
      </c>
      <c r="D25478" s="1" t="s">
        <v>86687</v>
      </c>
      <c r="E25478" s="1" t="s">
        <v>91244</v>
      </c>
      <c r="F25478" s="1" t="s">
        <v>91245</v>
      </c>
      <c r="G25478" s="1" t="s">
        <v>91246</v>
      </c>
      <c r="H25478" s="1" t="s">
        <v>91247</v>
      </c>
      <c r="I25478" s="1" t="s">
        <v>86055</v>
      </c>
      <c r="J25478" s="1" t="s">
        <v>13</v>
      </c>
    </row>
    <row r="25479" spans="1:10" x14ac:dyDescent="0.35">
      <c r="A25479" s="1" t="s">
        <v>25357</v>
      </c>
      <c r="B25479" s="1" t="s">
        <v>86049</v>
      </c>
      <c r="C25479" s="1" t="s">
        <v>15</v>
      </c>
      <c r="D25479" s="1" t="s">
        <v>91248</v>
      </c>
      <c r="E25479" s="1" t="s">
        <v>91249</v>
      </c>
      <c r="F25479" s="1" t="s">
        <v>91250</v>
      </c>
      <c r="G25479" s="1" t="s">
        <v>91246</v>
      </c>
      <c r="H25479" s="1" t="s">
        <v>91247</v>
      </c>
      <c r="I25479" s="1" t="s">
        <v>86055</v>
      </c>
      <c r="J25479" s="1" t="s">
        <v>91251</v>
      </c>
    </row>
    <row r="25480" spans="1:10" x14ac:dyDescent="0.35">
      <c r="A25480" s="1" t="s">
        <v>25357</v>
      </c>
      <c r="B25480" s="1" t="s">
        <v>86049</v>
      </c>
      <c r="C25480" s="1" t="s">
        <v>20</v>
      </c>
      <c r="D25480" s="1" t="s">
        <v>59807</v>
      </c>
      <c r="E25480" s="1" t="s">
        <v>91252</v>
      </c>
      <c r="F25480" s="1" t="s">
        <v>91253</v>
      </c>
      <c r="G25480" s="1" t="s">
        <v>91246</v>
      </c>
      <c r="H25480" s="1" t="s">
        <v>91247</v>
      </c>
      <c r="I25480" s="1" t="s">
        <v>86055</v>
      </c>
      <c r="J25480" s="1" t="s">
        <v>91254</v>
      </c>
    </row>
    <row r="25481" spans="1:10" x14ac:dyDescent="0.35">
      <c r="A25481" s="1" t="s">
        <v>25357</v>
      </c>
      <c r="B25481" s="1" t="s">
        <v>86049</v>
      </c>
      <c r="C25481" s="1" t="s">
        <v>25</v>
      </c>
      <c r="D25481" s="1" t="s">
        <v>86977</v>
      </c>
      <c r="E25481" s="1" t="s">
        <v>91255</v>
      </c>
      <c r="F25481" s="1" t="s">
        <v>91256</v>
      </c>
      <c r="G25481" s="1" t="s">
        <v>91246</v>
      </c>
      <c r="H25481" s="1" t="s">
        <v>91247</v>
      </c>
      <c r="I25481" s="1" t="s">
        <v>86055</v>
      </c>
      <c r="J25481" s="1" t="s">
        <v>91257</v>
      </c>
    </row>
    <row r="25482" spans="1:10" x14ac:dyDescent="0.35">
      <c r="A25482" s="1" t="s">
        <v>25357</v>
      </c>
      <c r="B25482" s="1" t="s">
        <v>86049</v>
      </c>
      <c r="C25482" s="1" t="s">
        <v>30</v>
      </c>
      <c r="D25482" s="1" t="s">
        <v>11310</v>
      </c>
      <c r="E25482" s="1" t="s">
        <v>91258</v>
      </c>
      <c r="F25482" s="1" t="s">
        <v>91259</v>
      </c>
      <c r="G25482" s="1" t="s">
        <v>91246</v>
      </c>
      <c r="H25482" s="1" t="s">
        <v>91247</v>
      </c>
      <c r="I25482" s="1" t="s">
        <v>86055</v>
      </c>
      <c r="J25482" s="1" t="s">
        <v>91260</v>
      </c>
    </row>
    <row r="25483" spans="1:10" x14ac:dyDescent="0.35">
      <c r="A25483" s="1" t="s">
        <v>25357</v>
      </c>
      <c r="B25483" s="1" t="s">
        <v>86049</v>
      </c>
      <c r="C25483" s="1" t="s">
        <v>35</v>
      </c>
      <c r="D25483" s="1" t="s">
        <v>91261</v>
      </c>
      <c r="E25483" s="1" t="s">
        <v>91262</v>
      </c>
      <c r="F25483" s="1" t="s">
        <v>91263</v>
      </c>
      <c r="G25483" s="1" t="s">
        <v>91246</v>
      </c>
      <c r="H25483" s="1" t="s">
        <v>91247</v>
      </c>
      <c r="I25483" s="1" t="s">
        <v>86055</v>
      </c>
      <c r="J25483" s="1" t="s">
        <v>91264</v>
      </c>
    </row>
    <row r="25484" spans="1:10" x14ac:dyDescent="0.35">
      <c r="A25484" s="1" t="s">
        <v>25357</v>
      </c>
      <c r="B25484" s="1" t="s">
        <v>86049</v>
      </c>
      <c r="C25484" s="1" t="s">
        <v>40</v>
      </c>
      <c r="D25484" s="1" t="s">
        <v>56424</v>
      </c>
      <c r="E25484" s="1" t="s">
        <v>91265</v>
      </c>
      <c r="F25484" s="1" t="s">
        <v>91266</v>
      </c>
      <c r="G25484" s="1" t="s">
        <v>91246</v>
      </c>
      <c r="H25484" s="1" t="s">
        <v>91247</v>
      </c>
      <c r="I25484" s="1" t="s">
        <v>86055</v>
      </c>
      <c r="J25484" s="1" t="s">
        <v>91267</v>
      </c>
    </row>
    <row r="25485" spans="1:10" x14ac:dyDescent="0.35">
      <c r="A25485" s="1" t="s">
        <v>25357</v>
      </c>
      <c r="B25485" s="1" t="s">
        <v>86049</v>
      </c>
      <c r="C25485" s="1" t="s">
        <v>45</v>
      </c>
      <c r="D25485" s="1" t="s">
        <v>40156</v>
      </c>
      <c r="E25485" s="1" t="s">
        <v>91268</v>
      </c>
      <c r="F25485" s="1" t="s">
        <v>91269</v>
      </c>
      <c r="G25485" s="1" t="s">
        <v>91246</v>
      </c>
      <c r="H25485" s="1" t="s">
        <v>91247</v>
      </c>
      <c r="I25485" s="1" t="s">
        <v>86055</v>
      </c>
      <c r="J25485" s="1" t="s">
        <v>91270</v>
      </c>
    </row>
    <row r="25486" spans="1:10" x14ac:dyDescent="0.35">
      <c r="A25486" s="1" t="s">
        <v>25357</v>
      </c>
      <c r="B25486" s="1" t="s">
        <v>86049</v>
      </c>
      <c r="C25486" s="1" t="s">
        <v>50</v>
      </c>
      <c r="D25486" s="1" t="s">
        <v>91271</v>
      </c>
      <c r="E25486" s="1" t="s">
        <v>91272</v>
      </c>
      <c r="F25486" s="1" t="s">
        <v>91273</v>
      </c>
      <c r="G25486" s="1" t="s">
        <v>91246</v>
      </c>
      <c r="H25486" s="1" t="s">
        <v>91247</v>
      </c>
      <c r="I25486" s="1" t="s">
        <v>86055</v>
      </c>
      <c r="J25486" s="1" t="s">
        <v>91274</v>
      </c>
    </row>
    <row r="25487" spans="1:10" x14ac:dyDescent="0.35">
      <c r="A25487" s="1" t="s">
        <v>25357</v>
      </c>
      <c r="B25487" s="1" t="s">
        <v>86049</v>
      </c>
      <c r="C25487" s="1" t="s">
        <v>55</v>
      </c>
      <c r="D25487" s="1" t="s">
        <v>87474</v>
      </c>
      <c r="E25487" s="1" t="s">
        <v>91275</v>
      </c>
      <c r="F25487" s="1" t="s">
        <v>91276</v>
      </c>
      <c r="G25487" s="1" t="s">
        <v>91246</v>
      </c>
      <c r="H25487" s="1" t="s">
        <v>91247</v>
      </c>
      <c r="I25487" s="1" t="s">
        <v>86055</v>
      </c>
      <c r="J25487" s="1" t="s">
        <v>91277</v>
      </c>
    </row>
    <row r="25488" spans="1:10" x14ac:dyDescent="0.35">
      <c r="A25488" s="1" t="s">
        <v>25357</v>
      </c>
      <c r="B25488" s="1" t="s">
        <v>86049</v>
      </c>
      <c r="C25488" s="1" t="s">
        <v>60</v>
      </c>
      <c r="D25488" s="1" t="s">
        <v>91278</v>
      </c>
      <c r="E25488" s="1" t="s">
        <v>91279</v>
      </c>
      <c r="F25488" s="1" t="s">
        <v>91280</v>
      </c>
      <c r="G25488" s="1" t="s">
        <v>91246</v>
      </c>
      <c r="H25488" s="1" t="s">
        <v>91247</v>
      </c>
      <c r="I25488" s="1" t="s">
        <v>86055</v>
      </c>
      <c r="J25488" s="1" t="s">
        <v>91281</v>
      </c>
    </row>
    <row r="25489" spans="1:10" x14ac:dyDescent="0.35">
      <c r="A25489" s="1" t="s">
        <v>25357</v>
      </c>
      <c r="B25489" s="1" t="s">
        <v>86049</v>
      </c>
      <c r="C25489" s="1" t="s">
        <v>65</v>
      </c>
      <c r="D25489" s="1" t="s">
        <v>88768</v>
      </c>
      <c r="E25489" s="1" t="s">
        <v>91282</v>
      </c>
      <c r="F25489" s="1" t="s">
        <v>91283</v>
      </c>
      <c r="G25489" s="1" t="s">
        <v>91246</v>
      </c>
      <c r="H25489" s="1" t="s">
        <v>91247</v>
      </c>
      <c r="I25489" s="1" t="s">
        <v>86055</v>
      </c>
      <c r="J25489" s="1" t="s">
        <v>91284</v>
      </c>
    </row>
    <row r="25490" spans="1:10" x14ac:dyDescent="0.35">
      <c r="A25490" s="1" t="s">
        <v>25357</v>
      </c>
      <c r="B25490" s="1" t="s">
        <v>86049</v>
      </c>
      <c r="C25490" s="1" t="s">
        <v>70</v>
      </c>
      <c r="D25490" s="1" t="s">
        <v>46660</v>
      </c>
      <c r="E25490" s="1" t="s">
        <v>91285</v>
      </c>
      <c r="F25490" s="1" t="s">
        <v>91286</v>
      </c>
      <c r="G25490" s="1" t="s">
        <v>91246</v>
      </c>
      <c r="H25490" s="1" t="s">
        <v>91247</v>
      </c>
      <c r="I25490" s="1" t="s">
        <v>86055</v>
      </c>
      <c r="J25490" s="1" t="s">
        <v>91287</v>
      </c>
    </row>
    <row r="25491" spans="1:10" x14ac:dyDescent="0.35">
      <c r="A25491" s="1" t="s">
        <v>25357</v>
      </c>
      <c r="B25491" s="1" t="s">
        <v>86049</v>
      </c>
      <c r="C25491" s="1" t="s">
        <v>75</v>
      </c>
      <c r="D25491" s="1" t="s">
        <v>91288</v>
      </c>
      <c r="E25491" s="1" t="s">
        <v>91289</v>
      </c>
      <c r="F25491" s="1" t="s">
        <v>91290</v>
      </c>
      <c r="G25491" s="1" t="s">
        <v>91246</v>
      </c>
      <c r="H25491" s="1" t="s">
        <v>91247</v>
      </c>
      <c r="I25491" s="1" t="s">
        <v>86055</v>
      </c>
      <c r="J25491" s="1" t="s">
        <v>91291</v>
      </c>
    </row>
    <row r="25492" spans="1:10" x14ac:dyDescent="0.35">
      <c r="A25492" s="1" t="s">
        <v>25357</v>
      </c>
      <c r="B25492" s="1" t="s">
        <v>86049</v>
      </c>
      <c r="C25492" s="1" t="s">
        <v>80</v>
      </c>
      <c r="D25492" s="1" t="s">
        <v>4964</v>
      </c>
      <c r="E25492" s="1" t="s">
        <v>91292</v>
      </c>
      <c r="F25492" s="1" t="s">
        <v>91293</v>
      </c>
      <c r="G25492" s="1" t="s">
        <v>91246</v>
      </c>
      <c r="H25492" s="1" t="s">
        <v>91247</v>
      </c>
      <c r="I25492" s="1" t="s">
        <v>86055</v>
      </c>
      <c r="J25492" s="1" t="s">
        <v>91294</v>
      </c>
    </row>
    <row r="25493" spans="1:10" x14ac:dyDescent="0.35">
      <c r="A25493" s="1" t="s">
        <v>25357</v>
      </c>
      <c r="B25493" s="1" t="s">
        <v>86049</v>
      </c>
      <c r="C25493" s="1" t="s">
        <v>85</v>
      </c>
      <c r="D25493" s="1" t="s">
        <v>59959</v>
      </c>
      <c r="E25493" s="1" t="s">
        <v>91295</v>
      </c>
      <c r="F25493" s="1" t="s">
        <v>91296</v>
      </c>
      <c r="G25493" s="1" t="s">
        <v>91246</v>
      </c>
      <c r="H25493" s="1" t="s">
        <v>91247</v>
      </c>
      <c r="I25493" s="1" t="s">
        <v>86055</v>
      </c>
      <c r="J25493" s="1" t="s">
        <v>91297</v>
      </c>
    </row>
    <row r="25494" spans="1:10" x14ac:dyDescent="0.35">
      <c r="A25494" s="1" t="s">
        <v>25357</v>
      </c>
      <c r="B25494" s="1" t="s">
        <v>86049</v>
      </c>
      <c r="C25494" s="1" t="s">
        <v>90</v>
      </c>
      <c r="D25494" s="1" t="s">
        <v>70601</v>
      </c>
      <c r="E25494" s="1" t="s">
        <v>91298</v>
      </c>
      <c r="F25494" s="1" t="s">
        <v>91299</v>
      </c>
      <c r="G25494" s="1" t="s">
        <v>91246</v>
      </c>
      <c r="H25494" s="1" t="s">
        <v>91247</v>
      </c>
      <c r="I25494" s="1" t="s">
        <v>86055</v>
      </c>
      <c r="J25494" s="1" t="s">
        <v>91300</v>
      </c>
    </row>
    <row r="25495" spans="1:10" x14ac:dyDescent="0.35">
      <c r="A25495" s="1" t="s">
        <v>25357</v>
      </c>
      <c r="B25495" s="1" t="s">
        <v>86049</v>
      </c>
      <c r="C25495" s="1" t="s">
        <v>95</v>
      </c>
      <c r="D25495" s="1" t="s">
        <v>91301</v>
      </c>
      <c r="E25495" s="1" t="s">
        <v>91302</v>
      </c>
      <c r="F25495" s="1" t="s">
        <v>91303</v>
      </c>
      <c r="G25495" s="1" t="s">
        <v>91246</v>
      </c>
      <c r="H25495" s="1" t="s">
        <v>91247</v>
      </c>
      <c r="I25495" s="1" t="s">
        <v>86055</v>
      </c>
      <c r="J25495" s="1" t="s">
        <v>91304</v>
      </c>
    </row>
    <row r="25496" spans="1:10" x14ac:dyDescent="0.35">
      <c r="A25496" s="1" t="s">
        <v>25357</v>
      </c>
      <c r="B25496" s="1" t="s">
        <v>86049</v>
      </c>
      <c r="C25496" s="1" t="s">
        <v>100</v>
      </c>
      <c r="D25496" s="1" t="s">
        <v>91305</v>
      </c>
      <c r="E25496" s="1" t="s">
        <v>91306</v>
      </c>
      <c r="F25496" s="1" t="s">
        <v>91307</v>
      </c>
      <c r="G25496" s="1" t="s">
        <v>91246</v>
      </c>
      <c r="H25496" s="1" t="s">
        <v>91247</v>
      </c>
      <c r="I25496" s="1" t="s">
        <v>86055</v>
      </c>
      <c r="J25496" s="1" t="s">
        <v>91308</v>
      </c>
    </row>
    <row r="25497" spans="1:10" x14ac:dyDescent="0.35">
      <c r="A25497" s="1" t="s">
        <v>25357</v>
      </c>
      <c r="B25497" s="1" t="s">
        <v>86049</v>
      </c>
      <c r="C25497" s="1" t="s">
        <v>105</v>
      </c>
      <c r="D25497" s="1" t="s">
        <v>91309</v>
      </c>
      <c r="E25497" s="1" t="s">
        <v>91310</v>
      </c>
      <c r="F25497" s="1" t="s">
        <v>91311</v>
      </c>
      <c r="G25497" s="1" t="s">
        <v>91246</v>
      </c>
      <c r="H25497" s="1" t="s">
        <v>91247</v>
      </c>
      <c r="I25497" s="1" t="s">
        <v>86055</v>
      </c>
      <c r="J25497" s="1" t="s">
        <v>91312</v>
      </c>
    </row>
    <row r="25498" spans="1:10" x14ac:dyDescent="0.35">
      <c r="A25498" s="1" t="s">
        <v>25357</v>
      </c>
      <c r="B25498" s="1" t="s">
        <v>86049</v>
      </c>
      <c r="C25498" s="1" t="s">
        <v>110</v>
      </c>
      <c r="D25498" s="1" t="s">
        <v>91313</v>
      </c>
      <c r="E25498" s="1" t="s">
        <v>91314</v>
      </c>
      <c r="F25498" s="1" t="s">
        <v>91315</v>
      </c>
      <c r="G25498" s="1" t="s">
        <v>91246</v>
      </c>
      <c r="H25498" s="1" t="s">
        <v>91247</v>
      </c>
      <c r="I25498" s="1" t="s">
        <v>86055</v>
      </c>
      <c r="J25498" s="1" t="s">
        <v>91316</v>
      </c>
    </row>
    <row r="25499" spans="1:10" x14ac:dyDescent="0.35">
      <c r="A25499" s="1" t="s">
        <v>25357</v>
      </c>
      <c r="B25499" s="1" t="s">
        <v>86049</v>
      </c>
      <c r="C25499" s="1" t="s">
        <v>115</v>
      </c>
      <c r="D25499" s="1" t="s">
        <v>61999</v>
      </c>
      <c r="E25499" s="1" t="s">
        <v>91317</v>
      </c>
      <c r="F25499" s="1" t="s">
        <v>91318</v>
      </c>
      <c r="G25499" s="1" t="s">
        <v>91246</v>
      </c>
      <c r="H25499" s="1" t="s">
        <v>91247</v>
      </c>
      <c r="I25499" s="1" t="s">
        <v>86055</v>
      </c>
      <c r="J25499" s="1" t="s">
        <v>91319</v>
      </c>
    </row>
    <row r="25500" spans="1:10" x14ac:dyDescent="0.35">
      <c r="A25500" s="1" t="s">
        <v>25357</v>
      </c>
      <c r="B25500" s="1" t="s">
        <v>86049</v>
      </c>
      <c r="C25500" s="1" t="s">
        <v>120</v>
      </c>
      <c r="D25500" s="1" t="s">
        <v>91320</v>
      </c>
      <c r="E25500" s="1" t="s">
        <v>91321</v>
      </c>
      <c r="F25500" s="1" t="s">
        <v>91322</v>
      </c>
      <c r="G25500" s="1" t="s">
        <v>91246</v>
      </c>
      <c r="H25500" s="1" t="s">
        <v>91247</v>
      </c>
      <c r="I25500" s="1" t="s">
        <v>86055</v>
      </c>
      <c r="J25500" s="1" t="s">
        <v>91323</v>
      </c>
    </row>
    <row r="25501" spans="1:10" x14ac:dyDescent="0.35">
      <c r="A25501" s="1" t="s">
        <v>25357</v>
      </c>
      <c r="B25501" s="1" t="s">
        <v>86049</v>
      </c>
      <c r="C25501" s="1" t="s">
        <v>125</v>
      </c>
      <c r="D25501" s="1" t="s">
        <v>446</v>
      </c>
      <c r="E25501" s="1" t="s">
        <v>91324</v>
      </c>
      <c r="F25501" s="1" t="s">
        <v>91325</v>
      </c>
      <c r="G25501" s="1" t="s">
        <v>91246</v>
      </c>
      <c r="H25501" s="1" t="s">
        <v>91247</v>
      </c>
      <c r="I25501" s="1" t="s">
        <v>86055</v>
      </c>
      <c r="J25501" s="1" t="s">
        <v>91326</v>
      </c>
    </row>
    <row r="25502" spans="1:10" x14ac:dyDescent="0.35">
      <c r="A25502" s="1" t="s">
        <v>25357</v>
      </c>
      <c r="B25502" s="1" t="s">
        <v>86049</v>
      </c>
      <c r="C25502" s="1" t="s">
        <v>130</v>
      </c>
      <c r="D25502" s="1" t="s">
        <v>91327</v>
      </c>
      <c r="E25502" s="1" t="s">
        <v>91328</v>
      </c>
      <c r="F25502" s="1" t="s">
        <v>91329</v>
      </c>
      <c r="G25502" s="1" t="s">
        <v>91246</v>
      </c>
      <c r="H25502" s="1" t="s">
        <v>91247</v>
      </c>
      <c r="I25502" s="1" t="s">
        <v>86055</v>
      </c>
      <c r="J25502" s="1" t="s">
        <v>91330</v>
      </c>
    </row>
    <row r="25503" spans="1:10" x14ac:dyDescent="0.35">
      <c r="A25503" s="1" t="s">
        <v>25357</v>
      </c>
      <c r="B25503" s="1" t="s">
        <v>86049</v>
      </c>
      <c r="C25503" s="1" t="s">
        <v>135</v>
      </c>
      <c r="D25503" s="1" t="s">
        <v>91331</v>
      </c>
      <c r="E25503" s="1" t="s">
        <v>91332</v>
      </c>
      <c r="F25503" s="1" t="s">
        <v>91333</v>
      </c>
      <c r="G25503" s="1" t="s">
        <v>91246</v>
      </c>
      <c r="H25503" s="1" t="s">
        <v>91247</v>
      </c>
      <c r="I25503" s="1" t="s">
        <v>86055</v>
      </c>
      <c r="J25503" s="1" t="s">
        <v>91334</v>
      </c>
    </row>
    <row r="25504" spans="1:10" x14ac:dyDescent="0.35">
      <c r="A25504" s="1" t="s">
        <v>25357</v>
      </c>
      <c r="B25504" s="1" t="s">
        <v>86049</v>
      </c>
      <c r="C25504" s="1" t="s">
        <v>140</v>
      </c>
      <c r="D25504" s="1" t="s">
        <v>91335</v>
      </c>
      <c r="E25504" s="1" t="s">
        <v>91336</v>
      </c>
      <c r="F25504" s="1" t="s">
        <v>91337</v>
      </c>
      <c r="G25504" s="1" t="s">
        <v>91246</v>
      </c>
      <c r="H25504" s="1" t="s">
        <v>91247</v>
      </c>
      <c r="I25504" s="1" t="s">
        <v>86055</v>
      </c>
      <c r="J25504" s="1" t="s">
        <v>91338</v>
      </c>
    </row>
    <row r="25505" spans="1:10" x14ac:dyDescent="0.35">
      <c r="A25505" s="1" t="s">
        <v>25357</v>
      </c>
      <c r="B25505" s="1" t="s">
        <v>86049</v>
      </c>
      <c r="C25505" s="1" t="s">
        <v>145</v>
      </c>
      <c r="D25505" s="1" t="s">
        <v>91339</v>
      </c>
      <c r="E25505" s="1" t="s">
        <v>91340</v>
      </c>
      <c r="F25505" s="1" t="s">
        <v>91341</v>
      </c>
      <c r="G25505" s="1" t="s">
        <v>91246</v>
      </c>
      <c r="H25505" s="1" t="s">
        <v>91247</v>
      </c>
      <c r="I25505" s="1" t="s">
        <v>86055</v>
      </c>
      <c r="J25505" s="1" t="s">
        <v>91342</v>
      </c>
    </row>
    <row r="25506" spans="1:10" x14ac:dyDescent="0.35">
      <c r="A25506" s="1" t="s">
        <v>25357</v>
      </c>
      <c r="B25506" s="1" t="s">
        <v>86049</v>
      </c>
      <c r="C25506" s="1" t="s">
        <v>150</v>
      </c>
      <c r="D25506" s="1" t="s">
        <v>65936</v>
      </c>
      <c r="E25506" s="1" t="s">
        <v>91343</v>
      </c>
      <c r="F25506" s="1" t="s">
        <v>91344</v>
      </c>
      <c r="G25506" s="1" t="s">
        <v>91246</v>
      </c>
      <c r="H25506" s="1" t="s">
        <v>91247</v>
      </c>
      <c r="I25506" s="1" t="s">
        <v>86055</v>
      </c>
      <c r="J25506" s="1" t="s">
        <v>91345</v>
      </c>
    </row>
    <row r="25507" spans="1:10" x14ac:dyDescent="0.35">
      <c r="A25507" s="1" t="s">
        <v>25357</v>
      </c>
      <c r="B25507" s="1" t="s">
        <v>86049</v>
      </c>
      <c r="C25507" s="1" t="s">
        <v>155</v>
      </c>
      <c r="D25507" s="1" t="s">
        <v>91346</v>
      </c>
      <c r="E25507" s="1" t="s">
        <v>91347</v>
      </c>
      <c r="F25507" s="1" t="s">
        <v>91348</v>
      </c>
      <c r="G25507" s="1" t="s">
        <v>91246</v>
      </c>
      <c r="H25507" s="1" t="s">
        <v>91247</v>
      </c>
      <c r="I25507" s="1" t="s">
        <v>86055</v>
      </c>
      <c r="J25507" s="1" t="s">
        <v>91349</v>
      </c>
    </row>
    <row r="25508" spans="1:10" x14ac:dyDescent="0.35">
      <c r="A25508" s="1" t="s">
        <v>25357</v>
      </c>
      <c r="B25508" s="1" t="s">
        <v>86049</v>
      </c>
      <c r="C25508" s="1" t="s">
        <v>160</v>
      </c>
      <c r="D25508" s="1" t="s">
        <v>91350</v>
      </c>
      <c r="E25508" s="1" t="s">
        <v>91351</v>
      </c>
      <c r="F25508" s="1" t="s">
        <v>91352</v>
      </c>
      <c r="G25508" s="1" t="s">
        <v>91246</v>
      </c>
      <c r="H25508" s="1" t="s">
        <v>91247</v>
      </c>
      <c r="I25508" s="1" t="s">
        <v>86055</v>
      </c>
      <c r="J25508" s="1" t="s">
        <v>91353</v>
      </c>
    </row>
    <row r="25509" spans="1:10" x14ac:dyDescent="0.35">
      <c r="A25509" s="1" t="s">
        <v>25357</v>
      </c>
      <c r="B25509" s="1" t="s">
        <v>86049</v>
      </c>
      <c r="C25509" s="1" t="s">
        <v>165</v>
      </c>
      <c r="D25509" s="1" t="s">
        <v>91354</v>
      </c>
      <c r="E25509" s="1" t="s">
        <v>91355</v>
      </c>
      <c r="F25509" s="1" t="s">
        <v>91356</v>
      </c>
      <c r="G25509" s="1" t="s">
        <v>91246</v>
      </c>
      <c r="H25509" s="1" t="s">
        <v>91247</v>
      </c>
      <c r="I25509" s="1" t="s">
        <v>86055</v>
      </c>
      <c r="J25509" s="1" t="s">
        <v>91357</v>
      </c>
    </row>
    <row r="25510" spans="1:10" x14ac:dyDescent="0.35">
      <c r="A25510" s="1" t="s">
        <v>25357</v>
      </c>
      <c r="B25510" s="1" t="s">
        <v>86049</v>
      </c>
      <c r="C25510" s="1" t="s">
        <v>170</v>
      </c>
      <c r="D25510" s="1" t="s">
        <v>24160</v>
      </c>
      <c r="E25510" s="1" t="s">
        <v>91358</v>
      </c>
      <c r="F25510" s="1" t="s">
        <v>91359</v>
      </c>
      <c r="G25510" s="1" t="s">
        <v>91246</v>
      </c>
      <c r="H25510" s="1" t="s">
        <v>91247</v>
      </c>
      <c r="I25510" s="1" t="s">
        <v>86055</v>
      </c>
      <c r="J25510" s="1" t="s">
        <v>91360</v>
      </c>
    </row>
    <row r="25511" spans="1:10" x14ac:dyDescent="0.35">
      <c r="A25511" s="1" t="s">
        <v>91361</v>
      </c>
      <c r="B25511" s="1" t="s">
        <v>86049</v>
      </c>
      <c r="C25511" s="1" t="s">
        <v>8</v>
      </c>
      <c r="D25511" s="1" t="s">
        <v>65639</v>
      </c>
      <c r="E25511" s="1" t="s">
        <v>91362</v>
      </c>
      <c r="F25511" s="1" t="s">
        <v>91363</v>
      </c>
      <c r="G25511" s="1" t="s">
        <v>91364</v>
      </c>
      <c r="H25511" s="1" t="s">
        <v>91365</v>
      </c>
      <c r="I25511" s="1" t="s">
        <v>86055</v>
      </c>
      <c r="J25511" s="1" t="s">
        <v>13</v>
      </c>
    </row>
    <row r="25512" spans="1:10" x14ac:dyDescent="0.35">
      <c r="A25512" s="1" t="s">
        <v>91361</v>
      </c>
      <c r="B25512" s="1" t="s">
        <v>86049</v>
      </c>
      <c r="C25512" s="1" t="s">
        <v>15</v>
      </c>
      <c r="D25512" s="1" t="s">
        <v>91366</v>
      </c>
      <c r="E25512" s="1" t="s">
        <v>91367</v>
      </c>
      <c r="F25512" s="1" t="s">
        <v>91368</v>
      </c>
      <c r="G25512" s="1" t="s">
        <v>91364</v>
      </c>
      <c r="H25512" s="1" t="s">
        <v>91365</v>
      </c>
      <c r="I25512" s="1" t="s">
        <v>86055</v>
      </c>
      <c r="J25512" s="1" t="s">
        <v>91369</v>
      </c>
    </row>
    <row r="25513" spans="1:10" x14ac:dyDescent="0.35">
      <c r="A25513" s="1" t="s">
        <v>91361</v>
      </c>
      <c r="B25513" s="1" t="s">
        <v>86049</v>
      </c>
      <c r="C25513" s="1" t="s">
        <v>20</v>
      </c>
      <c r="D25513" s="1" t="s">
        <v>91370</v>
      </c>
      <c r="E25513" s="1" t="s">
        <v>91371</v>
      </c>
      <c r="F25513" s="1" t="s">
        <v>91372</v>
      </c>
      <c r="G25513" s="1" t="s">
        <v>91364</v>
      </c>
      <c r="H25513" s="1" t="s">
        <v>91365</v>
      </c>
      <c r="I25513" s="1" t="s">
        <v>86055</v>
      </c>
      <c r="J25513" s="1" t="s">
        <v>91373</v>
      </c>
    </row>
    <row r="25514" spans="1:10" x14ac:dyDescent="0.35">
      <c r="A25514" s="1" t="s">
        <v>91361</v>
      </c>
      <c r="B25514" s="1" t="s">
        <v>86049</v>
      </c>
      <c r="C25514" s="1" t="s">
        <v>25</v>
      </c>
      <c r="D25514" s="1" t="s">
        <v>91374</v>
      </c>
      <c r="E25514" s="1" t="s">
        <v>91375</v>
      </c>
      <c r="F25514" s="1" t="s">
        <v>91376</v>
      </c>
      <c r="G25514" s="1" t="s">
        <v>91364</v>
      </c>
      <c r="H25514" s="1" t="s">
        <v>91365</v>
      </c>
      <c r="I25514" s="1" t="s">
        <v>86055</v>
      </c>
      <c r="J25514" s="1" t="s">
        <v>91377</v>
      </c>
    </row>
    <row r="25515" spans="1:10" x14ac:dyDescent="0.35">
      <c r="A25515" s="1" t="s">
        <v>91361</v>
      </c>
      <c r="B25515" s="1" t="s">
        <v>86049</v>
      </c>
      <c r="C25515" s="1" t="s">
        <v>30</v>
      </c>
      <c r="D25515" s="1" t="s">
        <v>40196</v>
      </c>
      <c r="E25515" s="1" t="s">
        <v>91378</v>
      </c>
      <c r="F25515" s="1" t="s">
        <v>91379</v>
      </c>
      <c r="G25515" s="1" t="s">
        <v>91364</v>
      </c>
      <c r="H25515" s="1" t="s">
        <v>91365</v>
      </c>
      <c r="I25515" s="1" t="s">
        <v>86055</v>
      </c>
      <c r="J25515" s="1" t="s">
        <v>91380</v>
      </c>
    </row>
    <row r="25516" spans="1:10" x14ac:dyDescent="0.35">
      <c r="A25516" s="1" t="s">
        <v>91361</v>
      </c>
      <c r="B25516" s="1" t="s">
        <v>86049</v>
      </c>
      <c r="C25516" s="1" t="s">
        <v>35</v>
      </c>
      <c r="D25516" s="1" t="s">
        <v>91381</v>
      </c>
      <c r="E25516" s="1" t="s">
        <v>91382</v>
      </c>
      <c r="F25516" s="1" t="s">
        <v>91383</v>
      </c>
      <c r="G25516" s="1" t="s">
        <v>91364</v>
      </c>
      <c r="H25516" s="1" t="s">
        <v>91365</v>
      </c>
      <c r="I25516" s="1" t="s">
        <v>86055</v>
      </c>
      <c r="J25516" s="1" t="s">
        <v>91384</v>
      </c>
    </row>
    <row r="25517" spans="1:10" x14ac:dyDescent="0.35">
      <c r="A25517" s="1" t="s">
        <v>91361</v>
      </c>
      <c r="B25517" s="1" t="s">
        <v>86049</v>
      </c>
      <c r="C25517" s="1" t="s">
        <v>40</v>
      </c>
      <c r="D25517" s="1" t="s">
        <v>91385</v>
      </c>
      <c r="E25517" s="1" t="s">
        <v>91386</v>
      </c>
      <c r="F25517" s="1" t="s">
        <v>91387</v>
      </c>
      <c r="G25517" s="1" t="s">
        <v>91364</v>
      </c>
      <c r="H25517" s="1" t="s">
        <v>91365</v>
      </c>
      <c r="I25517" s="1" t="s">
        <v>86055</v>
      </c>
      <c r="J25517" s="1" t="s">
        <v>91388</v>
      </c>
    </row>
    <row r="25518" spans="1:10" x14ac:dyDescent="0.35">
      <c r="A25518" s="1" t="s">
        <v>91361</v>
      </c>
      <c r="B25518" s="1" t="s">
        <v>86049</v>
      </c>
      <c r="C25518" s="1" t="s">
        <v>45</v>
      </c>
      <c r="D25518" s="1" t="s">
        <v>63963</v>
      </c>
      <c r="E25518" s="1" t="s">
        <v>91389</v>
      </c>
      <c r="F25518" s="1" t="s">
        <v>91390</v>
      </c>
      <c r="G25518" s="1" t="s">
        <v>91364</v>
      </c>
      <c r="H25518" s="1" t="s">
        <v>91365</v>
      </c>
      <c r="I25518" s="1" t="s">
        <v>86055</v>
      </c>
      <c r="J25518" s="1" t="s">
        <v>91391</v>
      </c>
    </row>
    <row r="25519" spans="1:10" x14ac:dyDescent="0.35">
      <c r="A25519" s="1" t="s">
        <v>91361</v>
      </c>
      <c r="B25519" s="1" t="s">
        <v>86049</v>
      </c>
      <c r="C25519" s="1" t="s">
        <v>50</v>
      </c>
      <c r="D25519" s="1" t="s">
        <v>91392</v>
      </c>
      <c r="E25519" s="1" t="s">
        <v>91393</v>
      </c>
      <c r="F25519" s="1" t="s">
        <v>91394</v>
      </c>
      <c r="G25519" s="1" t="s">
        <v>91364</v>
      </c>
      <c r="H25519" s="1" t="s">
        <v>91365</v>
      </c>
      <c r="I25519" s="1" t="s">
        <v>86055</v>
      </c>
      <c r="J25519" s="1" t="s">
        <v>91395</v>
      </c>
    </row>
    <row r="25520" spans="1:10" x14ac:dyDescent="0.35">
      <c r="A25520" s="1" t="s">
        <v>91361</v>
      </c>
      <c r="B25520" s="1" t="s">
        <v>86049</v>
      </c>
      <c r="C25520" s="1" t="s">
        <v>55</v>
      </c>
      <c r="D25520" s="1" t="s">
        <v>91396</v>
      </c>
      <c r="E25520" s="1" t="s">
        <v>91397</v>
      </c>
      <c r="F25520" s="1" t="s">
        <v>91398</v>
      </c>
      <c r="G25520" s="1" t="s">
        <v>91364</v>
      </c>
      <c r="H25520" s="1" t="s">
        <v>91365</v>
      </c>
      <c r="I25520" s="1" t="s">
        <v>86055</v>
      </c>
      <c r="J25520" s="1" t="s">
        <v>91399</v>
      </c>
    </row>
    <row r="25521" spans="1:10" x14ac:dyDescent="0.35">
      <c r="A25521" s="1" t="s">
        <v>91361</v>
      </c>
      <c r="B25521" s="1" t="s">
        <v>86049</v>
      </c>
      <c r="C25521" s="1" t="s">
        <v>60</v>
      </c>
      <c r="D25521" s="1" t="s">
        <v>91400</v>
      </c>
      <c r="E25521" s="1" t="s">
        <v>91401</v>
      </c>
      <c r="F25521" s="1" t="s">
        <v>91402</v>
      </c>
      <c r="G25521" s="1" t="s">
        <v>91364</v>
      </c>
      <c r="H25521" s="1" t="s">
        <v>91365</v>
      </c>
      <c r="I25521" s="1" t="s">
        <v>86055</v>
      </c>
      <c r="J25521" s="1" t="s">
        <v>91403</v>
      </c>
    </row>
    <row r="25522" spans="1:10" x14ac:dyDescent="0.35">
      <c r="A25522" s="1" t="s">
        <v>91361</v>
      </c>
      <c r="B25522" s="1" t="s">
        <v>86049</v>
      </c>
      <c r="C25522" s="1" t="s">
        <v>65</v>
      </c>
      <c r="D25522" s="1" t="s">
        <v>91404</v>
      </c>
      <c r="E25522" s="1" t="s">
        <v>91405</v>
      </c>
      <c r="F25522" s="1" t="s">
        <v>91406</v>
      </c>
      <c r="G25522" s="1" t="s">
        <v>91364</v>
      </c>
      <c r="H25522" s="1" t="s">
        <v>91365</v>
      </c>
      <c r="I25522" s="1" t="s">
        <v>86055</v>
      </c>
      <c r="J25522" s="1" t="s">
        <v>91407</v>
      </c>
    </row>
    <row r="25523" spans="1:10" x14ac:dyDescent="0.35">
      <c r="A25523" s="1" t="s">
        <v>91361</v>
      </c>
      <c r="B25523" s="1" t="s">
        <v>86049</v>
      </c>
      <c r="C25523" s="1" t="s">
        <v>70</v>
      </c>
      <c r="D25523" s="1" t="s">
        <v>91408</v>
      </c>
      <c r="E25523" s="1" t="s">
        <v>91409</v>
      </c>
      <c r="F25523" s="1" t="s">
        <v>91410</v>
      </c>
      <c r="G25523" s="1" t="s">
        <v>91364</v>
      </c>
      <c r="H25523" s="1" t="s">
        <v>91365</v>
      </c>
      <c r="I25523" s="1" t="s">
        <v>86055</v>
      </c>
      <c r="J25523" s="1" t="s">
        <v>91411</v>
      </c>
    </row>
    <row r="25524" spans="1:10" x14ac:dyDescent="0.35">
      <c r="A25524" s="1" t="s">
        <v>91361</v>
      </c>
      <c r="B25524" s="1" t="s">
        <v>86049</v>
      </c>
      <c r="C25524" s="1" t="s">
        <v>75</v>
      </c>
      <c r="D25524" s="1" t="s">
        <v>91412</v>
      </c>
      <c r="E25524" s="1" t="s">
        <v>91413</v>
      </c>
      <c r="F25524" s="1" t="s">
        <v>91414</v>
      </c>
      <c r="G25524" s="1" t="s">
        <v>91364</v>
      </c>
      <c r="H25524" s="1" t="s">
        <v>91365</v>
      </c>
      <c r="I25524" s="1" t="s">
        <v>86055</v>
      </c>
      <c r="J25524" s="1" t="s">
        <v>91415</v>
      </c>
    </row>
    <row r="25525" spans="1:10" x14ac:dyDescent="0.35">
      <c r="A25525" s="1" t="s">
        <v>91361</v>
      </c>
      <c r="B25525" s="1" t="s">
        <v>86049</v>
      </c>
      <c r="C25525" s="1" t="s">
        <v>80</v>
      </c>
      <c r="D25525" s="1" t="s">
        <v>91416</v>
      </c>
      <c r="E25525" s="1" t="s">
        <v>91417</v>
      </c>
      <c r="F25525" s="1" t="s">
        <v>91418</v>
      </c>
      <c r="G25525" s="1" t="s">
        <v>91364</v>
      </c>
      <c r="H25525" s="1" t="s">
        <v>91365</v>
      </c>
      <c r="I25525" s="1" t="s">
        <v>86055</v>
      </c>
      <c r="J25525" s="1" t="s">
        <v>91419</v>
      </c>
    </row>
    <row r="25526" spans="1:10" x14ac:dyDescent="0.35">
      <c r="A25526" s="1" t="s">
        <v>91361</v>
      </c>
      <c r="B25526" s="1" t="s">
        <v>86049</v>
      </c>
      <c r="C25526" s="1" t="s">
        <v>85</v>
      </c>
      <c r="D25526" s="1" t="s">
        <v>91420</v>
      </c>
      <c r="E25526" s="1" t="s">
        <v>91421</v>
      </c>
      <c r="F25526" s="1" t="s">
        <v>91422</v>
      </c>
      <c r="G25526" s="1" t="s">
        <v>91364</v>
      </c>
      <c r="H25526" s="1" t="s">
        <v>91365</v>
      </c>
      <c r="I25526" s="1" t="s">
        <v>86055</v>
      </c>
      <c r="J25526" s="1" t="s">
        <v>91423</v>
      </c>
    </row>
    <row r="25527" spans="1:10" x14ac:dyDescent="0.35">
      <c r="A25527" s="1" t="s">
        <v>91361</v>
      </c>
      <c r="B25527" s="1" t="s">
        <v>86049</v>
      </c>
      <c r="C25527" s="1" t="s">
        <v>90</v>
      </c>
      <c r="D25527" s="1" t="s">
        <v>91424</v>
      </c>
      <c r="E25527" s="1" t="s">
        <v>91425</v>
      </c>
      <c r="F25527" s="1" t="s">
        <v>91426</v>
      </c>
      <c r="G25527" s="1" t="s">
        <v>91364</v>
      </c>
      <c r="H25527" s="1" t="s">
        <v>91365</v>
      </c>
      <c r="I25527" s="1" t="s">
        <v>86055</v>
      </c>
      <c r="J25527" s="1" t="s">
        <v>91427</v>
      </c>
    </row>
    <row r="25528" spans="1:10" x14ac:dyDescent="0.35">
      <c r="A25528" s="1" t="s">
        <v>91361</v>
      </c>
      <c r="B25528" s="1" t="s">
        <v>86049</v>
      </c>
      <c r="C25528" s="1" t="s">
        <v>95</v>
      </c>
      <c r="D25528" s="1" t="s">
        <v>79982</v>
      </c>
      <c r="E25528" s="1" t="s">
        <v>91428</v>
      </c>
      <c r="F25528" s="1" t="s">
        <v>91429</v>
      </c>
      <c r="G25528" s="1" t="s">
        <v>91364</v>
      </c>
      <c r="H25528" s="1" t="s">
        <v>91365</v>
      </c>
      <c r="I25528" s="1" t="s">
        <v>86055</v>
      </c>
      <c r="J25528" s="1" t="s">
        <v>91430</v>
      </c>
    </row>
    <row r="25529" spans="1:10" x14ac:dyDescent="0.35">
      <c r="A25529" s="1" t="s">
        <v>91361</v>
      </c>
      <c r="B25529" s="1" t="s">
        <v>86049</v>
      </c>
      <c r="C25529" s="1" t="s">
        <v>100</v>
      </c>
      <c r="D25529" s="1" t="s">
        <v>91431</v>
      </c>
      <c r="E25529" s="1" t="s">
        <v>91432</v>
      </c>
      <c r="F25529" s="1" t="s">
        <v>91433</v>
      </c>
      <c r="G25529" s="1" t="s">
        <v>91364</v>
      </c>
      <c r="H25529" s="1" t="s">
        <v>91365</v>
      </c>
      <c r="I25529" s="1" t="s">
        <v>86055</v>
      </c>
      <c r="J25529" s="1" t="s">
        <v>91434</v>
      </c>
    </row>
    <row r="25530" spans="1:10" x14ac:dyDescent="0.35">
      <c r="A25530" s="1" t="s">
        <v>91361</v>
      </c>
      <c r="B25530" s="1" t="s">
        <v>86049</v>
      </c>
      <c r="C25530" s="1" t="s">
        <v>105</v>
      </c>
      <c r="D25530" s="1" t="s">
        <v>69137</v>
      </c>
      <c r="E25530" s="1" t="s">
        <v>91435</v>
      </c>
      <c r="F25530" s="1" t="s">
        <v>91436</v>
      </c>
      <c r="G25530" s="1" t="s">
        <v>91364</v>
      </c>
      <c r="H25530" s="1" t="s">
        <v>91365</v>
      </c>
      <c r="I25530" s="1" t="s">
        <v>86055</v>
      </c>
      <c r="J25530" s="1" t="s">
        <v>91437</v>
      </c>
    </row>
    <row r="25531" spans="1:10" x14ac:dyDescent="0.35">
      <c r="A25531" s="1" t="s">
        <v>91361</v>
      </c>
      <c r="B25531" s="1" t="s">
        <v>86049</v>
      </c>
      <c r="C25531" s="1" t="s">
        <v>110</v>
      </c>
      <c r="D25531" s="1" t="s">
        <v>91438</v>
      </c>
      <c r="E25531" s="1" t="s">
        <v>91439</v>
      </c>
      <c r="F25531" s="1" t="s">
        <v>91440</v>
      </c>
      <c r="G25531" s="1" t="s">
        <v>91364</v>
      </c>
      <c r="H25531" s="1" t="s">
        <v>91365</v>
      </c>
      <c r="I25531" s="1" t="s">
        <v>86055</v>
      </c>
      <c r="J25531" s="1" t="s">
        <v>91441</v>
      </c>
    </row>
    <row r="25532" spans="1:10" x14ac:dyDescent="0.35">
      <c r="A25532" s="1" t="s">
        <v>91361</v>
      </c>
      <c r="B25532" s="1" t="s">
        <v>86049</v>
      </c>
      <c r="C25532" s="1" t="s">
        <v>115</v>
      </c>
      <c r="D25532" s="1" t="s">
        <v>91442</v>
      </c>
      <c r="E25532" s="1" t="s">
        <v>91443</v>
      </c>
      <c r="F25532" s="1" t="s">
        <v>91444</v>
      </c>
      <c r="G25532" s="1" t="s">
        <v>91364</v>
      </c>
      <c r="H25532" s="1" t="s">
        <v>91365</v>
      </c>
      <c r="I25532" s="1" t="s">
        <v>86055</v>
      </c>
      <c r="J25532" s="1" t="s">
        <v>91445</v>
      </c>
    </row>
    <row r="25533" spans="1:10" x14ac:dyDescent="0.35">
      <c r="A25533" s="1" t="s">
        <v>91361</v>
      </c>
      <c r="B25533" s="1" t="s">
        <v>86049</v>
      </c>
      <c r="C25533" s="1" t="s">
        <v>120</v>
      </c>
      <c r="D25533" s="1" t="s">
        <v>91446</v>
      </c>
      <c r="E25533" s="1" t="s">
        <v>91447</v>
      </c>
      <c r="F25533" s="1" t="s">
        <v>91448</v>
      </c>
      <c r="G25533" s="1" t="s">
        <v>91364</v>
      </c>
      <c r="H25533" s="1" t="s">
        <v>91365</v>
      </c>
      <c r="I25533" s="1" t="s">
        <v>86055</v>
      </c>
      <c r="J25533" s="1" t="s">
        <v>91449</v>
      </c>
    </row>
    <row r="25534" spans="1:10" x14ac:dyDescent="0.35">
      <c r="A25534" s="1" t="s">
        <v>91361</v>
      </c>
      <c r="B25534" s="1" t="s">
        <v>86049</v>
      </c>
      <c r="C25534" s="1" t="s">
        <v>125</v>
      </c>
      <c r="D25534" s="1" t="s">
        <v>91450</v>
      </c>
      <c r="E25534" s="1" t="s">
        <v>91451</v>
      </c>
      <c r="F25534" s="1" t="s">
        <v>91452</v>
      </c>
      <c r="G25534" s="1" t="s">
        <v>91364</v>
      </c>
      <c r="H25534" s="1" t="s">
        <v>91365</v>
      </c>
      <c r="I25534" s="1" t="s">
        <v>86055</v>
      </c>
      <c r="J25534" s="1" t="s">
        <v>91453</v>
      </c>
    </row>
    <row r="25535" spans="1:10" x14ac:dyDescent="0.35">
      <c r="A25535" s="1" t="s">
        <v>91361</v>
      </c>
      <c r="B25535" s="1" t="s">
        <v>86049</v>
      </c>
      <c r="C25535" s="1" t="s">
        <v>130</v>
      </c>
      <c r="D25535" s="1" t="s">
        <v>91454</v>
      </c>
      <c r="E25535" s="1" t="s">
        <v>91455</v>
      </c>
      <c r="F25535" s="1" t="s">
        <v>91456</v>
      </c>
      <c r="G25535" s="1" t="s">
        <v>91364</v>
      </c>
      <c r="H25535" s="1" t="s">
        <v>91365</v>
      </c>
      <c r="I25535" s="1" t="s">
        <v>86055</v>
      </c>
      <c r="J25535" s="1" t="s">
        <v>91457</v>
      </c>
    </row>
    <row r="25536" spans="1:10" x14ac:dyDescent="0.35">
      <c r="A25536" s="1" t="s">
        <v>91361</v>
      </c>
      <c r="B25536" s="1" t="s">
        <v>86049</v>
      </c>
      <c r="C25536" s="1" t="s">
        <v>135</v>
      </c>
      <c r="D25536" s="1" t="s">
        <v>91458</v>
      </c>
      <c r="E25536" s="1" t="s">
        <v>91459</v>
      </c>
      <c r="F25536" s="1" t="s">
        <v>91460</v>
      </c>
      <c r="G25536" s="1" t="s">
        <v>91364</v>
      </c>
      <c r="H25536" s="1" t="s">
        <v>91365</v>
      </c>
      <c r="I25536" s="1" t="s">
        <v>86055</v>
      </c>
      <c r="J25536" s="1" t="s">
        <v>91461</v>
      </c>
    </row>
    <row r="25537" spans="1:10" x14ac:dyDescent="0.35">
      <c r="A25537" s="1" t="s">
        <v>91361</v>
      </c>
      <c r="B25537" s="1" t="s">
        <v>86049</v>
      </c>
      <c r="C25537" s="1" t="s">
        <v>140</v>
      </c>
      <c r="D25537" s="1" t="s">
        <v>62247</v>
      </c>
      <c r="E25537" s="1" t="s">
        <v>91462</v>
      </c>
      <c r="F25537" s="1" t="s">
        <v>91463</v>
      </c>
      <c r="G25537" s="1" t="s">
        <v>91364</v>
      </c>
      <c r="H25537" s="1" t="s">
        <v>91365</v>
      </c>
      <c r="I25537" s="1" t="s">
        <v>86055</v>
      </c>
      <c r="J25537" s="1" t="s">
        <v>91464</v>
      </c>
    </row>
    <row r="25538" spans="1:10" x14ac:dyDescent="0.35">
      <c r="A25538" s="1" t="s">
        <v>91361</v>
      </c>
      <c r="B25538" s="1" t="s">
        <v>86049</v>
      </c>
      <c r="C25538" s="1" t="s">
        <v>145</v>
      </c>
      <c r="D25538" s="1" t="s">
        <v>68339</v>
      </c>
      <c r="E25538" s="1" t="s">
        <v>91465</v>
      </c>
      <c r="F25538" s="1" t="s">
        <v>91466</v>
      </c>
      <c r="G25538" s="1" t="s">
        <v>91364</v>
      </c>
      <c r="H25538" s="1" t="s">
        <v>91365</v>
      </c>
      <c r="I25538" s="1" t="s">
        <v>86055</v>
      </c>
      <c r="J25538" s="1" t="s">
        <v>91467</v>
      </c>
    </row>
    <row r="25539" spans="1:10" x14ac:dyDescent="0.35">
      <c r="A25539" s="1" t="s">
        <v>91361</v>
      </c>
      <c r="B25539" s="1" t="s">
        <v>86049</v>
      </c>
      <c r="C25539" s="1" t="s">
        <v>150</v>
      </c>
      <c r="D25539" s="1" t="s">
        <v>91468</v>
      </c>
      <c r="E25539" s="1" t="s">
        <v>91469</v>
      </c>
      <c r="F25539" s="1" t="s">
        <v>91470</v>
      </c>
      <c r="G25539" s="1" t="s">
        <v>91364</v>
      </c>
      <c r="H25539" s="1" t="s">
        <v>91365</v>
      </c>
      <c r="I25539" s="1" t="s">
        <v>86055</v>
      </c>
      <c r="J25539" s="1" t="s">
        <v>91471</v>
      </c>
    </row>
    <row r="25540" spans="1:10" x14ac:dyDescent="0.35">
      <c r="A25540" s="1" t="s">
        <v>91361</v>
      </c>
      <c r="B25540" s="1" t="s">
        <v>86049</v>
      </c>
      <c r="C25540" s="1" t="s">
        <v>155</v>
      </c>
      <c r="D25540" s="1" t="s">
        <v>91472</v>
      </c>
      <c r="E25540" s="1" t="s">
        <v>91473</v>
      </c>
      <c r="F25540" s="1" t="s">
        <v>91474</v>
      </c>
      <c r="G25540" s="1" t="s">
        <v>91364</v>
      </c>
      <c r="H25540" s="1" t="s">
        <v>91365</v>
      </c>
      <c r="I25540" s="1" t="s">
        <v>86055</v>
      </c>
      <c r="J25540" s="1" t="s">
        <v>91475</v>
      </c>
    </row>
    <row r="25541" spans="1:10" x14ac:dyDescent="0.35">
      <c r="A25541" s="1" t="s">
        <v>91361</v>
      </c>
      <c r="B25541" s="1" t="s">
        <v>86049</v>
      </c>
      <c r="C25541" s="1" t="s">
        <v>160</v>
      </c>
      <c r="D25541" s="1" t="s">
        <v>91476</v>
      </c>
      <c r="E25541" s="1" t="s">
        <v>91477</v>
      </c>
      <c r="F25541" s="1" t="s">
        <v>91478</v>
      </c>
      <c r="G25541" s="1" t="s">
        <v>91364</v>
      </c>
      <c r="H25541" s="1" t="s">
        <v>91365</v>
      </c>
      <c r="I25541" s="1" t="s">
        <v>86055</v>
      </c>
      <c r="J25541" s="1" t="s">
        <v>91479</v>
      </c>
    </row>
    <row r="25542" spans="1:10" x14ac:dyDescent="0.35">
      <c r="A25542" s="1" t="s">
        <v>91361</v>
      </c>
      <c r="B25542" s="1" t="s">
        <v>86049</v>
      </c>
      <c r="C25542" s="1" t="s">
        <v>165</v>
      </c>
      <c r="D25542" s="1" t="s">
        <v>91480</v>
      </c>
      <c r="E25542" s="1" t="s">
        <v>91481</v>
      </c>
      <c r="F25542" s="1" t="s">
        <v>91482</v>
      </c>
      <c r="G25542" s="1" t="s">
        <v>91364</v>
      </c>
      <c r="H25542" s="1" t="s">
        <v>91365</v>
      </c>
      <c r="I25542" s="1" t="s">
        <v>86055</v>
      </c>
      <c r="J25542" s="1" t="s">
        <v>91483</v>
      </c>
    </row>
    <row r="25543" spans="1:10" x14ac:dyDescent="0.35">
      <c r="A25543" s="1" t="s">
        <v>91361</v>
      </c>
      <c r="B25543" s="1" t="s">
        <v>86049</v>
      </c>
      <c r="C25543" s="1" t="s">
        <v>170</v>
      </c>
      <c r="D25543" s="1" t="s">
        <v>91484</v>
      </c>
      <c r="E25543" s="1" t="s">
        <v>91485</v>
      </c>
      <c r="F25543" s="1" t="s">
        <v>91486</v>
      </c>
      <c r="G25543" s="1" t="s">
        <v>91364</v>
      </c>
      <c r="H25543" s="1" t="s">
        <v>91365</v>
      </c>
      <c r="I25543" s="1" t="s">
        <v>86055</v>
      </c>
      <c r="J25543" s="1" t="s">
        <v>91487</v>
      </c>
    </row>
    <row r="25544" spans="1:10" x14ac:dyDescent="0.35">
      <c r="A25544" s="1" t="s">
        <v>8430</v>
      </c>
      <c r="B25544" s="1" t="s">
        <v>86049</v>
      </c>
      <c r="C25544" s="1" t="s">
        <v>8</v>
      </c>
      <c r="D25544" s="1" t="s">
        <v>91488</v>
      </c>
      <c r="E25544" s="1" t="s">
        <v>91489</v>
      </c>
      <c r="F25544" s="1" t="s">
        <v>91490</v>
      </c>
      <c r="G25544" s="1" t="s">
        <v>91491</v>
      </c>
      <c r="H25544" s="1" t="s">
        <v>91492</v>
      </c>
      <c r="I25544" s="1" t="s">
        <v>86055</v>
      </c>
      <c r="J25544" s="1" t="s">
        <v>13</v>
      </c>
    </row>
    <row r="25545" spans="1:10" x14ac:dyDescent="0.35">
      <c r="A25545" s="1" t="s">
        <v>8430</v>
      </c>
      <c r="B25545" s="1" t="s">
        <v>86049</v>
      </c>
      <c r="C25545" s="1" t="s">
        <v>15</v>
      </c>
      <c r="D25545" s="1" t="s">
        <v>91493</v>
      </c>
      <c r="E25545" s="1" t="s">
        <v>91494</v>
      </c>
      <c r="F25545" s="1" t="s">
        <v>91495</v>
      </c>
      <c r="G25545" s="1" t="s">
        <v>91491</v>
      </c>
      <c r="H25545" s="1" t="s">
        <v>91492</v>
      </c>
      <c r="I25545" s="1" t="s">
        <v>86055</v>
      </c>
      <c r="J25545" s="1" t="s">
        <v>91496</v>
      </c>
    </row>
    <row r="25546" spans="1:10" x14ac:dyDescent="0.35">
      <c r="A25546" s="1" t="s">
        <v>8430</v>
      </c>
      <c r="B25546" s="1" t="s">
        <v>86049</v>
      </c>
      <c r="C25546" s="1" t="s">
        <v>20</v>
      </c>
      <c r="D25546" s="1" t="s">
        <v>91497</v>
      </c>
      <c r="E25546" s="1" t="s">
        <v>91498</v>
      </c>
      <c r="F25546" s="1" t="s">
        <v>91499</v>
      </c>
      <c r="G25546" s="1" t="s">
        <v>91491</v>
      </c>
      <c r="H25546" s="1" t="s">
        <v>91492</v>
      </c>
      <c r="I25546" s="1" t="s">
        <v>86055</v>
      </c>
      <c r="J25546" s="1" t="s">
        <v>91500</v>
      </c>
    </row>
    <row r="25547" spans="1:10" x14ac:dyDescent="0.35">
      <c r="A25547" s="1" t="s">
        <v>8430</v>
      </c>
      <c r="B25547" s="1" t="s">
        <v>86049</v>
      </c>
      <c r="C25547" s="1" t="s">
        <v>25</v>
      </c>
      <c r="D25547" s="1" t="s">
        <v>91501</v>
      </c>
      <c r="E25547" s="1" t="s">
        <v>91502</v>
      </c>
      <c r="F25547" s="1" t="s">
        <v>91503</v>
      </c>
      <c r="G25547" s="1" t="s">
        <v>91491</v>
      </c>
      <c r="H25547" s="1" t="s">
        <v>91492</v>
      </c>
      <c r="I25547" s="1" t="s">
        <v>86055</v>
      </c>
      <c r="J25547" s="1" t="s">
        <v>91504</v>
      </c>
    </row>
    <row r="25548" spans="1:10" x14ac:dyDescent="0.35">
      <c r="A25548" s="1" t="s">
        <v>8430</v>
      </c>
      <c r="B25548" s="1" t="s">
        <v>86049</v>
      </c>
      <c r="C25548" s="1" t="s">
        <v>30</v>
      </c>
      <c r="D25548" s="1" t="s">
        <v>91505</v>
      </c>
      <c r="E25548" s="1" t="s">
        <v>91506</v>
      </c>
      <c r="F25548" s="1" t="s">
        <v>91507</v>
      </c>
      <c r="G25548" s="1" t="s">
        <v>91491</v>
      </c>
      <c r="H25548" s="1" t="s">
        <v>91492</v>
      </c>
      <c r="I25548" s="1" t="s">
        <v>86055</v>
      </c>
      <c r="J25548" s="1" t="s">
        <v>91508</v>
      </c>
    </row>
    <row r="25549" spans="1:10" x14ac:dyDescent="0.35">
      <c r="A25549" s="1" t="s">
        <v>8430</v>
      </c>
      <c r="B25549" s="1" t="s">
        <v>86049</v>
      </c>
      <c r="C25549" s="1" t="s">
        <v>35</v>
      </c>
      <c r="D25549" s="1" t="s">
        <v>56697</v>
      </c>
      <c r="E25549" s="1" t="s">
        <v>91509</v>
      </c>
      <c r="F25549" s="1" t="s">
        <v>91510</v>
      </c>
      <c r="G25549" s="1" t="s">
        <v>91491</v>
      </c>
      <c r="H25549" s="1" t="s">
        <v>91492</v>
      </c>
      <c r="I25549" s="1" t="s">
        <v>86055</v>
      </c>
      <c r="J25549" s="1" t="s">
        <v>91511</v>
      </c>
    </row>
    <row r="25550" spans="1:10" x14ac:dyDescent="0.35">
      <c r="A25550" s="1" t="s">
        <v>8430</v>
      </c>
      <c r="B25550" s="1" t="s">
        <v>86049</v>
      </c>
      <c r="C25550" s="1" t="s">
        <v>40</v>
      </c>
      <c r="D25550" s="1" t="s">
        <v>11578</v>
      </c>
      <c r="E25550" s="1" t="s">
        <v>91512</v>
      </c>
      <c r="F25550" s="1" t="s">
        <v>91513</v>
      </c>
      <c r="G25550" s="1" t="s">
        <v>91491</v>
      </c>
      <c r="H25550" s="1" t="s">
        <v>91492</v>
      </c>
      <c r="I25550" s="1" t="s">
        <v>86055</v>
      </c>
      <c r="J25550" s="1" t="s">
        <v>91514</v>
      </c>
    </row>
    <row r="25551" spans="1:10" x14ac:dyDescent="0.35">
      <c r="A25551" s="1" t="s">
        <v>8430</v>
      </c>
      <c r="B25551" s="1" t="s">
        <v>86049</v>
      </c>
      <c r="C25551" s="1" t="s">
        <v>45</v>
      </c>
      <c r="D25551" s="1" t="s">
        <v>67950</v>
      </c>
      <c r="E25551" s="1" t="s">
        <v>91515</v>
      </c>
      <c r="F25551" s="1" t="s">
        <v>91516</v>
      </c>
      <c r="G25551" s="1" t="s">
        <v>91491</v>
      </c>
      <c r="H25551" s="1" t="s">
        <v>91492</v>
      </c>
      <c r="I25551" s="1" t="s">
        <v>86055</v>
      </c>
      <c r="J25551" s="1" t="s">
        <v>91517</v>
      </c>
    </row>
    <row r="25552" spans="1:10" x14ac:dyDescent="0.35">
      <c r="A25552" s="1" t="s">
        <v>8430</v>
      </c>
      <c r="B25552" s="1" t="s">
        <v>86049</v>
      </c>
      <c r="C25552" s="1" t="s">
        <v>50</v>
      </c>
      <c r="D25552" s="1" t="s">
        <v>91518</v>
      </c>
      <c r="E25552" s="1" t="s">
        <v>91519</v>
      </c>
      <c r="F25552" s="1" t="s">
        <v>91520</v>
      </c>
      <c r="G25552" s="1" t="s">
        <v>91491</v>
      </c>
      <c r="H25552" s="1" t="s">
        <v>91492</v>
      </c>
      <c r="I25552" s="1" t="s">
        <v>86055</v>
      </c>
      <c r="J25552" s="1" t="s">
        <v>91521</v>
      </c>
    </row>
    <row r="25553" spans="1:10" x14ac:dyDescent="0.35">
      <c r="A25553" s="1" t="s">
        <v>8430</v>
      </c>
      <c r="B25553" s="1" t="s">
        <v>86049</v>
      </c>
      <c r="C25553" s="1" t="s">
        <v>55</v>
      </c>
      <c r="D25553" s="1" t="s">
        <v>91522</v>
      </c>
      <c r="E25553" s="1" t="s">
        <v>91523</v>
      </c>
      <c r="F25553" s="1" t="s">
        <v>91524</v>
      </c>
      <c r="G25553" s="1" t="s">
        <v>91491</v>
      </c>
      <c r="H25553" s="1" t="s">
        <v>91492</v>
      </c>
      <c r="I25553" s="1" t="s">
        <v>86055</v>
      </c>
      <c r="J25553" s="1" t="s">
        <v>91525</v>
      </c>
    </row>
    <row r="25554" spans="1:10" x14ac:dyDescent="0.35">
      <c r="A25554" s="1" t="s">
        <v>8430</v>
      </c>
      <c r="B25554" s="1" t="s">
        <v>86049</v>
      </c>
      <c r="C25554" s="1" t="s">
        <v>60</v>
      </c>
      <c r="D25554" s="1" t="s">
        <v>91526</v>
      </c>
      <c r="E25554" s="1" t="s">
        <v>91527</v>
      </c>
      <c r="F25554" s="1" t="s">
        <v>91528</v>
      </c>
      <c r="G25554" s="1" t="s">
        <v>91491</v>
      </c>
      <c r="H25554" s="1" t="s">
        <v>91492</v>
      </c>
      <c r="I25554" s="1" t="s">
        <v>86055</v>
      </c>
      <c r="J25554" s="1" t="s">
        <v>91529</v>
      </c>
    </row>
    <row r="25555" spans="1:10" x14ac:dyDescent="0.35">
      <c r="A25555" s="1" t="s">
        <v>8430</v>
      </c>
      <c r="B25555" s="1" t="s">
        <v>86049</v>
      </c>
      <c r="C25555" s="1" t="s">
        <v>65</v>
      </c>
      <c r="D25555" s="1" t="s">
        <v>68387</v>
      </c>
      <c r="E25555" s="1" t="s">
        <v>91530</v>
      </c>
      <c r="F25555" s="1" t="s">
        <v>91531</v>
      </c>
      <c r="G25555" s="1" t="s">
        <v>91491</v>
      </c>
      <c r="H25555" s="1" t="s">
        <v>91492</v>
      </c>
      <c r="I25555" s="1" t="s">
        <v>86055</v>
      </c>
      <c r="J25555" s="1" t="s">
        <v>91532</v>
      </c>
    </row>
    <row r="25556" spans="1:10" x14ac:dyDescent="0.35">
      <c r="A25556" s="1" t="s">
        <v>8430</v>
      </c>
      <c r="B25556" s="1" t="s">
        <v>86049</v>
      </c>
      <c r="C25556" s="1" t="s">
        <v>70</v>
      </c>
      <c r="D25556" s="1" t="s">
        <v>91533</v>
      </c>
      <c r="E25556" s="1" t="s">
        <v>91534</v>
      </c>
      <c r="F25556" s="1" t="s">
        <v>91535</v>
      </c>
      <c r="G25556" s="1" t="s">
        <v>91491</v>
      </c>
      <c r="H25556" s="1" t="s">
        <v>91492</v>
      </c>
      <c r="I25556" s="1" t="s">
        <v>86055</v>
      </c>
      <c r="J25556" s="1" t="s">
        <v>91536</v>
      </c>
    </row>
    <row r="25557" spans="1:10" x14ac:dyDescent="0.35">
      <c r="A25557" s="1" t="s">
        <v>8430</v>
      </c>
      <c r="B25557" s="1" t="s">
        <v>86049</v>
      </c>
      <c r="C25557" s="1" t="s">
        <v>75</v>
      </c>
      <c r="D25557" s="1" t="s">
        <v>87009</v>
      </c>
      <c r="E25557" s="1" t="s">
        <v>91537</v>
      </c>
      <c r="F25557" s="1" t="s">
        <v>91538</v>
      </c>
      <c r="G25557" s="1" t="s">
        <v>91491</v>
      </c>
      <c r="H25557" s="1" t="s">
        <v>91492</v>
      </c>
      <c r="I25557" s="1" t="s">
        <v>86055</v>
      </c>
      <c r="J25557" s="1" t="s">
        <v>91539</v>
      </c>
    </row>
    <row r="25558" spans="1:10" x14ac:dyDescent="0.35">
      <c r="A25558" s="1" t="s">
        <v>8430</v>
      </c>
      <c r="B25558" s="1" t="s">
        <v>86049</v>
      </c>
      <c r="C25558" s="1" t="s">
        <v>80</v>
      </c>
      <c r="D25558" s="1" t="s">
        <v>23471</v>
      </c>
      <c r="E25558" s="1" t="s">
        <v>91540</v>
      </c>
      <c r="F25558" s="1" t="s">
        <v>91541</v>
      </c>
      <c r="G25558" s="1" t="s">
        <v>91491</v>
      </c>
      <c r="H25558" s="1" t="s">
        <v>91492</v>
      </c>
      <c r="I25558" s="1" t="s">
        <v>86055</v>
      </c>
      <c r="J25558" s="1" t="s">
        <v>91542</v>
      </c>
    </row>
    <row r="25559" spans="1:10" x14ac:dyDescent="0.35">
      <c r="A25559" s="1" t="s">
        <v>8430</v>
      </c>
      <c r="B25559" s="1" t="s">
        <v>86049</v>
      </c>
      <c r="C25559" s="1" t="s">
        <v>85</v>
      </c>
      <c r="D25559" s="1" t="s">
        <v>91543</v>
      </c>
      <c r="E25559" s="1" t="s">
        <v>91544</v>
      </c>
      <c r="F25559" s="1" t="s">
        <v>91545</v>
      </c>
      <c r="G25559" s="1" t="s">
        <v>91491</v>
      </c>
      <c r="H25559" s="1" t="s">
        <v>91492</v>
      </c>
      <c r="I25559" s="1" t="s">
        <v>86055</v>
      </c>
      <c r="J25559" s="1" t="s">
        <v>91546</v>
      </c>
    </row>
    <row r="25560" spans="1:10" x14ac:dyDescent="0.35">
      <c r="A25560" s="1" t="s">
        <v>8430</v>
      </c>
      <c r="B25560" s="1" t="s">
        <v>86049</v>
      </c>
      <c r="C25560" s="1" t="s">
        <v>90</v>
      </c>
      <c r="D25560" s="1" t="s">
        <v>56529</v>
      </c>
      <c r="E25560" s="1" t="s">
        <v>91547</v>
      </c>
      <c r="F25560" s="1" t="s">
        <v>91548</v>
      </c>
      <c r="G25560" s="1" t="s">
        <v>91491</v>
      </c>
      <c r="H25560" s="1" t="s">
        <v>91492</v>
      </c>
      <c r="I25560" s="1" t="s">
        <v>86055</v>
      </c>
      <c r="J25560" s="1" t="s">
        <v>91549</v>
      </c>
    </row>
    <row r="25561" spans="1:10" x14ac:dyDescent="0.35">
      <c r="A25561" s="1" t="s">
        <v>8430</v>
      </c>
      <c r="B25561" s="1" t="s">
        <v>86049</v>
      </c>
      <c r="C25561" s="1" t="s">
        <v>95</v>
      </c>
      <c r="D25561" s="1" t="s">
        <v>63700</v>
      </c>
      <c r="E25561" s="1" t="s">
        <v>91550</v>
      </c>
      <c r="F25561" s="1" t="s">
        <v>91551</v>
      </c>
      <c r="G25561" s="1" t="s">
        <v>91491</v>
      </c>
      <c r="H25561" s="1" t="s">
        <v>91492</v>
      </c>
      <c r="I25561" s="1" t="s">
        <v>86055</v>
      </c>
      <c r="J25561" s="1" t="s">
        <v>91552</v>
      </c>
    </row>
    <row r="25562" spans="1:10" x14ac:dyDescent="0.35">
      <c r="A25562" s="1" t="s">
        <v>8430</v>
      </c>
      <c r="B25562" s="1" t="s">
        <v>86049</v>
      </c>
      <c r="C25562" s="1" t="s">
        <v>100</v>
      </c>
      <c r="D25562" s="1" t="s">
        <v>68006</v>
      </c>
      <c r="E25562" s="1" t="s">
        <v>91553</v>
      </c>
      <c r="F25562" s="1" t="s">
        <v>91554</v>
      </c>
      <c r="G25562" s="1" t="s">
        <v>91491</v>
      </c>
      <c r="H25562" s="1" t="s">
        <v>91492</v>
      </c>
      <c r="I25562" s="1" t="s">
        <v>86055</v>
      </c>
      <c r="J25562" s="1" t="s">
        <v>91555</v>
      </c>
    </row>
    <row r="25563" spans="1:10" x14ac:dyDescent="0.35">
      <c r="A25563" s="1" t="s">
        <v>8430</v>
      </c>
      <c r="B25563" s="1" t="s">
        <v>86049</v>
      </c>
      <c r="C25563" s="1" t="s">
        <v>105</v>
      </c>
      <c r="D25563" s="1" t="s">
        <v>61145</v>
      </c>
      <c r="E25563" s="1" t="s">
        <v>91556</v>
      </c>
      <c r="F25563" s="1" t="s">
        <v>91557</v>
      </c>
      <c r="G25563" s="1" t="s">
        <v>91491</v>
      </c>
      <c r="H25563" s="1" t="s">
        <v>91492</v>
      </c>
      <c r="I25563" s="1" t="s">
        <v>86055</v>
      </c>
      <c r="J25563" s="1" t="s">
        <v>91558</v>
      </c>
    </row>
    <row r="25564" spans="1:10" x14ac:dyDescent="0.35">
      <c r="A25564" s="1" t="s">
        <v>8430</v>
      </c>
      <c r="B25564" s="1" t="s">
        <v>86049</v>
      </c>
      <c r="C25564" s="1" t="s">
        <v>110</v>
      </c>
      <c r="D25564" s="1" t="s">
        <v>59830</v>
      </c>
      <c r="E25564" s="1" t="s">
        <v>91559</v>
      </c>
      <c r="F25564" s="1" t="s">
        <v>91560</v>
      </c>
      <c r="G25564" s="1" t="s">
        <v>91491</v>
      </c>
      <c r="H25564" s="1" t="s">
        <v>91492</v>
      </c>
      <c r="I25564" s="1" t="s">
        <v>86055</v>
      </c>
      <c r="J25564" s="1" t="s">
        <v>91561</v>
      </c>
    </row>
    <row r="25565" spans="1:10" x14ac:dyDescent="0.35">
      <c r="A25565" s="1" t="s">
        <v>8430</v>
      </c>
      <c r="B25565" s="1" t="s">
        <v>86049</v>
      </c>
      <c r="C25565" s="1" t="s">
        <v>115</v>
      </c>
      <c r="D25565" s="1" t="s">
        <v>63424</v>
      </c>
      <c r="E25565" s="1" t="s">
        <v>91562</v>
      </c>
      <c r="F25565" s="1" t="s">
        <v>91563</v>
      </c>
      <c r="G25565" s="1" t="s">
        <v>91491</v>
      </c>
      <c r="H25565" s="1" t="s">
        <v>91492</v>
      </c>
      <c r="I25565" s="1" t="s">
        <v>86055</v>
      </c>
      <c r="J25565" s="1" t="s">
        <v>91564</v>
      </c>
    </row>
    <row r="25566" spans="1:10" x14ac:dyDescent="0.35">
      <c r="A25566" s="1" t="s">
        <v>8430</v>
      </c>
      <c r="B25566" s="1" t="s">
        <v>86049</v>
      </c>
      <c r="C25566" s="1" t="s">
        <v>120</v>
      </c>
      <c r="D25566" s="1" t="s">
        <v>65764</v>
      </c>
      <c r="E25566" s="1" t="s">
        <v>91565</v>
      </c>
      <c r="F25566" s="1" t="s">
        <v>91566</v>
      </c>
      <c r="G25566" s="1" t="s">
        <v>91491</v>
      </c>
      <c r="H25566" s="1" t="s">
        <v>91492</v>
      </c>
      <c r="I25566" s="1" t="s">
        <v>86055</v>
      </c>
      <c r="J25566" s="1" t="s">
        <v>91567</v>
      </c>
    </row>
    <row r="25567" spans="1:10" x14ac:dyDescent="0.35">
      <c r="A25567" s="1" t="s">
        <v>8430</v>
      </c>
      <c r="B25567" s="1" t="s">
        <v>86049</v>
      </c>
      <c r="C25567" s="1" t="s">
        <v>125</v>
      </c>
      <c r="D25567" s="1" t="s">
        <v>60213</v>
      </c>
      <c r="E25567" s="1" t="s">
        <v>91568</v>
      </c>
      <c r="F25567" s="1" t="s">
        <v>91569</v>
      </c>
      <c r="G25567" s="1" t="s">
        <v>91491</v>
      </c>
      <c r="H25567" s="1" t="s">
        <v>91492</v>
      </c>
      <c r="I25567" s="1" t="s">
        <v>86055</v>
      </c>
      <c r="J25567" s="1" t="s">
        <v>91570</v>
      </c>
    </row>
    <row r="25568" spans="1:10" x14ac:dyDescent="0.35">
      <c r="A25568" s="1" t="s">
        <v>8430</v>
      </c>
      <c r="B25568" s="1" t="s">
        <v>86049</v>
      </c>
      <c r="C25568" s="1" t="s">
        <v>130</v>
      </c>
      <c r="D25568" s="1" t="s">
        <v>91571</v>
      </c>
      <c r="E25568" s="1" t="s">
        <v>91572</v>
      </c>
      <c r="F25568" s="1" t="s">
        <v>91573</v>
      </c>
      <c r="G25568" s="1" t="s">
        <v>91491</v>
      </c>
      <c r="H25568" s="1" t="s">
        <v>91492</v>
      </c>
      <c r="I25568" s="1" t="s">
        <v>86055</v>
      </c>
      <c r="J25568" s="1" t="s">
        <v>91574</v>
      </c>
    </row>
    <row r="25569" spans="1:10" x14ac:dyDescent="0.35">
      <c r="A25569" s="1" t="s">
        <v>8430</v>
      </c>
      <c r="B25569" s="1" t="s">
        <v>86049</v>
      </c>
      <c r="C25569" s="1" t="s">
        <v>135</v>
      </c>
      <c r="D25569" s="1" t="s">
        <v>91575</v>
      </c>
      <c r="E25569" s="1" t="s">
        <v>91576</v>
      </c>
      <c r="F25569" s="1" t="s">
        <v>91577</v>
      </c>
      <c r="G25569" s="1" t="s">
        <v>91491</v>
      </c>
      <c r="H25569" s="1" t="s">
        <v>91492</v>
      </c>
      <c r="I25569" s="1" t="s">
        <v>86055</v>
      </c>
      <c r="J25569" s="1" t="s">
        <v>91578</v>
      </c>
    </row>
    <row r="25570" spans="1:10" x14ac:dyDescent="0.35">
      <c r="A25570" s="1" t="s">
        <v>8430</v>
      </c>
      <c r="B25570" s="1" t="s">
        <v>86049</v>
      </c>
      <c r="C25570" s="1" t="s">
        <v>140</v>
      </c>
      <c r="D25570" s="1" t="s">
        <v>90240</v>
      </c>
      <c r="E25570" s="1" t="s">
        <v>91579</v>
      </c>
      <c r="F25570" s="1" t="s">
        <v>91580</v>
      </c>
      <c r="G25570" s="1" t="s">
        <v>91491</v>
      </c>
      <c r="H25570" s="1" t="s">
        <v>91492</v>
      </c>
      <c r="I25570" s="1" t="s">
        <v>86055</v>
      </c>
      <c r="J25570" s="1" t="s">
        <v>91581</v>
      </c>
    </row>
    <row r="25571" spans="1:10" x14ac:dyDescent="0.35">
      <c r="A25571" s="1" t="s">
        <v>8430</v>
      </c>
      <c r="B25571" s="1" t="s">
        <v>86049</v>
      </c>
      <c r="C25571" s="1" t="s">
        <v>145</v>
      </c>
      <c r="D25571" s="1" t="s">
        <v>91582</v>
      </c>
      <c r="E25571" s="1" t="s">
        <v>91583</v>
      </c>
      <c r="F25571" s="1" t="s">
        <v>91584</v>
      </c>
      <c r="G25571" s="1" t="s">
        <v>91491</v>
      </c>
      <c r="H25571" s="1" t="s">
        <v>91492</v>
      </c>
      <c r="I25571" s="1" t="s">
        <v>86055</v>
      </c>
      <c r="J25571" s="1" t="s">
        <v>91585</v>
      </c>
    </row>
    <row r="25572" spans="1:10" x14ac:dyDescent="0.35">
      <c r="A25572" s="1" t="s">
        <v>8430</v>
      </c>
      <c r="B25572" s="1" t="s">
        <v>86049</v>
      </c>
      <c r="C25572" s="1" t="s">
        <v>150</v>
      </c>
      <c r="D25572" s="1" t="s">
        <v>86392</v>
      </c>
      <c r="E25572" s="1" t="s">
        <v>91586</v>
      </c>
      <c r="F25572" s="1" t="s">
        <v>91587</v>
      </c>
      <c r="G25572" s="1" t="s">
        <v>91491</v>
      </c>
      <c r="H25572" s="1" t="s">
        <v>91492</v>
      </c>
      <c r="I25572" s="1" t="s">
        <v>86055</v>
      </c>
      <c r="J25572" s="1" t="s">
        <v>91588</v>
      </c>
    </row>
    <row r="25573" spans="1:10" x14ac:dyDescent="0.35">
      <c r="A25573" s="1" t="s">
        <v>8430</v>
      </c>
      <c r="B25573" s="1" t="s">
        <v>86049</v>
      </c>
      <c r="C25573" s="1" t="s">
        <v>155</v>
      </c>
      <c r="D25573" s="1" t="s">
        <v>76924</v>
      </c>
      <c r="E25573" s="1" t="s">
        <v>91589</v>
      </c>
      <c r="F25573" s="1" t="s">
        <v>91590</v>
      </c>
      <c r="G25573" s="1" t="s">
        <v>91491</v>
      </c>
      <c r="H25573" s="1" t="s">
        <v>91492</v>
      </c>
      <c r="I25573" s="1" t="s">
        <v>86055</v>
      </c>
      <c r="J25573" s="1" t="s">
        <v>91591</v>
      </c>
    </row>
    <row r="25574" spans="1:10" x14ac:dyDescent="0.35">
      <c r="A25574" s="1" t="s">
        <v>8430</v>
      </c>
      <c r="B25574" s="1" t="s">
        <v>86049</v>
      </c>
      <c r="C25574" s="1" t="s">
        <v>160</v>
      </c>
      <c r="D25574" s="1" t="s">
        <v>21873</v>
      </c>
      <c r="E25574" s="1" t="s">
        <v>91592</v>
      </c>
      <c r="F25574" s="1" t="s">
        <v>91593</v>
      </c>
      <c r="G25574" s="1" t="s">
        <v>91491</v>
      </c>
      <c r="H25574" s="1" t="s">
        <v>91492</v>
      </c>
      <c r="I25574" s="1" t="s">
        <v>86055</v>
      </c>
      <c r="J25574" s="1" t="s">
        <v>91594</v>
      </c>
    </row>
    <row r="25575" spans="1:10" x14ac:dyDescent="0.35">
      <c r="A25575" s="1" t="s">
        <v>8430</v>
      </c>
      <c r="B25575" s="1" t="s">
        <v>86049</v>
      </c>
      <c r="C25575" s="1" t="s">
        <v>165</v>
      </c>
      <c r="D25575" s="1" t="s">
        <v>91595</v>
      </c>
      <c r="E25575" s="1" t="s">
        <v>91596</v>
      </c>
      <c r="F25575" s="1" t="s">
        <v>91597</v>
      </c>
      <c r="G25575" s="1" t="s">
        <v>91491</v>
      </c>
      <c r="H25575" s="1" t="s">
        <v>91492</v>
      </c>
      <c r="I25575" s="1" t="s">
        <v>86055</v>
      </c>
      <c r="J25575" s="1" t="s">
        <v>91598</v>
      </c>
    </row>
    <row r="25576" spans="1:10" x14ac:dyDescent="0.35">
      <c r="A25576" s="1" t="s">
        <v>8430</v>
      </c>
      <c r="B25576" s="1" t="s">
        <v>86049</v>
      </c>
      <c r="C25576" s="1" t="s">
        <v>170</v>
      </c>
      <c r="D25576" s="1" t="s">
        <v>88039</v>
      </c>
      <c r="E25576" s="1" t="s">
        <v>91599</v>
      </c>
      <c r="F25576" s="1" t="s">
        <v>91600</v>
      </c>
      <c r="G25576" s="1" t="s">
        <v>91491</v>
      </c>
      <c r="H25576" s="1" t="s">
        <v>91492</v>
      </c>
      <c r="I25576" s="1" t="s">
        <v>86055</v>
      </c>
      <c r="J25576" s="1" t="s">
        <v>91601</v>
      </c>
    </row>
    <row r="25577" spans="1:10" x14ac:dyDescent="0.35">
      <c r="A25577" s="1" t="s">
        <v>6263</v>
      </c>
      <c r="B25577" s="1" t="s">
        <v>86049</v>
      </c>
      <c r="C25577" s="1" t="s">
        <v>8</v>
      </c>
      <c r="D25577" s="1" t="s">
        <v>57731</v>
      </c>
      <c r="E25577" s="1" t="s">
        <v>91602</v>
      </c>
      <c r="F25577" s="1" t="s">
        <v>91603</v>
      </c>
      <c r="G25577" s="1" t="s">
        <v>91604</v>
      </c>
      <c r="H25577" s="1" t="s">
        <v>91605</v>
      </c>
      <c r="I25577" s="1" t="s">
        <v>86055</v>
      </c>
      <c r="J25577" s="1" t="s">
        <v>13</v>
      </c>
    </row>
    <row r="25578" spans="1:10" x14ac:dyDescent="0.35">
      <c r="A25578" s="1" t="s">
        <v>6263</v>
      </c>
      <c r="B25578" s="1" t="s">
        <v>86049</v>
      </c>
      <c r="C25578" s="1" t="s">
        <v>15</v>
      </c>
      <c r="D25578" s="1" t="s">
        <v>78834</v>
      </c>
      <c r="E25578" s="1" t="s">
        <v>91606</v>
      </c>
      <c r="F25578" s="1" t="s">
        <v>91607</v>
      </c>
      <c r="G25578" s="1" t="s">
        <v>91604</v>
      </c>
      <c r="H25578" s="1" t="s">
        <v>91605</v>
      </c>
      <c r="I25578" s="1" t="s">
        <v>86055</v>
      </c>
      <c r="J25578" s="1" t="s">
        <v>91608</v>
      </c>
    </row>
    <row r="25579" spans="1:10" x14ac:dyDescent="0.35">
      <c r="A25579" s="1" t="s">
        <v>6263</v>
      </c>
      <c r="B25579" s="1" t="s">
        <v>86049</v>
      </c>
      <c r="C25579" s="1" t="s">
        <v>20</v>
      </c>
      <c r="D25579" s="1" t="s">
        <v>26830</v>
      </c>
      <c r="E25579" s="1" t="s">
        <v>91609</v>
      </c>
      <c r="F25579" s="1" t="s">
        <v>91610</v>
      </c>
      <c r="G25579" s="1" t="s">
        <v>91604</v>
      </c>
      <c r="H25579" s="1" t="s">
        <v>91605</v>
      </c>
      <c r="I25579" s="1" t="s">
        <v>86055</v>
      </c>
      <c r="J25579" s="1" t="s">
        <v>91611</v>
      </c>
    </row>
    <row r="25580" spans="1:10" x14ac:dyDescent="0.35">
      <c r="A25580" s="1" t="s">
        <v>6263</v>
      </c>
      <c r="B25580" s="1" t="s">
        <v>86049</v>
      </c>
      <c r="C25580" s="1" t="s">
        <v>25</v>
      </c>
      <c r="D25580" s="1" t="s">
        <v>66204</v>
      </c>
      <c r="E25580" s="1" t="s">
        <v>91612</v>
      </c>
      <c r="F25580" s="1" t="s">
        <v>91613</v>
      </c>
      <c r="G25580" s="1" t="s">
        <v>91604</v>
      </c>
      <c r="H25580" s="1" t="s">
        <v>91605</v>
      </c>
      <c r="I25580" s="1" t="s">
        <v>86055</v>
      </c>
      <c r="J25580" s="1" t="s">
        <v>91614</v>
      </c>
    </row>
    <row r="25581" spans="1:10" x14ac:dyDescent="0.35">
      <c r="A25581" s="1" t="s">
        <v>6263</v>
      </c>
      <c r="B25581" s="1" t="s">
        <v>86049</v>
      </c>
      <c r="C25581" s="1" t="s">
        <v>30</v>
      </c>
      <c r="D25581" s="1" t="s">
        <v>91615</v>
      </c>
      <c r="E25581" s="1" t="s">
        <v>91616</v>
      </c>
      <c r="F25581" s="1" t="s">
        <v>91617</v>
      </c>
      <c r="G25581" s="1" t="s">
        <v>91604</v>
      </c>
      <c r="H25581" s="1" t="s">
        <v>91605</v>
      </c>
      <c r="I25581" s="1" t="s">
        <v>86055</v>
      </c>
      <c r="J25581" s="1" t="s">
        <v>91618</v>
      </c>
    </row>
    <row r="25582" spans="1:10" x14ac:dyDescent="0.35">
      <c r="A25582" s="1" t="s">
        <v>6263</v>
      </c>
      <c r="B25582" s="1" t="s">
        <v>86049</v>
      </c>
      <c r="C25582" s="1" t="s">
        <v>35</v>
      </c>
      <c r="D25582" s="1" t="s">
        <v>91619</v>
      </c>
      <c r="E25582" s="1" t="s">
        <v>91620</v>
      </c>
      <c r="F25582" s="1" t="s">
        <v>91621</v>
      </c>
      <c r="G25582" s="1" t="s">
        <v>91604</v>
      </c>
      <c r="H25582" s="1" t="s">
        <v>91605</v>
      </c>
      <c r="I25582" s="1" t="s">
        <v>86055</v>
      </c>
      <c r="J25582" s="1" t="s">
        <v>91622</v>
      </c>
    </row>
    <row r="25583" spans="1:10" x14ac:dyDescent="0.35">
      <c r="A25583" s="1" t="s">
        <v>6263</v>
      </c>
      <c r="B25583" s="1" t="s">
        <v>86049</v>
      </c>
      <c r="C25583" s="1" t="s">
        <v>40</v>
      </c>
      <c r="D25583" s="1" t="s">
        <v>64049</v>
      </c>
      <c r="E25583" s="1" t="s">
        <v>91623</v>
      </c>
      <c r="F25583" s="1" t="s">
        <v>91624</v>
      </c>
      <c r="G25583" s="1" t="s">
        <v>91604</v>
      </c>
      <c r="H25583" s="1" t="s">
        <v>91605</v>
      </c>
      <c r="I25583" s="1" t="s">
        <v>86055</v>
      </c>
      <c r="J25583" s="1" t="s">
        <v>91625</v>
      </c>
    </row>
    <row r="25584" spans="1:10" x14ac:dyDescent="0.35">
      <c r="A25584" s="1" t="s">
        <v>6263</v>
      </c>
      <c r="B25584" s="1" t="s">
        <v>86049</v>
      </c>
      <c r="C25584" s="1" t="s">
        <v>45</v>
      </c>
      <c r="D25584" s="1" t="s">
        <v>91626</v>
      </c>
      <c r="E25584" s="1" t="s">
        <v>91627</v>
      </c>
      <c r="F25584" s="1" t="s">
        <v>91628</v>
      </c>
      <c r="G25584" s="1" t="s">
        <v>91604</v>
      </c>
      <c r="H25584" s="1" t="s">
        <v>91605</v>
      </c>
      <c r="I25584" s="1" t="s">
        <v>86055</v>
      </c>
      <c r="J25584" s="1" t="s">
        <v>91629</v>
      </c>
    </row>
    <row r="25585" spans="1:10" x14ac:dyDescent="0.35">
      <c r="A25585" s="1" t="s">
        <v>6263</v>
      </c>
      <c r="B25585" s="1" t="s">
        <v>86049</v>
      </c>
      <c r="C25585" s="1" t="s">
        <v>50</v>
      </c>
      <c r="D25585" s="1" t="s">
        <v>91630</v>
      </c>
      <c r="E25585" s="1" t="s">
        <v>91631</v>
      </c>
      <c r="F25585" s="1" t="s">
        <v>91632</v>
      </c>
      <c r="G25585" s="1" t="s">
        <v>91604</v>
      </c>
      <c r="H25585" s="1" t="s">
        <v>91605</v>
      </c>
      <c r="I25585" s="1" t="s">
        <v>86055</v>
      </c>
      <c r="J25585" s="1" t="s">
        <v>91633</v>
      </c>
    </row>
    <row r="25586" spans="1:10" x14ac:dyDescent="0.35">
      <c r="A25586" s="1" t="s">
        <v>6263</v>
      </c>
      <c r="B25586" s="1" t="s">
        <v>86049</v>
      </c>
      <c r="C25586" s="1" t="s">
        <v>55</v>
      </c>
      <c r="D25586" s="1" t="s">
        <v>91634</v>
      </c>
      <c r="E25586" s="1" t="s">
        <v>91635</v>
      </c>
      <c r="F25586" s="1" t="s">
        <v>91636</v>
      </c>
      <c r="G25586" s="1" t="s">
        <v>91604</v>
      </c>
      <c r="H25586" s="1" t="s">
        <v>91605</v>
      </c>
      <c r="I25586" s="1" t="s">
        <v>86055</v>
      </c>
      <c r="J25586" s="1" t="s">
        <v>91637</v>
      </c>
    </row>
    <row r="25587" spans="1:10" x14ac:dyDescent="0.35">
      <c r="A25587" s="1" t="s">
        <v>6263</v>
      </c>
      <c r="B25587" s="1" t="s">
        <v>86049</v>
      </c>
      <c r="C25587" s="1" t="s">
        <v>60</v>
      </c>
      <c r="D25587" s="1" t="s">
        <v>91638</v>
      </c>
      <c r="E25587" s="1" t="s">
        <v>91639</v>
      </c>
      <c r="F25587" s="1" t="s">
        <v>91640</v>
      </c>
      <c r="G25587" s="1" t="s">
        <v>91604</v>
      </c>
      <c r="H25587" s="1" t="s">
        <v>91605</v>
      </c>
      <c r="I25587" s="1" t="s">
        <v>86055</v>
      </c>
      <c r="J25587" s="1" t="s">
        <v>91641</v>
      </c>
    </row>
    <row r="25588" spans="1:10" x14ac:dyDescent="0.35">
      <c r="A25588" s="1" t="s">
        <v>6263</v>
      </c>
      <c r="B25588" s="1" t="s">
        <v>86049</v>
      </c>
      <c r="C25588" s="1" t="s">
        <v>65</v>
      </c>
      <c r="D25588" s="1" t="s">
        <v>60702</v>
      </c>
      <c r="E25588" s="1" t="s">
        <v>91642</v>
      </c>
      <c r="F25588" s="1" t="s">
        <v>91643</v>
      </c>
      <c r="G25588" s="1" t="s">
        <v>91604</v>
      </c>
      <c r="H25588" s="1" t="s">
        <v>91605</v>
      </c>
      <c r="I25588" s="1" t="s">
        <v>86055</v>
      </c>
      <c r="J25588" s="1" t="s">
        <v>91644</v>
      </c>
    </row>
    <row r="25589" spans="1:10" x14ac:dyDescent="0.35">
      <c r="A25589" s="1" t="s">
        <v>6263</v>
      </c>
      <c r="B25589" s="1" t="s">
        <v>86049</v>
      </c>
      <c r="C25589" s="1" t="s">
        <v>70</v>
      </c>
      <c r="D25589" s="1" t="s">
        <v>91645</v>
      </c>
      <c r="E25589" s="1" t="s">
        <v>91646</v>
      </c>
      <c r="F25589" s="1" t="s">
        <v>91647</v>
      </c>
      <c r="G25589" s="1" t="s">
        <v>91604</v>
      </c>
      <c r="H25589" s="1" t="s">
        <v>91605</v>
      </c>
      <c r="I25589" s="1" t="s">
        <v>86055</v>
      </c>
      <c r="J25589" s="1" t="s">
        <v>91648</v>
      </c>
    </row>
    <row r="25590" spans="1:10" x14ac:dyDescent="0.35">
      <c r="A25590" s="1" t="s">
        <v>6263</v>
      </c>
      <c r="B25590" s="1" t="s">
        <v>86049</v>
      </c>
      <c r="C25590" s="1" t="s">
        <v>75</v>
      </c>
      <c r="D25590" s="1" t="s">
        <v>91649</v>
      </c>
      <c r="E25590" s="1" t="s">
        <v>91650</v>
      </c>
      <c r="F25590" s="1" t="s">
        <v>91651</v>
      </c>
      <c r="G25590" s="1" t="s">
        <v>91604</v>
      </c>
      <c r="H25590" s="1" t="s">
        <v>91605</v>
      </c>
      <c r="I25590" s="1" t="s">
        <v>86055</v>
      </c>
      <c r="J25590" s="1" t="s">
        <v>91652</v>
      </c>
    </row>
    <row r="25591" spans="1:10" x14ac:dyDescent="0.35">
      <c r="A25591" s="1" t="s">
        <v>6263</v>
      </c>
      <c r="B25591" s="1" t="s">
        <v>86049</v>
      </c>
      <c r="C25591" s="1" t="s">
        <v>80</v>
      </c>
      <c r="D25591" s="1" t="s">
        <v>65790</v>
      </c>
      <c r="E25591" s="1" t="s">
        <v>91653</v>
      </c>
      <c r="F25591" s="1" t="s">
        <v>91654</v>
      </c>
      <c r="G25591" s="1" t="s">
        <v>91604</v>
      </c>
      <c r="H25591" s="1" t="s">
        <v>91605</v>
      </c>
      <c r="I25591" s="1" t="s">
        <v>86055</v>
      </c>
      <c r="J25591" s="1" t="s">
        <v>91655</v>
      </c>
    </row>
    <row r="25592" spans="1:10" x14ac:dyDescent="0.35">
      <c r="A25592" s="1" t="s">
        <v>6263</v>
      </c>
      <c r="B25592" s="1" t="s">
        <v>86049</v>
      </c>
      <c r="C25592" s="1" t="s">
        <v>85</v>
      </c>
      <c r="D25592" s="1" t="s">
        <v>91656</v>
      </c>
      <c r="E25592" s="1" t="s">
        <v>91657</v>
      </c>
      <c r="F25592" s="1" t="s">
        <v>91658</v>
      </c>
      <c r="G25592" s="1" t="s">
        <v>91604</v>
      </c>
      <c r="H25592" s="1" t="s">
        <v>91605</v>
      </c>
      <c r="I25592" s="1" t="s">
        <v>86055</v>
      </c>
      <c r="J25592" s="1" t="s">
        <v>91659</v>
      </c>
    </row>
    <row r="25593" spans="1:10" x14ac:dyDescent="0.35">
      <c r="A25593" s="1" t="s">
        <v>6263</v>
      </c>
      <c r="B25593" s="1" t="s">
        <v>86049</v>
      </c>
      <c r="C25593" s="1" t="s">
        <v>90</v>
      </c>
      <c r="D25593" s="1" t="s">
        <v>91660</v>
      </c>
      <c r="E25593" s="1" t="s">
        <v>91661</v>
      </c>
      <c r="F25593" s="1" t="s">
        <v>91662</v>
      </c>
      <c r="G25593" s="1" t="s">
        <v>91604</v>
      </c>
      <c r="H25593" s="1" t="s">
        <v>91605</v>
      </c>
      <c r="I25593" s="1" t="s">
        <v>86055</v>
      </c>
      <c r="J25593" s="1" t="s">
        <v>91663</v>
      </c>
    </row>
    <row r="25594" spans="1:10" x14ac:dyDescent="0.35">
      <c r="A25594" s="1" t="s">
        <v>6263</v>
      </c>
      <c r="B25594" s="1" t="s">
        <v>86049</v>
      </c>
      <c r="C25594" s="1" t="s">
        <v>95</v>
      </c>
      <c r="D25594" s="1" t="s">
        <v>56916</v>
      </c>
      <c r="E25594" s="1" t="s">
        <v>91664</v>
      </c>
      <c r="F25594" s="1" t="s">
        <v>91665</v>
      </c>
      <c r="G25594" s="1" t="s">
        <v>91604</v>
      </c>
      <c r="H25594" s="1" t="s">
        <v>91605</v>
      </c>
      <c r="I25594" s="1" t="s">
        <v>86055</v>
      </c>
      <c r="J25594" s="1" t="s">
        <v>91666</v>
      </c>
    </row>
    <row r="25595" spans="1:10" x14ac:dyDescent="0.35">
      <c r="A25595" s="1" t="s">
        <v>6263</v>
      </c>
      <c r="B25595" s="1" t="s">
        <v>86049</v>
      </c>
      <c r="C25595" s="1" t="s">
        <v>100</v>
      </c>
      <c r="D25595" s="1" t="s">
        <v>91667</v>
      </c>
      <c r="E25595" s="1" t="s">
        <v>91668</v>
      </c>
      <c r="F25595" s="1" t="s">
        <v>91669</v>
      </c>
      <c r="G25595" s="1" t="s">
        <v>91604</v>
      </c>
      <c r="H25595" s="1" t="s">
        <v>91605</v>
      </c>
      <c r="I25595" s="1" t="s">
        <v>86055</v>
      </c>
      <c r="J25595" s="1" t="s">
        <v>91670</v>
      </c>
    </row>
    <row r="25596" spans="1:10" x14ac:dyDescent="0.35">
      <c r="A25596" s="1" t="s">
        <v>6263</v>
      </c>
      <c r="B25596" s="1" t="s">
        <v>86049</v>
      </c>
      <c r="C25596" s="1" t="s">
        <v>105</v>
      </c>
      <c r="D25596" s="1" t="s">
        <v>91671</v>
      </c>
      <c r="E25596" s="1" t="s">
        <v>91672</v>
      </c>
      <c r="F25596" s="1" t="s">
        <v>91673</v>
      </c>
      <c r="G25596" s="1" t="s">
        <v>91604</v>
      </c>
      <c r="H25596" s="1" t="s">
        <v>91605</v>
      </c>
      <c r="I25596" s="1" t="s">
        <v>86055</v>
      </c>
      <c r="J25596" s="1" t="s">
        <v>91674</v>
      </c>
    </row>
    <row r="25597" spans="1:10" x14ac:dyDescent="0.35">
      <c r="A25597" s="1" t="s">
        <v>6263</v>
      </c>
      <c r="B25597" s="1" t="s">
        <v>86049</v>
      </c>
      <c r="C25597" s="1" t="s">
        <v>110</v>
      </c>
      <c r="D25597" s="1" t="s">
        <v>91675</v>
      </c>
      <c r="E25597" s="1" t="s">
        <v>91676</v>
      </c>
      <c r="F25597" s="1" t="s">
        <v>91677</v>
      </c>
      <c r="G25597" s="1" t="s">
        <v>91604</v>
      </c>
      <c r="H25597" s="1" t="s">
        <v>91605</v>
      </c>
      <c r="I25597" s="1" t="s">
        <v>86055</v>
      </c>
      <c r="J25597" s="1" t="s">
        <v>91678</v>
      </c>
    </row>
    <row r="25598" spans="1:10" x14ac:dyDescent="0.35">
      <c r="A25598" s="1" t="s">
        <v>6263</v>
      </c>
      <c r="B25598" s="1" t="s">
        <v>86049</v>
      </c>
      <c r="C25598" s="1" t="s">
        <v>115</v>
      </c>
      <c r="D25598" s="1" t="s">
        <v>91679</v>
      </c>
      <c r="E25598" s="1" t="s">
        <v>91680</v>
      </c>
      <c r="F25598" s="1" t="s">
        <v>91681</v>
      </c>
      <c r="G25598" s="1" t="s">
        <v>91604</v>
      </c>
      <c r="H25598" s="1" t="s">
        <v>91605</v>
      </c>
      <c r="I25598" s="1" t="s">
        <v>86055</v>
      </c>
      <c r="J25598" s="1" t="s">
        <v>91682</v>
      </c>
    </row>
    <row r="25599" spans="1:10" x14ac:dyDescent="0.35">
      <c r="A25599" s="1" t="s">
        <v>6263</v>
      </c>
      <c r="B25599" s="1" t="s">
        <v>86049</v>
      </c>
      <c r="C25599" s="1" t="s">
        <v>120</v>
      </c>
      <c r="D25599" s="1" t="s">
        <v>91683</v>
      </c>
      <c r="E25599" s="1" t="s">
        <v>91684</v>
      </c>
      <c r="F25599" s="1" t="s">
        <v>91685</v>
      </c>
      <c r="G25599" s="1" t="s">
        <v>91604</v>
      </c>
      <c r="H25599" s="1" t="s">
        <v>91605</v>
      </c>
      <c r="I25599" s="1" t="s">
        <v>86055</v>
      </c>
      <c r="J25599" s="1" t="s">
        <v>91686</v>
      </c>
    </row>
    <row r="25600" spans="1:10" x14ac:dyDescent="0.35">
      <c r="A25600" s="1" t="s">
        <v>6263</v>
      </c>
      <c r="B25600" s="1" t="s">
        <v>86049</v>
      </c>
      <c r="C25600" s="1" t="s">
        <v>125</v>
      </c>
      <c r="D25600" s="1" t="s">
        <v>18679</v>
      </c>
      <c r="E25600" s="1" t="s">
        <v>91687</v>
      </c>
      <c r="F25600" s="1" t="s">
        <v>91688</v>
      </c>
      <c r="G25600" s="1" t="s">
        <v>91604</v>
      </c>
      <c r="H25600" s="1" t="s">
        <v>91605</v>
      </c>
      <c r="I25600" s="1" t="s">
        <v>86055</v>
      </c>
      <c r="J25600" s="1" t="s">
        <v>91689</v>
      </c>
    </row>
    <row r="25601" spans="1:10" x14ac:dyDescent="0.35">
      <c r="A25601" s="1" t="s">
        <v>6263</v>
      </c>
      <c r="B25601" s="1" t="s">
        <v>86049</v>
      </c>
      <c r="C25601" s="1" t="s">
        <v>130</v>
      </c>
      <c r="D25601" s="1" t="s">
        <v>64331</v>
      </c>
      <c r="E25601" s="1" t="s">
        <v>91690</v>
      </c>
      <c r="F25601" s="1" t="s">
        <v>91691</v>
      </c>
      <c r="G25601" s="1" t="s">
        <v>91604</v>
      </c>
      <c r="H25601" s="1" t="s">
        <v>91605</v>
      </c>
      <c r="I25601" s="1" t="s">
        <v>86055</v>
      </c>
      <c r="J25601" s="1" t="s">
        <v>91692</v>
      </c>
    </row>
    <row r="25602" spans="1:10" x14ac:dyDescent="0.35">
      <c r="A25602" s="1" t="s">
        <v>6263</v>
      </c>
      <c r="B25602" s="1" t="s">
        <v>86049</v>
      </c>
      <c r="C25602" s="1" t="s">
        <v>135</v>
      </c>
      <c r="D25602" s="1" t="s">
        <v>91693</v>
      </c>
      <c r="E25602" s="1" t="s">
        <v>91694</v>
      </c>
      <c r="F25602" s="1" t="s">
        <v>91695</v>
      </c>
      <c r="G25602" s="1" t="s">
        <v>91604</v>
      </c>
      <c r="H25602" s="1" t="s">
        <v>91605</v>
      </c>
      <c r="I25602" s="1" t="s">
        <v>86055</v>
      </c>
      <c r="J25602" s="1" t="s">
        <v>91696</v>
      </c>
    </row>
    <row r="25603" spans="1:10" x14ac:dyDescent="0.35">
      <c r="A25603" s="1" t="s">
        <v>6263</v>
      </c>
      <c r="B25603" s="1" t="s">
        <v>86049</v>
      </c>
      <c r="C25603" s="1" t="s">
        <v>140</v>
      </c>
      <c r="D25603" s="1" t="s">
        <v>2766</v>
      </c>
      <c r="E25603" s="1" t="s">
        <v>91697</v>
      </c>
      <c r="F25603" s="1" t="s">
        <v>91698</v>
      </c>
      <c r="G25603" s="1" t="s">
        <v>91604</v>
      </c>
      <c r="H25603" s="1" t="s">
        <v>91605</v>
      </c>
      <c r="I25603" s="1" t="s">
        <v>86055</v>
      </c>
      <c r="J25603" s="1" t="s">
        <v>91699</v>
      </c>
    </row>
    <row r="25604" spans="1:10" x14ac:dyDescent="0.35">
      <c r="A25604" s="1" t="s">
        <v>6263</v>
      </c>
      <c r="B25604" s="1" t="s">
        <v>86049</v>
      </c>
      <c r="C25604" s="1" t="s">
        <v>145</v>
      </c>
      <c r="D25604" s="1" t="s">
        <v>61172</v>
      </c>
      <c r="E25604" s="1" t="s">
        <v>91700</v>
      </c>
      <c r="F25604" s="1" t="s">
        <v>91701</v>
      </c>
      <c r="G25604" s="1" t="s">
        <v>91604</v>
      </c>
      <c r="H25604" s="1" t="s">
        <v>91605</v>
      </c>
      <c r="I25604" s="1" t="s">
        <v>86055</v>
      </c>
      <c r="J25604" s="1" t="s">
        <v>91702</v>
      </c>
    </row>
    <row r="25605" spans="1:10" x14ac:dyDescent="0.35">
      <c r="A25605" s="1" t="s">
        <v>6263</v>
      </c>
      <c r="B25605" s="1" t="s">
        <v>86049</v>
      </c>
      <c r="C25605" s="1" t="s">
        <v>150</v>
      </c>
      <c r="D25605" s="1" t="s">
        <v>56912</v>
      </c>
      <c r="E25605" s="1" t="s">
        <v>91703</v>
      </c>
      <c r="F25605" s="1" t="s">
        <v>91704</v>
      </c>
      <c r="G25605" s="1" t="s">
        <v>91604</v>
      </c>
      <c r="H25605" s="1" t="s">
        <v>91605</v>
      </c>
      <c r="I25605" s="1" t="s">
        <v>86055</v>
      </c>
      <c r="J25605" s="1" t="s">
        <v>91705</v>
      </c>
    </row>
    <row r="25606" spans="1:10" x14ac:dyDescent="0.35">
      <c r="A25606" s="1" t="s">
        <v>6263</v>
      </c>
      <c r="B25606" s="1" t="s">
        <v>86049</v>
      </c>
      <c r="C25606" s="1" t="s">
        <v>155</v>
      </c>
      <c r="D25606" s="1" t="s">
        <v>91706</v>
      </c>
      <c r="E25606" s="1" t="s">
        <v>91707</v>
      </c>
      <c r="F25606" s="1" t="s">
        <v>91708</v>
      </c>
      <c r="G25606" s="1" t="s">
        <v>91604</v>
      </c>
      <c r="H25606" s="1" t="s">
        <v>91605</v>
      </c>
      <c r="I25606" s="1" t="s">
        <v>86055</v>
      </c>
      <c r="J25606" s="1" t="s">
        <v>91709</v>
      </c>
    </row>
    <row r="25607" spans="1:10" x14ac:dyDescent="0.35">
      <c r="A25607" s="1" t="s">
        <v>6263</v>
      </c>
      <c r="B25607" s="1" t="s">
        <v>86049</v>
      </c>
      <c r="C25607" s="1" t="s">
        <v>160</v>
      </c>
      <c r="D25607" s="1" t="s">
        <v>91710</v>
      </c>
      <c r="E25607" s="1" t="s">
        <v>91711</v>
      </c>
      <c r="F25607" s="1" t="s">
        <v>91712</v>
      </c>
      <c r="G25607" s="1" t="s">
        <v>91604</v>
      </c>
      <c r="H25607" s="1" t="s">
        <v>91605</v>
      </c>
      <c r="I25607" s="1" t="s">
        <v>86055</v>
      </c>
      <c r="J25607" s="1" t="s">
        <v>91713</v>
      </c>
    </row>
    <row r="25608" spans="1:10" x14ac:dyDescent="0.35">
      <c r="A25608" s="1" t="s">
        <v>6263</v>
      </c>
      <c r="B25608" s="1" t="s">
        <v>86049</v>
      </c>
      <c r="C25608" s="1" t="s">
        <v>165</v>
      </c>
      <c r="D25608" s="1" t="s">
        <v>91714</v>
      </c>
      <c r="E25608" s="1" t="s">
        <v>91715</v>
      </c>
      <c r="F25608" s="1" t="s">
        <v>91716</v>
      </c>
      <c r="G25608" s="1" t="s">
        <v>91604</v>
      </c>
      <c r="H25608" s="1" t="s">
        <v>91605</v>
      </c>
      <c r="I25608" s="1" t="s">
        <v>86055</v>
      </c>
      <c r="J25608" s="1" t="s">
        <v>91717</v>
      </c>
    </row>
    <row r="25609" spans="1:10" x14ac:dyDescent="0.35">
      <c r="A25609" s="1" t="s">
        <v>6263</v>
      </c>
      <c r="B25609" s="1" t="s">
        <v>86049</v>
      </c>
      <c r="C25609" s="1" t="s">
        <v>170</v>
      </c>
      <c r="D25609" s="1" t="s">
        <v>55579</v>
      </c>
      <c r="E25609" s="1" t="s">
        <v>91718</v>
      </c>
      <c r="F25609" s="1" t="s">
        <v>91719</v>
      </c>
      <c r="G25609" s="1" t="s">
        <v>91604</v>
      </c>
      <c r="H25609" s="1" t="s">
        <v>91605</v>
      </c>
      <c r="I25609" s="1" t="s">
        <v>86055</v>
      </c>
      <c r="J25609" s="1" t="s">
        <v>91720</v>
      </c>
    </row>
    <row r="25610" spans="1:10" x14ac:dyDescent="0.35">
      <c r="A25610" s="1" t="s">
        <v>51413</v>
      </c>
      <c r="B25610" s="1" t="s">
        <v>86049</v>
      </c>
      <c r="C25610" s="1" t="s">
        <v>8</v>
      </c>
      <c r="D25610" s="1" t="s">
        <v>20452</v>
      </c>
      <c r="E25610" s="1" t="s">
        <v>91721</v>
      </c>
      <c r="F25610" s="1" t="s">
        <v>91722</v>
      </c>
      <c r="G25610" s="1" t="s">
        <v>91723</v>
      </c>
      <c r="H25610" s="1" t="s">
        <v>91724</v>
      </c>
      <c r="I25610" s="1" t="s">
        <v>86055</v>
      </c>
      <c r="J25610" s="1" t="s">
        <v>13</v>
      </c>
    </row>
    <row r="25611" spans="1:10" x14ac:dyDescent="0.35">
      <c r="A25611" s="1" t="s">
        <v>51413</v>
      </c>
      <c r="B25611" s="1" t="s">
        <v>86049</v>
      </c>
      <c r="C25611" s="1" t="s">
        <v>15</v>
      </c>
      <c r="D25611" s="1" t="s">
        <v>77824</v>
      </c>
      <c r="E25611" s="1" t="s">
        <v>91725</v>
      </c>
      <c r="F25611" s="1" t="s">
        <v>91726</v>
      </c>
      <c r="G25611" s="1" t="s">
        <v>91723</v>
      </c>
      <c r="H25611" s="1" t="s">
        <v>91724</v>
      </c>
      <c r="I25611" s="1" t="s">
        <v>86055</v>
      </c>
      <c r="J25611" s="1" t="s">
        <v>91727</v>
      </c>
    </row>
    <row r="25612" spans="1:10" x14ac:dyDescent="0.35">
      <c r="A25612" s="1" t="s">
        <v>51413</v>
      </c>
      <c r="B25612" s="1" t="s">
        <v>86049</v>
      </c>
      <c r="C25612" s="1" t="s">
        <v>20</v>
      </c>
      <c r="D25612" s="1" t="s">
        <v>91728</v>
      </c>
      <c r="E25612" s="1" t="s">
        <v>91729</v>
      </c>
      <c r="F25612" s="1" t="s">
        <v>91730</v>
      </c>
      <c r="G25612" s="1" t="s">
        <v>91723</v>
      </c>
      <c r="H25612" s="1" t="s">
        <v>91724</v>
      </c>
      <c r="I25612" s="1" t="s">
        <v>86055</v>
      </c>
      <c r="J25612" s="1" t="s">
        <v>91731</v>
      </c>
    </row>
    <row r="25613" spans="1:10" x14ac:dyDescent="0.35">
      <c r="A25613" s="1" t="s">
        <v>51413</v>
      </c>
      <c r="B25613" s="1" t="s">
        <v>86049</v>
      </c>
      <c r="C25613" s="1" t="s">
        <v>25</v>
      </c>
      <c r="D25613" s="1" t="s">
        <v>91732</v>
      </c>
      <c r="E25613" s="1" t="s">
        <v>91733</v>
      </c>
      <c r="F25613" s="1" t="s">
        <v>91734</v>
      </c>
      <c r="G25613" s="1" t="s">
        <v>91723</v>
      </c>
      <c r="H25613" s="1" t="s">
        <v>91724</v>
      </c>
      <c r="I25613" s="1" t="s">
        <v>86055</v>
      </c>
      <c r="J25613" s="1" t="s">
        <v>91735</v>
      </c>
    </row>
    <row r="25614" spans="1:10" x14ac:dyDescent="0.35">
      <c r="A25614" s="1" t="s">
        <v>51413</v>
      </c>
      <c r="B25614" s="1" t="s">
        <v>86049</v>
      </c>
      <c r="C25614" s="1" t="s">
        <v>30</v>
      </c>
      <c r="D25614" s="1" t="s">
        <v>63977</v>
      </c>
      <c r="E25614" s="1" t="s">
        <v>91736</v>
      </c>
      <c r="F25614" s="1" t="s">
        <v>91737</v>
      </c>
      <c r="G25614" s="1" t="s">
        <v>91723</v>
      </c>
      <c r="H25614" s="1" t="s">
        <v>91724</v>
      </c>
      <c r="I25614" s="1" t="s">
        <v>86055</v>
      </c>
      <c r="J25614" s="1" t="s">
        <v>91738</v>
      </c>
    </row>
    <row r="25615" spans="1:10" x14ac:dyDescent="0.35">
      <c r="A25615" s="1" t="s">
        <v>51413</v>
      </c>
      <c r="B25615" s="1" t="s">
        <v>86049</v>
      </c>
      <c r="C25615" s="1" t="s">
        <v>35</v>
      </c>
      <c r="D25615" s="1" t="s">
        <v>91739</v>
      </c>
      <c r="E25615" s="1" t="s">
        <v>91740</v>
      </c>
      <c r="F25615" s="1" t="s">
        <v>91741</v>
      </c>
      <c r="G25615" s="1" t="s">
        <v>91723</v>
      </c>
      <c r="H25615" s="1" t="s">
        <v>91724</v>
      </c>
      <c r="I25615" s="1" t="s">
        <v>86055</v>
      </c>
      <c r="J25615" s="1" t="s">
        <v>91742</v>
      </c>
    </row>
    <row r="25616" spans="1:10" x14ac:dyDescent="0.35">
      <c r="A25616" s="1" t="s">
        <v>51413</v>
      </c>
      <c r="B25616" s="1" t="s">
        <v>86049</v>
      </c>
      <c r="C25616" s="1" t="s">
        <v>40</v>
      </c>
      <c r="D25616" s="1" t="s">
        <v>91743</v>
      </c>
      <c r="E25616" s="1" t="s">
        <v>91744</v>
      </c>
      <c r="F25616" s="1" t="s">
        <v>91745</v>
      </c>
      <c r="G25616" s="1" t="s">
        <v>91723</v>
      </c>
      <c r="H25616" s="1" t="s">
        <v>91724</v>
      </c>
      <c r="I25616" s="1" t="s">
        <v>86055</v>
      </c>
      <c r="J25616" s="1" t="s">
        <v>91746</v>
      </c>
    </row>
    <row r="25617" spans="1:10" x14ac:dyDescent="0.35">
      <c r="A25617" s="1" t="s">
        <v>51413</v>
      </c>
      <c r="B25617" s="1" t="s">
        <v>86049</v>
      </c>
      <c r="C25617" s="1" t="s">
        <v>45</v>
      </c>
      <c r="D25617" s="1" t="s">
        <v>91747</v>
      </c>
      <c r="E25617" s="1" t="s">
        <v>91748</v>
      </c>
      <c r="F25617" s="1" t="s">
        <v>91749</v>
      </c>
      <c r="G25617" s="1" t="s">
        <v>91723</v>
      </c>
      <c r="H25617" s="1" t="s">
        <v>91724</v>
      </c>
      <c r="I25617" s="1" t="s">
        <v>86055</v>
      </c>
      <c r="J25617" s="1" t="s">
        <v>91750</v>
      </c>
    </row>
    <row r="25618" spans="1:10" x14ac:dyDescent="0.35">
      <c r="A25618" s="1" t="s">
        <v>51413</v>
      </c>
      <c r="B25618" s="1" t="s">
        <v>86049</v>
      </c>
      <c r="C25618" s="1" t="s">
        <v>50</v>
      </c>
      <c r="D25618" s="1" t="s">
        <v>80967</v>
      </c>
      <c r="E25618" s="1" t="s">
        <v>91751</v>
      </c>
      <c r="F25618" s="1" t="s">
        <v>91752</v>
      </c>
      <c r="G25618" s="1" t="s">
        <v>91723</v>
      </c>
      <c r="H25618" s="1" t="s">
        <v>91724</v>
      </c>
      <c r="I25618" s="1" t="s">
        <v>86055</v>
      </c>
      <c r="J25618" s="1" t="s">
        <v>91753</v>
      </c>
    </row>
    <row r="25619" spans="1:10" x14ac:dyDescent="0.35">
      <c r="A25619" s="1" t="s">
        <v>51413</v>
      </c>
      <c r="B25619" s="1" t="s">
        <v>86049</v>
      </c>
      <c r="C25619" s="1" t="s">
        <v>55</v>
      </c>
      <c r="D25619" s="1" t="s">
        <v>91754</v>
      </c>
      <c r="E25619" s="1" t="s">
        <v>91755</v>
      </c>
      <c r="F25619" s="1" t="s">
        <v>91756</v>
      </c>
      <c r="G25619" s="1" t="s">
        <v>91723</v>
      </c>
      <c r="H25619" s="1" t="s">
        <v>91724</v>
      </c>
      <c r="I25619" s="1" t="s">
        <v>86055</v>
      </c>
      <c r="J25619" s="1" t="s">
        <v>91757</v>
      </c>
    </row>
    <row r="25620" spans="1:10" x14ac:dyDescent="0.35">
      <c r="A25620" s="1" t="s">
        <v>51413</v>
      </c>
      <c r="B25620" s="1" t="s">
        <v>86049</v>
      </c>
      <c r="C25620" s="1" t="s">
        <v>60</v>
      </c>
      <c r="D25620" s="1" t="s">
        <v>91758</v>
      </c>
      <c r="E25620" s="1" t="s">
        <v>91759</v>
      </c>
      <c r="F25620" s="1" t="s">
        <v>91760</v>
      </c>
      <c r="G25620" s="1" t="s">
        <v>91723</v>
      </c>
      <c r="H25620" s="1" t="s">
        <v>91724</v>
      </c>
      <c r="I25620" s="1" t="s">
        <v>86055</v>
      </c>
      <c r="J25620" s="1" t="s">
        <v>91761</v>
      </c>
    </row>
    <row r="25621" spans="1:10" x14ac:dyDescent="0.35">
      <c r="A25621" s="1" t="s">
        <v>51413</v>
      </c>
      <c r="B25621" s="1" t="s">
        <v>86049</v>
      </c>
      <c r="C25621" s="1" t="s">
        <v>65</v>
      </c>
      <c r="D25621" s="1" t="s">
        <v>91762</v>
      </c>
      <c r="E25621" s="1" t="s">
        <v>91763</v>
      </c>
      <c r="F25621" s="1" t="s">
        <v>91764</v>
      </c>
      <c r="G25621" s="1" t="s">
        <v>91723</v>
      </c>
      <c r="H25621" s="1" t="s">
        <v>91724</v>
      </c>
      <c r="I25621" s="1" t="s">
        <v>86055</v>
      </c>
      <c r="J25621" s="1" t="s">
        <v>91765</v>
      </c>
    </row>
    <row r="25622" spans="1:10" x14ac:dyDescent="0.35">
      <c r="A25622" s="1" t="s">
        <v>51413</v>
      </c>
      <c r="B25622" s="1" t="s">
        <v>86049</v>
      </c>
      <c r="C25622" s="1" t="s">
        <v>70</v>
      </c>
      <c r="D25622" s="1" t="s">
        <v>91766</v>
      </c>
      <c r="E25622" s="1" t="s">
        <v>91767</v>
      </c>
      <c r="F25622" s="1" t="s">
        <v>91768</v>
      </c>
      <c r="G25622" s="1" t="s">
        <v>91723</v>
      </c>
      <c r="H25622" s="1" t="s">
        <v>91724</v>
      </c>
      <c r="I25622" s="1" t="s">
        <v>86055</v>
      </c>
      <c r="J25622" s="1" t="s">
        <v>91769</v>
      </c>
    </row>
    <row r="25623" spans="1:10" x14ac:dyDescent="0.35">
      <c r="A25623" s="1" t="s">
        <v>51413</v>
      </c>
      <c r="B25623" s="1" t="s">
        <v>86049</v>
      </c>
      <c r="C25623" s="1" t="s">
        <v>75</v>
      </c>
      <c r="D25623" s="1" t="s">
        <v>91770</v>
      </c>
      <c r="E25623" s="1" t="s">
        <v>91771</v>
      </c>
      <c r="F25623" s="1" t="s">
        <v>91772</v>
      </c>
      <c r="G25623" s="1" t="s">
        <v>91723</v>
      </c>
      <c r="H25623" s="1" t="s">
        <v>91724</v>
      </c>
      <c r="I25623" s="1" t="s">
        <v>86055</v>
      </c>
      <c r="J25623" s="1" t="s">
        <v>91773</v>
      </c>
    </row>
    <row r="25624" spans="1:10" x14ac:dyDescent="0.35">
      <c r="A25624" s="1" t="s">
        <v>51413</v>
      </c>
      <c r="B25624" s="1" t="s">
        <v>86049</v>
      </c>
      <c r="C25624" s="1" t="s">
        <v>80</v>
      </c>
      <c r="D25624" s="1" t="s">
        <v>91774</v>
      </c>
      <c r="E25624" s="1" t="s">
        <v>91775</v>
      </c>
      <c r="F25624" s="1" t="s">
        <v>91776</v>
      </c>
      <c r="G25624" s="1" t="s">
        <v>91723</v>
      </c>
      <c r="H25624" s="1" t="s">
        <v>91724</v>
      </c>
      <c r="I25624" s="1" t="s">
        <v>86055</v>
      </c>
      <c r="J25624" s="1" t="s">
        <v>91777</v>
      </c>
    </row>
    <row r="25625" spans="1:10" x14ac:dyDescent="0.35">
      <c r="A25625" s="1" t="s">
        <v>51413</v>
      </c>
      <c r="B25625" s="1" t="s">
        <v>86049</v>
      </c>
      <c r="C25625" s="1" t="s">
        <v>85</v>
      </c>
      <c r="D25625" s="1" t="s">
        <v>91778</v>
      </c>
      <c r="E25625" s="1" t="s">
        <v>91779</v>
      </c>
      <c r="F25625" s="1" t="s">
        <v>91780</v>
      </c>
      <c r="G25625" s="1" t="s">
        <v>91723</v>
      </c>
      <c r="H25625" s="1" t="s">
        <v>91724</v>
      </c>
      <c r="I25625" s="1" t="s">
        <v>86055</v>
      </c>
      <c r="J25625" s="1" t="s">
        <v>91781</v>
      </c>
    </row>
    <row r="25626" spans="1:10" x14ac:dyDescent="0.35">
      <c r="A25626" s="1" t="s">
        <v>51413</v>
      </c>
      <c r="B25626" s="1" t="s">
        <v>86049</v>
      </c>
      <c r="C25626" s="1" t="s">
        <v>90</v>
      </c>
      <c r="D25626" s="1" t="s">
        <v>91782</v>
      </c>
      <c r="E25626" s="1" t="s">
        <v>91783</v>
      </c>
      <c r="F25626" s="1" t="s">
        <v>91784</v>
      </c>
      <c r="G25626" s="1" t="s">
        <v>91723</v>
      </c>
      <c r="H25626" s="1" t="s">
        <v>91724</v>
      </c>
      <c r="I25626" s="1" t="s">
        <v>86055</v>
      </c>
      <c r="J25626" s="1" t="s">
        <v>91785</v>
      </c>
    </row>
    <row r="25627" spans="1:10" x14ac:dyDescent="0.35">
      <c r="A25627" s="1" t="s">
        <v>51413</v>
      </c>
      <c r="B25627" s="1" t="s">
        <v>86049</v>
      </c>
      <c r="C25627" s="1" t="s">
        <v>95</v>
      </c>
      <c r="D25627" s="1" t="s">
        <v>91786</v>
      </c>
      <c r="E25627" s="1" t="s">
        <v>91787</v>
      </c>
      <c r="F25627" s="1" t="s">
        <v>91788</v>
      </c>
      <c r="G25627" s="1" t="s">
        <v>91723</v>
      </c>
      <c r="H25627" s="1" t="s">
        <v>91724</v>
      </c>
      <c r="I25627" s="1" t="s">
        <v>86055</v>
      </c>
      <c r="J25627" s="1" t="s">
        <v>91789</v>
      </c>
    </row>
    <row r="25628" spans="1:10" x14ac:dyDescent="0.35">
      <c r="A25628" s="1" t="s">
        <v>51413</v>
      </c>
      <c r="B25628" s="1" t="s">
        <v>86049</v>
      </c>
      <c r="C25628" s="1" t="s">
        <v>100</v>
      </c>
      <c r="D25628" s="1" t="s">
        <v>39265</v>
      </c>
      <c r="E25628" s="1" t="s">
        <v>91790</v>
      </c>
      <c r="F25628" s="1" t="s">
        <v>91791</v>
      </c>
      <c r="G25628" s="1" t="s">
        <v>91723</v>
      </c>
      <c r="H25628" s="1" t="s">
        <v>91724</v>
      </c>
      <c r="I25628" s="1" t="s">
        <v>86055</v>
      </c>
      <c r="J25628" s="1" t="s">
        <v>91792</v>
      </c>
    </row>
    <row r="25629" spans="1:10" x14ac:dyDescent="0.35">
      <c r="A25629" s="1" t="s">
        <v>51413</v>
      </c>
      <c r="B25629" s="1" t="s">
        <v>86049</v>
      </c>
      <c r="C25629" s="1" t="s">
        <v>105</v>
      </c>
      <c r="D25629" s="1" t="s">
        <v>91793</v>
      </c>
      <c r="E25629" s="1" t="s">
        <v>91794</v>
      </c>
      <c r="F25629" s="1" t="s">
        <v>91795</v>
      </c>
      <c r="G25629" s="1" t="s">
        <v>91723</v>
      </c>
      <c r="H25629" s="1" t="s">
        <v>91724</v>
      </c>
      <c r="I25629" s="1" t="s">
        <v>86055</v>
      </c>
      <c r="J25629" s="1" t="s">
        <v>91796</v>
      </c>
    </row>
    <row r="25630" spans="1:10" x14ac:dyDescent="0.35">
      <c r="A25630" s="1" t="s">
        <v>51413</v>
      </c>
      <c r="B25630" s="1" t="s">
        <v>86049</v>
      </c>
      <c r="C25630" s="1" t="s">
        <v>110</v>
      </c>
      <c r="D25630" s="1" t="s">
        <v>5326</v>
      </c>
      <c r="E25630" s="1" t="s">
        <v>91797</v>
      </c>
      <c r="F25630" s="1" t="s">
        <v>91798</v>
      </c>
      <c r="G25630" s="1" t="s">
        <v>91723</v>
      </c>
      <c r="H25630" s="1" t="s">
        <v>91724</v>
      </c>
      <c r="I25630" s="1" t="s">
        <v>86055</v>
      </c>
      <c r="J25630" s="1" t="s">
        <v>91799</v>
      </c>
    </row>
    <row r="25631" spans="1:10" x14ac:dyDescent="0.35">
      <c r="A25631" s="1" t="s">
        <v>51413</v>
      </c>
      <c r="B25631" s="1" t="s">
        <v>86049</v>
      </c>
      <c r="C25631" s="1" t="s">
        <v>115</v>
      </c>
      <c r="D25631" s="1" t="s">
        <v>91800</v>
      </c>
      <c r="E25631" s="1" t="s">
        <v>91801</v>
      </c>
      <c r="F25631" s="1" t="s">
        <v>91802</v>
      </c>
      <c r="G25631" s="1" t="s">
        <v>91723</v>
      </c>
      <c r="H25631" s="1" t="s">
        <v>91724</v>
      </c>
      <c r="I25631" s="1" t="s">
        <v>86055</v>
      </c>
      <c r="J25631" s="1" t="s">
        <v>91803</v>
      </c>
    </row>
    <row r="25632" spans="1:10" x14ac:dyDescent="0.35">
      <c r="A25632" s="1" t="s">
        <v>51413</v>
      </c>
      <c r="B25632" s="1" t="s">
        <v>86049</v>
      </c>
      <c r="C25632" s="1" t="s">
        <v>120</v>
      </c>
      <c r="D25632" s="1" t="s">
        <v>91804</v>
      </c>
      <c r="E25632" s="1" t="s">
        <v>91805</v>
      </c>
      <c r="F25632" s="1" t="s">
        <v>91806</v>
      </c>
      <c r="G25632" s="1" t="s">
        <v>91723</v>
      </c>
      <c r="H25632" s="1" t="s">
        <v>91724</v>
      </c>
      <c r="I25632" s="1" t="s">
        <v>86055</v>
      </c>
      <c r="J25632" s="1" t="s">
        <v>91807</v>
      </c>
    </row>
    <row r="25633" spans="1:10" x14ac:dyDescent="0.35">
      <c r="A25633" s="1" t="s">
        <v>51413</v>
      </c>
      <c r="B25633" s="1" t="s">
        <v>86049</v>
      </c>
      <c r="C25633" s="1" t="s">
        <v>125</v>
      </c>
      <c r="D25633" s="1" t="s">
        <v>22341</v>
      </c>
      <c r="E25633" s="1" t="s">
        <v>91808</v>
      </c>
      <c r="F25633" s="1" t="s">
        <v>91809</v>
      </c>
      <c r="G25633" s="1" t="s">
        <v>91723</v>
      </c>
      <c r="H25633" s="1" t="s">
        <v>91724</v>
      </c>
      <c r="I25633" s="1" t="s">
        <v>86055</v>
      </c>
      <c r="J25633" s="1" t="s">
        <v>91810</v>
      </c>
    </row>
    <row r="25634" spans="1:10" x14ac:dyDescent="0.35">
      <c r="A25634" s="1" t="s">
        <v>51413</v>
      </c>
      <c r="B25634" s="1" t="s">
        <v>86049</v>
      </c>
      <c r="C25634" s="1" t="s">
        <v>130</v>
      </c>
      <c r="D25634" s="1" t="s">
        <v>91811</v>
      </c>
      <c r="E25634" s="1" t="s">
        <v>91812</v>
      </c>
      <c r="F25634" s="1" t="s">
        <v>91813</v>
      </c>
      <c r="G25634" s="1" t="s">
        <v>91723</v>
      </c>
      <c r="H25634" s="1" t="s">
        <v>91724</v>
      </c>
      <c r="I25634" s="1" t="s">
        <v>86055</v>
      </c>
      <c r="J25634" s="1" t="s">
        <v>91814</v>
      </c>
    </row>
    <row r="25635" spans="1:10" x14ac:dyDescent="0.35">
      <c r="A25635" s="1" t="s">
        <v>51413</v>
      </c>
      <c r="B25635" s="1" t="s">
        <v>86049</v>
      </c>
      <c r="C25635" s="1" t="s">
        <v>135</v>
      </c>
      <c r="D25635" s="1" t="s">
        <v>76530</v>
      </c>
      <c r="E25635" s="1" t="s">
        <v>91815</v>
      </c>
      <c r="F25635" s="1" t="s">
        <v>91816</v>
      </c>
      <c r="G25635" s="1" t="s">
        <v>91723</v>
      </c>
      <c r="H25635" s="1" t="s">
        <v>91724</v>
      </c>
      <c r="I25635" s="1" t="s">
        <v>86055</v>
      </c>
      <c r="J25635" s="1" t="s">
        <v>91817</v>
      </c>
    </row>
    <row r="25636" spans="1:10" x14ac:dyDescent="0.35">
      <c r="A25636" s="1" t="s">
        <v>51413</v>
      </c>
      <c r="B25636" s="1" t="s">
        <v>86049</v>
      </c>
      <c r="C25636" s="1" t="s">
        <v>140</v>
      </c>
      <c r="D25636" s="1" t="s">
        <v>91818</v>
      </c>
      <c r="E25636" s="1" t="s">
        <v>91819</v>
      </c>
      <c r="F25636" s="1" t="s">
        <v>91820</v>
      </c>
      <c r="G25636" s="1" t="s">
        <v>91723</v>
      </c>
      <c r="H25636" s="1" t="s">
        <v>91724</v>
      </c>
      <c r="I25636" s="1" t="s">
        <v>86055</v>
      </c>
      <c r="J25636" s="1" t="s">
        <v>91821</v>
      </c>
    </row>
    <row r="25637" spans="1:10" x14ac:dyDescent="0.35">
      <c r="A25637" s="1" t="s">
        <v>51413</v>
      </c>
      <c r="B25637" s="1" t="s">
        <v>86049</v>
      </c>
      <c r="C25637" s="1" t="s">
        <v>145</v>
      </c>
      <c r="D25637" s="1" t="s">
        <v>70218</v>
      </c>
      <c r="E25637" s="1" t="s">
        <v>91822</v>
      </c>
      <c r="F25637" s="1" t="s">
        <v>91823</v>
      </c>
      <c r="G25637" s="1" t="s">
        <v>91723</v>
      </c>
      <c r="H25637" s="1" t="s">
        <v>91724</v>
      </c>
      <c r="I25637" s="1" t="s">
        <v>86055</v>
      </c>
      <c r="J25637" s="1" t="s">
        <v>91824</v>
      </c>
    </row>
    <row r="25638" spans="1:10" x14ac:dyDescent="0.35">
      <c r="A25638" s="1" t="s">
        <v>51413</v>
      </c>
      <c r="B25638" s="1" t="s">
        <v>86049</v>
      </c>
      <c r="C25638" s="1" t="s">
        <v>150</v>
      </c>
      <c r="D25638" s="1" t="s">
        <v>81050</v>
      </c>
      <c r="E25638" s="1" t="s">
        <v>91825</v>
      </c>
      <c r="F25638" s="1" t="s">
        <v>91826</v>
      </c>
      <c r="G25638" s="1" t="s">
        <v>91723</v>
      </c>
      <c r="H25638" s="1" t="s">
        <v>91724</v>
      </c>
      <c r="I25638" s="1" t="s">
        <v>86055</v>
      </c>
      <c r="J25638" s="1" t="s">
        <v>91827</v>
      </c>
    </row>
    <row r="25639" spans="1:10" x14ac:dyDescent="0.35">
      <c r="A25639" s="1" t="s">
        <v>51413</v>
      </c>
      <c r="B25639" s="1" t="s">
        <v>86049</v>
      </c>
      <c r="C25639" s="1" t="s">
        <v>155</v>
      </c>
      <c r="D25639" s="1" t="s">
        <v>91828</v>
      </c>
      <c r="E25639" s="1" t="s">
        <v>91829</v>
      </c>
      <c r="F25639" s="1" t="s">
        <v>91830</v>
      </c>
      <c r="G25639" s="1" t="s">
        <v>91723</v>
      </c>
      <c r="H25639" s="1" t="s">
        <v>91724</v>
      </c>
      <c r="I25639" s="1" t="s">
        <v>86055</v>
      </c>
      <c r="J25639" s="1" t="s">
        <v>91831</v>
      </c>
    </row>
    <row r="25640" spans="1:10" x14ac:dyDescent="0.35">
      <c r="A25640" s="1" t="s">
        <v>51413</v>
      </c>
      <c r="B25640" s="1" t="s">
        <v>86049</v>
      </c>
      <c r="C25640" s="1" t="s">
        <v>160</v>
      </c>
      <c r="D25640" s="1" t="s">
        <v>58555</v>
      </c>
      <c r="E25640" s="1" t="s">
        <v>91832</v>
      </c>
      <c r="F25640" s="1" t="s">
        <v>91833</v>
      </c>
      <c r="G25640" s="1" t="s">
        <v>91723</v>
      </c>
      <c r="H25640" s="1" t="s">
        <v>91724</v>
      </c>
      <c r="I25640" s="1" t="s">
        <v>86055</v>
      </c>
      <c r="J25640" s="1" t="s">
        <v>91834</v>
      </c>
    </row>
    <row r="25641" spans="1:10" x14ac:dyDescent="0.35">
      <c r="A25641" s="1" t="s">
        <v>51413</v>
      </c>
      <c r="B25641" s="1" t="s">
        <v>86049</v>
      </c>
      <c r="C25641" s="1" t="s">
        <v>165</v>
      </c>
      <c r="D25641" s="1" t="s">
        <v>91835</v>
      </c>
      <c r="E25641" s="1" t="s">
        <v>91836</v>
      </c>
      <c r="F25641" s="1" t="s">
        <v>91837</v>
      </c>
      <c r="G25641" s="1" t="s">
        <v>91723</v>
      </c>
      <c r="H25641" s="1" t="s">
        <v>91724</v>
      </c>
      <c r="I25641" s="1" t="s">
        <v>86055</v>
      </c>
      <c r="J25641" s="1" t="s">
        <v>91838</v>
      </c>
    </row>
    <row r="25642" spans="1:10" x14ac:dyDescent="0.35">
      <c r="A25642" s="1" t="s">
        <v>51413</v>
      </c>
      <c r="B25642" s="1" t="s">
        <v>86049</v>
      </c>
      <c r="C25642" s="1" t="s">
        <v>170</v>
      </c>
      <c r="D25642" s="1" t="s">
        <v>91839</v>
      </c>
      <c r="E25642" s="1" t="s">
        <v>91840</v>
      </c>
      <c r="F25642" s="1" t="s">
        <v>91841</v>
      </c>
      <c r="G25642" s="1" t="s">
        <v>91723</v>
      </c>
      <c r="H25642" s="1" t="s">
        <v>91724</v>
      </c>
      <c r="I25642" s="1" t="s">
        <v>86055</v>
      </c>
      <c r="J25642" s="1" t="s">
        <v>91842</v>
      </c>
    </row>
    <row r="25643" spans="1:10" x14ac:dyDescent="0.35">
      <c r="A25643" s="1" t="s">
        <v>7319</v>
      </c>
      <c r="B25643" s="1" t="s">
        <v>86049</v>
      </c>
      <c r="C25643" s="1" t="s">
        <v>8</v>
      </c>
      <c r="D25643" s="1" t="s">
        <v>91843</v>
      </c>
      <c r="E25643" s="1" t="s">
        <v>54455</v>
      </c>
      <c r="F25643" s="1" t="s">
        <v>91844</v>
      </c>
      <c r="G25643" s="1" t="s">
        <v>91845</v>
      </c>
      <c r="H25643" s="1" t="s">
        <v>91846</v>
      </c>
      <c r="I25643" s="1" t="s">
        <v>86055</v>
      </c>
      <c r="J25643" s="1" t="s">
        <v>13</v>
      </c>
    </row>
    <row r="25644" spans="1:10" x14ac:dyDescent="0.35">
      <c r="A25644" s="1" t="s">
        <v>7319</v>
      </c>
      <c r="B25644" s="1" t="s">
        <v>86049</v>
      </c>
      <c r="C25644" s="1" t="s">
        <v>15</v>
      </c>
      <c r="D25644" s="1" t="s">
        <v>91847</v>
      </c>
      <c r="E25644" s="1" t="s">
        <v>67506</v>
      </c>
      <c r="F25644" s="1" t="s">
        <v>91848</v>
      </c>
      <c r="G25644" s="1" t="s">
        <v>91845</v>
      </c>
      <c r="H25644" s="1" t="s">
        <v>91846</v>
      </c>
      <c r="I25644" s="1" t="s">
        <v>86055</v>
      </c>
      <c r="J25644" s="1" t="s">
        <v>91849</v>
      </c>
    </row>
    <row r="25645" spans="1:10" x14ac:dyDescent="0.35">
      <c r="A25645" s="1" t="s">
        <v>7319</v>
      </c>
      <c r="B25645" s="1" t="s">
        <v>86049</v>
      </c>
      <c r="C25645" s="1" t="s">
        <v>20</v>
      </c>
      <c r="D25645" s="1" t="s">
        <v>91850</v>
      </c>
      <c r="E25645" s="1" t="s">
        <v>32065</v>
      </c>
      <c r="F25645" s="1" t="s">
        <v>91851</v>
      </c>
      <c r="G25645" s="1" t="s">
        <v>91845</v>
      </c>
      <c r="H25645" s="1" t="s">
        <v>91846</v>
      </c>
      <c r="I25645" s="1" t="s">
        <v>86055</v>
      </c>
      <c r="J25645" s="1" t="s">
        <v>91852</v>
      </c>
    </row>
    <row r="25646" spans="1:10" x14ac:dyDescent="0.35">
      <c r="A25646" s="1" t="s">
        <v>7319</v>
      </c>
      <c r="B25646" s="1" t="s">
        <v>86049</v>
      </c>
      <c r="C25646" s="1" t="s">
        <v>25</v>
      </c>
      <c r="D25646" s="1" t="s">
        <v>91853</v>
      </c>
      <c r="E25646" s="1" t="s">
        <v>55943</v>
      </c>
      <c r="F25646" s="1" t="s">
        <v>91854</v>
      </c>
      <c r="G25646" s="1" t="s">
        <v>91845</v>
      </c>
      <c r="H25646" s="1" t="s">
        <v>91846</v>
      </c>
      <c r="I25646" s="1" t="s">
        <v>86055</v>
      </c>
      <c r="J25646" s="1" t="s">
        <v>91855</v>
      </c>
    </row>
    <row r="25647" spans="1:10" x14ac:dyDescent="0.35">
      <c r="A25647" s="1" t="s">
        <v>7319</v>
      </c>
      <c r="B25647" s="1" t="s">
        <v>86049</v>
      </c>
      <c r="C25647" s="1" t="s">
        <v>30</v>
      </c>
      <c r="D25647" s="1" t="s">
        <v>91856</v>
      </c>
      <c r="E25647" s="1" t="s">
        <v>62764</v>
      </c>
      <c r="F25647" s="1" t="s">
        <v>41203</v>
      </c>
      <c r="G25647" s="1" t="s">
        <v>91845</v>
      </c>
      <c r="H25647" s="1" t="s">
        <v>91846</v>
      </c>
      <c r="I25647" s="1" t="s">
        <v>86055</v>
      </c>
      <c r="J25647" s="1" t="s">
        <v>91857</v>
      </c>
    </row>
    <row r="25648" spans="1:10" x14ac:dyDescent="0.35">
      <c r="A25648" s="1" t="s">
        <v>7319</v>
      </c>
      <c r="B25648" s="1" t="s">
        <v>86049</v>
      </c>
      <c r="C25648" s="1" t="s">
        <v>35</v>
      </c>
      <c r="D25648" s="1" t="s">
        <v>91858</v>
      </c>
      <c r="E25648" s="1" t="s">
        <v>54074</v>
      </c>
      <c r="F25648" s="1" t="s">
        <v>91859</v>
      </c>
      <c r="G25648" s="1" t="s">
        <v>91845</v>
      </c>
      <c r="H25648" s="1" t="s">
        <v>91846</v>
      </c>
      <c r="I25648" s="1" t="s">
        <v>86055</v>
      </c>
      <c r="J25648" s="1" t="s">
        <v>91860</v>
      </c>
    </row>
    <row r="25649" spans="1:10" x14ac:dyDescent="0.35">
      <c r="A25649" s="1" t="s">
        <v>7319</v>
      </c>
      <c r="B25649" s="1" t="s">
        <v>86049</v>
      </c>
      <c r="C25649" s="1" t="s">
        <v>40</v>
      </c>
      <c r="D25649" s="1" t="s">
        <v>91861</v>
      </c>
      <c r="E25649" s="1" t="s">
        <v>23461</v>
      </c>
      <c r="F25649" s="1" t="s">
        <v>91862</v>
      </c>
      <c r="G25649" s="1" t="s">
        <v>91845</v>
      </c>
      <c r="H25649" s="1" t="s">
        <v>91846</v>
      </c>
      <c r="I25649" s="1" t="s">
        <v>86055</v>
      </c>
      <c r="J25649" s="1" t="s">
        <v>91863</v>
      </c>
    </row>
    <row r="25650" spans="1:10" x14ac:dyDescent="0.35">
      <c r="A25650" s="1" t="s">
        <v>7319</v>
      </c>
      <c r="B25650" s="1" t="s">
        <v>86049</v>
      </c>
      <c r="C25650" s="1" t="s">
        <v>45</v>
      </c>
      <c r="D25650" s="1" t="s">
        <v>26780</v>
      </c>
      <c r="E25650" s="1" t="s">
        <v>22259</v>
      </c>
      <c r="F25650" s="1" t="s">
        <v>21002</v>
      </c>
      <c r="G25650" s="1" t="s">
        <v>91845</v>
      </c>
      <c r="H25650" s="1" t="s">
        <v>91846</v>
      </c>
      <c r="I25650" s="1" t="s">
        <v>86055</v>
      </c>
      <c r="J25650" s="1" t="s">
        <v>91864</v>
      </c>
    </row>
    <row r="25651" spans="1:10" x14ac:dyDescent="0.35">
      <c r="A25651" s="1" t="s">
        <v>7319</v>
      </c>
      <c r="B25651" s="1" t="s">
        <v>86049</v>
      </c>
      <c r="C25651" s="1" t="s">
        <v>50</v>
      </c>
      <c r="D25651" s="1" t="s">
        <v>91865</v>
      </c>
      <c r="E25651" s="1" t="s">
        <v>60183</v>
      </c>
      <c r="F25651" s="1" t="s">
        <v>62729</v>
      </c>
      <c r="G25651" s="1" t="s">
        <v>91845</v>
      </c>
      <c r="H25651" s="1" t="s">
        <v>91846</v>
      </c>
      <c r="I25651" s="1" t="s">
        <v>86055</v>
      </c>
      <c r="J25651" s="1" t="s">
        <v>91866</v>
      </c>
    </row>
    <row r="25652" spans="1:10" x14ac:dyDescent="0.35">
      <c r="A25652" s="1" t="s">
        <v>7319</v>
      </c>
      <c r="B25652" s="1" t="s">
        <v>86049</v>
      </c>
      <c r="C25652" s="1" t="s">
        <v>55</v>
      </c>
      <c r="D25652" s="1" t="s">
        <v>62370</v>
      </c>
      <c r="E25652" s="1" t="s">
        <v>22095</v>
      </c>
      <c r="F25652" s="1" t="s">
        <v>91867</v>
      </c>
      <c r="G25652" s="1" t="s">
        <v>91845</v>
      </c>
      <c r="H25652" s="1" t="s">
        <v>91846</v>
      </c>
      <c r="I25652" s="1" t="s">
        <v>86055</v>
      </c>
      <c r="J25652" s="1" t="s">
        <v>91868</v>
      </c>
    </row>
    <row r="25653" spans="1:10" x14ac:dyDescent="0.35">
      <c r="A25653" s="1" t="s">
        <v>7319</v>
      </c>
      <c r="B25653" s="1" t="s">
        <v>86049</v>
      </c>
      <c r="C25653" s="1" t="s">
        <v>60</v>
      </c>
      <c r="D25653" s="1" t="s">
        <v>91869</v>
      </c>
      <c r="E25653" s="1" t="s">
        <v>58832</v>
      </c>
      <c r="F25653" s="1" t="s">
        <v>91870</v>
      </c>
      <c r="G25653" s="1" t="s">
        <v>91845</v>
      </c>
      <c r="H25653" s="1" t="s">
        <v>91846</v>
      </c>
      <c r="I25653" s="1" t="s">
        <v>86055</v>
      </c>
      <c r="J25653" s="1" t="s">
        <v>91871</v>
      </c>
    </row>
    <row r="25654" spans="1:10" x14ac:dyDescent="0.35">
      <c r="A25654" s="1" t="s">
        <v>7319</v>
      </c>
      <c r="B25654" s="1" t="s">
        <v>86049</v>
      </c>
      <c r="C25654" s="1" t="s">
        <v>65</v>
      </c>
      <c r="D25654" s="1" t="s">
        <v>91872</v>
      </c>
      <c r="E25654" s="1" t="s">
        <v>22103</v>
      </c>
      <c r="F25654" s="1" t="s">
        <v>91873</v>
      </c>
      <c r="G25654" s="1" t="s">
        <v>91845</v>
      </c>
      <c r="H25654" s="1" t="s">
        <v>91846</v>
      </c>
      <c r="I25654" s="1" t="s">
        <v>86055</v>
      </c>
      <c r="J25654" s="1" t="s">
        <v>91874</v>
      </c>
    </row>
    <row r="25655" spans="1:10" x14ac:dyDescent="0.35">
      <c r="A25655" s="1" t="s">
        <v>7319</v>
      </c>
      <c r="B25655" s="1" t="s">
        <v>86049</v>
      </c>
      <c r="C25655" s="1" t="s">
        <v>70</v>
      </c>
      <c r="D25655" s="1" t="s">
        <v>91875</v>
      </c>
      <c r="E25655" s="1" t="s">
        <v>23217</v>
      </c>
      <c r="F25655" s="1" t="s">
        <v>91876</v>
      </c>
      <c r="G25655" s="1" t="s">
        <v>91845</v>
      </c>
      <c r="H25655" s="1" t="s">
        <v>91846</v>
      </c>
      <c r="I25655" s="1" t="s">
        <v>86055</v>
      </c>
      <c r="J25655" s="1" t="s">
        <v>91877</v>
      </c>
    </row>
    <row r="25656" spans="1:10" x14ac:dyDescent="0.35">
      <c r="A25656" s="1" t="s">
        <v>7319</v>
      </c>
      <c r="B25656" s="1" t="s">
        <v>86049</v>
      </c>
      <c r="C25656" s="1" t="s">
        <v>75</v>
      </c>
      <c r="D25656" s="1" t="s">
        <v>91878</v>
      </c>
      <c r="E25656" s="1" t="s">
        <v>54474</v>
      </c>
      <c r="F25656" s="1" t="s">
        <v>91879</v>
      </c>
      <c r="G25656" s="1" t="s">
        <v>91845</v>
      </c>
      <c r="H25656" s="1" t="s">
        <v>91846</v>
      </c>
      <c r="I25656" s="1" t="s">
        <v>86055</v>
      </c>
      <c r="J25656" s="1" t="s">
        <v>91880</v>
      </c>
    </row>
    <row r="25657" spans="1:10" x14ac:dyDescent="0.35">
      <c r="A25657" s="1" t="s">
        <v>7319</v>
      </c>
      <c r="B25657" s="1" t="s">
        <v>86049</v>
      </c>
      <c r="C25657" s="1" t="s">
        <v>80</v>
      </c>
      <c r="D25657" s="1" t="s">
        <v>60966</v>
      </c>
      <c r="E25657" s="1" t="s">
        <v>56104</v>
      </c>
      <c r="F25657" s="1" t="s">
        <v>91881</v>
      </c>
      <c r="G25657" s="1" t="s">
        <v>91845</v>
      </c>
      <c r="H25657" s="1" t="s">
        <v>91846</v>
      </c>
      <c r="I25657" s="1" t="s">
        <v>86055</v>
      </c>
      <c r="J25657" s="1" t="s">
        <v>91882</v>
      </c>
    </row>
    <row r="25658" spans="1:10" x14ac:dyDescent="0.35">
      <c r="A25658" s="1" t="s">
        <v>7319</v>
      </c>
      <c r="B25658" s="1" t="s">
        <v>86049</v>
      </c>
      <c r="C25658" s="1" t="s">
        <v>85</v>
      </c>
      <c r="D25658" s="1" t="s">
        <v>57349</v>
      </c>
      <c r="E25658" s="1" t="s">
        <v>12857</v>
      </c>
      <c r="F25658" s="1" t="s">
        <v>91883</v>
      </c>
      <c r="G25658" s="1" t="s">
        <v>91845</v>
      </c>
      <c r="H25658" s="1" t="s">
        <v>91846</v>
      </c>
      <c r="I25658" s="1" t="s">
        <v>86055</v>
      </c>
      <c r="J25658" s="1" t="s">
        <v>91884</v>
      </c>
    </row>
    <row r="25659" spans="1:10" x14ac:dyDescent="0.35">
      <c r="A25659" s="1" t="s">
        <v>7319</v>
      </c>
      <c r="B25659" s="1" t="s">
        <v>86049</v>
      </c>
      <c r="C25659" s="1" t="s">
        <v>90</v>
      </c>
      <c r="D25659" s="1" t="s">
        <v>91885</v>
      </c>
      <c r="E25659" s="1" t="s">
        <v>68930</v>
      </c>
      <c r="F25659" s="1" t="s">
        <v>91886</v>
      </c>
      <c r="G25659" s="1" t="s">
        <v>91845</v>
      </c>
      <c r="H25659" s="1" t="s">
        <v>91846</v>
      </c>
      <c r="I25659" s="1" t="s">
        <v>86055</v>
      </c>
      <c r="J25659" s="1" t="s">
        <v>91887</v>
      </c>
    </row>
    <row r="25660" spans="1:10" x14ac:dyDescent="0.35">
      <c r="A25660" s="1" t="s">
        <v>7319</v>
      </c>
      <c r="B25660" s="1" t="s">
        <v>86049</v>
      </c>
      <c r="C25660" s="1" t="s">
        <v>95</v>
      </c>
      <c r="D25660" s="1" t="s">
        <v>53650</v>
      </c>
      <c r="E25660" s="1" t="s">
        <v>24213</v>
      </c>
      <c r="F25660" s="1" t="s">
        <v>91888</v>
      </c>
      <c r="G25660" s="1" t="s">
        <v>91845</v>
      </c>
      <c r="H25660" s="1" t="s">
        <v>91846</v>
      </c>
      <c r="I25660" s="1" t="s">
        <v>86055</v>
      </c>
      <c r="J25660" s="1" t="s">
        <v>91889</v>
      </c>
    </row>
    <row r="25661" spans="1:10" x14ac:dyDescent="0.35">
      <c r="A25661" s="1" t="s">
        <v>7319</v>
      </c>
      <c r="B25661" s="1" t="s">
        <v>86049</v>
      </c>
      <c r="C25661" s="1" t="s">
        <v>100</v>
      </c>
      <c r="D25661" s="1" t="s">
        <v>91890</v>
      </c>
      <c r="E25661" s="1" t="s">
        <v>56345</v>
      </c>
      <c r="F25661" s="1" t="s">
        <v>91891</v>
      </c>
      <c r="G25661" s="1" t="s">
        <v>91845</v>
      </c>
      <c r="H25661" s="1" t="s">
        <v>91846</v>
      </c>
      <c r="I25661" s="1" t="s">
        <v>86055</v>
      </c>
      <c r="J25661" s="1" t="s">
        <v>91892</v>
      </c>
    </row>
    <row r="25662" spans="1:10" x14ac:dyDescent="0.35">
      <c r="A25662" s="1" t="s">
        <v>7319</v>
      </c>
      <c r="B25662" s="1" t="s">
        <v>86049</v>
      </c>
      <c r="C25662" s="1" t="s">
        <v>105</v>
      </c>
      <c r="D25662" s="1" t="s">
        <v>91865</v>
      </c>
      <c r="E25662" s="1" t="s">
        <v>57099</v>
      </c>
      <c r="F25662" s="1" t="s">
        <v>91893</v>
      </c>
      <c r="G25662" s="1" t="s">
        <v>91845</v>
      </c>
      <c r="H25662" s="1" t="s">
        <v>91846</v>
      </c>
      <c r="I25662" s="1" t="s">
        <v>86055</v>
      </c>
      <c r="J25662" s="1" t="s">
        <v>91894</v>
      </c>
    </row>
    <row r="25663" spans="1:10" x14ac:dyDescent="0.35">
      <c r="A25663" s="1" t="s">
        <v>7319</v>
      </c>
      <c r="B25663" s="1" t="s">
        <v>86049</v>
      </c>
      <c r="C25663" s="1" t="s">
        <v>110</v>
      </c>
      <c r="D25663" s="1" t="s">
        <v>61938</v>
      </c>
      <c r="E25663" s="1" t="s">
        <v>24377</v>
      </c>
      <c r="F25663" s="1" t="s">
        <v>91895</v>
      </c>
      <c r="G25663" s="1" t="s">
        <v>91845</v>
      </c>
      <c r="H25663" s="1" t="s">
        <v>91846</v>
      </c>
      <c r="I25663" s="1" t="s">
        <v>86055</v>
      </c>
      <c r="J25663" s="1" t="s">
        <v>91896</v>
      </c>
    </row>
    <row r="25664" spans="1:10" x14ac:dyDescent="0.35">
      <c r="A25664" s="1" t="s">
        <v>7319</v>
      </c>
      <c r="B25664" s="1" t="s">
        <v>86049</v>
      </c>
      <c r="C25664" s="1" t="s">
        <v>115</v>
      </c>
      <c r="D25664" s="1" t="s">
        <v>91897</v>
      </c>
      <c r="E25664" s="1" t="s">
        <v>53890</v>
      </c>
      <c r="F25664" s="1" t="s">
        <v>91898</v>
      </c>
      <c r="G25664" s="1" t="s">
        <v>91845</v>
      </c>
      <c r="H25664" s="1" t="s">
        <v>91846</v>
      </c>
      <c r="I25664" s="1" t="s">
        <v>86055</v>
      </c>
      <c r="J25664" s="1" t="s">
        <v>91899</v>
      </c>
    </row>
    <row r="25665" spans="1:10" x14ac:dyDescent="0.35">
      <c r="A25665" s="1" t="s">
        <v>7319</v>
      </c>
      <c r="B25665" s="1" t="s">
        <v>86049</v>
      </c>
      <c r="C25665" s="1" t="s">
        <v>120</v>
      </c>
      <c r="D25665" s="1" t="s">
        <v>91900</v>
      </c>
      <c r="E25665" s="1" t="s">
        <v>12864</v>
      </c>
      <c r="F25665" s="1" t="s">
        <v>91901</v>
      </c>
      <c r="G25665" s="1" t="s">
        <v>91845</v>
      </c>
      <c r="H25665" s="1" t="s">
        <v>91846</v>
      </c>
      <c r="I25665" s="1" t="s">
        <v>86055</v>
      </c>
      <c r="J25665" s="1" t="s">
        <v>91902</v>
      </c>
    </row>
    <row r="25666" spans="1:10" x14ac:dyDescent="0.35">
      <c r="A25666" s="1" t="s">
        <v>7319</v>
      </c>
      <c r="B25666" s="1" t="s">
        <v>86049</v>
      </c>
      <c r="C25666" s="1" t="s">
        <v>125</v>
      </c>
      <c r="D25666" s="1" t="s">
        <v>64049</v>
      </c>
      <c r="E25666" s="1" t="s">
        <v>54092</v>
      </c>
      <c r="F25666" s="1" t="s">
        <v>91903</v>
      </c>
      <c r="G25666" s="1" t="s">
        <v>91845</v>
      </c>
      <c r="H25666" s="1" t="s">
        <v>91846</v>
      </c>
      <c r="I25666" s="1" t="s">
        <v>86055</v>
      </c>
      <c r="J25666" s="1" t="s">
        <v>91904</v>
      </c>
    </row>
    <row r="25667" spans="1:10" x14ac:dyDescent="0.35">
      <c r="A25667" s="1" t="s">
        <v>7319</v>
      </c>
      <c r="B25667" s="1" t="s">
        <v>86049</v>
      </c>
      <c r="C25667" s="1" t="s">
        <v>130</v>
      </c>
      <c r="D25667" s="1" t="s">
        <v>91905</v>
      </c>
      <c r="E25667" s="1" t="s">
        <v>31949</v>
      </c>
      <c r="F25667" s="1" t="s">
        <v>91906</v>
      </c>
      <c r="G25667" s="1" t="s">
        <v>91845</v>
      </c>
      <c r="H25667" s="1" t="s">
        <v>91846</v>
      </c>
      <c r="I25667" s="1" t="s">
        <v>86055</v>
      </c>
      <c r="J25667" s="1" t="s">
        <v>91907</v>
      </c>
    </row>
    <row r="25668" spans="1:10" x14ac:dyDescent="0.35">
      <c r="A25668" s="1" t="s">
        <v>7319</v>
      </c>
      <c r="B25668" s="1" t="s">
        <v>86049</v>
      </c>
      <c r="C25668" s="1" t="s">
        <v>135</v>
      </c>
      <c r="D25668" s="1" t="s">
        <v>91908</v>
      </c>
      <c r="E25668" s="1" t="s">
        <v>23498</v>
      </c>
      <c r="F25668" s="1" t="s">
        <v>64216</v>
      </c>
      <c r="G25668" s="1" t="s">
        <v>91845</v>
      </c>
      <c r="H25668" s="1" t="s">
        <v>91846</v>
      </c>
      <c r="I25668" s="1" t="s">
        <v>86055</v>
      </c>
      <c r="J25668" s="1" t="s">
        <v>91909</v>
      </c>
    </row>
    <row r="25669" spans="1:10" x14ac:dyDescent="0.35">
      <c r="A25669" s="1" t="s">
        <v>7319</v>
      </c>
      <c r="B25669" s="1" t="s">
        <v>86049</v>
      </c>
      <c r="C25669" s="1" t="s">
        <v>140</v>
      </c>
      <c r="D25669" s="1" t="s">
        <v>91910</v>
      </c>
      <c r="E25669" s="1" t="s">
        <v>24384</v>
      </c>
      <c r="F25669" s="1" t="s">
        <v>91911</v>
      </c>
      <c r="G25669" s="1" t="s">
        <v>91845</v>
      </c>
      <c r="H25669" s="1" t="s">
        <v>91846</v>
      </c>
      <c r="I25669" s="1" t="s">
        <v>86055</v>
      </c>
      <c r="J25669" s="1" t="s">
        <v>91912</v>
      </c>
    </row>
    <row r="25670" spans="1:10" x14ac:dyDescent="0.35">
      <c r="A25670" s="1" t="s">
        <v>7319</v>
      </c>
      <c r="B25670" s="1" t="s">
        <v>86049</v>
      </c>
      <c r="C25670" s="1" t="s">
        <v>145</v>
      </c>
      <c r="D25670" s="1" t="s">
        <v>91913</v>
      </c>
      <c r="E25670" s="1" t="s">
        <v>26430</v>
      </c>
      <c r="F25670" s="1" t="s">
        <v>91914</v>
      </c>
      <c r="G25670" s="1" t="s">
        <v>91845</v>
      </c>
      <c r="H25670" s="1" t="s">
        <v>91846</v>
      </c>
      <c r="I25670" s="1" t="s">
        <v>86055</v>
      </c>
      <c r="J25670" s="1" t="s">
        <v>91915</v>
      </c>
    </row>
    <row r="25671" spans="1:10" x14ac:dyDescent="0.35">
      <c r="A25671" s="1" t="s">
        <v>7319</v>
      </c>
      <c r="B25671" s="1" t="s">
        <v>86049</v>
      </c>
      <c r="C25671" s="1" t="s">
        <v>150</v>
      </c>
      <c r="D25671" s="1" t="s">
        <v>55735</v>
      </c>
      <c r="E25671" s="1" t="s">
        <v>15235</v>
      </c>
      <c r="F25671" s="1" t="s">
        <v>91916</v>
      </c>
      <c r="G25671" s="1" t="s">
        <v>91845</v>
      </c>
      <c r="H25671" s="1" t="s">
        <v>91846</v>
      </c>
      <c r="I25671" s="1" t="s">
        <v>86055</v>
      </c>
      <c r="J25671" s="1" t="s">
        <v>91917</v>
      </c>
    </row>
    <row r="25672" spans="1:10" x14ac:dyDescent="0.35">
      <c r="A25672" s="1" t="s">
        <v>7319</v>
      </c>
      <c r="B25672" s="1" t="s">
        <v>86049</v>
      </c>
      <c r="C25672" s="1" t="s">
        <v>155</v>
      </c>
      <c r="D25672" s="1" t="s">
        <v>91918</v>
      </c>
      <c r="E25672" s="1" t="s">
        <v>58043</v>
      </c>
      <c r="F25672" s="1" t="s">
        <v>91919</v>
      </c>
      <c r="G25672" s="1" t="s">
        <v>91845</v>
      </c>
      <c r="H25672" s="1" t="s">
        <v>91846</v>
      </c>
      <c r="I25672" s="1" t="s">
        <v>86055</v>
      </c>
      <c r="J25672" s="1" t="s">
        <v>91920</v>
      </c>
    </row>
    <row r="25673" spans="1:10" x14ac:dyDescent="0.35">
      <c r="A25673" s="1" t="s">
        <v>7319</v>
      </c>
      <c r="B25673" s="1" t="s">
        <v>86049</v>
      </c>
      <c r="C25673" s="1" t="s">
        <v>160</v>
      </c>
      <c r="D25673" s="1" t="s">
        <v>60605</v>
      </c>
      <c r="E25673" s="1" t="s">
        <v>22320</v>
      </c>
      <c r="F25673" s="1" t="s">
        <v>91921</v>
      </c>
      <c r="G25673" s="1" t="s">
        <v>91845</v>
      </c>
      <c r="H25673" s="1" t="s">
        <v>91846</v>
      </c>
      <c r="I25673" s="1" t="s">
        <v>86055</v>
      </c>
      <c r="J25673" s="1" t="s">
        <v>91922</v>
      </c>
    </row>
    <row r="25674" spans="1:10" x14ac:dyDescent="0.35">
      <c r="A25674" s="1" t="s">
        <v>7319</v>
      </c>
      <c r="B25674" s="1" t="s">
        <v>86049</v>
      </c>
      <c r="C25674" s="1" t="s">
        <v>165</v>
      </c>
      <c r="D25674" s="1" t="s">
        <v>91923</v>
      </c>
      <c r="E25674" s="1" t="s">
        <v>24213</v>
      </c>
      <c r="F25674" s="1" t="s">
        <v>91924</v>
      </c>
      <c r="G25674" s="1" t="s">
        <v>91845</v>
      </c>
      <c r="H25674" s="1" t="s">
        <v>91846</v>
      </c>
      <c r="I25674" s="1" t="s">
        <v>86055</v>
      </c>
      <c r="J25674" s="1" t="s">
        <v>91925</v>
      </c>
    </row>
    <row r="25675" spans="1:10" x14ac:dyDescent="0.35">
      <c r="A25675" s="1" t="s">
        <v>7319</v>
      </c>
      <c r="B25675" s="1" t="s">
        <v>86049</v>
      </c>
      <c r="C25675" s="1" t="s">
        <v>170</v>
      </c>
      <c r="D25675" s="1" t="s">
        <v>22567</v>
      </c>
      <c r="E25675" s="1" t="s">
        <v>30597</v>
      </c>
      <c r="F25675" s="1" t="s">
        <v>91926</v>
      </c>
      <c r="G25675" s="1" t="s">
        <v>91845</v>
      </c>
      <c r="H25675" s="1" t="s">
        <v>91846</v>
      </c>
      <c r="I25675" s="1" t="s">
        <v>86055</v>
      </c>
      <c r="J25675" s="1" t="s">
        <v>91927</v>
      </c>
    </row>
    <row r="25676" spans="1:10" x14ac:dyDescent="0.35">
      <c r="A25676" s="1" t="s">
        <v>91928</v>
      </c>
      <c r="B25676" s="1" t="s">
        <v>86049</v>
      </c>
      <c r="C25676" s="1" t="s">
        <v>8</v>
      </c>
      <c r="D25676" s="1" t="s">
        <v>24326</v>
      </c>
      <c r="E25676" s="1" t="s">
        <v>91929</v>
      </c>
      <c r="F25676" s="1" t="s">
        <v>91930</v>
      </c>
      <c r="G25676" s="1" t="s">
        <v>91931</v>
      </c>
      <c r="H25676" s="1" t="s">
        <v>91932</v>
      </c>
      <c r="I25676" s="1" t="s">
        <v>86055</v>
      </c>
      <c r="J25676" s="1" t="s">
        <v>13</v>
      </c>
    </row>
    <row r="25677" spans="1:10" x14ac:dyDescent="0.35">
      <c r="A25677" s="1" t="s">
        <v>91928</v>
      </c>
      <c r="B25677" s="1" t="s">
        <v>86049</v>
      </c>
      <c r="C25677" s="1" t="s">
        <v>15</v>
      </c>
      <c r="D25677" s="1" t="s">
        <v>86983</v>
      </c>
      <c r="E25677" s="1" t="s">
        <v>91933</v>
      </c>
      <c r="F25677" s="1" t="s">
        <v>91934</v>
      </c>
      <c r="G25677" s="1" t="s">
        <v>91931</v>
      </c>
      <c r="H25677" s="1" t="s">
        <v>91932</v>
      </c>
      <c r="I25677" s="1" t="s">
        <v>86055</v>
      </c>
      <c r="J25677" s="1" t="s">
        <v>91935</v>
      </c>
    </row>
    <row r="25678" spans="1:10" x14ac:dyDescent="0.35">
      <c r="A25678" s="1" t="s">
        <v>91928</v>
      </c>
      <c r="B25678" s="1" t="s">
        <v>86049</v>
      </c>
      <c r="C25678" s="1" t="s">
        <v>20</v>
      </c>
      <c r="D25678" s="1" t="s">
        <v>91936</v>
      </c>
      <c r="E25678" s="1" t="s">
        <v>91937</v>
      </c>
      <c r="F25678" s="1" t="s">
        <v>91938</v>
      </c>
      <c r="G25678" s="1" t="s">
        <v>91931</v>
      </c>
      <c r="H25678" s="1" t="s">
        <v>91932</v>
      </c>
      <c r="I25678" s="1" t="s">
        <v>86055</v>
      </c>
      <c r="J25678" s="1" t="s">
        <v>91939</v>
      </c>
    </row>
    <row r="25679" spans="1:10" x14ac:dyDescent="0.35">
      <c r="A25679" s="1" t="s">
        <v>91928</v>
      </c>
      <c r="B25679" s="1" t="s">
        <v>86049</v>
      </c>
      <c r="C25679" s="1" t="s">
        <v>25</v>
      </c>
      <c r="D25679" s="1" t="s">
        <v>91940</v>
      </c>
      <c r="E25679" s="1" t="s">
        <v>91941</v>
      </c>
      <c r="F25679" s="1" t="s">
        <v>91942</v>
      </c>
      <c r="G25679" s="1" t="s">
        <v>91931</v>
      </c>
      <c r="H25679" s="1" t="s">
        <v>91932</v>
      </c>
      <c r="I25679" s="1" t="s">
        <v>86055</v>
      </c>
      <c r="J25679" s="1" t="s">
        <v>91943</v>
      </c>
    </row>
    <row r="25680" spans="1:10" x14ac:dyDescent="0.35">
      <c r="A25680" s="1" t="s">
        <v>91928</v>
      </c>
      <c r="B25680" s="1" t="s">
        <v>86049</v>
      </c>
      <c r="C25680" s="1" t="s">
        <v>30</v>
      </c>
      <c r="D25680" s="1" t="s">
        <v>53972</v>
      </c>
      <c r="E25680" s="1" t="s">
        <v>91944</v>
      </c>
      <c r="F25680" s="1" t="s">
        <v>91945</v>
      </c>
      <c r="G25680" s="1" t="s">
        <v>91931</v>
      </c>
      <c r="H25680" s="1" t="s">
        <v>91932</v>
      </c>
      <c r="I25680" s="1" t="s">
        <v>86055</v>
      </c>
      <c r="J25680" s="1" t="s">
        <v>91946</v>
      </c>
    </row>
    <row r="25681" spans="1:10" x14ac:dyDescent="0.35">
      <c r="A25681" s="1" t="s">
        <v>91928</v>
      </c>
      <c r="B25681" s="1" t="s">
        <v>86049</v>
      </c>
      <c r="C25681" s="1" t="s">
        <v>35</v>
      </c>
      <c r="D25681" s="1" t="s">
        <v>91947</v>
      </c>
      <c r="E25681" s="1" t="s">
        <v>91948</v>
      </c>
      <c r="F25681" s="1" t="s">
        <v>91949</v>
      </c>
      <c r="G25681" s="1" t="s">
        <v>91931</v>
      </c>
      <c r="H25681" s="1" t="s">
        <v>91932</v>
      </c>
      <c r="I25681" s="1" t="s">
        <v>86055</v>
      </c>
      <c r="J25681" s="1" t="s">
        <v>91950</v>
      </c>
    </row>
    <row r="25682" spans="1:10" x14ac:dyDescent="0.35">
      <c r="A25682" s="1" t="s">
        <v>91928</v>
      </c>
      <c r="B25682" s="1" t="s">
        <v>86049</v>
      </c>
      <c r="C25682" s="1" t="s">
        <v>40</v>
      </c>
      <c r="D25682" s="1" t="s">
        <v>91951</v>
      </c>
      <c r="E25682" s="1" t="s">
        <v>91952</v>
      </c>
      <c r="F25682" s="1" t="s">
        <v>91953</v>
      </c>
      <c r="G25682" s="1" t="s">
        <v>91931</v>
      </c>
      <c r="H25682" s="1" t="s">
        <v>91932</v>
      </c>
      <c r="I25682" s="1" t="s">
        <v>86055</v>
      </c>
      <c r="J25682" s="1" t="s">
        <v>91954</v>
      </c>
    </row>
    <row r="25683" spans="1:10" x14ac:dyDescent="0.35">
      <c r="A25683" s="1" t="s">
        <v>91928</v>
      </c>
      <c r="B25683" s="1" t="s">
        <v>86049</v>
      </c>
      <c r="C25683" s="1" t="s">
        <v>45</v>
      </c>
      <c r="D25683" s="1" t="s">
        <v>91955</v>
      </c>
      <c r="E25683" s="1" t="s">
        <v>91956</v>
      </c>
      <c r="F25683" s="1" t="s">
        <v>91957</v>
      </c>
      <c r="G25683" s="1" t="s">
        <v>91931</v>
      </c>
      <c r="H25683" s="1" t="s">
        <v>91932</v>
      </c>
      <c r="I25683" s="1" t="s">
        <v>86055</v>
      </c>
      <c r="J25683" s="1" t="s">
        <v>91958</v>
      </c>
    </row>
    <row r="25684" spans="1:10" x14ac:dyDescent="0.35">
      <c r="A25684" s="1" t="s">
        <v>91928</v>
      </c>
      <c r="B25684" s="1" t="s">
        <v>86049</v>
      </c>
      <c r="C25684" s="1" t="s">
        <v>50</v>
      </c>
      <c r="D25684" s="1" t="s">
        <v>91959</v>
      </c>
      <c r="E25684" s="1" t="s">
        <v>91960</v>
      </c>
      <c r="F25684" s="1" t="s">
        <v>91961</v>
      </c>
      <c r="G25684" s="1" t="s">
        <v>91931</v>
      </c>
      <c r="H25684" s="1" t="s">
        <v>91932</v>
      </c>
      <c r="I25684" s="1" t="s">
        <v>86055</v>
      </c>
      <c r="J25684" s="1" t="s">
        <v>91962</v>
      </c>
    </row>
    <row r="25685" spans="1:10" x14ac:dyDescent="0.35">
      <c r="A25685" s="1" t="s">
        <v>91928</v>
      </c>
      <c r="B25685" s="1" t="s">
        <v>86049</v>
      </c>
      <c r="C25685" s="1" t="s">
        <v>55</v>
      </c>
      <c r="D25685" s="1" t="s">
        <v>91963</v>
      </c>
      <c r="E25685" s="1" t="s">
        <v>91964</v>
      </c>
      <c r="F25685" s="1" t="s">
        <v>91965</v>
      </c>
      <c r="G25685" s="1" t="s">
        <v>91931</v>
      </c>
      <c r="H25685" s="1" t="s">
        <v>91932</v>
      </c>
      <c r="I25685" s="1" t="s">
        <v>86055</v>
      </c>
      <c r="J25685" s="1" t="s">
        <v>91966</v>
      </c>
    </row>
    <row r="25686" spans="1:10" x14ac:dyDescent="0.35">
      <c r="A25686" s="1" t="s">
        <v>91928</v>
      </c>
      <c r="B25686" s="1" t="s">
        <v>86049</v>
      </c>
      <c r="C25686" s="1" t="s">
        <v>60</v>
      </c>
      <c r="D25686" s="1" t="s">
        <v>91967</v>
      </c>
      <c r="E25686" s="1" t="s">
        <v>91968</v>
      </c>
      <c r="F25686" s="1" t="s">
        <v>91969</v>
      </c>
      <c r="G25686" s="1" t="s">
        <v>91931</v>
      </c>
      <c r="H25686" s="1" t="s">
        <v>91932</v>
      </c>
      <c r="I25686" s="1" t="s">
        <v>86055</v>
      </c>
      <c r="J25686" s="1" t="s">
        <v>91970</v>
      </c>
    </row>
    <row r="25687" spans="1:10" x14ac:dyDescent="0.35">
      <c r="A25687" s="1" t="s">
        <v>91928</v>
      </c>
      <c r="B25687" s="1" t="s">
        <v>86049</v>
      </c>
      <c r="C25687" s="1" t="s">
        <v>65</v>
      </c>
      <c r="D25687" s="1" t="s">
        <v>85743</v>
      </c>
      <c r="E25687" s="1" t="s">
        <v>91971</v>
      </c>
      <c r="F25687" s="1" t="s">
        <v>91972</v>
      </c>
      <c r="G25687" s="1" t="s">
        <v>91931</v>
      </c>
      <c r="H25687" s="1" t="s">
        <v>91932</v>
      </c>
      <c r="I25687" s="1" t="s">
        <v>86055</v>
      </c>
      <c r="J25687" s="1" t="s">
        <v>91973</v>
      </c>
    </row>
    <row r="25688" spans="1:10" x14ac:dyDescent="0.35">
      <c r="A25688" s="1" t="s">
        <v>91928</v>
      </c>
      <c r="B25688" s="1" t="s">
        <v>86049</v>
      </c>
      <c r="C25688" s="1" t="s">
        <v>70</v>
      </c>
      <c r="D25688" s="1" t="s">
        <v>91974</v>
      </c>
      <c r="E25688" s="1" t="s">
        <v>91975</v>
      </c>
      <c r="F25688" s="1" t="s">
        <v>91976</v>
      </c>
      <c r="G25688" s="1" t="s">
        <v>91931</v>
      </c>
      <c r="H25688" s="1" t="s">
        <v>91932</v>
      </c>
      <c r="I25688" s="1" t="s">
        <v>86055</v>
      </c>
      <c r="J25688" s="1" t="s">
        <v>91977</v>
      </c>
    </row>
    <row r="25689" spans="1:10" x14ac:dyDescent="0.35">
      <c r="A25689" s="1" t="s">
        <v>91928</v>
      </c>
      <c r="B25689" s="1" t="s">
        <v>86049</v>
      </c>
      <c r="C25689" s="1" t="s">
        <v>75</v>
      </c>
      <c r="D25689" s="1" t="s">
        <v>91978</v>
      </c>
      <c r="E25689" s="1" t="s">
        <v>91979</v>
      </c>
      <c r="F25689" s="1" t="s">
        <v>91980</v>
      </c>
      <c r="G25689" s="1" t="s">
        <v>91931</v>
      </c>
      <c r="H25689" s="1" t="s">
        <v>91932</v>
      </c>
      <c r="I25689" s="1" t="s">
        <v>86055</v>
      </c>
      <c r="J25689" s="1" t="s">
        <v>91981</v>
      </c>
    </row>
    <row r="25690" spans="1:10" x14ac:dyDescent="0.35">
      <c r="A25690" s="1" t="s">
        <v>91928</v>
      </c>
      <c r="B25690" s="1" t="s">
        <v>86049</v>
      </c>
      <c r="C25690" s="1" t="s">
        <v>80</v>
      </c>
      <c r="D25690" s="1" t="s">
        <v>58470</v>
      </c>
      <c r="E25690" s="1" t="s">
        <v>91982</v>
      </c>
      <c r="F25690" s="1" t="s">
        <v>91983</v>
      </c>
      <c r="G25690" s="1" t="s">
        <v>91931</v>
      </c>
      <c r="H25690" s="1" t="s">
        <v>91932</v>
      </c>
      <c r="I25690" s="1" t="s">
        <v>86055</v>
      </c>
      <c r="J25690" s="1" t="s">
        <v>91984</v>
      </c>
    </row>
    <row r="25691" spans="1:10" x14ac:dyDescent="0.35">
      <c r="A25691" s="1" t="s">
        <v>91928</v>
      </c>
      <c r="B25691" s="1" t="s">
        <v>86049</v>
      </c>
      <c r="C25691" s="1" t="s">
        <v>85</v>
      </c>
      <c r="D25691" s="1" t="s">
        <v>77828</v>
      </c>
      <c r="E25691" s="1" t="s">
        <v>91985</v>
      </c>
      <c r="F25691" s="1" t="s">
        <v>91986</v>
      </c>
      <c r="G25691" s="1" t="s">
        <v>91931</v>
      </c>
      <c r="H25691" s="1" t="s">
        <v>91932</v>
      </c>
      <c r="I25691" s="1" t="s">
        <v>86055</v>
      </c>
      <c r="J25691" s="1" t="s">
        <v>91987</v>
      </c>
    </row>
    <row r="25692" spans="1:10" x14ac:dyDescent="0.35">
      <c r="A25692" s="1" t="s">
        <v>91928</v>
      </c>
      <c r="B25692" s="1" t="s">
        <v>86049</v>
      </c>
      <c r="C25692" s="1" t="s">
        <v>90</v>
      </c>
      <c r="D25692" s="1" t="s">
        <v>36334</v>
      </c>
      <c r="E25692" s="1" t="s">
        <v>91988</v>
      </c>
      <c r="F25692" s="1" t="s">
        <v>91989</v>
      </c>
      <c r="G25692" s="1" t="s">
        <v>91931</v>
      </c>
      <c r="H25692" s="1" t="s">
        <v>91932</v>
      </c>
      <c r="I25692" s="1" t="s">
        <v>86055</v>
      </c>
      <c r="J25692" s="1" t="s">
        <v>91990</v>
      </c>
    </row>
    <row r="25693" spans="1:10" x14ac:dyDescent="0.35">
      <c r="A25693" s="1" t="s">
        <v>91928</v>
      </c>
      <c r="B25693" s="1" t="s">
        <v>86049</v>
      </c>
      <c r="C25693" s="1" t="s">
        <v>95</v>
      </c>
      <c r="D25693" s="1" t="s">
        <v>91991</v>
      </c>
      <c r="E25693" s="1" t="s">
        <v>91992</v>
      </c>
      <c r="F25693" s="1" t="s">
        <v>91993</v>
      </c>
      <c r="G25693" s="1" t="s">
        <v>91931</v>
      </c>
      <c r="H25693" s="1" t="s">
        <v>91932</v>
      </c>
      <c r="I25693" s="1" t="s">
        <v>86055</v>
      </c>
      <c r="J25693" s="1" t="s">
        <v>91994</v>
      </c>
    </row>
    <row r="25694" spans="1:10" x14ac:dyDescent="0.35">
      <c r="A25694" s="1" t="s">
        <v>91928</v>
      </c>
      <c r="B25694" s="1" t="s">
        <v>86049</v>
      </c>
      <c r="C25694" s="1" t="s">
        <v>100</v>
      </c>
      <c r="D25694" s="1" t="s">
        <v>91995</v>
      </c>
      <c r="E25694" s="1" t="s">
        <v>91996</v>
      </c>
      <c r="F25694" s="1" t="s">
        <v>91997</v>
      </c>
      <c r="G25694" s="1" t="s">
        <v>91931</v>
      </c>
      <c r="H25694" s="1" t="s">
        <v>91932</v>
      </c>
      <c r="I25694" s="1" t="s">
        <v>86055</v>
      </c>
      <c r="J25694" s="1" t="s">
        <v>91998</v>
      </c>
    </row>
    <row r="25695" spans="1:10" x14ac:dyDescent="0.35">
      <c r="A25695" s="1" t="s">
        <v>91928</v>
      </c>
      <c r="B25695" s="1" t="s">
        <v>86049</v>
      </c>
      <c r="C25695" s="1" t="s">
        <v>105</v>
      </c>
      <c r="D25695" s="1" t="s">
        <v>91999</v>
      </c>
      <c r="E25695" s="1" t="s">
        <v>92000</v>
      </c>
      <c r="F25695" s="1" t="s">
        <v>92001</v>
      </c>
      <c r="G25695" s="1" t="s">
        <v>91931</v>
      </c>
      <c r="H25695" s="1" t="s">
        <v>91932</v>
      </c>
      <c r="I25695" s="1" t="s">
        <v>86055</v>
      </c>
      <c r="J25695" s="1" t="s">
        <v>92002</v>
      </c>
    </row>
    <row r="25696" spans="1:10" x14ac:dyDescent="0.35">
      <c r="A25696" s="1" t="s">
        <v>91928</v>
      </c>
      <c r="B25696" s="1" t="s">
        <v>86049</v>
      </c>
      <c r="C25696" s="1" t="s">
        <v>110</v>
      </c>
      <c r="D25696" s="1" t="s">
        <v>92003</v>
      </c>
      <c r="E25696" s="1" t="s">
        <v>92004</v>
      </c>
      <c r="F25696" s="1" t="s">
        <v>92005</v>
      </c>
      <c r="G25696" s="1" t="s">
        <v>91931</v>
      </c>
      <c r="H25696" s="1" t="s">
        <v>91932</v>
      </c>
      <c r="I25696" s="1" t="s">
        <v>86055</v>
      </c>
      <c r="J25696" s="1" t="s">
        <v>92006</v>
      </c>
    </row>
    <row r="25697" spans="1:10" x14ac:dyDescent="0.35">
      <c r="A25697" s="1" t="s">
        <v>91928</v>
      </c>
      <c r="B25697" s="1" t="s">
        <v>86049</v>
      </c>
      <c r="C25697" s="1" t="s">
        <v>115</v>
      </c>
      <c r="D25697" s="1" t="s">
        <v>75566</v>
      </c>
      <c r="E25697" s="1" t="s">
        <v>92007</v>
      </c>
      <c r="F25697" s="1" t="s">
        <v>92008</v>
      </c>
      <c r="G25697" s="1" t="s">
        <v>91931</v>
      </c>
      <c r="H25697" s="1" t="s">
        <v>91932</v>
      </c>
      <c r="I25697" s="1" t="s">
        <v>86055</v>
      </c>
      <c r="J25697" s="1" t="s">
        <v>92009</v>
      </c>
    </row>
    <row r="25698" spans="1:10" x14ac:dyDescent="0.35">
      <c r="A25698" s="1" t="s">
        <v>91928</v>
      </c>
      <c r="B25698" s="1" t="s">
        <v>86049</v>
      </c>
      <c r="C25698" s="1" t="s">
        <v>120</v>
      </c>
      <c r="D25698" s="1" t="s">
        <v>92010</v>
      </c>
      <c r="E25698" s="1" t="s">
        <v>92011</v>
      </c>
      <c r="F25698" s="1" t="s">
        <v>92012</v>
      </c>
      <c r="G25698" s="1" t="s">
        <v>91931</v>
      </c>
      <c r="H25698" s="1" t="s">
        <v>91932</v>
      </c>
      <c r="I25698" s="1" t="s">
        <v>86055</v>
      </c>
      <c r="J25698" s="1" t="s">
        <v>92013</v>
      </c>
    </row>
    <row r="25699" spans="1:10" x14ac:dyDescent="0.35">
      <c r="A25699" s="1" t="s">
        <v>91928</v>
      </c>
      <c r="B25699" s="1" t="s">
        <v>86049</v>
      </c>
      <c r="C25699" s="1" t="s">
        <v>125</v>
      </c>
      <c r="D25699" s="1" t="s">
        <v>92014</v>
      </c>
      <c r="E25699" s="1" t="s">
        <v>92015</v>
      </c>
      <c r="F25699" s="1" t="s">
        <v>92016</v>
      </c>
      <c r="G25699" s="1" t="s">
        <v>91931</v>
      </c>
      <c r="H25699" s="1" t="s">
        <v>91932</v>
      </c>
      <c r="I25699" s="1" t="s">
        <v>86055</v>
      </c>
      <c r="J25699" s="1" t="s">
        <v>92017</v>
      </c>
    </row>
    <row r="25700" spans="1:10" x14ac:dyDescent="0.35">
      <c r="A25700" s="1" t="s">
        <v>91928</v>
      </c>
      <c r="B25700" s="1" t="s">
        <v>86049</v>
      </c>
      <c r="C25700" s="1" t="s">
        <v>130</v>
      </c>
      <c r="D25700" s="1" t="s">
        <v>92018</v>
      </c>
      <c r="E25700" s="1" t="s">
        <v>92019</v>
      </c>
      <c r="F25700" s="1" t="s">
        <v>92020</v>
      </c>
      <c r="G25700" s="1" t="s">
        <v>91931</v>
      </c>
      <c r="H25700" s="1" t="s">
        <v>91932</v>
      </c>
      <c r="I25700" s="1" t="s">
        <v>86055</v>
      </c>
      <c r="J25700" s="1" t="s">
        <v>92021</v>
      </c>
    </row>
    <row r="25701" spans="1:10" x14ac:dyDescent="0.35">
      <c r="A25701" s="1" t="s">
        <v>91928</v>
      </c>
      <c r="B25701" s="1" t="s">
        <v>86049</v>
      </c>
      <c r="C25701" s="1" t="s">
        <v>135</v>
      </c>
      <c r="D25701" s="1" t="s">
        <v>92022</v>
      </c>
      <c r="E25701" s="1" t="s">
        <v>92023</v>
      </c>
      <c r="F25701" s="1" t="s">
        <v>92024</v>
      </c>
      <c r="G25701" s="1" t="s">
        <v>91931</v>
      </c>
      <c r="H25701" s="1" t="s">
        <v>91932</v>
      </c>
      <c r="I25701" s="1" t="s">
        <v>86055</v>
      </c>
      <c r="J25701" s="1" t="s">
        <v>92025</v>
      </c>
    </row>
    <row r="25702" spans="1:10" x14ac:dyDescent="0.35">
      <c r="A25702" s="1" t="s">
        <v>91928</v>
      </c>
      <c r="B25702" s="1" t="s">
        <v>86049</v>
      </c>
      <c r="C25702" s="1" t="s">
        <v>140</v>
      </c>
      <c r="D25702" s="1" t="s">
        <v>22682</v>
      </c>
      <c r="E25702" s="1" t="s">
        <v>92026</v>
      </c>
      <c r="F25702" s="1" t="s">
        <v>92027</v>
      </c>
      <c r="G25702" s="1" t="s">
        <v>91931</v>
      </c>
      <c r="H25702" s="1" t="s">
        <v>91932</v>
      </c>
      <c r="I25702" s="1" t="s">
        <v>86055</v>
      </c>
      <c r="J25702" s="1" t="s">
        <v>92028</v>
      </c>
    </row>
    <row r="25703" spans="1:10" x14ac:dyDescent="0.35">
      <c r="A25703" s="1" t="s">
        <v>91928</v>
      </c>
      <c r="B25703" s="1" t="s">
        <v>86049</v>
      </c>
      <c r="C25703" s="1" t="s">
        <v>145</v>
      </c>
      <c r="D25703" s="1" t="s">
        <v>92029</v>
      </c>
      <c r="E25703" s="1" t="s">
        <v>92030</v>
      </c>
      <c r="F25703" s="1" t="s">
        <v>92031</v>
      </c>
      <c r="G25703" s="1" t="s">
        <v>91931</v>
      </c>
      <c r="H25703" s="1" t="s">
        <v>91932</v>
      </c>
      <c r="I25703" s="1" t="s">
        <v>86055</v>
      </c>
      <c r="J25703" s="1" t="s">
        <v>92032</v>
      </c>
    </row>
    <row r="25704" spans="1:10" x14ac:dyDescent="0.35">
      <c r="A25704" s="1" t="s">
        <v>91928</v>
      </c>
      <c r="B25704" s="1" t="s">
        <v>86049</v>
      </c>
      <c r="C25704" s="1" t="s">
        <v>150</v>
      </c>
      <c r="D25704" s="1" t="s">
        <v>36303</v>
      </c>
      <c r="E25704" s="1" t="s">
        <v>92033</v>
      </c>
      <c r="F25704" s="1" t="s">
        <v>92034</v>
      </c>
      <c r="G25704" s="1" t="s">
        <v>91931</v>
      </c>
      <c r="H25704" s="1" t="s">
        <v>91932</v>
      </c>
      <c r="I25704" s="1" t="s">
        <v>86055</v>
      </c>
      <c r="J25704" s="1" t="s">
        <v>92035</v>
      </c>
    </row>
    <row r="25705" spans="1:10" x14ac:dyDescent="0.35">
      <c r="A25705" s="1" t="s">
        <v>91928</v>
      </c>
      <c r="B25705" s="1" t="s">
        <v>86049</v>
      </c>
      <c r="C25705" s="1" t="s">
        <v>155</v>
      </c>
      <c r="D25705" s="1" t="s">
        <v>68194</v>
      </c>
      <c r="E25705" s="1" t="s">
        <v>92036</v>
      </c>
      <c r="F25705" s="1" t="s">
        <v>92037</v>
      </c>
      <c r="G25705" s="1" t="s">
        <v>91931</v>
      </c>
      <c r="H25705" s="1" t="s">
        <v>91932</v>
      </c>
      <c r="I25705" s="1" t="s">
        <v>86055</v>
      </c>
      <c r="J25705" s="1" t="s">
        <v>92038</v>
      </c>
    </row>
    <row r="25706" spans="1:10" x14ac:dyDescent="0.35">
      <c r="A25706" s="1" t="s">
        <v>91928</v>
      </c>
      <c r="B25706" s="1" t="s">
        <v>86049</v>
      </c>
      <c r="C25706" s="1" t="s">
        <v>160</v>
      </c>
      <c r="D25706" s="1" t="s">
        <v>63954</v>
      </c>
      <c r="E25706" s="1" t="s">
        <v>92039</v>
      </c>
      <c r="F25706" s="1" t="s">
        <v>92040</v>
      </c>
      <c r="G25706" s="1" t="s">
        <v>91931</v>
      </c>
      <c r="H25706" s="1" t="s">
        <v>91932</v>
      </c>
      <c r="I25706" s="1" t="s">
        <v>86055</v>
      </c>
      <c r="J25706" s="1" t="s">
        <v>92041</v>
      </c>
    </row>
    <row r="25707" spans="1:10" x14ac:dyDescent="0.35">
      <c r="A25707" s="1" t="s">
        <v>91928</v>
      </c>
      <c r="B25707" s="1" t="s">
        <v>86049</v>
      </c>
      <c r="C25707" s="1" t="s">
        <v>165</v>
      </c>
      <c r="D25707" s="1" t="s">
        <v>92042</v>
      </c>
      <c r="E25707" s="1" t="s">
        <v>92043</v>
      </c>
      <c r="F25707" s="1" t="s">
        <v>92044</v>
      </c>
      <c r="G25707" s="1" t="s">
        <v>91931</v>
      </c>
      <c r="H25707" s="1" t="s">
        <v>91932</v>
      </c>
      <c r="I25707" s="1" t="s">
        <v>86055</v>
      </c>
      <c r="J25707" s="1" t="s">
        <v>92045</v>
      </c>
    </row>
    <row r="25708" spans="1:10" x14ac:dyDescent="0.35">
      <c r="A25708" s="1" t="s">
        <v>91928</v>
      </c>
      <c r="B25708" s="1" t="s">
        <v>86049</v>
      </c>
      <c r="C25708" s="1" t="s">
        <v>170</v>
      </c>
      <c r="D25708" s="1" t="s">
        <v>20170</v>
      </c>
      <c r="E25708" s="1" t="s">
        <v>92046</v>
      </c>
      <c r="F25708" s="1" t="s">
        <v>92047</v>
      </c>
      <c r="G25708" s="1" t="s">
        <v>91931</v>
      </c>
      <c r="H25708" s="1" t="s">
        <v>91932</v>
      </c>
      <c r="I25708" s="1" t="s">
        <v>86055</v>
      </c>
      <c r="J25708" s="1" t="s">
        <v>92048</v>
      </c>
    </row>
    <row r="25709" spans="1:10" x14ac:dyDescent="0.35">
      <c r="A25709" s="1" t="s">
        <v>92049</v>
      </c>
      <c r="B25709" s="1" t="s">
        <v>86049</v>
      </c>
      <c r="C25709" s="1" t="s">
        <v>8</v>
      </c>
      <c r="D25709" s="1" t="s">
        <v>92050</v>
      </c>
      <c r="E25709" s="1" t="s">
        <v>92051</v>
      </c>
      <c r="F25709" s="1" t="s">
        <v>92052</v>
      </c>
      <c r="G25709" s="1" t="s">
        <v>92053</v>
      </c>
      <c r="H25709" s="1" t="s">
        <v>92054</v>
      </c>
      <c r="I25709" s="1" t="s">
        <v>86055</v>
      </c>
      <c r="J25709" s="1" t="s">
        <v>13</v>
      </c>
    </row>
    <row r="25710" spans="1:10" x14ac:dyDescent="0.35">
      <c r="A25710" s="1" t="s">
        <v>92049</v>
      </c>
      <c r="B25710" s="1" t="s">
        <v>86049</v>
      </c>
      <c r="C25710" s="1" t="s">
        <v>15</v>
      </c>
      <c r="D25710" s="1" t="s">
        <v>85326</v>
      </c>
      <c r="E25710" s="1" t="s">
        <v>92055</v>
      </c>
      <c r="F25710" s="1" t="s">
        <v>92056</v>
      </c>
      <c r="G25710" s="1" t="s">
        <v>92053</v>
      </c>
      <c r="H25710" s="1" t="s">
        <v>92054</v>
      </c>
      <c r="I25710" s="1" t="s">
        <v>86055</v>
      </c>
      <c r="J25710" s="1" t="s">
        <v>92057</v>
      </c>
    </row>
    <row r="25711" spans="1:10" x14ac:dyDescent="0.35">
      <c r="A25711" s="1" t="s">
        <v>92049</v>
      </c>
      <c r="B25711" s="1" t="s">
        <v>86049</v>
      </c>
      <c r="C25711" s="1" t="s">
        <v>20</v>
      </c>
      <c r="D25711" s="1" t="s">
        <v>92058</v>
      </c>
      <c r="E25711" s="1" t="s">
        <v>92059</v>
      </c>
      <c r="F25711" s="1" t="s">
        <v>92060</v>
      </c>
      <c r="G25711" s="1" t="s">
        <v>92053</v>
      </c>
      <c r="H25711" s="1" t="s">
        <v>92054</v>
      </c>
      <c r="I25711" s="1" t="s">
        <v>86055</v>
      </c>
      <c r="J25711" s="1" t="s">
        <v>92061</v>
      </c>
    </row>
    <row r="25712" spans="1:10" x14ac:dyDescent="0.35">
      <c r="A25712" s="1" t="s">
        <v>92049</v>
      </c>
      <c r="B25712" s="1" t="s">
        <v>86049</v>
      </c>
      <c r="C25712" s="1" t="s">
        <v>25</v>
      </c>
      <c r="D25712" s="1" t="s">
        <v>92062</v>
      </c>
      <c r="E25712" s="1" t="s">
        <v>92063</v>
      </c>
      <c r="F25712" s="1" t="s">
        <v>92064</v>
      </c>
      <c r="G25712" s="1" t="s">
        <v>92053</v>
      </c>
      <c r="H25712" s="1" t="s">
        <v>92054</v>
      </c>
      <c r="I25712" s="1" t="s">
        <v>86055</v>
      </c>
      <c r="J25712" s="1" t="s">
        <v>92065</v>
      </c>
    </row>
    <row r="25713" spans="1:10" x14ac:dyDescent="0.35">
      <c r="A25713" s="1" t="s">
        <v>92049</v>
      </c>
      <c r="B25713" s="1" t="s">
        <v>86049</v>
      </c>
      <c r="C25713" s="1" t="s">
        <v>30</v>
      </c>
      <c r="D25713" s="1" t="s">
        <v>92066</v>
      </c>
      <c r="E25713" s="1" t="s">
        <v>92067</v>
      </c>
      <c r="F25713" s="1" t="s">
        <v>92068</v>
      </c>
      <c r="G25713" s="1" t="s">
        <v>92053</v>
      </c>
      <c r="H25713" s="1" t="s">
        <v>92054</v>
      </c>
      <c r="I25713" s="1" t="s">
        <v>86055</v>
      </c>
      <c r="J25713" s="1" t="s">
        <v>92069</v>
      </c>
    </row>
    <row r="25714" spans="1:10" x14ac:dyDescent="0.35">
      <c r="A25714" s="1" t="s">
        <v>92049</v>
      </c>
      <c r="B25714" s="1" t="s">
        <v>86049</v>
      </c>
      <c r="C25714" s="1" t="s">
        <v>35</v>
      </c>
      <c r="D25714" s="1" t="s">
        <v>80403</v>
      </c>
      <c r="E25714" s="1" t="s">
        <v>92070</v>
      </c>
      <c r="F25714" s="1" t="s">
        <v>92071</v>
      </c>
      <c r="G25714" s="1" t="s">
        <v>92053</v>
      </c>
      <c r="H25714" s="1" t="s">
        <v>92054</v>
      </c>
      <c r="I25714" s="1" t="s">
        <v>86055</v>
      </c>
      <c r="J25714" s="1" t="s">
        <v>92072</v>
      </c>
    </row>
    <row r="25715" spans="1:10" x14ac:dyDescent="0.35">
      <c r="A25715" s="1" t="s">
        <v>92049</v>
      </c>
      <c r="B25715" s="1" t="s">
        <v>86049</v>
      </c>
      <c r="C25715" s="1" t="s">
        <v>40</v>
      </c>
      <c r="D25715" s="1" t="s">
        <v>13599</v>
      </c>
      <c r="E25715" s="1" t="s">
        <v>92073</v>
      </c>
      <c r="F25715" s="1" t="s">
        <v>92074</v>
      </c>
      <c r="G25715" s="1" t="s">
        <v>92053</v>
      </c>
      <c r="H25715" s="1" t="s">
        <v>92054</v>
      </c>
      <c r="I25715" s="1" t="s">
        <v>86055</v>
      </c>
      <c r="J25715" s="1" t="s">
        <v>92075</v>
      </c>
    </row>
    <row r="25716" spans="1:10" x14ac:dyDescent="0.35">
      <c r="A25716" s="1" t="s">
        <v>92049</v>
      </c>
      <c r="B25716" s="1" t="s">
        <v>86049</v>
      </c>
      <c r="C25716" s="1" t="s">
        <v>45</v>
      </c>
      <c r="D25716" s="1" t="s">
        <v>92076</v>
      </c>
      <c r="E25716" s="1" t="s">
        <v>92077</v>
      </c>
      <c r="F25716" s="1" t="s">
        <v>92078</v>
      </c>
      <c r="G25716" s="1" t="s">
        <v>92053</v>
      </c>
      <c r="H25716" s="1" t="s">
        <v>92054</v>
      </c>
      <c r="I25716" s="1" t="s">
        <v>86055</v>
      </c>
      <c r="J25716" s="1" t="s">
        <v>92079</v>
      </c>
    </row>
    <row r="25717" spans="1:10" x14ac:dyDescent="0.35">
      <c r="A25717" s="1" t="s">
        <v>92049</v>
      </c>
      <c r="B25717" s="1" t="s">
        <v>86049</v>
      </c>
      <c r="C25717" s="1" t="s">
        <v>50</v>
      </c>
      <c r="D25717" s="1" t="s">
        <v>92080</v>
      </c>
      <c r="E25717" s="1" t="s">
        <v>92081</v>
      </c>
      <c r="F25717" s="1" t="s">
        <v>92082</v>
      </c>
      <c r="G25717" s="1" t="s">
        <v>92053</v>
      </c>
      <c r="H25717" s="1" t="s">
        <v>92054</v>
      </c>
      <c r="I25717" s="1" t="s">
        <v>86055</v>
      </c>
      <c r="J25717" s="1" t="s">
        <v>92083</v>
      </c>
    </row>
    <row r="25718" spans="1:10" x14ac:dyDescent="0.35">
      <c r="A25718" s="1" t="s">
        <v>92049</v>
      </c>
      <c r="B25718" s="1" t="s">
        <v>86049</v>
      </c>
      <c r="C25718" s="1" t="s">
        <v>55</v>
      </c>
      <c r="D25718" s="1" t="s">
        <v>87859</v>
      </c>
      <c r="E25718" s="1" t="s">
        <v>92084</v>
      </c>
      <c r="F25718" s="1" t="s">
        <v>92085</v>
      </c>
      <c r="G25718" s="1" t="s">
        <v>92053</v>
      </c>
      <c r="H25718" s="1" t="s">
        <v>92054</v>
      </c>
      <c r="I25718" s="1" t="s">
        <v>86055</v>
      </c>
      <c r="J25718" s="1" t="s">
        <v>92086</v>
      </c>
    </row>
    <row r="25719" spans="1:10" x14ac:dyDescent="0.35">
      <c r="A25719" s="1" t="s">
        <v>92049</v>
      </c>
      <c r="B25719" s="1" t="s">
        <v>86049</v>
      </c>
      <c r="C25719" s="1" t="s">
        <v>60</v>
      </c>
      <c r="D25719" s="1" t="s">
        <v>92087</v>
      </c>
      <c r="E25719" s="1" t="s">
        <v>92088</v>
      </c>
      <c r="F25719" s="1" t="s">
        <v>92089</v>
      </c>
      <c r="G25719" s="1" t="s">
        <v>92053</v>
      </c>
      <c r="H25719" s="1" t="s">
        <v>92054</v>
      </c>
      <c r="I25719" s="1" t="s">
        <v>86055</v>
      </c>
      <c r="J25719" s="1" t="s">
        <v>92090</v>
      </c>
    </row>
    <row r="25720" spans="1:10" x14ac:dyDescent="0.35">
      <c r="A25720" s="1" t="s">
        <v>92049</v>
      </c>
      <c r="B25720" s="1" t="s">
        <v>86049</v>
      </c>
      <c r="C25720" s="1" t="s">
        <v>65</v>
      </c>
      <c r="D25720" s="1" t="s">
        <v>92091</v>
      </c>
      <c r="E25720" s="1" t="s">
        <v>92092</v>
      </c>
      <c r="F25720" s="1" t="s">
        <v>92093</v>
      </c>
      <c r="G25720" s="1" t="s">
        <v>92053</v>
      </c>
      <c r="H25720" s="1" t="s">
        <v>92054</v>
      </c>
      <c r="I25720" s="1" t="s">
        <v>86055</v>
      </c>
      <c r="J25720" s="1" t="s">
        <v>92094</v>
      </c>
    </row>
    <row r="25721" spans="1:10" x14ac:dyDescent="0.35">
      <c r="A25721" s="1" t="s">
        <v>92049</v>
      </c>
      <c r="B25721" s="1" t="s">
        <v>86049</v>
      </c>
      <c r="C25721" s="1" t="s">
        <v>70</v>
      </c>
      <c r="D25721" s="1" t="s">
        <v>56109</v>
      </c>
      <c r="E25721" s="1" t="s">
        <v>92095</v>
      </c>
      <c r="F25721" s="1" t="s">
        <v>92096</v>
      </c>
      <c r="G25721" s="1" t="s">
        <v>92053</v>
      </c>
      <c r="H25721" s="1" t="s">
        <v>92054</v>
      </c>
      <c r="I25721" s="1" t="s">
        <v>86055</v>
      </c>
      <c r="J25721" s="1" t="s">
        <v>92097</v>
      </c>
    </row>
    <row r="25722" spans="1:10" x14ac:dyDescent="0.35">
      <c r="A25722" s="1" t="s">
        <v>92049</v>
      </c>
      <c r="B25722" s="1" t="s">
        <v>86049</v>
      </c>
      <c r="C25722" s="1" t="s">
        <v>75</v>
      </c>
      <c r="D25722" s="1" t="s">
        <v>89576</v>
      </c>
      <c r="E25722" s="1" t="s">
        <v>92098</v>
      </c>
      <c r="F25722" s="1" t="s">
        <v>92099</v>
      </c>
      <c r="G25722" s="1" t="s">
        <v>92053</v>
      </c>
      <c r="H25722" s="1" t="s">
        <v>92054</v>
      </c>
      <c r="I25722" s="1" t="s">
        <v>86055</v>
      </c>
      <c r="J25722" s="1" t="s">
        <v>92100</v>
      </c>
    </row>
    <row r="25723" spans="1:10" x14ac:dyDescent="0.35">
      <c r="A25723" s="1" t="s">
        <v>92049</v>
      </c>
      <c r="B25723" s="1" t="s">
        <v>86049</v>
      </c>
      <c r="C25723" s="1" t="s">
        <v>80</v>
      </c>
      <c r="D25723" s="1" t="s">
        <v>92101</v>
      </c>
      <c r="E25723" s="1" t="s">
        <v>92102</v>
      </c>
      <c r="F25723" s="1" t="s">
        <v>92103</v>
      </c>
      <c r="G25723" s="1" t="s">
        <v>92053</v>
      </c>
      <c r="H25723" s="1" t="s">
        <v>92054</v>
      </c>
      <c r="I25723" s="1" t="s">
        <v>86055</v>
      </c>
      <c r="J25723" s="1" t="s">
        <v>92104</v>
      </c>
    </row>
    <row r="25724" spans="1:10" x14ac:dyDescent="0.35">
      <c r="A25724" s="1" t="s">
        <v>92049</v>
      </c>
      <c r="B25724" s="1" t="s">
        <v>86049</v>
      </c>
      <c r="C25724" s="1" t="s">
        <v>85</v>
      </c>
      <c r="D25724" s="1" t="s">
        <v>92105</v>
      </c>
      <c r="E25724" s="1" t="s">
        <v>92106</v>
      </c>
      <c r="F25724" s="1" t="s">
        <v>92107</v>
      </c>
      <c r="G25724" s="1" t="s">
        <v>92053</v>
      </c>
      <c r="H25724" s="1" t="s">
        <v>92054</v>
      </c>
      <c r="I25724" s="1" t="s">
        <v>86055</v>
      </c>
      <c r="J25724" s="1" t="s">
        <v>92108</v>
      </c>
    </row>
    <row r="25725" spans="1:10" x14ac:dyDescent="0.35">
      <c r="A25725" s="1" t="s">
        <v>92049</v>
      </c>
      <c r="B25725" s="1" t="s">
        <v>86049</v>
      </c>
      <c r="C25725" s="1" t="s">
        <v>90</v>
      </c>
      <c r="D25725" s="1" t="s">
        <v>75767</v>
      </c>
      <c r="E25725" s="1" t="s">
        <v>92109</v>
      </c>
      <c r="F25725" s="1" t="s">
        <v>92110</v>
      </c>
      <c r="G25725" s="1" t="s">
        <v>92053</v>
      </c>
      <c r="H25725" s="1" t="s">
        <v>92054</v>
      </c>
      <c r="I25725" s="1" t="s">
        <v>86055</v>
      </c>
      <c r="J25725" s="1" t="s">
        <v>92111</v>
      </c>
    </row>
    <row r="25726" spans="1:10" x14ac:dyDescent="0.35">
      <c r="A25726" s="1" t="s">
        <v>92049</v>
      </c>
      <c r="B25726" s="1" t="s">
        <v>86049</v>
      </c>
      <c r="C25726" s="1" t="s">
        <v>95</v>
      </c>
      <c r="D25726" s="1" t="s">
        <v>26866</v>
      </c>
      <c r="E25726" s="1" t="s">
        <v>92112</v>
      </c>
      <c r="F25726" s="1" t="s">
        <v>92113</v>
      </c>
      <c r="G25726" s="1" t="s">
        <v>92053</v>
      </c>
      <c r="H25726" s="1" t="s">
        <v>92054</v>
      </c>
      <c r="I25726" s="1" t="s">
        <v>86055</v>
      </c>
      <c r="J25726" s="1" t="s">
        <v>92114</v>
      </c>
    </row>
    <row r="25727" spans="1:10" x14ac:dyDescent="0.35">
      <c r="A25727" s="1" t="s">
        <v>92049</v>
      </c>
      <c r="B25727" s="1" t="s">
        <v>86049</v>
      </c>
      <c r="C25727" s="1" t="s">
        <v>100</v>
      </c>
      <c r="D25727" s="1" t="s">
        <v>42356</v>
      </c>
      <c r="E25727" s="1" t="s">
        <v>92115</v>
      </c>
      <c r="F25727" s="1" t="s">
        <v>92116</v>
      </c>
      <c r="G25727" s="1" t="s">
        <v>92053</v>
      </c>
      <c r="H25727" s="1" t="s">
        <v>92054</v>
      </c>
      <c r="I25727" s="1" t="s">
        <v>86055</v>
      </c>
      <c r="J25727" s="1" t="s">
        <v>92117</v>
      </c>
    </row>
    <row r="25728" spans="1:10" x14ac:dyDescent="0.35">
      <c r="A25728" s="1" t="s">
        <v>92049</v>
      </c>
      <c r="B25728" s="1" t="s">
        <v>86049</v>
      </c>
      <c r="C25728" s="1" t="s">
        <v>105</v>
      </c>
      <c r="D25728" s="1" t="s">
        <v>92118</v>
      </c>
      <c r="E25728" s="1" t="s">
        <v>92119</v>
      </c>
      <c r="F25728" s="1" t="s">
        <v>92120</v>
      </c>
      <c r="G25728" s="1" t="s">
        <v>92053</v>
      </c>
      <c r="H25728" s="1" t="s">
        <v>92054</v>
      </c>
      <c r="I25728" s="1" t="s">
        <v>86055</v>
      </c>
      <c r="J25728" s="1" t="s">
        <v>92121</v>
      </c>
    </row>
    <row r="25729" spans="1:10" x14ac:dyDescent="0.35">
      <c r="A25729" s="1" t="s">
        <v>92049</v>
      </c>
      <c r="B25729" s="1" t="s">
        <v>86049</v>
      </c>
      <c r="C25729" s="1" t="s">
        <v>110</v>
      </c>
      <c r="D25729" s="1" t="s">
        <v>69054</v>
      </c>
      <c r="E25729" s="1" t="s">
        <v>92122</v>
      </c>
      <c r="F25729" s="1" t="s">
        <v>92123</v>
      </c>
      <c r="G25729" s="1" t="s">
        <v>92053</v>
      </c>
      <c r="H25729" s="1" t="s">
        <v>92054</v>
      </c>
      <c r="I25729" s="1" t="s">
        <v>86055</v>
      </c>
      <c r="J25729" s="1" t="s">
        <v>92124</v>
      </c>
    </row>
    <row r="25730" spans="1:10" x14ac:dyDescent="0.35">
      <c r="A25730" s="1" t="s">
        <v>92049</v>
      </c>
      <c r="B25730" s="1" t="s">
        <v>86049</v>
      </c>
      <c r="C25730" s="1" t="s">
        <v>115</v>
      </c>
      <c r="D25730" s="1" t="s">
        <v>92125</v>
      </c>
      <c r="E25730" s="1" t="s">
        <v>92126</v>
      </c>
      <c r="F25730" s="1" t="s">
        <v>92127</v>
      </c>
      <c r="G25730" s="1" t="s">
        <v>92053</v>
      </c>
      <c r="H25730" s="1" t="s">
        <v>92054</v>
      </c>
      <c r="I25730" s="1" t="s">
        <v>86055</v>
      </c>
      <c r="J25730" s="1" t="s">
        <v>92128</v>
      </c>
    </row>
    <row r="25731" spans="1:10" x14ac:dyDescent="0.35">
      <c r="A25731" s="1" t="s">
        <v>92049</v>
      </c>
      <c r="B25731" s="1" t="s">
        <v>86049</v>
      </c>
      <c r="C25731" s="1" t="s">
        <v>120</v>
      </c>
      <c r="D25731" s="1" t="s">
        <v>92129</v>
      </c>
      <c r="E25731" s="1" t="s">
        <v>92130</v>
      </c>
      <c r="F25731" s="1" t="s">
        <v>92131</v>
      </c>
      <c r="G25731" s="1" t="s">
        <v>92053</v>
      </c>
      <c r="H25731" s="1" t="s">
        <v>92054</v>
      </c>
      <c r="I25731" s="1" t="s">
        <v>86055</v>
      </c>
      <c r="J25731" s="1" t="s">
        <v>92132</v>
      </c>
    </row>
    <row r="25732" spans="1:10" x14ac:dyDescent="0.35">
      <c r="A25732" s="1" t="s">
        <v>92049</v>
      </c>
      <c r="B25732" s="1" t="s">
        <v>86049</v>
      </c>
      <c r="C25732" s="1" t="s">
        <v>125</v>
      </c>
      <c r="D25732" s="1" t="s">
        <v>92133</v>
      </c>
      <c r="E25732" s="1" t="s">
        <v>92134</v>
      </c>
      <c r="F25732" s="1" t="s">
        <v>92135</v>
      </c>
      <c r="G25732" s="1" t="s">
        <v>92053</v>
      </c>
      <c r="H25732" s="1" t="s">
        <v>92054</v>
      </c>
      <c r="I25732" s="1" t="s">
        <v>86055</v>
      </c>
      <c r="J25732" s="1" t="s">
        <v>92136</v>
      </c>
    </row>
    <row r="25733" spans="1:10" x14ac:dyDescent="0.35">
      <c r="A25733" s="1" t="s">
        <v>92049</v>
      </c>
      <c r="B25733" s="1" t="s">
        <v>86049</v>
      </c>
      <c r="C25733" s="1" t="s">
        <v>130</v>
      </c>
      <c r="D25733" s="1" t="s">
        <v>92137</v>
      </c>
      <c r="E25733" s="1" t="s">
        <v>92138</v>
      </c>
      <c r="F25733" s="1" t="s">
        <v>92139</v>
      </c>
      <c r="G25733" s="1" t="s">
        <v>92053</v>
      </c>
      <c r="H25733" s="1" t="s">
        <v>92054</v>
      </c>
      <c r="I25733" s="1" t="s">
        <v>86055</v>
      </c>
      <c r="J25733" s="1" t="s">
        <v>92140</v>
      </c>
    </row>
    <row r="25734" spans="1:10" x14ac:dyDescent="0.35">
      <c r="A25734" s="1" t="s">
        <v>92049</v>
      </c>
      <c r="B25734" s="1" t="s">
        <v>86049</v>
      </c>
      <c r="C25734" s="1" t="s">
        <v>135</v>
      </c>
      <c r="D25734" s="1" t="s">
        <v>40184</v>
      </c>
      <c r="E25734" s="1" t="s">
        <v>92141</v>
      </c>
      <c r="F25734" s="1" t="s">
        <v>92142</v>
      </c>
      <c r="G25734" s="1" t="s">
        <v>92053</v>
      </c>
      <c r="H25734" s="1" t="s">
        <v>92054</v>
      </c>
      <c r="I25734" s="1" t="s">
        <v>86055</v>
      </c>
      <c r="J25734" s="1" t="s">
        <v>92143</v>
      </c>
    </row>
    <row r="25735" spans="1:10" x14ac:dyDescent="0.35">
      <c r="A25735" s="1" t="s">
        <v>92049</v>
      </c>
      <c r="B25735" s="1" t="s">
        <v>86049</v>
      </c>
      <c r="C25735" s="1" t="s">
        <v>140</v>
      </c>
      <c r="D25735" s="1" t="s">
        <v>92144</v>
      </c>
      <c r="E25735" s="1" t="s">
        <v>92145</v>
      </c>
      <c r="F25735" s="1" t="s">
        <v>92146</v>
      </c>
      <c r="G25735" s="1" t="s">
        <v>92053</v>
      </c>
      <c r="H25735" s="1" t="s">
        <v>92054</v>
      </c>
      <c r="I25735" s="1" t="s">
        <v>86055</v>
      </c>
      <c r="J25735" s="1" t="s">
        <v>92147</v>
      </c>
    </row>
    <row r="25736" spans="1:10" x14ac:dyDescent="0.35">
      <c r="A25736" s="1" t="s">
        <v>92049</v>
      </c>
      <c r="B25736" s="1" t="s">
        <v>86049</v>
      </c>
      <c r="C25736" s="1" t="s">
        <v>145</v>
      </c>
      <c r="D25736" s="1" t="s">
        <v>91918</v>
      </c>
      <c r="E25736" s="1" t="s">
        <v>92148</v>
      </c>
      <c r="F25736" s="1" t="s">
        <v>92149</v>
      </c>
      <c r="G25736" s="1" t="s">
        <v>92053</v>
      </c>
      <c r="H25736" s="1" t="s">
        <v>92054</v>
      </c>
      <c r="I25736" s="1" t="s">
        <v>86055</v>
      </c>
      <c r="J25736" s="1" t="s">
        <v>92150</v>
      </c>
    </row>
    <row r="25737" spans="1:10" x14ac:dyDescent="0.35">
      <c r="A25737" s="1" t="s">
        <v>92049</v>
      </c>
      <c r="B25737" s="1" t="s">
        <v>86049</v>
      </c>
      <c r="C25737" s="1" t="s">
        <v>150</v>
      </c>
      <c r="D25737" s="1" t="s">
        <v>54203</v>
      </c>
      <c r="E25737" s="1" t="s">
        <v>92151</v>
      </c>
      <c r="F25737" s="1" t="s">
        <v>92152</v>
      </c>
      <c r="G25737" s="1" t="s">
        <v>92053</v>
      </c>
      <c r="H25737" s="1" t="s">
        <v>92054</v>
      </c>
      <c r="I25737" s="1" t="s">
        <v>86055</v>
      </c>
      <c r="J25737" s="1" t="s">
        <v>92153</v>
      </c>
    </row>
    <row r="25738" spans="1:10" x14ac:dyDescent="0.35">
      <c r="A25738" s="1" t="s">
        <v>92049</v>
      </c>
      <c r="B25738" s="1" t="s">
        <v>86049</v>
      </c>
      <c r="C25738" s="1" t="s">
        <v>155</v>
      </c>
      <c r="D25738" s="1" t="s">
        <v>89679</v>
      </c>
      <c r="E25738" s="1" t="s">
        <v>92154</v>
      </c>
      <c r="F25738" s="1" t="s">
        <v>92155</v>
      </c>
      <c r="G25738" s="1" t="s">
        <v>92053</v>
      </c>
      <c r="H25738" s="1" t="s">
        <v>92054</v>
      </c>
      <c r="I25738" s="1" t="s">
        <v>86055</v>
      </c>
      <c r="J25738" s="1" t="s">
        <v>92156</v>
      </c>
    </row>
    <row r="25739" spans="1:10" x14ac:dyDescent="0.35">
      <c r="A25739" s="1" t="s">
        <v>92049</v>
      </c>
      <c r="B25739" s="1" t="s">
        <v>86049</v>
      </c>
      <c r="C25739" s="1" t="s">
        <v>160</v>
      </c>
      <c r="D25739" s="1" t="s">
        <v>92157</v>
      </c>
      <c r="E25739" s="1" t="s">
        <v>92158</v>
      </c>
      <c r="F25739" s="1" t="s">
        <v>92159</v>
      </c>
      <c r="G25739" s="1" t="s">
        <v>92053</v>
      </c>
      <c r="H25739" s="1" t="s">
        <v>92054</v>
      </c>
      <c r="I25739" s="1" t="s">
        <v>86055</v>
      </c>
      <c r="J25739" s="1" t="s">
        <v>92160</v>
      </c>
    </row>
    <row r="25740" spans="1:10" x14ac:dyDescent="0.35">
      <c r="A25740" s="1" t="s">
        <v>92049</v>
      </c>
      <c r="B25740" s="1" t="s">
        <v>86049</v>
      </c>
      <c r="C25740" s="1" t="s">
        <v>165</v>
      </c>
      <c r="D25740" s="1" t="s">
        <v>39213</v>
      </c>
      <c r="E25740" s="1" t="s">
        <v>92161</v>
      </c>
      <c r="F25740" s="1" t="s">
        <v>92162</v>
      </c>
      <c r="G25740" s="1" t="s">
        <v>92053</v>
      </c>
      <c r="H25740" s="1" t="s">
        <v>92054</v>
      </c>
      <c r="I25740" s="1" t="s">
        <v>86055</v>
      </c>
      <c r="J25740" s="1" t="s">
        <v>92163</v>
      </c>
    </row>
    <row r="25741" spans="1:10" x14ac:dyDescent="0.35">
      <c r="A25741" s="1" t="s">
        <v>92049</v>
      </c>
      <c r="B25741" s="1" t="s">
        <v>86049</v>
      </c>
      <c r="C25741" s="1" t="s">
        <v>170</v>
      </c>
      <c r="D25741" s="1" t="s">
        <v>62860</v>
      </c>
      <c r="E25741" s="1" t="s">
        <v>92164</v>
      </c>
      <c r="F25741" s="1" t="s">
        <v>92165</v>
      </c>
      <c r="G25741" s="1" t="s">
        <v>92053</v>
      </c>
      <c r="H25741" s="1" t="s">
        <v>92054</v>
      </c>
      <c r="I25741" s="1" t="s">
        <v>86055</v>
      </c>
      <c r="J25741" s="1" t="s">
        <v>92166</v>
      </c>
    </row>
    <row r="25742" spans="1:10" x14ac:dyDescent="0.35">
      <c r="A25742" s="1" t="s">
        <v>6267</v>
      </c>
      <c r="B25742" s="1" t="s">
        <v>86049</v>
      </c>
      <c r="C25742" s="1" t="s">
        <v>8</v>
      </c>
      <c r="D25742" s="1" t="s">
        <v>85803</v>
      </c>
      <c r="E25742" s="1" t="s">
        <v>92167</v>
      </c>
      <c r="F25742" s="1" t="s">
        <v>92168</v>
      </c>
      <c r="G25742" s="1" t="s">
        <v>92169</v>
      </c>
      <c r="H25742" s="1" t="s">
        <v>92170</v>
      </c>
      <c r="I25742" s="1" t="s">
        <v>86055</v>
      </c>
      <c r="J25742" s="1" t="s">
        <v>13</v>
      </c>
    </row>
    <row r="25743" spans="1:10" x14ac:dyDescent="0.35">
      <c r="A25743" s="1" t="s">
        <v>6267</v>
      </c>
      <c r="B25743" s="1" t="s">
        <v>86049</v>
      </c>
      <c r="C25743" s="1" t="s">
        <v>15</v>
      </c>
      <c r="D25743" s="1" t="s">
        <v>92171</v>
      </c>
      <c r="E25743" s="1" t="s">
        <v>92172</v>
      </c>
      <c r="F25743" s="1" t="s">
        <v>92173</v>
      </c>
      <c r="G25743" s="1" t="s">
        <v>92169</v>
      </c>
      <c r="H25743" s="1" t="s">
        <v>92170</v>
      </c>
      <c r="I25743" s="1" t="s">
        <v>86055</v>
      </c>
      <c r="J25743" s="1" t="s">
        <v>92174</v>
      </c>
    </row>
    <row r="25744" spans="1:10" x14ac:dyDescent="0.35">
      <c r="A25744" s="1" t="s">
        <v>6267</v>
      </c>
      <c r="B25744" s="1" t="s">
        <v>86049</v>
      </c>
      <c r="C25744" s="1" t="s">
        <v>20</v>
      </c>
      <c r="D25744" s="1" t="s">
        <v>92175</v>
      </c>
      <c r="E25744" s="1" t="s">
        <v>92176</v>
      </c>
      <c r="F25744" s="1" t="s">
        <v>92177</v>
      </c>
      <c r="G25744" s="1" t="s">
        <v>92169</v>
      </c>
      <c r="H25744" s="1" t="s">
        <v>92170</v>
      </c>
      <c r="I25744" s="1" t="s">
        <v>86055</v>
      </c>
      <c r="J25744" s="1" t="s">
        <v>92178</v>
      </c>
    </row>
    <row r="25745" spans="1:10" x14ac:dyDescent="0.35">
      <c r="A25745" s="1" t="s">
        <v>6267</v>
      </c>
      <c r="B25745" s="1" t="s">
        <v>86049</v>
      </c>
      <c r="C25745" s="1" t="s">
        <v>25</v>
      </c>
      <c r="D25745" s="1" t="s">
        <v>92179</v>
      </c>
      <c r="E25745" s="1" t="s">
        <v>92180</v>
      </c>
      <c r="F25745" s="1" t="s">
        <v>92181</v>
      </c>
      <c r="G25745" s="1" t="s">
        <v>92169</v>
      </c>
      <c r="H25745" s="1" t="s">
        <v>92170</v>
      </c>
      <c r="I25745" s="1" t="s">
        <v>86055</v>
      </c>
      <c r="J25745" s="1" t="s">
        <v>92182</v>
      </c>
    </row>
    <row r="25746" spans="1:10" x14ac:dyDescent="0.35">
      <c r="A25746" s="1" t="s">
        <v>6267</v>
      </c>
      <c r="B25746" s="1" t="s">
        <v>86049</v>
      </c>
      <c r="C25746" s="1" t="s">
        <v>30</v>
      </c>
      <c r="D25746" s="1" t="s">
        <v>60775</v>
      </c>
      <c r="E25746" s="1" t="s">
        <v>92183</v>
      </c>
      <c r="F25746" s="1" t="s">
        <v>92184</v>
      </c>
      <c r="G25746" s="1" t="s">
        <v>92169</v>
      </c>
      <c r="H25746" s="1" t="s">
        <v>92170</v>
      </c>
      <c r="I25746" s="1" t="s">
        <v>86055</v>
      </c>
      <c r="J25746" s="1" t="s">
        <v>92185</v>
      </c>
    </row>
    <row r="25747" spans="1:10" x14ac:dyDescent="0.35">
      <c r="A25747" s="1" t="s">
        <v>6267</v>
      </c>
      <c r="B25747" s="1" t="s">
        <v>86049</v>
      </c>
      <c r="C25747" s="1" t="s">
        <v>35</v>
      </c>
      <c r="D25747" s="1" t="s">
        <v>92186</v>
      </c>
      <c r="E25747" s="1" t="s">
        <v>92187</v>
      </c>
      <c r="F25747" s="1" t="s">
        <v>92188</v>
      </c>
      <c r="G25747" s="1" t="s">
        <v>92169</v>
      </c>
      <c r="H25747" s="1" t="s">
        <v>92170</v>
      </c>
      <c r="I25747" s="1" t="s">
        <v>86055</v>
      </c>
      <c r="J25747" s="1" t="s">
        <v>92189</v>
      </c>
    </row>
    <row r="25748" spans="1:10" x14ac:dyDescent="0.35">
      <c r="A25748" s="1" t="s">
        <v>6267</v>
      </c>
      <c r="B25748" s="1" t="s">
        <v>86049</v>
      </c>
      <c r="C25748" s="1" t="s">
        <v>40</v>
      </c>
      <c r="D25748" s="1" t="s">
        <v>53479</v>
      </c>
      <c r="E25748" s="1" t="s">
        <v>92190</v>
      </c>
      <c r="F25748" s="1" t="s">
        <v>92191</v>
      </c>
      <c r="G25748" s="1" t="s">
        <v>92169</v>
      </c>
      <c r="H25748" s="1" t="s">
        <v>92170</v>
      </c>
      <c r="I25748" s="1" t="s">
        <v>86055</v>
      </c>
      <c r="J25748" s="1" t="s">
        <v>92192</v>
      </c>
    </row>
    <row r="25749" spans="1:10" x14ac:dyDescent="0.35">
      <c r="A25749" s="1" t="s">
        <v>6267</v>
      </c>
      <c r="B25749" s="1" t="s">
        <v>86049</v>
      </c>
      <c r="C25749" s="1" t="s">
        <v>45</v>
      </c>
      <c r="D25749" s="1" t="s">
        <v>53972</v>
      </c>
      <c r="E25749" s="1" t="s">
        <v>92193</v>
      </c>
      <c r="F25749" s="1" t="s">
        <v>92194</v>
      </c>
      <c r="G25749" s="1" t="s">
        <v>92169</v>
      </c>
      <c r="H25749" s="1" t="s">
        <v>92170</v>
      </c>
      <c r="I25749" s="1" t="s">
        <v>86055</v>
      </c>
      <c r="J25749" s="1" t="s">
        <v>92195</v>
      </c>
    </row>
    <row r="25750" spans="1:10" x14ac:dyDescent="0.35">
      <c r="A25750" s="1" t="s">
        <v>6267</v>
      </c>
      <c r="B25750" s="1" t="s">
        <v>86049</v>
      </c>
      <c r="C25750" s="1" t="s">
        <v>50</v>
      </c>
      <c r="D25750" s="1" t="s">
        <v>92196</v>
      </c>
      <c r="E25750" s="1" t="s">
        <v>92197</v>
      </c>
      <c r="F25750" s="1" t="s">
        <v>92198</v>
      </c>
      <c r="G25750" s="1" t="s">
        <v>92169</v>
      </c>
      <c r="H25750" s="1" t="s">
        <v>92170</v>
      </c>
      <c r="I25750" s="1" t="s">
        <v>86055</v>
      </c>
      <c r="J25750" s="1" t="s">
        <v>92199</v>
      </c>
    </row>
    <row r="25751" spans="1:10" x14ac:dyDescent="0.35">
      <c r="A25751" s="1" t="s">
        <v>6267</v>
      </c>
      <c r="B25751" s="1" t="s">
        <v>86049</v>
      </c>
      <c r="C25751" s="1" t="s">
        <v>55</v>
      </c>
      <c r="D25751" s="1" t="s">
        <v>89628</v>
      </c>
      <c r="E25751" s="1" t="s">
        <v>92200</v>
      </c>
      <c r="F25751" s="1" t="s">
        <v>92201</v>
      </c>
      <c r="G25751" s="1" t="s">
        <v>92169</v>
      </c>
      <c r="H25751" s="1" t="s">
        <v>92170</v>
      </c>
      <c r="I25751" s="1" t="s">
        <v>86055</v>
      </c>
      <c r="J25751" s="1" t="s">
        <v>92202</v>
      </c>
    </row>
    <row r="25752" spans="1:10" x14ac:dyDescent="0.35">
      <c r="A25752" s="1" t="s">
        <v>6267</v>
      </c>
      <c r="B25752" s="1" t="s">
        <v>86049</v>
      </c>
      <c r="C25752" s="1" t="s">
        <v>60</v>
      </c>
      <c r="D25752" s="1" t="s">
        <v>24695</v>
      </c>
      <c r="E25752" s="1" t="s">
        <v>92203</v>
      </c>
      <c r="F25752" s="1" t="s">
        <v>92204</v>
      </c>
      <c r="G25752" s="1" t="s">
        <v>92169</v>
      </c>
      <c r="H25752" s="1" t="s">
        <v>92170</v>
      </c>
      <c r="I25752" s="1" t="s">
        <v>86055</v>
      </c>
      <c r="J25752" s="1" t="s">
        <v>92205</v>
      </c>
    </row>
    <row r="25753" spans="1:10" x14ac:dyDescent="0.35">
      <c r="A25753" s="1" t="s">
        <v>6267</v>
      </c>
      <c r="B25753" s="1" t="s">
        <v>86049</v>
      </c>
      <c r="C25753" s="1" t="s">
        <v>65</v>
      </c>
      <c r="D25753" s="1" t="s">
        <v>89782</v>
      </c>
      <c r="E25753" s="1" t="s">
        <v>92206</v>
      </c>
      <c r="F25753" s="1" t="s">
        <v>92207</v>
      </c>
      <c r="G25753" s="1" t="s">
        <v>92169</v>
      </c>
      <c r="H25753" s="1" t="s">
        <v>92170</v>
      </c>
      <c r="I25753" s="1" t="s">
        <v>86055</v>
      </c>
      <c r="J25753" s="1" t="s">
        <v>92208</v>
      </c>
    </row>
    <row r="25754" spans="1:10" x14ac:dyDescent="0.35">
      <c r="A25754" s="1" t="s">
        <v>6267</v>
      </c>
      <c r="B25754" s="1" t="s">
        <v>86049</v>
      </c>
      <c r="C25754" s="1" t="s">
        <v>70</v>
      </c>
      <c r="D25754" s="1" t="s">
        <v>92209</v>
      </c>
      <c r="E25754" s="1" t="s">
        <v>92210</v>
      </c>
      <c r="F25754" s="1" t="s">
        <v>92211</v>
      </c>
      <c r="G25754" s="1" t="s">
        <v>92169</v>
      </c>
      <c r="H25754" s="1" t="s">
        <v>92170</v>
      </c>
      <c r="I25754" s="1" t="s">
        <v>86055</v>
      </c>
      <c r="J25754" s="1" t="s">
        <v>92212</v>
      </c>
    </row>
    <row r="25755" spans="1:10" x14ac:dyDescent="0.35">
      <c r="A25755" s="1" t="s">
        <v>6267</v>
      </c>
      <c r="B25755" s="1" t="s">
        <v>86049</v>
      </c>
      <c r="C25755" s="1" t="s">
        <v>75</v>
      </c>
      <c r="D25755" s="1" t="s">
        <v>65396</v>
      </c>
      <c r="E25755" s="1" t="s">
        <v>92213</v>
      </c>
      <c r="F25755" s="1" t="s">
        <v>92214</v>
      </c>
      <c r="G25755" s="1" t="s">
        <v>92169</v>
      </c>
      <c r="H25755" s="1" t="s">
        <v>92170</v>
      </c>
      <c r="I25755" s="1" t="s">
        <v>86055</v>
      </c>
      <c r="J25755" s="1" t="s">
        <v>92215</v>
      </c>
    </row>
    <row r="25756" spans="1:10" x14ac:dyDescent="0.35">
      <c r="A25756" s="1" t="s">
        <v>6267</v>
      </c>
      <c r="B25756" s="1" t="s">
        <v>86049</v>
      </c>
      <c r="C25756" s="1" t="s">
        <v>80</v>
      </c>
      <c r="D25756" s="1" t="s">
        <v>65767</v>
      </c>
      <c r="E25756" s="1" t="s">
        <v>92216</v>
      </c>
      <c r="F25756" s="1" t="s">
        <v>92217</v>
      </c>
      <c r="G25756" s="1" t="s">
        <v>92169</v>
      </c>
      <c r="H25756" s="1" t="s">
        <v>92170</v>
      </c>
      <c r="I25756" s="1" t="s">
        <v>86055</v>
      </c>
      <c r="J25756" s="1" t="s">
        <v>92218</v>
      </c>
    </row>
    <row r="25757" spans="1:10" x14ac:dyDescent="0.35">
      <c r="A25757" s="1" t="s">
        <v>6267</v>
      </c>
      <c r="B25757" s="1" t="s">
        <v>86049</v>
      </c>
      <c r="C25757" s="1" t="s">
        <v>85</v>
      </c>
      <c r="D25757" s="1" t="s">
        <v>86163</v>
      </c>
      <c r="E25757" s="1" t="s">
        <v>92219</v>
      </c>
      <c r="F25757" s="1" t="s">
        <v>92220</v>
      </c>
      <c r="G25757" s="1" t="s">
        <v>92169</v>
      </c>
      <c r="H25757" s="1" t="s">
        <v>92170</v>
      </c>
      <c r="I25757" s="1" t="s">
        <v>86055</v>
      </c>
      <c r="J25757" s="1" t="s">
        <v>92221</v>
      </c>
    </row>
    <row r="25758" spans="1:10" x14ac:dyDescent="0.35">
      <c r="A25758" s="1" t="s">
        <v>6267</v>
      </c>
      <c r="B25758" s="1" t="s">
        <v>86049</v>
      </c>
      <c r="C25758" s="1" t="s">
        <v>90</v>
      </c>
      <c r="D25758" s="1" t="s">
        <v>63078</v>
      </c>
      <c r="E25758" s="1" t="s">
        <v>92222</v>
      </c>
      <c r="F25758" s="1" t="s">
        <v>92223</v>
      </c>
      <c r="G25758" s="1" t="s">
        <v>92169</v>
      </c>
      <c r="H25758" s="1" t="s">
        <v>92170</v>
      </c>
      <c r="I25758" s="1" t="s">
        <v>86055</v>
      </c>
      <c r="J25758" s="1" t="s">
        <v>92224</v>
      </c>
    </row>
    <row r="25759" spans="1:10" x14ac:dyDescent="0.35">
      <c r="A25759" s="1" t="s">
        <v>6267</v>
      </c>
      <c r="B25759" s="1" t="s">
        <v>86049</v>
      </c>
      <c r="C25759" s="1" t="s">
        <v>95</v>
      </c>
      <c r="D25759" s="1" t="s">
        <v>26902</v>
      </c>
      <c r="E25759" s="1" t="s">
        <v>92225</v>
      </c>
      <c r="F25759" s="1" t="s">
        <v>92226</v>
      </c>
      <c r="G25759" s="1" t="s">
        <v>92169</v>
      </c>
      <c r="H25759" s="1" t="s">
        <v>92170</v>
      </c>
      <c r="I25759" s="1" t="s">
        <v>86055</v>
      </c>
      <c r="J25759" s="1" t="s">
        <v>92227</v>
      </c>
    </row>
    <row r="25760" spans="1:10" x14ac:dyDescent="0.35">
      <c r="A25760" s="1" t="s">
        <v>6267</v>
      </c>
      <c r="B25760" s="1" t="s">
        <v>86049</v>
      </c>
      <c r="C25760" s="1" t="s">
        <v>100</v>
      </c>
      <c r="D25760" s="1" t="s">
        <v>92228</v>
      </c>
      <c r="E25760" s="1" t="s">
        <v>92229</v>
      </c>
      <c r="F25760" s="1" t="s">
        <v>92230</v>
      </c>
      <c r="G25760" s="1" t="s">
        <v>92169</v>
      </c>
      <c r="H25760" s="1" t="s">
        <v>92170</v>
      </c>
      <c r="I25760" s="1" t="s">
        <v>86055</v>
      </c>
      <c r="J25760" s="1" t="s">
        <v>92231</v>
      </c>
    </row>
    <row r="25761" spans="1:10" x14ac:dyDescent="0.35">
      <c r="A25761" s="1" t="s">
        <v>6267</v>
      </c>
      <c r="B25761" s="1" t="s">
        <v>86049</v>
      </c>
      <c r="C25761" s="1" t="s">
        <v>105</v>
      </c>
      <c r="D25761" s="1" t="s">
        <v>33394</v>
      </c>
      <c r="E25761" s="1" t="s">
        <v>92232</v>
      </c>
      <c r="F25761" s="1" t="s">
        <v>92233</v>
      </c>
      <c r="G25761" s="1" t="s">
        <v>92169</v>
      </c>
      <c r="H25761" s="1" t="s">
        <v>92170</v>
      </c>
      <c r="I25761" s="1" t="s">
        <v>86055</v>
      </c>
      <c r="J25761" s="1" t="s">
        <v>92234</v>
      </c>
    </row>
    <row r="25762" spans="1:10" x14ac:dyDescent="0.35">
      <c r="A25762" s="1" t="s">
        <v>6267</v>
      </c>
      <c r="B25762" s="1" t="s">
        <v>86049</v>
      </c>
      <c r="C25762" s="1" t="s">
        <v>110</v>
      </c>
      <c r="D25762" s="1" t="s">
        <v>59158</v>
      </c>
      <c r="E25762" s="1" t="s">
        <v>92235</v>
      </c>
      <c r="F25762" s="1" t="s">
        <v>92236</v>
      </c>
      <c r="G25762" s="1" t="s">
        <v>92169</v>
      </c>
      <c r="H25762" s="1" t="s">
        <v>92170</v>
      </c>
      <c r="I25762" s="1" t="s">
        <v>86055</v>
      </c>
      <c r="J25762" s="1" t="s">
        <v>92237</v>
      </c>
    </row>
    <row r="25763" spans="1:10" x14ac:dyDescent="0.35">
      <c r="A25763" s="1" t="s">
        <v>6267</v>
      </c>
      <c r="B25763" s="1" t="s">
        <v>86049</v>
      </c>
      <c r="C25763" s="1" t="s">
        <v>115</v>
      </c>
      <c r="D25763" s="1" t="s">
        <v>66901</v>
      </c>
      <c r="E25763" s="1" t="s">
        <v>92238</v>
      </c>
      <c r="F25763" s="1" t="s">
        <v>92239</v>
      </c>
      <c r="G25763" s="1" t="s">
        <v>92169</v>
      </c>
      <c r="H25763" s="1" t="s">
        <v>92170</v>
      </c>
      <c r="I25763" s="1" t="s">
        <v>86055</v>
      </c>
      <c r="J25763" s="1" t="s">
        <v>92240</v>
      </c>
    </row>
    <row r="25764" spans="1:10" x14ac:dyDescent="0.35">
      <c r="A25764" s="1" t="s">
        <v>6267</v>
      </c>
      <c r="B25764" s="1" t="s">
        <v>86049</v>
      </c>
      <c r="C25764" s="1" t="s">
        <v>120</v>
      </c>
      <c r="D25764" s="1" t="s">
        <v>22471</v>
      </c>
      <c r="E25764" s="1" t="s">
        <v>92241</v>
      </c>
      <c r="F25764" s="1" t="s">
        <v>92242</v>
      </c>
      <c r="G25764" s="1" t="s">
        <v>92169</v>
      </c>
      <c r="H25764" s="1" t="s">
        <v>92170</v>
      </c>
      <c r="I25764" s="1" t="s">
        <v>86055</v>
      </c>
      <c r="J25764" s="1" t="s">
        <v>92243</v>
      </c>
    </row>
    <row r="25765" spans="1:10" x14ac:dyDescent="0.35">
      <c r="A25765" s="1" t="s">
        <v>6267</v>
      </c>
      <c r="B25765" s="1" t="s">
        <v>86049</v>
      </c>
      <c r="C25765" s="1" t="s">
        <v>125</v>
      </c>
      <c r="D25765" s="1" t="s">
        <v>92244</v>
      </c>
      <c r="E25765" s="1" t="s">
        <v>92245</v>
      </c>
      <c r="F25765" s="1" t="s">
        <v>92246</v>
      </c>
      <c r="G25765" s="1" t="s">
        <v>92169</v>
      </c>
      <c r="H25765" s="1" t="s">
        <v>92170</v>
      </c>
      <c r="I25765" s="1" t="s">
        <v>86055</v>
      </c>
      <c r="J25765" s="1" t="s">
        <v>92247</v>
      </c>
    </row>
    <row r="25766" spans="1:10" x14ac:dyDescent="0.35">
      <c r="A25766" s="1" t="s">
        <v>6267</v>
      </c>
      <c r="B25766" s="1" t="s">
        <v>86049</v>
      </c>
      <c r="C25766" s="1" t="s">
        <v>130</v>
      </c>
      <c r="D25766" s="1" t="s">
        <v>54992</v>
      </c>
      <c r="E25766" s="1" t="s">
        <v>92248</v>
      </c>
      <c r="F25766" s="1" t="s">
        <v>92249</v>
      </c>
      <c r="G25766" s="1" t="s">
        <v>92169</v>
      </c>
      <c r="H25766" s="1" t="s">
        <v>92170</v>
      </c>
      <c r="I25766" s="1" t="s">
        <v>86055</v>
      </c>
      <c r="J25766" s="1" t="s">
        <v>92250</v>
      </c>
    </row>
    <row r="25767" spans="1:10" x14ac:dyDescent="0.35">
      <c r="A25767" s="1" t="s">
        <v>6267</v>
      </c>
      <c r="B25767" s="1" t="s">
        <v>86049</v>
      </c>
      <c r="C25767" s="1" t="s">
        <v>135</v>
      </c>
      <c r="D25767" s="1" t="s">
        <v>92251</v>
      </c>
      <c r="E25767" s="1" t="s">
        <v>92252</v>
      </c>
      <c r="F25767" s="1" t="s">
        <v>92253</v>
      </c>
      <c r="G25767" s="1" t="s">
        <v>92169</v>
      </c>
      <c r="H25767" s="1" t="s">
        <v>92170</v>
      </c>
      <c r="I25767" s="1" t="s">
        <v>86055</v>
      </c>
      <c r="J25767" s="1" t="s">
        <v>92254</v>
      </c>
    </row>
    <row r="25768" spans="1:10" x14ac:dyDescent="0.35">
      <c r="A25768" s="1" t="s">
        <v>6267</v>
      </c>
      <c r="B25768" s="1" t="s">
        <v>86049</v>
      </c>
      <c r="C25768" s="1" t="s">
        <v>140</v>
      </c>
      <c r="D25768" s="1" t="s">
        <v>92255</v>
      </c>
      <c r="E25768" s="1" t="s">
        <v>92256</v>
      </c>
      <c r="F25768" s="1" t="s">
        <v>92257</v>
      </c>
      <c r="G25768" s="1" t="s">
        <v>92169</v>
      </c>
      <c r="H25768" s="1" t="s">
        <v>92170</v>
      </c>
      <c r="I25768" s="1" t="s">
        <v>86055</v>
      </c>
      <c r="J25768" s="1" t="s">
        <v>92258</v>
      </c>
    </row>
    <row r="25769" spans="1:10" x14ac:dyDescent="0.35">
      <c r="A25769" s="1" t="s">
        <v>6267</v>
      </c>
      <c r="B25769" s="1" t="s">
        <v>86049</v>
      </c>
      <c r="C25769" s="1" t="s">
        <v>145</v>
      </c>
      <c r="D25769" s="1" t="s">
        <v>62549</v>
      </c>
      <c r="E25769" s="1" t="s">
        <v>92259</v>
      </c>
      <c r="F25769" s="1" t="s">
        <v>92260</v>
      </c>
      <c r="G25769" s="1" t="s">
        <v>92169</v>
      </c>
      <c r="H25769" s="1" t="s">
        <v>92170</v>
      </c>
      <c r="I25769" s="1" t="s">
        <v>86055</v>
      </c>
      <c r="J25769" s="1" t="s">
        <v>92261</v>
      </c>
    </row>
    <row r="25770" spans="1:10" x14ac:dyDescent="0.35">
      <c r="A25770" s="1" t="s">
        <v>6267</v>
      </c>
      <c r="B25770" s="1" t="s">
        <v>86049</v>
      </c>
      <c r="C25770" s="1" t="s">
        <v>150</v>
      </c>
      <c r="D25770" s="1" t="s">
        <v>92262</v>
      </c>
      <c r="E25770" s="1" t="s">
        <v>92263</v>
      </c>
      <c r="F25770" s="1" t="s">
        <v>92264</v>
      </c>
      <c r="G25770" s="1" t="s">
        <v>92169</v>
      </c>
      <c r="H25770" s="1" t="s">
        <v>92170</v>
      </c>
      <c r="I25770" s="1" t="s">
        <v>86055</v>
      </c>
      <c r="J25770" s="1" t="s">
        <v>92265</v>
      </c>
    </row>
    <row r="25771" spans="1:10" x14ac:dyDescent="0.35">
      <c r="A25771" s="1" t="s">
        <v>6267</v>
      </c>
      <c r="B25771" s="1" t="s">
        <v>86049</v>
      </c>
      <c r="C25771" s="1" t="s">
        <v>155</v>
      </c>
      <c r="D25771" s="1" t="s">
        <v>92266</v>
      </c>
      <c r="E25771" s="1" t="s">
        <v>92267</v>
      </c>
      <c r="F25771" s="1" t="s">
        <v>92268</v>
      </c>
      <c r="G25771" s="1" t="s">
        <v>92169</v>
      </c>
      <c r="H25771" s="1" t="s">
        <v>92170</v>
      </c>
      <c r="I25771" s="1" t="s">
        <v>86055</v>
      </c>
      <c r="J25771" s="1" t="s">
        <v>92269</v>
      </c>
    </row>
    <row r="25772" spans="1:10" x14ac:dyDescent="0.35">
      <c r="A25772" s="1" t="s">
        <v>6267</v>
      </c>
      <c r="B25772" s="1" t="s">
        <v>86049</v>
      </c>
      <c r="C25772" s="1" t="s">
        <v>160</v>
      </c>
      <c r="D25772" s="1" t="s">
        <v>66410</v>
      </c>
      <c r="E25772" s="1" t="s">
        <v>92270</v>
      </c>
      <c r="F25772" s="1" t="s">
        <v>92271</v>
      </c>
      <c r="G25772" s="1" t="s">
        <v>92169</v>
      </c>
      <c r="H25772" s="1" t="s">
        <v>92170</v>
      </c>
      <c r="I25772" s="1" t="s">
        <v>86055</v>
      </c>
      <c r="J25772" s="1" t="s">
        <v>92272</v>
      </c>
    </row>
    <row r="25773" spans="1:10" x14ac:dyDescent="0.35">
      <c r="A25773" s="1" t="s">
        <v>6267</v>
      </c>
      <c r="B25773" s="1" t="s">
        <v>86049</v>
      </c>
      <c r="C25773" s="1" t="s">
        <v>165</v>
      </c>
      <c r="D25773" s="1" t="s">
        <v>92273</v>
      </c>
      <c r="E25773" s="1" t="s">
        <v>92225</v>
      </c>
      <c r="F25773" s="1" t="s">
        <v>92274</v>
      </c>
      <c r="G25773" s="1" t="s">
        <v>92169</v>
      </c>
      <c r="H25773" s="1" t="s">
        <v>92170</v>
      </c>
      <c r="I25773" s="1" t="s">
        <v>86055</v>
      </c>
      <c r="J25773" s="1" t="s">
        <v>92275</v>
      </c>
    </row>
    <row r="25774" spans="1:10" x14ac:dyDescent="0.35">
      <c r="A25774" s="1" t="s">
        <v>6267</v>
      </c>
      <c r="B25774" s="1" t="s">
        <v>86049</v>
      </c>
      <c r="C25774" s="1" t="s">
        <v>170</v>
      </c>
      <c r="D25774" s="1" t="s">
        <v>92276</v>
      </c>
      <c r="E25774" s="1" t="s">
        <v>92277</v>
      </c>
      <c r="F25774" s="1" t="s">
        <v>92278</v>
      </c>
      <c r="G25774" s="1" t="s">
        <v>92169</v>
      </c>
      <c r="H25774" s="1" t="s">
        <v>92170</v>
      </c>
      <c r="I25774" s="1" t="s">
        <v>86055</v>
      </c>
      <c r="J25774" s="1" t="s">
        <v>92279</v>
      </c>
    </row>
    <row r="25775" spans="1:10" x14ac:dyDescent="0.35">
      <c r="A25775" s="1" t="s">
        <v>1501</v>
      </c>
      <c r="B25775" s="1" t="s">
        <v>86049</v>
      </c>
      <c r="C25775" s="1" t="s">
        <v>8</v>
      </c>
      <c r="D25775" s="1" t="s">
        <v>68870</v>
      </c>
      <c r="E25775" s="1" t="s">
        <v>92280</v>
      </c>
      <c r="F25775" s="1" t="s">
        <v>92281</v>
      </c>
      <c r="G25775" s="1" t="s">
        <v>92282</v>
      </c>
      <c r="H25775" s="1" t="s">
        <v>92283</v>
      </c>
      <c r="I25775" s="1" t="s">
        <v>86055</v>
      </c>
      <c r="J25775" s="1" t="s">
        <v>13</v>
      </c>
    </row>
    <row r="25776" spans="1:10" x14ac:dyDescent="0.35">
      <c r="A25776" s="1" t="s">
        <v>1501</v>
      </c>
      <c r="B25776" s="1" t="s">
        <v>86049</v>
      </c>
      <c r="C25776" s="1" t="s">
        <v>15</v>
      </c>
      <c r="D25776" s="1" t="s">
        <v>88341</v>
      </c>
      <c r="E25776" s="1" t="s">
        <v>92284</v>
      </c>
      <c r="F25776" s="1" t="s">
        <v>92285</v>
      </c>
      <c r="G25776" s="1" t="s">
        <v>92282</v>
      </c>
      <c r="H25776" s="1" t="s">
        <v>92283</v>
      </c>
      <c r="I25776" s="1" t="s">
        <v>86055</v>
      </c>
      <c r="J25776" s="1" t="s">
        <v>92286</v>
      </c>
    </row>
    <row r="25777" spans="1:10" x14ac:dyDescent="0.35">
      <c r="A25777" s="1" t="s">
        <v>1501</v>
      </c>
      <c r="B25777" s="1" t="s">
        <v>86049</v>
      </c>
      <c r="C25777" s="1" t="s">
        <v>20</v>
      </c>
      <c r="D25777" s="1" t="s">
        <v>92287</v>
      </c>
      <c r="E25777" s="1" t="s">
        <v>92288</v>
      </c>
      <c r="F25777" s="1" t="s">
        <v>92289</v>
      </c>
      <c r="G25777" s="1" t="s">
        <v>92282</v>
      </c>
      <c r="H25777" s="1" t="s">
        <v>92283</v>
      </c>
      <c r="I25777" s="1" t="s">
        <v>86055</v>
      </c>
      <c r="J25777" s="1" t="s">
        <v>92290</v>
      </c>
    </row>
    <row r="25778" spans="1:10" x14ac:dyDescent="0.35">
      <c r="A25778" s="1" t="s">
        <v>1501</v>
      </c>
      <c r="B25778" s="1" t="s">
        <v>86049</v>
      </c>
      <c r="C25778" s="1" t="s">
        <v>25</v>
      </c>
      <c r="D25778" s="1" t="s">
        <v>92291</v>
      </c>
      <c r="E25778" s="1" t="s">
        <v>92292</v>
      </c>
      <c r="F25778" s="1" t="s">
        <v>92293</v>
      </c>
      <c r="G25778" s="1" t="s">
        <v>92282</v>
      </c>
      <c r="H25778" s="1" t="s">
        <v>92283</v>
      </c>
      <c r="I25778" s="1" t="s">
        <v>86055</v>
      </c>
      <c r="J25778" s="1" t="s">
        <v>92294</v>
      </c>
    </row>
    <row r="25779" spans="1:10" x14ac:dyDescent="0.35">
      <c r="A25779" s="1" t="s">
        <v>1501</v>
      </c>
      <c r="B25779" s="1" t="s">
        <v>86049</v>
      </c>
      <c r="C25779" s="1" t="s">
        <v>30</v>
      </c>
      <c r="D25779" s="1" t="s">
        <v>63946</v>
      </c>
      <c r="E25779" s="1" t="s">
        <v>92295</v>
      </c>
      <c r="F25779" s="1" t="s">
        <v>92296</v>
      </c>
      <c r="G25779" s="1" t="s">
        <v>92282</v>
      </c>
      <c r="H25779" s="1" t="s">
        <v>92283</v>
      </c>
      <c r="I25779" s="1" t="s">
        <v>86055</v>
      </c>
      <c r="J25779" s="1" t="s">
        <v>92297</v>
      </c>
    </row>
    <row r="25780" spans="1:10" x14ac:dyDescent="0.35">
      <c r="A25780" s="1" t="s">
        <v>1501</v>
      </c>
      <c r="B25780" s="1" t="s">
        <v>86049</v>
      </c>
      <c r="C25780" s="1" t="s">
        <v>35</v>
      </c>
      <c r="D25780" s="1" t="s">
        <v>60700</v>
      </c>
      <c r="E25780" s="1" t="s">
        <v>92298</v>
      </c>
      <c r="F25780" s="1" t="s">
        <v>92299</v>
      </c>
      <c r="G25780" s="1" t="s">
        <v>92282</v>
      </c>
      <c r="H25780" s="1" t="s">
        <v>92283</v>
      </c>
      <c r="I25780" s="1" t="s">
        <v>86055</v>
      </c>
      <c r="J25780" s="1" t="s">
        <v>92300</v>
      </c>
    </row>
    <row r="25781" spans="1:10" x14ac:dyDescent="0.35">
      <c r="A25781" s="1" t="s">
        <v>1501</v>
      </c>
      <c r="B25781" s="1" t="s">
        <v>86049</v>
      </c>
      <c r="C25781" s="1" t="s">
        <v>40</v>
      </c>
      <c r="D25781" s="1" t="s">
        <v>92301</v>
      </c>
      <c r="E25781" s="1" t="s">
        <v>92302</v>
      </c>
      <c r="F25781" s="1" t="s">
        <v>92303</v>
      </c>
      <c r="G25781" s="1" t="s">
        <v>92282</v>
      </c>
      <c r="H25781" s="1" t="s">
        <v>92283</v>
      </c>
      <c r="I25781" s="1" t="s">
        <v>86055</v>
      </c>
      <c r="J25781" s="1" t="s">
        <v>92304</v>
      </c>
    </row>
    <row r="25782" spans="1:10" x14ac:dyDescent="0.35">
      <c r="A25782" s="1" t="s">
        <v>1501</v>
      </c>
      <c r="B25782" s="1" t="s">
        <v>86049</v>
      </c>
      <c r="C25782" s="1" t="s">
        <v>45</v>
      </c>
      <c r="D25782" s="1" t="s">
        <v>92305</v>
      </c>
      <c r="E25782" s="1" t="s">
        <v>92306</v>
      </c>
      <c r="F25782" s="1" t="s">
        <v>92307</v>
      </c>
      <c r="G25782" s="1" t="s">
        <v>92282</v>
      </c>
      <c r="H25782" s="1" t="s">
        <v>92283</v>
      </c>
      <c r="I25782" s="1" t="s">
        <v>86055</v>
      </c>
      <c r="J25782" s="1" t="s">
        <v>92308</v>
      </c>
    </row>
    <row r="25783" spans="1:10" x14ac:dyDescent="0.35">
      <c r="A25783" s="1" t="s">
        <v>1501</v>
      </c>
      <c r="B25783" s="1" t="s">
        <v>86049</v>
      </c>
      <c r="C25783" s="1" t="s">
        <v>50</v>
      </c>
      <c r="D25783" s="1" t="s">
        <v>92309</v>
      </c>
      <c r="E25783" s="1" t="s">
        <v>92310</v>
      </c>
      <c r="F25783" s="1" t="s">
        <v>92311</v>
      </c>
      <c r="G25783" s="1" t="s">
        <v>92282</v>
      </c>
      <c r="H25783" s="1" t="s">
        <v>92283</v>
      </c>
      <c r="I25783" s="1" t="s">
        <v>86055</v>
      </c>
      <c r="J25783" s="1" t="s">
        <v>92312</v>
      </c>
    </row>
    <row r="25784" spans="1:10" x14ac:dyDescent="0.35">
      <c r="A25784" s="1" t="s">
        <v>1501</v>
      </c>
      <c r="B25784" s="1" t="s">
        <v>86049</v>
      </c>
      <c r="C25784" s="1" t="s">
        <v>55</v>
      </c>
      <c r="D25784" s="1" t="s">
        <v>70048</v>
      </c>
      <c r="E25784" s="1" t="s">
        <v>92313</v>
      </c>
      <c r="F25784" s="1" t="s">
        <v>92314</v>
      </c>
      <c r="G25784" s="1" t="s">
        <v>92282</v>
      </c>
      <c r="H25784" s="1" t="s">
        <v>92283</v>
      </c>
      <c r="I25784" s="1" t="s">
        <v>86055</v>
      </c>
      <c r="J25784" s="1" t="s">
        <v>92315</v>
      </c>
    </row>
    <row r="25785" spans="1:10" x14ac:dyDescent="0.35">
      <c r="A25785" s="1" t="s">
        <v>1501</v>
      </c>
      <c r="B25785" s="1" t="s">
        <v>86049</v>
      </c>
      <c r="C25785" s="1" t="s">
        <v>60</v>
      </c>
      <c r="D25785" s="1" t="s">
        <v>92316</v>
      </c>
      <c r="E25785" s="1" t="s">
        <v>92317</v>
      </c>
      <c r="F25785" s="1" t="s">
        <v>92318</v>
      </c>
      <c r="G25785" s="1" t="s">
        <v>92282</v>
      </c>
      <c r="H25785" s="1" t="s">
        <v>92283</v>
      </c>
      <c r="I25785" s="1" t="s">
        <v>86055</v>
      </c>
      <c r="J25785" s="1" t="s">
        <v>92319</v>
      </c>
    </row>
    <row r="25786" spans="1:10" x14ac:dyDescent="0.35">
      <c r="A25786" s="1" t="s">
        <v>1501</v>
      </c>
      <c r="B25786" s="1" t="s">
        <v>86049</v>
      </c>
      <c r="C25786" s="1" t="s">
        <v>65</v>
      </c>
      <c r="D25786" s="1" t="s">
        <v>92320</v>
      </c>
      <c r="E25786" s="1" t="s">
        <v>92321</v>
      </c>
      <c r="F25786" s="1" t="s">
        <v>92322</v>
      </c>
      <c r="G25786" s="1" t="s">
        <v>92282</v>
      </c>
      <c r="H25786" s="1" t="s">
        <v>92283</v>
      </c>
      <c r="I25786" s="1" t="s">
        <v>86055</v>
      </c>
      <c r="J25786" s="1" t="s">
        <v>92323</v>
      </c>
    </row>
    <row r="25787" spans="1:10" x14ac:dyDescent="0.35">
      <c r="A25787" s="1" t="s">
        <v>1501</v>
      </c>
      <c r="B25787" s="1" t="s">
        <v>86049</v>
      </c>
      <c r="C25787" s="1" t="s">
        <v>70</v>
      </c>
      <c r="D25787" s="1" t="s">
        <v>69441</v>
      </c>
      <c r="E25787" s="1" t="s">
        <v>92324</v>
      </c>
      <c r="F25787" s="1" t="s">
        <v>92325</v>
      </c>
      <c r="G25787" s="1" t="s">
        <v>92282</v>
      </c>
      <c r="H25787" s="1" t="s">
        <v>92283</v>
      </c>
      <c r="I25787" s="1" t="s">
        <v>86055</v>
      </c>
      <c r="J25787" s="1" t="s">
        <v>92326</v>
      </c>
    </row>
    <row r="25788" spans="1:10" x14ac:dyDescent="0.35">
      <c r="A25788" s="1" t="s">
        <v>1501</v>
      </c>
      <c r="B25788" s="1" t="s">
        <v>86049</v>
      </c>
      <c r="C25788" s="1" t="s">
        <v>75</v>
      </c>
      <c r="D25788" s="1" t="s">
        <v>92327</v>
      </c>
      <c r="E25788" s="1" t="s">
        <v>92328</v>
      </c>
      <c r="F25788" s="1" t="s">
        <v>92329</v>
      </c>
      <c r="G25788" s="1" t="s">
        <v>92282</v>
      </c>
      <c r="H25788" s="1" t="s">
        <v>92283</v>
      </c>
      <c r="I25788" s="1" t="s">
        <v>86055</v>
      </c>
      <c r="J25788" s="1" t="s">
        <v>92330</v>
      </c>
    </row>
    <row r="25789" spans="1:10" x14ac:dyDescent="0.35">
      <c r="A25789" s="1" t="s">
        <v>1501</v>
      </c>
      <c r="B25789" s="1" t="s">
        <v>86049</v>
      </c>
      <c r="C25789" s="1" t="s">
        <v>80</v>
      </c>
      <c r="D25789" s="1" t="s">
        <v>92331</v>
      </c>
      <c r="E25789" s="1" t="s">
        <v>92332</v>
      </c>
      <c r="F25789" s="1" t="s">
        <v>92333</v>
      </c>
      <c r="G25789" s="1" t="s">
        <v>92282</v>
      </c>
      <c r="H25789" s="1" t="s">
        <v>92283</v>
      </c>
      <c r="I25789" s="1" t="s">
        <v>86055</v>
      </c>
      <c r="J25789" s="1" t="s">
        <v>92334</v>
      </c>
    </row>
    <row r="25790" spans="1:10" x14ac:dyDescent="0.35">
      <c r="A25790" s="1" t="s">
        <v>1501</v>
      </c>
      <c r="B25790" s="1" t="s">
        <v>86049</v>
      </c>
      <c r="C25790" s="1" t="s">
        <v>85</v>
      </c>
      <c r="D25790" s="1" t="s">
        <v>92335</v>
      </c>
      <c r="E25790" s="1" t="s">
        <v>92336</v>
      </c>
      <c r="F25790" s="1" t="s">
        <v>92337</v>
      </c>
      <c r="G25790" s="1" t="s">
        <v>92282</v>
      </c>
      <c r="H25790" s="1" t="s">
        <v>92283</v>
      </c>
      <c r="I25790" s="1" t="s">
        <v>86055</v>
      </c>
      <c r="J25790" s="1" t="s">
        <v>92338</v>
      </c>
    </row>
    <row r="25791" spans="1:10" x14ac:dyDescent="0.35">
      <c r="A25791" s="1" t="s">
        <v>1501</v>
      </c>
      <c r="B25791" s="1" t="s">
        <v>86049</v>
      </c>
      <c r="C25791" s="1" t="s">
        <v>90</v>
      </c>
      <c r="D25791" s="1" t="s">
        <v>92339</v>
      </c>
      <c r="E25791" s="1" t="s">
        <v>92340</v>
      </c>
      <c r="F25791" s="1" t="s">
        <v>92341</v>
      </c>
      <c r="G25791" s="1" t="s">
        <v>92282</v>
      </c>
      <c r="H25791" s="1" t="s">
        <v>92283</v>
      </c>
      <c r="I25791" s="1" t="s">
        <v>86055</v>
      </c>
      <c r="J25791" s="1" t="s">
        <v>92342</v>
      </c>
    </row>
    <row r="25792" spans="1:10" x14ac:dyDescent="0.35">
      <c r="A25792" s="1" t="s">
        <v>1501</v>
      </c>
      <c r="B25792" s="1" t="s">
        <v>86049</v>
      </c>
      <c r="C25792" s="1" t="s">
        <v>95</v>
      </c>
      <c r="D25792" s="1" t="s">
        <v>92343</v>
      </c>
      <c r="E25792" s="1" t="s">
        <v>92344</v>
      </c>
      <c r="F25792" s="1" t="s">
        <v>92345</v>
      </c>
      <c r="G25792" s="1" t="s">
        <v>92282</v>
      </c>
      <c r="H25792" s="1" t="s">
        <v>92283</v>
      </c>
      <c r="I25792" s="1" t="s">
        <v>86055</v>
      </c>
      <c r="J25792" s="1" t="s">
        <v>92346</v>
      </c>
    </row>
    <row r="25793" spans="1:10" x14ac:dyDescent="0.35">
      <c r="A25793" s="1" t="s">
        <v>1501</v>
      </c>
      <c r="B25793" s="1" t="s">
        <v>86049</v>
      </c>
      <c r="C25793" s="1" t="s">
        <v>100</v>
      </c>
      <c r="D25793" s="1" t="s">
        <v>92347</v>
      </c>
      <c r="E25793" s="1" t="s">
        <v>92348</v>
      </c>
      <c r="F25793" s="1" t="s">
        <v>92349</v>
      </c>
      <c r="G25793" s="1" t="s">
        <v>92282</v>
      </c>
      <c r="H25793" s="1" t="s">
        <v>92283</v>
      </c>
      <c r="I25793" s="1" t="s">
        <v>86055</v>
      </c>
      <c r="J25793" s="1" t="s">
        <v>92350</v>
      </c>
    </row>
    <row r="25794" spans="1:10" x14ac:dyDescent="0.35">
      <c r="A25794" s="1" t="s">
        <v>1501</v>
      </c>
      <c r="B25794" s="1" t="s">
        <v>86049</v>
      </c>
      <c r="C25794" s="1" t="s">
        <v>105</v>
      </c>
      <c r="D25794" s="1" t="s">
        <v>92351</v>
      </c>
      <c r="E25794" s="1" t="s">
        <v>92352</v>
      </c>
      <c r="F25794" s="1" t="s">
        <v>92353</v>
      </c>
      <c r="G25794" s="1" t="s">
        <v>92282</v>
      </c>
      <c r="H25794" s="1" t="s">
        <v>92283</v>
      </c>
      <c r="I25794" s="1" t="s">
        <v>86055</v>
      </c>
      <c r="J25794" s="1" t="s">
        <v>92354</v>
      </c>
    </row>
    <row r="25795" spans="1:10" x14ac:dyDescent="0.35">
      <c r="A25795" s="1" t="s">
        <v>1501</v>
      </c>
      <c r="B25795" s="1" t="s">
        <v>86049</v>
      </c>
      <c r="C25795" s="1" t="s">
        <v>110</v>
      </c>
      <c r="D25795" s="1" t="s">
        <v>92355</v>
      </c>
      <c r="E25795" s="1" t="s">
        <v>92356</v>
      </c>
      <c r="F25795" s="1" t="s">
        <v>92357</v>
      </c>
      <c r="G25795" s="1" t="s">
        <v>92282</v>
      </c>
      <c r="H25795" s="1" t="s">
        <v>92283</v>
      </c>
      <c r="I25795" s="1" t="s">
        <v>86055</v>
      </c>
      <c r="J25795" s="1" t="s">
        <v>92358</v>
      </c>
    </row>
    <row r="25796" spans="1:10" x14ac:dyDescent="0.35">
      <c r="A25796" s="1" t="s">
        <v>1501</v>
      </c>
      <c r="B25796" s="1" t="s">
        <v>86049</v>
      </c>
      <c r="C25796" s="1" t="s">
        <v>115</v>
      </c>
      <c r="D25796" s="1" t="s">
        <v>32390</v>
      </c>
      <c r="E25796" s="1" t="s">
        <v>92359</v>
      </c>
      <c r="F25796" s="1" t="s">
        <v>92360</v>
      </c>
      <c r="G25796" s="1" t="s">
        <v>92282</v>
      </c>
      <c r="H25796" s="1" t="s">
        <v>92283</v>
      </c>
      <c r="I25796" s="1" t="s">
        <v>86055</v>
      </c>
      <c r="J25796" s="1" t="s">
        <v>92361</v>
      </c>
    </row>
    <row r="25797" spans="1:10" x14ac:dyDescent="0.35">
      <c r="A25797" s="1" t="s">
        <v>1501</v>
      </c>
      <c r="B25797" s="1" t="s">
        <v>86049</v>
      </c>
      <c r="C25797" s="1" t="s">
        <v>120</v>
      </c>
      <c r="D25797" s="1" t="s">
        <v>92362</v>
      </c>
      <c r="E25797" s="1" t="s">
        <v>92363</v>
      </c>
      <c r="F25797" s="1" t="s">
        <v>92364</v>
      </c>
      <c r="G25797" s="1" t="s">
        <v>92282</v>
      </c>
      <c r="H25797" s="1" t="s">
        <v>92283</v>
      </c>
      <c r="I25797" s="1" t="s">
        <v>86055</v>
      </c>
      <c r="J25797" s="1" t="s">
        <v>92365</v>
      </c>
    </row>
    <row r="25798" spans="1:10" x14ac:dyDescent="0.35">
      <c r="A25798" s="1" t="s">
        <v>1501</v>
      </c>
      <c r="B25798" s="1" t="s">
        <v>86049</v>
      </c>
      <c r="C25798" s="1" t="s">
        <v>125</v>
      </c>
      <c r="D25798" s="1" t="s">
        <v>88594</v>
      </c>
      <c r="E25798" s="1" t="s">
        <v>92366</v>
      </c>
      <c r="F25798" s="1" t="s">
        <v>92367</v>
      </c>
      <c r="G25798" s="1" t="s">
        <v>92282</v>
      </c>
      <c r="H25798" s="1" t="s">
        <v>92283</v>
      </c>
      <c r="I25798" s="1" t="s">
        <v>86055</v>
      </c>
      <c r="J25798" s="1" t="s">
        <v>92368</v>
      </c>
    </row>
    <row r="25799" spans="1:10" x14ac:dyDescent="0.35">
      <c r="A25799" s="1" t="s">
        <v>1501</v>
      </c>
      <c r="B25799" s="1" t="s">
        <v>86049</v>
      </c>
      <c r="C25799" s="1" t="s">
        <v>130</v>
      </c>
      <c r="D25799" s="1" t="s">
        <v>40966</v>
      </c>
      <c r="E25799" s="1" t="s">
        <v>92369</v>
      </c>
      <c r="F25799" s="1" t="s">
        <v>92370</v>
      </c>
      <c r="G25799" s="1" t="s">
        <v>92282</v>
      </c>
      <c r="H25799" s="1" t="s">
        <v>92283</v>
      </c>
      <c r="I25799" s="1" t="s">
        <v>86055</v>
      </c>
      <c r="J25799" s="1" t="s">
        <v>92371</v>
      </c>
    </row>
    <row r="25800" spans="1:10" x14ac:dyDescent="0.35">
      <c r="A25800" s="1" t="s">
        <v>1501</v>
      </c>
      <c r="B25800" s="1" t="s">
        <v>86049</v>
      </c>
      <c r="C25800" s="1" t="s">
        <v>135</v>
      </c>
      <c r="D25800" s="1" t="s">
        <v>92372</v>
      </c>
      <c r="E25800" s="1" t="s">
        <v>92373</v>
      </c>
      <c r="F25800" s="1" t="s">
        <v>92374</v>
      </c>
      <c r="G25800" s="1" t="s">
        <v>92282</v>
      </c>
      <c r="H25800" s="1" t="s">
        <v>92283</v>
      </c>
      <c r="I25800" s="1" t="s">
        <v>86055</v>
      </c>
      <c r="J25800" s="1" t="s">
        <v>92375</v>
      </c>
    </row>
    <row r="25801" spans="1:10" x14ac:dyDescent="0.35">
      <c r="A25801" s="1" t="s">
        <v>1501</v>
      </c>
      <c r="B25801" s="1" t="s">
        <v>86049</v>
      </c>
      <c r="C25801" s="1" t="s">
        <v>140</v>
      </c>
      <c r="D25801" s="1" t="s">
        <v>92376</v>
      </c>
      <c r="E25801" s="1" t="s">
        <v>92377</v>
      </c>
      <c r="F25801" s="1" t="s">
        <v>92378</v>
      </c>
      <c r="G25801" s="1" t="s">
        <v>92282</v>
      </c>
      <c r="H25801" s="1" t="s">
        <v>92283</v>
      </c>
      <c r="I25801" s="1" t="s">
        <v>86055</v>
      </c>
      <c r="J25801" s="1" t="s">
        <v>92379</v>
      </c>
    </row>
    <row r="25802" spans="1:10" x14ac:dyDescent="0.35">
      <c r="A25802" s="1" t="s">
        <v>1501</v>
      </c>
      <c r="B25802" s="1" t="s">
        <v>86049</v>
      </c>
      <c r="C25802" s="1" t="s">
        <v>145</v>
      </c>
      <c r="D25802" s="1" t="s">
        <v>92380</v>
      </c>
      <c r="E25802" s="1" t="s">
        <v>92381</v>
      </c>
      <c r="F25802" s="1" t="s">
        <v>92382</v>
      </c>
      <c r="G25802" s="1" t="s">
        <v>92282</v>
      </c>
      <c r="H25802" s="1" t="s">
        <v>92283</v>
      </c>
      <c r="I25802" s="1" t="s">
        <v>86055</v>
      </c>
      <c r="J25802" s="1" t="s">
        <v>92383</v>
      </c>
    </row>
    <row r="25803" spans="1:10" x14ac:dyDescent="0.35">
      <c r="A25803" s="1" t="s">
        <v>1501</v>
      </c>
      <c r="B25803" s="1" t="s">
        <v>86049</v>
      </c>
      <c r="C25803" s="1" t="s">
        <v>150</v>
      </c>
      <c r="D25803" s="1" t="s">
        <v>92384</v>
      </c>
      <c r="E25803" s="1" t="s">
        <v>92385</v>
      </c>
      <c r="F25803" s="1" t="s">
        <v>92386</v>
      </c>
      <c r="G25803" s="1" t="s">
        <v>92282</v>
      </c>
      <c r="H25803" s="1" t="s">
        <v>92283</v>
      </c>
      <c r="I25803" s="1" t="s">
        <v>86055</v>
      </c>
      <c r="J25803" s="1" t="s">
        <v>92387</v>
      </c>
    </row>
    <row r="25804" spans="1:10" x14ac:dyDescent="0.35">
      <c r="A25804" s="1" t="s">
        <v>1501</v>
      </c>
      <c r="B25804" s="1" t="s">
        <v>86049</v>
      </c>
      <c r="C25804" s="1" t="s">
        <v>155</v>
      </c>
      <c r="D25804" s="1" t="s">
        <v>24747</v>
      </c>
      <c r="E25804" s="1" t="s">
        <v>92388</v>
      </c>
      <c r="F25804" s="1" t="s">
        <v>92389</v>
      </c>
      <c r="G25804" s="1" t="s">
        <v>92282</v>
      </c>
      <c r="H25804" s="1" t="s">
        <v>92283</v>
      </c>
      <c r="I25804" s="1" t="s">
        <v>86055</v>
      </c>
      <c r="J25804" s="1" t="s">
        <v>92390</v>
      </c>
    </row>
    <row r="25805" spans="1:10" x14ac:dyDescent="0.35">
      <c r="A25805" s="1" t="s">
        <v>1501</v>
      </c>
      <c r="B25805" s="1" t="s">
        <v>86049</v>
      </c>
      <c r="C25805" s="1" t="s">
        <v>160</v>
      </c>
      <c r="D25805" s="1" t="s">
        <v>92391</v>
      </c>
      <c r="E25805" s="1" t="s">
        <v>92392</v>
      </c>
      <c r="F25805" s="1" t="s">
        <v>92393</v>
      </c>
      <c r="G25805" s="1" t="s">
        <v>92282</v>
      </c>
      <c r="H25805" s="1" t="s">
        <v>92283</v>
      </c>
      <c r="I25805" s="1" t="s">
        <v>86055</v>
      </c>
      <c r="J25805" s="1" t="s">
        <v>92394</v>
      </c>
    </row>
    <row r="25806" spans="1:10" x14ac:dyDescent="0.35">
      <c r="A25806" s="1" t="s">
        <v>1501</v>
      </c>
      <c r="B25806" s="1" t="s">
        <v>86049</v>
      </c>
      <c r="C25806" s="1" t="s">
        <v>165</v>
      </c>
      <c r="D25806" s="1" t="s">
        <v>92395</v>
      </c>
      <c r="E25806" s="1" t="s">
        <v>92396</v>
      </c>
      <c r="F25806" s="1" t="s">
        <v>92397</v>
      </c>
      <c r="G25806" s="1" t="s">
        <v>92282</v>
      </c>
      <c r="H25806" s="1" t="s">
        <v>92283</v>
      </c>
      <c r="I25806" s="1" t="s">
        <v>86055</v>
      </c>
      <c r="J25806" s="1" t="s">
        <v>92398</v>
      </c>
    </row>
    <row r="25807" spans="1:10" x14ac:dyDescent="0.35">
      <c r="A25807" s="1" t="s">
        <v>1501</v>
      </c>
      <c r="B25807" s="1" t="s">
        <v>86049</v>
      </c>
      <c r="C25807" s="1" t="s">
        <v>170</v>
      </c>
      <c r="D25807" s="1" t="s">
        <v>92399</v>
      </c>
      <c r="E25807" s="1" t="s">
        <v>92400</v>
      </c>
      <c r="F25807" s="1" t="s">
        <v>92401</v>
      </c>
      <c r="G25807" s="1" t="s">
        <v>92282</v>
      </c>
      <c r="H25807" s="1" t="s">
        <v>92283</v>
      </c>
      <c r="I25807" s="1" t="s">
        <v>86055</v>
      </c>
      <c r="J25807" s="1" t="s">
        <v>92402</v>
      </c>
    </row>
    <row r="25808" spans="1:10" x14ac:dyDescent="0.35">
      <c r="A25808" s="1" t="s">
        <v>92403</v>
      </c>
      <c r="B25808" s="1" t="s">
        <v>86049</v>
      </c>
      <c r="C25808" s="1" t="s">
        <v>8</v>
      </c>
      <c r="D25808" s="1" t="s">
        <v>92404</v>
      </c>
      <c r="E25808" s="1" t="s">
        <v>92405</v>
      </c>
      <c r="F25808" s="1" t="s">
        <v>92406</v>
      </c>
      <c r="G25808" s="1" t="s">
        <v>92407</v>
      </c>
      <c r="H25808" s="1" t="s">
        <v>92408</v>
      </c>
      <c r="I25808" s="1" t="s">
        <v>86055</v>
      </c>
      <c r="J25808" s="1" t="s">
        <v>13</v>
      </c>
    </row>
    <row r="25809" spans="1:10" x14ac:dyDescent="0.35">
      <c r="A25809" s="1" t="s">
        <v>92403</v>
      </c>
      <c r="B25809" s="1" t="s">
        <v>86049</v>
      </c>
      <c r="C25809" s="1" t="s">
        <v>15</v>
      </c>
      <c r="D25809" s="1" t="s">
        <v>92409</v>
      </c>
      <c r="E25809" s="1" t="s">
        <v>92410</v>
      </c>
      <c r="F25809" s="1" t="s">
        <v>92411</v>
      </c>
      <c r="G25809" s="1" t="s">
        <v>92407</v>
      </c>
      <c r="H25809" s="1" t="s">
        <v>92408</v>
      </c>
      <c r="I25809" s="1" t="s">
        <v>86055</v>
      </c>
      <c r="J25809" s="1" t="s">
        <v>92412</v>
      </c>
    </row>
    <row r="25810" spans="1:10" x14ac:dyDescent="0.35">
      <c r="A25810" s="1" t="s">
        <v>92403</v>
      </c>
      <c r="B25810" s="1" t="s">
        <v>86049</v>
      </c>
      <c r="C25810" s="1" t="s">
        <v>20</v>
      </c>
      <c r="D25810" s="1" t="s">
        <v>92413</v>
      </c>
      <c r="E25810" s="1" t="s">
        <v>92414</v>
      </c>
      <c r="F25810" s="1" t="s">
        <v>92415</v>
      </c>
      <c r="G25810" s="1" t="s">
        <v>92407</v>
      </c>
      <c r="H25810" s="1" t="s">
        <v>92408</v>
      </c>
      <c r="I25810" s="1" t="s">
        <v>86055</v>
      </c>
      <c r="J25810" s="1" t="s">
        <v>92416</v>
      </c>
    </row>
    <row r="25811" spans="1:10" x14ac:dyDescent="0.35">
      <c r="A25811" s="1" t="s">
        <v>92403</v>
      </c>
      <c r="B25811" s="1" t="s">
        <v>86049</v>
      </c>
      <c r="C25811" s="1" t="s">
        <v>25</v>
      </c>
      <c r="D25811" s="1" t="s">
        <v>92417</v>
      </c>
      <c r="E25811" s="1" t="s">
        <v>92418</v>
      </c>
      <c r="F25811" s="1" t="s">
        <v>92419</v>
      </c>
      <c r="G25811" s="1" t="s">
        <v>92407</v>
      </c>
      <c r="H25811" s="1" t="s">
        <v>92408</v>
      </c>
      <c r="I25811" s="1" t="s">
        <v>86055</v>
      </c>
      <c r="J25811" s="1" t="s">
        <v>92420</v>
      </c>
    </row>
    <row r="25812" spans="1:10" x14ac:dyDescent="0.35">
      <c r="A25812" s="1" t="s">
        <v>92403</v>
      </c>
      <c r="B25812" s="1" t="s">
        <v>86049</v>
      </c>
      <c r="C25812" s="1" t="s">
        <v>30</v>
      </c>
      <c r="D25812" s="1" t="s">
        <v>24615</v>
      </c>
      <c r="E25812" s="1" t="s">
        <v>92421</v>
      </c>
      <c r="F25812" s="1" t="s">
        <v>92422</v>
      </c>
      <c r="G25812" s="1" t="s">
        <v>92407</v>
      </c>
      <c r="H25812" s="1" t="s">
        <v>92408</v>
      </c>
      <c r="I25812" s="1" t="s">
        <v>86055</v>
      </c>
      <c r="J25812" s="1" t="s">
        <v>92423</v>
      </c>
    </row>
    <row r="25813" spans="1:10" x14ac:dyDescent="0.35">
      <c r="A25813" s="1" t="s">
        <v>92403</v>
      </c>
      <c r="B25813" s="1" t="s">
        <v>86049</v>
      </c>
      <c r="C25813" s="1" t="s">
        <v>35</v>
      </c>
      <c r="D25813" s="1" t="s">
        <v>66880</v>
      </c>
      <c r="E25813" s="1" t="s">
        <v>92424</v>
      </c>
      <c r="F25813" s="1" t="s">
        <v>92425</v>
      </c>
      <c r="G25813" s="1" t="s">
        <v>92407</v>
      </c>
      <c r="H25813" s="1" t="s">
        <v>92408</v>
      </c>
      <c r="I25813" s="1" t="s">
        <v>86055</v>
      </c>
      <c r="J25813" s="1" t="s">
        <v>92426</v>
      </c>
    </row>
    <row r="25814" spans="1:10" x14ac:dyDescent="0.35">
      <c r="A25814" s="1" t="s">
        <v>92403</v>
      </c>
      <c r="B25814" s="1" t="s">
        <v>86049</v>
      </c>
      <c r="C25814" s="1" t="s">
        <v>40</v>
      </c>
      <c r="D25814" s="1" t="s">
        <v>92427</v>
      </c>
      <c r="E25814" s="1" t="s">
        <v>92428</v>
      </c>
      <c r="F25814" s="1" t="s">
        <v>92429</v>
      </c>
      <c r="G25814" s="1" t="s">
        <v>92407</v>
      </c>
      <c r="H25814" s="1" t="s">
        <v>92408</v>
      </c>
      <c r="I25814" s="1" t="s">
        <v>86055</v>
      </c>
      <c r="J25814" s="1" t="s">
        <v>92430</v>
      </c>
    </row>
    <row r="25815" spans="1:10" x14ac:dyDescent="0.35">
      <c r="A25815" s="1" t="s">
        <v>92403</v>
      </c>
      <c r="B25815" s="1" t="s">
        <v>86049</v>
      </c>
      <c r="C25815" s="1" t="s">
        <v>45</v>
      </c>
      <c r="D25815" s="1" t="s">
        <v>92431</v>
      </c>
      <c r="E25815" s="1" t="s">
        <v>92432</v>
      </c>
      <c r="F25815" s="1" t="s">
        <v>92433</v>
      </c>
      <c r="G25815" s="1" t="s">
        <v>92407</v>
      </c>
      <c r="H25815" s="1" t="s">
        <v>92408</v>
      </c>
      <c r="I25815" s="1" t="s">
        <v>86055</v>
      </c>
      <c r="J25815" s="1" t="s">
        <v>92434</v>
      </c>
    </row>
    <row r="25816" spans="1:10" x14ac:dyDescent="0.35">
      <c r="A25816" s="1" t="s">
        <v>92403</v>
      </c>
      <c r="B25816" s="1" t="s">
        <v>86049</v>
      </c>
      <c r="C25816" s="1" t="s">
        <v>50</v>
      </c>
      <c r="D25816" s="1" t="s">
        <v>85888</v>
      </c>
      <c r="E25816" s="1" t="s">
        <v>92435</v>
      </c>
      <c r="F25816" s="1" t="s">
        <v>92436</v>
      </c>
      <c r="G25816" s="1" t="s">
        <v>92407</v>
      </c>
      <c r="H25816" s="1" t="s">
        <v>92408</v>
      </c>
      <c r="I25816" s="1" t="s">
        <v>86055</v>
      </c>
      <c r="J25816" s="1" t="s">
        <v>92437</v>
      </c>
    </row>
    <row r="25817" spans="1:10" x14ac:dyDescent="0.35">
      <c r="A25817" s="1" t="s">
        <v>92403</v>
      </c>
      <c r="B25817" s="1" t="s">
        <v>86049</v>
      </c>
      <c r="C25817" s="1" t="s">
        <v>55</v>
      </c>
      <c r="D25817" s="1" t="s">
        <v>65161</v>
      </c>
      <c r="E25817" s="1" t="s">
        <v>92438</v>
      </c>
      <c r="F25817" s="1" t="s">
        <v>92439</v>
      </c>
      <c r="G25817" s="1" t="s">
        <v>92407</v>
      </c>
      <c r="H25817" s="1" t="s">
        <v>92408</v>
      </c>
      <c r="I25817" s="1" t="s">
        <v>86055</v>
      </c>
      <c r="J25817" s="1" t="s">
        <v>92440</v>
      </c>
    </row>
    <row r="25818" spans="1:10" x14ac:dyDescent="0.35">
      <c r="A25818" s="1" t="s">
        <v>92403</v>
      </c>
      <c r="B25818" s="1" t="s">
        <v>86049</v>
      </c>
      <c r="C25818" s="1" t="s">
        <v>60</v>
      </c>
      <c r="D25818" s="1" t="s">
        <v>92441</v>
      </c>
      <c r="E25818" s="1" t="s">
        <v>92442</v>
      </c>
      <c r="F25818" s="1" t="s">
        <v>92443</v>
      </c>
      <c r="G25818" s="1" t="s">
        <v>92407</v>
      </c>
      <c r="H25818" s="1" t="s">
        <v>92408</v>
      </c>
      <c r="I25818" s="1" t="s">
        <v>86055</v>
      </c>
      <c r="J25818" s="1" t="s">
        <v>92444</v>
      </c>
    </row>
    <row r="25819" spans="1:10" x14ac:dyDescent="0.35">
      <c r="A25819" s="1" t="s">
        <v>92403</v>
      </c>
      <c r="B25819" s="1" t="s">
        <v>86049</v>
      </c>
      <c r="C25819" s="1" t="s">
        <v>65</v>
      </c>
      <c r="D25819" s="1" t="s">
        <v>92445</v>
      </c>
      <c r="E25819" s="1" t="s">
        <v>92446</v>
      </c>
      <c r="F25819" s="1" t="s">
        <v>92447</v>
      </c>
      <c r="G25819" s="1" t="s">
        <v>92407</v>
      </c>
      <c r="H25819" s="1" t="s">
        <v>92408</v>
      </c>
      <c r="I25819" s="1" t="s">
        <v>86055</v>
      </c>
      <c r="J25819" s="1" t="s">
        <v>92448</v>
      </c>
    </row>
    <row r="25820" spans="1:10" x14ac:dyDescent="0.35">
      <c r="A25820" s="1" t="s">
        <v>92403</v>
      </c>
      <c r="B25820" s="1" t="s">
        <v>86049</v>
      </c>
      <c r="C25820" s="1" t="s">
        <v>70</v>
      </c>
      <c r="D25820" s="1" t="s">
        <v>92449</v>
      </c>
      <c r="E25820" s="1" t="s">
        <v>92450</v>
      </c>
      <c r="F25820" s="1" t="s">
        <v>92451</v>
      </c>
      <c r="G25820" s="1" t="s">
        <v>92407</v>
      </c>
      <c r="H25820" s="1" t="s">
        <v>92408</v>
      </c>
      <c r="I25820" s="1" t="s">
        <v>86055</v>
      </c>
      <c r="J25820" s="1" t="s">
        <v>92452</v>
      </c>
    </row>
    <row r="25821" spans="1:10" x14ac:dyDescent="0.35">
      <c r="A25821" s="1" t="s">
        <v>92403</v>
      </c>
      <c r="B25821" s="1" t="s">
        <v>86049</v>
      </c>
      <c r="C25821" s="1" t="s">
        <v>75</v>
      </c>
      <c r="D25821" s="1" t="s">
        <v>92453</v>
      </c>
      <c r="E25821" s="1" t="s">
        <v>92454</v>
      </c>
      <c r="F25821" s="1" t="s">
        <v>92455</v>
      </c>
      <c r="G25821" s="1" t="s">
        <v>92407</v>
      </c>
      <c r="H25821" s="1" t="s">
        <v>92408</v>
      </c>
      <c r="I25821" s="1" t="s">
        <v>86055</v>
      </c>
      <c r="J25821" s="1" t="s">
        <v>92456</v>
      </c>
    </row>
    <row r="25822" spans="1:10" x14ac:dyDescent="0.35">
      <c r="A25822" s="1" t="s">
        <v>92403</v>
      </c>
      <c r="B25822" s="1" t="s">
        <v>86049</v>
      </c>
      <c r="C25822" s="1" t="s">
        <v>80</v>
      </c>
      <c r="D25822" s="1" t="s">
        <v>23182</v>
      </c>
      <c r="E25822" s="1" t="s">
        <v>92457</v>
      </c>
      <c r="F25822" s="1" t="s">
        <v>92458</v>
      </c>
      <c r="G25822" s="1" t="s">
        <v>92407</v>
      </c>
      <c r="H25822" s="1" t="s">
        <v>92408</v>
      </c>
      <c r="I25822" s="1" t="s">
        <v>86055</v>
      </c>
      <c r="J25822" s="1" t="s">
        <v>92459</v>
      </c>
    </row>
    <row r="25823" spans="1:10" x14ac:dyDescent="0.35">
      <c r="A25823" s="1" t="s">
        <v>92403</v>
      </c>
      <c r="B25823" s="1" t="s">
        <v>86049</v>
      </c>
      <c r="C25823" s="1" t="s">
        <v>85</v>
      </c>
      <c r="D25823" s="1" t="s">
        <v>92460</v>
      </c>
      <c r="E25823" s="1" t="s">
        <v>92461</v>
      </c>
      <c r="F25823" s="1" t="s">
        <v>92462</v>
      </c>
      <c r="G25823" s="1" t="s">
        <v>92407</v>
      </c>
      <c r="H25823" s="1" t="s">
        <v>92408</v>
      </c>
      <c r="I25823" s="1" t="s">
        <v>86055</v>
      </c>
      <c r="J25823" s="1" t="s">
        <v>92463</v>
      </c>
    </row>
    <row r="25824" spans="1:10" x14ac:dyDescent="0.35">
      <c r="A25824" s="1" t="s">
        <v>92403</v>
      </c>
      <c r="B25824" s="1" t="s">
        <v>86049</v>
      </c>
      <c r="C25824" s="1" t="s">
        <v>90</v>
      </c>
      <c r="D25824" s="1" t="s">
        <v>92464</v>
      </c>
      <c r="E25824" s="1" t="s">
        <v>92465</v>
      </c>
      <c r="F25824" s="1" t="s">
        <v>92466</v>
      </c>
      <c r="G25824" s="1" t="s">
        <v>92407</v>
      </c>
      <c r="H25824" s="1" t="s">
        <v>92408</v>
      </c>
      <c r="I25824" s="1" t="s">
        <v>86055</v>
      </c>
      <c r="J25824" s="1" t="s">
        <v>92467</v>
      </c>
    </row>
    <row r="25825" spans="1:10" x14ac:dyDescent="0.35">
      <c r="A25825" s="1" t="s">
        <v>92403</v>
      </c>
      <c r="B25825" s="1" t="s">
        <v>86049</v>
      </c>
      <c r="C25825" s="1" t="s">
        <v>95</v>
      </c>
      <c r="D25825" s="1" t="s">
        <v>92468</v>
      </c>
      <c r="E25825" s="1" t="s">
        <v>92469</v>
      </c>
      <c r="F25825" s="1" t="s">
        <v>92470</v>
      </c>
      <c r="G25825" s="1" t="s">
        <v>92407</v>
      </c>
      <c r="H25825" s="1" t="s">
        <v>92408</v>
      </c>
      <c r="I25825" s="1" t="s">
        <v>86055</v>
      </c>
      <c r="J25825" s="1" t="s">
        <v>92471</v>
      </c>
    </row>
    <row r="25826" spans="1:10" x14ac:dyDescent="0.35">
      <c r="A25826" s="1" t="s">
        <v>92403</v>
      </c>
      <c r="B25826" s="1" t="s">
        <v>86049</v>
      </c>
      <c r="C25826" s="1" t="s">
        <v>100</v>
      </c>
      <c r="D25826" s="1" t="s">
        <v>92472</v>
      </c>
      <c r="E25826" s="1" t="s">
        <v>92473</v>
      </c>
      <c r="F25826" s="1" t="s">
        <v>92474</v>
      </c>
      <c r="G25826" s="1" t="s">
        <v>92407</v>
      </c>
      <c r="H25826" s="1" t="s">
        <v>92408</v>
      </c>
      <c r="I25826" s="1" t="s">
        <v>86055</v>
      </c>
      <c r="J25826" s="1" t="s">
        <v>92475</v>
      </c>
    </row>
    <row r="25827" spans="1:10" x14ac:dyDescent="0.35">
      <c r="A25827" s="1" t="s">
        <v>92403</v>
      </c>
      <c r="B25827" s="1" t="s">
        <v>86049</v>
      </c>
      <c r="C25827" s="1" t="s">
        <v>105</v>
      </c>
      <c r="D25827" s="1" t="s">
        <v>92476</v>
      </c>
      <c r="E25827" s="1" t="s">
        <v>92477</v>
      </c>
      <c r="F25827" s="1" t="s">
        <v>92478</v>
      </c>
      <c r="G25827" s="1" t="s">
        <v>92407</v>
      </c>
      <c r="H25827" s="1" t="s">
        <v>92408</v>
      </c>
      <c r="I25827" s="1" t="s">
        <v>86055</v>
      </c>
      <c r="J25827" s="1" t="s">
        <v>92479</v>
      </c>
    </row>
    <row r="25828" spans="1:10" x14ac:dyDescent="0.35">
      <c r="A25828" s="1" t="s">
        <v>92403</v>
      </c>
      <c r="B25828" s="1" t="s">
        <v>86049</v>
      </c>
      <c r="C25828" s="1" t="s">
        <v>110</v>
      </c>
      <c r="D25828" s="1" t="s">
        <v>92480</v>
      </c>
      <c r="E25828" s="1" t="s">
        <v>92481</v>
      </c>
      <c r="F25828" s="1" t="s">
        <v>92482</v>
      </c>
      <c r="G25828" s="1" t="s">
        <v>92407</v>
      </c>
      <c r="H25828" s="1" t="s">
        <v>92408</v>
      </c>
      <c r="I25828" s="1" t="s">
        <v>86055</v>
      </c>
      <c r="J25828" s="1" t="s">
        <v>92483</v>
      </c>
    </row>
    <row r="25829" spans="1:10" x14ac:dyDescent="0.35">
      <c r="A25829" s="1" t="s">
        <v>92403</v>
      </c>
      <c r="B25829" s="1" t="s">
        <v>86049</v>
      </c>
      <c r="C25829" s="1" t="s">
        <v>115</v>
      </c>
      <c r="D25829" s="1" t="s">
        <v>16665</v>
      </c>
      <c r="E25829" s="1" t="s">
        <v>92484</v>
      </c>
      <c r="F25829" s="1" t="s">
        <v>92485</v>
      </c>
      <c r="G25829" s="1" t="s">
        <v>92407</v>
      </c>
      <c r="H25829" s="1" t="s">
        <v>92408</v>
      </c>
      <c r="I25829" s="1" t="s">
        <v>86055</v>
      </c>
      <c r="J25829" s="1" t="s">
        <v>92486</v>
      </c>
    </row>
    <row r="25830" spans="1:10" x14ac:dyDescent="0.35">
      <c r="A25830" s="1" t="s">
        <v>92403</v>
      </c>
      <c r="B25830" s="1" t="s">
        <v>86049</v>
      </c>
      <c r="C25830" s="1" t="s">
        <v>120</v>
      </c>
      <c r="D25830" s="1" t="s">
        <v>92487</v>
      </c>
      <c r="E25830" s="1" t="s">
        <v>92488</v>
      </c>
      <c r="F25830" s="1" t="s">
        <v>92489</v>
      </c>
      <c r="G25830" s="1" t="s">
        <v>92407</v>
      </c>
      <c r="H25830" s="1" t="s">
        <v>92408</v>
      </c>
      <c r="I25830" s="1" t="s">
        <v>86055</v>
      </c>
      <c r="J25830" s="1" t="s">
        <v>92490</v>
      </c>
    </row>
    <row r="25831" spans="1:10" x14ac:dyDescent="0.35">
      <c r="A25831" s="1" t="s">
        <v>92403</v>
      </c>
      <c r="B25831" s="1" t="s">
        <v>86049</v>
      </c>
      <c r="C25831" s="1" t="s">
        <v>125</v>
      </c>
      <c r="D25831" s="1" t="s">
        <v>92491</v>
      </c>
      <c r="E25831" s="1" t="s">
        <v>92492</v>
      </c>
      <c r="F25831" s="1" t="s">
        <v>92493</v>
      </c>
      <c r="G25831" s="1" t="s">
        <v>92407</v>
      </c>
      <c r="H25831" s="1" t="s">
        <v>92408</v>
      </c>
      <c r="I25831" s="1" t="s">
        <v>86055</v>
      </c>
      <c r="J25831" s="1" t="s">
        <v>92494</v>
      </c>
    </row>
    <row r="25832" spans="1:10" x14ac:dyDescent="0.35">
      <c r="A25832" s="1" t="s">
        <v>92403</v>
      </c>
      <c r="B25832" s="1" t="s">
        <v>86049</v>
      </c>
      <c r="C25832" s="1" t="s">
        <v>130</v>
      </c>
      <c r="D25832" s="1" t="s">
        <v>92495</v>
      </c>
      <c r="E25832" s="1" t="s">
        <v>92496</v>
      </c>
      <c r="F25832" s="1" t="s">
        <v>92497</v>
      </c>
      <c r="G25832" s="1" t="s">
        <v>92407</v>
      </c>
      <c r="H25832" s="1" t="s">
        <v>92408</v>
      </c>
      <c r="I25832" s="1" t="s">
        <v>86055</v>
      </c>
      <c r="J25832" s="1" t="s">
        <v>92498</v>
      </c>
    </row>
    <row r="25833" spans="1:10" x14ac:dyDescent="0.35">
      <c r="A25833" s="1" t="s">
        <v>92403</v>
      </c>
      <c r="B25833" s="1" t="s">
        <v>86049</v>
      </c>
      <c r="C25833" s="1" t="s">
        <v>135</v>
      </c>
      <c r="D25833" s="1" t="s">
        <v>92499</v>
      </c>
      <c r="E25833" s="1" t="s">
        <v>92500</v>
      </c>
      <c r="F25833" s="1" t="s">
        <v>92501</v>
      </c>
      <c r="G25833" s="1" t="s">
        <v>92407</v>
      </c>
      <c r="H25833" s="1" t="s">
        <v>92408</v>
      </c>
      <c r="I25833" s="1" t="s">
        <v>86055</v>
      </c>
      <c r="J25833" s="1" t="s">
        <v>92502</v>
      </c>
    </row>
    <row r="25834" spans="1:10" x14ac:dyDescent="0.35">
      <c r="A25834" s="1" t="s">
        <v>92403</v>
      </c>
      <c r="B25834" s="1" t="s">
        <v>86049</v>
      </c>
      <c r="C25834" s="1" t="s">
        <v>140</v>
      </c>
      <c r="D25834" s="1" t="s">
        <v>92503</v>
      </c>
      <c r="E25834" s="1" t="s">
        <v>92504</v>
      </c>
      <c r="F25834" s="1" t="s">
        <v>92505</v>
      </c>
      <c r="G25834" s="1" t="s">
        <v>92407</v>
      </c>
      <c r="H25834" s="1" t="s">
        <v>92408</v>
      </c>
      <c r="I25834" s="1" t="s">
        <v>86055</v>
      </c>
      <c r="J25834" s="1" t="s">
        <v>92506</v>
      </c>
    </row>
    <row r="25835" spans="1:10" x14ac:dyDescent="0.35">
      <c r="A25835" s="1" t="s">
        <v>92403</v>
      </c>
      <c r="B25835" s="1" t="s">
        <v>86049</v>
      </c>
      <c r="C25835" s="1" t="s">
        <v>145</v>
      </c>
      <c r="D25835" s="1" t="s">
        <v>92507</v>
      </c>
      <c r="E25835" s="1" t="s">
        <v>92508</v>
      </c>
      <c r="F25835" s="1" t="s">
        <v>92509</v>
      </c>
      <c r="G25835" s="1" t="s">
        <v>92407</v>
      </c>
      <c r="H25835" s="1" t="s">
        <v>92408</v>
      </c>
      <c r="I25835" s="1" t="s">
        <v>86055</v>
      </c>
      <c r="J25835" s="1" t="s">
        <v>92510</v>
      </c>
    </row>
    <row r="25836" spans="1:10" x14ac:dyDescent="0.35">
      <c r="A25836" s="1" t="s">
        <v>92403</v>
      </c>
      <c r="B25836" s="1" t="s">
        <v>86049</v>
      </c>
      <c r="C25836" s="1" t="s">
        <v>150</v>
      </c>
      <c r="D25836" s="1" t="s">
        <v>86460</v>
      </c>
      <c r="E25836" s="1" t="s">
        <v>92511</v>
      </c>
      <c r="F25836" s="1" t="s">
        <v>92512</v>
      </c>
      <c r="G25836" s="1" t="s">
        <v>92407</v>
      </c>
      <c r="H25836" s="1" t="s">
        <v>92408</v>
      </c>
      <c r="I25836" s="1" t="s">
        <v>86055</v>
      </c>
      <c r="J25836" s="1" t="s">
        <v>92513</v>
      </c>
    </row>
    <row r="25837" spans="1:10" x14ac:dyDescent="0.35">
      <c r="A25837" s="1" t="s">
        <v>92403</v>
      </c>
      <c r="B25837" s="1" t="s">
        <v>86049</v>
      </c>
      <c r="C25837" s="1" t="s">
        <v>155</v>
      </c>
      <c r="D25837" s="1" t="s">
        <v>58835</v>
      </c>
      <c r="E25837" s="1" t="s">
        <v>92514</v>
      </c>
      <c r="F25837" s="1" t="s">
        <v>92515</v>
      </c>
      <c r="G25837" s="1" t="s">
        <v>92407</v>
      </c>
      <c r="H25837" s="1" t="s">
        <v>92408</v>
      </c>
      <c r="I25837" s="1" t="s">
        <v>86055</v>
      </c>
      <c r="J25837" s="1" t="s">
        <v>92516</v>
      </c>
    </row>
    <row r="25838" spans="1:10" x14ac:dyDescent="0.35">
      <c r="A25838" s="1" t="s">
        <v>92403</v>
      </c>
      <c r="B25838" s="1" t="s">
        <v>86049</v>
      </c>
      <c r="C25838" s="1" t="s">
        <v>160</v>
      </c>
      <c r="D25838" s="1" t="s">
        <v>24152</v>
      </c>
      <c r="E25838" s="1" t="s">
        <v>92517</v>
      </c>
      <c r="F25838" s="1" t="s">
        <v>92518</v>
      </c>
      <c r="G25838" s="1" t="s">
        <v>92407</v>
      </c>
      <c r="H25838" s="1" t="s">
        <v>92408</v>
      </c>
      <c r="I25838" s="1" t="s">
        <v>86055</v>
      </c>
      <c r="J25838" s="1" t="s">
        <v>92519</v>
      </c>
    </row>
    <row r="25839" spans="1:10" x14ac:dyDescent="0.35">
      <c r="A25839" s="1" t="s">
        <v>92403</v>
      </c>
      <c r="B25839" s="1" t="s">
        <v>86049</v>
      </c>
      <c r="C25839" s="1" t="s">
        <v>165</v>
      </c>
      <c r="D25839" s="1" t="s">
        <v>92520</v>
      </c>
      <c r="E25839" s="1" t="s">
        <v>92521</v>
      </c>
      <c r="F25839" s="1" t="s">
        <v>92522</v>
      </c>
      <c r="G25839" s="1" t="s">
        <v>92407</v>
      </c>
      <c r="H25839" s="1" t="s">
        <v>92408</v>
      </c>
      <c r="I25839" s="1" t="s">
        <v>86055</v>
      </c>
      <c r="J25839" s="1" t="s">
        <v>92523</v>
      </c>
    </row>
    <row r="25840" spans="1:10" x14ac:dyDescent="0.35">
      <c r="A25840" s="1" t="s">
        <v>92403</v>
      </c>
      <c r="B25840" s="1" t="s">
        <v>86049</v>
      </c>
      <c r="C25840" s="1" t="s">
        <v>170</v>
      </c>
      <c r="D25840" s="1" t="s">
        <v>92524</v>
      </c>
      <c r="E25840" s="1" t="s">
        <v>92525</v>
      </c>
      <c r="F25840" s="1" t="s">
        <v>92526</v>
      </c>
      <c r="G25840" s="1" t="s">
        <v>92407</v>
      </c>
      <c r="H25840" s="1" t="s">
        <v>92408</v>
      </c>
      <c r="I25840" s="1" t="s">
        <v>86055</v>
      </c>
      <c r="J25840" s="1" t="s">
        <v>92527</v>
      </c>
    </row>
    <row r="25841" spans="1:10" x14ac:dyDescent="0.35">
      <c r="A25841" s="1" t="s">
        <v>92528</v>
      </c>
      <c r="B25841" s="1" t="s">
        <v>86049</v>
      </c>
      <c r="C25841" s="1" t="s">
        <v>8</v>
      </c>
      <c r="D25841" s="1" t="s">
        <v>92529</v>
      </c>
      <c r="E25841" s="1" t="s">
        <v>92530</v>
      </c>
      <c r="F25841" s="1" t="s">
        <v>92531</v>
      </c>
      <c r="G25841" s="1" t="s">
        <v>92532</v>
      </c>
      <c r="H25841" s="1" t="s">
        <v>92533</v>
      </c>
      <c r="I25841" s="1" t="s">
        <v>86055</v>
      </c>
      <c r="J25841" s="1" t="s">
        <v>13</v>
      </c>
    </row>
    <row r="25842" spans="1:10" x14ac:dyDescent="0.35">
      <c r="A25842" s="1" t="s">
        <v>92528</v>
      </c>
      <c r="B25842" s="1" t="s">
        <v>86049</v>
      </c>
      <c r="C25842" s="1" t="s">
        <v>15</v>
      </c>
      <c r="D25842" s="1" t="s">
        <v>92534</v>
      </c>
      <c r="E25842" s="1" t="s">
        <v>92535</v>
      </c>
      <c r="F25842" s="1" t="s">
        <v>92536</v>
      </c>
      <c r="G25842" s="1" t="s">
        <v>92532</v>
      </c>
      <c r="H25842" s="1" t="s">
        <v>92533</v>
      </c>
      <c r="I25842" s="1" t="s">
        <v>86055</v>
      </c>
      <c r="J25842" s="1" t="s">
        <v>92537</v>
      </c>
    </row>
    <row r="25843" spans="1:10" x14ac:dyDescent="0.35">
      <c r="A25843" s="1" t="s">
        <v>92528</v>
      </c>
      <c r="B25843" s="1" t="s">
        <v>86049</v>
      </c>
      <c r="C25843" s="1" t="s">
        <v>20</v>
      </c>
      <c r="D25843" s="1" t="s">
        <v>92538</v>
      </c>
      <c r="E25843" s="1" t="s">
        <v>92539</v>
      </c>
      <c r="F25843" s="1" t="s">
        <v>92540</v>
      </c>
      <c r="G25843" s="1" t="s">
        <v>92532</v>
      </c>
      <c r="H25843" s="1" t="s">
        <v>92533</v>
      </c>
      <c r="I25843" s="1" t="s">
        <v>86055</v>
      </c>
      <c r="J25843" s="1" t="s">
        <v>92541</v>
      </c>
    </row>
    <row r="25844" spans="1:10" x14ac:dyDescent="0.35">
      <c r="A25844" s="1" t="s">
        <v>92528</v>
      </c>
      <c r="B25844" s="1" t="s">
        <v>86049</v>
      </c>
      <c r="C25844" s="1" t="s">
        <v>25</v>
      </c>
      <c r="D25844" s="1" t="s">
        <v>92542</v>
      </c>
      <c r="E25844" s="1" t="s">
        <v>92543</v>
      </c>
      <c r="F25844" s="1" t="s">
        <v>92544</v>
      </c>
      <c r="G25844" s="1" t="s">
        <v>92532</v>
      </c>
      <c r="H25844" s="1" t="s">
        <v>92533</v>
      </c>
      <c r="I25844" s="1" t="s">
        <v>86055</v>
      </c>
      <c r="J25844" s="1" t="s">
        <v>92545</v>
      </c>
    </row>
    <row r="25845" spans="1:10" x14ac:dyDescent="0.35">
      <c r="A25845" s="1" t="s">
        <v>92528</v>
      </c>
      <c r="B25845" s="1" t="s">
        <v>86049</v>
      </c>
      <c r="C25845" s="1" t="s">
        <v>30</v>
      </c>
      <c r="D25845" s="1" t="s">
        <v>92546</v>
      </c>
      <c r="E25845" s="1" t="s">
        <v>92547</v>
      </c>
      <c r="F25845" s="1" t="s">
        <v>92548</v>
      </c>
      <c r="G25845" s="1" t="s">
        <v>92532</v>
      </c>
      <c r="H25845" s="1" t="s">
        <v>92533</v>
      </c>
      <c r="I25845" s="1" t="s">
        <v>86055</v>
      </c>
      <c r="J25845" s="1" t="s">
        <v>92549</v>
      </c>
    </row>
    <row r="25846" spans="1:10" x14ac:dyDescent="0.35">
      <c r="A25846" s="1" t="s">
        <v>92528</v>
      </c>
      <c r="B25846" s="1" t="s">
        <v>86049</v>
      </c>
      <c r="C25846" s="1" t="s">
        <v>35</v>
      </c>
      <c r="D25846" s="1" t="s">
        <v>67542</v>
      </c>
      <c r="E25846" s="1" t="s">
        <v>92550</v>
      </c>
      <c r="F25846" s="1" t="s">
        <v>92551</v>
      </c>
      <c r="G25846" s="1" t="s">
        <v>92532</v>
      </c>
      <c r="H25846" s="1" t="s">
        <v>92533</v>
      </c>
      <c r="I25846" s="1" t="s">
        <v>86055</v>
      </c>
      <c r="J25846" s="1" t="s">
        <v>92552</v>
      </c>
    </row>
    <row r="25847" spans="1:10" x14ac:dyDescent="0.35">
      <c r="A25847" s="1" t="s">
        <v>92528</v>
      </c>
      <c r="B25847" s="1" t="s">
        <v>86049</v>
      </c>
      <c r="C25847" s="1" t="s">
        <v>40</v>
      </c>
      <c r="D25847" s="1" t="s">
        <v>92553</v>
      </c>
      <c r="E25847" s="1" t="s">
        <v>92554</v>
      </c>
      <c r="F25847" s="1" t="s">
        <v>92555</v>
      </c>
      <c r="G25847" s="1" t="s">
        <v>92532</v>
      </c>
      <c r="H25847" s="1" t="s">
        <v>92533</v>
      </c>
      <c r="I25847" s="1" t="s">
        <v>86055</v>
      </c>
      <c r="J25847" s="1" t="s">
        <v>92556</v>
      </c>
    </row>
    <row r="25848" spans="1:10" x14ac:dyDescent="0.35">
      <c r="A25848" s="1" t="s">
        <v>92528</v>
      </c>
      <c r="B25848" s="1" t="s">
        <v>86049</v>
      </c>
      <c r="C25848" s="1" t="s">
        <v>45</v>
      </c>
      <c r="D25848" s="1" t="s">
        <v>92557</v>
      </c>
      <c r="E25848" s="1" t="s">
        <v>92558</v>
      </c>
      <c r="F25848" s="1" t="s">
        <v>92559</v>
      </c>
      <c r="G25848" s="1" t="s">
        <v>92532</v>
      </c>
      <c r="H25848" s="1" t="s">
        <v>92533</v>
      </c>
      <c r="I25848" s="1" t="s">
        <v>86055</v>
      </c>
      <c r="J25848" s="1" t="s">
        <v>92560</v>
      </c>
    </row>
    <row r="25849" spans="1:10" x14ac:dyDescent="0.35">
      <c r="A25849" s="1" t="s">
        <v>92528</v>
      </c>
      <c r="B25849" s="1" t="s">
        <v>86049</v>
      </c>
      <c r="C25849" s="1" t="s">
        <v>50</v>
      </c>
      <c r="D25849" s="1" t="s">
        <v>92561</v>
      </c>
      <c r="E25849" s="1" t="s">
        <v>92562</v>
      </c>
      <c r="F25849" s="1" t="s">
        <v>92563</v>
      </c>
      <c r="G25849" s="1" t="s">
        <v>92532</v>
      </c>
      <c r="H25849" s="1" t="s">
        <v>92533</v>
      </c>
      <c r="I25849" s="1" t="s">
        <v>86055</v>
      </c>
      <c r="J25849" s="1" t="s">
        <v>92564</v>
      </c>
    </row>
    <row r="25850" spans="1:10" x14ac:dyDescent="0.35">
      <c r="A25850" s="1" t="s">
        <v>92528</v>
      </c>
      <c r="B25850" s="1" t="s">
        <v>86049</v>
      </c>
      <c r="C25850" s="1" t="s">
        <v>55</v>
      </c>
      <c r="D25850" s="1" t="s">
        <v>59400</v>
      </c>
      <c r="E25850" s="1" t="s">
        <v>92565</v>
      </c>
      <c r="F25850" s="1" t="s">
        <v>92566</v>
      </c>
      <c r="G25850" s="1" t="s">
        <v>92532</v>
      </c>
      <c r="H25850" s="1" t="s">
        <v>92533</v>
      </c>
      <c r="I25850" s="1" t="s">
        <v>86055</v>
      </c>
      <c r="J25850" s="1" t="s">
        <v>92567</v>
      </c>
    </row>
    <row r="25851" spans="1:10" x14ac:dyDescent="0.35">
      <c r="A25851" s="1" t="s">
        <v>92528</v>
      </c>
      <c r="B25851" s="1" t="s">
        <v>86049</v>
      </c>
      <c r="C25851" s="1" t="s">
        <v>60</v>
      </c>
      <c r="D25851" s="1" t="s">
        <v>52231</v>
      </c>
      <c r="E25851" s="1" t="s">
        <v>92568</v>
      </c>
      <c r="F25851" s="1" t="s">
        <v>92569</v>
      </c>
      <c r="G25851" s="1" t="s">
        <v>92532</v>
      </c>
      <c r="H25851" s="1" t="s">
        <v>92533</v>
      </c>
      <c r="I25851" s="1" t="s">
        <v>86055</v>
      </c>
      <c r="J25851" s="1" t="s">
        <v>92570</v>
      </c>
    </row>
    <row r="25852" spans="1:10" x14ac:dyDescent="0.35">
      <c r="A25852" s="1" t="s">
        <v>92528</v>
      </c>
      <c r="B25852" s="1" t="s">
        <v>86049</v>
      </c>
      <c r="C25852" s="1" t="s">
        <v>65</v>
      </c>
      <c r="D25852" s="1" t="s">
        <v>92571</v>
      </c>
      <c r="E25852" s="1" t="s">
        <v>92572</v>
      </c>
      <c r="F25852" s="1" t="s">
        <v>92573</v>
      </c>
      <c r="G25852" s="1" t="s">
        <v>92532</v>
      </c>
      <c r="H25852" s="1" t="s">
        <v>92533</v>
      </c>
      <c r="I25852" s="1" t="s">
        <v>86055</v>
      </c>
      <c r="J25852" s="1" t="s">
        <v>92574</v>
      </c>
    </row>
    <row r="25853" spans="1:10" x14ac:dyDescent="0.35">
      <c r="A25853" s="1" t="s">
        <v>92528</v>
      </c>
      <c r="B25853" s="1" t="s">
        <v>86049</v>
      </c>
      <c r="C25853" s="1" t="s">
        <v>70</v>
      </c>
      <c r="D25853" s="1" t="s">
        <v>40152</v>
      </c>
      <c r="E25853" s="1" t="s">
        <v>92575</v>
      </c>
      <c r="F25853" s="1" t="s">
        <v>92576</v>
      </c>
      <c r="G25853" s="1" t="s">
        <v>92532</v>
      </c>
      <c r="H25853" s="1" t="s">
        <v>92533</v>
      </c>
      <c r="I25853" s="1" t="s">
        <v>86055</v>
      </c>
      <c r="J25853" s="1" t="s">
        <v>92577</v>
      </c>
    </row>
    <row r="25854" spans="1:10" x14ac:dyDescent="0.35">
      <c r="A25854" s="1" t="s">
        <v>92528</v>
      </c>
      <c r="B25854" s="1" t="s">
        <v>86049</v>
      </c>
      <c r="C25854" s="1" t="s">
        <v>75</v>
      </c>
      <c r="D25854" s="1" t="s">
        <v>92578</v>
      </c>
      <c r="E25854" s="1" t="s">
        <v>92579</v>
      </c>
      <c r="F25854" s="1" t="s">
        <v>92580</v>
      </c>
      <c r="G25854" s="1" t="s">
        <v>92532</v>
      </c>
      <c r="H25854" s="1" t="s">
        <v>92533</v>
      </c>
      <c r="I25854" s="1" t="s">
        <v>86055</v>
      </c>
      <c r="J25854" s="1" t="s">
        <v>92581</v>
      </c>
    </row>
    <row r="25855" spans="1:10" x14ac:dyDescent="0.35">
      <c r="A25855" s="1" t="s">
        <v>92528</v>
      </c>
      <c r="B25855" s="1" t="s">
        <v>86049</v>
      </c>
      <c r="C25855" s="1" t="s">
        <v>80</v>
      </c>
      <c r="D25855" s="1" t="s">
        <v>60202</v>
      </c>
      <c r="E25855" s="1" t="s">
        <v>92582</v>
      </c>
      <c r="F25855" s="1" t="s">
        <v>92583</v>
      </c>
      <c r="G25855" s="1" t="s">
        <v>92532</v>
      </c>
      <c r="H25855" s="1" t="s">
        <v>92533</v>
      </c>
      <c r="I25855" s="1" t="s">
        <v>86055</v>
      </c>
      <c r="J25855" s="1" t="s">
        <v>92584</v>
      </c>
    </row>
    <row r="25856" spans="1:10" x14ac:dyDescent="0.35">
      <c r="A25856" s="1" t="s">
        <v>92528</v>
      </c>
      <c r="B25856" s="1" t="s">
        <v>86049</v>
      </c>
      <c r="C25856" s="1" t="s">
        <v>85</v>
      </c>
      <c r="D25856" s="1" t="s">
        <v>89444</v>
      </c>
      <c r="E25856" s="1" t="s">
        <v>92585</v>
      </c>
      <c r="F25856" s="1" t="s">
        <v>92586</v>
      </c>
      <c r="G25856" s="1" t="s">
        <v>92532</v>
      </c>
      <c r="H25856" s="1" t="s">
        <v>92533</v>
      </c>
      <c r="I25856" s="1" t="s">
        <v>86055</v>
      </c>
      <c r="J25856" s="1" t="s">
        <v>92587</v>
      </c>
    </row>
    <row r="25857" spans="1:10" x14ac:dyDescent="0.35">
      <c r="A25857" s="1" t="s">
        <v>92528</v>
      </c>
      <c r="B25857" s="1" t="s">
        <v>86049</v>
      </c>
      <c r="C25857" s="1" t="s">
        <v>90</v>
      </c>
      <c r="D25857" s="1" t="s">
        <v>92588</v>
      </c>
      <c r="E25857" s="1" t="s">
        <v>92589</v>
      </c>
      <c r="F25857" s="1" t="s">
        <v>92590</v>
      </c>
      <c r="G25857" s="1" t="s">
        <v>92532</v>
      </c>
      <c r="H25857" s="1" t="s">
        <v>92533</v>
      </c>
      <c r="I25857" s="1" t="s">
        <v>86055</v>
      </c>
      <c r="J25857" s="1" t="s">
        <v>92591</v>
      </c>
    </row>
    <row r="25858" spans="1:10" x14ac:dyDescent="0.35">
      <c r="A25858" s="1" t="s">
        <v>92528</v>
      </c>
      <c r="B25858" s="1" t="s">
        <v>86049</v>
      </c>
      <c r="C25858" s="1" t="s">
        <v>95</v>
      </c>
      <c r="D25858" s="1" t="s">
        <v>92592</v>
      </c>
      <c r="E25858" s="1" t="s">
        <v>92593</v>
      </c>
      <c r="F25858" s="1" t="s">
        <v>92594</v>
      </c>
      <c r="G25858" s="1" t="s">
        <v>92532</v>
      </c>
      <c r="H25858" s="1" t="s">
        <v>92533</v>
      </c>
      <c r="I25858" s="1" t="s">
        <v>86055</v>
      </c>
      <c r="J25858" s="1" t="s">
        <v>92595</v>
      </c>
    </row>
    <row r="25859" spans="1:10" x14ac:dyDescent="0.35">
      <c r="A25859" s="1" t="s">
        <v>92528</v>
      </c>
      <c r="B25859" s="1" t="s">
        <v>86049</v>
      </c>
      <c r="C25859" s="1" t="s">
        <v>100</v>
      </c>
      <c r="D25859" s="1" t="s">
        <v>61730</v>
      </c>
      <c r="E25859" s="1" t="s">
        <v>92596</v>
      </c>
      <c r="F25859" s="1" t="s">
        <v>92597</v>
      </c>
      <c r="G25859" s="1" t="s">
        <v>92532</v>
      </c>
      <c r="H25859" s="1" t="s">
        <v>92533</v>
      </c>
      <c r="I25859" s="1" t="s">
        <v>86055</v>
      </c>
      <c r="J25859" s="1" t="s">
        <v>92598</v>
      </c>
    </row>
    <row r="25860" spans="1:10" x14ac:dyDescent="0.35">
      <c r="A25860" s="1" t="s">
        <v>92528</v>
      </c>
      <c r="B25860" s="1" t="s">
        <v>86049</v>
      </c>
      <c r="C25860" s="1" t="s">
        <v>105</v>
      </c>
      <c r="D25860" s="1" t="s">
        <v>92599</v>
      </c>
      <c r="E25860" s="1" t="s">
        <v>92600</v>
      </c>
      <c r="F25860" s="1" t="s">
        <v>92601</v>
      </c>
      <c r="G25860" s="1" t="s">
        <v>92532</v>
      </c>
      <c r="H25860" s="1" t="s">
        <v>92533</v>
      </c>
      <c r="I25860" s="1" t="s">
        <v>86055</v>
      </c>
      <c r="J25860" s="1" t="s">
        <v>92602</v>
      </c>
    </row>
    <row r="25861" spans="1:10" x14ac:dyDescent="0.35">
      <c r="A25861" s="1" t="s">
        <v>92528</v>
      </c>
      <c r="B25861" s="1" t="s">
        <v>86049</v>
      </c>
      <c r="C25861" s="1" t="s">
        <v>110</v>
      </c>
      <c r="D25861" s="1" t="s">
        <v>92603</v>
      </c>
      <c r="E25861" s="1" t="s">
        <v>92604</v>
      </c>
      <c r="F25861" s="1" t="s">
        <v>92605</v>
      </c>
      <c r="G25861" s="1" t="s">
        <v>92532</v>
      </c>
      <c r="H25861" s="1" t="s">
        <v>92533</v>
      </c>
      <c r="I25861" s="1" t="s">
        <v>86055</v>
      </c>
      <c r="J25861" s="1" t="s">
        <v>92606</v>
      </c>
    </row>
    <row r="25862" spans="1:10" x14ac:dyDescent="0.35">
      <c r="A25862" s="1" t="s">
        <v>92528</v>
      </c>
      <c r="B25862" s="1" t="s">
        <v>86049</v>
      </c>
      <c r="C25862" s="1" t="s">
        <v>115</v>
      </c>
      <c r="D25862" s="1" t="s">
        <v>92607</v>
      </c>
      <c r="E25862" s="1" t="s">
        <v>92608</v>
      </c>
      <c r="F25862" s="1" t="s">
        <v>92609</v>
      </c>
      <c r="G25862" s="1" t="s">
        <v>92532</v>
      </c>
      <c r="H25862" s="1" t="s">
        <v>92533</v>
      </c>
      <c r="I25862" s="1" t="s">
        <v>86055</v>
      </c>
      <c r="J25862" s="1" t="s">
        <v>92610</v>
      </c>
    </row>
    <row r="25863" spans="1:10" x14ac:dyDescent="0.35">
      <c r="A25863" s="1" t="s">
        <v>92528</v>
      </c>
      <c r="B25863" s="1" t="s">
        <v>86049</v>
      </c>
      <c r="C25863" s="1" t="s">
        <v>120</v>
      </c>
      <c r="D25863" s="1" t="s">
        <v>63685</v>
      </c>
      <c r="E25863" s="1" t="s">
        <v>92611</v>
      </c>
      <c r="F25863" s="1" t="s">
        <v>92612</v>
      </c>
      <c r="G25863" s="1" t="s">
        <v>92532</v>
      </c>
      <c r="H25863" s="1" t="s">
        <v>92533</v>
      </c>
      <c r="I25863" s="1" t="s">
        <v>86055</v>
      </c>
      <c r="J25863" s="1" t="s">
        <v>92613</v>
      </c>
    </row>
    <row r="25864" spans="1:10" x14ac:dyDescent="0.35">
      <c r="A25864" s="1" t="s">
        <v>92528</v>
      </c>
      <c r="B25864" s="1" t="s">
        <v>86049</v>
      </c>
      <c r="C25864" s="1" t="s">
        <v>125</v>
      </c>
      <c r="D25864" s="1" t="s">
        <v>80807</v>
      </c>
      <c r="E25864" s="1" t="s">
        <v>92614</v>
      </c>
      <c r="F25864" s="1" t="s">
        <v>92615</v>
      </c>
      <c r="G25864" s="1" t="s">
        <v>92532</v>
      </c>
      <c r="H25864" s="1" t="s">
        <v>92533</v>
      </c>
      <c r="I25864" s="1" t="s">
        <v>86055</v>
      </c>
      <c r="J25864" s="1" t="s">
        <v>92616</v>
      </c>
    </row>
    <row r="25865" spans="1:10" x14ac:dyDescent="0.35">
      <c r="A25865" s="1" t="s">
        <v>92528</v>
      </c>
      <c r="B25865" s="1" t="s">
        <v>86049</v>
      </c>
      <c r="C25865" s="1" t="s">
        <v>130</v>
      </c>
      <c r="D25865" s="1" t="s">
        <v>63692</v>
      </c>
      <c r="E25865" s="1" t="s">
        <v>92617</v>
      </c>
      <c r="F25865" s="1" t="s">
        <v>92618</v>
      </c>
      <c r="G25865" s="1" t="s">
        <v>92532</v>
      </c>
      <c r="H25865" s="1" t="s">
        <v>92533</v>
      </c>
      <c r="I25865" s="1" t="s">
        <v>86055</v>
      </c>
      <c r="J25865" s="1" t="s">
        <v>92619</v>
      </c>
    </row>
    <row r="25866" spans="1:10" x14ac:dyDescent="0.35">
      <c r="A25866" s="1" t="s">
        <v>92528</v>
      </c>
      <c r="B25866" s="1" t="s">
        <v>86049</v>
      </c>
      <c r="C25866" s="1" t="s">
        <v>135</v>
      </c>
      <c r="D25866" s="1" t="s">
        <v>92620</v>
      </c>
      <c r="E25866" s="1" t="s">
        <v>92621</v>
      </c>
      <c r="F25866" s="1" t="s">
        <v>92622</v>
      </c>
      <c r="G25866" s="1" t="s">
        <v>92532</v>
      </c>
      <c r="H25866" s="1" t="s">
        <v>92533</v>
      </c>
      <c r="I25866" s="1" t="s">
        <v>86055</v>
      </c>
      <c r="J25866" s="1" t="s">
        <v>92623</v>
      </c>
    </row>
    <row r="25867" spans="1:10" x14ac:dyDescent="0.35">
      <c r="A25867" s="1" t="s">
        <v>92528</v>
      </c>
      <c r="B25867" s="1" t="s">
        <v>86049</v>
      </c>
      <c r="C25867" s="1" t="s">
        <v>140</v>
      </c>
      <c r="D25867" s="1" t="s">
        <v>92624</v>
      </c>
      <c r="E25867" s="1" t="s">
        <v>92625</v>
      </c>
      <c r="F25867" s="1" t="s">
        <v>92626</v>
      </c>
      <c r="G25867" s="1" t="s">
        <v>92532</v>
      </c>
      <c r="H25867" s="1" t="s">
        <v>92533</v>
      </c>
      <c r="I25867" s="1" t="s">
        <v>86055</v>
      </c>
      <c r="J25867" s="1" t="s">
        <v>92627</v>
      </c>
    </row>
    <row r="25868" spans="1:10" x14ac:dyDescent="0.35">
      <c r="A25868" s="1" t="s">
        <v>92528</v>
      </c>
      <c r="B25868" s="1" t="s">
        <v>86049</v>
      </c>
      <c r="C25868" s="1" t="s">
        <v>145</v>
      </c>
      <c r="D25868" s="1" t="s">
        <v>92628</v>
      </c>
      <c r="E25868" s="1" t="s">
        <v>92629</v>
      </c>
      <c r="F25868" s="1" t="s">
        <v>92630</v>
      </c>
      <c r="G25868" s="1" t="s">
        <v>92532</v>
      </c>
      <c r="H25868" s="1" t="s">
        <v>92533</v>
      </c>
      <c r="I25868" s="1" t="s">
        <v>86055</v>
      </c>
      <c r="J25868" s="1" t="s">
        <v>92631</v>
      </c>
    </row>
    <row r="25869" spans="1:10" x14ac:dyDescent="0.35">
      <c r="A25869" s="1" t="s">
        <v>92528</v>
      </c>
      <c r="B25869" s="1" t="s">
        <v>86049</v>
      </c>
      <c r="C25869" s="1" t="s">
        <v>150</v>
      </c>
      <c r="D25869" s="1" t="s">
        <v>92632</v>
      </c>
      <c r="E25869" s="1" t="s">
        <v>92633</v>
      </c>
      <c r="F25869" s="1" t="s">
        <v>92634</v>
      </c>
      <c r="G25869" s="1" t="s">
        <v>92532</v>
      </c>
      <c r="H25869" s="1" t="s">
        <v>92533</v>
      </c>
      <c r="I25869" s="1" t="s">
        <v>86055</v>
      </c>
      <c r="J25869" s="1" t="s">
        <v>92635</v>
      </c>
    </row>
    <row r="25870" spans="1:10" x14ac:dyDescent="0.35">
      <c r="A25870" s="1" t="s">
        <v>92528</v>
      </c>
      <c r="B25870" s="1" t="s">
        <v>86049</v>
      </c>
      <c r="C25870" s="1" t="s">
        <v>155</v>
      </c>
      <c r="D25870" s="1" t="s">
        <v>92636</v>
      </c>
      <c r="E25870" s="1" t="s">
        <v>92637</v>
      </c>
      <c r="F25870" s="1" t="s">
        <v>92638</v>
      </c>
      <c r="G25870" s="1" t="s">
        <v>92532</v>
      </c>
      <c r="H25870" s="1" t="s">
        <v>92533</v>
      </c>
      <c r="I25870" s="1" t="s">
        <v>86055</v>
      </c>
      <c r="J25870" s="1" t="s">
        <v>92639</v>
      </c>
    </row>
    <row r="25871" spans="1:10" x14ac:dyDescent="0.35">
      <c r="A25871" s="1" t="s">
        <v>92528</v>
      </c>
      <c r="B25871" s="1" t="s">
        <v>86049</v>
      </c>
      <c r="C25871" s="1" t="s">
        <v>160</v>
      </c>
      <c r="D25871" s="1" t="s">
        <v>92640</v>
      </c>
      <c r="E25871" s="1" t="s">
        <v>92641</v>
      </c>
      <c r="F25871" s="1" t="s">
        <v>92642</v>
      </c>
      <c r="G25871" s="1" t="s">
        <v>92532</v>
      </c>
      <c r="H25871" s="1" t="s">
        <v>92533</v>
      </c>
      <c r="I25871" s="1" t="s">
        <v>86055</v>
      </c>
      <c r="J25871" s="1" t="s">
        <v>92643</v>
      </c>
    </row>
    <row r="25872" spans="1:10" x14ac:dyDescent="0.35">
      <c r="A25872" s="1" t="s">
        <v>92528</v>
      </c>
      <c r="B25872" s="1" t="s">
        <v>86049</v>
      </c>
      <c r="C25872" s="1" t="s">
        <v>165</v>
      </c>
      <c r="D25872" s="1" t="s">
        <v>79074</v>
      </c>
      <c r="E25872" s="1" t="s">
        <v>92644</v>
      </c>
      <c r="F25872" s="1" t="s">
        <v>92645</v>
      </c>
      <c r="G25872" s="1" t="s">
        <v>92532</v>
      </c>
      <c r="H25872" s="1" t="s">
        <v>92533</v>
      </c>
      <c r="I25872" s="1" t="s">
        <v>86055</v>
      </c>
      <c r="J25872" s="1" t="s">
        <v>92646</v>
      </c>
    </row>
    <row r="25873" spans="1:10" x14ac:dyDescent="0.35">
      <c r="A25873" s="1" t="s">
        <v>92528</v>
      </c>
      <c r="B25873" s="1" t="s">
        <v>86049</v>
      </c>
      <c r="C25873" s="1" t="s">
        <v>170</v>
      </c>
      <c r="D25873" s="1" t="s">
        <v>53658</v>
      </c>
      <c r="E25873" s="1" t="s">
        <v>92647</v>
      </c>
      <c r="F25873" s="1" t="s">
        <v>92648</v>
      </c>
      <c r="G25873" s="1" t="s">
        <v>92532</v>
      </c>
      <c r="H25873" s="1" t="s">
        <v>92533</v>
      </c>
      <c r="I25873" s="1" t="s">
        <v>86055</v>
      </c>
      <c r="J25873" s="1" t="s">
        <v>92649</v>
      </c>
    </row>
    <row r="25874" spans="1:10" x14ac:dyDescent="0.35">
      <c r="A25874" s="1" t="s">
        <v>6239</v>
      </c>
      <c r="B25874" s="1" t="s">
        <v>86049</v>
      </c>
      <c r="C25874" s="1" t="s">
        <v>8</v>
      </c>
      <c r="D25874" s="1" t="s">
        <v>53343</v>
      </c>
      <c r="E25874" s="1" t="s">
        <v>92650</v>
      </c>
      <c r="F25874" s="1" t="s">
        <v>92651</v>
      </c>
      <c r="G25874" s="1" t="s">
        <v>92652</v>
      </c>
      <c r="H25874" s="1" t="s">
        <v>92653</v>
      </c>
      <c r="I25874" s="1" t="s">
        <v>86055</v>
      </c>
      <c r="J25874" s="1" t="s">
        <v>13</v>
      </c>
    </row>
    <row r="25875" spans="1:10" x14ac:dyDescent="0.35">
      <c r="A25875" s="1" t="s">
        <v>6239</v>
      </c>
      <c r="B25875" s="1" t="s">
        <v>86049</v>
      </c>
      <c r="C25875" s="1" t="s">
        <v>15</v>
      </c>
      <c r="D25875" s="1" t="s">
        <v>92654</v>
      </c>
      <c r="E25875" s="1" t="s">
        <v>92655</v>
      </c>
      <c r="F25875" s="1" t="s">
        <v>92656</v>
      </c>
      <c r="G25875" s="1" t="s">
        <v>92652</v>
      </c>
      <c r="H25875" s="1" t="s">
        <v>92653</v>
      </c>
      <c r="I25875" s="1" t="s">
        <v>86055</v>
      </c>
      <c r="J25875" s="1" t="s">
        <v>92657</v>
      </c>
    </row>
    <row r="25876" spans="1:10" x14ac:dyDescent="0.35">
      <c r="A25876" s="1" t="s">
        <v>6239</v>
      </c>
      <c r="B25876" s="1" t="s">
        <v>86049</v>
      </c>
      <c r="C25876" s="1" t="s">
        <v>20</v>
      </c>
      <c r="D25876" s="1" t="s">
        <v>92658</v>
      </c>
      <c r="E25876" s="1" t="s">
        <v>92659</v>
      </c>
      <c r="F25876" s="1" t="s">
        <v>92660</v>
      </c>
      <c r="G25876" s="1" t="s">
        <v>92652</v>
      </c>
      <c r="H25876" s="1" t="s">
        <v>92653</v>
      </c>
      <c r="I25876" s="1" t="s">
        <v>86055</v>
      </c>
      <c r="J25876" s="1" t="s">
        <v>92661</v>
      </c>
    </row>
    <row r="25877" spans="1:10" x14ac:dyDescent="0.35">
      <c r="A25877" s="1" t="s">
        <v>6239</v>
      </c>
      <c r="B25877" s="1" t="s">
        <v>86049</v>
      </c>
      <c r="C25877" s="1" t="s">
        <v>25</v>
      </c>
      <c r="D25877" s="1" t="s">
        <v>92662</v>
      </c>
      <c r="E25877" s="1" t="s">
        <v>92663</v>
      </c>
      <c r="F25877" s="1" t="s">
        <v>92664</v>
      </c>
      <c r="G25877" s="1" t="s">
        <v>92652</v>
      </c>
      <c r="H25877" s="1" t="s">
        <v>92653</v>
      </c>
      <c r="I25877" s="1" t="s">
        <v>86055</v>
      </c>
      <c r="J25877" s="1" t="s">
        <v>92665</v>
      </c>
    </row>
    <row r="25878" spans="1:10" x14ac:dyDescent="0.35">
      <c r="A25878" s="1" t="s">
        <v>6239</v>
      </c>
      <c r="B25878" s="1" t="s">
        <v>86049</v>
      </c>
      <c r="C25878" s="1" t="s">
        <v>30</v>
      </c>
      <c r="D25878" s="1" t="s">
        <v>86295</v>
      </c>
      <c r="E25878" s="1" t="s">
        <v>92666</v>
      </c>
      <c r="F25878" s="1" t="s">
        <v>92667</v>
      </c>
      <c r="G25878" s="1" t="s">
        <v>92652</v>
      </c>
      <c r="H25878" s="1" t="s">
        <v>92653</v>
      </c>
      <c r="I25878" s="1" t="s">
        <v>86055</v>
      </c>
      <c r="J25878" s="1" t="s">
        <v>92668</v>
      </c>
    </row>
    <row r="25879" spans="1:10" x14ac:dyDescent="0.35">
      <c r="A25879" s="1" t="s">
        <v>6239</v>
      </c>
      <c r="B25879" s="1" t="s">
        <v>86049</v>
      </c>
      <c r="C25879" s="1" t="s">
        <v>35</v>
      </c>
      <c r="D25879" s="1" t="s">
        <v>92669</v>
      </c>
      <c r="E25879" s="1" t="s">
        <v>92670</v>
      </c>
      <c r="F25879" s="1" t="s">
        <v>92671</v>
      </c>
      <c r="G25879" s="1" t="s">
        <v>92652</v>
      </c>
      <c r="H25879" s="1" t="s">
        <v>92653</v>
      </c>
      <c r="I25879" s="1" t="s">
        <v>86055</v>
      </c>
      <c r="J25879" s="1" t="s">
        <v>92672</v>
      </c>
    </row>
    <row r="25880" spans="1:10" x14ac:dyDescent="0.35">
      <c r="A25880" s="1" t="s">
        <v>6239</v>
      </c>
      <c r="B25880" s="1" t="s">
        <v>86049</v>
      </c>
      <c r="C25880" s="1" t="s">
        <v>40</v>
      </c>
      <c r="D25880" s="1" t="s">
        <v>92673</v>
      </c>
      <c r="E25880" s="1" t="s">
        <v>92674</v>
      </c>
      <c r="F25880" s="1" t="s">
        <v>92675</v>
      </c>
      <c r="G25880" s="1" t="s">
        <v>92652</v>
      </c>
      <c r="H25880" s="1" t="s">
        <v>92653</v>
      </c>
      <c r="I25880" s="1" t="s">
        <v>86055</v>
      </c>
      <c r="J25880" s="1" t="s">
        <v>92676</v>
      </c>
    </row>
    <row r="25881" spans="1:10" x14ac:dyDescent="0.35">
      <c r="A25881" s="1" t="s">
        <v>6239</v>
      </c>
      <c r="B25881" s="1" t="s">
        <v>86049</v>
      </c>
      <c r="C25881" s="1" t="s">
        <v>45</v>
      </c>
      <c r="D25881" s="1" t="s">
        <v>92677</v>
      </c>
      <c r="E25881" s="1" t="s">
        <v>92678</v>
      </c>
      <c r="F25881" s="1" t="s">
        <v>92679</v>
      </c>
      <c r="G25881" s="1" t="s">
        <v>92652</v>
      </c>
      <c r="H25881" s="1" t="s">
        <v>92653</v>
      </c>
      <c r="I25881" s="1" t="s">
        <v>86055</v>
      </c>
      <c r="J25881" s="1" t="s">
        <v>92680</v>
      </c>
    </row>
    <row r="25882" spans="1:10" x14ac:dyDescent="0.35">
      <c r="A25882" s="1" t="s">
        <v>6239</v>
      </c>
      <c r="B25882" s="1" t="s">
        <v>86049</v>
      </c>
      <c r="C25882" s="1" t="s">
        <v>50</v>
      </c>
      <c r="D25882" s="1" t="s">
        <v>57215</v>
      </c>
      <c r="E25882" s="1" t="s">
        <v>92681</v>
      </c>
      <c r="F25882" s="1" t="s">
        <v>92682</v>
      </c>
      <c r="G25882" s="1" t="s">
        <v>92652</v>
      </c>
      <c r="H25882" s="1" t="s">
        <v>92653</v>
      </c>
      <c r="I25882" s="1" t="s">
        <v>86055</v>
      </c>
      <c r="J25882" s="1" t="s">
        <v>92683</v>
      </c>
    </row>
    <row r="25883" spans="1:10" x14ac:dyDescent="0.35">
      <c r="A25883" s="1" t="s">
        <v>6239</v>
      </c>
      <c r="B25883" s="1" t="s">
        <v>86049</v>
      </c>
      <c r="C25883" s="1" t="s">
        <v>55</v>
      </c>
      <c r="D25883" s="1" t="s">
        <v>92684</v>
      </c>
      <c r="E25883" s="1" t="s">
        <v>92685</v>
      </c>
      <c r="F25883" s="1" t="s">
        <v>92686</v>
      </c>
      <c r="G25883" s="1" t="s">
        <v>92652</v>
      </c>
      <c r="H25883" s="1" t="s">
        <v>92653</v>
      </c>
      <c r="I25883" s="1" t="s">
        <v>86055</v>
      </c>
      <c r="J25883" s="1" t="s">
        <v>92687</v>
      </c>
    </row>
    <row r="25884" spans="1:10" x14ac:dyDescent="0.35">
      <c r="A25884" s="1" t="s">
        <v>6239</v>
      </c>
      <c r="B25884" s="1" t="s">
        <v>86049</v>
      </c>
      <c r="C25884" s="1" t="s">
        <v>60</v>
      </c>
      <c r="D25884" s="1" t="s">
        <v>92688</v>
      </c>
      <c r="E25884" s="1" t="s">
        <v>92689</v>
      </c>
      <c r="F25884" s="1" t="s">
        <v>92690</v>
      </c>
      <c r="G25884" s="1" t="s">
        <v>92652</v>
      </c>
      <c r="H25884" s="1" t="s">
        <v>92653</v>
      </c>
      <c r="I25884" s="1" t="s">
        <v>86055</v>
      </c>
      <c r="J25884" s="1" t="s">
        <v>92691</v>
      </c>
    </row>
    <row r="25885" spans="1:10" x14ac:dyDescent="0.35">
      <c r="A25885" s="1" t="s">
        <v>6239</v>
      </c>
      <c r="B25885" s="1" t="s">
        <v>86049</v>
      </c>
      <c r="C25885" s="1" t="s">
        <v>65</v>
      </c>
      <c r="D25885" s="1" t="s">
        <v>53976</v>
      </c>
      <c r="E25885" s="1" t="s">
        <v>92692</v>
      </c>
      <c r="F25885" s="1" t="s">
        <v>92693</v>
      </c>
      <c r="G25885" s="1" t="s">
        <v>92652</v>
      </c>
      <c r="H25885" s="1" t="s">
        <v>92653</v>
      </c>
      <c r="I25885" s="1" t="s">
        <v>86055</v>
      </c>
      <c r="J25885" s="1" t="s">
        <v>92694</v>
      </c>
    </row>
    <row r="25886" spans="1:10" x14ac:dyDescent="0.35">
      <c r="A25886" s="1" t="s">
        <v>6239</v>
      </c>
      <c r="B25886" s="1" t="s">
        <v>86049</v>
      </c>
      <c r="C25886" s="1" t="s">
        <v>70</v>
      </c>
      <c r="D25886" s="1" t="s">
        <v>92695</v>
      </c>
      <c r="E25886" s="1" t="s">
        <v>92696</v>
      </c>
      <c r="F25886" s="1" t="s">
        <v>92697</v>
      </c>
      <c r="G25886" s="1" t="s">
        <v>92652</v>
      </c>
      <c r="H25886" s="1" t="s">
        <v>92653</v>
      </c>
      <c r="I25886" s="1" t="s">
        <v>86055</v>
      </c>
      <c r="J25886" s="1" t="s">
        <v>92698</v>
      </c>
    </row>
    <row r="25887" spans="1:10" x14ac:dyDescent="0.35">
      <c r="A25887" s="1" t="s">
        <v>6239</v>
      </c>
      <c r="B25887" s="1" t="s">
        <v>86049</v>
      </c>
      <c r="C25887" s="1" t="s">
        <v>75</v>
      </c>
      <c r="D25887" s="1" t="s">
        <v>92699</v>
      </c>
      <c r="E25887" s="1" t="s">
        <v>92700</v>
      </c>
      <c r="F25887" s="1" t="s">
        <v>92701</v>
      </c>
      <c r="G25887" s="1" t="s">
        <v>92652</v>
      </c>
      <c r="H25887" s="1" t="s">
        <v>92653</v>
      </c>
      <c r="I25887" s="1" t="s">
        <v>86055</v>
      </c>
      <c r="J25887" s="1" t="s">
        <v>92702</v>
      </c>
    </row>
    <row r="25888" spans="1:10" x14ac:dyDescent="0.35">
      <c r="A25888" s="1" t="s">
        <v>6239</v>
      </c>
      <c r="B25888" s="1" t="s">
        <v>86049</v>
      </c>
      <c r="C25888" s="1" t="s">
        <v>80</v>
      </c>
      <c r="D25888" s="1" t="s">
        <v>92703</v>
      </c>
      <c r="E25888" s="1" t="s">
        <v>92704</v>
      </c>
      <c r="F25888" s="1" t="s">
        <v>92705</v>
      </c>
      <c r="G25888" s="1" t="s">
        <v>92652</v>
      </c>
      <c r="H25888" s="1" t="s">
        <v>92653</v>
      </c>
      <c r="I25888" s="1" t="s">
        <v>86055</v>
      </c>
      <c r="J25888" s="1" t="s">
        <v>92706</v>
      </c>
    </row>
    <row r="25889" spans="1:10" x14ac:dyDescent="0.35">
      <c r="A25889" s="1" t="s">
        <v>6239</v>
      </c>
      <c r="B25889" s="1" t="s">
        <v>86049</v>
      </c>
      <c r="C25889" s="1" t="s">
        <v>85</v>
      </c>
      <c r="D25889" s="1" t="s">
        <v>92707</v>
      </c>
      <c r="E25889" s="1" t="s">
        <v>92708</v>
      </c>
      <c r="F25889" s="1" t="s">
        <v>92709</v>
      </c>
      <c r="G25889" s="1" t="s">
        <v>92652</v>
      </c>
      <c r="H25889" s="1" t="s">
        <v>92653</v>
      </c>
      <c r="I25889" s="1" t="s">
        <v>86055</v>
      </c>
      <c r="J25889" s="1" t="s">
        <v>92710</v>
      </c>
    </row>
    <row r="25890" spans="1:10" x14ac:dyDescent="0.35">
      <c r="A25890" s="1" t="s">
        <v>6239</v>
      </c>
      <c r="B25890" s="1" t="s">
        <v>86049</v>
      </c>
      <c r="C25890" s="1" t="s">
        <v>90</v>
      </c>
      <c r="D25890" s="1" t="s">
        <v>52277</v>
      </c>
      <c r="E25890" s="1" t="s">
        <v>92711</v>
      </c>
      <c r="F25890" s="1" t="s">
        <v>92712</v>
      </c>
      <c r="G25890" s="1" t="s">
        <v>92652</v>
      </c>
      <c r="H25890" s="1" t="s">
        <v>92653</v>
      </c>
      <c r="I25890" s="1" t="s">
        <v>86055</v>
      </c>
      <c r="J25890" s="1" t="s">
        <v>92713</v>
      </c>
    </row>
    <row r="25891" spans="1:10" x14ac:dyDescent="0.35">
      <c r="A25891" s="1" t="s">
        <v>6239</v>
      </c>
      <c r="B25891" s="1" t="s">
        <v>86049</v>
      </c>
      <c r="C25891" s="1" t="s">
        <v>95</v>
      </c>
      <c r="D25891" s="1" t="s">
        <v>92714</v>
      </c>
      <c r="E25891" s="1" t="s">
        <v>92715</v>
      </c>
      <c r="F25891" s="1" t="s">
        <v>92716</v>
      </c>
      <c r="G25891" s="1" t="s">
        <v>92652</v>
      </c>
      <c r="H25891" s="1" t="s">
        <v>92653</v>
      </c>
      <c r="I25891" s="1" t="s">
        <v>86055</v>
      </c>
      <c r="J25891" s="1" t="s">
        <v>92717</v>
      </c>
    </row>
    <row r="25892" spans="1:10" x14ac:dyDescent="0.35">
      <c r="A25892" s="1" t="s">
        <v>6239</v>
      </c>
      <c r="B25892" s="1" t="s">
        <v>86049</v>
      </c>
      <c r="C25892" s="1" t="s">
        <v>100</v>
      </c>
      <c r="D25892" s="1" t="s">
        <v>92718</v>
      </c>
      <c r="E25892" s="1" t="s">
        <v>92719</v>
      </c>
      <c r="F25892" s="1" t="s">
        <v>92720</v>
      </c>
      <c r="G25892" s="1" t="s">
        <v>92652</v>
      </c>
      <c r="H25892" s="1" t="s">
        <v>92653</v>
      </c>
      <c r="I25892" s="1" t="s">
        <v>86055</v>
      </c>
      <c r="J25892" s="1" t="s">
        <v>92721</v>
      </c>
    </row>
    <row r="25893" spans="1:10" x14ac:dyDescent="0.35">
      <c r="A25893" s="1" t="s">
        <v>6239</v>
      </c>
      <c r="B25893" s="1" t="s">
        <v>86049</v>
      </c>
      <c r="C25893" s="1" t="s">
        <v>105</v>
      </c>
      <c r="D25893" s="1" t="s">
        <v>40250</v>
      </c>
      <c r="E25893" s="1" t="s">
        <v>92722</v>
      </c>
      <c r="F25893" s="1" t="s">
        <v>92723</v>
      </c>
      <c r="G25893" s="1" t="s">
        <v>92652</v>
      </c>
      <c r="H25893" s="1" t="s">
        <v>92653</v>
      </c>
      <c r="I25893" s="1" t="s">
        <v>86055</v>
      </c>
      <c r="J25893" s="1" t="s">
        <v>92724</v>
      </c>
    </row>
    <row r="25894" spans="1:10" x14ac:dyDescent="0.35">
      <c r="A25894" s="1" t="s">
        <v>6239</v>
      </c>
      <c r="B25894" s="1" t="s">
        <v>86049</v>
      </c>
      <c r="C25894" s="1" t="s">
        <v>110</v>
      </c>
      <c r="D25894" s="1" t="s">
        <v>26830</v>
      </c>
      <c r="E25894" s="1" t="s">
        <v>92725</v>
      </c>
      <c r="F25894" s="1" t="s">
        <v>92726</v>
      </c>
      <c r="G25894" s="1" t="s">
        <v>92652</v>
      </c>
      <c r="H25894" s="1" t="s">
        <v>92653</v>
      </c>
      <c r="I25894" s="1" t="s">
        <v>86055</v>
      </c>
      <c r="J25894" s="1" t="s">
        <v>92727</v>
      </c>
    </row>
    <row r="25895" spans="1:10" x14ac:dyDescent="0.35">
      <c r="A25895" s="1" t="s">
        <v>6239</v>
      </c>
      <c r="B25895" s="1" t="s">
        <v>86049</v>
      </c>
      <c r="C25895" s="1" t="s">
        <v>115</v>
      </c>
      <c r="D25895" s="1" t="s">
        <v>92728</v>
      </c>
      <c r="E25895" s="1" t="s">
        <v>92729</v>
      </c>
      <c r="F25895" s="1" t="s">
        <v>92730</v>
      </c>
      <c r="G25895" s="1" t="s">
        <v>92652</v>
      </c>
      <c r="H25895" s="1" t="s">
        <v>92653</v>
      </c>
      <c r="I25895" s="1" t="s">
        <v>86055</v>
      </c>
      <c r="J25895" s="1" t="s">
        <v>92731</v>
      </c>
    </row>
    <row r="25896" spans="1:10" x14ac:dyDescent="0.35">
      <c r="A25896" s="1" t="s">
        <v>6239</v>
      </c>
      <c r="B25896" s="1" t="s">
        <v>86049</v>
      </c>
      <c r="C25896" s="1" t="s">
        <v>120</v>
      </c>
      <c r="D25896" s="1" t="s">
        <v>64243</v>
      </c>
      <c r="E25896" s="1" t="s">
        <v>92732</v>
      </c>
      <c r="F25896" s="1" t="s">
        <v>92733</v>
      </c>
      <c r="G25896" s="1" t="s">
        <v>92652</v>
      </c>
      <c r="H25896" s="1" t="s">
        <v>92653</v>
      </c>
      <c r="I25896" s="1" t="s">
        <v>86055</v>
      </c>
      <c r="J25896" s="1" t="s">
        <v>92734</v>
      </c>
    </row>
    <row r="25897" spans="1:10" x14ac:dyDescent="0.35">
      <c r="A25897" s="1" t="s">
        <v>6239</v>
      </c>
      <c r="B25897" s="1" t="s">
        <v>86049</v>
      </c>
      <c r="C25897" s="1" t="s">
        <v>125</v>
      </c>
      <c r="D25897" s="1" t="s">
        <v>63424</v>
      </c>
      <c r="E25897" s="1" t="s">
        <v>92735</v>
      </c>
      <c r="F25897" s="1" t="s">
        <v>92736</v>
      </c>
      <c r="G25897" s="1" t="s">
        <v>92652</v>
      </c>
      <c r="H25897" s="1" t="s">
        <v>92653</v>
      </c>
      <c r="I25897" s="1" t="s">
        <v>86055</v>
      </c>
      <c r="J25897" s="1" t="s">
        <v>92737</v>
      </c>
    </row>
    <row r="25898" spans="1:10" x14ac:dyDescent="0.35">
      <c r="A25898" s="1" t="s">
        <v>6239</v>
      </c>
      <c r="B25898" s="1" t="s">
        <v>86049</v>
      </c>
      <c r="C25898" s="1" t="s">
        <v>130</v>
      </c>
      <c r="D25898" s="1" t="s">
        <v>92738</v>
      </c>
      <c r="E25898" s="1" t="s">
        <v>92739</v>
      </c>
      <c r="F25898" s="1" t="s">
        <v>92740</v>
      </c>
      <c r="G25898" s="1" t="s">
        <v>92652</v>
      </c>
      <c r="H25898" s="1" t="s">
        <v>92653</v>
      </c>
      <c r="I25898" s="1" t="s">
        <v>86055</v>
      </c>
      <c r="J25898" s="1" t="s">
        <v>92741</v>
      </c>
    </row>
    <row r="25899" spans="1:10" x14ac:dyDescent="0.35">
      <c r="A25899" s="1" t="s">
        <v>6239</v>
      </c>
      <c r="B25899" s="1" t="s">
        <v>86049</v>
      </c>
      <c r="C25899" s="1" t="s">
        <v>135</v>
      </c>
      <c r="D25899" s="1" t="s">
        <v>92742</v>
      </c>
      <c r="E25899" s="1" t="s">
        <v>92743</v>
      </c>
      <c r="F25899" s="1" t="s">
        <v>92744</v>
      </c>
      <c r="G25899" s="1" t="s">
        <v>92652</v>
      </c>
      <c r="H25899" s="1" t="s">
        <v>92653</v>
      </c>
      <c r="I25899" s="1" t="s">
        <v>86055</v>
      </c>
      <c r="J25899" s="1" t="s">
        <v>92745</v>
      </c>
    </row>
    <row r="25900" spans="1:10" x14ac:dyDescent="0.35">
      <c r="A25900" s="1" t="s">
        <v>6239</v>
      </c>
      <c r="B25900" s="1" t="s">
        <v>86049</v>
      </c>
      <c r="C25900" s="1" t="s">
        <v>140</v>
      </c>
      <c r="D25900" s="1" t="s">
        <v>92746</v>
      </c>
      <c r="E25900" s="1" t="s">
        <v>92747</v>
      </c>
      <c r="F25900" s="1" t="s">
        <v>92748</v>
      </c>
      <c r="G25900" s="1" t="s">
        <v>92652</v>
      </c>
      <c r="H25900" s="1" t="s">
        <v>92653</v>
      </c>
      <c r="I25900" s="1" t="s">
        <v>86055</v>
      </c>
      <c r="J25900" s="1" t="s">
        <v>92749</v>
      </c>
    </row>
    <row r="25901" spans="1:10" x14ac:dyDescent="0.35">
      <c r="A25901" s="1" t="s">
        <v>6239</v>
      </c>
      <c r="B25901" s="1" t="s">
        <v>86049</v>
      </c>
      <c r="C25901" s="1" t="s">
        <v>145</v>
      </c>
      <c r="D25901" s="1" t="s">
        <v>92750</v>
      </c>
      <c r="E25901" s="1" t="s">
        <v>92751</v>
      </c>
      <c r="F25901" s="1" t="s">
        <v>92752</v>
      </c>
      <c r="G25901" s="1" t="s">
        <v>92652</v>
      </c>
      <c r="H25901" s="1" t="s">
        <v>92653</v>
      </c>
      <c r="I25901" s="1" t="s">
        <v>86055</v>
      </c>
      <c r="J25901" s="1" t="s">
        <v>92753</v>
      </c>
    </row>
    <row r="25902" spans="1:10" x14ac:dyDescent="0.35">
      <c r="A25902" s="1" t="s">
        <v>6239</v>
      </c>
      <c r="B25902" s="1" t="s">
        <v>86049</v>
      </c>
      <c r="C25902" s="1" t="s">
        <v>150</v>
      </c>
      <c r="D25902" s="1" t="s">
        <v>92754</v>
      </c>
      <c r="E25902" s="1" t="s">
        <v>92755</v>
      </c>
      <c r="F25902" s="1" t="s">
        <v>92756</v>
      </c>
      <c r="G25902" s="1" t="s">
        <v>92652</v>
      </c>
      <c r="H25902" s="1" t="s">
        <v>92653</v>
      </c>
      <c r="I25902" s="1" t="s">
        <v>86055</v>
      </c>
      <c r="J25902" s="1" t="s">
        <v>92757</v>
      </c>
    </row>
    <row r="25903" spans="1:10" x14ac:dyDescent="0.35">
      <c r="A25903" s="1" t="s">
        <v>6239</v>
      </c>
      <c r="B25903" s="1" t="s">
        <v>86049</v>
      </c>
      <c r="C25903" s="1" t="s">
        <v>155</v>
      </c>
      <c r="D25903" s="1" t="s">
        <v>92758</v>
      </c>
      <c r="E25903" s="1" t="s">
        <v>92759</v>
      </c>
      <c r="F25903" s="1" t="s">
        <v>92760</v>
      </c>
      <c r="G25903" s="1" t="s">
        <v>92652</v>
      </c>
      <c r="H25903" s="1" t="s">
        <v>92653</v>
      </c>
      <c r="I25903" s="1" t="s">
        <v>86055</v>
      </c>
      <c r="J25903" s="1" t="s">
        <v>92761</v>
      </c>
    </row>
    <row r="25904" spans="1:10" x14ac:dyDescent="0.35">
      <c r="A25904" s="1" t="s">
        <v>6239</v>
      </c>
      <c r="B25904" s="1" t="s">
        <v>86049</v>
      </c>
      <c r="C25904" s="1" t="s">
        <v>160</v>
      </c>
      <c r="D25904" s="1" t="s">
        <v>58080</v>
      </c>
      <c r="E25904" s="1" t="s">
        <v>92762</v>
      </c>
      <c r="F25904" s="1" t="s">
        <v>92763</v>
      </c>
      <c r="G25904" s="1" t="s">
        <v>92652</v>
      </c>
      <c r="H25904" s="1" t="s">
        <v>92653</v>
      </c>
      <c r="I25904" s="1" t="s">
        <v>86055</v>
      </c>
      <c r="J25904" s="1" t="s">
        <v>92764</v>
      </c>
    </row>
    <row r="25905" spans="1:10" x14ac:dyDescent="0.35">
      <c r="A25905" s="1" t="s">
        <v>6239</v>
      </c>
      <c r="B25905" s="1" t="s">
        <v>86049</v>
      </c>
      <c r="C25905" s="1" t="s">
        <v>165</v>
      </c>
      <c r="D25905" s="1" t="s">
        <v>92765</v>
      </c>
      <c r="E25905" s="1" t="s">
        <v>92766</v>
      </c>
      <c r="F25905" s="1" t="s">
        <v>92767</v>
      </c>
      <c r="G25905" s="1" t="s">
        <v>92652</v>
      </c>
      <c r="H25905" s="1" t="s">
        <v>92653</v>
      </c>
      <c r="I25905" s="1" t="s">
        <v>86055</v>
      </c>
      <c r="J25905" s="1" t="s">
        <v>92768</v>
      </c>
    </row>
    <row r="25906" spans="1:10" x14ac:dyDescent="0.35">
      <c r="A25906" s="1" t="s">
        <v>6239</v>
      </c>
      <c r="B25906" s="1" t="s">
        <v>86049</v>
      </c>
      <c r="C25906" s="1" t="s">
        <v>170</v>
      </c>
      <c r="D25906" s="1" t="s">
        <v>54658</v>
      </c>
      <c r="E25906" s="1" t="s">
        <v>92769</v>
      </c>
      <c r="F25906" s="1" t="s">
        <v>92770</v>
      </c>
      <c r="G25906" s="1" t="s">
        <v>92652</v>
      </c>
      <c r="H25906" s="1" t="s">
        <v>92653</v>
      </c>
      <c r="I25906" s="1" t="s">
        <v>86055</v>
      </c>
      <c r="J25906" s="1" t="s">
        <v>92771</v>
      </c>
    </row>
    <row r="25907" spans="1:10" x14ac:dyDescent="0.35">
      <c r="A25907" s="1" t="s">
        <v>25361</v>
      </c>
      <c r="B25907" s="1" t="s">
        <v>86049</v>
      </c>
      <c r="C25907" s="1" t="s">
        <v>8</v>
      </c>
      <c r="D25907" s="1" t="s">
        <v>92772</v>
      </c>
      <c r="E25907" s="1" t="s">
        <v>92773</v>
      </c>
      <c r="F25907" s="1" t="s">
        <v>92774</v>
      </c>
      <c r="G25907" s="1" t="s">
        <v>92775</v>
      </c>
      <c r="H25907" s="1" t="s">
        <v>92776</v>
      </c>
      <c r="I25907" s="1" t="s">
        <v>86055</v>
      </c>
      <c r="J25907" s="1" t="s">
        <v>13</v>
      </c>
    </row>
    <row r="25908" spans="1:10" x14ac:dyDescent="0.35">
      <c r="A25908" s="1" t="s">
        <v>25361</v>
      </c>
      <c r="B25908" s="1" t="s">
        <v>86049</v>
      </c>
      <c r="C25908" s="1" t="s">
        <v>15</v>
      </c>
      <c r="D25908" s="1" t="s">
        <v>92777</v>
      </c>
      <c r="E25908" s="1" t="s">
        <v>92778</v>
      </c>
      <c r="F25908" s="1" t="s">
        <v>92779</v>
      </c>
      <c r="G25908" s="1" t="s">
        <v>92775</v>
      </c>
      <c r="H25908" s="1" t="s">
        <v>92776</v>
      </c>
      <c r="I25908" s="1" t="s">
        <v>86055</v>
      </c>
      <c r="J25908" s="1" t="s">
        <v>92780</v>
      </c>
    </row>
    <row r="25909" spans="1:10" x14ac:dyDescent="0.35">
      <c r="A25909" s="1" t="s">
        <v>25361</v>
      </c>
      <c r="B25909" s="1" t="s">
        <v>86049</v>
      </c>
      <c r="C25909" s="1" t="s">
        <v>20</v>
      </c>
      <c r="D25909" s="1" t="s">
        <v>59705</v>
      </c>
      <c r="E25909" s="1" t="s">
        <v>92781</v>
      </c>
      <c r="F25909" s="1" t="s">
        <v>92782</v>
      </c>
      <c r="G25909" s="1" t="s">
        <v>92775</v>
      </c>
      <c r="H25909" s="1" t="s">
        <v>92776</v>
      </c>
      <c r="I25909" s="1" t="s">
        <v>86055</v>
      </c>
      <c r="J25909" s="1" t="s">
        <v>92783</v>
      </c>
    </row>
    <row r="25910" spans="1:10" x14ac:dyDescent="0.35">
      <c r="A25910" s="1" t="s">
        <v>25361</v>
      </c>
      <c r="B25910" s="1" t="s">
        <v>86049</v>
      </c>
      <c r="C25910" s="1" t="s">
        <v>25</v>
      </c>
      <c r="D25910" s="1" t="s">
        <v>92784</v>
      </c>
      <c r="E25910" s="1" t="s">
        <v>92785</v>
      </c>
      <c r="F25910" s="1" t="s">
        <v>92786</v>
      </c>
      <c r="G25910" s="1" t="s">
        <v>92775</v>
      </c>
      <c r="H25910" s="1" t="s">
        <v>92776</v>
      </c>
      <c r="I25910" s="1" t="s">
        <v>86055</v>
      </c>
      <c r="J25910" s="1" t="s">
        <v>92787</v>
      </c>
    </row>
    <row r="25911" spans="1:10" x14ac:dyDescent="0.35">
      <c r="A25911" s="1" t="s">
        <v>25361</v>
      </c>
      <c r="B25911" s="1" t="s">
        <v>86049</v>
      </c>
      <c r="C25911" s="1" t="s">
        <v>30</v>
      </c>
      <c r="D25911" s="1" t="s">
        <v>53939</v>
      </c>
      <c r="E25911" s="1" t="s">
        <v>92788</v>
      </c>
      <c r="F25911" s="1" t="s">
        <v>92789</v>
      </c>
      <c r="G25911" s="1" t="s">
        <v>92775</v>
      </c>
      <c r="H25911" s="1" t="s">
        <v>92776</v>
      </c>
      <c r="I25911" s="1" t="s">
        <v>86055</v>
      </c>
      <c r="J25911" s="1" t="s">
        <v>92790</v>
      </c>
    </row>
    <row r="25912" spans="1:10" x14ac:dyDescent="0.35">
      <c r="A25912" s="1" t="s">
        <v>25361</v>
      </c>
      <c r="B25912" s="1" t="s">
        <v>86049</v>
      </c>
      <c r="C25912" s="1" t="s">
        <v>35</v>
      </c>
      <c r="D25912" s="1" t="s">
        <v>69362</v>
      </c>
      <c r="E25912" s="1" t="s">
        <v>92791</v>
      </c>
      <c r="F25912" s="1" t="s">
        <v>92792</v>
      </c>
      <c r="G25912" s="1" t="s">
        <v>92775</v>
      </c>
      <c r="H25912" s="1" t="s">
        <v>92776</v>
      </c>
      <c r="I25912" s="1" t="s">
        <v>86055</v>
      </c>
      <c r="J25912" s="1" t="s">
        <v>92793</v>
      </c>
    </row>
    <row r="25913" spans="1:10" x14ac:dyDescent="0.35">
      <c r="A25913" s="1" t="s">
        <v>25361</v>
      </c>
      <c r="B25913" s="1" t="s">
        <v>86049</v>
      </c>
      <c r="C25913" s="1" t="s">
        <v>40</v>
      </c>
      <c r="D25913" s="1" t="s">
        <v>52520</v>
      </c>
      <c r="E25913" s="1" t="s">
        <v>92794</v>
      </c>
      <c r="F25913" s="1" t="s">
        <v>92795</v>
      </c>
      <c r="G25913" s="1" t="s">
        <v>92775</v>
      </c>
      <c r="H25913" s="1" t="s">
        <v>92776</v>
      </c>
      <c r="I25913" s="1" t="s">
        <v>86055</v>
      </c>
      <c r="J25913" s="1" t="s">
        <v>92796</v>
      </c>
    </row>
    <row r="25914" spans="1:10" x14ac:dyDescent="0.35">
      <c r="A25914" s="1" t="s">
        <v>25361</v>
      </c>
      <c r="B25914" s="1" t="s">
        <v>86049</v>
      </c>
      <c r="C25914" s="1" t="s">
        <v>45</v>
      </c>
      <c r="D25914" s="1" t="s">
        <v>92797</v>
      </c>
      <c r="E25914" s="1" t="s">
        <v>92798</v>
      </c>
      <c r="F25914" s="1" t="s">
        <v>92799</v>
      </c>
      <c r="G25914" s="1" t="s">
        <v>92775</v>
      </c>
      <c r="H25914" s="1" t="s">
        <v>92776</v>
      </c>
      <c r="I25914" s="1" t="s">
        <v>86055</v>
      </c>
      <c r="J25914" s="1" t="s">
        <v>92800</v>
      </c>
    </row>
    <row r="25915" spans="1:10" x14ac:dyDescent="0.35">
      <c r="A25915" s="1" t="s">
        <v>25361</v>
      </c>
      <c r="B25915" s="1" t="s">
        <v>86049</v>
      </c>
      <c r="C25915" s="1" t="s">
        <v>50</v>
      </c>
      <c r="D25915" s="1" t="s">
        <v>92801</v>
      </c>
      <c r="E25915" s="1" t="s">
        <v>92802</v>
      </c>
      <c r="F25915" s="1" t="s">
        <v>92803</v>
      </c>
      <c r="G25915" s="1" t="s">
        <v>92775</v>
      </c>
      <c r="H25915" s="1" t="s">
        <v>92776</v>
      </c>
      <c r="I25915" s="1" t="s">
        <v>86055</v>
      </c>
      <c r="J25915" s="1" t="s">
        <v>92804</v>
      </c>
    </row>
    <row r="25916" spans="1:10" x14ac:dyDescent="0.35">
      <c r="A25916" s="1" t="s">
        <v>25361</v>
      </c>
      <c r="B25916" s="1" t="s">
        <v>86049</v>
      </c>
      <c r="C25916" s="1" t="s">
        <v>55</v>
      </c>
      <c r="D25916" s="1" t="s">
        <v>92805</v>
      </c>
      <c r="E25916" s="1" t="s">
        <v>92806</v>
      </c>
      <c r="F25916" s="1" t="s">
        <v>92807</v>
      </c>
      <c r="G25916" s="1" t="s">
        <v>92775</v>
      </c>
      <c r="H25916" s="1" t="s">
        <v>92776</v>
      </c>
      <c r="I25916" s="1" t="s">
        <v>86055</v>
      </c>
      <c r="J25916" s="1" t="s">
        <v>92808</v>
      </c>
    </row>
    <row r="25917" spans="1:10" x14ac:dyDescent="0.35">
      <c r="A25917" s="1" t="s">
        <v>25361</v>
      </c>
      <c r="B25917" s="1" t="s">
        <v>86049</v>
      </c>
      <c r="C25917" s="1" t="s">
        <v>60</v>
      </c>
      <c r="D25917" s="1" t="s">
        <v>92809</v>
      </c>
      <c r="E25917" s="1" t="s">
        <v>92810</v>
      </c>
      <c r="F25917" s="1" t="s">
        <v>92811</v>
      </c>
      <c r="G25917" s="1" t="s">
        <v>92775</v>
      </c>
      <c r="H25917" s="1" t="s">
        <v>92776</v>
      </c>
      <c r="I25917" s="1" t="s">
        <v>86055</v>
      </c>
      <c r="J25917" s="1" t="s">
        <v>92812</v>
      </c>
    </row>
    <row r="25918" spans="1:10" x14ac:dyDescent="0.35">
      <c r="A25918" s="1" t="s">
        <v>25361</v>
      </c>
      <c r="B25918" s="1" t="s">
        <v>86049</v>
      </c>
      <c r="C25918" s="1" t="s">
        <v>65</v>
      </c>
      <c r="D25918" s="1" t="s">
        <v>92813</v>
      </c>
      <c r="E25918" s="1" t="s">
        <v>92814</v>
      </c>
      <c r="F25918" s="1" t="s">
        <v>92815</v>
      </c>
      <c r="G25918" s="1" t="s">
        <v>92775</v>
      </c>
      <c r="H25918" s="1" t="s">
        <v>92776</v>
      </c>
      <c r="I25918" s="1" t="s">
        <v>86055</v>
      </c>
      <c r="J25918" s="1" t="s">
        <v>92816</v>
      </c>
    </row>
    <row r="25919" spans="1:10" x14ac:dyDescent="0.35">
      <c r="A25919" s="1" t="s">
        <v>25361</v>
      </c>
      <c r="B25919" s="1" t="s">
        <v>86049</v>
      </c>
      <c r="C25919" s="1" t="s">
        <v>70</v>
      </c>
      <c r="D25919" s="1" t="s">
        <v>86883</v>
      </c>
      <c r="E25919" s="1" t="s">
        <v>92817</v>
      </c>
      <c r="F25919" s="1" t="s">
        <v>92818</v>
      </c>
      <c r="G25919" s="1" t="s">
        <v>92775</v>
      </c>
      <c r="H25919" s="1" t="s">
        <v>92776</v>
      </c>
      <c r="I25919" s="1" t="s">
        <v>86055</v>
      </c>
      <c r="J25919" s="1" t="s">
        <v>92819</v>
      </c>
    </row>
    <row r="25920" spans="1:10" x14ac:dyDescent="0.35">
      <c r="A25920" s="1" t="s">
        <v>25361</v>
      </c>
      <c r="B25920" s="1" t="s">
        <v>86049</v>
      </c>
      <c r="C25920" s="1" t="s">
        <v>75</v>
      </c>
      <c r="D25920" s="1" t="s">
        <v>92820</v>
      </c>
      <c r="E25920" s="1" t="s">
        <v>92821</v>
      </c>
      <c r="F25920" s="1" t="s">
        <v>92822</v>
      </c>
      <c r="G25920" s="1" t="s">
        <v>92775</v>
      </c>
      <c r="H25920" s="1" t="s">
        <v>92776</v>
      </c>
      <c r="I25920" s="1" t="s">
        <v>86055</v>
      </c>
      <c r="J25920" s="1" t="s">
        <v>92823</v>
      </c>
    </row>
    <row r="25921" spans="1:10" x14ac:dyDescent="0.35">
      <c r="A25921" s="1" t="s">
        <v>25361</v>
      </c>
      <c r="B25921" s="1" t="s">
        <v>86049</v>
      </c>
      <c r="C25921" s="1" t="s">
        <v>80</v>
      </c>
      <c r="D25921" s="1" t="s">
        <v>7365</v>
      </c>
      <c r="E25921" s="1" t="s">
        <v>92824</v>
      </c>
      <c r="F25921" s="1" t="s">
        <v>92825</v>
      </c>
      <c r="G25921" s="1" t="s">
        <v>92775</v>
      </c>
      <c r="H25921" s="1" t="s">
        <v>92776</v>
      </c>
      <c r="I25921" s="1" t="s">
        <v>86055</v>
      </c>
      <c r="J25921" s="1" t="s">
        <v>92826</v>
      </c>
    </row>
    <row r="25922" spans="1:10" x14ac:dyDescent="0.35">
      <c r="A25922" s="1" t="s">
        <v>25361</v>
      </c>
      <c r="B25922" s="1" t="s">
        <v>86049</v>
      </c>
      <c r="C25922" s="1" t="s">
        <v>85</v>
      </c>
      <c r="D25922" s="1" t="s">
        <v>92827</v>
      </c>
      <c r="E25922" s="1" t="s">
        <v>92828</v>
      </c>
      <c r="F25922" s="1" t="s">
        <v>92829</v>
      </c>
      <c r="G25922" s="1" t="s">
        <v>92775</v>
      </c>
      <c r="H25922" s="1" t="s">
        <v>92776</v>
      </c>
      <c r="I25922" s="1" t="s">
        <v>86055</v>
      </c>
      <c r="J25922" s="1" t="s">
        <v>92830</v>
      </c>
    </row>
    <row r="25923" spans="1:10" x14ac:dyDescent="0.35">
      <c r="A25923" s="1" t="s">
        <v>25361</v>
      </c>
      <c r="B25923" s="1" t="s">
        <v>86049</v>
      </c>
      <c r="C25923" s="1" t="s">
        <v>90</v>
      </c>
      <c r="D25923" s="1" t="s">
        <v>92831</v>
      </c>
      <c r="E25923" s="1" t="s">
        <v>92832</v>
      </c>
      <c r="F25923" s="1" t="s">
        <v>92833</v>
      </c>
      <c r="G25923" s="1" t="s">
        <v>92775</v>
      </c>
      <c r="H25923" s="1" t="s">
        <v>92776</v>
      </c>
      <c r="I25923" s="1" t="s">
        <v>86055</v>
      </c>
      <c r="J25923" s="1" t="s">
        <v>92834</v>
      </c>
    </row>
    <row r="25924" spans="1:10" x14ac:dyDescent="0.35">
      <c r="A25924" s="1" t="s">
        <v>25361</v>
      </c>
      <c r="B25924" s="1" t="s">
        <v>86049</v>
      </c>
      <c r="C25924" s="1" t="s">
        <v>95</v>
      </c>
      <c r="D25924" s="1" t="s">
        <v>33347</v>
      </c>
      <c r="E25924" s="1" t="s">
        <v>92835</v>
      </c>
      <c r="F25924" s="1" t="s">
        <v>92836</v>
      </c>
      <c r="G25924" s="1" t="s">
        <v>92775</v>
      </c>
      <c r="H25924" s="1" t="s">
        <v>92776</v>
      </c>
      <c r="I25924" s="1" t="s">
        <v>86055</v>
      </c>
      <c r="J25924" s="1" t="s">
        <v>92837</v>
      </c>
    </row>
    <row r="25925" spans="1:10" x14ac:dyDescent="0.35">
      <c r="A25925" s="1" t="s">
        <v>25361</v>
      </c>
      <c r="B25925" s="1" t="s">
        <v>86049</v>
      </c>
      <c r="C25925" s="1" t="s">
        <v>100</v>
      </c>
      <c r="D25925" s="1" t="s">
        <v>92838</v>
      </c>
      <c r="E25925" s="1" t="s">
        <v>92839</v>
      </c>
      <c r="F25925" s="1" t="s">
        <v>92840</v>
      </c>
      <c r="G25925" s="1" t="s">
        <v>92775</v>
      </c>
      <c r="H25925" s="1" t="s">
        <v>92776</v>
      </c>
      <c r="I25925" s="1" t="s">
        <v>86055</v>
      </c>
      <c r="J25925" s="1" t="s">
        <v>92841</v>
      </c>
    </row>
    <row r="25926" spans="1:10" x14ac:dyDescent="0.35">
      <c r="A25926" s="1" t="s">
        <v>25361</v>
      </c>
      <c r="B25926" s="1" t="s">
        <v>86049</v>
      </c>
      <c r="C25926" s="1" t="s">
        <v>105</v>
      </c>
      <c r="D25926" s="1" t="s">
        <v>92842</v>
      </c>
      <c r="E25926" s="1" t="s">
        <v>92843</v>
      </c>
      <c r="F25926" s="1" t="s">
        <v>92844</v>
      </c>
      <c r="G25926" s="1" t="s">
        <v>92775</v>
      </c>
      <c r="H25926" s="1" t="s">
        <v>92776</v>
      </c>
      <c r="I25926" s="1" t="s">
        <v>86055</v>
      </c>
      <c r="J25926" s="1" t="s">
        <v>92845</v>
      </c>
    </row>
    <row r="25927" spans="1:10" x14ac:dyDescent="0.35">
      <c r="A25927" s="1" t="s">
        <v>25361</v>
      </c>
      <c r="B25927" s="1" t="s">
        <v>86049</v>
      </c>
      <c r="C25927" s="1" t="s">
        <v>110</v>
      </c>
      <c r="D25927" s="1" t="s">
        <v>84643</v>
      </c>
      <c r="E25927" s="1" t="s">
        <v>92846</v>
      </c>
      <c r="F25927" s="1" t="s">
        <v>92847</v>
      </c>
      <c r="G25927" s="1" t="s">
        <v>92775</v>
      </c>
      <c r="H25927" s="1" t="s">
        <v>92776</v>
      </c>
      <c r="I25927" s="1" t="s">
        <v>86055</v>
      </c>
      <c r="J25927" s="1" t="s">
        <v>92848</v>
      </c>
    </row>
    <row r="25928" spans="1:10" x14ac:dyDescent="0.35">
      <c r="A25928" s="1" t="s">
        <v>25361</v>
      </c>
      <c r="B25928" s="1" t="s">
        <v>86049</v>
      </c>
      <c r="C25928" s="1" t="s">
        <v>115</v>
      </c>
      <c r="D25928" s="1" t="s">
        <v>92849</v>
      </c>
      <c r="E25928" s="1" t="s">
        <v>92850</v>
      </c>
      <c r="F25928" s="1" t="s">
        <v>92851</v>
      </c>
      <c r="G25928" s="1" t="s">
        <v>92775</v>
      </c>
      <c r="H25928" s="1" t="s">
        <v>92776</v>
      </c>
      <c r="I25928" s="1" t="s">
        <v>86055</v>
      </c>
      <c r="J25928" s="1" t="s">
        <v>92852</v>
      </c>
    </row>
    <row r="25929" spans="1:10" x14ac:dyDescent="0.35">
      <c r="A25929" s="1" t="s">
        <v>25361</v>
      </c>
      <c r="B25929" s="1" t="s">
        <v>86049</v>
      </c>
      <c r="C25929" s="1" t="s">
        <v>120</v>
      </c>
      <c r="D25929" s="1" t="s">
        <v>92853</v>
      </c>
      <c r="E25929" s="1" t="s">
        <v>92854</v>
      </c>
      <c r="F25929" s="1" t="s">
        <v>92855</v>
      </c>
      <c r="G25929" s="1" t="s">
        <v>92775</v>
      </c>
      <c r="H25929" s="1" t="s">
        <v>92776</v>
      </c>
      <c r="I25929" s="1" t="s">
        <v>86055</v>
      </c>
      <c r="J25929" s="1" t="s">
        <v>92856</v>
      </c>
    </row>
    <row r="25930" spans="1:10" x14ac:dyDescent="0.35">
      <c r="A25930" s="1" t="s">
        <v>25361</v>
      </c>
      <c r="B25930" s="1" t="s">
        <v>86049</v>
      </c>
      <c r="C25930" s="1" t="s">
        <v>125</v>
      </c>
      <c r="D25930" s="1" t="s">
        <v>9504</v>
      </c>
      <c r="E25930" s="1" t="s">
        <v>92857</v>
      </c>
      <c r="F25930" s="1" t="s">
        <v>92858</v>
      </c>
      <c r="G25930" s="1" t="s">
        <v>92775</v>
      </c>
      <c r="H25930" s="1" t="s">
        <v>92776</v>
      </c>
      <c r="I25930" s="1" t="s">
        <v>86055</v>
      </c>
      <c r="J25930" s="1" t="s">
        <v>92859</v>
      </c>
    </row>
    <row r="25931" spans="1:10" x14ac:dyDescent="0.35">
      <c r="A25931" s="1" t="s">
        <v>25361</v>
      </c>
      <c r="B25931" s="1" t="s">
        <v>86049</v>
      </c>
      <c r="C25931" s="1" t="s">
        <v>130</v>
      </c>
      <c r="D25931" s="1" t="s">
        <v>92860</v>
      </c>
      <c r="E25931" s="1" t="s">
        <v>92861</v>
      </c>
      <c r="F25931" s="1" t="s">
        <v>92862</v>
      </c>
      <c r="G25931" s="1" t="s">
        <v>92775</v>
      </c>
      <c r="H25931" s="1" t="s">
        <v>92776</v>
      </c>
      <c r="I25931" s="1" t="s">
        <v>86055</v>
      </c>
      <c r="J25931" s="1" t="s">
        <v>92863</v>
      </c>
    </row>
    <row r="25932" spans="1:10" x14ac:dyDescent="0.35">
      <c r="A25932" s="1" t="s">
        <v>25361</v>
      </c>
      <c r="B25932" s="1" t="s">
        <v>86049</v>
      </c>
      <c r="C25932" s="1" t="s">
        <v>135</v>
      </c>
      <c r="D25932" s="1" t="s">
        <v>54498</v>
      </c>
      <c r="E25932" s="1" t="s">
        <v>92864</v>
      </c>
      <c r="F25932" s="1" t="s">
        <v>92865</v>
      </c>
      <c r="G25932" s="1" t="s">
        <v>92775</v>
      </c>
      <c r="H25932" s="1" t="s">
        <v>92776</v>
      </c>
      <c r="I25932" s="1" t="s">
        <v>86055</v>
      </c>
      <c r="J25932" s="1" t="s">
        <v>92866</v>
      </c>
    </row>
    <row r="25933" spans="1:10" x14ac:dyDescent="0.35">
      <c r="A25933" s="1" t="s">
        <v>25361</v>
      </c>
      <c r="B25933" s="1" t="s">
        <v>86049</v>
      </c>
      <c r="C25933" s="1" t="s">
        <v>140</v>
      </c>
      <c r="D25933" s="1" t="s">
        <v>22555</v>
      </c>
      <c r="E25933" s="1" t="s">
        <v>92867</v>
      </c>
      <c r="F25933" s="1" t="s">
        <v>92868</v>
      </c>
      <c r="G25933" s="1" t="s">
        <v>92775</v>
      </c>
      <c r="H25933" s="1" t="s">
        <v>92776</v>
      </c>
      <c r="I25933" s="1" t="s">
        <v>86055</v>
      </c>
      <c r="J25933" s="1" t="s">
        <v>92869</v>
      </c>
    </row>
    <row r="25934" spans="1:10" x14ac:dyDescent="0.35">
      <c r="A25934" s="1" t="s">
        <v>25361</v>
      </c>
      <c r="B25934" s="1" t="s">
        <v>86049</v>
      </c>
      <c r="C25934" s="1" t="s">
        <v>145</v>
      </c>
      <c r="D25934" s="1" t="s">
        <v>67802</v>
      </c>
      <c r="E25934" s="1" t="s">
        <v>92870</v>
      </c>
      <c r="F25934" s="1" t="s">
        <v>92871</v>
      </c>
      <c r="G25934" s="1" t="s">
        <v>92775</v>
      </c>
      <c r="H25934" s="1" t="s">
        <v>92776</v>
      </c>
      <c r="I25934" s="1" t="s">
        <v>86055</v>
      </c>
      <c r="J25934" s="1" t="s">
        <v>92872</v>
      </c>
    </row>
    <row r="25935" spans="1:10" x14ac:dyDescent="0.35">
      <c r="A25935" s="1" t="s">
        <v>25361</v>
      </c>
      <c r="B25935" s="1" t="s">
        <v>86049</v>
      </c>
      <c r="C25935" s="1" t="s">
        <v>150</v>
      </c>
      <c r="D25935" s="1" t="s">
        <v>54970</v>
      </c>
      <c r="E25935" s="1" t="s">
        <v>92873</v>
      </c>
      <c r="F25935" s="1" t="s">
        <v>92874</v>
      </c>
      <c r="G25935" s="1" t="s">
        <v>92775</v>
      </c>
      <c r="H25935" s="1" t="s">
        <v>92776</v>
      </c>
      <c r="I25935" s="1" t="s">
        <v>86055</v>
      </c>
      <c r="J25935" s="1" t="s">
        <v>92875</v>
      </c>
    </row>
    <row r="25936" spans="1:10" x14ac:dyDescent="0.35">
      <c r="A25936" s="1" t="s">
        <v>25361</v>
      </c>
      <c r="B25936" s="1" t="s">
        <v>86049</v>
      </c>
      <c r="C25936" s="1" t="s">
        <v>155</v>
      </c>
      <c r="D25936" s="1" t="s">
        <v>91963</v>
      </c>
      <c r="E25936" s="1" t="s">
        <v>92876</v>
      </c>
      <c r="F25936" s="1" t="s">
        <v>92877</v>
      </c>
      <c r="G25936" s="1" t="s">
        <v>92775</v>
      </c>
      <c r="H25936" s="1" t="s">
        <v>92776</v>
      </c>
      <c r="I25936" s="1" t="s">
        <v>86055</v>
      </c>
      <c r="J25936" s="1" t="s">
        <v>92878</v>
      </c>
    </row>
    <row r="25937" spans="1:10" x14ac:dyDescent="0.35">
      <c r="A25937" s="1" t="s">
        <v>25361</v>
      </c>
      <c r="B25937" s="1" t="s">
        <v>86049</v>
      </c>
      <c r="C25937" s="1" t="s">
        <v>160</v>
      </c>
      <c r="D25937" s="1" t="s">
        <v>60218</v>
      </c>
      <c r="E25937" s="1" t="s">
        <v>92879</v>
      </c>
      <c r="F25937" s="1" t="s">
        <v>92880</v>
      </c>
      <c r="G25937" s="1" t="s">
        <v>92775</v>
      </c>
      <c r="H25937" s="1" t="s">
        <v>92776</v>
      </c>
      <c r="I25937" s="1" t="s">
        <v>86055</v>
      </c>
      <c r="J25937" s="1" t="s">
        <v>92881</v>
      </c>
    </row>
    <row r="25938" spans="1:10" x14ac:dyDescent="0.35">
      <c r="A25938" s="1" t="s">
        <v>25361</v>
      </c>
      <c r="B25938" s="1" t="s">
        <v>86049</v>
      </c>
      <c r="C25938" s="1" t="s">
        <v>165</v>
      </c>
      <c r="D25938" s="1" t="s">
        <v>56334</v>
      </c>
      <c r="E25938" s="1" t="s">
        <v>92882</v>
      </c>
      <c r="F25938" s="1" t="s">
        <v>92883</v>
      </c>
      <c r="G25938" s="1" t="s">
        <v>92775</v>
      </c>
      <c r="H25938" s="1" t="s">
        <v>92776</v>
      </c>
      <c r="I25938" s="1" t="s">
        <v>86055</v>
      </c>
      <c r="J25938" s="1" t="s">
        <v>92884</v>
      </c>
    </row>
    <row r="25939" spans="1:10" x14ac:dyDescent="0.35">
      <c r="A25939" s="1" t="s">
        <v>25361</v>
      </c>
      <c r="B25939" s="1" t="s">
        <v>86049</v>
      </c>
      <c r="C25939" s="1" t="s">
        <v>170</v>
      </c>
      <c r="D25939" s="1" t="s">
        <v>26930</v>
      </c>
      <c r="E25939" s="1" t="s">
        <v>92885</v>
      </c>
      <c r="F25939" s="1" t="s">
        <v>92886</v>
      </c>
      <c r="G25939" s="1" t="s">
        <v>92775</v>
      </c>
      <c r="H25939" s="1" t="s">
        <v>92776</v>
      </c>
      <c r="I25939" s="1" t="s">
        <v>86055</v>
      </c>
      <c r="J25939" s="1" t="s">
        <v>92887</v>
      </c>
    </row>
    <row r="25940" spans="1:10" x14ac:dyDescent="0.35">
      <c r="A25940" s="1" t="s">
        <v>92888</v>
      </c>
      <c r="B25940" s="1" t="s">
        <v>86049</v>
      </c>
      <c r="C25940" s="1" t="s">
        <v>8</v>
      </c>
      <c r="D25940" s="1" t="s">
        <v>58203</v>
      </c>
      <c r="E25940" s="1" t="s">
        <v>92889</v>
      </c>
      <c r="F25940" s="1" t="s">
        <v>92890</v>
      </c>
      <c r="G25940" s="1" t="s">
        <v>92891</v>
      </c>
      <c r="H25940" s="1" t="s">
        <v>92892</v>
      </c>
      <c r="I25940" s="1" t="s">
        <v>86055</v>
      </c>
      <c r="J25940" s="1" t="s">
        <v>13</v>
      </c>
    </row>
    <row r="25941" spans="1:10" x14ac:dyDescent="0.35">
      <c r="A25941" s="1" t="s">
        <v>92888</v>
      </c>
      <c r="B25941" s="1" t="s">
        <v>86049</v>
      </c>
      <c r="C25941" s="1" t="s">
        <v>15</v>
      </c>
      <c r="D25941" s="1" t="s">
        <v>22125</v>
      </c>
      <c r="E25941" s="1" t="s">
        <v>92893</v>
      </c>
      <c r="F25941" s="1" t="s">
        <v>92894</v>
      </c>
      <c r="G25941" s="1" t="s">
        <v>92891</v>
      </c>
      <c r="H25941" s="1" t="s">
        <v>92892</v>
      </c>
      <c r="I25941" s="1" t="s">
        <v>86055</v>
      </c>
      <c r="J25941" s="1" t="s">
        <v>92895</v>
      </c>
    </row>
    <row r="25942" spans="1:10" x14ac:dyDescent="0.35">
      <c r="A25942" s="1" t="s">
        <v>92888</v>
      </c>
      <c r="B25942" s="1" t="s">
        <v>86049</v>
      </c>
      <c r="C25942" s="1" t="s">
        <v>20</v>
      </c>
      <c r="D25942" s="1" t="s">
        <v>85607</v>
      </c>
      <c r="E25942" s="1" t="s">
        <v>92896</v>
      </c>
      <c r="F25942" s="1" t="s">
        <v>92897</v>
      </c>
      <c r="G25942" s="1" t="s">
        <v>92891</v>
      </c>
      <c r="H25942" s="1" t="s">
        <v>92892</v>
      </c>
      <c r="I25942" s="1" t="s">
        <v>86055</v>
      </c>
      <c r="J25942" s="1" t="s">
        <v>92898</v>
      </c>
    </row>
    <row r="25943" spans="1:10" x14ac:dyDescent="0.35">
      <c r="A25943" s="1" t="s">
        <v>92888</v>
      </c>
      <c r="B25943" s="1" t="s">
        <v>86049</v>
      </c>
      <c r="C25943" s="1" t="s">
        <v>25</v>
      </c>
      <c r="D25943" s="1" t="s">
        <v>21354</v>
      </c>
      <c r="E25943" s="1" t="s">
        <v>92899</v>
      </c>
      <c r="F25943" s="1" t="s">
        <v>92900</v>
      </c>
      <c r="G25943" s="1" t="s">
        <v>92891</v>
      </c>
      <c r="H25943" s="1" t="s">
        <v>92892</v>
      </c>
      <c r="I25943" s="1" t="s">
        <v>86055</v>
      </c>
      <c r="J25943" s="1" t="s">
        <v>92901</v>
      </c>
    </row>
    <row r="25944" spans="1:10" x14ac:dyDescent="0.35">
      <c r="A25944" s="1" t="s">
        <v>92888</v>
      </c>
      <c r="B25944" s="1" t="s">
        <v>86049</v>
      </c>
      <c r="C25944" s="1" t="s">
        <v>30</v>
      </c>
      <c r="D25944" s="1" t="s">
        <v>92902</v>
      </c>
      <c r="E25944" s="1" t="s">
        <v>92903</v>
      </c>
      <c r="F25944" s="1" t="s">
        <v>92904</v>
      </c>
      <c r="G25944" s="1" t="s">
        <v>92891</v>
      </c>
      <c r="H25944" s="1" t="s">
        <v>92892</v>
      </c>
      <c r="I25944" s="1" t="s">
        <v>86055</v>
      </c>
      <c r="J25944" s="1" t="s">
        <v>92905</v>
      </c>
    </row>
    <row r="25945" spans="1:10" x14ac:dyDescent="0.35">
      <c r="A25945" s="1" t="s">
        <v>92888</v>
      </c>
      <c r="B25945" s="1" t="s">
        <v>86049</v>
      </c>
      <c r="C25945" s="1" t="s">
        <v>35</v>
      </c>
      <c r="D25945" s="1" t="s">
        <v>64514</v>
      </c>
      <c r="E25945" s="1" t="s">
        <v>92906</v>
      </c>
      <c r="F25945" s="1" t="s">
        <v>92907</v>
      </c>
      <c r="G25945" s="1" t="s">
        <v>92891</v>
      </c>
      <c r="H25945" s="1" t="s">
        <v>92892</v>
      </c>
      <c r="I25945" s="1" t="s">
        <v>86055</v>
      </c>
      <c r="J25945" s="1" t="s">
        <v>92908</v>
      </c>
    </row>
    <row r="25946" spans="1:10" x14ac:dyDescent="0.35">
      <c r="A25946" s="1" t="s">
        <v>92888</v>
      </c>
      <c r="B25946" s="1" t="s">
        <v>86049</v>
      </c>
      <c r="C25946" s="1" t="s">
        <v>40</v>
      </c>
      <c r="D25946" s="1" t="s">
        <v>92909</v>
      </c>
      <c r="E25946" s="1" t="s">
        <v>92910</v>
      </c>
      <c r="F25946" s="1" t="s">
        <v>92911</v>
      </c>
      <c r="G25946" s="1" t="s">
        <v>92891</v>
      </c>
      <c r="H25946" s="1" t="s">
        <v>92892</v>
      </c>
      <c r="I25946" s="1" t="s">
        <v>86055</v>
      </c>
      <c r="J25946" s="1" t="s">
        <v>92912</v>
      </c>
    </row>
    <row r="25947" spans="1:10" x14ac:dyDescent="0.35">
      <c r="A25947" s="1" t="s">
        <v>92888</v>
      </c>
      <c r="B25947" s="1" t="s">
        <v>86049</v>
      </c>
      <c r="C25947" s="1" t="s">
        <v>45</v>
      </c>
      <c r="D25947" s="1" t="s">
        <v>9500</v>
      </c>
      <c r="E25947" s="1" t="s">
        <v>92913</v>
      </c>
      <c r="F25947" s="1" t="s">
        <v>92914</v>
      </c>
      <c r="G25947" s="1" t="s">
        <v>92891</v>
      </c>
      <c r="H25947" s="1" t="s">
        <v>92892</v>
      </c>
      <c r="I25947" s="1" t="s">
        <v>86055</v>
      </c>
      <c r="J25947" s="1" t="s">
        <v>92915</v>
      </c>
    </row>
    <row r="25948" spans="1:10" x14ac:dyDescent="0.35">
      <c r="A25948" s="1" t="s">
        <v>92888</v>
      </c>
      <c r="B25948" s="1" t="s">
        <v>86049</v>
      </c>
      <c r="C25948" s="1" t="s">
        <v>50</v>
      </c>
      <c r="D25948" s="1" t="s">
        <v>92916</v>
      </c>
      <c r="E25948" s="1" t="s">
        <v>92917</v>
      </c>
      <c r="F25948" s="1" t="s">
        <v>92918</v>
      </c>
      <c r="G25948" s="1" t="s">
        <v>92891</v>
      </c>
      <c r="H25948" s="1" t="s">
        <v>92892</v>
      </c>
      <c r="I25948" s="1" t="s">
        <v>86055</v>
      </c>
      <c r="J25948" s="1" t="s">
        <v>92919</v>
      </c>
    </row>
    <row r="25949" spans="1:10" x14ac:dyDescent="0.35">
      <c r="A25949" s="1" t="s">
        <v>92888</v>
      </c>
      <c r="B25949" s="1" t="s">
        <v>86049</v>
      </c>
      <c r="C25949" s="1" t="s">
        <v>55</v>
      </c>
      <c r="D25949" s="1" t="s">
        <v>41676</v>
      </c>
      <c r="E25949" s="1" t="s">
        <v>92920</v>
      </c>
      <c r="F25949" s="1" t="s">
        <v>92921</v>
      </c>
      <c r="G25949" s="1" t="s">
        <v>92891</v>
      </c>
      <c r="H25949" s="1" t="s">
        <v>92892</v>
      </c>
      <c r="I25949" s="1" t="s">
        <v>86055</v>
      </c>
      <c r="J25949" s="1" t="s">
        <v>92922</v>
      </c>
    </row>
    <row r="25950" spans="1:10" x14ac:dyDescent="0.35">
      <c r="A25950" s="1" t="s">
        <v>92888</v>
      </c>
      <c r="B25950" s="1" t="s">
        <v>86049</v>
      </c>
      <c r="C25950" s="1" t="s">
        <v>60</v>
      </c>
      <c r="D25950" s="1" t="s">
        <v>92923</v>
      </c>
      <c r="E25950" s="1" t="s">
        <v>92924</v>
      </c>
      <c r="F25950" s="1" t="s">
        <v>92925</v>
      </c>
      <c r="G25950" s="1" t="s">
        <v>92891</v>
      </c>
      <c r="H25950" s="1" t="s">
        <v>92892</v>
      </c>
      <c r="I25950" s="1" t="s">
        <v>86055</v>
      </c>
      <c r="J25950" s="1" t="s">
        <v>92926</v>
      </c>
    </row>
    <row r="25951" spans="1:10" x14ac:dyDescent="0.35">
      <c r="A25951" s="1" t="s">
        <v>92888</v>
      </c>
      <c r="B25951" s="1" t="s">
        <v>86049</v>
      </c>
      <c r="C25951" s="1" t="s">
        <v>65</v>
      </c>
      <c r="D25951" s="1" t="s">
        <v>55884</v>
      </c>
      <c r="E25951" s="1" t="s">
        <v>92927</v>
      </c>
      <c r="F25951" s="1" t="s">
        <v>92928</v>
      </c>
      <c r="G25951" s="1" t="s">
        <v>92891</v>
      </c>
      <c r="H25951" s="1" t="s">
        <v>92892</v>
      </c>
      <c r="I25951" s="1" t="s">
        <v>86055</v>
      </c>
      <c r="J25951" s="1" t="s">
        <v>92929</v>
      </c>
    </row>
    <row r="25952" spans="1:10" x14ac:dyDescent="0.35">
      <c r="A25952" s="1" t="s">
        <v>92888</v>
      </c>
      <c r="B25952" s="1" t="s">
        <v>86049</v>
      </c>
      <c r="C25952" s="1" t="s">
        <v>70</v>
      </c>
      <c r="D25952" s="1" t="s">
        <v>65665</v>
      </c>
      <c r="E25952" s="1" t="s">
        <v>92930</v>
      </c>
      <c r="F25952" s="1" t="s">
        <v>92931</v>
      </c>
      <c r="G25952" s="1" t="s">
        <v>92891</v>
      </c>
      <c r="H25952" s="1" t="s">
        <v>92892</v>
      </c>
      <c r="I25952" s="1" t="s">
        <v>86055</v>
      </c>
      <c r="J25952" s="1" t="s">
        <v>92932</v>
      </c>
    </row>
    <row r="25953" spans="1:10" x14ac:dyDescent="0.35">
      <c r="A25953" s="1" t="s">
        <v>92888</v>
      </c>
      <c r="B25953" s="1" t="s">
        <v>86049</v>
      </c>
      <c r="C25953" s="1" t="s">
        <v>75</v>
      </c>
      <c r="D25953" s="1" t="s">
        <v>84379</v>
      </c>
      <c r="E25953" s="1" t="s">
        <v>92933</v>
      </c>
      <c r="F25953" s="1" t="s">
        <v>92934</v>
      </c>
      <c r="G25953" s="1" t="s">
        <v>92891</v>
      </c>
      <c r="H25953" s="1" t="s">
        <v>92892</v>
      </c>
      <c r="I25953" s="1" t="s">
        <v>86055</v>
      </c>
      <c r="J25953" s="1" t="s">
        <v>92935</v>
      </c>
    </row>
    <row r="25954" spans="1:10" x14ac:dyDescent="0.35">
      <c r="A25954" s="1" t="s">
        <v>92888</v>
      </c>
      <c r="B25954" s="1" t="s">
        <v>86049</v>
      </c>
      <c r="C25954" s="1" t="s">
        <v>80</v>
      </c>
      <c r="D25954" s="1" t="s">
        <v>92936</v>
      </c>
      <c r="E25954" s="1" t="s">
        <v>92937</v>
      </c>
      <c r="F25954" s="1" t="s">
        <v>92938</v>
      </c>
      <c r="G25954" s="1" t="s">
        <v>92891</v>
      </c>
      <c r="H25954" s="1" t="s">
        <v>92892</v>
      </c>
      <c r="I25954" s="1" t="s">
        <v>86055</v>
      </c>
      <c r="J25954" s="1" t="s">
        <v>92939</v>
      </c>
    </row>
    <row r="25955" spans="1:10" x14ac:dyDescent="0.35">
      <c r="A25955" s="1" t="s">
        <v>92888</v>
      </c>
      <c r="B25955" s="1" t="s">
        <v>86049</v>
      </c>
      <c r="C25955" s="1" t="s">
        <v>85</v>
      </c>
      <c r="D25955" s="1" t="s">
        <v>92940</v>
      </c>
      <c r="E25955" s="1" t="s">
        <v>92941</v>
      </c>
      <c r="F25955" s="1" t="s">
        <v>92942</v>
      </c>
      <c r="G25955" s="1" t="s">
        <v>92891</v>
      </c>
      <c r="H25955" s="1" t="s">
        <v>92892</v>
      </c>
      <c r="I25955" s="1" t="s">
        <v>86055</v>
      </c>
      <c r="J25955" s="1" t="s">
        <v>92943</v>
      </c>
    </row>
    <row r="25956" spans="1:10" x14ac:dyDescent="0.35">
      <c r="A25956" s="1" t="s">
        <v>92888</v>
      </c>
      <c r="B25956" s="1" t="s">
        <v>86049</v>
      </c>
      <c r="C25956" s="1" t="s">
        <v>90</v>
      </c>
      <c r="D25956" s="1" t="s">
        <v>22467</v>
      </c>
      <c r="E25956" s="1" t="s">
        <v>92944</v>
      </c>
      <c r="F25956" s="1" t="s">
        <v>92945</v>
      </c>
      <c r="G25956" s="1" t="s">
        <v>92891</v>
      </c>
      <c r="H25956" s="1" t="s">
        <v>92892</v>
      </c>
      <c r="I25956" s="1" t="s">
        <v>86055</v>
      </c>
      <c r="J25956" s="1" t="s">
        <v>92946</v>
      </c>
    </row>
    <row r="25957" spans="1:10" x14ac:dyDescent="0.35">
      <c r="A25957" s="1" t="s">
        <v>92888</v>
      </c>
      <c r="B25957" s="1" t="s">
        <v>86049</v>
      </c>
      <c r="C25957" s="1" t="s">
        <v>95</v>
      </c>
      <c r="D25957" s="1" t="s">
        <v>92947</v>
      </c>
      <c r="E25957" s="1" t="s">
        <v>92948</v>
      </c>
      <c r="F25957" s="1" t="s">
        <v>92949</v>
      </c>
      <c r="G25957" s="1" t="s">
        <v>92891</v>
      </c>
      <c r="H25957" s="1" t="s">
        <v>92892</v>
      </c>
      <c r="I25957" s="1" t="s">
        <v>86055</v>
      </c>
      <c r="J25957" s="1" t="s">
        <v>92950</v>
      </c>
    </row>
    <row r="25958" spans="1:10" x14ac:dyDescent="0.35">
      <c r="A25958" s="1" t="s">
        <v>92888</v>
      </c>
      <c r="B25958" s="1" t="s">
        <v>86049</v>
      </c>
      <c r="C25958" s="1" t="s">
        <v>100</v>
      </c>
      <c r="D25958" s="1" t="s">
        <v>20456</v>
      </c>
      <c r="E25958" s="1" t="s">
        <v>92951</v>
      </c>
      <c r="F25958" s="1" t="s">
        <v>92952</v>
      </c>
      <c r="G25958" s="1" t="s">
        <v>92891</v>
      </c>
      <c r="H25958" s="1" t="s">
        <v>92892</v>
      </c>
      <c r="I25958" s="1" t="s">
        <v>86055</v>
      </c>
      <c r="J25958" s="1" t="s">
        <v>92953</v>
      </c>
    </row>
    <row r="25959" spans="1:10" x14ac:dyDescent="0.35">
      <c r="A25959" s="1" t="s">
        <v>92888</v>
      </c>
      <c r="B25959" s="1" t="s">
        <v>86049</v>
      </c>
      <c r="C25959" s="1" t="s">
        <v>105</v>
      </c>
      <c r="D25959" s="1" t="s">
        <v>24603</v>
      </c>
      <c r="E25959" s="1" t="s">
        <v>92954</v>
      </c>
      <c r="F25959" s="1" t="s">
        <v>92955</v>
      </c>
      <c r="G25959" s="1" t="s">
        <v>92891</v>
      </c>
      <c r="H25959" s="1" t="s">
        <v>92892</v>
      </c>
      <c r="I25959" s="1" t="s">
        <v>86055</v>
      </c>
      <c r="J25959" s="1" t="s">
        <v>92956</v>
      </c>
    </row>
    <row r="25960" spans="1:10" x14ac:dyDescent="0.35">
      <c r="A25960" s="1" t="s">
        <v>92888</v>
      </c>
      <c r="B25960" s="1" t="s">
        <v>86049</v>
      </c>
      <c r="C25960" s="1" t="s">
        <v>110</v>
      </c>
      <c r="D25960" s="1" t="s">
        <v>92957</v>
      </c>
      <c r="E25960" s="1" t="s">
        <v>92958</v>
      </c>
      <c r="F25960" s="1" t="s">
        <v>92959</v>
      </c>
      <c r="G25960" s="1" t="s">
        <v>92891</v>
      </c>
      <c r="H25960" s="1" t="s">
        <v>92892</v>
      </c>
      <c r="I25960" s="1" t="s">
        <v>86055</v>
      </c>
      <c r="J25960" s="1" t="s">
        <v>92960</v>
      </c>
    </row>
    <row r="25961" spans="1:10" x14ac:dyDescent="0.35">
      <c r="A25961" s="1" t="s">
        <v>92888</v>
      </c>
      <c r="B25961" s="1" t="s">
        <v>86049</v>
      </c>
      <c r="C25961" s="1" t="s">
        <v>115</v>
      </c>
      <c r="D25961" s="1" t="s">
        <v>92961</v>
      </c>
      <c r="E25961" s="1" t="s">
        <v>92962</v>
      </c>
      <c r="F25961" s="1" t="s">
        <v>92963</v>
      </c>
      <c r="G25961" s="1" t="s">
        <v>92891</v>
      </c>
      <c r="H25961" s="1" t="s">
        <v>92892</v>
      </c>
      <c r="I25961" s="1" t="s">
        <v>86055</v>
      </c>
      <c r="J25961" s="1" t="s">
        <v>92964</v>
      </c>
    </row>
    <row r="25962" spans="1:10" x14ac:dyDescent="0.35">
      <c r="A25962" s="1" t="s">
        <v>92888</v>
      </c>
      <c r="B25962" s="1" t="s">
        <v>86049</v>
      </c>
      <c r="C25962" s="1" t="s">
        <v>120</v>
      </c>
      <c r="D25962" s="1" t="s">
        <v>92965</v>
      </c>
      <c r="E25962" s="1" t="s">
        <v>92966</v>
      </c>
      <c r="F25962" s="1" t="s">
        <v>92967</v>
      </c>
      <c r="G25962" s="1" t="s">
        <v>92891</v>
      </c>
      <c r="H25962" s="1" t="s">
        <v>92892</v>
      </c>
      <c r="I25962" s="1" t="s">
        <v>86055</v>
      </c>
      <c r="J25962" s="1" t="s">
        <v>92968</v>
      </c>
    </row>
    <row r="25963" spans="1:10" x14ac:dyDescent="0.35">
      <c r="A25963" s="1" t="s">
        <v>92888</v>
      </c>
      <c r="B25963" s="1" t="s">
        <v>86049</v>
      </c>
      <c r="C25963" s="1" t="s">
        <v>125</v>
      </c>
      <c r="D25963" s="1" t="s">
        <v>92969</v>
      </c>
      <c r="E25963" s="1" t="s">
        <v>92970</v>
      </c>
      <c r="F25963" s="1" t="s">
        <v>92971</v>
      </c>
      <c r="G25963" s="1" t="s">
        <v>92891</v>
      </c>
      <c r="H25963" s="1" t="s">
        <v>92892</v>
      </c>
      <c r="I25963" s="1" t="s">
        <v>86055</v>
      </c>
      <c r="J25963" s="1" t="s">
        <v>92972</v>
      </c>
    </row>
    <row r="25964" spans="1:10" x14ac:dyDescent="0.35">
      <c r="A25964" s="1" t="s">
        <v>92888</v>
      </c>
      <c r="B25964" s="1" t="s">
        <v>86049</v>
      </c>
      <c r="C25964" s="1" t="s">
        <v>130</v>
      </c>
      <c r="D25964" s="1" t="s">
        <v>92973</v>
      </c>
      <c r="E25964" s="1" t="s">
        <v>92974</v>
      </c>
      <c r="F25964" s="1" t="s">
        <v>92975</v>
      </c>
      <c r="G25964" s="1" t="s">
        <v>92891</v>
      </c>
      <c r="H25964" s="1" t="s">
        <v>92892</v>
      </c>
      <c r="I25964" s="1" t="s">
        <v>86055</v>
      </c>
      <c r="J25964" s="1" t="s">
        <v>92976</v>
      </c>
    </row>
    <row r="25965" spans="1:10" x14ac:dyDescent="0.35">
      <c r="A25965" s="1" t="s">
        <v>92888</v>
      </c>
      <c r="B25965" s="1" t="s">
        <v>86049</v>
      </c>
      <c r="C25965" s="1" t="s">
        <v>135</v>
      </c>
      <c r="D25965" s="1" t="s">
        <v>92977</v>
      </c>
      <c r="E25965" s="1" t="s">
        <v>92978</v>
      </c>
      <c r="F25965" s="1" t="s">
        <v>92979</v>
      </c>
      <c r="G25965" s="1" t="s">
        <v>92891</v>
      </c>
      <c r="H25965" s="1" t="s">
        <v>92892</v>
      </c>
      <c r="I25965" s="1" t="s">
        <v>86055</v>
      </c>
      <c r="J25965" s="1" t="s">
        <v>92980</v>
      </c>
    </row>
    <row r="25966" spans="1:10" x14ac:dyDescent="0.35">
      <c r="A25966" s="1" t="s">
        <v>92888</v>
      </c>
      <c r="B25966" s="1" t="s">
        <v>86049</v>
      </c>
      <c r="C25966" s="1" t="s">
        <v>140</v>
      </c>
      <c r="D25966" s="1" t="s">
        <v>66662</v>
      </c>
      <c r="E25966" s="1" t="s">
        <v>92981</v>
      </c>
      <c r="F25966" s="1" t="s">
        <v>92982</v>
      </c>
      <c r="G25966" s="1" t="s">
        <v>92891</v>
      </c>
      <c r="H25966" s="1" t="s">
        <v>92892</v>
      </c>
      <c r="I25966" s="1" t="s">
        <v>86055</v>
      </c>
      <c r="J25966" s="1" t="s">
        <v>92983</v>
      </c>
    </row>
    <row r="25967" spans="1:10" x14ac:dyDescent="0.35">
      <c r="A25967" s="1" t="s">
        <v>92888</v>
      </c>
      <c r="B25967" s="1" t="s">
        <v>86049</v>
      </c>
      <c r="C25967" s="1" t="s">
        <v>145</v>
      </c>
      <c r="D25967" s="1" t="s">
        <v>68530</v>
      </c>
      <c r="E25967" s="1" t="s">
        <v>92984</v>
      </c>
      <c r="F25967" s="1" t="s">
        <v>92985</v>
      </c>
      <c r="G25967" s="1" t="s">
        <v>92891</v>
      </c>
      <c r="H25967" s="1" t="s">
        <v>92892</v>
      </c>
      <c r="I25967" s="1" t="s">
        <v>86055</v>
      </c>
      <c r="J25967" s="1" t="s">
        <v>92986</v>
      </c>
    </row>
    <row r="25968" spans="1:10" x14ac:dyDescent="0.35">
      <c r="A25968" s="1" t="s">
        <v>92888</v>
      </c>
      <c r="B25968" s="1" t="s">
        <v>86049</v>
      </c>
      <c r="C25968" s="1" t="s">
        <v>150</v>
      </c>
      <c r="D25968" s="1" t="s">
        <v>92987</v>
      </c>
      <c r="E25968" s="1" t="s">
        <v>92988</v>
      </c>
      <c r="F25968" s="1" t="s">
        <v>92989</v>
      </c>
      <c r="G25968" s="1" t="s">
        <v>92891</v>
      </c>
      <c r="H25968" s="1" t="s">
        <v>92892</v>
      </c>
      <c r="I25968" s="1" t="s">
        <v>86055</v>
      </c>
      <c r="J25968" s="1" t="s">
        <v>92990</v>
      </c>
    </row>
    <row r="25969" spans="1:10" x14ac:dyDescent="0.35">
      <c r="A25969" s="1" t="s">
        <v>92888</v>
      </c>
      <c r="B25969" s="1" t="s">
        <v>86049</v>
      </c>
      <c r="C25969" s="1" t="s">
        <v>155</v>
      </c>
      <c r="D25969" s="1" t="s">
        <v>63772</v>
      </c>
      <c r="E25969" s="1" t="s">
        <v>92991</v>
      </c>
      <c r="F25969" s="1" t="s">
        <v>92992</v>
      </c>
      <c r="G25969" s="1" t="s">
        <v>92891</v>
      </c>
      <c r="H25969" s="1" t="s">
        <v>92892</v>
      </c>
      <c r="I25969" s="1" t="s">
        <v>86055</v>
      </c>
      <c r="J25969" s="1" t="s">
        <v>92993</v>
      </c>
    </row>
    <row r="25970" spans="1:10" x14ac:dyDescent="0.35">
      <c r="A25970" s="1" t="s">
        <v>92888</v>
      </c>
      <c r="B25970" s="1" t="s">
        <v>86049</v>
      </c>
      <c r="C25970" s="1" t="s">
        <v>160</v>
      </c>
      <c r="D25970" s="1" t="s">
        <v>60464</v>
      </c>
      <c r="E25970" s="1" t="s">
        <v>92994</v>
      </c>
      <c r="F25970" s="1" t="s">
        <v>92995</v>
      </c>
      <c r="G25970" s="1" t="s">
        <v>92891</v>
      </c>
      <c r="H25970" s="1" t="s">
        <v>92892</v>
      </c>
      <c r="I25970" s="1" t="s">
        <v>86055</v>
      </c>
      <c r="J25970" s="1" t="s">
        <v>92996</v>
      </c>
    </row>
    <row r="25971" spans="1:10" x14ac:dyDescent="0.35">
      <c r="A25971" s="1" t="s">
        <v>92888</v>
      </c>
      <c r="B25971" s="1" t="s">
        <v>86049</v>
      </c>
      <c r="C25971" s="1" t="s">
        <v>165</v>
      </c>
      <c r="D25971" s="1" t="s">
        <v>69107</v>
      </c>
      <c r="E25971" s="1" t="s">
        <v>92997</v>
      </c>
      <c r="F25971" s="1" t="s">
        <v>92998</v>
      </c>
      <c r="G25971" s="1" t="s">
        <v>92891</v>
      </c>
      <c r="H25971" s="1" t="s">
        <v>92892</v>
      </c>
      <c r="I25971" s="1" t="s">
        <v>86055</v>
      </c>
      <c r="J25971" s="1" t="s">
        <v>92999</v>
      </c>
    </row>
    <row r="25972" spans="1:10" x14ac:dyDescent="0.35">
      <c r="A25972" s="1" t="s">
        <v>92888</v>
      </c>
      <c r="B25972" s="1" t="s">
        <v>86049</v>
      </c>
      <c r="C25972" s="1" t="s">
        <v>170</v>
      </c>
      <c r="D25972" s="1" t="s">
        <v>93000</v>
      </c>
      <c r="E25972" s="1" t="s">
        <v>93001</v>
      </c>
      <c r="F25972" s="1" t="s">
        <v>93002</v>
      </c>
      <c r="G25972" s="1" t="s">
        <v>92891</v>
      </c>
      <c r="H25972" s="1" t="s">
        <v>92892</v>
      </c>
      <c r="I25972" s="1" t="s">
        <v>86055</v>
      </c>
      <c r="J25972" s="1" t="s">
        <v>93003</v>
      </c>
    </row>
    <row r="25973" spans="1:10" x14ac:dyDescent="0.35">
      <c r="A25973" s="1" t="s">
        <v>8434</v>
      </c>
      <c r="B25973" s="1" t="s">
        <v>86049</v>
      </c>
      <c r="C25973" s="1" t="s">
        <v>8</v>
      </c>
      <c r="D25973" s="1" t="s">
        <v>93004</v>
      </c>
      <c r="E25973" s="1" t="s">
        <v>93005</v>
      </c>
      <c r="F25973" s="1" t="s">
        <v>93006</v>
      </c>
      <c r="G25973" s="1" t="s">
        <v>93007</v>
      </c>
      <c r="H25973" s="1" t="s">
        <v>93008</v>
      </c>
      <c r="I25973" s="1" t="s">
        <v>86055</v>
      </c>
      <c r="J25973" s="1" t="s">
        <v>13</v>
      </c>
    </row>
    <row r="25974" spans="1:10" x14ac:dyDescent="0.35">
      <c r="A25974" s="1" t="s">
        <v>8434</v>
      </c>
      <c r="B25974" s="1" t="s">
        <v>86049</v>
      </c>
      <c r="C25974" s="1" t="s">
        <v>15</v>
      </c>
      <c r="D25974" s="1" t="s">
        <v>93009</v>
      </c>
      <c r="E25974" s="1" t="s">
        <v>93010</v>
      </c>
      <c r="F25974" s="1" t="s">
        <v>93011</v>
      </c>
      <c r="G25974" s="1" t="s">
        <v>93007</v>
      </c>
      <c r="H25974" s="1" t="s">
        <v>93008</v>
      </c>
      <c r="I25974" s="1" t="s">
        <v>86055</v>
      </c>
      <c r="J25974" s="1" t="s">
        <v>93012</v>
      </c>
    </row>
    <row r="25975" spans="1:10" x14ac:dyDescent="0.35">
      <c r="A25975" s="1" t="s">
        <v>8434</v>
      </c>
      <c r="B25975" s="1" t="s">
        <v>86049</v>
      </c>
      <c r="C25975" s="1" t="s">
        <v>20</v>
      </c>
      <c r="D25975" s="1" t="s">
        <v>93013</v>
      </c>
      <c r="E25975" s="1" t="s">
        <v>93014</v>
      </c>
      <c r="F25975" s="1" t="s">
        <v>93015</v>
      </c>
      <c r="G25975" s="1" t="s">
        <v>93007</v>
      </c>
      <c r="H25975" s="1" t="s">
        <v>93008</v>
      </c>
      <c r="I25975" s="1" t="s">
        <v>86055</v>
      </c>
      <c r="J25975" s="1" t="s">
        <v>93016</v>
      </c>
    </row>
    <row r="25976" spans="1:10" x14ac:dyDescent="0.35">
      <c r="A25976" s="1" t="s">
        <v>8434</v>
      </c>
      <c r="B25976" s="1" t="s">
        <v>86049</v>
      </c>
      <c r="C25976" s="1" t="s">
        <v>25</v>
      </c>
      <c r="D25976" s="1" t="s">
        <v>80395</v>
      </c>
      <c r="E25976" s="1" t="s">
        <v>93017</v>
      </c>
      <c r="F25976" s="1" t="s">
        <v>93018</v>
      </c>
      <c r="G25976" s="1" t="s">
        <v>93007</v>
      </c>
      <c r="H25976" s="1" t="s">
        <v>93008</v>
      </c>
      <c r="I25976" s="1" t="s">
        <v>86055</v>
      </c>
      <c r="J25976" s="1" t="s">
        <v>93019</v>
      </c>
    </row>
    <row r="25977" spans="1:10" x14ac:dyDescent="0.35">
      <c r="A25977" s="1" t="s">
        <v>8434</v>
      </c>
      <c r="B25977" s="1" t="s">
        <v>86049</v>
      </c>
      <c r="C25977" s="1" t="s">
        <v>30</v>
      </c>
      <c r="D25977" s="1" t="s">
        <v>93020</v>
      </c>
      <c r="E25977" s="1" t="s">
        <v>93021</v>
      </c>
      <c r="F25977" s="1" t="s">
        <v>93022</v>
      </c>
      <c r="G25977" s="1" t="s">
        <v>93007</v>
      </c>
      <c r="H25977" s="1" t="s">
        <v>93008</v>
      </c>
      <c r="I25977" s="1" t="s">
        <v>86055</v>
      </c>
      <c r="J25977" s="1" t="s">
        <v>93023</v>
      </c>
    </row>
    <row r="25978" spans="1:10" x14ac:dyDescent="0.35">
      <c r="A25978" s="1" t="s">
        <v>8434</v>
      </c>
      <c r="B25978" s="1" t="s">
        <v>86049</v>
      </c>
      <c r="C25978" s="1" t="s">
        <v>35</v>
      </c>
      <c r="D25978" s="1" t="s">
        <v>93024</v>
      </c>
      <c r="E25978" s="1" t="s">
        <v>93025</v>
      </c>
      <c r="F25978" s="1" t="s">
        <v>93026</v>
      </c>
      <c r="G25978" s="1" t="s">
        <v>93007</v>
      </c>
      <c r="H25978" s="1" t="s">
        <v>93008</v>
      </c>
      <c r="I25978" s="1" t="s">
        <v>86055</v>
      </c>
      <c r="J25978" s="1" t="s">
        <v>93027</v>
      </c>
    </row>
    <row r="25979" spans="1:10" x14ac:dyDescent="0.35">
      <c r="A25979" s="1" t="s">
        <v>8434</v>
      </c>
      <c r="B25979" s="1" t="s">
        <v>86049</v>
      </c>
      <c r="C25979" s="1" t="s">
        <v>40</v>
      </c>
      <c r="D25979" s="1" t="s">
        <v>93028</v>
      </c>
      <c r="E25979" s="1" t="s">
        <v>93029</v>
      </c>
      <c r="F25979" s="1" t="s">
        <v>93030</v>
      </c>
      <c r="G25979" s="1" t="s">
        <v>93007</v>
      </c>
      <c r="H25979" s="1" t="s">
        <v>93008</v>
      </c>
      <c r="I25979" s="1" t="s">
        <v>86055</v>
      </c>
      <c r="J25979" s="1" t="s">
        <v>93031</v>
      </c>
    </row>
    <row r="25980" spans="1:10" x14ac:dyDescent="0.35">
      <c r="A25980" s="1" t="s">
        <v>8434</v>
      </c>
      <c r="B25980" s="1" t="s">
        <v>86049</v>
      </c>
      <c r="C25980" s="1" t="s">
        <v>45</v>
      </c>
      <c r="D25980" s="1" t="s">
        <v>87196</v>
      </c>
      <c r="E25980" s="1" t="s">
        <v>93032</v>
      </c>
      <c r="F25980" s="1" t="s">
        <v>93033</v>
      </c>
      <c r="G25980" s="1" t="s">
        <v>93007</v>
      </c>
      <c r="H25980" s="1" t="s">
        <v>93008</v>
      </c>
      <c r="I25980" s="1" t="s">
        <v>86055</v>
      </c>
      <c r="J25980" s="1" t="s">
        <v>93034</v>
      </c>
    </row>
    <row r="25981" spans="1:10" x14ac:dyDescent="0.35">
      <c r="A25981" s="1" t="s">
        <v>8434</v>
      </c>
      <c r="B25981" s="1" t="s">
        <v>86049</v>
      </c>
      <c r="C25981" s="1" t="s">
        <v>50</v>
      </c>
      <c r="D25981" s="1" t="s">
        <v>86050</v>
      </c>
      <c r="E25981" s="1" t="s">
        <v>93035</v>
      </c>
      <c r="F25981" s="1" t="s">
        <v>93036</v>
      </c>
      <c r="G25981" s="1" t="s">
        <v>93007</v>
      </c>
      <c r="H25981" s="1" t="s">
        <v>93008</v>
      </c>
      <c r="I25981" s="1" t="s">
        <v>86055</v>
      </c>
      <c r="J25981" s="1" t="s">
        <v>93037</v>
      </c>
    </row>
    <row r="25982" spans="1:10" x14ac:dyDescent="0.35">
      <c r="A25982" s="1" t="s">
        <v>8434</v>
      </c>
      <c r="B25982" s="1" t="s">
        <v>86049</v>
      </c>
      <c r="C25982" s="1" t="s">
        <v>55</v>
      </c>
      <c r="D25982" s="1" t="s">
        <v>36275</v>
      </c>
      <c r="E25982" s="1" t="s">
        <v>93038</v>
      </c>
      <c r="F25982" s="1" t="s">
        <v>93039</v>
      </c>
      <c r="G25982" s="1" t="s">
        <v>93007</v>
      </c>
      <c r="H25982" s="1" t="s">
        <v>93008</v>
      </c>
      <c r="I25982" s="1" t="s">
        <v>86055</v>
      </c>
      <c r="J25982" s="1" t="s">
        <v>93040</v>
      </c>
    </row>
    <row r="25983" spans="1:10" x14ac:dyDescent="0.35">
      <c r="A25983" s="1" t="s">
        <v>8434</v>
      </c>
      <c r="B25983" s="1" t="s">
        <v>86049</v>
      </c>
      <c r="C25983" s="1" t="s">
        <v>60</v>
      </c>
      <c r="D25983" s="1" t="s">
        <v>67258</v>
      </c>
      <c r="E25983" s="1" t="s">
        <v>93041</v>
      </c>
      <c r="F25983" s="1" t="s">
        <v>93042</v>
      </c>
      <c r="G25983" s="1" t="s">
        <v>93007</v>
      </c>
      <c r="H25983" s="1" t="s">
        <v>93008</v>
      </c>
      <c r="I25983" s="1" t="s">
        <v>86055</v>
      </c>
      <c r="J25983" s="1" t="s">
        <v>93043</v>
      </c>
    </row>
    <row r="25984" spans="1:10" x14ac:dyDescent="0.35">
      <c r="A25984" s="1" t="s">
        <v>8434</v>
      </c>
      <c r="B25984" s="1" t="s">
        <v>86049</v>
      </c>
      <c r="C25984" s="1" t="s">
        <v>65</v>
      </c>
      <c r="D25984" s="1" t="s">
        <v>93044</v>
      </c>
      <c r="E25984" s="1" t="s">
        <v>93045</v>
      </c>
      <c r="F25984" s="1" t="s">
        <v>93046</v>
      </c>
      <c r="G25984" s="1" t="s">
        <v>93007</v>
      </c>
      <c r="H25984" s="1" t="s">
        <v>93008</v>
      </c>
      <c r="I25984" s="1" t="s">
        <v>86055</v>
      </c>
      <c r="J25984" s="1" t="s">
        <v>93047</v>
      </c>
    </row>
    <row r="25985" spans="1:10" x14ac:dyDescent="0.35">
      <c r="A25985" s="1" t="s">
        <v>8434</v>
      </c>
      <c r="B25985" s="1" t="s">
        <v>86049</v>
      </c>
      <c r="C25985" s="1" t="s">
        <v>70</v>
      </c>
      <c r="D25985" s="1" t="s">
        <v>78101</v>
      </c>
      <c r="E25985" s="1" t="s">
        <v>93048</v>
      </c>
      <c r="F25985" s="1" t="s">
        <v>93049</v>
      </c>
      <c r="G25985" s="1" t="s">
        <v>93007</v>
      </c>
      <c r="H25985" s="1" t="s">
        <v>93008</v>
      </c>
      <c r="I25985" s="1" t="s">
        <v>86055</v>
      </c>
      <c r="J25985" s="1" t="s">
        <v>93050</v>
      </c>
    </row>
    <row r="25986" spans="1:10" x14ac:dyDescent="0.35">
      <c r="A25986" s="1" t="s">
        <v>8434</v>
      </c>
      <c r="B25986" s="1" t="s">
        <v>86049</v>
      </c>
      <c r="C25986" s="1" t="s">
        <v>75</v>
      </c>
      <c r="D25986" s="1" t="s">
        <v>93051</v>
      </c>
      <c r="E25986" s="1" t="s">
        <v>93052</v>
      </c>
      <c r="F25986" s="1" t="s">
        <v>93053</v>
      </c>
      <c r="G25986" s="1" t="s">
        <v>93007</v>
      </c>
      <c r="H25986" s="1" t="s">
        <v>93008</v>
      </c>
      <c r="I25986" s="1" t="s">
        <v>86055</v>
      </c>
      <c r="J25986" s="1" t="s">
        <v>93054</v>
      </c>
    </row>
    <row r="25987" spans="1:10" x14ac:dyDescent="0.35">
      <c r="A25987" s="1" t="s">
        <v>8434</v>
      </c>
      <c r="B25987" s="1" t="s">
        <v>86049</v>
      </c>
      <c r="C25987" s="1" t="s">
        <v>80</v>
      </c>
      <c r="D25987" s="1" t="s">
        <v>93055</v>
      </c>
      <c r="E25987" s="1" t="s">
        <v>93056</v>
      </c>
      <c r="F25987" s="1" t="s">
        <v>93057</v>
      </c>
      <c r="G25987" s="1" t="s">
        <v>93007</v>
      </c>
      <c r="H25987" s="1" t="s">
        <v>93008</v>
      </c>
      <c r="I25987" s="1" t="s">
        <v>86055</v>
      </c>
      <c r="J25987" s="1" t="s">
        <v>93058</v>
      </c>
    </row>
    <row r="25988" spans="1:10" x14ac:dyDescent="0.35">
      <c r="A25988" s="1" t="s">
        <v>8434</v>
      </c>
      <c r="B25988" s="1" t="s">
        <v>86049</v>
      </c>
      <c r="C25988" s="1" t="s">
        <v>85</v>
      </c>
      <c r="D25988" s="1" t="s">
        <v>26776</v>
      </c>
      <c r="E25988" s="1" t="s">
        <v>93059</v>
      </c>
      <c r="F25988" s="1" t="s">
        <v>93060</v>
      </c>
      <c r="G25988" s="1" t="s">
        <v>93007</v>
      </c>
      <c r="H25988" s="1" t="s">
        <v>93008</v>
      </c>
      <c r="I25988" s="1" t="s">
        <v>86055</v>
      </c>
      <c r="J25988" s="1" t="s">
        <v>93061</v>
      </c>
    </row>
    <row r="25989" spans="1:10" x14ac:dyDescent="0.35">
      <c r="A25989" s="1" t="s">
        <v>8434</v>
      </c>
      <c r="B25989" s="1" t="s">
        <v>86049</v>
      </c>
      <c r="C25989" s="1" t="s">
        <v>90</v>
      </c>
      <c r="D25989" s="1" t="s">
        <v>93062</v>
      </c>
      <c r="E25989" s="1" t="s">
        <v>93063</v>
      </c>
      <c r="F25989" s="1" t="s">
        <v>93064</v>
      </c>
      <c r="G25989" s="1" t="s">
        <v>93007</v>
      </c>
      <c r="H25989" s="1" t="s">
        <v>93008</v>
      </c>
      <c r="I25989" s="1" t="s">
        <v>86055</v>
      </c>
      <c r="J25989" s="1" t="s">
        <v>93065</v>
      </c>
    </row>
    <row r="25990" spans="1:10" x14ac:dyDescent="0.35">
      <c r="A25990" s="1" t="s">
        <v>8434</v>
      </c>
      <c r="B25990" s="1" t="s">
        <v>86049</v>
      </c>
      <c r="C25990" s="1" t="s">
        <v>95</v>
      </c>
      <c r="D25990" s="1" t="s">
        <v>86163</v>
      </c>
      <c r="E25990" s="1" t="s">
        <v>93066</v>
      </c>
      <c r="F25990" s="1" t="s">
        <v>93067</v>
      </c>
      <c r="G25990" s="1" t="s">
        <v>93007</v>
      </c>
      <c r="H25990" s="1" t="s">
        <v>93008</v>
      </c>
      <c r="I25990" s="1" t="s">
        <v>86055</v>
      </c>
      <c r="J25990" s="1" t="s">
        <v>93068</v>
      </c>
    </row>
    <row r="25991" spans="1:10" x14ac:dyDescent="0.35">
      <c r="A25991" s="1" t="s">
        <v>8434</v>
      </c>
      <c r="B25991" s="1" t="s">
        <v>86049</v>
      </c>
      <c r="C25991" s="1" t="s">
        <v>100</v>
      </c>
      <c r="D25991" s="1" t="s">
        <v>93069</v>
      </c>
      <c r="E25991" s="1" t="s">
        <v>93070</v>
      </c>
      <c r="F25991" s="1" t="s">
        <v>93071</v>
      </c>
      <c r="G25991" s="1" t="s">
        <v>93007</v>
      </c>
      <c r="H25991" s="1" t="s">
        <v>93008</v>
      </c>
      <c r="I25991" s="1" t="s">
        <v>86055</v>
      </c>
      <c r="J25991" s="1" t="s">
        <v>93072</v>
      </c>
    </row>
    <row r="25992" spans="1:10" x14ac:dyDescent="0.35">
      <c r="A25992" s="1" t="s">
        <v>8434</v>
      </c>
      <c r="B25992" s="1" t="s">
        <v>86049</v>
      </c>
      <c r="C25992" s="1" t="s">
        <v>105</v>
      </c>
      <c r="D25992" s="1" t="s">
        <v>65756</v>
      </c>
      <c r="E25992" s="1" t="s">
        <v>93073</v>
      </c>
      <c r="F25992" s="1" t="s">
        <v>93074</v>
      </c>
      <c r="G25992" s="1" t="s">
        <v>93007</v>
      </c>
      <c r="H25992" s="1" t="s">
        <v>93008</v>
      </c>
      <c r="I25992" s="1" t="s">
        <v>86055</v>
      </c>
      <c r="J25992" s="1" t="s">
        <v>93075</v>
      </c>
    </row>
    <row r="25993" spans="1:10" x14ac:dyDescent="0.35">
      <c r="A25993" s="1" t="s">
        <v>8434</v>
      </c>
      <c r="B25993" s="1" t="s">
        <v>86049</v>
      </c>
      <c r="C25993" s="1" t="s">
        <v>110</v>
      </c>
      <c r="D25993" s="1" t="s">
        <v>86707</v>
      </c>
      <c r="E25993" s="1" t="s">
        <v>93076</v>
      </c>
      <c r="F25993" s="1" t="s">
        <v>93077</v>
      </c>
      <c r="G25993" s="1" t="s">
        <v>93007</v>
      </c>
      <c r="H25993" s="1" t="s">
        <v>93008</v>
      </c>
      <c r="I25993" s="1" t="s">
        <v>86055</v>
      </c>
      <c r="J25993" s="1" t="s">
        <v>93078</v>
      </c>
    </row>
    <row r="25994" spans="1:10" x14ac:dyDescent="0.35">
      <c r="A25994" s="1" t="s">
        <v>8434</v>
      </c>
      <c r="B25994" s="1" t="s">
        <v>86049</v>
      </c>
      <c r="C25994" s="1" t="s">
        <v>115</v>
      </c>
      <c r="D25994" s="1" t="s">
        <v>93079</v>
      </c>
      <c r="E25994" s="1" t="s">
        <v>93080</v>
      </c>
      <c r="F25994" s="1" t="s">
        <v>93081</v>
      </c>
      <c r="G25994" s="1" t="s">
        <v>93007</v>
      </c>
      <c r="H25994" s="1" t="s">
        <v>93008</v>
      </c>
      <c r="I25994" s="1" t="s">
        <v>86055</v>
      </c>
      <c r="J25994" s="1" t="s">
        <v>93082</v>
      </c>
    </row>
    <row r="25995" spans="1:10" x14ac:dyDescent="0.35">
      <c r="A25995" s="1" t="s">
        <v>8434</v>
      </c>
      <c r="B25995" s="1" t="s">
        <v>86049</v>
      </c>
      <c r="C25995" s="1" t="s">
        <v>120</v>
      </c>
      <c r="D25995" s="1" t="s">
        <v>93083</v>
      </c>
      <c r="E25995" s="1" t="s">
        <v>93084</v>
      </c>
      <c r="F25995" s="1" t="s">
        <v>93085</v>
      </c>
      <c r="G25995" s="1" t="s">
        <v>93007</v>
      </c>
      <c r="H25995" s="1" t="s">
        <v>93008</v>
      </c>
      <c r="I25995" s="1" t="s">
        <v>86055</v>
      </c>
      <c r="J25995" s="1" t="s">
        <v>93086</v>
      </c>
    </row>
    <row r="25996" spans="1:10" x14ac:dyDescent="0.35">
      <c r="A25996" s="1" t="s">
        <v>8434</v>
      </c>
      <c r="B25996" s="1" t="s">
        <v>86049</v>
      </c>
      <c r="C25996" s="1" t="s">
        <v>125</v>
      </c>
      <c r="D25996" s="1" t="s">
        <v>55519</v>
      </c>
      <c r="E25996" s="1" t="s">
        <v>93087</v>
      </c>
      <c r="F25996" s="1" t="s">
        <v>93088</v>
      </c>
      <c r="G25996" s="1" t="s">
        <v>93007</v>
      </c>
      <c r="H25996" s="1" t="s">
        <v>93008</v>
      </c>
      <c r="I25996" s="1" t="s">
        <v>86055</v>
      </c>
      <c r="J25996" s="1" t="s">
        <v>93089</v>
      </c>
    </row>
    <row r="25997" spans="1:10" x14ac:dyDescent="0.35">
      <c r="A25997" s="1" t="s">
        <v>8434</v>
      </c>
      <c r="B25997" s="1" t="s">
        <v>86049</v>
      </c>
      <c r="C25997" s="1" t="s">
        <v>130</v>
      </c>
      <c r="D25997" s="1" t="s">
        <v>93090</v>
      </c>
      <c r="E25997" s="1" t="s">
        <v>93091</v>
      </c>
      <c r="F25997" s="1" t="s">
        <v>93092</v>
      </c>
      <c r="G25997" s="1" t="s">
        <v>93007</v>
      </c>
      <c r="H25997" s="1" t="s">
        <v>93008</v>
      </c>
      <c r="I25997" s="1" t="s">
        <v>86055</v>
      </c>
      <c r="J25997" s="1" t="s">
        <v>93093</v>
      </c>
    </row>
    <row r="25998" spans="1:10" x14ac:dyDescent="0.35">
      <c r="A25998" s="1" t="s">
        <v>8434</v>
      </c>
      <c r="B25998" s="1" t="s">
        <v>86049</v>
      </c>
      <c r="C25998" s="1" t="s">
        <v>135</v>
      </c>
      <c r="D25998" s="1" t="s">
        <v>93094</v>
      </c>
      <c r="E25998" s="1" t="s">
        <v>93095</v>
      </c>
      <c r="F25998" s="1" t="s">
        <v>93096</v>
      </c>
      <c r="G25998" s="1" t="s">
        <v>93007</v>
      </c>
      <c r="H25998" s="1" t="s">
        <v>93008</v>
      </c>
      <c r="I25998" s="1" t="s">
        <v>86055</v>
      </c>
      <c r="J25998" s="1" t="s">
        <v>93097</v>
      </c>
    </row>
    <row r="25999" spans="1:10" x14ac:dyDescent="0.35">
      <c r="A25999" s="1" t="s">
        <v>8434</v>
      </c>
      <c r="B25999" s="1" t="s">
        <v>86049</v>
      </c>
      <c r="C25999" s="1" t="s">
        <v>140</v>
      </c>
      <c r="D25999" s="1" t="s">
        <v>93098</v>
      </c>
      <c r="E25999" s="1" t="s">
        <v>93099</v>
      </c>
      <c r="F25999" s="1" t="s">
        <v>93100</v>
      </c>
      <c r="G25999" s="1" t="s">
        <v>93007</v>
      </c>
      <c r="H25999" s="1" t="s">
        <v>93008</v>
      </c>
      <c r="I25999" s="1" t="s">
        <v>86055</v>
      </c>
      <c r="J25999" s="1" t="s">
        <v>93101</v>
      </c>
    </row>
    <row r="26000" spans="1:10" x14ac:dyDescent="0.35">
      <c r="A26000" s="1" t="s">
        <v>8434</v>
      </c>
      <c r="B26000" s="1" t="s">
        <v>86049</v>
      </c>
      <c r="C26000" s="1" t="s">
        <v>145</v>
      </c>
      <c r="D26000" s="1" t="s">
        <v>93102</v>
      </c>
      <c r="E26000" s="1" t="s">
        <v>93103</v>
      </c>
      <c r="F26000" s="1" t="s">
        <v>93104</v>
      </c>
      <c r="G26000" s="1" t="s">
        <v>93007</v>
      </c>
      <c r="H26000" s="1" t="s">
        <v>93008</v>
      </c>
      <c r="I26000" s="1" t="s">
        <v>86055</v>
      </c>
      <c r="J26000" s="1" t="s">
        <v>93105</v>
      </c>
    </row>
    <row r="26001" spans="1:10" x14ac:dyDescent="0.35">
      <c r="A26001" s="1" t="s">
        <v>8434</v>
      </c>
      <c r="B26001" s="1" t="s">
        <v>86049</v>
      </c>
      <c r="C26001" s="1" t="s">
        <v>150</v>
      </c>
      <c r="D26001" s="1" t="s">
        <v>93106</v>
      </c>
      <c r="E26001" s="1" t="s">
        <v>93107</v>
      </c>
      <c r="F26001" s="1" t="s">
        <v>93108</v>
      </c>
      <c r="G26001" s="1" t="s">
        <v>93007</v>
      </c>
      <c r="H26001" s="1" t="s">
        <v>93008</v>
      </c>
      <c r="I26001" s="1" t="s">
        <v>86055</v>
      </c>
      <c r="J26001" s="1" t="s">
        <v>93109</v>
      </c>
    </row>
    <row r="26002" spans="1:10" x14ac:dyDescent="0.35">
      <c r="A26002" s="1" t="s">
        <v>8434</v>
      </c>
      <c r="B26002" s="1" t="s">
        <v>86049</v>
      </c>
      <c r="C26002" s="1" t="s">
        <v>155</v>
      </c>
      <c r="D26002" s="1" t="s">
        <v>93110</v>
      </c>
      <c r="E26002" s="1" t="s">
        <v>93111</v>
      </c>
      <c r="F26002" s="1" t="s">
        <v>93112</v>
      </c>
      <c r="G26002" s="1" t="s">
        <v>93007</v>
      </c>
      <c r="H26002" s="1" t="s">
        <v>93008</v>
      </c>
      <c r="I26002" s="1" t="s">
        <v>86055</v>
      </c>
      <c r="J26002" s="1" t="s">
        <v>93113</v>
      </c>
    </row>
    <row r="26003" spans="1:10" x14ac:dyDescent="0.35">
      <c r="A26003" s="1" t="s">
        <v>8434</v>
      </c>
      <c r="B26003" s="1" t="s">
        <v>86049</v>
      </c>
      <c r="C26003" s="1" t="s">
        <v>160</v>
      </c>
      <c r="D26003" s="1" t="s">
        <v>39350</v>
      </c>
      <c r="E26003" s="1" t="s">
        <v>93114</v>
      </c>
      <c r="F26003" s="1" t="s">
        <v>93115</v>
      </c>
      <c r="G26003" s="1" t="s">
        <v>93007</v>
      </c>
      <c r="H26003" s="1" t="s">
        <v>93008</v>
      </c>
      <c r="I26003" s="1" t="s">
        <v>86055</v>
      </c>
      <c r="J26003" s="1" t="s">
        <v>93116</v>
      </c>
    </row>
    <row r="26004" spans="1:10" x14ac:dyDescent="0.35">
      <c r="A26004" s="1" t="s">
        <v>8434</v>
      </c>
      <c r="B26004" s="1" t="s">
        <v>86049</v>
      </c>
      <c r="C26004" s="1" t="s">
        <v>165</v>
      </c>
      <c r="D26004" s="1" t="s">
        <v>93117</v>
      </c>
      <c r="E26004" s="1" t="s">
        <v>93118</v>
      </c>
      <c r="F26004" s="1" t="s">
        <v>93119</v>
      </c>
      <c r="G26004" s="1" t="s">
        <v>93007</v>
      </c>
      <c r="H26004" s="1" t="s">
        <v>93008</v>
      </c>
      <c r="I26004" s="1" t="s">
        <v>86055</v>
      </c>
      <c r="J26004" s="1" t="s">
        <v>93120</v>
      </c>
    </row>
    <row r="26005" spans="1:10" x14ac:dyDescent="0.35">
      <c r="A26005" s="1" t="s">
        <v>8434</v>
      </c>
      <c r="B26005" s="1" t="s">
        <v>86049</v>
      </c>
      <c r="C26005" s="1" t="s">
        <v>170</v>
      </c>
      <c r="D26005" s="1" t="s">
        <v>93121</v>
      </c>
      <c r="E26005" s="1" t="s">
        <v>93122</v>
      </c>
      <c r="F26005" s="1" t="s">
        <v>93123</v>
      </c>
      <c r="G26005" s="1" t="s">
        <v>93007</v>
      </c>
      <c r="H26005" s="1" t="s">
        <v>93008</v>
      </c>
      <c r="I26005" s="1" t="s">
        <v>86055</v>
      </c>
      <c r="J26005" s="1" t="s">
        <v>93124</v>
      </c>
    </row>
    <row r="26006" spans="1:10" x14ac:dyDescent="0.35">
      <c r="A26006" s="1" t="s">
        <v>93125</v>
      </c>
      <c r="B26006" s="1" t="s">
        <v>86049</v>
      </c>
      <c r="C26006" s="1" t="s">
        <v>8</v>
      </c>
      <c r="D26006" s="1" t="s">
        <v>93126</v>
      </c>
      <c r="E26006" s="1" t="s">
        <v>93127</v>
      </c>
      <c r="F26006" s="1" t="s">
        <v>93128</v>
      </c>
      <c r="G26006" s="1" t="s">
        <v>93129</v>
      </c>
      <c r="H26006" s="1" t="s">
        <v>93130</v>
      </c>
      <c r="I26006" s="1" t="s">
        <v>86055</v>
      </c>
      <c r="J26006" s="1" t="s">
        <v>13</v>
      </c>
    </row>
    <row r="26007" spans="1:10" x14ac:dyDescent="0.35">
      <c r="A26007" s="1" t="s">
        <v>93125</v>
      </c>
      <c r="B26007" s="1" t="s">
        <v>86049</v>
      </c>
      <c r="C26007" s="1" t="s">
        <v>15</v>
      </c>
      <c r="D26007" s="1" t="s">
        <v>89267</v>
      </c>
      <c r="E26007" s="1" t="s">
        <v>93131</v>
      </c>
      <c r="F26007" s="1" t="s">
        <v>93132</v>
      </c>
      <c r="G26007" s="1" t="s">
        <v>93129</v>
      </c>
      <c r="H26007" s="1" t="s">
        <v>93130</v>
      </c>
      <c r="I26007" s="1" t="s">
        <v>86055</v>
      </c>
      <c r="J26007" s="1" t="s">
        <v>93133</v>
      </c>
    </row>
    <row r="26008" spans="1:10" x14ac:dyDescent="0.35">
      <c r="A26008" s="1" t="s">
        <v>93125</v>
      </c>
      <c r="B26008" s="1" t="s">
        <v>86049</v>
      </c>
      <c r="C26008" s="1" t="s">
        <v>20</v>
      </c>
      <c r="D26008" s="1" t="s">
        <v>93134</v>
      </c>
      <c r="E26008" s="1" t="s">
        <v>93135</v>
      </c>
      <c r="F26008" s="1" t="s">
        <v>93136</v>
      </c>
      <c r="G26008" s="1" t="s">
        <v>93129</v>
      </c>
      <c r="H26008" s="1" t="s">
        <v>93130</v>
      </c>
      <c r="I26008" s="1" t="s">
        <v>86055</v>
      </c>
      <c r="J26008" s="1" t="s">
        <v>93137</v>
      </c>
    </row>
    <row r="26009" spans="1:10" x14ac:dyDescent="0.35">
      <c r="A26009" s="1" t="s">
        <v>93125</v>
      </c>
      <c r="B26009" s="1" t="s">
        <v>86049</v>
      </c>
      <c r="C26009" s="1" t="s">
        <v>25</v>
      </c>
      <c r="D26009" s="1" t="s">
        <v>93138</v>
      </c>
      <c r="E26009" s="1" t="s">
        <v>93139</v>
      </c>
      <c r="F26009" s="1" t="s">
        <v>93140</v>
      </c>
      <c r="G26009" s="1" t="s">
        <v>93129</v>
      </c>
      <c r="H26009" s="1" t="s">
        <v>93130</v>
      </c>
      <c r="I26009" s="1" t="s">
        <v>86055</v>
      </c>
      <c r="J26009" s="1" t="s">
        <v>93141</v>
      </c>
    </row>
    <row r="26010" spans="1:10" x14ac:dyDescent="0.35">
      <c r="A26010" s="1" t="s">
        <v>93125</v>
      </c>
      <c r="B26010" s="1" t="s">
        <v>86049</v>
      </c>
      <c r="C26010" s="1" t="s">
        <v>30</v>
      </c>
      <c r="D26010" s="1" t="s">
        <v>69112</v>
      </c>
      <c r="E26010" s="1" t="s">
        <v>93142</v>
      </c>
      <c r="F26010" s="1" t="s">
        <v>93143</v>
      </c>
      <c r="G26010" s="1" t="s">
        <v>93129</v>
      </c>
      <c r="H26010" s="1" t="s">
        <v>93130</v>
      </c>
      <c r="I26010" s="1" t="s">
        <v>86055</v>
      </c>
      <c r="J26010" s="1" t="s">
        <v>93144</v>
      </c>
    </row>
    <row r="26011" spans="1:10" x14ac:dyDescent="0.35">
      <c r="A26011" s="1" t="s">
        <v>93125</v>
      </c>
      <c r="B26011" s="1" t="s">
        <v>86049</v>
      </c>
      <c r="C26011" s="1" t="s">
        <v>35</v>
      </c>
      <c r="D26011" s="1" t="s">
        <v>93145</v>
      </c>
      <c r="E26011" s="1" t="s">
        <v>93146</v>
      </c>
      <c r="F26011" s="1" t="s">
        <v>93147</v>
      </c>
      <c r="G26011" s="1" t="s">
        <v>93129</v>
      </c>
      <c r="H26011" s="1" t="s">
        <v>93130</v>
      </c>
      <c r="I26011" s="1" t="s">
        <v>86055</v>
      </c>
      <c r="J26011" s="1" t="s">
        <v>93148</v>
      </c>
    </row>
    <row r="26012" spans="1:10" x14ac:dyDescent="0.35">
      <c r="A26012" s="1" t="s">
        <v>93125</v>
      </c>
      <c r="B26012" s="1" t="s">
        <v>86049</v>
      </c>
      <c r="C26012" s="1" t="s">
        <v>40</v>
      </c>
      <c r="D26012" s="1" t="s">
        <v>93149</v>
      </c>
      <c r="E26012" s="1" t="s">
        <v>93150</v>
      </c>
      <c r="F26012" s="1" t="s">
        <v>93151</v>
      </c>
      <c r="G26012" s="1" t="s">
        <v>93129</v>
      </c>
      <c r="H26012" s="1" t="s">
        <v>93130</v>
      </c>
      <c r="I26012" s="1" t="s">
        <v>86055</v>
      </c>
      <c r="J26012" s="1" t="s">
        <v>93152</v>
      </c>
    </row>
    <row r="26013" spans="1:10" x14ac:dyDescent="0.35">
      <c r="A26013" s="1" t="s">
        <v>93125</v>
      </c>
      <c r="B26013" s="1" t="s">
        <v>86049</v>
      </c>
      <c r="C26013" s="1" t="s">
        <v>45</v>
      </c>
      <c r="D26013" s="1" t="s">
        <v>93153</v>
      </c>
      <c r="E26013" s="1" t="s">
        <v>93154</v>
      </c>
      <c r="F26013" s="1" t="s">
        <v>93155</v>
      </c>
      <c r="G26013" s="1" t="s">
        <v>93129</v>
      </c>
      <c r="H26013" s="1" t="s">
        <v>93130</v>
      </c>
      <c r="I26013" s="1" t="s">
        <v>86055</v>
      </c>
      <c r="J26013" s="1" t="s">
        <v>93156</v>
      </c>
    </row>
    <row r="26014" spans="1:10" x14ac:dyDescent="0.35">
      <c r="A26014" s="1" t="s">
        <v>93125</v>
      </c>
      <c r="B26014" s="1" t="s">
        <v>86049</v>
      </c>
      <c r="C26014" s="1" t="s">
        <v>50</v>
      </c>
      <c r="D26014" s="1" t="s">
        <v>89226</v>
      </c>
      <c r="E26014" s="1" t="s">
        <v>93157</v>
      </c>
      <c r="F26014" s="1" t="s">
        <v>93158</v>
      </c>
      <c r="G26014" s="1" t="s">
        <v>93129</v>
      </c>
      <c r="H26014" s="1" t="s">
        <v>93130</v>
      </c>
      <c r="I26014" s="1" t="s">
        <v>86055</v>
      </c>
      <c r="J26014" s="1" t="s">
        <v>93159</v>
      </c>
    </row>
    <row r="26015" spans="1:10" x14ac:dyDescent="0.35">
      <c r="A26015" s="1" t="s">
        <v>93125</v>
      </c>
      <c r="B26015" s="1" t="s">
        <v>86049</v>
      </c>
      <c r="C26015" s="1" t="s">
        <v>55</v>
      </c>
      <c r="D26015" s="1" t="s">
        <v>62145</v>
      </c>
      <c r="E26015" s="1" t="s">
        <v>93160</v>
      </c>
      <c r="F26015" s="1" t="s">
        <v>93161</v>
      </c>
      <c r="G26015" s="1" t="s">
        <v>93129</v>
      </c>
      <c r="H26015" s="1" t="s">
        <v>93130</v>
      </c>
      <c r="I26015" s="1" t="s">
        <v>86055</v>
      </c>
      <c r="J26015" s="1" t="s">
        <v>93162</v>
      </c>
    </row>
    <row r="26016" spans="1:10" x14ac:dyDescent="0.35">
      <c r="A26016" s="1" t="s">
        <v>93125</v>
      </c>
      <c r="B26016" s="1" t="s">
        <v>86049</v>
      </c>
      <c r="C26016" s="1" t="s">
        <v>60</v>
      </c>
      <c r="D26016" s="1" t="s">
        <v>93163</v>
      </c>
      <c r="E26016" s="1" t="s">
        <v>93164</v>
      </c>
      <c r="F26016" s="1" t="s">
        <v>93165</v>
      </c>
      <c r="G26016" s="1" t="s">
        <v>93129</v>
      </c>
      <c r="H26016" s="1" t="s">
        <v>93130</v>
      </c>
      <c r="I26016" s="1" t="s">
        <v>86055</v>
      </c>
      <c r="J26016" s="1" t="s">
        <v>93166</v>
      </c>
    </row>
    <row r="26017" spans="1:10" x14ac:dyDescent="0.35">
      <c r="A26017" s="1" t="s">
        <v>93125</v>
      </c>
      <c r="B26017" s="1" t="s">
        <v>86049</v>
      </c>
      <c r="C26017" s="1" t="s">
        <v>65</v>
      </c>
      <c r="D26017" s="1" t="s">
        <v>93167</v>
      </c>
      <c r="E26017" s="1" t="s">
        <v>93168</v>
      </c>
      <c r="F26017" s="1" t="s">
        <v>93169</v>
      </c>
      <c r="G26017" s="1" t="s">
        <v>93129</v>
      </c>
      <c r="H26017" s="1" t="s">
        <v>93130</v>
      </c>
      <c r="I26017" s="1" t="s">
        <v>86055</v>
      </c>
      <c r="J26017" s="1" t="s">
        <v>93170</v>
      </c>
    </row>
    <row r="26018" spans="1:10" x14ac:dyDescent="0.35">
      <c r="A26018" s="1" t="s">
        <v>93125</v>
      </c>
      <c r="B26018" s="1" t="s">
        <v>86049</v>
      </c>
      <c r="C26018" s="1" t="s">
        <v>70</v>
      </c>
      <c r="D26018" s="1" t="s">
        <v>93171</v>
      </c>
      <c r="E26018" s="1" t="s">
        <v>93172</v>
      </c>
      <c r="F26018" s="1" t="s">
        <v>93173</v>
      </c>
      <c r="G26018" s="1" t="s">
        <v>93129</v>
      </c>
      <c r="H26018" s="1" t="s">
        <v>93130</v>
      </c>
      <c r="I26018" s="1" t="s">
        <v>86055</v>
      </c>
      <c r="J26018" s="1" t="s">
        <v>93174</v>
      </c>
    </row>
    <row r="26019" spans="1:10" x14ac:dyDescent="0.35">
      <c r="A26019" s="1" t="s">
        <v>93125</v>
      </c>
      <c r="B26019" s="1" t="s">
        <v>86049</v>
      </c>
      <c r="C26019" s="1" t="s">
        <v>75</v>
      </c>
      <c r="D26019" s="1" t="s">
        <v>93175</v>
      </c>
      <c r="E26019" s="1" t="s">
        <v>93176</v>
      </c>
      <c r="F26019" s="1" t="s">
        <v>93177</v>
      </c>
      <c r="G26019" s="1" t="s">
        <v>93129</v>
      </c>
      <c r="H26019" s="1" t="s">
        <v>93130</v>
      </c>
      <c r="I26019" s="1" t="s">
        <v>86055</v>
      </c>
      <c r="J26019" s="1" t="s">
        <v>93178</v>
      </c>
    </row>
    <row r="26020" spans="1:10" x14ac:dyDescent="0.35">
      <c r="A26020" s="1" t="s">
        <v>93125</v>
      </c>
      <c r="B26020" s="1" t="s">
        <v>86049</v>
      </c>
      <c r="C26020" s="1" t="s">
        <v>80</v>
      </c>
      <c r="D26020" s="1" t="s">
        <v>93179</v>
      </c>
      <c r="E26020" s="1" t="s">
        <v>93180</v>
      </c>
      <c r="F26020" s="1" t="s">
        <v>93181</v>
      </c>
      <c r="G26020" s="1" t="s">
        <v>93129</v>
      </c>
      <c r="H26020" s="1" t="s">
        <v>93130</v>
      </c>
      <c r="I26020" s="1" t="s">
        <v>86055</v>
      </c>
      <c r="J26020" s="1" t="s">
        <v>93182</v>
      </c>
    </row>
    <row r="26021" spans="1:10" x14ac:dyDescent="0.35">
      <c r="A26021" s="1" t="s">
        <v>93125</v>
      </c>
      <c r="B26021" s="1" t="s">
        <v>86049</v>
      </c>
      <c r="C26021" s="1" t="s">
        <v>85</v>
      </c>
      <c r="D26021" s="1" t="s">
        <v>67511</v>
      </c>
      <c r="E26021" s="1" t="s">
        <v>93183</v>
      </c>
      <c r="F26021" s="1" t="s">
        <v>93184</v>
      </c>
      <c r="G26021" s="1" t="s">
        <v>93129</v>
      </c>
      <c r="H26021" s="1" t="s">
        <v>93130</v>
      </c>
      <c r="I26021" s="1" t="s">
        <v>86055</v>
      </c>
      <c r="J26021" s="1" t="s">
        <v>93185</v>
      </c>
    </row>
    <row r="26022" spans="1:10" x14ac:dyDescent="0.35">
      <c r="A26022" s="1" t="s">
        <v>93125</v>
      </c>
      <c r="B26022" s="1" t="s">
        <v>86049</v>
      </c>
      <c r="C26022" s="1" t="s">
        <v>90</v>
      </c>
      <c r="D26022" s="1" t="s">
        <v>93186</v>
      </c>
      <c r="E26022" s="1" t="s">
        <v>93187</v>
      </c>
      <c r="F26022" s="1" t="s">
        <v>93188</v>
      </c>
      <c r="G26022" s="1" t="s">
        <v>93129</v>
      </c>
      <c r="H26022" s="1" t="s">
        <v>93130</v>
      </c>
      <c r="I26022" s="1" t="s">
        <v>86055</v>
      </c>
      <c r="J26022" s="1" t="s">
        <v>93189</v>
      </c>
    </row>
    <row r="26023" spans="1:10" x14ac:dyDescent="0.35">
      <c r="A26023" s="1" t="s">
        <v>93125</v>
      </c>
      <c r="B26023" s="1" t="s">
        <v>86049</v>
      </c>
      <c r="C26023" s="1" t="s">
        <v>95</v>
      </c>
      <c r="D26023" s="1" t="s">
        <v>93190</v>
      </c>
      <c r="E26023" s="1" t="s">
        <v>93191</v>
      </c>
      <c r="F26023" s="1" t="s">
        <v>93192</v>
      </c>
      <c r="G26023" s="1" t="s">
        <v>93129</v>
      </c>
      <c r="H26023" s="1" t="s">
        <v>93130</v>
      </c>
      <c r="I26023" s="1" t="s">
        <v>86055</v>
      </c>
      <c r="J26023" s="1" t="s">
        <v>93193</v>
      </c>
    </row>
    <row r="26024" spans="1:10" x14ac:dyDescent="0.35">
      <c r="A26024" s="1" t="s">
        <v>93125</v>
      </c>
      <c r="B26024" s="1" t="s">
        <v>86049</v>
      </c>
      <c r="C26024" s="1" t="s">
        <v>100</v>
      </c>
      <c r="D26024" s="1" t="s">
        <v>93194</v>
      </c>
      <c r="E26024" s="1" t="s">
        <v>93195</v>
      </c>
      <c r="F26024" s="1" t="s">
        <v>93196</v>
      </c>
      <c r="G26024" s="1" t="s">
        <v>93129</v>
      </c>
      <c r="H26024" s="1" t="s">
        <v>93130</v>
      </c>
      <c r="I26024" s="1" t="s">
        <v>86055</v>
      </c>
      <c r="J26024" s="1" t="s">
        <v>93197</v>
      </c>
    </row>
    <row r="26025" spans="1:10" x14ac:dyDescent="0.35">
      <c r="A26025" s="1" t="s">
        <v>93125</v>
      </c>
      <c r="B26025" s="1" t="s">
        <v>86049</v>
      </c>
      <c r="C26025" s="1" t="s">
        <v>105</v>
      </c>
      <c r="D26025" s="1" t="s">
        <v>40350</v>
      </c>
      <c r="E26025" s="1" t="s">
        <v>93198</v>
      </c>
      <c r="F26025" s="1" t="s">
        <v>93199</v>
      </c>
      <c r="G26025" s="1" t="s">
        <v>93129</v>
      </c>
      <c r="H26025" s="1" t="s">
        <v>93130</v>
      </c>
      <c r="I26025" s="1" t="s">
        <v>86055</v>
      </c>
      <c r="J26025" s="1" t="s">
        <v>93200</v>
      </c>
    </row>
    <row r="26026" spans="1:10" x14ac:dyDescent="0.35">
      <c r="A26026" s="1" t="s">
        <v>93125</v>
      </c>
      <c r="B26026" s="1" t="s">
        <v>86049</v>
      </c>
      <c r="C26026" s="1" t="s">
        <v>110</v>
      </c>
      <c r="D26026" s="1" t="s">
        <v>93201</v>
      </c>
      <c r="E26026" s="1" t="s">
        <v>93202</v>
      </c>
      <c r="F26026" s="1" t="s">
        <v>93203</v>
      </c>
      <c r="G26026" s="1" t="s">
        <v>93129</v>
      </c>
      <c r="H26026" s="1" t="s">
        <v>93130</v>
      </c>
      <c r="I26026" s="1" t="s">
        <v>86055</v>
      </c>
      <c r="J26026" s="1" t="s">
        <v>93204</v>
      </c>
    </row>
    <row r="26027" spans="1:10" x14ac:dyDescent="0.35">
      <c r="A26027" s="1" t="s">
        <v>93125</v>
      </c>
      <c r="B26027" s="1" t="s">
        <v>86049</v>
      </c>
      <c r="C26027" s="1" t="s">
        <v>115</v>
      </c>
      <c r="D26027" s="1" t="s">
        <v>93205</v>
      </c>
      <c r="E26027" s="1" t="s">
        <v>93206</v>
      </c>
      <c r="F26027" s="1" t="s">
        <v>93207</v>
      </c>
      <c r="G26027" s="1" t="s">
        <v>93129</v>
      </c>
      <c r="H26027" s="1" t="s">
        <v>93130</v>
      </c>
      <c r="I26027" s="1" t="s">
        <v>86055</v>
      </c>
      <c r="J26027" s="1" t="s">
        <v>93208</v>
      </c>
    </row>
    <row r="26028" spans="1:10" x14ac:dyDescent="0.35">
      <c r="A26028" s="1" t="s">
        <v>93125</v>
      </c>
      <c r="B26028" s="1" t="s">
        <v>86049</v>
      </c>
      <c r="C26028" s="1" t="s">
        <v>120</v>
      </c>
      <c r="D26028" s="1" t="s">
        <v>93209</v>
      </c>
      <c r="E26028" s="1" t="s">
        <v>93210</v>
      </c>
      <c r="F26028" s="1" t="s">
        <v>93211</v>
      </c>
      <c r="G26028" s="1" t="s">
        <v>93129</v>
      </c>
      <c r="H26028" s="1" t="s">
        <v>93130</v>
      </c>
      <c r="I26028" s="1" t="s">
        <v>86055</v>
      </c>
      <c r="J26028" s="1" t="s">
        <v>93212</v>
      </c>
    </row>
    <row r="26029" spans="1:10" x14ac:dyDescent="0.35">
      <c r="A26029" s="1" t="s">
        <v>93125</v>
      </c>
      <c r="B26029" s="1" t="s">
        <v>86049</v>
      </c>
      <c r="C26029" s="1" t="s">
        <v>125</v>
      </c>
      <c r="D26029" s="1" t="s">
        <v>93213</v>
      </c>
      <c r="E26029" s="1" t="s">
        <v>93214</v>
      </c>
      <c r="F26029" s="1" t="s">
        <v>93215</v>
      </c>
      <c r="G26029" s="1" t="s">
        <v>93129</v>
      </c>
      <c r="H26029" s="1" t="s">
        <v>93130</v>
      </c>
      <c r="I26029" s="1" t="s">
        <v>86055</v>
      </c>
      <c r="J26029" s="1" t="s">
        <v>93216</v>
      </c>
    </row>
    <row r="26030" spans="1:10" x14ac:dyDescent="0.35">
      <c r="A26030" s="1" t="s">
        <v>93125</v>
      </c>
      <c r="B26030" s="1" t="s">
        <v>86049</v>
      </c>
      <c r="C26030" s="1" t="s">
        <v>130</v>
      </c>
      <c r="D26030" s="1" t="s">
        <v>93217</v>
      </c>
      <c r="E26030" s="1" t="s">
        <v>93218</v>
      </c>
      <c r="F26030" s="1" t="s">
        <v>93219</v>
      </c>
      <c r="G26030" s="1" t="s">
        <v>93129</v>
      </c>
      <c r="H26030" s="1" t="s">
        <v>93130</v>
      </c>
      <c r="I26030" s="1" t="s">
        <v>86055</v>
      </c>
      <c r="J26030" s="1" t="s">
        <v>93220</v>
      </c>
    </row>
    <row r="26031" spans="1:10" x14ac:dyDescent="0.35">
      <c r="A26031" s="1" t="s">
        <v>93125</v>
      </c>
      <c r="B26031" s="1" t="s">
        <v>86049</v>
      </c>
      <c r="C26031" s="1" t="s">
        <v>135</v>
      </c>
      <c r="D26031" s="1" t="s">
        <v>93221</v>
      </c>
      <c r="E26031" s="1" t="s">
        <v>93222</v>
      </c>
      <c r="F26031" s="1" t="s">
        <v>93223</v>
      </c>
      <c r="G26031" s="1" t="s">
        <v>93129</v>
      </c>
      <c r="H26031" s="1" t="s">
        <v>93130</v>
      </c>
      <c r="I26031" s="1" t="s">
        <v>86055</v>
      </c>
      <c r="J26031" s="1" t="s">
        <v>93224</v>
      </c>
    </row>
    <row r="26032" spans="1:10" x14ac:dyDescent="0.35">
      <c r="A26032" s="1" t="s">
        <v>93125</v>
      </c>
      <c r="B26032" s="1" t="s">
        <v>86049</v>
      </c>
      <c r="C26032" s="1" t="s">
        <v>140</v>
      </c>
      <c r="D26032" s="1" t="s">
        <v>93225</v>
      </c>
      <c r="E26032" s="1" t="s">
        <v>93226</v>
      </c>
      <c r="F26032" s="1" t="s">
        <v>93227</v>
      </c>
      <c r="G26032" s="1" t="s">
        <v>93129</v>
      </c>
      <c r="H26032" s="1" t="s">
        <v>93130</v>
      </c>
      <c r="I26032" s="1" t="s">
        <v>86055</v>
      </c>
      <c r="J26032" s="1" t="s">
        <v>93228</v>
      </c>
    </row>
    <row r="26033" spans="1:10" x14ac:dyDescent="0.35">
      <c r="A26033" s="1" t="s">
        <v>93125</v>
      </c>
      <c r="B26033" s="1" t="s">
        <v>86049</v>
      </c>
      <c r="C26033" s="1" t="s">
        <v>145</v>
      </c>
      <c r="D26033" s="1" t="s">
        <v>93229</v>
      </c>
      <c r="E26033" s="1" t="s">
        <v>93230</v>
      </c>
      <c r="F26033" s="1" t="s">
        <v>93231</v>
      </c>
      <c r="G26033" s="1" t="s">
        <v>93129</v>
      </c>
      <c r="H26033" s="1" t="s">
        <v>93130</v>
      </c>
      <c r="I26033" s="1" t="s">
        <v>86055</v>
      </c>
      <c r="J26033" s="1" t="s">
        <v>93232</v>
      </c>
    </row>
    <row r="26034" spans="1:10" x14ac:dyDescent="0.35">
      <c r="A26034" s="1" t="s">
        <v>93125</v>
      </c>
      <c r="B26034" s="1" t="s">
        <v>86049</v>
      </c>
      <c r="C26034" s="1" t="s">
        <v>150</v>
      </c>
      <c r="D26034" s="1" t="s">
        <v>57968</v>
      </c>
      <c r="E26034" s="1" t="s">
        <v>93233</v>
      </c>
      <c r="F26034" s="1" t="s">
        <v>93234</v>
      </c>
      <c r="G26034" s="1" t="s">
        <v>93129</v>
      </c>
      <c r="H26034" s="1" t="s">
        <v>93130</v>
      </c>
      <c r="I26034" s="1" t="s">
        <v>86055</v>
      </c>
      <c r="J26034" s="1" t="s">
        <v>93235</v>
      </c>
    </row>
    <row r="26035" spans="1:10" x14ac:dyDescent="0.35">
      <c r="A26035" s="1" t="s">
        <v>93125</v>
      </c>
      <c r="B26035" s="1" t="s">
        <v>86049</v>
      </c>
      <c r="C26035" s="1" t="s">
        <v>155</v>
      </c>
      <c r="D26035" s="1" t="s">
        <v>76557</v>
      </c>
      <c r="E26035" s="1" t="s">
        <v>93236</v>
      </c>
      <c r="F26035" s="1" t="s">
        <v>93237</v>
      </c>
      <c r="G26035" s="1" t="s">
        <v>93129</v>
      </c>
      <c r="H26035" s="1" t="s">
        <v>93130</v>
      </c>
      <c r="I26035" s="1" t="s">
        <v>86055</v>
      </c>
      <c r="J26035" s="1" t="s">
        <v>93238</v>
      </c>
    </row>
    <row r="26036" spans="1:10" x14ac:dyDescent="0.35">
      <c r="A26036" s="1" t="s">
        <v>93125</v>
      </c>
      <c r="B26036" s="1" t="s">
        <v>86049</v>
      </c>
      <c r="C26036" s="1" t="s">
        <v>160</v>
      </c>
      <c r="D26036" s="1" t="s">
        <v>21963</v>
      </c>
      <c r="E26036" s="1" t="s">
        <v>93239</v>
      </c>
      <c r="F26036" s="1" t="s">
        <v>93240</v>
      </c>
      <c r="G26036" s="1" t="s">
        <v>93129</v>
      </c>
      <c r="H26036" s="1" t="s">
        <v>93130</v>
      </c>
      <c r="I26036" s="1" t="s">
        <v>86055</v>
      </c>
      <c r="J26036" s="1" t="s">
        <v>93241</v>
      </c>
    </row>
    <row r="26037" spans="1:10" x14ac:dyDescent="0.35">
      <c r="A26037" s="1" t="s">
        <v>93125</v>
      </c>
      <c r="B26037" s="1" t="s">
        <v>86049</v>
      </c>
      <c r="C26037" s="1" t="s">
        <v>165</v>
      </c>
      <c r="D26037" s="1" t="s">
        <v>93242</v>
      </c>
      <c r="E26037" s="1" t="s">
        <v>93243</v>
      </c>
      <c r="F26037" s="1" t="s">
        <v>93244</v>
      </c>
      <c r="G26037" s="1" t="s">
        <v>93129</v>
      </c>
      <c r="H26037" s="1" t="s">
        <v>93130</v>
      </c>
      <c r="I26037" s="1" t="s">
        <v>86055</v>
      </c>
      <c r="J26037" s="1" t="s">
        <v>93245</v>
      </c>
    </row>
    <row r="26038" spans="1:10" x14ac:dyDescent="0.35">
      <c r="A26038" s="1" t="s">
        <v>93125</v>
      </c>
      <c r="B26038" s="1" t="s">
        <v>86049</v>
      </c>
      <c r="C26038" s="1" t="s">
        <v>170</v>
      </c>
      <c r="D26038" s="1" t="s">
        <v>93246</v>
      </c>
      <c r="E26038" s="1" t="s">
        <v>93247</v>
      </c>
      <c r="F26038" s="1" t="s">
        <v>93248</v>
      </c>
      <c r="G26038" s="1" t="s">
        <v>93129</v>
      </c>
      <c r="H26038" s="1" t="s">
        <v>93130</v>
      </c>
      <c r="I26038" s="1" t="s">
        <v>86055</v>
      </c>
      <c r="J26038" s="1" t="s">
        <v>93249</v>
      </c>
    </row>
    <row r="26039" spans="1:10" x14ac:dyDescent="0.35">
      <c r="A26039" s="1" t="s">
        <v>25076</v>
      </c>
      <c r="B26039" s="1" t="s">
        <v>86049</v>
      </c>
      <c r="C26039" s="1" t="s">
        <v>8</v>
      </c>
      <c r="D26039" s="1" t="s">
        <v>93250</v>
      </c>
      <c r="E26039" s="1" t="s">
        <v>93251</v>
      </c>
      <c r="F26039" s="1" t="s">
        <v>93252</v>
      </c>
      <c r="G26039" s="1" t="s">
        <v>93253</v>
      </c>
      <c r="H26039" s="1" t="s">
        <v>93254</v>
      </c>
      <c r="I26039" s="1" t="s">
        <v>86055</v>
      </c>
      <c r="J26039" s="1" t="s">
        <v>13</v>
      </c>
    </row>
    <row r="26040" spans="1:10" x14ac:dyDescent="0.35">
      <c r="A26040" s="1" t="s">
        <v>25076</v>
      </c>
      <c r="B26040" s="1" t="s">
        <v>86049</v>
      </c>
      <c r="C26040" s="1" t="s">
        <v>15</v>
      </c>
      <c r="D26040" s="1" t="s">
        <v>93255</v>
      </c>
      <c r="E26040" s="1" t="s">
        <v>93256</v>
      </c>
      <c r="F26040" s="1" t="s">
        <v>93257</v>
      </c>
      <c r="G26040" s="1" t="s">
        <v>93253</v>
      </c>
      <c r="H26040" s="1" t="s">
        <v>93254</v>
      </c>
      <c r="I26040" s="1" t="s">
        <v>86055</v>
      </c>
      <c r="J26040" s="1" t="s">
        <v>93258</v>
      </c>
    </row>
    <row r="26041" spans="1:10" x14ac:dyDescent="0.35">
      <c r="A26041" s="1" t="s">
        <v>25076</v>
      </c>
      <c r="B26041" s="1" t="s">
        <v>86049</v>
      </c>
      <c r="C26041" s="1" t="s">
        <v>20</v>
      </c>
      <c r="D26041" s="1" t="s">
        <v>54401</v>
      </c>
      <c r="E26041" s="1" t="s">
        <v>93259</v>
      </c>
      <c r="F26041" s="1" t="s">
        <v>93260</v>
      </c>
      <c r="G26041" s="1" t="s">
        <v>93253</v>
      </c>
      <c r="H26041" s="1" t="s">
        <v>93254</v>
      </c>
      <c r="I26041" s="1" t="s">
        <v>86055</v>
      </c>
      <c r="J26041" s="1" t="s">
        <v>93261</v>
      </c>
    </row>
    <row r="26042" spans="1:10" x14ac:dyDescent="0.35">
      <c r="A26042" s="1" t="s">
        <v>25076</v>
      </c>
      <c r="B26042" s="1" t="s">
        <v>86049</v>
      </c>
      <c r="C26042" s="1" t="s">
        <v>25</v>
      </c>
      <c r="D26042" s="1" t="s">
        <v>93262</v>
      </c>
      <c r="E26042" s="1" t="s">
        <v>93263</v>
      </c>
      <c r="F26042" s="1" t="s">
        <v>93264</v>
      </c>
      <c r="G26042" s="1" t="s">
        <v>93253</v>
      </c>
      <c r="H26042" s="1" t="s">
        <v>93254</v>
      </c>
      <c r="I26042" s="1" t="s">
        <v>86055</v>
      </c>
      <c r="J26042" s="1" t="s">
        <v>93265</v>
      </c>
    </row>
    <row r="26043" spans="1:10" x14ac:dyDescent="0.35">
      <c r="A26043" s="1" t="s">
        <v>25076</v>
      </c>
      <c r="B26043" s="1" t="s">
        <v>86049</v>
      </c>
      <c r="C26043" s="1" t="s">
        <v>30</v>
      </c>
      <c r="D26043" s="1" t="s">
        <v>93266</v>
      </c>
      <c r="E26043" s="1" t="s">
        <v>93267</v>
      </c>
      <c r="F26043" s="1" t="s">
        <v>93268</v>
      </c>
      <c r="G26043" s="1" t="s">
        <v>93253</v>
      </c>
      <c r="H26043" s="1" t="s">
        <v>93254</v>
      </c>
      <c r="I26043" s="1" t="s">
        <v>86055</v>
      </c>
      <c r="J26043" s="1" t="s">
        <v>93269</v>
      </c>
    </row>
    <row r="26044" spans="1:10" x14ac:dyDescent="0.35">
      <c r="A26044" s="1" t="s">
        <v>25076</v>
      </c>
      <c r="B26044" s="1" t="s">
        <v>86049</v>
      </c>
      <c r="C26044" s="1" t="s">
        <v>35</v>
      </c>
      <c r="D26044" s="1" t="s">
        <v>61145</v>
      </c>
      <c r="E26044" s="1" t="s">
        <v>93270</v>
      </c>
      <c r="F26044" s="1" t="s">
        <v>93271</v>
      </c>
      <c r="G26044" s="1" t="s">
        <v>93253</v>
      </c>
      <c r="H26044" s="1" t="s">
        <v>93254</v>
      </c>
      <c r="I26044" s="1" t="s">
        <v>86055</v>
      </c>
      <c r="J26044" s="1" t="s">
        <v>93272</v>
      </c>
    </row>
    <row r="26045" spans="1:10" x14ac:dyDescent="0.35">
      <c r="A26045" s="1" t="s">
        <v>25076</v>
      </c>
      <c r="B26045" s="1" t="s">
        <v>86049</v>
      </c>
      <c r="C26045" s="1" t="s">
        <v>40</v>
      </c>
      <c r="D26045" s="1" t="s">
        <v>93273</v>
      </c>
      <c r="E26045" s="1" t="s">
        <v>93274</v>
      </c>
      <c r="F26045" s="1" t="s">
        <v>93275</v>
      </c>
      <c r="G26045" s="1" t="s">
        <v>93253</v>
      </c>
      <c r="H26045" s="1" t="s">
        <v>93254</v>
      </c>
      <c r="I26045" s="1" t="s">
        <v>86055</v>
      </c>
      <c r="J26045" s="1" t="s">
        <v>93276</v>
      </c>
    </row>
    <row r="26046" spans="1:10" x14ac:dyDescent="0.35">
      <c r="A26046" s="1" t="s">
        <v>25076</v>
      </c>
      <c r="B26046" s="1" t="s">
        <v>86049</v>
      </c>
      <c r="C26046" s="1" t="s">
        <v>45</v>
      </c>
      <c r="D26046" s="1" t="s">
        <v>93277</v>
      </c>
      <c r="E26046" s="1" t="s">
        <v>93278</v>
      </c>
      <c r="F26046" s="1" t="s">
        <v>93279</v>
      </c>
      <c r="G26046" s="1" t="s">
        <v>93253</v>
      </c>
      <c r="H26046" s="1" t="s">
        <v>93254</v>
      </c>
      <c r="I26046" s="1" t="s">
        <v>86055</v>
      </c>
      <c r="J26046" s="1" t="s">
        <v>93280</v>
      </c>
    </row>
    <row r="26047" spans="1:10" x14ac:dyDescent="0.35">
      <c r="A26047" s="1" t="s">
        <v>25076</v>
      </c>
      <c r="B26047" s="1" t="s">
        <v>86049</v>
      </c>
      <c r="C26047" s="1" t="s">
        <v>50</v>
      </c>
      <c r="D26047" s="1" t="s">
        <v>56334</v>
      </c>
      <c r="E26047" s="1" t="s">
        <v>93281</v>
      </c>
      <c r="F26047" s="1" t="s">
        <v>93282</v>
      </c>
      <c r="G26047" s="1" t="s">
        <v>93253</v>
      </c>
      <c r="H26047" s="1" t="s">
        <v>93254</v>
      </c>
      <c r="I26047" s="1" t="s">
        <v>86055</v>
      </c>
      <c r="J26047" s="1" t="s">
        <v>93283</v>
      </c>
    </row>
    <row r="26048" spans="1:10" x14ac:dyDescent="0.35">
      <c r="A26048" s="1" t="s">
        <v>25076</v>
      </c>
      <c r="B26048" s="1" t="s">
        <v>86049</v>
      </c>
      <c r="C26048" s="1" t="s">
        <v>55</v>
      </c>
      <c r="D26048" s="1" t="s">
        <v>61554</v>
      </c>
      <c r="E26048" s="1" t="s">
        <v>93284</v>
      </c>
      <c r="F26048" s="1" t="s">
        <v>93285</v>
      </c>
      <c r="G26048" s="1" t="s">
        <v>93253</v>
      </c>
      <c r="H26048" s="1" t="s">
        <v>93254</v>
      </c>
      <c r="I26048" s="1" t="s">
        <v>86055</v>
      </c>
      <c r="J26048" s="1" t="s">
        <v>93286</v>
      </c>
    </row>
    <row r="26049" spans="1:10" x14ac:dyDescent="0.35">
      <c r="A26049" s="1" t="s">
        <v>25076</v>
      </c>
      <c r="B26049" s="1" t="s">
        <v>86049</v>
      </c>
      <c r="C26049" s="1" t="s">
        <v>60</v>
      </c>
      <c r="D26049" s="1" t="s">
        <v>93287</v>
      </c>
      <c r="E26049" s="1" t="s">
        <v>93288</v>
      </c>
      <c r="F26049" s="1" t="s">
        <v>93289</v>
      </c>
      <c r="G26049" s="1" t="s">
        <v>93253</v>
      </c>
      <c r="H26049" s="1" t="s">
        <v>93254</v>
      </c>
      <c r="I26049" s="1" t="s">
        <v>86055</v>
      </c>
      <c r="J26049" s="1" t="s">
        <v>93290</v>
      </c>
    </row>
    <row r="26050" spans="1:10" x14ac:dyDescent="0.35">
      <c r="A26050" s="1" t="s">
        <v>25076</v>
      </c>
      <c r="B26050" s="1" t="s">
        <v>86049</v>
      </c>
      <c r="C26050" s="1" t="s">
        <v>65</v>
      </c>
      <c r="D26050" s="1" t="s">
        <v>93291</v>
      </c>
      <c r="E26050" s="1" t="s">
        <v>93292</v>
      </c>
      <c r="F26050" s="1" t="s">
        <v>93293</v>
      </c>
      <c r="G26050" s="1" t="s">
        <v>93253</v>
      </c>
      <c r="H26050" s="1" t="s">
        <v>93254</v>
      </c>
      <c r="I26050" s="1" t="s">
        <v>86055</v>
      </c>
      <c r="J26050" s="1" t="s">
        <v>93294</v>
      </c>
    </row>
    <row r="26051" spans="1:10" x14ac:dyDescent="0.35">
      <c r="A26051" s="1" t="s">
        <v>25076</v>
      </c>
      <c r="B26051" s="1" t="s">
        <v>86049</v>
      </c>
      <c r="C26051" s="1" t="s">
        <v>70</v>
      </c>
      <c r="D26051" s="1" t="s">
        <v>66413</v>
      </c>
      <c r="E26051" s="1" t="s">
        <v>93295</v>
      </c>
      <c r="F26051" s="1" t="s">
        <v>93296</v>
      </c>
      <c r="G26051" s="1" t="s">
        <v>93253</v>
      </c>
      <c r="H26051" s="1" t="s">
        <v>93254</v>
      </c>
      <c r="I26051" s="1" t="s">
        <v>86055</v>
      </c>
      <c r="J26051" s="1" t="s">
        <v>93297</v>
      </c>
    </row>
    <row r="26052" spans="1:10" x14ac:dyDescent="0.35">
      <c r="A26052" s="1" t="s">
        <v>25076</v>
      </c>
      <c r="B26052" s="1" t="s">
        <v>86049</v>
      </c>
      <c r="C26052" s="1" t="s">
        <v>75</v>
      </c>
      <c r="D26052" s="1" t="s">
        <v>93298</v>
      </c>
      <c r="E26052" s="1" t="s">
        <v>93299</v>
      </c>
      <c r="F26052" s="1" t="s">
        <v>93300</v>
      </c>
      <c r="G26052" s="1" t="s">
        <v>93253</v>
      </c>
      <c r="H26052" s="1" t="s">
        <v>93254</v>
      </c>
      <c r="I26052" s="1" t="s">
        <v>86055</v>
      </c>
      <c r="J26052" s="1" t="s">
        <v>93301</v>
      </c>
    </row>
    <row r="26053" spans="1:10" x14ac:dyDescent="0.35">
      <c r="A26053" s="1" t="s">
        <v>25076</v>
      </c>
      <c r="B26053" s="1" t="s">
        <v>86049</v>
      </c>
      <c r="C26053" s="1" t="s">
        <v>80</v>
      </c>
      <c r="D26053" s="1" t="s">
        <v>93302</v>
      </c>
      <c r="E26053" s="1" t="s">
        <v>93303</v>
      </c>
      <c r="F26053" s="1" t="s">
        <v>93304</v>
      </c>
      <c r="G26053" s="1" t="s">
        <v>93253</v>
      </c>
      <c r="H26053" s="1" t="s">
        <v>93254</v>
      </c>
      <c r="I26053" s="1" t="s">
        <v>86055</v>
      </c>
      <c r="J26053" s="1" t="s">
        <v>93305</v>
      </c>
    </row>
    <row r="26054" spans="1:10" x14ac:dyDescent="0.35">
      <c r="A26054" s="1" t="s">
        <v>25076</v>
      </c>
      <c r="B26054" s="1" t="s">
        <v>86049</v>
      </c>
      <c r="C26054" s="1" t="s">
        <v>85</v>
      </c>
      <c r="D26054" s="1" t="s">
        <v>93306</v>
      </c>
      <c r="E26054" s="1" t="s">
        <v>93307</v>
      </c>
      <c r="F26054" s="1" t="s">
        <v>93308</v>
      </c>
      <c r="G26054" s="1" t="s">
        <v>93253</v>
      </c>
      <c r="H26054" s="1" t="s">
        <v>93254</v>
      </c>
      <c r="I26054" s="1" t="s">
        <v>86055</v>
      </c>
      <c r="J26054" s="1" t="s">
        <v>93309</v>
      </c>
    </row>
    <row r="26055" spans="1:10" x14ac:dyDescent="0.35">
      <c r="A26055" s="1" t="s">
        <v>25076</v>
      </c>
      <c r="B26055" s="1" t="s">
        <v>86049</v>
      </c>
      <c r="C26055" s="1" t="s">
        <v>90</v>
      </c>
      <c r="D26055" s="1" t="s">
        <v>19253</v>
      </c>
      <c r="E26055" s="1" t="s">
        <v>93310</v>
      </c>
      <c r="F26055" s="1" t="s">
        <v>93311</v>
      </c>
      <c r="G26055" s="1" t="s">
        <v>93253</v>
      </c>
      <c r="H26055" s="1" t="s">
        <v>93254</v>
      </c>
      <c r="I26055" s="1" t="s">
        <v>86055</v>
      </c>
      <c r="J26055" s="1" t="s">
        <v>93312</v>
      </c>
    </row>
    <row r="26056" spans="1:10" x14ac:dyDescent="0.35">
      <c r="A26056" s="1" t="s">
        <v>25076</v>
      </c>
      <c r="B26056" s="1" t="s">
        <v>86049</v>
      </c>
      <c r="C26056" s="1" t="s">
        <v>95</v>
      </c>
      <c r="D26056" s="1" t="s">
        <v>18607</v>
      </c>
      <c r="E26056" s="1" t="s">
        <v>93313</v>
      </c>
      <c r="F26056" s="1" t="s">
        <v>93314</v>
      </c>
      <c r="G26056" s="1" t="s">
        <v>93253</v>
      </c>
      <c r="H26056" s="1" t="s">
        <v>93254</v>
      </c>
      <c r="I26056" s="1" t="s">
        <v>86055</v>
      </c>
      <c r="J26056" s="1" t="s">
        <v>93315</v>
      </c>
    </row>
    <row r="26057" spans="1:10" x14ac:dyDescent="0.35">
      <c r="A26057" s="1" t="s">
        <v>25076</v>
      </c>
      <c r="B26057" s="1" t="s">
        <v>86049</v>
      </c>
      <c r="C26057" s="1" t="s">
        <v>100</v>
      </c>
      <c r="D26057" s="1" t="s">
        <v>60984</v>
      </c>
      <c r="E26057" s="1" t="s">
        <v>93316</v>
      </c>
      <c r="F26057" s="1" t="s">
        <v>93317</v>
      </c>
      <c r="G26057" s="1" t="s">
        <v>93253</v>
      </c>
      <c r="H26057" s="1" t="s">
        <v>93254</v>
      </c>
      <c r="I26057" s="1" t="s">
        <v>86055</v>
      </c>
      <c r="J26057" s="1" t="s">
        <v>93318</v>
      </c>
    </row>
    <row r="26058" spans="1:10" x14ac:dyDescent="0.35">
      <c r="A26058" s="1" t="s">
        <v>25076</v>
      </c>
      <c r="B26058" s="1" t="s">
        <v>86049</v>
      </c>
      <c r="C26058" s="1" t="s">
        <v>105</v>
      </c>
      <c r="D26058" s="1" t="s">
        <v>93319</v>
      </c>
      <c r="E26058" s="1" t="s">
        <v>93320</v>
      </c>
      <c r="F26058" s="1" t="s">
        <v>93321</v>
      </c>
      <c r="G26058" s="1" t="s">
        <v>93253</v>
      </c>
      <c r="H26058" s="1" t="s">
        <v>93254</v>
      </c>
      <c r="I26058" s="1" t="s">
        <v>86055</v>
      </c>
      <c r="J26058" s="1" t="s">
        <v>93322</v>
      </c>
    </row>
    <row r="26059" spans="1:10" x14ac:dyDescent="0.35">
      <c r="A26059" s="1" t="s">
        <v>25076</v>
      </c>
      <c r="B26059" s="1" t="s">
        <v>86049</v>
      </c>
      <c r="C26059" s="1" t="s">
        <v>110</v>
      </c>
      <c r="D26059" s="1" t="s">
        <v>93323</v>
      </c>
      <c r="E26059" s="1" t="s">
        <v>93324</v>
      </c>
      <c r="F26059" s="1" t="s">
        <v>93325</v>
      </c>
      <c r="G26059" s="1" t="s">
        <v>93253</v>
      </c>
      <c r="H26059" s="1" t="s">
        <v>93254</v>
      </c>
      <c r="I26059" s="1" t="s">
        <v>86055</v>
      </c>
      <c r="J26059" s="1" t="s">
        <v>93326</v>
      </c>
    </row>
    <row r="26060" spans="1:10" x14ac:dyDescent="0.35">
      <c r="A26060" s="1" t="s">
        <v>25076</v>
      </c>
      <c r="B26060" s="1" t="s">
        <v>86049</v>
      </c>
      <c r="C26060" s="1" t="s">
        <v>115</v>
      </c>
      <c r="D26060" s="1" t="s">
        <v>93327</v>
      </c>
      <c r="E26060" s="1" t="s">
        <v>93328</v>
      </c>
      <c r="F26060" s="1" t="s">
        <v>93329</v>
      </c>
      <c r="G26060" s="1" t="s">
        <v>93253</v>
      </c>
      <c r="H26060" s="1" t="s">
        <v>93254</v>
      </c>
      <c r="I26060" s="1" t="s">
        <v>86055</v>
      </c>
      <c r="J26060" s="1" t="s">
        <v>93330</v>
      </c>
    </row>
    <row r="26061" spans="1:10" x14ac:dyDescent="0.35">
      <c r="A26061" s="1" t="s">
        <v>25076</v>
      </c>
      <c r="B26061" s="1" t="s">
        <v>86049</v>
      </c>
      <c r="C26061" s="1" t="s">
        <v>120</v>
      </c>
      <c r="D26061" s="1" t="s">
        <v>93331</v>
      </c>
      <c r="E26061" s="1" t="s">
        <v>93332</v>
      </c>
      <c r="F26061" s="1" t="s">
        <v>93333</v>
      </c>
      <c r="G26061" s="1" t="s">
        <v>93253</v>
      </c>
      <c r="H26061" s="1" t="s">
        <v>93254</v>
      </c>
      <c r="I26061" s="1" t="s">
        <v>86055</v>
      </c>
      <c r="J26061" s="1" t="s">
        <v>93334</v>
      </c>
    </row>
    <row r="26062" spans="1:10" x14ac:dyDescent="0.35">
      <c r="A26062" s="1" t="s">
        <v>25076</v>
      </c>
      <c r="B26062" s="1" t="s">
        <v>86049</v>
      </c>
      <c r="C26062" s="1" t="s">
        <v>125</v>
      </c>
      <c r="D26062" s="1" t="s">
        <v>93335</v>
      </c>
      <c r="E26062" s="1" t="s">
        <v>93336</v>
      </c>
      <c r="F26062" s="1" t="s">
        <v>93337</v>
      </c>
      <c r="G26062" s="1" t="s">
        <v>93253</v>
      </c>
      <c r="H26062" s="1" t="s">
        <v>93254</v>
      </c>
      <c r="I26062" s="1" t="s">
        <v>86055</v>
      </c>
      <c r="J26062" s="1" t="s">
        <v>93338</v>
      </c>
    </row>
    <row r="26063" spans="1:10" x14ac:dyDescent="0.35">
      <c r="A26063" s="1" t="s">
        <v>25076</v>
      </c>
      <c r="B26063" s="1" t="s">
        <v>86049</v>
      </c>
      <c r="C26063" s="1" t="s">
        <v>130</v>
      </c>
      <c r="D26063" s="1" t="s">
        <v>67440</v>
      </c>
      <c r="E26063" s="1" t="s">
        <v>93339</v>
      </c>
      <c r="F26063" s="1" t="s">
        <v>93340</v>
      </c>
      <c r="G26063" s="1" t="s">
        <v>93253</v>
      </c>
      <c r="H26063" s="1" t="s">
        <v>93254</v>
      </c>
      <c r="I26063" s="1" t="s">
        <v>86055</v>
      </c>
      <c r="J26063" s="1" t="s">
        <v>93341</v>
      </c>
    </row>
    <row r="26064" spans="1:10" x14ac:dyDescent="0.35">
      <c r="A26064" s="1" t="s">
        <v>25076</v>
      </c>
      <c r="B26064" s="1" t="s">
        <v>86049</v>
      </c>
      <c r="C26064" s="1" t="s">
        <v>135</v>
      </c>
      <c r="D26064" s="1" t="s">
        <v>88860</v>
      </c>
      <c r="E26064" s="1" t="s">
        <v>93342</v>
      </c>
      <c r="F26064" s="1" t="s">
        <v>93343</v>
      </c>
      <c r="G26064" s="1" t="s">
        <v>93253</v>
      </c>
      <c r="H26064" s="1" t="s">
        <v>93254</v>
      </c>
      <c r="I26064" s="1" t="s">
        <v>86055</v>
      </c>
      <c r="J26064" s="1" t="s">
        <v>93344</v>
      </c>
    </row>
    <row r="26065" spans="1:10" x14ac:dyDescent="0.35">
      <c r="A26065" s="1" t="s">
        <v>25076</v>
      </c>
      <c r="B26065" s="1" t="s">
        <v>86049</v>
      </c>
      <c r="C26065" s="1" t="s">
        <v>140</v>
      </c>
      <c r="D26065" s="1" t="s">
        <v>68887</v>
      </c>
      <c r="E26065" s="1" t="s">
        <v>93345</v>
      </c>
      <c r="F26065" s="1" t="s">
        <v>93346</v>
      </c>
      <c r="G26065" s="1" t="s">
        <v>93253</v>
      </c>
      <c r="H26065" s="1" t="s">
        <v>93254</v>
      </c>
      <c r="I26065" s="1" t="s">
        <v>86055</v>
      </c>
      <c r="J26065" s="1" t="s">
        <v>93347</v>
      </c>
    </row>
    <row r="26066" spans="1:10" x14ac:dyDescent="0.35">
      <c r="A26066" s="1" t="s">
        <v>25076</v>
      </c>
      <c r="B26066" s="1" t="s">
        <v>86049</v>
      </c>
      <c r="C26066" s="1" t="s">
        <v>145</v>
      </c>
      <c r="D26066" s="1" t="s">
        <v>66880</v>
      </c>
      <c r="E26066" s="1" t="s">
        <v>93348</v>
      </c>
      <c r="F26066" s="1" t="s">
        <v>93349</v>
      </c>
      <c r="G26066" s="1" t="s">
        <v>93253</v>
      </c>
      <c r="H26066" s="1" t="s">
        <v>93254</v>
      </c>
      <c r="I26066" s="1" t="s">
        <v>86055</v>
      </c>
      <c r="J26066" s="1" t="s">
        <v>93350</v>
      </c>
    </row>
    <row r="26067" spans="1:10" x14ac:dyDescent="0.35">
      <c r="A26067" s="1" t="s">
        <v>25076</v>
      </c>
      <c r="B26067" s="1" t="s">
        <v>86049</v>
      </c>
      <c r="C26067" s="1" t="s">
        <v>150</v>
      </c>
      <c r="D26067" s="1" t="s">
        <v>93351</v>
      </c>
      <c r="E26067" s="1" t="s">
        <v>93352</v>
      </c>
      <c r="F26067" s="1" t="s">
        <v>93353</v>
      </c>
      <c r="G26067" s="1" t="s">
        <v>93253</v>
      </c>
      <c r="H26067" s="1" t="s">
        <v>93254</v>
      </c>
      <c r="I26067" s="1" t="s">
        <v>86055</v>
      </c>
      <c r="J26067" s="1" t="s">
        <v>93354</v>
      </c>
    </row>
    <row r="26068" spans="1:10" x14ac:dyDescent="0.35">
      <c r="A26068" s="1" t="s">
        <v>25076</v>
      </c>
      <c r="B26068" s="1" t="s">
        <v>86049</v>
      </c>
      <c r="C26068" s="1" t="s">
        <v>155</v>
      </c>
      <c r="D26068" s="1" t="s">
        <v>54686</v>
      </c>
      <c r="E26068" s="1" t="s">
        <v>93355</v>
      </c>
      <c r="F26068" s="1" t="s">
        <v>93356</v>
      </c>
      <c r="G26068" s="1" t="s">
        <v>93253</v>
      </c>
      <c r="H26068" s="1" t="s">
        <v>93254</v>
      </c>
      <c r="I26068" s="1" t="s">
        <v>86055</v>
      </c>
      <c r="J26068" s="1" t="s">
        <v>93357</v>
      </c>
    </row>
    <row r="26069" spans="1:10" x14ac:dyDescent="0.35">
      <c r="A26069" s="1" t="s">
        <v>25076</v>
      </c>
      <c r="B26069" s="1" t="s">
        <v>86049</v>
      </c>
      <c r="C26069" s="1" t="s">
        <v>160</v>
      </c>
      <c r="D26069" s="1" t="s">
        <v>93358</v>
      </c>
      <c r="E26069" s="1" t="s">
        <v>93359</v>
      </c>
      <c r="F26069" s="1" t="s">
        <v>93360</v>
      </c>
      <c r="G26069" s="1" t="s">
        <v>93253</v>
      </c>
      <c r="H26069" s="1" t="s">
        <v>93254</v>
      </c>
      <c r="I26069" s="1" t="s">
        <v>86055</v>
      </c>
      <c r="J26069" s="1" t="s">
        <v>93361</v>
      </c>
    </row>
    <row r="26070" spans="1:10" x14ac:dyDescent="0.35">
      <c r="A26070" s="1" t="s">
        <v>25076</v>
      </c>
      <c r="B26070" s="1" t="s">
        <v>86049</v>
      </c>
      <c r="C26070" s="1" t="s">
        <v>165</v>
      </c>
      <c r="D26070" s="1" t="s">
        <v>93362</v>
      </c>
      <c r="E26070" s="1" t="s">
        <v>93363</v>
      </c>
      <c r="F26070" s="1" t="s">
        <v>93364</v>
      </c>
      <c r="G26070" s="1" t="s">
        <v>93253</v>
      </c>
      <c r="H26070" s="1" t="s">
        <v>93254</v>
      </c>
      <c r="I26070" s="1" t="s">
        <v>86055</v>
      </c>
      <c r="J26070" s="1" t="s">
        <v>93365</v>
      </c>
    </row>
    <row r="26071" spans="1:10" x14ac:dyDescent="0.35">
      <c r="A26071" s="1" t="s">
        <v>25076</v>
      </c>
      <c r="B26071" s="1" t="s">
        <v>86049</v>
      </c>
      <c r="C26071" s="1" t="s">
        <v>170</v>
      </c>
      <c r="D26071" s="1" t="s">
        <v>93366</v>
      </c>
      <c r="E26071" s="1" t="s">
        <v>93367</v>
      </c>
      <c r="F26071" s="1" t="s">
        <v>93368</v>
      </c>
      <c r="G26071" s="1" t="s">
        <v>93253</v>
      </c>
      <c r="H26071" s="1" t="s">
        <v>93254</v>
      </c>
      <c r="I26071" s="1" t="s">
        <v>86055</v>
      </c>
      <c r="J26071" s="1" t="s">
        <v>93369</v>
      </c>
    </row>
    <row r="26072" spans="1:10" x14ac:dyDescent="0.35">
      <c r="A26072" s="1" t="s">
        <v>1252</v>
      </c>
      <c r="B26072" s="1" t="s">
        <v>86049</v>
      </c>
      <c r="C26072" s="1" t="s">
        <v>8</v>
      </c>
      <c r="D26072" s="1" t="s">
        <v>5551</v>
      </c>
      <c r="E26072" s="1" t="s">
        <v>93370</v>
      </c>
      <c r="F26072" s="1" t="s">
        <v>93371</v>
      </c>
      <c r="G26072" s="1" t="s">
        <v>93372</v>
      </c>
      <c r="H26072" s="1" t="s">
        <v>93373</v>
      </c>
      <c r="I26072" s="1" t="s">
        <v>86055</v>
      </c>
      <c r="J26072" s="1" t="s">
        <v>13</v>
      </c>
    </row>
    <row r="26073" spans="1:10" x14ac:dyDescent="0.35">
      <c r="A26073" s="1" t="s">
        <v>1252</v>
      </c>
      <c r="B26073" s="1" t="s">
        <v>86049</v>
      </c>
      <c r="C26073" s="1" t="s">
        <v>15</v>
      </c>
      <c r="D26073" s="1" t="s">
        <v>93374</v>
      </c>
      <c r="E26073" s="1" t="s">
        <v>93375</v>
      </c>
      <c r="F26073" s="1" t="s">
        <v>93376</v>
      </c>
      <c r="G26073" s="1" t="s">
        <v>93372</v>
      </c>
      <c r="H26073" s="1" t="s">
        <v>93373</v>
      </c>
      <c r="I26073" s="1" t="s">
        <v>86055</v>
      </c>
      <c r="J26073" s="1" t="s">
        <v>93377</v>
      </c>
    </row>
    <row r="26074" spans="1:10" x14ac:dyDescent="0.35">
      <c r="A26074" s="1" t="s">
        <v>1252</v>
      </c>
      <c r="B26074" s="1" t="s">
        <v>86049</v>
      </c>
      <c r="C26074" s="1" t="s">
        <v>20</v>
      </c>
      <c r="D26074" s="1" t="s">
        <v>93378</v>
      </c>
      <c r="E26074" s="1" t="s">
        <v>93379</v>
      </c>
      <c r="F26074" s="1" t="s">
        <v>93380</v>
      </c>
      <c r="G26074" s="1" t="s">
        <v>93372</v>
      </c>
      <c r="H26074" s="1" t="s">
        <v>93373</v>
      </c>
      <c r="I26074" s="1" t="s">
        <v>86055</v>
      </c>
      <c r="J26074" s="1" t="s">
        <v>93381</v>
      </c>
    </row>
    <row r="26075" spans="1:10" x14ac:dyDescent="0.35">
      <c r="A26075" s="1" t="s">
        <v>1252</v>
      </c>
      <c r="B26075" s="1" t="s">
        <v>86049</v>
      </c>
      <c r="C26075" s="1" t="s">
        <v>25</v>
      </c>
      <c r="D26075" s="1" t="s">
        <v>63670</v>
      </c>
      <c r="E26075" s="1" t="s">
        <v>93382</v>
      </c>
      <c r="F26075" s="1" t="s">
        <v>93383</v>
      </c>
      <c r="G26075" s="1" t="s">
        <v>93372</v>
      </c>
      <c r="H26075" s="1" t="s">
        <v>93373</v>
      </c>
      <c r="I26075" s="1" t="s">
        <v>86055</v>
      </c>
      <c r="J26075" s="1" t="s">
        <v>93384</v>
      </c>
    </row>
    <row r="26076" spans="1:10" x14ac:dyDescent="0.35">
      <c r="A26076" s="1" t="s">
        <v>1252</v>
      </c>
      <c r="B26076" s="1" t="s">
        <v>86049</v>
      </c>
      <c r="C26076" s="1" t="s">
        <v>30</v>
      </c>
      <c r="D26076" s="1" t="s">
        <v>93385</v>
      </c>
      <c r="E26076" s="1" t="s">
        <v>93386</v>
      </c>
      <c r="F26076" s="1" t="s">
        <v>93387</v>
      </c>
      <c r="G26076" s="1" t="s">
        <v>93372</v>
      </c>
      <c r="H26076" s="1" t="s">
        <v>93373</v>
      </c>
      <c r="I26076" s="1" t="s">
        <v>86055</v>
      </c>
      <c r="J26076" s="1" t="s">
        <v>93388</v>
      </c>
    </row>
    <row r="26077" spans="1:10" x14ac:dyDescent="0.35">
      <c r="A26077" s="1" t="s">
        <v>1252</v>
      </c>
      <c r="B26077" s="1" t="s">
        <v>86049</v>
      </c>
      <c r="C26077" s="1" t="s">
        <v>35</v>
      </c>
      <c r="D26077" s="1" t="s">
        <v>93389</v>
      </c>
      <c r="E26077" s="1" t="s">
        <v>93390</v>
      </c>
      <c r="F26077" s="1" t="s">
        <v>93391</v>
      </c>
      <c r="G26077" s="1" t="s">
        <v>93372</v>
      </c>
      <c r="H26077" s="1" t="s">
        <v>93373</v>
      </c>
      <c r="I26077" s="1" t="s">
        <v>86055</v>
      </c>
      <c r="J26077" s="1" t="s">
        <v>93392</v>
      </c>
    </row>
    <row r="26078" spans="1:10" x14ac:dyDescent="0.35">
      <c r="A26078" s="1" t="s">
        <v>1252</v>
      </c>
      <c r="B26078" s="1" t="s">
        <v>86049</v>
      </c>
      <c r="C26078" s="1" t="s">
        <v>40</v>
      </c>
      <c r="D26078" s="1" t="s">
        <v>54802</v>
      </c>
      <c r="E26078" s="1" t="s">
        <v>93393</v>
      </c>
      <c r="F26078" s="1" t="s">
        <v>93394</v>
      </c>
      <c r="G26078" s="1" t="s">
        <v>93372</v>
      </c>
      <c r="H26078" s="1" t="s">
        <v>93373</v>
      </c>
      <c r="I26078" s="1" t="s">
        <v>86055</v>
      </c>
      <c r="J26078" s="1" t="s">
        <v>93395</v>
      </c>
    </row>
    <row r="26079" spans="1:10" x14ac:dyDescent="0.35">
      <c r="A26079" s="1" t="s">
        <v>1252</v>
      </c>
      <c r="B26079" s="1" t="s">
        <v>86049</v>
      </c>
      <c r="C26079" s="1" t="s">
        <v>45</v>
      </c>
      <c r="D26079" s="1" t="s">
        <v>93396</v>
      </c>
      <c r="E26079" s="1" t="s">
        <v>93397</v>
      </c>
      <c r="F26079" s="1" t="s">
        <v>93398</v>
      </c>
      <c r="G26079" s="1" t="s">
        <v>93372</v>
      </c>
      <c r="H26079" s="1" t="s">
        <v>93373</v>
      </c>
      <c r="I26079" s="1" t="s">
        <v>86055</v>
      </c>
      <c r="J26079" s="1" t="s">
        <v>93399</v>
      </c>
    </row>
    <row r="26080" spans="1:10" x14ac:dyDescent="0.35">
      <c r="A26080" s="1" t="s">
        <v>1252</v>
      </c>
      <c r="B26080" s="1" t="s">
        <v>86049</v>
      </c>
      <c r="C26080" s="1" t="s">
        <v>50</v>
      </c>
      <c r="D26080" s="1" t="s">
        <v>68851</v>
      </c>
      <c r="E26080" s="1" t="s">
        <v>93400</v>
      </c>
      <c r="F26080" s="1" t="s">
        <v>93401</v>
      </c>
      <c r="G26080" s="1" t="s">
        <v>93372</v>
      </c>
      <c r="H26080" s="1" t="s">
        <v>93373</v>
      </c>
      <c r="I26080" s="1" t="s">
        <v>86055</v>
      </c>
      <c r="J26080" s="1" t="s">
        <v>93402</v>
      </c>
    </row>
    <row r="26081" spans="1:10" x14ac:dyDescent="0.35">
      <c r="A26081" s="1" t="s">
        <v>1252</v>
      </c>
      <c r="B26081" s="1" t="s">
        <v>86049</v>
      </c>
      <c r="C26081" s="1" t="s">
        <v>55</v>
      </c>
      <c r="D26081" s="1" t="s">
        <v>93403</v>
      </c>
      <c r="E26081" s="1" t="s">
        <v>93404</v>
      </c>
      <c r="F26081" s="1" t="s">
        <v>93405</v>
      </c>
      <c r="G26081" s="1" t="s">
        <v>93372</v>
      </c>
      <c r="H26081" s="1" t="s">
        <v>93373</v>
      </c>
      <c r="I26081" s="1" t="s">
        <v>86055</v>
      </c>
      <c r="J26081" s="1" t="s">
        <v>93406</v>
      </c>
    </row>
    <row r="26082" spans="1:10" x14ac:dyDescent="0.35">
      <c r="A26082" s="1" t="s">
        <v>1252</v>
      </c>
      <c r="B26082" s="1" t="s">
        <v>86049</v>
      </c>
      <c r="C26082" s="1" t="s">
        <v>60</v>
      </c>
      <c r="D26082" s="1" t="s">
        <v>89029</v>
      </c>
      <c r="E26082" s="1" t="s">
        <v>93407</v>
      </c>
      <c r="F26082" s="1" t="s">
        <v>93408</v>
      </c>
      <c r="G26082" s="1" t="s">
        <v>93372</v>
      </c>
      <c r="H26082" s="1" t="s">
        <v>93373</v>
      </c>
      <c r="I26082" s="1" t="s">
        <v>86055</v>
      </c>
      <c r="J26082" s="1" t="s">
        <v>93409</v>
      </c>
    </row>
    <row r="26083" spans="1:10" x14ac:dyDescent="0.35">
      <c r="A26083" s="1" t="s">
        <v>1252</v>
      </c>
      <c r="B26083" s="1" t="s">
        <v>86049</v>
      </c>
      <c r="C26083" s="1" t="s">
        <v>65</v>
      </c>
      <c r="D26083" s="1" t="s">
        <v>93410</v>
      </c>
      <c r="E26083" s="1" t="s">
        <v>93411</v>
      </c>
      <c r="F26083" s="1" t="s">
        <v>93412</v>
      </c>
      <c r="G26083" s="1" t="s">
        <v>93372</v>
      </c>
      <c r="H26083" s="1" t="s">
        <v>93373</v>
      </c>
      <c r="I26083" s="1" t="s">
        <v>86055</v>
      </c>
      <c r="J26083" s="1" t="s">
        <v>93413</v>
      </c>
    </row>
    <row r="26084" spans="1:10" x14ac:dyDescent="0.35">
      <c r="A26084" s="1" t="s">
        <v>1252</v>
      </c>
      <c r="B26084" s="1" t="s">
        <v>86049</v>
      </c>
      <c r="C26084" s="1" t="s">
        <v>70</v>
      </c>
      <c r="D26084" s="1" t="s">
        <v>55541</v>
      </c>
      <c r="E26084" s="1" t="s">
        <v>93414</v>
      </c>
      <c r="F26084" s="1" t="s">
        <v>93415</v>
      </c>
      <c r="G26084" s="1" t="s">
        <v>93372</v>
      </c>
      <c r="H26084" s="1" t="s">
        <v>93373</v>
      </c>
      <c r="I26084" s="1" t="s">
        <v>86055</v>
      </c>
      <c r="J26084" s="1" t="s">
        <v>93416</v>
      </c>
    </row>
    <row r="26085" spans="1:10" x14ac:dyDescent="0.35">
      <c r="A26085" s="1" t="s">
        <v>1252</v>
      </c>
      <c r="B26085" s="1" t="s">
        <v>86049</v>
      </c>
      <c r="C26085" s="1" t="s">
        <v>75</v>
      </c>
      <c r="D26085" s="1" t="s">
        <v>93417</v>
      </c>
      <c r="E26085" s="1" t="s">
        <v>93418</v>
      </c>
      <c r="F26085" s="1" t="s">
        <v>93419</v>
      </c>
      <c r="G26085" s="1" t="s">
        <v>93372</v>
      </c>
      <c r="H26085" s="1" t="s">
        <v>93373</v>
      </c>
      <c r="I26085" s="1" t="s">
        <v>86055</v>
      </c>
      <c r="J26085" s="1" t="s">
        <v>93420</v>
      </c>
    </row>
    <row r="26086" spans="1:10" x14ac:dyDescent="0.35">
      <c r="A26086" s="1" t="s">
        <v>1252</v>
      </c>
      <c r="B26086" s="1" t="s">
        <v>86049</v>
      </c>
      <c r="C26086" s="1" t="s">
        <v>80</v>
      </c>
      <c r="D26086" s="1" t="s">
        <v>93421</v>
      </c>
      <c r="E26086" s="1" t="s">
        <v>93422</v>
      </c>
      <c r="F26086" s="1" t="s">
        <v>93423</v>
      </c>
      <c r="G26086" s="1" t="s">
        <v>93372</v>
      </c>
      <c r="H26086" s="1" t="s">
        <v>93373</v>
      </c>
      <c r="I26086" s="1" t="s">
        <v>86055</v>
      </c>
      <c r="J26086" s="1" t="s">
        <v>93424</v>
      </c>
    </row>
    <row r="26087" spans="1:10" x14ac:dyDescent="0.35">
      <c r="A26087" s="1" t="s">
        <v>1252</v>
      </c>
      <c r="B26087" s="1" t="s">
        <v>86049</v>
      </c>
      <c r="C26087" s="1" t="s">
        <v>85</v>
      </c>
      <c r="D26087" s="1" t="s">
        <v>39764</v>
      </c>
      <c r="E26087" s="1" t="s">
        <v>93425</v>
      </c>
      <c r="F26087" s="1" t="s">
        <v>93426</v>
      </c>
      <c r="G26087" s="1" t="s">
        <v>93372</v>
      </c>
      <c r="H26087" s="1" t="s">
        <v>93373</v>
      </c>
      <c r="I26087" s="1" t="s">
        <v>86055</v>
      </c>
      <c r="J26087" s="1" t="s">
        <v>93427</v>
      </c>
    </row>
    <row r="26088" spans="1:10" x14ac:dyDescent="0.35">
      <c r="A26088" s="1" t="s">
        <v>1252</v>
      </c>
      <c r="B26088" s="1" t="s">
        <v>86049</v>
      </c>
      <c r="C26088" s="1" t="s">
        <v>90</v>
      </c>
      <c r="D26088" s="1" t="s">
        <v>93428</v>
      </c>
      <c r="E26088" s="1" t="s">
        <v>93429</v>
      </c>
      <c r="F26088" s="1" t="s">
        <v>93430</v>
      </c>
      <c r="G26088" s="1" t="s">
        <v>93372</v>
      </c>
      <c r="H26088" s="1" t="s">
        <v>93373</v>
      </c>
      <c r="I26088" s="1" t="s">
        <v>86055</v>
      </c>
      <c r="J26088" s="1" t="s">
        <v>93431</v>
      </c>
    </row>
    <row r="26089" spans="1:10" x14ac:dyDescent="0.35">
      <c r="A26089" s="1" t="s">
        <v>1252</v>
      </c>
      <c r="B26089" s="1" t="s">
        <v>86049</v>
      </c>
      <c r="C26089" s="1" t="s">
        <v>95</v>
      </c>
      <c r="D26089" s="1" t="s">
        <v>93432</v>
      </c>
      <c r="E26089" s="1" t="s">
        <v>93433</v>
      </c>
      <c r="F26089" s="1" t="s">
        <v>93434</v>
      </c>
      <c r="G26089" s="1" t="s">
        <v>93372</v>
      </c>
      <c r="H26089" s="1" t="s">
        <v>93373</v>
      </c>
      <c r="I26089" s="1" t="s">
        <v>86055</v>
      </c>
      <c r="J26089" s="1" t="s">
        <v>93435</v>
      </c>
    </row>
    <row r="26090" spans="1:10" x14ac:dyDescent="0.35">
      <c r="A26090" s="1" t="s">
        <v>1252</v>
      </c>
      <c r="B26090" s="1" t="s">
        <v>86049</v>
      </c>
      <c r="C26090" s="1" t="s">
        <v>100</v>
      </c>
      <c r="D26090" s="1" t="s">
        <v>39066</v>
      </c>
      <c r="E26090" s="1" t="s">
        <v>93436</v>
      </c>
      <c r="F26090" s="1" t="s">
        <v>93437</v>
      </c>
      <c r="G26090" s="1" t="s">
        <v>93372</v>
      </c>
      <c r="H26090" s="1" t="s">
        <v>93373</v>
      </c>
      <c r="I26090" s="1" t="s">
        <v>86055</v>
      </c>
      <c r="J26090" s="1" t="s">
        <v>93438</v>
      </c>
    </row>
    <row r="26091" spans="1:10" x14ac:dyDescent="0.35">
      <c r="A26091" s="1" t="s">
        <v>1252</v>
      </c>
      <c r="B26091" s="1" t="s">
        <v>86049</v>
      </c>
      <c r="C26091" s="1" t="s">
        <v>105</v>
      </c>
      <c r="D26091" s="1" t="s">
        <v>56896</v>
      </c>
      <c r="E26091" s="1" t="s">
        <v>93439</v>
      </c>
      <c r="F26091" s="1" t="s">
        <v>93440</v>
      </c>
      <c r="G26091" s="1" t="s">
        <v>93372</v>
      </c>
      <c r="H26091" s="1" t="s">
        <v>93373</v>
      </c>
      <c r="I26091" s="1" t="s">
        <v>86055</v>
      </c>
      <c r="J26091" s="1" t="s">
        <v>93441</v>
      </c>
    </row>
    <row r="26092" spans="1:10" x14ac:dyDescent="0.35">
      <c r="A26092" s="1" t="s">
        <v>1252</v>
      </c>
      <c r="B26092" s="1" t="s">
        <v>86049</v>
      </c>
      <c r="C26092" s="1" t="s">
        <v>110</v>
      </c>
      <c r="D26092" s="1" t="s">
        <v>93442</v>
      </c>
      <c r="E26092" s="1" t="s">
        <v>93443</v>
      </c>
      <c r="F26092" s="1" t="s">
        <v>93444</v>
      </c>
      <c r="G26092" s="1" t="s">
        <v>93372</v>
      </c>
      <c r="H26092" s="1" t="s">
        <v>93373</v>
      </c>
      <c r="I26092" s="1" t="s">
        <v>86055</v>
      </c>
      <c r="J26092" s="1" t="s">
        <v>93445</v>
      </c>
    </row>
    <row r="26093" spans="1:10" x14ac:dyDescent="0.35">
      <c r="A26093" s="1" t="s">
        <v>1252</v>
      </c>
      <c r="B26093" s="1" t="s">
        <v>86049</v>
      </c>
      <c r="C26093" s="1" t="s">
        <v>115</v>
      </c>
      <c r="D26093" s="1" t="s">
        <v>61373</v>
      </c>
      <c r="E26093" s="1" t="s">
        <v>93446</v>
      </c>
      <c r="F26093" s="1" t="s">
        <v>93447</v>
      </c>
      <c r="G26093" s="1" t="s">
        <v>93372</v>
      </c>
      <c r="H26093" s="1" t="s">
        <v>93373</v>
      </c>
      <c r="I26093" s="1" t="s">
        <v>86055</v>
      </c>
      <c r="J26093" s="1" t="s">
        <v>93448</v>
      </c>
    </row>
    <row r="26094" spans="1:10" x14ac:dyDescent="0.35">
      <c r="A26094" s="1" t="s">
        <v>1252</v>
      </c>
      <c r="B26094" s="1" t="s">
        <v>86049</v>
      </c>
      <c r="C26094" s="1" t="s">
        <v>120</v>
      </c>
      <c r="D26094" s="1" t="s">
        <v>7685</v>
      </c>
      <c r="E26094" s="1" t="s">
        <v>93449</v>
      </c>
      <c r="F26094" s="1" t="s">
        <v>93450</v>
      </c>
      <c r="G26094" s="1" t="s">
        <v>93372</v>
      </c>
      <c r="H26094" s="1" t="s">
        <v>93373</v>
      </c>
      <c r="I26094" s="1" t="s">
        <v>86055</v>
      </c>
      <c r="J26094" s="1" t="s">
        <v>93451</v>
      </c>
    </row>
    <row r="26095" spans="1:10" x14ac:dyDescent="0.35">
      <c r="A26095" s="1" t="s">
        <v>1252</v>
      </c>
      <c r="B26095" s="1" t="s">
        <v>86049</v>
      </c>
      <c r="C26095" s="1" t="s">
        <v>125</v>
      </c>
      <c r="D26095" s="1" t="s">
        <v>93452</v>
      </c>
      <c r="E26095" s="1" t="s">
        <v>93453</v>
      </c>
      <c r="F26095" s="1" t="s">
        <v>93454</v>
      </c>
      <c r="G26095" s="1" t="s">
        <v>93372</v>
      </c>
      <c r="H26095" s="1" t="s">
        <v>93373</v>
      </c>
      <c r="I26095" s="1" t="s">
        <v>86055</v>
      </c>
      <c r="J26095" s="1" t="s">
        <v>93455</v>
      </c>
    </row>
    <row r="26096" spans="1:10" x14ac:dyDescent="0.35">
      <c r="A26096" s="1" t="s">
        <v>1252</v>
      </c>
      <c r="B26096" s="1" t="s">
        <v>86049</v>
      </c>
      <c r="C26096" s="1" t="s">
        <v>130</v>
      </c>
      <c r="D26096" s="1" t="s">
        <v>93456</v>
      </c>
      <c r="E26096" s="1" t="s">
        <v>93457</v>
      </c>
      <c r="F26096" s="1" t="s">
        <v>93458</v>
      </c>
      <c r="G26096" s="1" t="s">
        <v>93372</v>
      </c>
      <c r="H26096" s="1" t="s">
        <v>93373</v>
      </c>
      <c r="I26096" s="1" t="s">
        <v>86055</v>
      </c>
      <c r="J26096" s="1" t="s">
        <v>93459</v>
      </c>
    </row>
    <row r="26097" spans="1:10" x14ac:dyDescent="0.35">
      <c r="A26097" s="1" t="s">
        <v>1252</v>
      </c>
      <c r="B26097" s="1" t="s">
        <v>86049</v>
      </c>
      <c r="C26097" s="1" t="s">
        <v>135</v>
      </c>
      <c r="D26097" s="1" t="s">
        <v>62844</v>
      </c>
      <c r="E26097" s="1" t="s">
        <v>93460</v>
      </c>
      <c r="F26097" s="1" t="s">
        <v>93461</v>
      </c>
      <c r="G26097" s="1" t="s">
        <v>93372</v>
      </c>
      <c r="H26097" s="1" t="s">
        <v>93373</v>
      </c>
      <c r="I26097" s="1" t="s">
        <v>86055</v>
      </c>
      <c r="J26097" s="1" t="s">
        <v>93462</v>
      </c>
    </row>
    <row r="26098" spans="1:10" x14ac:dyDescent="0.35">
      <c r="A26098" s="1" t="s">
        <v>1252</v>
      </c>
      <c r="B26098" s="1" t="s">
        <v>86049</v>
      </c>
      <c r="C26098" s="1" t="s">
        <v>140</v>
      </c>
      <c r="D26098" s="1" t="s">
        <v>66765</v>
      </c>
      <c r="E26098" s="1" t="s">
        <v>93463</v>
      </c>
      <c r="F26098" s="1" t="s">
        <v>93464</v>
      </c>
      <c r="G26098" s="1" t="s">
        <v>93372</v>
      </c>
      <c r="H26098" s="1" t="s">
        <v>93373</v>
      </c>
      <c r="I26098" s="1" t="s">
        <v>86055</v>
      </c>
      <c r="J26098" s="1" t="s">
        <v>93465</v>
      </c>
    </row>
    <row r="26099" spans="1:10" x14ac:dyDescent="0.35">
      <c r="A26099" s="1" t="s">
        <v>1252</v>
      </c>
      <c r="B26099" s="1" t="s">
        <v>86049</v>
      </c>
      <c r="C26099" s="1" t="s">
        <v>145</v>
      </c>
      <c r="D26099" s="1" t="s">
        <v>93466</v>
      </c>
      <c r="E26099" s="1" t="s">
        <v>93467</v>
      </c>
      <c r="F26099" s="1" t="s">
        <v>93468</v>
      </c>
      <c r="G26099" s="1" t="s">
        <v>93372</v>
      </c>
      <c r="H26099" s="1" t="s">
        <v>93373</v>
      </c>
      <c r="I26099" s="1" t="s">
        <v>86055</v>
      </c>
      <c r="J26099" s="1" t="s">
        <v>93469</v>
      </c>
    </row>
    <row r="26100" spans="1:10" x14ac:dyDescent="0.35">
      <c r="A26100" s="1" t="s">
        <v>1252</v>
      </c>
      <c r="B26100" s="1" t="s">
        <v>86049</v>
      </c>
      <c r="C26100" s="1" t="s">
        <v>150</v>
      </c>
      <c r="D26100" s="1" t="s">
        <v>93470</v>
      </c>
      <c r="E26100" s="1" t="s">
        <v>93471</v>
      </c>
      <c r="F26100" s="1" t="s">
        <v>93472</v>
      </c>
      <c r="G26100" s="1" t="s">
        <v>93372</v>
      </c>
      <c r="H26100" s="1" t="s">
        <v>93373</v>
      </c>
      <c r="I26100" s="1" t="s">
        <v>86055</v>
      </c>
      <c r="J26100" s="1" t="s">
        <v>93473</v>
      </c>
    </row>
    <row r="26101" spans="1:10" x14ac:dyDescent="0.35">
      <c r="A26101" s="1" t="s">
        <v>1252</v>
      </c>
      <c r="B26101" s="1" t="s">
        <v>86049</v>
      </c>
      <c r="C26101" s="1" t="s">
        <v>155</v>
      </c>
      <c r="D26101" s="1" t="s">
        <v>90103</v>
      </c>
      <c r="E26101" s="1" t="s">
        <v>93474</v>
      </c>
      <c r="F26101" s="1" t="s">
        <v>93475</v>
      </c>
      <c r="G26101" s="1" t="s">
        <v>93372</v>
      </c>
      <c r="H26101" s="1" t="s">
        <v>93373</v>
      </c>
      <c r="I26101" s="1" t="s">
        <v>86055</v>
      </c>
      <c r="J26101" s="1" t="s">
        <v>93476</v>
      </c>
    </row>
    <row r="26102" spans="1:10" x14ac:dyDescent="0.35">
      <c r="A26102" s="1" t="s">
        <v>1252</v>
      </c>
      <c r="B26102" s="1" t="s">
        <v>86049</v>
      </c>
      <c r="C26102" s="1" t="s">
        <v>160</v>
      </c>
      <c r="D26102" s="1" t="s">
        <v>93477</v>
      </c>
      <c r="E26102" s="1" t="s">
        <v>93478</v>
      </c>
      <c r="F26102" s="1" t="s">
        <v>93479</v>
      </c>
      <c r="G26102" s="1" t="s">
        <v>93372</v>
      </c>
      <c r="H26102" s="1" t="s">
        <v>93373</v>
      </c>
      <c r="I26102" s="1" t="s">
        <v>86055</v>
      </c>
      <c r="J26102" s="1" t="s">
        <v>93480</v>
      </c>
    </row>
    <row r="26103" spans="1:10" x14ac:dyDescent="0.35">
      <c r="A26103" s="1" t="s">
        <v>1252</v>
      </c>
      <c r="B26103" s="1" t="s">
        <v>86049</v>
      </c>
      <c r="C26103" s="1" t="s">
        <v>165</v>
      </c>
      <c r="D26103" s="1" t="s">
        <v>84791</v>
      </c>
      <c r="E26103" s="1" t="s">
        <v>93481</v>
      </c>
      <c r="F26103" s="1" t="s">
        <v>93482</v>
      </c>
      <c r="G26103" s="1" t="s">
        <v>93372</v>
      </c>
      <c r="H26103" s="1" t="s">
        <v>93373</v>
      </c>
      <c r="I26103" s="1" t="s">
        <v>86055</v>
      </c>
      <c r="J26103" s="1" t="s">
        <v>93483</v>
      </c>
    </row>
    <row r="26104" spans="1:10" x14ac:dyDescent="0.35">
      <c r="A26104" s="1" t="s">
        <v>1252</v>
      </c>
      <c r="B26104" s="1" t="s">
        <v>86049</v>
      </c>
      <c r="C26104" s="1" t="s">
        <v>170</v>
      </c>
      <c r="D26104" s="1" t="s">
        <v>93484</v>
      </c>
      <c r="E26104" s="1" t="s">
        <v>93485</v>
      </c>
      <c r="F26104" s="1" t="s">
        <v>93486</v>
      </c>
      <c r="G26104" s="1" t="s">
        <v>93372</v>
      </c>
      <c r="H26104" s="1" t="s">
        <v>93373</v>
      </c>
      <c r="I26104" s="1" t="s">
        <v>86055</v>
      </c>
      <c r="J26104" s="1" t="s">
        <v>93487</v>
      </c>
    </row>
    <row r="26105" spans="1:10" x14ac:dyDescent="0.35">
      <c r="A26105" s="1" t="s">
        <v>8457</v>
      </c>
      <c r="B26105" s="1" t="s">
        <v>86049</v>
      </c>
      <c r="C26105" s="1" t="s">
        <v>8</v>
      </c>
      <c r="D26105" s="1" t="s">
        <v>93488</v>
      </c>
      <c r="E26105" s="1" t="s">
        <v>93489</v>
      </c>
      <c r="F26105" s="1" t="s">
        <v>93490</v>
      </c>
      <c r="G26105" s="1" t="s">
        <v>93491</v>
      </c>
      <c r="H26105" s="1" t="s">
        <v>93492</v>
      </c>
      <c r="I26105" s="1" t="s">
        <v>86055</v>
      </c>
      <c r="J26105" s="1" t="s">
        <v>13</v>
      </c>
    </row>
    <row r="26106" spans="1:10" x14ac:dyDescent="0.35">
      <c r="A26106" s="1" t="s">
        <v>8457</v>
      </c>
      <c r="B26106" s="1" t="s">
        <v>86049</v>
      </c>
      <c r="C26106" s="1" t="s">
        <v>15</v>
      </c>
      <c r="D26106" s="1" t="s">
        <v>93493</v>
      </c>
      <c r="E26106" s="1" t="s">
        <v>93494</v>
      </c>
      <c r="F26106" s="1" t="s">
        <v>93495</v>
      </c>
      <c r="G26106" s="1" t="s">
        <v>93491</v>
      </c>
      <c r="H26106" s="1" t="s">
        <v>93492</v>
      </c>
      <c r="I26106" s="1" t="s">
        <v>86055</v>
      </c>
      <c r="J26106" s="1" t="s">
        <v>93496</v>
      </c>
    </row>
    <row r="26107" spans="1:10" x14ac:dyDescent="0.35">
      <c r="A26107" s="1" t="s">
        <v>8457</v>
      </c>
      <c r="B26107" s="1" t="s">
        <v>86049</v>
      </c>
      <c r="C26107" s="1" t="s">
        <v>20</v>
      </c>
      <c r="D26107" s="1" t="s">
        <v>93497</v>
      </c>
      <c r="E26107" s="1" t="s">
        <v>93498</v>
      </c>
      <c r="F26107" s="1" t="s">
        <v>93499</v>
      </c>
      <c r="G26107" s="1" t="s">
        <v>93491</v>
      </c>
      <c r="H26107" s="1" t="s">
        <v>93492</v>
      </c>
      <c r="I26107" s="1" t="s">
        <v>86055</v>
      </c>
      <c r="J26107" s="1" t="s">
        <v>93500</v>
      </c>
    </row>
    <row r="26108" spans="1:10" x14ac:dyDescent="0.35">
      <c r="A26108" s="1" t="s">
        <v>8457</v>
      </c>
      <c r="B26108" s="1" t="s">
        <v>86049</v>
      </c>
      <c r="C26108" s="1" t="s">
        <v>25</v>
      </c>
      <c r="D26108" s="1" t="s">
        <v>53467</v>
      </c>
      <c r="E26108" s="1" t="s">
        <v>93501</v>
      </c>
      <c r="F26108" s="1" t="s">
        <v>93502</v>
      </c>
      <c r="G26108" s="1" t="s">
        <v>93491</v>
      </c>
      <c r="H26108" s="1" t="s">
        <v>93492</v>
      </c>
      <c r="I26108" s="1" t="s">
        <v>86055</v>
      </c>
      <c r="J26108" s="1" t="s">
        <v>93503</v>
      </c>
    </row>
    <row r="26109" spans="1:10" x14ac:dyDescent="0.35">
      <c r="A26109" s="1" t="s">
        <v>8457</v>
      </c>
      <c r="B26109" s="1" t="s">
        <v>86049</v>
      </c>
      <c r="C26109" s="1" t="s">
        <v>30</v>
      </c>
      <c r="D26109" s="1" t="s">
        <v>93504</v>
      </c>
      <c r="E26109" s="1" t="s">
        <v>93505</v>
      </c>
      <c r="F26109" s="1" t="s">
        <v>93506</v>
      </c>
      <c r="G26109" s="1" t="s">
        <v>93491</v>
      </c>
      <c r="H26109" s="1" t="s">
        <v>93492</v>
      </c>
      <c r="I26109" s="1" t="s">
        <v>86055</v>
      </c>
      <c r="J26109" s="1" t="s">
        <v>93507</v>
      </c>
    </row>
    <row r="26110" spans="1:10" x14ac:dyDescent="0.35">
      <c r="A26110" s="1" t="s">
        <v>8457</v>
      </c>
      <c r="B26110" s="1" t="s">
        <v>86049</v>
      </c>
      <c r="C26110" s="1" t="s">
        <v>35</v>
      </c>
      <c r="D26110" s="1" t="s">
        <v>93508</v>
      </c>
      <c r="E26110" s="1" t="s">
        <v>93509</v>
      </c>
      <c r="F26110" s="1" t="s">
        <v>93510</v>
      </c>
      <c r="G26110" s="1" t="s">
        <v>93491</v>
      </c>
      <c r="H26110" s="1" t="s">
        <v>93492</v>
      </c>
      <c r="I26110" s="1" t="s">
        <v>86055</v>
      </c>
      <c r="J26110" s="1" t="s">
        <v>93511</v>
      </c>
    </row>
    <row r="26111" spans="1:10" x14ac:dyDescent="0.35">
      <c r="A26111" s="1" t="s">
        <v>8457</v>
      </c>
      <c r="B26111" s="1" t="s">
        <v>86049</v>
      </c>
      <c r="C26111" s="1" t="s">
        <v>40</v>
      </c>
      <c r="D26111" s="1" t="s">
        <v>93512</v>
      </c>
      <c r="E26111" s="1" t="s">
        <v>93513</v>
      </c>
      <c r="F26111" s="1" t="s">
        <v>93514</v>
      </c>
      <c r="G26111" s="1" t="s">
        <v>93491</v>
      </c>
      <c r="H26111" s="1" t="s">
        <v>93492</v>
      </c>
      <c r="I26111" s="1" t="s">
        <v>86055</v>
      </c>
      <c r="J26111" s="1" t="s">
        <v>93515</v>
      </c>
    </row>
    <row r="26112" spans="1:10" x14ac:dyDescent="0.35">
      <c r="A26112" s="1" t="s">
        <v>8457</v>
      </c>
      <c r="B26112" s="1" t="s">
        <v>86049</v>
      </c>
      <c r="C26112" s="1" t="s">
        <v>45</v>
      </c>
      <c r="D26112" s="1" t="s">
        <v>78246</v>
      </c>
      <c r="E26112" s="1" t="s">
        <v>93516</v>
      </c>
      <c r="F26112" s="1" t="s">
        <v>93517</v>
      </c>
      <c r="G26112" s="1" t="s">
        <v>93491</v>
      </c>
      <c r="H26112" s="1" t="s">
        <v>93492</v>
      </c>
      <c r="I26112" s="1" t="s">
        <v>86055</v>
      </c>
      <c r="J26112" s="1" t="s">
        <v>93518</v>
      </c>
    </row>
    <row r="26113" spans="1:10" x14ac:dyDescent="0.35">
      <c r="A26113" s="1" t="s">
        <v>8457</v>
      </c>
      <c r="B26113" s="1" t="s">
        <v>86049</v>
      </c>
      <c r="C26113" s="1" t="s">
        <v>50</v>
      </c>
      <c r="D26113" s="1" t="s">
        <v>93519</v>
      </c>
      <c r="E26113" s="1" t="s">
        <v>93520</v>
      </c>
      <c r="F26113" s="1" t="s">
        <v>93521</v>
      </c>
      <c r="G26113" s="1" t="s">
        <v>93491</v>
      </c>
      <c r="H26113" s="1" t="s">
        <v>93492</v>
      </c>
      <c r="I26113" s="1" t="s">
        <v>86055</v>
      </c>
      <c r="J26113" s="1" t="s">
        <v>93522</v>
      </c>
    </row>
    <row r="26114" spans="1:10" x14ac:dyDescent="0.35">
      <c r="A26114" s="1" t="s">
        <v>8457</v>
      </c>
      <c r="B26114" s="1" t="s">
        <v>86049</v>
      </c>
      <c r="C26114" s="1" t="s">
        <v>55</v>
      </c>
      <c r="D26114" s="1" t="s">
        <v>93523</v>
      </c>
      <c r="E26114" s="1" t="s">
        <v>93524</v>
      </c>
      <c r="F26114" s="1" t="s">
        <v>93525</v>
      </c>
      <c r="G26114" s="1" t="s">
        <v>93491</v>
      </c>
      <c r="H26114" s="1" t="s">
        <v>93492</v>
      </c>
      <c r="I26114" s="1" t="s">
        <v>86055</v>
      </c>
      <c r="J26114" s="1" t="s">
        <v>93526</v>
      </c>
    </row>
    <row r="26115" spans="1:10" x14ac:dyDescent="0.35">
      <c r="A26115" s="1" t="s">
        <v>8457</v>
      </c>
      <c r="B26115" s="1" t="s">
        <v>86049</v>
      </c>
      <c r="C26115" s="1" t="s">
        <v>60</v>
      </c>
      <c r="D26115" s="1" t="s">
        <v>54398</v>
      </c>
      <c r="E26115" s="1" t="s">
        <v>93527</v>
      </c>
      <c r="F26115" s="1" t="s">
        <v>93528</v>
      </c>
      <c r="G26115" s="1" t="s">
        <v>93491</v>
      </c>
      <c r="H26115" s="1" t="s">
        <v>93492</v>
      </c>
      <c r="I26115" s="1" t="s">
        <v>86055</v>
      </c>
      <c r="J26115" s="1" t="s">
        <v>93529</v>
      </c>
    </row>
    <row r="26116" spans="1:10" x14ac:dyDescent="0.35">
      <c r="A26116" s="1" t="s">
        <v>8457</v>
      </c>
      <c r="B26116" s="1" t="s">
        <v>86049</v>
      </c>
      <c r="C26116" s="1" t="s">
        <v>65</v>
      </c>
      <c r="D26116" s="1" t="s">
        <v>93530</v>
      </c>
      <c r="E26116" s="1" t="s">
        <v>93531</v>
      </c>
      <c r="F26116" s="1" t="s">
        <v>93532</v>
      </c>
      <c r="G26116" s="1" t="s">
        <v>93491</v>
      </c>
      <c r="H26116" s="1" t="s">
        <v>93492</v>
      </c>
      <c r="I26116" s="1" t="s">
        <v>86055</v>
      </c>
      <c r="J26116" s="1" t="s">
        <v>93533</v>
      </c>
    </row>
    <row r="26117" spans="1:10" x14ac:dyDescent="0.35">
      <c r="A26117" s="1" t="s">
        <v>8457</v>
      </c>
      <c r="B26117" s="1" t="s">
        <v>86049</v>
      </c>
      <c r="C26117" s="1" t="s">
        <v>70</v>
      </c>
      <c r="D26117" s="1" t="s">
        <v>93534</v>
      </c>
      <c r="E26117" s="1" t="s">
        <v>93535</v>
      </c>
      <c r="F26117" s="1" t="s">
        <v>93536</v>
      </c>
      <c r="G26117" s="1" t="s">
        <v>93491</v>
      </c>
      <c r="H26117" s="1" t="s">
        <v>93492</v>
      </c>
      <c r="I26117" s="1" t="s">
        <v>86055</v>
      </c>
      <c r="J26117" s="1" t="s">
        <v>93537</v>
      </c>
    </row>
    <row r="26118" spans="1:10" x14ac:dyDescent="0.35">
      <c r="A26118" s="1" t="s">
        <v>8457</v>
      </c>
      <c r="B26118" s="1" t="s">
        <v>86049</v>
      </c>
      <c r="C26118" s="1" t="s">
        <v>75</v>
      </c>
      <c r="D26118" s="1" t="s">
        <v>77287</v>
      </c>
      <c r="E26118" s="1" t="s">
        <v>93538</v>
      </c>
      <c r="F26118" s="1" t="s">
        <v>93539</v>
      </c>
      <c r="G26118" s="1" t="s">
        <v>93491</v>
      </c>
      <c r="H26118" s="1" t="s">
        <v>93492</v>
      </c>
      <c r="I26118" s="1" t="s">
        <v>86055</v>
      </c>
      <c r="J26118" s="1" t="s">
        <v>93540</v>
      </c>
    </row>
    <row r="26119" spans="1:10" x14ac:dyDescent="0.35">
      <c r="A26119" s="1" t="s">
        <v>8457</v>
      </c>
      <c r="B26119" s="1" t="s">
        <v>86049</v>
      </c>
      <c r="C26119" s="1" t="s">
        <v>80</v>
      </c>
      <c r="D26119" s="1" t="s">
        <v>93541</v>
      </c>
      <c r="E26119" s="1" t="s">
        <v>93542</v>
      </c>
      <c r="F26119" s="1" t="s">
        <v>93543</v>
      </c>
      <c r="G26119" s="1" t="s">
        <v>93491</v>
      </c>
      <c r="H26119" s="1" t="s">
        <v>93492</v>
      </c>
      <c r="I26119" s="1" t="s">
        <v>86055</v>
      </c>
      <c r="J26119" s="1" t="s">
        <v>93544</v>
      </c>
    </row>
    <row r="26120" spans="1:10" x14ac:dyDescent="0.35">
      <c r="A26120" s="1" t="s">
        <v>8457</v>
      </c>
      <c r="B26120" s="1" t="s">
        <v>86049</v>
      </c>
      <c r="C26120" s="1" t="s">
        <v>85</v>
      </c>
      <c r="D26120" s="1" t="s">
        <v>93545</v>
      </c>
      <c r="E26120" s="1" t="s">
        <v>93546</v>
      </c>
      <c r="F26120" s="1" t="s">
        <v>93547</v>
      </c>
      <c r="G26120" s="1" t="s">
        <v>93491</v>
      </c>
      <c r="H26120" s="1" t="s">
        <v>93492</v>
      </c>
      <c r="I26120" s="1" t="s">
        <v>86055</v>
      </c>
      <c r="J26120" s="1" t="s">
        <v>93548</v>
      </c>
    </row>
    <row r="26121" spans="1:10" x14ac:dyDescent="0.35">
      <c r="A26121" s="1" t="s">
        <v>8457</v>
      </c>
      <c r="B26121" s="1" t="s">
        <v>86049</v>
      </c>
      <c r="C26121" s="1" t="s">
        <v>90</v>
      </c>
      <c r="D26121" s="1" t="s">
        <v>3300</v>
      </c>
      <c r="E26121" s="1" t="s">
        <v>93549</v>
      </c>
      <c r="F26121" s="1" t="s">
        <v>93550</v>
      </c>
      <c r="G26121" s="1" t="s">
        <v>93491</v>
      </c>
      <c r="H26121" s="1" t="s">
        <v>93492</v>
      </c>
      <c r="I26121" s="1" t="s">
        <v>86055</v>
      </c>
      <c r="J26121" s="1" t="s">
        <v>93551</v>
      </c>
    </row>
    <row r="26122" spans="1:10" x14ac:dyDescent="0.35">
      <c r="A26122" s="1" t="s">
        <v>8457</v>
      </c>
      <c r="B26122" s="1" t="s">
        <v>86049</v>
      </c>
      <c r="C26122" s="1" t="s">
        <v>95</v>
      </c>
      <c r="D26122" s="1" t="s">
        <v>57491</v>
      </c>
      <c r="E26122" s="1" t="s">
        <v>93552</v>
      </c>
      <c r="F26122" s="1" t="s">
        <v>93553</v>
      </c>
      <c r="G26122" s="1" t="s">
        <v>93491</v>
      </c>
      <c r="H26122" s="1" t="s">
        <v>93492</v>
      </c>
      <c r="I26122" s="1" t="s">
        <v>86055</v>
      </c>
      <c r="J26122" s="1" t="s">
        <v>93554</v>
      </c>
    </row>
    <row r="26123" spans="1:10" x14ac:dyDescent="0.35">
      <c r="A26123" s="1" t="s">
        <v>8457</v>
      </c>
      <c r="B26123" s="1" t="s">
        <v>86049</v>
      </c>
      <c r="C26123" s="1" t="s">
        <v>100</v>
      </c>
      <c r="D26123" s="1" t="s">
        <v>93555</v>
      </c>
      <c r="E26123" s="1" t="s">
        <v>93556</v>
      </c>
      <c r="F26123" s="1" t="s">
        <v>93557</v>
      </c>
      <c r="G26123" s="1" t="s">
        <v>93491</v>
      </c>
      <c r="H26123" s="1" t="s">
        <v>93492</v>
      </c>
      <c r="I26123" s="1" t="s">
        <v>86055</v>
      </c>
      <c r="J26123" s="1" t="s">
        <v>93558</v>
      </c>
    </row>
    <row r="26124" spans="1:10" x14ac:dyDescent="0.35">
      <c r="A26124" s="1" t="s">
        <v>8457</v>
      </c>
      <c r="B26124" s="1" t="s">
        <v>86049</v>
      </c>
      <c r="C26124" s="1" t="s">
        <v>105</v>
      </c>
      <c r="D26124" s="1" t="s">
        <v>93559</v>
      </c>
      <c r="E26124" s="1" t="s">
        <v>93560</v>
      </c>
      <c r="F26124" s="1" t="s">
        <v>93561</v>
      </c>
      <c r="G26124" s="1" t="s">
        <v>93491</v>
      </c>
      <c r="H26124" s="1" t="s">
        <v>93492</v>
      </c>
      <c r="I26124" s="1" t="s">
        <v>86055</v>
      </c>
      <c r="J26124" s="1" t="s">
        <v>93562</v>
      </c>
    </row>
    <row r="26125" spans="1:10" x14ac:dyDescent="0.35">
      <c r="A26125" s="1" t="s">
        <v>8457</v>
      </c>
      <c r="B26125" s="1" t="s">
        <v>86049</v>
      </c>
      <c r="C26125" s="1" t="s">
        <v>110</v>
      </c>
      <c r="D26125" s="1" t="s">
        <v>93563</v>
      </c>
      <c r="E26125" s="1" t="s">
        <v>93564</v>
      </c>
      <c r="F26125" s="1" t="s">
        <v>93565</v>
      </c>
      <c r="G26125" s="1" t="s">
        <v>93491</v>
      </c>
      <c r="H26125" s="1" t="s">
        <v>93492</v>
      </c>
      <c r="I26125" s="1" t="s">
        <v>86055</v>
      </c>
      <c r="J26125" s="1" t="s">
        <v>93566</v>
      </c>
    </row>
    <row r="26126" spans="1:10" x14ac:dyDescent="0.35">
      <c r="A26126" s="1" t="s">
        <v>8457</v>
      </c>
      <c r="B26126" s="1" t="s">
        <v>86049</v>
      </c>
      <c r="C26126" s="1" t="s">
        <v>115</v>
      </c>
      <c r="D26126" s="1" t="s">
        <v>93567</v>
      </c>
      <c r="E26126" s="1" t="s">
        <v>93568</v>
      </c>
      <c r="F26126" s="1" t="s">
        <v>93569</v>
      </c>
      <c r="G26126" s="1" t="s">
        <v>93491</v>
      </c>
      <c r="H26126" s="1" t="s">
        <v>93492</v>
      </c>
      <c r="I26126" s="1" t="s">
        <v>86055</v>
      </c>
      <c r="J26126" s="1" t="s">
        <v>93570</v>
      </c>
    </row>
    <row r="26127" spans="1:10" x14ac:dyDescent="0.35">
      <c r="A26127" s="1" t="s">
        <v>8457</v>
      </c>
      <c r="B26127" s="1" t="s">
        <v>86049</v>
      </c>
      <c r="C26127" s="1" t="s">
        <v>120</v>
      </c>
      <c r="D26127" s="1" t="s">
        <v>64913</v>
      </c>
      <c r="E26127" s="1" t="s">
        <v>93571</v>
      </c>
      <c r="F26127" s="1" t="s">
        <v>93572</v>
      </c>
      <c r="G26127" s="1" t="s">
        <v>93491</v>
      </c>
      <c r="H26127" s="1" t="s">
        <v>93492</v>
      </c>
      <c r="I26127" s="1" t="s">
        <v>86055</v>
      </c>
      <c r="J26127" s="1" t="s">
        <v>93573</v>
      </c>
    </row>
    <row r="26128" spans="1:10" x14ac:dyDescent="0.35">
      <c r="A26128" s="1" t="s">
        <v>8457</v>
      </c>
      <c r="B26128" s="1" t="s">
        <v>86049</v>
      </c>
      <c r="C26128" s="1" t="s">
        <v>125</v>
      </c>
      <c r="D26128" s="1" t="s">
        <v>88689</v>
      </c>
      <c r="E26128" s="1" t="s">
        <v>93574</v>
      </c>
      <c r="F26128" s="1" t="s">
        <v>93575</v>
      </c>
      <c r="G26128" s="1" t="s">
        <v>93491</v>
      </c>
      <c r="H26128" s="1" t="s">
        <v>93492</v>
      </c>
      <c r="I26128" s="1" t="s">
        <v>86055</v>
      </c>
      <c r="J26128" s="1" t="s">
        <v>93576</v>
      </c>
    </row>
    <row r="26129" spans="1:10" x14ac:dyDescent="0.35">
      <c r="A26129" s="1" t="s">
        <v>8457</v>
      </c>
      <c r="B26129" s="1" t="s">
        <v>86049</v>
      </c>
      <c r="C26129" s="1" t="s">
        <v>130</v>
      </c>
      <c r="D26129" s="1" t="s">
        <v>93577</v>
      </c>
      <c r="E26129" s="1" t="s">
        <v>93578</v>
      </c>
      <c r="F26129" s="1" t="s">
        <v>93579</v>
      </c>
      <c r="G26129" s="1" t="s">
        <v>93491</v>
      </c>
      <c r="H26129" s="1" t="s">
        <v>93492</v>
      </c>
      <c r="I26129" s="1" t="s">
        <v>86055</v>
      </c>
      <c r="J26129" s="1" t="s">
        <v>93580</v>
      </c>
    </row>
    <row r="26130" spans="1:10" x14ac:dyDescent="0.35">
      <c r="A26130" s="1" t="s">
        <v>8457</v>
      </c>
      <c r="B26130" s="1" t="s">
        <v>86049</v>
      </c>
      <c r="C26130" s="1" t="s">
        <v>135</v>
      </c>
      <c r="D26130" s="1" t="s">
        <v>12259</v>
      </c>
      <c r="E26130" s="1" t="s">
        <v>93581</v>
      </c>
      <c r="F26130" s="1" t="s">
        <v>93582</v>
      </c>
      <c r="G26130" s="1" t="s">
        <v>93491</v>
      </c>
      <c r="H26130" s="1" t="s">
        <v>93492</v>
      </c>
      <c r="I26130" s="1" t="s">
        <v>86055</v>
      </c>
      <c r="J26130" s="1" t="s">
        <v>93583</v>
      </c>
    </row>
    <row r="26131" spans="1:10" x14ac:dyDescent="0.35">
      <c r="A26131" s="1" t="s">
        <v>8457</v>
      </c>
      <c r="B26131" s="1" t="s">
        <v>86049</v>
      </c>
      <c r="C26131" s="1" t="s">
        <v>140</v>
      </c>
      <c r="D26131" s="1" t="s">
        <v>93584</v>
      </c>
      <c r="E26131" s="1" t="s">
        <v>93585</v>
      </c>
      <c r="F26131" s="1" t="s">
        <v>93586</v>
      </c>
      <c r="G26131" s="1" t="s">
        <v>93491</v>
      </c>
      <c r="H26131" s="1" t="s">
        <v>93492</v>
      </c>
      <c r="I26131" s="1" t="s">
        <v>86055</v>
      </c>
      <c r="J26131" s="1" t="s">
        <v>93587</v>
      </c>
    </row>
    <row r="26132" spans="1:10" x14ac:dyDescent="0.35">
      <c r="A26132" s="1" t="s">
        <v>8457</v>
      </c>
      <c r="B26132" s="1" t="s">
        <v>86049</v>
      </c>
      <c r="C26132" s="1" t="s">
        <v>145</v>
      </c>
      <c r="D26132" s="1" t="s">
        <v>58746</v>
      </c>
      <c r="E26132" s="1" t="s">
        <v>93588</v>
      </c>
      <c r="F26132" s="1" t="s">
        <v>93589</v>
      </c>
      <c r="G26132" s="1" t="s">
        <v>93491</v>
      </c>
      <c r="H26132" s="1" t="s">
        <v>93492</v>
      </c>
      <c r="I26132" s="1" t="s">
        <v>86055</v>
      </c>
      <c r="J26132" s="1" t="s">
        <v>93590</v>
      </c>
    </row>
    <row r="26133" spans="1:10" x14ac:dyDescent="0.35">
      <c r="A26133" s="1" t="s">
        <v>8457</v>
      </c>
      <c r="B26133" s="1" t="s">
        <v>86049</v>
      </c>
      <c r="C26133" s="1" t="s">
        <v>150</v>
      </c>
      <c r="D26133" s="1" t="s">
        <v>93591</v>
      </c>
      <c r="E26133" s="1" t="s">
        <v>93592</v>
      </c>
      <c r="F26133" s="1" t="s">
        <v>93593</v>
      </c>
      <c r="G26133" s="1" t="s">
        <v>93491</v>
      </c>
      <c r="H26133" s="1" t="s">
        <v>93492</v>
      </c>
      <c r="I26133" s="1" t="s">
        <v>86055</v>
      </c>
      <c r="J26133" s="1" t="s">
        <v>93594</v>
      </c>
    </row>
    <row r="26134" spans="1:10" x14ac:dyDescent="0.35">
      <c r="A26134" s="1" t="s">
        <v>8457</v>
      </c>
      <c r="B26134" s="1" t="s">
        <v>86049</v>
      </c>
      <c r="C26134" s="1" t="s">
        <v>155</v>
      </c>
      <c r="D26134" s="1" t="s">
        <v>93595</v>
      </c>
      <c r="E26134" s="1" t="s">
        <v>93596</v>
      </c>
      <c r="F26134" s="1" t="s">
        <v>93597</v>
      </c>
      <c r="G26134" s="1" t="s">
        <v>93491</v>
      </c>
      <c r="H26134" s="1" t="s">
        <v>93492</v>
      </c>
      <c r="I26134" s="1" t="s">
        <v>86055</v>
      </c>
      <c r="J26134" s="1" t="s">
        <v>93598</v>
      </c>
    </row>
    <row r="26135" spans="1:10" x14ac:dyDescent="0.35">
      <c r="A26135" s="1" t="s">
        <v>8457</v>
      </c>
      <c r="B26135" s="1" t="s">
        <v>86049</v>
      </c>
      <c r="C26135" s="1" t="s">
        <v>160</v>
      </c>
      <c r="D26135" s="1" t="s">
        <v>93599</v>
      </c>
      <c r="E26135" s="1" t="s">
        <v>93600</v>
      </c>
      <c r="F26135" s="1" t="s">
        <v>93601</v>
      </c>
      <c r="G26135" s="1" t="s">
        <v>93491</v>
      </c>
      <c r="H26135" s="1" t="s">
        <v>93492</v>
      </c>
      <c r="I26135" s="1" t="s">
        <v>86055</v>
      </c>
      <c r="J26135" s="1" t="s">
        <v>93602</v>
      </c>
    </row>
    <row r="26136" spans="1:10" x14ac:dyDescent="0.35">
      <c r="A26136" s="1" t="s">
        <v>8457</v>
      </c>
      <c r="B26136" s="1" t="s">
        <v>86049</v>
      </c>
      <c r="C26136" s="1" t="s">
        <v>165</v>
      </c>
      <c r="D26136" s="1" t="s">
        <v>92196</v>
      </c>
      <c r="E26136" s="1" t="s">
        <v>93603</v>
      </c>
      <c r="F26136" s="1" t="s">
        <v>93604</v>
      </c>
      <c r="G26136" s="1" t="s">
        <v>93491</v>
      </c>
      <c r="H26136" s="1" t="s">
        <v>93492</v>
      </c>
      <c r="I26136" s="1" t="s">
        <v>86055</v>
      </c>
      <c r="J26136" s="1" t="s">
        <v>93605</v>
      </c>
    </row>
    <row r="26137" spans="1:10" x14ac:dyDescent="0.35">
      <c r="A26137" s="1" t="s">
        <v>8457</v>
      </c>
      <c r="B26137" s="1" t="s">
        <v>86049</v>
      </c>
      <c r="C26137" s="1" t="s">
        <v>170</v>
      </c>
      <c r="D26137" s="1" t="s">
        <v>61856</v>
      </c>
      <c r="E26137" s="1" t="s">
        <v>93606</v>
      </c>
      <c r="F26137" s="1" t="s">
        <v>93607</v>
      </c>
      <c r="G26137" s="1" t="s">
        <v>93491</v>
      </c>
      <c r="H26137" s="1" t="s">
        <v>93492</v>
      </c>
      <c r="I26137" s="1" t="s">
        <v>86055</v>
      </c>
      <c r="J26137" s="1" t="s">
        <v>93608</v>
      </c>
    </row>
    <row r="26138" spans="1:10" x14ac:dyDescent="0.35">
      <c r="A26138" s="1" t="s">
        <v>93609</v>
      </c>
      <c r="B26138" s="1" t="s">
        <v>86049</v>
      </c>
      <c r="C26138" s="1" t="s">
        <v>8</v>
      </c>
      <c r="D26138" s="1" t="s">
        <v>93610</v>
      </c>
      <c r="E26138" s="1" t="s">
        <v>93611</v>
      </c>
      <c r="F26138" s="1" t="s">
        <v>93612</v>
      </c>
      <c r="G26138" s="1" t="s">
        <v>93613</v>
      </c>
      <c r="H26138" s="1" t="s">
        <v>93614</v>
      </c>
      <c r="I26138" s="1" t="s">
        <v>86055</v>
      </c>
      <c r="J26138" s="1" t="s">
        <v>13</v>
      </c>
    </row>
    <row r="26139" spans="1:10" x14ac:dyDescent="0.35">
      <c r="A26139" s="1" t="s">
        <v>93609</v>
      </c>
      <c r="B26139" s="1" t="s">
        <v>86049</v>
      </c>
      <c r="C26139" s="1" t="s">
        <v>15</v>
      </c>
      <c r="D26139" s="1" t="s">
        <v>58734</v>
      </c>
      <c r="E26139" s="1" t="s">
        <v>93615</v>
      </c>
      <c r="F26139" s="1" t="s">
        <v>93616</v>
      </c>
      <c r="G26139" s="1" t="s">
        <v>93613</v>
      </c>
      <c r="H26139" s="1" t="s">
        <v>93614</v>
      </c>
      <c r="I26139" s="1" t="s">
        <v>86055</v>
      </c>
      <c r="J26139" s="1" t="s">
        <v>93617</v>
      </c>
    </row>
    <row r="26140" spans="1:10" x14ac:dyDescent="0.35">
      <c r="A26140" s="1" t="s">
        <v>93609</v>
      </c>
      <c r="B26140" s="1" t="s">
        <v>86049</v>
      </c>
      <c r="C26140" s="1" t="s">
        <v>20</v>
      </c>
      <c r="D26140" s="1" t="s">
        <v>58301</v>
      </c>
      <c r="E26140" s="1" t="s">
        <v>93618</v>
      </c>
      <c r="F26140" s="1" t="s">
        <v>93619</v>
      </c>
      <c r="G26140" s="1" t="s">
        <v>93613</v>
      </c>
      <c r="H26140" s="1" t="s">
        <v>93614</v>
      </c>
      <c r="I26140" s="1" t="s">
        <v>86055</v>
      </c>
      <c r="J26140" s="1" t="s">
        <v>93620</v>
      </c>
    </row>
    <row r="26141" spans="1:10" x14ac:dyDescent="0.35">
      <c r="A26141" s="1" t="s">
        <v>93609</v>
      </c>
      <c r="B26141" s="1" t="s">
        <v>86049</v>
      </c>
      <c r="C26141" s="1" t="s">
        <v>25</v>
      </c>
      <c r="D26141" s="1" t="s">
        <v>93621</v>
      </c>
      <c r="E26141" s="1" t="s">
        <v>93622</v>
      </c>
      <c r="F26141" s="1" t="s">
        <v>93623</v>
      </c>
      <c r="G26141" s="1" t="s">
        <v>93613</v>
      </c>
      <c r="H26141" s="1" t="s">
        <v>93614</v>
      </c>
      <c r="I26141" s="1" t="s">
        <v>86055</v>
      </c>
      <c r="J26141" s="1" t="s">
        <v>93624</v>
      </c>
    </row>
    <row r="26142" spans="1:10" x14ac:dyDescent="0.35">
      <c r="A26142" s="1" t="s">
        <v>93609</v>
      </c>
      <c r="B26142" s="1" t="s">
        <v>86049</v>
      </c>
      <c r="C26142" s="1" t="s">
        <v>30</v>
      </c>
      <c r="D26142" s="1" t="s">
        <v>93625</v>
      </c>
      <c r="E26142" s="1" t="s">
        <v>93626</v>
      </c>
      <c r="F26142" s="1" t="s">
        <v>93627</v>
      </c>
      <c r="G26142" s="1" t="s">
        <v>93613</v>
      </c>
      <c r="H26142" s="1" t="s">
        <v>93614</v>
      </c>
      <c r="I26142" s="1" t="s">
        <v>86055</v>
      </c>
      <c r="J26142" s="1" t="s">
        <v>93628</v>
      </c>
    </row>
    <row r="26143" spans="1:10" x14ac:dyDescent="0.35">
      <c r="A26143" s="1" t="s">
        <v>93609</v>
      </c>
      <c r="B26143" s="1" t="s">
        <v>86049</v>
      </c>
      <c r="C26143" s="1" t="s">
        <v>35</v>
      </c>
      <c r="D26143" s="1" t="s">
        <v>93629</v>
      </c>
      <c r="E26143" s="1" t="s">
        <v>93630</v>
      </c>
      <c r="F26143" s="1" t="s">
        <v>93631</v>
      </c>
      <c r="G26143" s="1" t="s">
        <v>93613</v>
      </c>
      <c r="H26143" s="1" t="s">
        <v>93614</v>
      </c>
      <c r="I26143" s="1" t="s">
        <v>86055</v>
      </c>
      <c r="J26143" s="1" t="s">
        <v>93632</v>
      </c>
    </row>
    <row r="26144" spans="1:10" x14ac:dyDescent="0.35">
      <c r="A26144" s="1" t="s">
        <v>93609</v>
      </c>
      <c r="B26144" s="1" t="s">
        <v>86049</v>
      </c>
      <c r="C26144" s="1" t="s">
        <v>40</v>
      </c>
      <c r="D26144" s="1" t="s">
        <v>26567</v>
      </c>
      <c r="E26144" s="1" t="s">
        <v>93633</v>
      </c>
      <c r="F26144" s="1" t="s">
        <v>93634</v>
      </c>
      <c r="G26144" s="1" t="s">
        <v>93613</v>
      </c>
      <c r="H26144" s="1" t="s">
        <v>93614</v>
      </c>
      <c r="I26144" s="1" t="s">
        <v>86055</v>
      </c>
      <c r="J26144" s="1" t="s">
        <v>93635</v>
      </c>
    </row>
    <row r="26145" spans="1:10" x14ac:dyDescent="0.35">
      <c r="A26145" s="1" t="s">
        <v>93609</v>
      </c>
      <c r="B26145" s="1" t="s">
        <v>86049</v>
      </c>
      <c r="C26145" s="1" t="s">
        <v>45</v>
      </c>
      <c r="D26145" s="1" t="s">
        <v>93636</v>
      </c>
      <c r="E26145" s="1" t="s">
        <v>93637</v>
      </c>
      <c r="F26145" s="1" t="s">
        <v>93638</v>
      </c>
      <c r="G26145" s="1" t="s">
        <v>93613</v>
      </c>
      <c r="H26145" s="1" t="s">
        <v>93614</v>
      </c>
      <c r="I26145" s="1" t="s">
        <v>86055</v>
      </c>
      <c r="J26145" s="1" t="s">
        <v>93639</v>
      </c>
    </row>
    <row r="26146" spans="1:10" x14ac:dyDescent="0.35">
      <c r="A26146" s="1" t="s">
        <v>93609</v>
      </c>
      <c r="B26146" s="1" t="s">
        <v>86049</v>
      </c>
      <c r="C26146" s="1" t="s">
        <v>50</v>
      </c>
      <c r="D26146" s="1" t="s">
        <v>93640</v>
      </c>
      <c r="E26146" s="1" t="s">
        <v>93641</v>
      </c>
      <c r="F26146" s="1" t="s">
        <v>93642</v>
      </c>
      <c r="G26146" s="1" t="s">
        <v>93613</v>
      </c>
      <c r="H26146" s="1" t="s">
        <v>93614</v>
      </c>
      <c r="I26146" s="1" t="s">
        <v>86055</v>
      </c>
      <c r="J26146" s="1" t="s">
        <v>93643</v>
      </c>
    </row>
    <row r="26147" spans="1:10" x14ac:dyDescent="0.35">
      <c r="A26147" s="1" t="s">
        <v>93609</v>
      </c>
      <c r="B26147" s="1" t="s">
        <v>86049</v>
      </c>
      <c r="C26147" s="1" t="s">
        <v>55</v>
      </c>
      <c r="D26147" s="1" t="s">
        <v>93644</v>
      </c>
      <c r="E26147" s="1" t="s">
        <v>93645</v>
      </c>
      <c r="F26147" s="1" t="s">
        <v>93646</v>
      </c>
      <c r="G26147" s="1" t="s">
        <v>93613</v>
      </c>
      <c r="H26147" s="1" t="s">
        <v>93614</v>
      </c>
      <c r="I26147" s="1" t="s">
        <v>86055</v>
      </c>
      <c r="J26147" s="1" t="s">
        <v>93647</v>
      </c>
    </row>
    <row r="26148" spans="1:10" x14ac:dyDescent="0.35">
      <c r="A26148" s="1" t="s">
        <v>93609</v>
      </c>
      <c r="B26148" s="1" t="s">
        <v>86049</v>
      </c>
      <c r="C26148" s="1" t="s">
        <v>60</v>
      </c>
      <c r="D26148" s="1" t="s">
        <v>93648</v>
      </c>
      <c r="E26148" s="1" t="s">
        <v>93649</v>
      </c>
      <c r="F26148" s="1" t="s">
        <v>93650</v>
      </c>
      <c r="G26148" s="1" t="s">
        <v>93613</v>
      </c>
      <c r="H26148" s="1" t="s">
        <v>93614</v>
      </c>
      <c r="I26148" s="1" t="s">
        <v>86055</v>
      </c>
      <c r="J26148" s="1" t="s">
        <v>93651</v>
      </c>
    </row>
    <row r="26149" spans="1:10" x14ac:dyDescent="0.35">
      <c r="A26149" s="1" t="s">
        <v>93609</v>
      </c>
      <c r="B26149" s="1" t="s">
        <v>86049</v>
      </c>
      <c r="C26149" s="1" t="s">
        <v>65</v>
      </c>
      <c r="D26149" s="1" t="s">
        <v>93652</v>
      </c>
      <c r="E26149" s="1" t="s">
        <v>93653</v>
      </c>
      <c r="F26149" s="1" t="s">
        <v>93654</v>
      </c>
      <c r="G26149" s="1" t="s">
        <v>93613</v>
      </c>
      <c r="H26149" s="1" t="s">
        <v>93614</v>
      </c>
      <c r="I26149" s="1" t="s">
        <v>86055</v>
      </c>
      <c r="J26149" s="1" t="s">
        <v>93655</v>
      </c>
    </row>
    <row r="26150" spans="1:10" x14ac:dyDescent="0.35">
      <c r="A26150" s="1" t="s">
        <v>93609</v>
      </c>
      <c r="B26150" s="1" t="s">
        <v>86049</v>
      </c>
      <c r="C26150" s="1" t="s">
        <v>70</v>
      </c>
      <c r="D26150" s="1" t="s">
        <v>93656</v>
      </c>
      <c r="E26150" s="1" t="s">
        <v>93657</v>
      </c>
      <c r="F26150" s="1" t="s">
        <v>93658</v>
      </c>
      <c r="G26150" s="1" t="s">
        <v>93613</v>
      </c>
      <c r="H26150" s="1" t="s">
        <v>93614</v>
      </c>
      <c r="I26150" s="1" t="s">
        <v>86055</v>
      </c>
      <c r="J26150" s="1" t="s">
        <v>93659</v>
      </c>
    </row>
    <row r="26151" spans="1:10" x14ac:dyDescent="0.35">
      <c r="A26151" s="1" t="s">
        <v>93609</v>
      </c>
      <c r="B26151" s="1" t="s">
        <v>86049</v>
      </c>
      <c r="C26151" s="1" t="s">
        <v>75</v>
      </c>
      <c r="D26151" s="1" t="s">
        <v>90620</v>
      </c>
      <c r="E26151" s="1" t="s">
        <v>93660</v>
      </c>
      <c r="F26151" s="1" t="s">
        <v>93661</v>
      </c>
      <c r="G26151" s="1" t="s">
        <v>93613</v>
      </c>
      <c r="H26151" s="1" t="s">
        <v>93614</v>
      </c>
      <c r="I26151" s="1" t="s">
        <v>86055</v>
      </c>
      <c r="J26151" s="1" t="s">
        <v>93662</v>
      </c>
    </row>
    <row r="26152" spans="1:10" x14ac:dyDescent="0.35">
      <c r="A26152" s="1" t="s">
        <v>93609</v>
      </c>
      <c r="B26152" s="1" t="s">
        <v>86049</v>
      </c>
      <c r="C26152" s="1" t="s">
        <v>80</v>
      </c>
      <c r="D26152" s="1" t="s">
        <v>93663</v>
      </c>
      <c r="E26152" s="1" t="s">
        <v>93664</v>
      </c>
      <c r="F26152" s="1" t="s">
        <v>93665</v>
      </c>
      <c r="G26152" s="1" t="s">
        <v>93613</v>
      </c>
      <c r="H26152" s="1" t="s">
        <v>93614</v>
      </c>
      <c r="I26152" s="1" t="s">
        <v>86055</v>
      </c>
      <c r="J26152" s="1" t="s">
        <v>93666</v>
      </c>
    </row>
    <row r="26153" spans="1:10" x14ac:dyDescent="0.35">
      <c r="A26153" s="1" t="s">
        <v>93609</v>
      </c>
      <c r="B26153" s="1" t="s">
        <v>86049</v>
      </c>
      <c r="C26153" s="1" t="s">
        <v>85</v>
      </c>
      <c r="D26153" s="1" t="s">
        <v>93667</v>
      </c>
      <c r="E26153" s="1" t="s">
        <v>93668</v>
      </c>
      <c r="F26153" s="1" t="s">
        <v>93669</v>
      </c>
      <c r="G26153" s="1" t="s">
        <v>93613</v>
      </c>
      <c r="H26153" s="1" t="s">
        <v>93614</v>
      </c>
      <c r="I26153" s="1" t="s">
        <v>86055</v>
      </c>
      <c r="J26153" s="1" t="s">
        <v>93670</v>
      </c>
    </row>
    <row r="26154" spans="1:10" x14ac:dyDescent="0.35">
      <c r="A26154" s="1" t="s">
        <v>93609</v>
      </c>
      <c r="B26154" s="1" t="s">
        <v>86049</v>
      </c>
      <c r="C26154" s="1" t="s">
        <v>90</v>
      </c>
      <c r="D26154" s="1" t="s">
        <v>52392</v>
      </c>
      <c r="E26154" s="1" t="s">
        <v>93671</v>
      </c>
      <c r="F26154" s="1" t="s">
        <v>93672</v>
      </c>
      <c r="G26154" s="1" t="s">
        <v>93613</v>
      </c>
      <c r="H26154" s="1" t="s">
        <v>93614</v>
      </c>
      <c r="I26154" s="1" t="s">
        <v>86055</v>
      </c>
      <c r="J26154" s="1" t="s">
        <v>93673</v>
      </c>
    </row>
    <row r="26155" spans="1:10" x14ac:dyDescent="0.35">
      <c r="A26155" s="1" t="s">
        <v>93609</v>
      </c>
      <c r="B26155" s="1" t="s">
        <v>86049</v>
      </c>
      <c r="C26155" s="1" t="s">
        <v>95</v>
      </c>
      <c r="D26155" s="1" t="s">
        <v>93674</v>
      </c>
      <c r="E26155" s="1" t="s">
        <v>93675</v>
      </c>
      <c r="F26155" s="1" t="s">
        <v>93676</v>
      </c>
      <c r="G26155" s="1" t="s">
        <v>93613</v>
      </c>
      <c r="H26155" s="1" t="s">
        <v>93614</v>
      </c>
      <c r="I26155" s="1" t="s">
        <v>86055</v>
      </c>
      <c r="J26155" s="1" t="s">
        <v>93677</v>
      </c>
    </row>
    <row r="26156" spans="1:10" x14ac:dyDescent="0.35">
      <c r="A26156" s="1" t="s">
        <v>93609</v>
      </c>
      <c r="B26156" s="1" t="s">
        <v>86049</v>
      </c>
      <c r="C26156" s="1" t="s">
        <v>100</v>
      </c>
      <c r="D26156" s="1" t="s">
        <v>66262</v>
      </c>
      <c r="E26156" s="1" t="s">
        <v>93678</v>
      </c>
      <c r="F26156" s="1" t="s">
        <v>93679</v>
      </c>
      <c r="G26156" s="1" t="s">
        <v>93613</v>
      </c>
      <c r="H26156" s="1" t="s">
        <v>93614</v>
      </c>
      <c r="I26156" s="1" t="s">
        <v>86055</v>
      </c>
      <c r="J26156" s="1" t="s">
        <v>93680</v>
      </c>
    </row>
    <row r="26157" spans="1:10" x14ac:dyDescent="0.35">
      <c r="A26157" s="1" t="s">
        <v>93609</v>
      </c>
      <c r="B26157" s="1" t="s">
        <v>86049</v>
      </c>
      <c r="C26157" s="1" t="s">
        <v>105</v>
      </c>
      <c r="D26157" s="1" t="s">
        <v>93681</v>
      </c>
      <c r="E26157" s="1" t="s">
        <v>93682</v>
      </c>
      <c r="F26157" s="1" t="s">
        <v>93683</v>
      </c>
      <c r="G26157" s="1" t="s">
        <v>93613</v>
      </c>
      <c r="H26157" s="1" t="s">
        <v>93614</v>
      </c>
      <c r="I26157" s="1" t="s">
        <v>86055</v>
      </c>
      <c r="J26157" s="1" t="s">
        <v>93684</v>
      </c>
    </row>
    <row r="26158" spans="1:10" x14ac:dyDescent="0.35">
      <c r="A26158" s="1" t="s">
        <v>93609</v>
      </c>
      <c r="B26158" s="1" t="s">
        <v>86049</v>
      </c>
      <c r="C26158" s="1" t="s">
        <v>110</v>
      </c>
      <c r="D26158" s="1" t="s">
        <v>63362</v>
      </c>
      <c r="E26158" s="1" t="s">
        <v>93685</v>
      </c>
      <c r="F26158" s="1" t="s">
        <v>93686</v>
      </c>
      <c r="G26158" s="1" t="s">
        <v>93613</v>
      </c>
      <c r="H26158" s="1" t="s">
        <v>93614</v>
      </c>
      <c r="I26158" s="1" t="s">
        <v>86055</v>
      </c>
      <c r="J26158" s="1" t="s">
        <v>93687</v>
      </c>
    </row>
    <row r="26159" spans="1:10" x14ac:dyDescent="0.35">
      <c r="A26159" s="1" t="s">
        <v>93609</v>
      </c>
      <c r="B26159" s="1" t="s">
        <v>86049</v>
      </c>
      <c r="C26159" s="1" t="s">
        <v>115</v>
      </c>
      <c r="D26159" s="1" t="s">
        <v>93688</v>
      </c>
      <c r="E26159" s="1" t="s">
        <v>93689</v>
      </c>
      <c r="F26159" s="1" t="s">
        <v>93690</v>
      </c>
      <c r="G26159" s="1" t="s">
        <v>93613</v>
      </c>
      <c r="H26159" s="1" t="s">
        <v>93614</v>
      </c>
      <c r="I26159" s="1" t="s">
        <v>86055</v>
      </c>
      <c r="J26159" s="1" t="s">
        <v>93691</v>
      </c>
    </row>
    <row r="26160" spans="1:10" x14ac:dyDescent="0.35">
      <c r="A26160" s="1" t="s">
        <v>93609</v>
      </c>
      <c r="B26160" s="1" t="s">
        <v>86049</v>
      </c>
      <c r="C26160" s="1" t="s">
        <v>120</v>
      </c>
      <c r="D26160" s="1" t="s">
        <v>93692</v>
      </c>
      <c r="E26160" s="1" t="s">
        <v>93693</v>
      </c>
      <c r="F26160" s="1" t="s">
        <v>93694</v>
      </c>
      <c r="G26160" s="1" t="s">
        <v>93613</v>
      </c>
      <c r="H26160" s="1" t="s">
        <v>93614</v>
      </c>
      <c r="I26160" s="1" t="s">
        <v>86055</v>
      </c>
      <c r="J26160" s="1" t="s">
        <v>93695</v>
      </c>
    </row>
    <row r="26161" spans="1:10" x14ac:dyDescent="0.35">
      <c r="A26161" s="1" t="s">
        <v>93609</v>
      </c>
      <c r="B26161" s="1" t="s">
        <v>86049</v>
      </c>
      <c r="C26161" s="1" t="s">
        <v>125</v>
      </c>
      <c r="D26161" s="1" t="s">
        <v>93696</v>
      </c>
      <c r="E26161" s="1" t="s">
        <v>93697</v>
      </c>
      <c r="F26161" s="1" t="s">
        <v>93698</v>
      </c>
      <c r="G26161" s="1" t="s">
        <v>93613</v>
      </c>
      <c r="H26161" s="1" t="s">
        <v>93614</v>
      </c>
      <c r="I26161" s="1" t="s">
        <v>86055</v>
      </c>
      <c r="J26161" s="1" t="s">
        <v>93699</v>
      </c>
    </row>
    <row r="26162" spans="1:10" x14ac:dyDescent="0.35">
      <c r="A26162" s="1" t="s">
        <v>93609</v>
      </c>
      <c r="B26162" s="1" t="s">
        <v>86049</v>
      </c>
      <c r="C26162" s="1" t="s">
        <v>130</v>
      </c>
      <c r="D26162" s="1" t="s">
        <v>93700</v>
      </c>
      <c r="E26162" s="1" t="s">
        <v>93701</v>
      </c>
      <c r="F26162" s="1" t="s">
        <v>93702</v>
      </c>
      <c r="G26162" s="1" t="s">
        <v>93613</v>
      </c>
      <c r="H26162" s="1" t="s">
        <v>93614</v>
      </c>
      <c r="I26162" s="1" t="s">
        <v>86055</v>
      </c>
      <c r="J26162" s="1" t="s">
        <v>93703</v>
      </c>
    </row>
    <row r="26163" spans="1:10" x14ac:dyDescent="0.35">
      <c r="A26163" s="1" t="s">
        <v>93609</v>
      </c>
      <c r="B26163" s="1" t="s">
        <v>86049</v>
      </c>
      <c r="C26163" s="1" t="s">
        <v>135</v>
      </c>
      <c r="D26163" s="1" t="s">
        <v>93704</v>
      </c>
      <c r="E26163" s="1" t="s">
        <v>93705</v>
      </c>
      <c r="F26163" s="1" t="s">
        <v>93706</v>
      </c>
      <c r="G26163" s="1" t="s">
        <v>93613</v>
      </c>
      <c r="H26163" s="1" t="s">
        <v>93614</v>
      </c>
      <c r="I26163" s="1" t="s">
        <v>86055</v>
      </c>
      <c r="J26163" s="1" t="s">
        <v>93707</v>
      </c>
    </row>
    <row r="26164" spans="1:10" x14ac:dyDescent="0.35">
      <c r="A26164" s="1" t="s">
        <v>93609</v>
      </c>
      <c r="B26164" s="1" t="s">
        <v>86049</v>
      </c>
      <c r="C26164" s="1" t="s">
        <v>140</v>
      </c>
      <c r="D26164" s="1" t="s">
        <v>93708</v>
      </c>
      <c r="E26164" s="1" t="s">
        <v>93709</v>
      </c>
      <c r="F26164" s="1" t="s">
        <v>93710</v>
      </c>
      <c r="G26164" s="1" t="s">
        <v>93613</v>
      </c>
      <c r="H26164" s="1" t="s">
        <v>93614</v>
      </c>
      <c r="I26164" s="1" t="s">
        <v>86055</v>
      </c>
      <c r="J26164" s="1" t="s">
        <v>93711</v>
      </c>
    </row>
    <row r="26165" spans="1:10" x14ac:dyDescent="0.35">
      <c r="A26165" s="1" t="s">
        <v>93609</v>
      </c>
      <c r="B26165" s="1" t="s">
        <v>86049</v>
      </c>
      <c r="C26165" s="1" t="s">
        <v>145</v>
      </c>
      <c r="D26165" s="1" t="s">
        <v>54523</v>
      </c>
      <c r="E26165" s="1" t="s">
        <v>93712</v>
      </c>
      <c r="F26165" s="1" t="s">
        <v>93713</v>
      </c>
      <c r="G26165" s="1" t="s">
        <v>93613</v>
      </c>
      <c r="H26165" s="1" t="s">
        <v>93614</v>
      </c>
      <c r="I26165" s="1" t="s">
        <v>86055</v>
      </c>
      <c r="J26165" s="1" t="s">
        <v>93714</v>
      </c>
    </row>
    <row r="26166" spans="1:10" x14ac:dyDescent="0.35">
      <c r="A26166" s="1" t="s">
        <v>93609</v>
      </c>
      <c r="B26166" s="1" t="s">
        <v>86049</v>
      </c>
      <c r="C26166" s="1" t="s">
        <v>150</v>
      </c>
      <c r="D26166" s="1" t="s">
        <v>93715</v>
      </c>
      <c r="E26166" s="1" t="s">
        <v>93716</v>
      </c>
      <c r="F26166" s="1" t="s">
        <v>93717</v>
      </c>
      <c r="G26166" s="1" t="s">
        <v>93613</v>
      </c>
      <c r="H26166" s="1" t="s">
        <v>93614</v>
      </c>
      <c r="I26166" s="1" t="s">
        <v>86055</v>
      </c>
      <c r="J26166" s="1" t="s">
        <v>93718</v>
      </c>
    </row>
    <row r="26167" spans="1:10" x14ac:dyDescent="0.35">
      <c r="A26167" s="1" t="s">
        <v>93609</v>
      </c>
      <c r="B26167" s="1" t="s">
        <v>86049</v>
      </c>
      <c r="C26167" s="1" t="s">
        <v>155</v>
      </c>
      <c r="D26167" s="1" t="s">
        <v>93719</v>
      </c>
      <c r="E26167" s="1" t="s">
        <v>93720</v>
      </c>
      <c r="F26167" s="1" t="s">
        <v>93721</v>
      </c>
      <c r="G26167" s="1" t="s">
        <v>93613</v>
      </c>
      <c r="H26167" s="1" t="s">
        <v>93614</v>
      </c>
      <c r="I26167" s="1" t="s">
        <v>86055</v>
      </c>
      <c r="J26167" s="1" t="s">
        <v>93722</v>
      </c>
    </row>
    <row r="26168" spans="1:10" x14ac:dyDescent="0.35">
      <c r="A26168" s="1" t="s">
        <v>93609</v>
      </c>
      <c r="B26168" s="1" t="s">
        <v>86049</v>
      </c>
      <c r="C26168" s="1" t="s">
        <v>160</v>
      </c>
      <c r="D26168" s="1" t="s">
        <v>56878</v>
      </c>
      <c r="E26168" s="1" t="s">
        <v>93723</v>
      </c>
      <c r="F26168" s="1" t="s">
        <v>93724</v>
      </c>
      <c r="G26168" s="1" t="s">
        <v>93613</v>
      </c>
      <c r="H26168" s="1" t="s">
        <v>93614</v>
      </c>
      <c r="I26168" s="1" t="s">
        <v>86055</v>
      </c>
      <c r="J26168" s="1" t="s">
        <v>93725</v>
      </c>
    </row>
    <row r="26169" spans="1:10" x14ac:dyDescent="0.35">
      <c r="A26169" s="1" t="s">
        <v>93609</v>
      </c>
      <c r="B26169" s="1" t="s">
        <v>86049</v>
      </c>
      <c r="C26169" s="1" t="s">
        <v>165</v>
      </c>
      <c r="D26169" s="1" t="s">
        <v>93726</v>
      </c>
      <c r="E26169" s="1" t="s">
        <v>93727</v>
      </c>
      <c r="F26169" s="1" t="s">
        <v>93728</v>
      </c>
      <c r="G26169" s="1" t="s">
        <v>93613</v>
      </c>
      <c r="H26169" s="1" t="s">
        <v>93614</v>
      </c>
      <c r="I26169" s="1" t="s">
        <v>86055</v>
      </c>
      <c r="J26169" s="1" t="s">
        <v>93729</v>
      </c>
    </row>
    <row r="26170" spans="1:10" x14ac:dyDescent="0.35">
      <c r="A26170" s="1" t="s">
        <v>93609</v>
      </c>
      <c r="B26170" s="1" t="s">
        <v>86049</v>
      </c>
      <c r="C26170" s="1" t="s">
        <v>170</v>
      </c>
      <c r="D26170" s="1" t="s">
        <v>40396</v>
      </c>
      <c r="E26170" s="1" t="s">
        <v>93730</v>
      </c>
      <c r="F26170" s="1" t="s">
        <v>93731</v>
      </c>
      <c r="G26170" s="1" t="s">
        <v>93613</v>
      </c>
      <c r="H26170" s="1" t="s">
        <v>93614</v>
      </c>
      <c r="I26170" s="1" t="s">
        <v>86055</v>
      </c>
      <c r="J26170" s="1" t="s">
        <v>93732</v>
      </c>
    </row>
    <row r="26171" spans="1:10" x14ac:dyDescent="0.35">
      <c r="A26171" s="1" t="s">
        <v>93733</v>
      </c>
      <c r="B26171" s="1" t="s">
        <v>86049</v>
      </c>
      <c r="C26171" s="1" t="s">
        <v>8</v>
      </c>
      <c r="D26171" s="1" t="s">
        <v>69632</v>
      </c>
      <c r="E26171" s="1" t="s">
        <v>93734</v>
      </c>
      <c r="F26171" s="1" t="s">
        <v>93735</v>
      </c>
      <c r="G26171" s="1" t="s">
        <v>93736</v>
      </c>
      <c r="H26171" s="1" t="s">
        <v>93737</v>
      </c>
      <c r="I26171" s="1" t="s">
        <v>86055</v>
      </c>
      <c r="J26171" s="1" t="s">
        <v>13</v>
      </c>
    </row>
    <row r="26172" spans="1:10" x14ac:dyDescent="0.35">
      <c r="A26172" s="1" t="s">
        <v>93733</v>
      </c>
      <c r="B26172" s="1" t="s">
        <v>86049</v>
      </c>
      <c r="C26172" s="1" t="s">
        <v>15</v>
      </c>
      <c r="D26172" s="1" t="s">
        <v>93738</v>
      </c>
      <c r="E26172" s="1" t="s">
        <v>93739</v>
      </c>
      <c r="F26172" s="1" t="s">
        <v>93740</v>
      </c>
      <c r="G26172" s="1" t="s">
        <v>93736</v>
      </c>
      <c r="H26172" s="1" t="s">
        <v>93737</v>
      </c>
      <c r="I26172" s="1" t="s">
        <v>86055</v>
      </c>
      <c r="J26172" s="1" t="s">
        <v>93741</v>
      </c>
    </row>
    <row r="26173" spans="1:10" x14ac:dyDescent="0.35">
      <c r="A26173" s="1" t="s">
        <v>93733</v>
      </c>
      <c r="B26173" s="1" t="s">
        <v>86049</v>
      </c>
      <c r="C26173" s="1" t="s">
        <v>20</v>
      </c>
      <c r="D26173" s="1" t="s">
        <v>93742</v>
      </c>
      <c r="E26173" s="1" t="s">
        <v>93743</v>
      </c>
      <c r="F26173" s="1" t="s">
        <v>93744</v>
      </c>
      <c r="G26173" s="1" t="s">
        <v>93736</v>
      </c>
      <c r="H26173" s="1" t="s">
        <v>93737</v>
      </c>
      <c r="I26173" s="1" t="s">
        <v>86055</v>
      </c>
      <c r="J26173" s="1" t="s">
        <v>93745</v>
      </c>
    </row>
    <row r="26174" spans="1:10" x14ac:dyDescent="0.35">
      <c r="A26174" s="1" t="s">
        <v>93733</v>
      </c>
      <c r="B26174" s="1" t="s">
        <v>86049</v>
      </c>
      <c r="C26174" s="1" t="s">
        <v>25</v>
      </c>
      <c r="D26174" s="1" t="s">
        <v>93746</v>
      </c>
      <c r="E26174" s="1" t="s">
        <v>93747</v>
      </c>
      <c r="F26174" s="1" t="s">
        <v>93748</v>
      </c>
      <c r="G26174" s="1" t="s">
        <v>93736</v>
      </c>
      <c r="H26174" s="1" t="s">
        <v>93737</v>
      </c>
      <c r="I26174" s="1" t="s">
        <v>86055</v>
      </c>
      <c r="J26174" s="1" t="s">
        <v>93749</v>
      </c>
    </row>
    <row r="26175" spans="1:10" x14ac:dyDescent="0.35">
      <c r="A26175" s="1" t="s">
        <v>93733</v>
      </c>
      <c r="B26175" s="1" t="s">
        <v>86049</v>
      </c>
      <c r="C26175" s="1" t="s">
        <v>30</v>
      </c>
      <c r="D26175" s="1" t="s">
        <v>93750</v>
      </c>
      <c r="E26175" s="1" t="s">
        <v>93751</v>
      </c>
      <c r="F26175" s="1" t="s">
        <v>93752</v>
      </c>
      <c r="G26175" s="1" t="s">
        <v>93736</v>
      </c>
      <c r="H26175" s="1" t="s">
        <v>93737</v>
      </c>
      <c r="I26175" s="1" t="s">
        <v>86055</v>
      </c>
      <c r="J26175" s="1" t="s">
        <v>93753</v>
      </c>
    </row>
    <row r="26176" spans="1:10" x14ac:dyDescent="0.35">
      <c r="A26176" s="1" t="s">
        <v>93733</v>
      </c>
      <c r="B26176" s="1" t="s">
        <v>86049</v>
      </c>
      <c r="C26176" s="1" t="s">
        <v>35</v>
      </c>
      <c r="D26176" s="1" t="s">
        <v>64037</v>
      </c>
      <c r="E26176" s="1" t="s">
        <v>93754</v>
      </c>
      <c r="F26176" s="1" t="s">
        <v>93755</v>
      </c>
      <c r="G26176" s="1" t="s">
        <v>93736</v>
      </c>
      <c r="H26176" s="1" t="s">
        <v>93737</v>
      </c>
      <c r="I26176" s="1" t="s">
        <v>86055</v>
      </c>
      <c r="J26176" s="1" t="s">
        <v>93756</v>
      </c>
    </row>
    <row r="26177" spans="1:10" x14ac:dyDescent="0.35">
      <c r="A26177" s="1" t="s">
        <v>93733</v>
      </c>
      <c r="B26177" s="1" t="s">
        <v>86049</v>
      </c>
      <c r="C26177" s="1" t="s">
        <v>40</v>
      </c>
      <c r="D26177" s="1" t="s">
        <v>81225</v>
      </c>
      <c r="E26177" s="1" t="s">
        <v>93757</v>
      </c>
      <c r="F26177" s="1" t="s">
        <v>93758</v>
      </c>
      <c r="G26177" s="1" t="s">
        <v>93736</v>
      </c>
      <c r="H26177" s="1" t="s">
        <v>93737</v>
      </c>
      <c r="I26177" s="1" t="s">
        <v>86055</v>
      </c>
      <c r="J26177" s="1" t="s">
        <v>93759</v>
      </c>
    </row>
    <row r="26178" spans="1:10" x14ac:dyDescent="0.35">
      <c r="A26178" s="1" t="s">
        <v>93733</v>
      </c>
      <c r="B26178" s="1" t="s">
        <v>86049</v>
      </c>
      <c r="C26178" s="1" t="s">
        <v>45</v>
      </c>
      <c r="D26178" s="1" t="s">
        <v>93760</v>
      </c>
      <c r="E26178" s="1" t="s">
        <v>93761</v>
      </c>
      <c r="F26178" s="1" t="s">
        <v>93762</v>
      </c>
      <c r="G26178" s="1" t="s">
        <v>93736</v>
      </c>
      <c r="H26178" s="1" t="s">
        <v>93737</v>
      </c>
      <c r="I26178" s="1" t="s">
        <v>86055</v>
      </c>
      <c r="J26178" s="1" t="s">
        <v>93763</v>
      </c>
    </row>
    <row r="26179" spans="1:10" x14ac:dyDescent="0.35">
      <c r="A26179" s="1" t="s">
        <v>93733</v>
      </c>
      <c r="B26179" s="1" t="s">
        <v>86049</v>
      </c>
      <c r="C26179" s="1" t="s">
        <v>50</v>
      </c>
      <c r="D26179" s="1" t="s">
        <v>91900</v>
      </c>
      <c r="E26179" s="1" t="s">
        <v>93764</v>
      </c>
      <c r="F26179" s="1" t="s">
        <v>93765</v>
      </c>
      <c r="G26179" s="1" t="s">
        <v>93736</v>
      </c>
      <c r="H26179" s="1" t="s">
        <v>93737</v>
      </c>
      <c r="I26179" s="1" t="s">
        <v>86055</v>
      </c>
      <c r="J26179" s="1" t="s">
        <v>93766</v>
      </c>
    </row>
    <row r="26180" spans="1:10" x14ac:dyDescent="0.35">
      <c r="A26180" s="1" t="s">
        <v>93733</v>
      </c>
      <c r="B26180" s="1" t="s">
        <v>86049</v>
      </c>
      <c r="C26180" s="1" t="s">
        <v>55</v>
      </c>
      <c r="D26180" s="1" t="s">
        <v>93767</v>
      </c>
      <c r="E26180" s="1" t="s">
        <v>93768</v>
      </c>
      <c r="F26180" s="1" t="s">
        <v>93769</v>
      </c>
      <c r="G26180" s="1" t="s">
        <v>93736</v>
      </c>
      <c r="H26180" s="1" t="s">
        <v>93737</v>
      </c>
      <c r="I26180" s="1" t="s">
        <v>86055</v>
      </c>
      <c r="J26180" s="1" t="s">
        <v>93770</v>
      </c>
    </row>
    <row r="26181" spans="1:10" x14ac:dyDescent="0.35">
      <c r="A26181" s="1" t="s">
        <v>93733</v>
      </c>
      <c r="B26181" s="1" t="s">
        <v>86049</v>
      </c>
      <c r="C26181" s="1" t="s">
        <v>60</v>
      </c>
      <c r="D26181" s="1" t="s">
        <v>60600</v>
      </c>
      <c r="E26181" s="1" t="s">
        <v>93771</v>
      </c>
      <c r="F26181" s="1" t="s">
        <v>93772</v>
      </c>
      <c r="G26181" s="1" t="s">
        <v>93736</v>
      </c>
      <c r="H26181" s="1" t="s">
        <v>93737</v>
      </c>
      <c r="I26181" s="1" t="s">
        <v>86055</v>
      </c>
      <c r="J26181" s="1" t="s">
        <v>93773</v>
      </c>
    </row>
    <row r="26182" spans="1:10" x14ac:dyDescent="0.35">
      <c r="A26182" s="1" t="s">
        <v>93733</v>
      </c>
      <c r="B26182" s="1" t="s">
        <v>86049</v>
      </c>
      <c r="C26182" s="1" t="s">
        <v>65</v>
      </c>
      <c r="D26182" s="1" t="s">
        <v>7748</v>
      </c>
      <c r="E26182" s="1" t="s">
        <v>93774</v>
      </c>
      <c r="F26182" s="1" t="s">
        <v>93775</v>
      </c>
      <c r="G26182" s="1" t="s">
        <v>93736</v>
      </c>
      <c r="H26182" s="1" t="s">
        <v>93737</v>
      </c>
      <c r="I26182" s="1" t="s">
        <v>86055</v>
      </c>
      <c r="J26182" s="1" t="s">
        <v>93776</v>
      </c>
    </row>
    <row r="26183" spans="1:10" x14ac:dyDescent="0.35">
      <c r="A26183" s="1" t="s">
        <v>93733</v>
      </c>
      <c r="B26183" s="1" t="s">
        <v>86049</v>
      </c>
      <c r="C26183" s="1" t="s">
        <v>70</v>
      </c>
      <c r="D26183" s="1" t="s">
        <v>92133</v>
      </c>
      <c r="E26183" s="1" t="s">
        <v>93777</v>
      </c>
      <c r="F26183" s="1" t="s">
        <v>93778</v>
      </c>
      <c r="G26183" s="1" t="s">
        <v>93736</v>
      </c>
      <c r="H26183" s="1" t="s">
        <v>93737</v>
      </c>
      <c r="I26183" s="1" t="s">
        <v>86055</v>
      </c>
      <c r="J26183" s="1" t="s">
        <v>93779</v>
      </c>
    </row>
    <row r="26184" spans="1:10" x14ac:dyDescent="0.35">
      <c r="A26184" s="1" t="s">
        <v>93733</v>
      </c>
      <c r="B26184" s="1" t="s">
        <v>86049</v>
      </c>
      <c r="C26184" s="1" t="s">
        <v>75</v>
      </c>
      <c r="D26184" s="1" t="s">
        <v>93780</v>
      </c>
      <c r="E26184" s="1" t="s">
        <v>93781</v>
      </c>
      <c r="F26184" s="1" t="s">
        <v>93782</v>
      </c>
      <c r="G26184" s="1" t="s">
        <v>93736</v>
      </c>
      <c r="H26184" s="1" t="s">
        <v>93737</v>
      </c>
      <c r="I26184" s="1" t="s">
        <v>86055</v>
      </c>
      <c r="J26184" s="1" t="s">
        <v>93783</v>
      </c>
    </row>
    <row r="26185" spans="1:10" x14ac:dyDescent="0.35">
      <c r="A26185" s="1" t="s">
        <v>93733</v>
      </c>
      <c r="B26185" s="1" t="s">
        <v>86049</v>
      </c>
      <c r="C26185" s="1" t="s">
        <v>80</v>
      </c>
      <c r="D26185" s="1" t="s">
        <v>5290</v>
      </c>
      <c r="E26185" s="1" t="s">
        <v>93784</v>
      </c>
      <c r="F26185" s="1" t="s">
        <v>93785</v>
      </c>
      <c r="G26185" s="1" t="s">
        <v>93736</v>
      </c>
      <c r="H26185" s="1" t="s">
        <v>93737</v>
      </c>
      <c r="I26185" s="1" t="s">
        <v>86055</v>
      </c>
      <c r="J26185" s="1" t="s">
        <v>93786</v>
      </c>
    </row>
    <row r="26186" spans="1:10" x14ac:dyDescent="0.35">
      <c r="A26186" s="1" t="s">
        <v>93733</v>
      </c>
      <c r="B26186" s="1" t="s">
        <v>86049</v>
      </c>
      <c r="C26186" s="1" t="s">
        <v>85</v>
      </c>
      <c r="D26186" s="1" t="s">
        <v>55546</v>
      </c>
      <c r="E26186" s="1" t="s">
        <v>93787</v>
      </c>
      <c r="F26186" s="1" t="s">
        <v>93788</v>
      </c>
      <c r="G26186" s="1" t="s">
        <v>93736</v>
      </c>
      <c r="H26186" s="1" t="s">
        <v>93737</v>
      </c>
      <c r="I26186" s="1" t="s">
        <v>86055</v>
      </c>
      <c r="J26186" s="1" t="s">
        <v>93789</v>
      </c>
    </row>
    <row r="26187" spans="1:10" x14ac:dyDescent="0.35">
      <c r="A26187" s="1" t="s">
        <v>93733</v>
      </c>
      <c r="B26187" s="1" t="s">
        <v>86049</v>
      </c>
      <c r="C26187" s="1" t="s">
        <v>90</v>
      </c>
      <c r="D26187" s="1" t="s">
        <v>79241</v>
      </c>
      <c r="E26187" s="1" t="s">
        <v>93790</v>
      </c>
      <c r="F26187" s="1" t="s">
        <v>93791</v>
      </c>
      <c r="G26187" s="1" t="s">
        <v>93736</v>
      </c>
      <c r="H26187" s="1" t="s">
        <v>93737</v>
      </c>
      <c r="I26187" s="1" t="s">
        <v>86055</v>
      </c>
      <c r="J26187" s="1" t="s">
        <v>93792</v>
      </c>
    </row>
    <row r="26188" spans="1:10" x14ac:dyDescent="0.35">
      <c r="A26188" s="1" t="s">
        <v>93733</v>
      </c>
      <c r="B26188" s="1" t="s">
        <v>86049</v>
      </c>
      <c r="C26188" s="1" t="s">
        <v>95</v>
      </c>
      <c r="D26188" s="1" t="s">
        <v>93793</v>
      </c>
      <c r="E26188" s="1" t="s">
        <v>93794</v>
      </c>
      <c r="F26188" s="1" t="s">
        <v>93795</v>
      </c>
      <c r="G26188" s="1" t="s">
        <v>93736</v>
      </c>
      <c r="H26188" s="1" t="s">
        <v>93737</v>
      </c>
      <c r="I26188" s="1" t="s">
        <v>86055</v>
      </c>
      <c r="J26188" s="1" t="s">
        <v>93796</v>
      </c>
    </row>
    <row r="26189" spans="1:10" x14ac:dyDescent="0.35">
      <c r="A26189" s="1" t="s">
        <v>93733</v>
      </c>
      <c r="B26189" s="1" t="s">
        <v>86049</v>
      </c>
      <c r="C26189" s="1" t="s">
        <v>100</v>
      </c>
      <c r="D26189" s="1" t="s">
        <v>81139</v>
      </c>
      <c r="E26189" s="1" t="s">
        <v>93797</v>
      </c>
      <c r="F26189" s="1" t="s">
        <v>93798</v>
      </c>
      <c r="G26189" s="1" t="s">
        <v>93736</v>
      </c>
      <c r="H26189" s="1" t="s">
        <v>93737</v>
      </c>
      <c r="I26189" s="1" t="s">
        <v>86055</v>
      </c>
      <c r="J26189" s="1" t="s">
        <v>93799</v>
      </c>
    </row>
    <row r="26190" spans="1:10" x14ac:dyDescent="0.35">
      <c r="A26190" s="1" t="s">
        <v>93733</v>
      </c>
      <c r="B26190" s="1" t="s">
        <v>86049</v>
      </c>
      <c r="C26190" s="1" t="s">
        <v>105</v>
      </c>
      <c r="D26190" s="1" t="s">
        <v>93800</v>
      </c>
      <c r="E26190" s="1" t="s">
        <v>93801</v>
      </c>
      <c r="F26190" s="1" t="s">
        <v>93802</v>
      </c>
      <c r="G26190" s="1" t="s">
        <v>93736</v>
      </c>
      <c r="H26190" s="1" t="s">
        <v>93737</v>
      </c>
      <c r="I26190" s="1" t="s">
        <v>86055</v>
      </c>
      <c r="J26190" s="1" t="s">
        <v>93803</v>
      </c>
    </row>
    <row r="26191" spans="1:10" x14ac:dyDescent="0.35">
      <c r="A26191" s="1" t="s">
        <v>93733</v>
      </c>
      <c r="B26191" s="1" t="s">
        <v>86049</v>
      </c>
      <c r="C26191" s="1" t="s">
        <v>110</v>
      </c>
      <c r="D26191" s="1" t="s">
        <v>93804</v>
      </c>
      <c r="E26191" s="1" t="s">
        <v>93805</v>
      </c>
      <c r="F26191" s="1" t="s">
        <v>93806</v>
      </c>
      <c r="G26191" s="1" t="s">
        <v>93736</v>
      </c>
      <c r="H26191" s="1" t="s">
        <v>93737</v>
      </c>
      <c r="I26191" s="1" t="s">
        <v>86055</v>
      </c>
      <c r="J26191" s="1" t="s">
        <v>93807</v>
      </c>
    </row>
    <row r="26192" spans="1:10" x14ac:dyDescent="0.35">
      <c r="A26192" s="1" t="s">
        <v>93733</v>
      </c>
      <c r="B26192" s="1" t="s">
        <v>86049</v>
      </c>
      <c r="C26192" s="1" t="s">
        <v>115</v>
      </c>
      <c r="D26192" s="1" t="s">
        <v>22563</v>
      </c>
      <c r="E26192" s="1" t="s">
        <v>93808</v>
      </c>
      <c r="F26192" s="1" t="s">
        <v>93809</v>
      </c>
      <c r="G26192" s="1" t="s">
        <v>93736</v>
      </c>
      <c r="H26192" s="1" t="s">
        <v>93737</v>
      </c>
      <c r="I26192" s="1" t="s">
        <v>86055</v>
      </c>
      <c r="J26192" s="1" t="s">
        <v>93810</v>
      </c>
    </row>
    <row r="26193" spans="1:10" x14ac:dyDescent="0.35">
      <c r="A26193" s="1" t="s">
        <v>93733</v>
      </c>
      <c r="B26193" s="1" t="s">
        <v>86049</v>
      </c>
      <c r="C26193" s="1" t="s">
        <v>120</v>
      </c>
      <c r="D26193" s="1" t="s">
        <v>68936</v>
      </c>
      <c r="E26193" s="1" t="s">
        <v>93811</v>
      </c>
      <c r="F26193" s="1" t="s">
        <v>93812</v>
      </c>
      <c r="G26193" s="1" t="s">
        <v>93736</v>
      </c>
      <c r="H26193" s="1" t="s">
        <v>93737</v>
      </c>
      <c r="I26193" s="1" t="s">
        <v>86055</v>
      </c>
      <c r="J26193" s="1" t="s">
        <v>93813</v>
      </c>
    </row>
    <row r="26194" spans="1:10" x14ac:dyDescent="0.35">
      <c r="A26194" s="1" t="s">
        <v>93733</v>
      </c>
      <c r="B26194" s="1" t="s">
        <v>86049</v>
      </c>
      <c r="C26194" s="1" t="s">
        <v>125</v>
      </c>
      <c r="D26194" s="1" t="s">
        <v>93814</v>
      </c>
      <c r="E26194" s="1" t="s">
        <v>93815</v>
      </c>
      <c r="F26194" s="1" t="s">
        <v>93816</v>
      </c>
      <c r="G26194" s="1" t="s">
        <v>93736</v>
      </c>
      <c r="H26194" s="1" t="s">
        <v>93737</v>
      </c>
      <c r="I26194" s="1" t="s">
        <v>86055</v>
      </c>
      <c r="J26194" s="1" t="s">
        <v>93817</v>
      </c>
    </row>
    <row r="26195" spans="1:10" x14ac:dyDescent="0.35">
      <c r="A26195" s="1" t="s">
        <v>93733</v>
      </c>
      <c r="B26195" s="1" t="s">
        <v>86049</v>
      </c>
      <c r="C26195" s="1" t="s">
        <v>130</v>
      </c>
      <c r="D26195" s="1" t="s">
        <v>93818</v>
      </c>
      <c r="E26195" s="1" t="s">
        <v>93819</v>
      </c>
      <c r="F26195" s="1" t="s">
        <v>93820</v>
      </c>
      <c r="G26195" s="1" t="s">
        <v>93736</v>
      </c>
      <c r="H26195" s="1" t="s">
        <v>93737</v>
      </c>
      <c r="I26195" s="1" t="s">
        <v>86055</v>
      </c>
      <c r="J26195" s="1" t="s">
        <v>93821</v>
      </c>
    </row>
    <row r="26196" spans="1:10" x14ac:dyDescent="0.35">
      <c r="A26196" s="1" t="s">
        <v>93733</v>
      </c>
      <c r="B26196" s="1" t="s">
        <v>86049</v>
      </c>
      <c r="C26196" s="1" t="s">
        <v>135</v>
      </c>
      <c r="D26196" s="1" t="s">
        <v>93822</v>
      </c>
      <c r="E26196" s="1" t="s">
        <v>93823</v>
      </c>
      <c r="F26196" s="1" t="s">
        <v>93824</v>
      </c>
      <c r="G26196" s="1" t="s">
        <v>93736</v>
      </c>
      <c r="H26196" s="1" t="s">
        <v>93737</v>
      </c>
      <c r="I26196" s="1" t="s">
        <v>86055</v>
      </c>
      <c r="J26196" s="1" t="s">
        <v>93825</v>
      </c>
    </row>
    <row r="26197" spans="1:10" x14ac:dyDescent="0.35">
      <c r="A26197" s="1" t="s">
        <v>93733</v>
      </c>
      <c r="B26197" s="1" t="s">
        <v>86049</v>
      </c>
      <c r="C26197" s="1" t="s">
        <v>140</v>
      </c>
      <c r="D26197" s="1" t="s">
        <v>93826</v>
      </c>
      <c r="E26197" s="1" t="s">
        <v>93827</v>
      </c>
      <c r="F26197" s="1" t="s">
        <v>93828</v>
      </c>
      <c r="G26197" s="1" t="s">
        <v>93736</v>
      </c>
      <c r="H26197" s="1" t="s">
        <v>93737</v>
      </c>
      <c r="I26197" s="1" t="s">
        <v>86055</v>
      </c>
      <c r="J26197" s="1" t="s">
        <v>93829</v>
      </c>
    </row>
    <row r="26198" spans="1:10" x14ac:dyDescent="0.35">
      <c r="A26198" s="1" t="s">
        <v>93733</v>
      </c>
      <c r="B26198" s="1" t="s">
        <v>86049</v>
      </c>
      <c r="C26198" s="1" t="s">
        <v>145</v>
      </c>
      <c r="D26198" s="1" t="s">
        <v>52662</v>
      </c>
      <c r="E26198" s="1" t="s">
        <v>93830</v>
      </c>
      <c r="F26198" s="1" t="s">
        <v>93831</v>
      </c>
      <c r="G26198" s="1" t="s">
        <v>93736</v>
      </c>
      <c r="H26198" s="1" t="s">
        <v>93737</v>
      </c>
      <c r="I26198" s="1" t="s">
        <v>86055</v>
      </c>
      <c r="J26198" s="1" t="s">
        <v>93832</v>
      </c>
    </row>
    <row r="26199" spans="1:10" x14ac:dyDescent="0.35">
      <c r="A26199" s="1" t="s">
        <v>93733</v>
      </c>
      <c r="B26199" s="1" t="s">
        <v>86049</v>
      </c>
      <c r="C26199" s="1" t="s">
        <v>150</v>
      </c>
      <c r="D26199" s="1" t="s">
        <v>93833</v>
      </c>
      <c r="E26199" s="1" t="s">
        <v>93834</v>
      </c>
      <c r="F26199" s="1" t="s">
        <v>93835</v>
      </c>
      <c r="G26199" s="1" t="s">
        <v>93736</v>
      </c>
      <c r="H26199" s="1" t="s">
        <v>93737</v>
      </c>
      <c r="I26199" s="1" t="s">
        <v>86055</v>
      </c>
      <c r="J26199" s="1" t="s">
        <v>93836</v>
      </c>
    </row>
    <row r="26200" spans="1:10" x14ac:dyDescent="0.35">
      <c r="A26200" s="1" t="s">
        <v>93733</v>
      </c>
      <c r="B26200" s="1" t="s">
        <v>86049</v>
      </c>
      <c r="C26200" s="1" t="s">
        <v>155</v>
      </c>
      <c r="D26200" s="1" t="s">
        <v>93837</v>
      </c>
      <c r="E26200" s="1" t="s">
        <v>93838</v>
      </c>
      <c r="F26200" s="1" t="s">
        <v>93839</v>
      </c>
      <c r="G26200" s="1" t="s">
        <v>93736</v>
      </c>
      <c r="H26200" s="1" t="s">
        <v>93737</v>
      </c>
      <c r="I26200" s="1" t="s">
        <v>86055</v>
      </c>
      <c r="J26200" s="1" t="s">
        <v>93840</v>
      </c>
    </row>
    <row r="26201" spans="1:10" x14ac:dyDescent="0.35">
      <c r="A26201" s="1" t="s">
        <v>93733</v>
      </c>
      <c r="B26201" s="1" t="s">
        <v>86049</v>
      </c>
      <c r="C26201" s="1" t="s">
        <v>160</v>
      </c>
      <c r="D26201" s="1" t="s">
        <v>93841</v>
      </c>
      <c r="E26201" s="1" t="s">
        <v>93842</v>
      </c>
      <c r="F26201" s="1" t="s">
        <v>93843</v>
      </c>
      <c r="G26201" s="1" t="s">
        <v>93736</v>
      </c>
      <c r="H26201" s="1" t="s">
        <v>93737</v>
      </c>
      <c r="I26201" s="1" t="s">
        <v>86055</v>
      </c>
      <c r="J26201" s="1" t="s">
        <v>93844</v>
      </c>
    </row>
    <row r="26202" spans="1:10" x14ac:dyDescent="0.35">
      <c r="A26202" s="1" t="s">
        <v>93733</v>
      </c>
      <c r="B26202" s="1" t="s">
        <v>86049</v>
      </c>
      <c r="C26202" s="1" t="s">
        <v>165</v>
      </c>
      <c r="D26202" s="1" t="s">
        <v>57248</v>
      </c>
      <c r="E26202" s="1" t="s">
        <v>93845</v>
      </c>
      <c r="F26202" s="1" t="s">
        <v>93846</v>
      </c>
      <c r="G26202" s="1" t="s">
        <v>93736</v>
      </c>
      <c r="H26202" s="1" t="s">
        <v>93737</v>
      </c>
      <c r="I26202" s="1" t="s">
        <v>86055</v>
      </c>
      <c r="J26202" s="1" t="s">
        <v>93847</v>
      </c>
    </row>
    <row r="26203" spans="1:10" x14ac:dyDescent="0.35">
      <c r="A26203" s="1" t="s">
        <v>93733</v>
      </c>
      <c r="B26203" s="1" t="s">
        <v>86049</v>
      </c>
      <c r="C26203" s="1" t="s">
        <v>170</v>
      </c>
      <c r="D26203" s="1" t="s">
        <v>93848</v>
      </c>
      <c r="E26203" s="1" t="s">
        <v>93849</v>
      </c>
      <c r="F26203" s="1" t="s">
        <v>93850</v>
      </c>
      <c r="G26203" s="1" t="s">
        <v>93736</v>
      </c>
      <c r="H26203" s="1" t="s">
        <v>93737</v>
      </c>
      <c r="I26203" s="1" t="s">
        <v>86055</v>
      </c>
      <c r="J26203" s="1" t="s">
        <v>93851</v>
      </c>
    </row>
    <row r="26204" spans="1:10" x14ac:dyDescent="0.35">
      <c r="A26204" s="1" t="s">
        <v>93852</v>
      </c>
      <c r="B26204" s="1" t="s">
        <v>86049</v>
      </c>
      <c r="C26204" s="1" t="s">
        <v>8</v>
      </c>
      <c r="D26204" s="1" t="s">
        <v>93853</v>
      </c>
      <c r="E26204" s="1" t="s">
        <v>93854</v>
      </c>
      <c r="F26204" s="1" t="s">
        <v>93855</v>
      </c>
      <c r="G26204" s="1" t="s">
        <v>93856</v>
      </c>
      <c r="H26204" s="1" t="s">
        <v>93857</v>
      </c>
      <c r="I26204" s="1" t="s">
        <v>86055</v>
      </c>
      <c r="J26204" s="1" t="s">
        <v>13</v>
      </c>
    </row>
    <row r="26205" spans="1:10" x14ac:dyDescent="0.35">
      <c r="A26205" s="1" t="s">
        <v>93852</v>
      </c>
      <c r="B26205" s="1" t="s">
        <v>86049</v>
      </c>
      <c r="C26205" s="1" t="s">
        <v>15</v>
      </c>
      <c r="D26205" s="1" t="s">
        <v>93858</v>
      </c>
      <c r="E26205" s="1" t="s">
        <v>93859</v>
      </c>
      <c r="F26205" s="1" t="s">
        <v>93860</v>
      </c>
      <c r="G26205" s="1" t="s">
        <v>93856</v>
      </c>
      <c r="H26205" s="1" t="s">
        <v>93857</v>
      </c>
      <c r="I26205" s="1" t="s">
        <v>86055</v>
      </c>
      <c r="J26205" s="1" t="s">
        <v>93861</v>
      </c>
    </row>
    <row r="26206" spans="1:10" x14ac:dyDescent="0.35">
      <c r="A26206" s="1" t="s">
        <v>93852</v>
      </c>
      <c r="B26206" s="1" t="s">
        <v>86049</v>
      </c>
      <c r="C26206" s="1" t="s">
        <v>20</v>
      </c>
      <c r="D26206" s="1" t="s">
        <v>93862</v>
      </c>
      <c r="E26206" s="1" t="s">
        <v>93863</v>
      </c>
      <c r="F26206" s="1" t="s">
        <v>93864</v>
      </c>
      <c r="G26206" s="1" t="s">
        <v>93856</v>
      </c>
      <c r="H26206" s="1" t="s">
        <v>93857</v>
      </c>
      <c r="I26206" s="1" t="s">
        <v>86055</v>
      </c>
      <c r="J26206" s="1" t="s">
        <v>93865</v>
      </c>
    </row>
    <row r="26207" spans="1:10" x14ac:dyDescent="0.35">
      <c r="A26207" s="1" t="s">
        <v>93852</v>
      </c>
      <c r="B26207" s="1" t="s">
        <v>86049</v>
      </c>
      <c r="C26207" s="1" t="s">
        <v>25</v>
      </c>
      <c r="D26207" s="1" t="s">
        <v>93866</v>
      </c>
      <c r="E26207" s="1" t="s">
        <v>93867</v>
      </c>
      <c r="F26207" s="1" t="s">
        <v>93868</v>
      </c>
      <c r="G26207" s="1" t="s">
        <v>93856</v>
      </c>
      <c r="H26207" s="1" t="s">
        <v>93857</v>
      </c>
      <c r="I26207" s="1" t="s">
        <v>86055</v>
      </c>
      <c r="J26207" s="1" t="s">
        <v>93869</v>
      </c>
    </row>
    <row r="26208" spans="1:10" x14ac:dyDescent="0.35">
      <c r="A26208" s="1" t="s">
        <v>93852</v>
      </c>
      <c r="B26208" s="1" t="s">
        <v>86049</v>
      </c>
      <c r="C26208" s="1" t="s">
        <v>30</v>
      </c>
      <c r="D26208" s="1" t="s">
        <v>93870</v>
      </c>
      <c r="E26208" s="1" t="s">
        <v>93871</v>
      </c>
      <c r="F26208" s="1" t="s">
        <v>93872</v>
      </c>
      <c r="G26208" s="1" t="s">
        <v>93856</v>
      </c>
      <c r="H26208" s="1" t="s">
        <v>93857</v>
      </c>
      <c r="I26208" s="1" t="s">
        <v>86055</v>
      </c>
      <c r="J26208" s="1" t="s">
        <v>93873</v>
      </c>
    </row>
    <row r="26209" spans="1:10" x14ac:dyDescent="0.35">
      <c r="A26209" s="1" t="s">
        <v>93852</v>
      </c>
      <c r="B26209" s="1" t="s">
        <v>86049</v>
      </c>
      <c r="C26209" s="1" t="s">
        <v>35</v>
      </c>
      <c r="D26209" s="1" t="s">
        <v>69384</v>
      </c>
      <c r="E26209" s="1" t="s">
        <v>93874</v>
      </c>
      <c r="F26209" s="1" t="s">
        <v>93875</v>
      </c>
      <c r="G26209" s="1" t="s">
        <v>93856</v>
      </c>
      <c r="H26209" s="1" t="s">
        <v>93857</v>
      </c>
      <c r="I26209" s="1" t="s">
        <v>86055</v>
      </c>
      <c r="J26209" s="1" t="s">
        <v>93876</v>
      </c>
    </row>
    <row r="26210" spans="1:10" x14ac:dyDescent="0.35">
      <c r="A26210" s="1" t="s">
        <v>93852</v>
      </c>
      <c r="B26210" s="1" t="s">
        <v>86049</v>
      </c>
      <c r="C26210" s="1" t="s">
        <v>40</v>
      </c>
      <c r="D26210" s="1" t="s">
        <v>93877</v>
      </c>
      <c r="E26210" s="1" t="s">
        <v>93878</v>
      </c>
      <c r="F26210" s="1" t="s">
        <v>93879</v>
      </c>
      <c r="G26210" s="1" t="s">
        <v>93856</v>
      </c>
      <c r="H26210" s="1" t="s">
        <v>93857</v>
      </c>
      <c r="I26210" s="1" t="s">
        <v>86055</v>
      </c>
      <c r="J26210" s="1" t="s">
        <v>93880</v>
      </c>
    </row>
    <row r="26211" spans="1:10" x14ac:dyDescent="0.35">
      <c r="A26211" s="1" t="s">
        <v>93852</v>
      </c>
      <c r="B26211" s="1" t="s">
        <v>86049</v>
      </c>
      <c r="C26211" s="1" t="s">
        <v>45</v>
      </c>
      <c r="D26211" s="1" t="s">
        <v>87150</v>
      </c>
      <c r="E26211" s="1" t="s">
        <v>93881</v>
      </c>
      <c r="F26211" s="1" t="s">
        <v>93882</v>
      </c>
      <c r="G26211" s="1" t="s">
        <v>93856</v>
      </c>
      <c r="H26211" s="1" t="s">
        <v>93857</v>
      </c>
      <c r="I26211" s="1" t="s">
        <v>86055</v>
      </c>
      <c r="J26211" s="1" t="s">
        <v>93883</v>
      </c>
    </row>
    <row r="26212" spans="1:10" x14ac:dyDescent="0.35">
      <c r="A26212" s="1" t="s">
        <v>93852</v>
      </c>
      <c r="B26212" s="1" t="s">
        <v>86049</v>
      </c>
      <c r="C26212" s="1" t="s">
        <v>50</v>
      </c>
      <c r="D26212" s="1" t="s">
        <v>93884</v>
      </c>
      <c r="E26212" s="1" t="s">
        <v>93885</v>
      </c>
      <c r="F26212" s="1" t="s">
        <v>93886</v>
      </c>
      <c r="G26212" s="1" t="s">
        <v>93856</v>
      </c>
      <c r="H26212" s="1" t="s">
        <v>93857</v>
      </c>
      <c r="I26212" s="1" t="s">
        <v>86055</v>
      </c>
      <c r="J26212" s="1" t="s">
        <v>93887</v>
      </c>
    </row>
    <row r="26213" spans="1:10" x14ac:dyDescent="0.35">
      <c r="A26213" s="1" t="s">
        <v>93852</v>
      </c>
      <c r="B26213" s="1" t="s">
        <v>86049</v>
      </c>
      <c r="C26213" s="1" t="s">
        <v>55</v>
      </c>
      <c r="D26213" s="1" t="s">
        <v>55493</v>
      </c>
      <c r="E26213" s="1" t="s">
        <v>93888</v>
      </c>
      <c r="F26213" s="1" t="s">
        <v>93889</v>
      </c>
      <c r="G26213" s="1" t="s">
        <v>93856</v>
      </c>
      <c r="H26213" s="1" t="s">
        <v>93857</v>
      </c>
      <c r="I26213" s="1" t="s">
        <v>86055</v>
      </c>
      <c r="J26213" s="1" t="s">
        <v>93890</v>
      </c>
    </row>
    <row r="26214" spans="1:10" x14ac:dyDescent="0.35">
      <c r="A26214" s="1" t="s">
        <v>93852</v>
      </c>
      <c r="B26214" s="1" t="s">
        <v>86049</v>
      </c>
      <c r="C26214" s="1" t="s">
        <v>60</v>
      </c>
      <c r="D26214" s="1" t="s">
        <v>4811</v>
      </c>
      <c r="E26214" s="1" t="s">
        <v>93891</v>
      </c>
      <c r="F26214" s="1" t="s">
        <v>93892</v>
      </c>
      <c r="G26214" s="1" t="s">
        <v>93856</v>
      </c>
      <c r="H26214" s="1" t="s">
        <v>93857</v>
      </c>
      <c r="I26214" s="1" t="s">
        <v>86055</v>
      </c>
      <c r="J26214" s="1" t="s">
        <v>93893</v>
      </c>
    </row>
    <row r="26215" spans="1:10" x14ac:dyDescent="0.35">
      <c r="A26215" s="1" t="s">
        <v>93852</v>
      </c>
      <c r="B26215" s="1" t="s">
        <v>86049</v>
      </c>
      <c r="C26215" s="1" t="s">
        <v>65</v>
      </c>
      <c r="D26215" s="1" t="s">
        <v>83987</v>
      </c>
      <c r="E26215" s="1" t="s">
        <v>93894</v>
      </c>
      <c r="F26215" s="1" t="s">
        <v>93895</v>
      </c>
      <c r="G26215" s="1" t="s">
        <v>93856</v>
      </c>
      <c r="H26215" s="1" t="s">
        <v>93857</v>
      </c>
      <c r="I26215" s="1" t="s">
        <v>86055</v>
      </c>
      <c r="J26215" s="1" t="s">
        <v>93896</v>
      </c>
    </row>
    <row r="26216" spans="1:10" x14ac:dyDescent="0.35">
      <c r="A26216" s="1" t="s">
        <v>93852</v>
      </c>
      <c r="B26216" s="1" t="s">
        <v>86049</v>
      </c>
      <c r="C26216" s="1" t="s">
        <v>70</v>
      </c>
      <c r="D26216" s="1" t="s">
        <v>93897</v>
      </c>
      <c r="E26216" s="1" t="s">
        <v>93898</v>
      </c>
      <c r="F26216" s="1" t="s">
        <v>93899</v>
      </c>
      <c r="G26216" s="1" t="s">
        <v>93856</v>
      </c>
      <c r="H26216" s="1" t="s">
        <v>93857</v>
      </c>
      <c r="I26216" s="1" t="s">
        <v>86055</v>
      </c>
      <c r="J26216" s="1" t="s">
        <v>93900</v>
      </c>
    </row>
    <row r="26217" spans="1:10" x14ac:dyDescent="0.35">
      <c r="A26217" s="1" t="s">
        <v>93852</v>
      </c>
      <c r="B26217" s="1" t="s">
        <v>86049</v>
      </c>
      <c r="C26217" s="1" t="s">
        <v>75</v>
      </c>
      <c r="D26217" s="1" t="s">
        <v>93901</v>
      </c>
      <c r="E26217" s="1" t="s">
        <v>93902</v>
      </c>
      <c r="F26217" s="1" t="s">
        <v>93903</v>
      </c>
      <c r="G26217" s="1" t="s">
        <v>93856</v>
      </c>
      <c r="H26217" s="1" t="s">
        <v>93857</v>
      </c>
      <c r="I26217" s="1" t="s">
        <v>86055</v>
      </c>
      <c r="J26217" s="1" t="s">
        <v>93904</v>
      </c>
    </row>
    <row r="26218" spans="1:10" x14ac:dyDescent="0.35">
      <c r="A26218" s="1" t="s">
        <v>93852</v>
      </c>
      <c r="B26218" s="1" t="s">
        <v>86049</v>
      </c>
      <c r="C26218" s="1" t="s">
        <v>80</v>
      </c>
      <c r="D26218" s="1" t="s">
        <v>93905</v>
      </c>
      <c r="E26218" s="1" t="s">
        <v>93906</v>
      </c>
      <c r="F26218" s="1" t="s">
        <v>93907</v>
      </c>
      <c r="G26218" s="1" t="s">
        <v>93856</v>
      </c>
      <c r="H26218" s="1" t="s">
        <v>93857</v>
      </c>
      <c r="I26218" s="1" t="s">
        <v>86055</v>
      </c>
      <c r="J26218" s="1" t="s">
        <v>93908</v>
      </c>
    </row>
    <row r="26219" spans="1:10" x14ac:dyDescent="0.35">
      <c r="A26219" s="1" t="s">
        <v>93852</v>
      </c>
      <c r="B26219" s="1" t="s">
        <v>86049</v>
      </c>
      <c r="C26219" s="1" t="s">
        <v>85</v>
      </c>
      <c r="D26219" s="1" t="s">
        <v>93909</v>
      </c>
      <c r="E26219" s="1" t="s">
        <v>93910</v>
      </c>
      <c r="F26219" s="1" t="s">
        <v>93911</v>
      </c>
      <c r="G26219" s="1" t="s">
        <v>93856</v>
      </c>
      <c r="H26219" s="1" t="s">
        <v>93857</v>
      </c>
      <c r="I26219" s="1" t="s">
        <v>86055</v>
      </c>
      <c r="J26219" s="1" t="s">
        <v>93912</v>
      </c>
    </row>
    <row r="26220" spans="1:10" x14ac:dyDescent="0.35">
      <c r="A26220" s="1" t="s">
        <v>93852</v>
      </c>
      <c r="B26220" s="1" t="s">
        <v>86049</v>
      </c>
      <c r="C26220" s="1" t="s">
        <v>90</v>
      </c>
      <c r="D26220" s="1" t="s">
        <v>93913</v>
      </c>
      <c r="E26220" s="1" t="s">
        <v>93914</v>
      </c>
      <c r="F26220" s="1" t="s">
        <v>93915</v>
      </c>
      <c r="G26220" s="1" t="s">
        <v>93856</v>
      </c>
      <c r="H26220" s="1" t="s">
        <v>93857</v>
      </c>
      <c r="I26220" s="1" t="s">
        <v>86055</v>
      </c>
      <c r="J26220" s="1" t="s">
        <v>93916</v>
      </c>
    </row>
    <row r="26221" spans="1:10" x14ac:dyDescent="0.35">
      <c r="A26221" s="1" t="s">
        <v>93852</v>
      </c>
      <c r="B26221" s="1" t="s">
        <v>86049</v>
      </c>
      <c r="C26221" s="1" t="s">
        <v>95</v>
      </c>
      <c r="D26221" s="1" t="s">
        <v>76906</v>
      </c>
      <c r="E26221" s="1" t="s">
        <v>93917</v>
      </c>
      <c r="F26221" s="1" t="s">
        <v>93918</v>
      </c>
      <c r="G26221" s="1" t="s">
        <v>93856</v>
      </c>
      <c r="H26221" s="1" t="s">
        <v>93857</v>
      </c>
      <c r="I26221" s="1" t="s">
        <v>86055</v>
      </c>
      <c r="J26221" s="1" t="s">
        <v>93919</v>
      </c>
    </row>
    <row r="26222" spans="1:10" x14ac:dyDescent="0.35">
      <c r="A26222" s="1" t="s">
        <v>93852</v>
      </c>
      <c r="B26222" s="1" t="s">
        <v>86049</v>
      </c>
      <c r="C26222" s="1" t="s">
        <v>100</v>
      </c>
      <c r="D26222" s="1" t="s">
        <v>63828</v>
      </c>
      <c r="E26222" s="1" t="s">
        <v>93920</v>
      </c>
      <c r="F26222" s="1" t="s">
        <v>93921</v>
      </c>
      <c r="G26222" s="1" t="s">
        <v>93856</v>
      </c>
      <c r="H26222" s="1" t="s">
        <v>93857</v>
      </c>
      <c r="I26222" s="1" t="s">
        <v>86055</v>
      </c>
      <c r="J26222" s="1" t="s">
        <v>93922</v>
      </c>
    </row>
    <row r="26223" spans="1:10" x14ac:dyDescent="0.35">
      <c r="A26223" s="1" t="s">
        <v>93852</v>
      </c>
      <c r="B26223" s="1" t="s">
        <v>86049</v>
      </c>
      <c r="C26223" s="1" t="s">
        <v>105</v>
      </c>
      <c r="D26223" s="1" t="s">
        <v>84986</v>
      </c>
      <c r="E26223" s="1" t="s">
        <v>93923</v>
      </c>
      <c r="F26223" s="1" t="s">
        <v>93924</v>
      </c>
      <c r="G26223" s="1" t="s">
        <v>93856</v>
      </c>
      <c r="H26223" s="1" t="s">
        <v>93857</v>
      </c>
      <c r="I26223" s="1" t="s">
        <v>86055</v>
      </c>
      <c r="J26223" s="1" t="s">
        <v>93925</v>
      </c>
    </row>
    <row r="26224" spans="1:10" x14ac:dyDescent="0.35">
      <c r="A26224" s="1" t="s">
        <v>93852</v>
      </c>
      <c r="B26224" s="1" t="s">
        <v>86049</v>
      </c>
      <c r="C26224" s="1" t="s">
        <v>110</v>
      </c>
      <c r="D26224" s="1" t="s">
        <v>79659</v>
      </c>
      <c r="E26224" s="1" t="s">
        <v>93926</v>
      </c>
      <c r="F26224" s="1" t="s">
        <v>93927</v>
      </c>
      <c r="G26224" s="1" t="s">
        <v>93856</v>
      </c>
      <c r="H26224" s="1" t="s">
        <v>93857</v>
      </c>
      <c r="I26224" s="1" t="s">
        <v>86055</v>
      </c>
      <c r="J26224" s="1" t="s">
        <v>93928</v>
      </c>
    </row>
    <row r="26225" spans="1:10" x14ac:dyDescent="0.35">
      <c r="A26225" s="1" t="s">
        <v>93852</v>
      </c>
      <c r="B26225" s="1" t="s">
        <v>86049</v>
      </c>
      <c r="C26225" s="1" t="s">
        <v>115</v>
      </c>
      <c r="D26225" s="1" t="s">
        <v>93929</v>
      </c>
      <c r="E26225" s="1" t="s">
        <v>93930</v>
      </c>
      <c r="F26225" s="1" t="s">
        <v>93931</v>
      </c>
      <c r="G26225" s="1" t="s">
        <v>93856</v>
      </c>
      <c r="H26225" s="1" t="s">
        <v>93857</v>
      </c>
      <c r="I26225" s="1" t="s">
        <v>86055</v>
      </c>
      <c r="J26225" s="1" t="s">
        <v>93932</v>
      </c>
    </row>
    <row r="26226" spans="1:10" x14ac:dyDescent="0.35">
      <c r="A26226" s="1" t="s">
        <v>93852</v>
      </c>
      <c r="B26226" s="1" t="s">
        <v>86049</v>
      </c>
      <c r="C26226" s="1" t="s">
        <v>120</v>
      </c>
      <c r="D26226" s="1" t="s">
        <v>59312</v>
      </c>
      <c r="E26226" s="1" t="s">
        <v>93933</v>
      </c>
      <c r="F26226" s="1" t="s">
        <v>93934</v>
      </c>
      <c r="G26226" s="1" t="s">
        <v>93856</v>
      </c>
      <c r="H26226" s="1" t="s">
        <v>93857</v>
      </c>
      <c r="I26226" s="1" t="s">
        <v>86055</v>
      </c>
      <c r="J26226" s="1" t="s">
        <v>93935</v>
      </c>
    </row>
    <row r="26227" spans="1:10" x14ac:dyDescent="0.35">
      <c r="A26227" s="1" t="s">
        <v>93852</v>
      </c>
      <c r="B26227" s="1" t="s">
        <v>86049</v>
      </c>
      <c r="C26227" s="1" t="s">
        <v>125</v>
      </c>
      <c r="D26227" s="1" t="s">
        <v>93936</v>
      </c>
      <c r="E26227" s="1" t="s">
        <v>93937</v>
      </c>
      <c r="F26227" s="1" t="s">
        <v>93938</v>
      </c>
      <c r="G26227" s="1" t="s">
        <v>93856</v>
      </c>
      <c r="H26227" s="1" t="s">
        <v>93857</v>
      </c>
      <c r="I26227" s="1" t="s">
        <v>86055</v>
      </c>
      <c r="J26227" s="1" t="s">
        <v>93939</v>
      </c>
    </row>
    <row r="26228" spans="1:10" x14ac:dyDescent="0.35">
      <c r="A26228" s="1" t="s">
        <v>93852</v>
      </c>
      <c r="B26228" s="1" t="s">
        <v>86049</v>
      </c>
      <c r="C26228" s="1" t="s">
        <v>130</v>
      </c>
      <c r="D26228" s="1" t="s">
        <v>93940</v>
      </c>
      <c r="E26228" s="1" t="s">
        <v>93941</v>
      </c>
      <c r="F26228" s="1" t="s">
        <v>93942</v>
      </c>
      <c r="G26228" s="1" t="s">
        <v>93856</v>
      </c>
      <c r="H26228" s="1" t="s">
        <v>93857</v>
      </c>
      <c r="I26228" s="1" t="s">
        <v>86055</v>
      </c>
      <c r="J26228" s="1" t="s">
        <v>93943</v>
      </c>
    </row>
    <row r="26229" spans="1:10" x14ac:dyDescent="0.35">
      <c r="A26229" s="1" t="s">
        <v>93852</v>
      </c>
      <c r="B26229" s="1" t="s">
        <v>86049</v>
      </c>
      <c r="C26229" s="1" t="s">
        <v>135</v>
      </c>
      <c r="D26229" s="1" t="s">
        <v>93944</v>
      </c>
      <c r="E26229" s="1" t="s">
        <v>93945</v>
      </c>
      <c r="F26229" s="1" t="s">
        <v>93946</v>
      </c>
      <c r="G26229" s="1" t="s">
        <v>93856</v>
      </c>
      <c r="H26229" s="1" t="s">
        <v>93857</v>
      </c>
      <c r="I26229" s="1" t="s">
        <v>86055</v>
      </c>
      <c r="J26229" s="1" t="s">
        <v>93947</v>
      </c>
    </row>
    <row r="26230" spans="1:10" x14ac:dyDescent="0.35">
      <c r="A26230" s="1" t="s">
        <v>93852</v>
      </c>
      <c r="B26230" s="1" t="s">
        <v>86049</v>
      </c>
      <c r="C26230" s="1" t="s">
        <v>140</v>
      </c>
      <c r="D26230" s="1" t="s">
        <v>93948</v>
      </c>
      <c r="E26230" s="1" t="s">
        <v>93949</v>
      </c>
      <c r="F26230" s="1" t="s">
        <v>93950</v>
      </c>
      <c r="G26230" s="1" t="s">
        <v>93856</v>
      </c>
      <c r="H26230" s="1" t="s">
        <v>93857</v>
      </c>
      <c r="I26230" s="1" t="s">
        <v>86055</v>
      </c>
      <c r="J26230" s="1" t="s">
        <v>93951</v>
      </c>
    </row>
    <row r="26231" spans="1:10" x14ac:dyDescent="0.35">
      <c r="A26231" s="1" t="s">
        <v>93852</v>
      </c>
      <c r="B26231" s="1" t="s">
        <v>86049</v>
      </c>
      <c r="C26231" s="1" t="s">
        <v>145</v>
      </c>
      <c r="D26231" s="1" t="s">
        <v>93952</v>
      </c>
      <c r="E26231" s="1" t="s">
        <v>93953</v>
      </c>
      <c r="F26231" s="1" t="s">
        <v>93954</v>
      </c>
      <c r="G26231" s="1" t="s">
        <v>93856</v>
      </c>
      <c r="H26231" s="1" t="s">
        <v>93857</v>
      </c>
      <c r="I26231" s="1" t="s">
        <v>86055</v>
      </c>
      <c r="J26231" s="1" t="s">
        <v>93955</v>
      </c>
    </row>
    <row r="26232" spans="1:10" x14ac:dyDescent="0.35">
      <c r="A26232" s="1" t="s">
        <v>93852</v>
      </c>
      <c r="B26232" s="1" t="s">
        <v>86049</v>
      </c>
      <c r="C26232" s="1" t="s">
        <v>150</v>
      </c>
      <c r="D26232" s="1" t="s">
        <v>26766</v>
      </c>
      <c r="E26232" s="1" t="s">
        <v>93956</v>
      </c>
      <c r="F26232" s="1" t="s">
        <v>93957</v>
      </c>
      <c r="G26232" s="1" t="s">
        <v>93856</v>
      </c>
      <c r="H26232" s="1" t="s">
        <v>93857</v>
      </c>
      <c r="I26232" s="1" t="s">
        <v>86055</v>
      </c>
      <c r="J26232" s="1" t="s">
        <v>93958</v>
      </c>
    </row>
    <row r="26233" spans="1:10" x14ac:dyDescent="0.35">
      <c r="A26233" s="1" t="s">
        <v>93852</v>
      </c>
      <c r="B26233" s="1" t="s">
        <v>86049</v>
      </c>
      <c r="C26233" s="1" t="s">
        <v>155</v>
      </c>
      <c r="D26233" s="1" t="s">
        <v>93959</v>
      </c>
      <c r="E26233" s="1" t="s">
        <v>93960</v>
      </c>
      <c r="F26233" s="1" t="s">
        <v>93961</v>
      </c>
      <c r="G26233" s="1" t="s">
        <v>93856</v>
      </c>
      <c r="H26233" s="1" t="s">
        <v>93857</v>
      </c>
      <c r="I26233" s="1" t="s">
        <v>86055</v>
      </c>
      <c r="J26233" s="1" t="s">
        <v>93962</v>
      </c>
    </row>
    <row r="26234" spans="1:10" x14ac:dyDescent="0.35">
      <c r="A26234" s="1" t="s">
        <v>93852</v>
      </c>
      <c r="B26234" s="1" t="s">
        <v>86049</v>
      </c>
      <c r="C26234" s="1" t="s">
        <v>160</v>
      </c>
      <c r="D26234" s="1" t="s">
        <v>87157</v>
      </c>
      <c r="E26234" s="1" t="s">
        <v>93963</v>
      </c>
      <c r="F26234" s="1" t="s">
        <v>93964</v>
      </c>
      <c r="G26234" s="1" t="s">
        <v>93856</v>
      </c>
      <c r="H26234" s="1" t="s">
        <v>93857</v>
      </c>
      <c r="I26234" s="1" t="s">
        <v>86055</v>
      </c>
      <c r="J26234" s="1" t="s">
        <v>93965</v>
      </c>
    </row>
    <row r="26235" spans="1:10" x14ac:dyDescent="0.35">
      <c r="A26235" s="1" t="s">
        <v>93852</v>
      </c>
      <c r="B26235" s="1" t="s">
        <v>86049</v>
      </c>
      <c r="C26235" s="1" t="s">
        <v>165</v>
      </c>
      <c r="D26235" s="1" t="s">
        <v>93966</v>
      </c>
      <c r="E26235" s="1" t="s">
        <v>93967</v>
      </c>
      <c r="F26235" s="1" t="s">
        <v>93968</v>
      </c>
      <c r="G26235" s="1" t="s">
        <v>93856</v>
      </c>
      <c r="H26235" s="1" t="s">
        <v>93857</v>
      </c>
      <c r="I26235" s="1" t="s">
        <v>86055</v>
      </c>
      <c r="J26235" s="1" t="s">
        <v>93969</v>
      </c>
    </row>
    <row r="26236" spans="1:10" x14ac:dyDescent="0.35">
      <c r="A26236" s="1" t="s">
        <v>93852</v>
      </c>
      <c r="B26236" s="1" t="s">
        <v>86049</v>
      </c>
      <c r="C26236" s="1" t="s">
        <v>170</v>
      </c>
      <c r="D26236" s="1" t="s">
        <v>24699</v>
      </c>
      <c r="E26236" s="1" t="s">
        <v>93970</v>
      </c>
      <c r="F26236" s="1" t="s">
        <v>93971</v>
      </c>
      <c r="G26236" s="1" t="s">
        <v>93856</v>
      </c>
      <c r="H26236" s="1" t="s">
        <v>93857</v>
      </c>
      <c r="I26236" s="1" t="s">
        <v>86055</v>
      </c>
      <c r="J26236" s="1" t="s">
        <v>93972</v>
      </c>
    </row>
    <row r="26237" spans="1:10" x14ac:dyDescent="0.35">
      <c r="A26237" s="1" t="s">
        <v>25092</v>
      </c>
      <c r="B26237" s="1" t="s">
        <v>86049</v>
      </c>
      <c r="C26237" s="1" t="s">
        <v>8</v>
      </c>
      <c r="D26237" s="1" t="s">
        <v>93973</v>
      </c>
      <c r="E26237" s="1" t="s">
        <v>93974</v>
      </c>
      <c r="F26237" s="1" t="s">
        <v>93975</v>
      </c>
      <c r="G26237" s="1" t="s">
        <v>93976</v>
      </c>
      <c r="H26237" s="1" t="s">
        <v>93977</v>
      </c>
      <c r="I26237" s="1" t="s">
        <v>86055</v>
      </c>
      <c r="J26237" s="1" t="s">
        <v>13</v>
      </c>
    </row>
    <row r="26238" spans="1:10" x14ac:dyDescent="0.35">
      <c r="A26238" s="1" t="s">
        <v>25092</v>
      </c>
      <c r="B26238" s="1" t="s">
        <v>86049</v>
      </c>
      <c r="C26238" s="1" t="s">
        <v>15</v>
      </c>
      <c r="D26238" s="1" t="s">
        <v>93978</v>
      </c>
      <c r="E26238" s="1" t="s">
        <v>93979</v>
      </c>
      <c r="F26238" s="1" t="s">
        <v>93980</v>
      </c>
      <c r="G26238" s="1" t="s">
        <v>93976</v>
      </c>
      <c r="H26238" s="1" t="s">
        <v>93977</v>
      </c>
      <c r="I26238" s="1" t="s">
        <v>86055</v>
      </c>
      <c r="J26238" s="1" t="s">
        <v>93981</v>
      </c>
    </row>
    <row r="26239" spans="1:10" x14ac:dyDescent="0.35">
      <c r="A26239" s="1" t="s">
        <v>25092</v>
      </c>
      <c r="B26239" s="1" t="s">
        <v>86049</v>
      </c>
      <c r="C26239" s="1" t="s">
        <v>20</v>
      </c>
      <c r="D26239" s="1" t="s">
        <v>93982</v>
      </c>
      <c r="E26239" s="1" t="s">
        <v>93983</v>
      </c>
      <c r="F26239" s="1" t="s">
        <v>93984</v>
      </c>
      <c r="G26239" s="1" t="s">
        <v>93976</v>
      </c>
      <c r="H26239" s="1" t="s">
        <v>93977</v>
      </c>
      <c r="I26239" s="1" t="s">
        <v>86055</v>
      </c>
      <c r="J26239" s="1" t="s">
        <v>93985</v>
      </c>
    </row>
    <row r="26240" spans="1:10" x14ac:dyDescent="0.35">
      <c r="A26240" s="1" t="s">
        <v>25092</v>
      </c>
      <c r="B26240" s="1" t="s">
        <v>86049</v>
      </c>
      <c r="C26240" s="1" t="s">
        <v>25</v>
      </c>
      <c r="D26240" s="1" t="s">
        <v>93986</v>
      </c>
      <c r="E26240" s="1" t="s">
        <v>93987</v>
      </c>
      <c r="F26240" s="1" t="s">
        <v>93988</v>
      </c>
      <c r="G26240" s="1" t="s">
        <v>93976</v>
      </c>
      <c r="H26240" s="1" t="s">
        <v>93977</v>
      </c>
      <c r="I26240" s="1" t="s">
        <v>86055</v>
      </c>
      <c r="J26240" s="1" t="s">
        <v>92182</v>
      </c>
    </row>
    <row r="26241" spans="1:10" x14ac:dyDescent="0.35">
      <c r="A26241" s="1" t="s">
        <v>25092</v>
      </c>
      <c r="B26241" s="1" t="s">
        <v>86049</v>
      </c>
      <c r="C26241" s="1" t="s">
        <v>30</v>
      </c>
      <c r="D26241" s="1" t="s">
        <v>65734</v>
      </c>
      <c r="E26241" s="1" t="s">
        <v>93989</v>
      </c>
      <c r="F26241" s="1" t="s">
        <v>93990</v>
      </c>
      <c r="G26241" s="1" t="s">
        <v>93976</v>
      </c>
      <c r="H26241" s="1" t="s">
        <v>93977</v>
      </c>
      <c r="I26241" s="1" t="s">
        <v>86055</v>
      </c>
      <c r="J26241" s="1" t="s">
        <v>93991</v>
      </c>
    </row>
    <row r="26242" spans="1:10" x14ac:dyDescent="0.35">
      <c r="A26242" s="1" t="s">
        <v>25092</v>
      </c>
      <c r="B26242" s="1" t="s">
        <v>86049</v>
      </c>
      <c r="C26242" s="1" t="s">
        <v>35</v>
      </c>
      <c r="D26242" s="1" t="s">
        <v>93992</v>
      </c>
      <c r="E26242" s="1" t="s">
        <v>93993</v>
      </c>
      <c r="F26242" s="1" t="s">
        <v>93994</v>
      </c>
      <c r="G26242" s="1" t="s">
        <v>93976</v>
      </c>
      <c r="H26242" s="1" t="s">
        <v>93977</v>
      </c>
      <c r="I26242" s="1" t="s">
        <v>86055</v>
      </c>
      <c r="J26242" s="1" t="s">
        <v>93995</v>
      </c>
    </row>
    <row r="26243" spans="1:10" x14ac:dyDescent="0.35">
      <c r="A26243" s="1" t="s">
        <v>25092</v>
      </c>
      <c r="B26243" s="1" t="s">
        <v>86049</v>
      </c>
      <c r="C26243" s="1" t="s">
        <v>40</v>
      </c>
      <c r="D26243" s="1" t="s">
        <v>86232</v>
      </c>
      <c r="E26243" s="1" t="s">
        <v>93996</v>
      </c>
      <c r="F26243" s="1" t="s">
        <v>93997</v>
      </c>
      <c r="G26243" s="1" t="s">
        <v>93976</v>
      </c>
      <c r="H26243" s="1" t="s">
        <v>93977</v>
      </c>
      <c r="I26243" s="1" t="s">
        <v>86055</v>
      </c>
      <c r="J26243" s="1" t="s">
        <v>93998</v>
      </c>
    </row>
    <row r="26244" spans="1:10" x14ac:dyDescent="0.35">
      <c r="A26244" s="1" t="s">
        <v>25092</v>
      </c>
      <c r="B26244" s="1" t="s">
        <v>86049</v>
      </c>
      <c r="C26244" s="1" t="s">
        <v>45</v>
      </c>
      <c r="D26244" s="1" t="s">
        <v>93999</v>
      </c>
      <c r="E26244" s="1" t="s">
        <v>94000</v>
      </c>
      <c r="F26244" s="1" t="s">
        <v>94001</v>
      </c>
      <c r="G26244" s="1" t="s">
        <v>93976</v>
      </c>
      <c r="H26244" s="1" t="s">
        <v>93977</v>
      </c>
      <c r="I26244" s="1" t="s">
        <v>86055</v>
      </c>
      <c r="J26244" s="1" t="s">
        <v>94002</v>
      </c>
    </row>
    <row r="26245" spans="1:10" x14ac:dyDescent="0.35">
      <c r="A26245" s="1" t="s">
        <v>25092</v>
      </c>
      <c r="B26245" s="1" t="s">
        <v>86049</v>
      </c>
      <c r="C26245" s="1" t="s">
        <v>50</v>
      </c>
      <c r="D26245" s="1" t="s">
        <v>52767</v>
      </c>
      <c r="E26245" s="1" t="s">
        <v>94003</v>
      </c>
      <c r="F26245" s="1" t="s">
        <v>94004</v>
      </c>
      <c r="G26245" s="1" t="s">
        <v>93976</v>
      </c>
      <c r="H26245" s="1" t="s">
        <v>93977</v>
      </c>
      <c r="I26245" s="1" t="s">
        <v>86055</v>
      </c>
      <c r="J26245" s="1" t="s">
        <v>94005</v>
      </c>
    </row>
    <row r="26246" spans="1:10" x14ac:dyDescent="0.35">
      <c r="A26246" s="1" t="s">
        <v>25092</v>
      </c>
      <c r="B26246" s="1" t="s">
        <v>86049</v>
      </c>
      <c r="C26246" s="1" t="s">
        <v>55</v>
      </c>
      <c r="D26246" s="1" t="s">
        <v>92746</v>
      </c>
      <c r="E26246" s="1" t="s">
        <v>94006</v>
      </c>
      <c r="F26246" s="1" t="s">
        <v>94007</v>
      </c>
      <c r="G26246" s="1" t="s">
        <v>93976</v>
      </c>
      <c r="H26246" s="1" t="s">
        <v>93977</v>
      </c>
      <c r="I26246" s="1" t="s">
        <v>86055</v>
      </c>
      <c r="J26246" s="1" t="s">
        <v>94008</v>
      </c>
    </row>
    <row r="26247" spans="1:10" x14ac:dyDescent="0.35">
      <c r="A26247" s="1" t="s">
        <v>25092</v>
      </c>
      <c r="B26247" s="1" t="s">
        <v>86049</v>
      </c>
      <c r="C26247" s="1" t="s">
        <v>60</v>
      </c>
      <c r="D26247" s="1" t="s">
        <v>94009</v>
      </c>
      <c r="E26247" s="1" t="s">
        <v>94010</v>
      </c>
      <c r="F26247" s="1" t="s">
        <v>94011</v>
      </c>
      <c r="G26247" s="1" t="s">
        <v>93976</v>
      </c>
      <c r="H26247" s="1" t="s">
        <v>93977</v>
      </c>
      <c r="I26247" s="1" t="s">
        <v>86055</v>
      </c>
      <c r="J26247" s="1" t="s">
        <v>94012</v>
      </c>
    </row>
    <row r="26248" spans="1:10" x14ac:dyDescent="0.35">
      <c r="A26248" s="1" t="s">
        <v>25092</v>
      </c>
      <c r="B26248" s="1" t="s">
        <v>86049</v>
      </c>
      <c r="C26248" s="1" t="s">
        <v>65</v>
      </c>
      <c r="D26248" s="1" t="s">
        <v>94013</v>
      </c>
      <c r="E26248" s="1" t="s">
        <v>94014</v>
      </c>
      <c r="F26248" s="1" t="s">
        <v>94015</v>
      </c>
      <c r="G26248" s="1" t="s">
        <v>93976</v>
      </c>
      <c r="H26248" s="1" t="s">
        <v>93977</v>
      </c>
      <c r="I26248" s="1" t="s">
        <v>86055</v>
      </c>
      <c r="J26248" s="1" t="s">
        <v>94016</v>
      </c>
    </row>
    <row r="26249" spans="1:10" x14ac:dyDescent="0.35">
      <c r="A26249" s="1" t="s">
        <v>25092</v>
      </c>
      <c r="B26249" s="1" t="s">
        <v>86049</v>
      </c>
      <c r="C26249" s="1" t="s">
        <v>70</v>
      </c>
      <c r="D26249" s="1" t="s">
        <v>94017</v>
      </c>
      <c r="E26249" s="1" t="s">
        <v>94018</v>
      </c>
      <c r="F26249" s="1" t="s">
        <v>94019</v>
      </c>
      <c r="G26249" s="1" t="s">
        <v>93976</v>
      </c>
      <c r="H26249" s="1" t="s">
        <v>93977</v>
      </c>
      <c r="I26249" s="1" t="s">
        <v>86055</v>
      </c>
      <c r="J26249" s="1" t="s">
        <v>94020</v>
      </c>
    </row>
    <row r="26250" spans="1:10" x14ac:dyDescent="0.35">
      <c r="A26250" s="1" t="s">
        <v>25092</v>
      </c>
      <c r="B26250" s="1" t="s">
        <v>86049</v>
      </c>
      <c r="C26250" s="1" t="s">
        <v>75</v>
      </c>
      <c r="D26250" s="1" t="s">
        <v>87874</v>
      </c>
      <c r="E26250" s="1" t="s">
        <v>94021</v>
      </c>
      <c r="F26250" s="1" t="s">
        <v>94022</v>
      </c>
      <c r="G26250" s="1" t="s">
        <v>93976</v>
      </c>
      <c r="H26250" s="1" t="s">
        <v>93977</v>
      </c>
      <c r="I26250" s="1" t="s">
        <v>86055</v>
      </c>
      <c r="J26250" s="1" t="s">
        <v>94023</v>
      </c>
    </row>
    <row r="26251" spans="1:10" x14ac:dyDescent="0.35">
      <c r="A26251" s="1" t="s">
        <v>25092</v>
      </c>
      <c r="B26251" s="1" t="s">
        <v>86049</v>
      </c>
      <c r="C26251" s="1" t="s">
        <v>80</v>
      </c>
      <c r="D26251" s="1" t="s">
        <v>94024</v>
      </c>
      <c r="E26251" s="1" t="s">
        <v>94025</v>
      </c>
      <c r="F26251" s="1" t="s">
        <v>94026</v>
      </c>
      <c r="G26251" s="1" t="s">
        <v>93976</v>
      </c>
      <c r="H26251" s="1" t="s">
        <v>93977</v>
      </c>
      <c r="I26251" s="1" t="s">
        <v>86055</v>
      </c>
      <c r="J26251" s="1" t="s">
        <v>94027</v>
      </c>
    </row>
    <row r="26252" spans="1:10" x14ac:dyDescent="0.35">
      <c r="A26252" s="1" t="s">
        <v>25092</v>
      </c>
      <c r="B26252" s="1" t="s">
        <v>86049</v>
      </c>
      <c r="C26252" s="1" t="s">
        <v>85</v>
      </c>
      <c r="D26252" s="1" t="s">
        <v>94028</v>
      </c>
      <c r="E26252" s="1" t="s">
        <v>94029</v>
      </c>
      <c r="F26252" s="1" t="s">
        <v>94030</v>
      </c>
      <c r="G26252" s="1" t="s">
        <v>93976</v>
      </c>
      <c r="H26252" s="1" t="s">
        <v>93977</v>
      </c>
      <c r="I26252" s="1" t="s">
        <v>86055</v>
      </c>
      <c r="J26252" s="1" t="s">
        <v>94031</v>
      </c>
    </row>
    <row r="26253" spans="1:10" x14ac:dyDescent="0.35">
      <c r="A26253" s="1" t="s">
        <v>25092</v>
      </c>
      <c r="B26253" s="1" t="s">
        <v>86049</v>
      </c>
      <c r="C26253" s="1" t="s">
        <v>90</v>
      </c>
      <c r="D26253" s="1" t="s">
        <v>94032</v>
      </c>
      <c r="E26253" s="1" t="s">
        <v>94033</v>
      </c>
      <c r="F26253" s="1" t="s">
        <v>94034</v>
      </c>
      <c r="G26253" s="1" t="s">
        <v>93976</v>
      </c>
      <c r="H26253" s="1" t="s">
        <v>93977</v>
      </c>
      <c r="I26253" s="1" t="s">
        <v>86055</v>
      </c>
      <c r="J26253" s="1" t="s">
        <v>94035</v>
      </c>
    </row>
    <row r="26254" spans="1:10" x14ac:dyDescent="0.35">
      <c r="A26254" s="1" t="s">
        <v>25092</v>
      </c>
      <c r="B26254" s="1" t="s">
        <v>86049</v>
      </c>
      <c r="C26254" s="1" t="s">
        <v>95</v>
      </c>
      <c r="D26254" s="1" t="s">
        <v>94036</v>
      </c>
      <c r="E26254" s="1" t="s">
        <v>94037</v>
      </c>
      <c r="F26254" s="1" t="s">
        <v>94038</v>
      </c>
      <c r="G26254" s="1" t="s">
        <v>93976</v>
      </c>
      <c r="H26254" s="1" t="s">
        <v>93977</v>
      </c>
      <c r="I26254" s="1" t="s">
        <v>86055</v>
      </c>
      <c r="J26254" s="1" t="s">
        <v>94039</v>
      </c>
    </row>
    <row r="26255" spans="1:10" x14ac:dyDescent="0.35">
      <c r="A26255" s="1" t="s">
        <v>25092</v>
      </c>
      <c r="B26255" s="1" t="s">
        <v>86049</v>
      </c>
      <c r="C26255" s="1" t="s">
        <v>100</v>
      </c>
      <c r="D26255" s="1" t="s">
        <v>65143</v>
      </c>
      <c r="E26255" s="1" t="s">
        <v>94040</v>
      </c>
      <c r="F26255" s="1" t="s">
        <v>94041</v>
      </c>
      <c r="G26255" s="1" t="s">
        <v>93976</v>
      </c>
      <c r="H26255" s="1" t="s">
        <v>93977</v>
      </c>
      <c r="I26255" s="1" t="s">
        <v>86055</v>
      </c>
      <c r="J26255" s="1" t="s">
        <v>94042</v>
      </c>
    </row>
    <row r="26256" spans="1:10" x14ac:dyDescent="0.35">
      <c r="A26256" s="1" t="s">
        <v>25092</v>
      </c>
      <c r="B26256" s="1" t="s">
        <v>86049</v>
      </c>
      <c r="C26256" s="1" t="s">
        <v>105</v>
      </c>
      <c r="D26256" s="1" t="s">
        <v>60263</v>
      </c>
      <c r="E26256" s="1" t="s">
        <v>94043</v>
      </c>
      <c r="F26256" s="1" t="s">
        <v>94044</v>
      </c>
      <c r="G26256" s="1" t="s">
        <v>93976</v>
      </c>
      <c r="H26256" s="1" t="s">
        <v>93977</v>
      </c>
      <c r="I26256" s="1" t="s">
        <v>86055</v>
      </c>
      <c r="J26256" s="1" t="s">
        <v>94045</v>
      </c>
    </row>
    <row r="26257" spans="1:10" x14ac:dyDescent="0.35">
      <c r="A26257" s="1" t="s">
        <v>25092</v>
      </c>
      <c r="B26257" s="1" t="s">
        <v>86049</v>
      </c>
      <c r="C26257" s="1" t="s">
        <v>110</v>
      </c>
      <c r="D26257" s="1" t="s">
        <v>94046</v>
      </c>
      <c r="E26257" s="1" t="s">
        <v>94047</v>
      </c>
      <c r="F26257" s="1" t="s">
        <v>94048</v>
      </c>
      <c r="G26257" s="1" t="s">
        <v>93976</v>
      </c>
      <c r="H26257" s="1" t="s">
        <v>93977</v>
      </c>
      <c r="I26257" s="1" t="s">
        <v>86055</v>
      </c>
      <c r="J26257" s="1" t="s">
        <v>94049</v>
      </c>
    </row>
    <row r="26258" spans="1:10" x14ac:dyDescent="0.35">
      <c r="A26258" s="1" t="s">
        <v>25092</v>
      </c>
      <c r="B26258" s="1" t="s">
        <v>86049</v>
      </c>
      <c r="C26258" s="1" t="s">
        <v>115</v>
      </c>
      <c r="D26258" s="1" t="s">
        <v>94050</v>
      </c>
      <c r="E26258" s="1" t="s">
        <v>94051</v>
      </c>
      <c r="F26258" s="1" t="s">
        <v>94052</v>
      </c>
      <c r="G26258" s="1" t="s">
        <v>93976</v>
      </c>
      <c r="H26258" s="1" t="s">
        <v>93977</v>
      </c>
      <c r="I26258" s="1" t="s">
        <v>86055</v>
      </c>
      <c r="J26258" s="1" t="s">
        <v>94053</v>
      </c>
    </row>
    <row r="26259" spans="1:10" x14ac:dyDescent="0.35">
      <c r="A26259" s="1" t="s">
        <v>25092</v>
      </c>
      <c r="B26259" s="1" t="s">
        <v>86049</v>
      </c>
      <c r="C26259" s="1" t="s">
        <v>120</v>
      </c>
      <c r="D26259" s="1" t="s">
        <v>94054</v>
      </c>
      <c r="E26259" s="1" t="s">
        <v>94055</v>
      </c>
      <c r="F26259" s="1" t="s">
        <v>94056</v>
      </c>
      <c r="G26259" s="1" t="s">
        <v>93976</v>
      </c>
      <c r="H26259" s="1" t="s">
        <v>93977</v>
      </c>
      <c r="I26259" s="1" t="s">
        <v>86055</v>
      </c>
      <c r="J26259" s="1" t="s">
        <v>94057</v>
      </c>
    </row>
    <row r="26260" spans="1:10" x14ac:dyDescent="0.35">
      <c r="A26260" s="1" t="s">
        <v>25092</v>
      </c>
      <c r="B26260" s="1" t="s">
        <v>86049</v>
      </c>
      <c r="C26260" s="1" t="s">
        <v>125</v>
      </c>
      <c r="D26260" s="1" t="s">
        <v>23159</v>
      </c>
      <c r="E26260" s="1" t="s">
        <v>94058</v>
      </c>
      <c r="F26260" s="1" t="s">
        <v>94059</v>
      </c>
      <c r="G26260" s="1" t="s">
        <v>93976</v>
      </c>
      <c r="H26260" s="1" t="s">
        <v>93977</v>
      </c>
      <c r="I26260" s="1" t="s">
        <v>86055</v>
      </c>
      <c r="J26260" s="1" t="s">
        <v>94060</v>
      </c>
    </row>
    <row r="26261" spans="1:10" x14ac:dyDescent="0.35">
      <c r="A26261" s="1" t="s">
        <v>25092</v>
      </c>
      <c r="B26261" s="1" t="s">
        <v>86049</v>
      </c>
      <c r="C26261" s="1" t="s">
        <v>130</v>
      </c>
      <c r="D26261" s="1" t="s">
        <v>94061</v>
      </c>
      <c r="E26261" s="1" t="s">
        <v>94062</v>
      </c>
      <c r="F26261" s="1" t="s">
        <v>94063</v>
      </c>
      <c r="G26261" s="1" t="s">
        <v>93976</v>
      </c>
      <c r="H26261" s="1" t="s">
        <v>93977</v>
      </c>
      <c r="I26261" s="1" t="s">
        <v>86055</v>
      </c>
      <c r="J26261" s="1" t="s">
        <v>94064</v>
      </c>
    </row>
    <row r="26262" spans="1:10" x14ac:dyDescent="0.35">
      <c r="A26262" s="1" t="s">
        <v>25092</v>
      </c>
      <c r="B26262" s="1" t="s">
        <v>86049</v>
      </c>
      <c r="C26262" s="1" t="s">
        <v>135</v>
      </c>
      <c r="D26262" s="1" t="s">
        <v>94065</v>
      </c>
      <c r="E26262" s="1" t="s">
        <v>94066</v>
      </c>
      <c r="F26262" s="1" t="s">
        <v>94067</v>
      </c>
      <c r="G26262" s="1" t="s">
        <v>93976</v>
      </c>
      <c r="H26262" s="1" t="s">
        <v>93977</v>
      </c>
      <c r="I26262" s="1" t="s">
        <v>86055</v>
      </c>
      <c r="J26262" s="1" t="s">
        <v>94068</v>
      </c>
    </row>
    <row r="26263" spans="1:10" x14ac:dyDescent="0.35">
      <c r="A26263" s="1" t="s">
        <v>25092</v>
      </c>
      <c r="B26263" s="1" t="s">
        <v>86049</v>
      </c>
      <c r="C26263" s="1" t="s">
        <v>140</v>
      </c>
      <c r="D26263" s="1" t="s">
        <v>94069</v>
      </c>
      <c r="E26263" s="1" t="s">
        <v>94070</v>
      </c>
      <c r="F26263" s="1" t="s">
        <v>94071</v>
      </c>
      <c r="G26263" s="1" t="s">
        <v>93976</v>
      </c>
      <c r="H26263" s="1" t="s">
        <v>93977</v>
      </c>
      <c r="I26263" s="1" t="s">
        <v>86055</v>
      </c>
      <c r="J26263" s="1" t="s">
        <v>94072</v>
      </c>
    </row>
    <row r="26264" spans="1:10" x14ac:dyDescent="0.35">
      <c r="A26264" s="1" t="s">
        <v>25092</v>
      </c>
      <c r="B26264" s="1" t="s">
        <v>86049</v>
      </c>
      <c r="C26264" s="1" t="s">
        <v>145</v>
      </c>
      <c r="D26264" s="1" t="s">
        <v>94073</v>
      </c>
      <c r="E26264" s="1" t="s">
        <v>94074</v>
      </c>
      <c r="F26264" s="1" t="s">
        <v>94075</v>
      </c>
      <c r="G26264" s="1" t="s">
        <v>93976</v>
      </c>
      <c r="H26264" s="1" t="s">
        <v>93977</v>
      </c>
      <c r="I26264" s="1" t="s">
        <v>86055</v>
      </c>
      <c r="J26264" s="1" t="s">
        <v>94076</v>
      </c>
    </row>
    <row r="26265" spans="1:10" x14ac:dyDescent="0.35">
      <c r="A26265" s="1" t="s">
        <v>25092</v>
      </c>
      <c r="B26265" s="1" t="s">
        <v>86049</v>
      </c>
      <c r="C26265" s="1" t="s">
        <v>150</v>
      </c>
      <c r="D26265" s="1" t="s">
        <v>94077</v>
      </c>
      <c r="E26265" s="1" t="s">
        <v>94078</v>
      </c>
      <c r="F26265" s="1" t="s">
        <v>94079</v>
      </c>
      <c r="G26265" s="1" t="s">
        <v>93976</v>
      </c>
      <c r="H26265" s="1" t="s">
        <v>93977</v>
      </c>
      <c r="I26265" s="1" t="s">
        <v>86055</v>
      </c>
      <c r="J26265" s="1" t="s">
        <v>94080</v>
      </c>
    </row>
    <row r="26266" spans="1:10" x14ac:dyDescent="0.35">
      <c r="A26266" s="1" t="s">
        <v>25092</v>
      </c>
      <c r="B26266" s="1" t="s">
        <v>86049</v>
      </c>
      <c r="C26266" s="1" t="s">
        <v>155</v>
      </c>
      <c r="D26266" s="1" t="s">
        <v>63105</v>
      </c>
      <c r="E26266" s="1" t="s">
        <v>94081</v>
      </c>
      <c r="F26266" s="1" t="s">
        <v>94082</v>
      </c>
      <c r="G26266" s="1" t="s">
        <v>93976</v>
      </c>
      <c r="H26266" s="1" t="s">
        <v>93977</v>
      </c>
      <c r="I26266" s="1" t="s">
        <v>86055</v>
      </c>
      <c r="J26266" s="1" t="s">
        <v>94083</v>
      </c>
    </row>
    <row r="26267" spans="1:10" x14ac:dyDescent="0.35">
      <c r="A26267" s="1" t="s">
        <v>25092</v>
      </c>
      <c r="B26267" s="1" t="s">
        <v>86049</v>
      </c>
      <c r="C26267" s="1" t="s">
        <v>160</v>
      </c>
      <c r="D26267" s="1" t="s">
        <v>94084</v>
      </c>
      <c r="E26267" s="1" t="s">
        <v>94085</v>
      </c>
      <c r="F26267" s="1" t="s">
        <v>94086</v>
      </c>
      <c r="G26267" s="1" t="s">
        <v>93976</v>
      </c>
      <c r="H26267" s="1" t="s">
        <v>93977</v>
      </c>
      <c r="I26267" s="1" t="s">
        <v>86055</v>
      </c>
      <c r="J26267" s="1" t="s">
        <v>94087</v>
      </c>
    </row>
    <row r="26268" spans="1:10" x14ac:dyDescent="0.35">
      <c r="A26268" s="1" t="s">
        <v>25092</v>
      </c>
      <c r="B26268" s="1" t="s">
        <v>86049</v>
      </c>
      <c r="C26268" s="1" t="s">
        <v>165</v>
      </c>
      <c r="D26268" s="1" t="s">
        <v>41333</v>
      </c>
      <c r="E26268" s="1" t="s">
        <v>94088</v>
      </c>
      <c r="F26268" s="1" t="s">
        <v>94089</v>
      </c>
      <c r="G26268" s="1" t="s">
        <v>93976</v>
      </c>
      <c r="H26268" s="1" t="s">
        <v>93977</v>
      </c>
      <c r="I26268" s="1" t="s">
        <v>86055</v>
      </c>
      <c r="J26268" s="1" t="s">
        <v>94090</v>
      </c>
    </row>
    <row r="26269" spans="1:10" x14ac:dyDescent="0.35">
      <c r="A26269" s="1" t="s">
        <v>25092</v>
      </c>
      <c r="B26269" s="1" t="s">
        <v>86049</v>
      </c>
      <c r="C26269" s="1" t="s">
        <v>170</v>
      </c>
      <c r="D26269" s="1" t="s">
        <v>94091</v>
      </c>
      <c r="E26269" s="1" t="s">
        <v>94092</v>
      </c>
      <c r="F26269" s="1" t="s">
        <v>94093</v>
      </c>
      <c r="G26269" s="1" t="s">
        <v>93976</v>
      </c>
      <c r="H26269" s="1" t="s">
        <v>93977</v>
      </c>
      <c r="I26269" s="1" t="s">
        <v>86055</v>
      </c>
      <c r="J26269" s="1" t="s">
        <v>94094</v>
      </c>
    </row>
    <row r="26270" spans="1:10" x14ac:dyDescent="0.35">
      <c r="A26270" s="1" t="s">
        <v>94095</v>
      </c>
      <c r="B26270" s="1" t="s">
        <v>86049</v>
      </c>
      <c r="C26270" s="1" t="s">
        <v>8</v>
      </c>
      <c r="D26270" s="1" t="s">
        <v>86994</v>
      </c>
      <c r="E26270" s="1" t="s">
        <v>94096</v>
      </c>
      <c r="F26270" s="1" t="s">
        <v>94097</v>
      </c>
      <c r="G26270" s="1" t="s">
        <v>94098</v>
      </c>
      <c r="H26270" s="1" t="s">
        <v>94099</v>
      </c>
      <c r="I26270" s="1" t="s">
        <v>86055</v>
      </c>
      <c r="J26270" s="1" t="s">
        <v>13</v>
      </c>
    </row>
    <row r="26271" spans="1:10" x14ac:dyDescent="0.35">
      <c r="A26271" s="1" t="s">
        <v>94095</v>
      </c>
      <c r="B26271" s="1" t="s">
        <v>86049</v>
      </c>
      <c r="C26271" s="1" t="s">
        <v>15</v>
      </c>
      <c r="D26271" s="1" t="s">
        <v>26429</v>
      </c>
      <c r="E26271" s="1" t="s">
        <v>31445</v>
      </c>
      <c r="F26271" s="1" t="s">
        <v>94100</v>
      </c>
      <c r="G26271" s="1" t="s">
        <v>94098</v>
      </c>
      <c r="H26271" s="1" t="s">
        <v>94099</v>
      </c>
      <c r="I26271" s="1" t="s">
        <v>86055</v>
      </c>
      <c r="J26271" s="1" t="s">
        <v>94101</v>
      </c>
    </row>
    <row r="26272" spans="1:10" x14ac:dyDescent="0.35">
      <c r="A26272" s="1" t="s">
        <v>94095</v>
      </c>
      <c r="B26272" s="1" t="s">
        <v>86049</v>
      </c>
      <c r="C26272" s="1" t="s">
        <v>20</v>
      </c>
      <c r="D26272" s="1" t="s">
        <v>58071</v>
      </c>
      <c r="E26272" s="1" t="s">
        <v>32000</v>
      </c>
      <c r="F26272" s="1" t="s">
        <v>94102</v>
      </c>
      <c r="G26272" s="1" t="s">
        <v>94098</v>
      </c>
      <c r="H26272" s="1" t="s">
        <v>94099</v>
      </c>
      <c r="I26272" s="1" t="s">
        <v>86055</v>
      </c>
      <c r="J26272" s="1" t="s">
        <v>94103</v>
      </c>
    </row>
    <row r="26273" spans="1:10" x14ac:dyDescent="0.35">
      <c r="A26273" s="1" t="s">
        <v>94095</v>
      </c>
      <c r="B26273" s="1" t="s">
        <v>86049</v>
      </c>
      <c r="C26273" s="1" t="s">
        <v>25</v>
      </c>
      <c r="D26273" s="1" t="s">
        <v>94104</v>
      </c>
      <c r="E26273" s="1" t="s">
        <v>15417</v>
      </c>
      <c r="F26273" s="1" t="s">
        <v>94105</v>
      </c>
      <c r="G26273" s="1" t="s">
        <v>94098</v>
      </c>
      <c r="H26273" s="1" t="s">
        <v>94099</v>
      </c>
      <c r="I26273" s="1" t="s">
        <v>86055</v>
      </c>
      <c r="J26273" s="1" t="s">
        <v>94106</v>
      </c>
    </row>
    <row r="26274" spans="1:10" x14ac:dyDescent="0.35">
      <c r="A26274" s="1" t="s">
        <v>94095</v>
      </c>
      <c r="B26274" s="1" t="s">
        <v>86049</v>
      </c>
      <c r="C26274" s="1" t="s">
        <v>30</v>
      </c>
      <c r="D26274" s="1" t="s">
        <v>63741</v>
      </c>
      <c r="E26274" s="1" t="s">
        <v>94107</v>
      </c>
      <c r="F26274" s="1" t="s">
        <v>94108</v>
      </c>
      <c r="G26274" s="1" t="s">
        <v>94098</v>
      </c>
      <c r="H26274" s="1" t="s">
        <v>94099</v>
      </c>
      <c r="I26274" s="1" t="s">
        <v>86055</v>
      </c>
      <c r="J26274" s="1" t="s">
        <v>94109</v>
      </c>
    </row>
    <row r="26275" spans="1:10" x14ac:dyDescent="0.35">
      <c r="A26275" s="1" t="s">
        <v>94095</v>
      </c>
      <c r="B26275" s="1" t="s">
        <v>86049</v>
      </c>
      <c r="C26275" s="1" t="s">
        <v>35</v>
      </c>
      <c r="D26275" s="1" t="s">
        <v>94110</v>
      </c>
      <c r="E26275" s="1" t="s">
        <v>94111</v>
      </c>
      <c r="F26275" s="1" t="s">
        <v>94112</v>
      </c>
      <c r="G26275" s="1" t="s">
        <v>94098</v>
      </c>
      <c r="H26275" s="1" t="s">
        <v>94099</v>
      </c>
      <c r="I26275" s="1" t="s">
        <v>86055</v>
      </c>
      <c r="J26275" s="1" t="s">
        <v>94113</v>
      </c>
    </row>
    <row r="26276" spans="1:10" x14ac:dyDescent="0.35">
      <c r="A26276" s="1" t="s">
        <v>94095</v>
      </c>
      <c r="B26276" s="1" t="s">
        <v>86049</v>
      </c>
      <c r="C26276" s="1" t="s">
        <v>40</v>
      </c>
      <c r="D26276" s="1" t="s">
        <v>94114</v>
      </c>
      <c r="E26276" s="1" t="s">
        <v>94115</v>
      </c>
      <c r="F26276" s="1" t="s">
        <v>94116</v>
      </c>
      <c r="G26276" s="1" t="s">
        <v>94098</v>
      </c>
      <c r="H26276" s="1" t="s">
        <v>94099</v>
      </c>
      <c r="I26276" s="1" t="s">
        <v>86055</v>
      </c>
      <c r="J26276" s="1" t="s">
        <v>94117</v>
      </c>
    </row>
    <row r="26277" spans="1:10" x14ac:dyDescent="0.35">
      <c r="A26277" s="1" t="s">
        <v>94095</v>
      </c>
      <c r="B26277" s="1" t="s">
        <v>86049</v>
      </c>
      <c r="C26277" s="1" t="s">
        <v>45</v>
      </c>
      <c r="D26277" s="1" t="s">
        <v>94118</v>
      </c>
      <c r="E26277" s="1" t="s">
        <v>94119</v>
      </c>
      <c r="F26277" s="1" t="s">
        <v>94120</v>
      </c>
      <c r="G26277" s="1" t="s">
        <v>94098</v>
      </c>
      <c r="H26277" s="1" t="s">
        <v>94099</v>
      </c>
      <c r="I26277" s="1" t="s">
        <v>86055</v>
      </c>
      <c r="J26277" s="1" t="s">
        <v>94121</v>
      </c>
    </row>
    <row r="26278" spans="1:10" x14ac:dyDescent="0.35">
      <c r="A26278" s="1" t="s">
        <v>94095</v>
      </c>
      <c r="B26278" s="1" t="s">
        <v>86049</v>
      </c>
      <c r="C26278" s="1" t="s">
        <v>50</v>
      </c>
      <c r="D26278" s="1" t="s">
        <v>94122</v>
      </c>
      <c r="E26278" s="1" t="s">
        <v>94123</v>
      </c>
      <c r="F26278" s="1" t="s">
        <v>94124</v>
      </c>
      <c r="G26278" s="1" t="s">
        <v>94098</v>
      </c>
      <c r="H26278" s="1" t="s">
        <v>94099</v>
      </c>
      <c r="I26278" s="1" t="s">
        <v>86055</v>
      </c>
      <c r="J26278" s="1" t="s">
        <v>94125</v>
      </c>
    </row>
    <row r="26279" spans="1:10" x14ac:dyDescent="0.35">
      <c r="A26279" s="1" t="s">
        <v>94095</v>
      </c>
      <c r="B26279" s="1" t="s">
        <v>86049</v>
      </c>
      <c r="C26279" s="1" t="s">
        <v>55</v>
      </c>
      <c r="D26279" s="1" t="s">
        <v>94126</v>
      </c>
      <c r="E26279" s="1" t="s">
        <v>94107</v>
      </c>
      <c r="F26279" s="1" t="s">
        <v>94127</v>
      </c>
      <c r="G26279" s="1" t="s">
        <v>94098</v>
      </c>
      <c r="H26279" s="1" t="s">
        <v>94099</v>
      </c>
      <c r="I26279" s="1" t="s">
        <v>86055</v>
      </c>
      <c r="J26279" s="1" t="s">
        <v>94128</v>
      </c>
    </row>
    <row r="26280" spans="1:10" x14ac:dyDescent="0.35">
      <c r="A26280" s="1" t="s">
        <v>94095</v>
      </c>
      <c r="B26280" s="1" t="s">
        <v>86049</v>
      </c>
      <c r="C26280" s="1" t="s">
        <v>60</v>
      </c>
      <c r="D26280" s="1" t="s">
        <v>94129</v>
      </c>
      <c r="E26280" s="1" t="s">
        <v>94130</v>
      </c>
      <c r="F26280" s="1" t="s">
        <v>94131</v>
      </c>
      <c r="G26280" s="1" t="s">
        <v>94098</v>
      </c>
      <c r="H26280" s="1" t="s">
        <v>94099</v>
      </c>
      <c r="I26280" s="1" t="s">
        <v>86055</v>
      </c>
      <c r="J26280" s="1" t="s">
        <v>94132</v>
      </c>
    </row>
    <row r="26281" spans="1:10" x14ac:dyDescent="0.35">
      <c r="A26281" s="1" t="s">
        <v>94095</v>
      </c>
      <c r="B26281" s="1" t="s">
        <v>86049</v>
      </c>
      <c r="C26281" s="1" t="s">
        <v>65</v>
      </c>
      <c r="D26281" s="1" t="s">
        <v>94133</v>
      </c>
      <c r="E26281" s="1" t="s">
        <v>94134</v>
      </c>
      <c r="F26281" s="1" t="s">
        <v>94135</v>
      </c>
      <c r="G26281" s="1" t="s">
        <v>94098</v>
      </c>
      <c r="H26281" s="1" t="s">
        <v>94099</v>
      </c>
      <c r="I26281" s="1" t="s">
        <v>86055</v>
      </c>
      <c r="J26281" s="1" t="s">
        <v>94136</v>
      </c>
    </row>
    <row r="26282" spans="1:10" x14ac:dyDescent="0.35">
      <c r="A26282" s="1" t="s">
        <v>94095</v>
      </c>
      <c r="B26282" s="1" t="s">
        <v>86049</v>
      </c>
      <c r="C26282" s="1" t="s">
        <v>70</v>
      </c>
      <c r="D26282" s="1" t="s">
        <v>88129</v>
      </c>
      <c r="E26282" s="1" t="s">
        <v>94137</v>
      </c>
      <c r="F26282" s="1" t="s">
        <v>94138</v>
      </c>
      <c r="G26282" s="1" t="s">
        <v>94098</v>
      </c>
      <c r="H26282" s="1" t="s">
        <v>94099</v>
      </c>
      <c r="I26282" s="1" t="s">
        <v>86055</v>
      </c>
      <c r="J26282" s="1" t="s">
        <v>94139</v>
      </c>
    </row>
    <row r="26283" spans="1:10" x14ac:dyDescent="0.35">
      <c r="A26283" s="1" t="s">
        <v>94095</v>
      </c>
      <c r="B26283" s="1" t="s">
        <v>86049</v>
      </c>
      <c r="C26283" s="1" t="s">
        <v>75</v>
      </c>
      <c r="D26283" s="1" t="s">
        <v>78313</v>
      </c>
      <c r="E26283" s="1" t="s">
        <v>94140</v>
      </c>
      <c r="F26283" s="1" t="s">
        <v>94141</v>
      </c>
      <c r="G26283" s="1" t="s">
        <v>94098</v>
      </c>
      <c r="H26283" s="1" t="s">
        <v>94099</v>
      </c>
      <c r="I26283" s="1" t="s">
        <v>86055</v>
      </c>
      <c r="J26283" s="1" t="s">
        <v>94142</v>
      </c>
    </row>
    <row r="26284" spans="1:10" x14ac:dyDescent="0.35">
      <c r="A26284" s="1" t="s">
        <v>94095</v>
      </c>
      <c r="B26284" s="1" t="s">
        <v>86049</v>
      </c>
      <c r="C26284" s="1" t="s">
        <v>80</v>
      </c>
      <c r="D26284" s="1" t="s">
        <v>55552</v>
      </c>
      <c r="E26284" s="1" t="s">
        <v>94143</v>
      </c>
      <c r="F26284" s="1" t="s">
        <v>94144</v>
      </c>
      <c r="G26284" s="1" t="s">
        <v>94098</v>
      </c>
      <c r="H26284" s="1" t="s">
        <v>94099</v>
      </c>
      <c r="I26284" s="1" t="s">
        <v>86055</v>
      </c>
      <c r="J26284" s="1" t="s">
        <v>94145</v>
      </c>
    </row>
    <row r="26285" spans="1:10" x14ac:dyDescent="0.35">
      <c r="A26285" s="1" t="s">
        <v>94095</v>
      </c>
      <c r="B26285" s="1" t="s">
        <v>86049</v>
      </c>
      <c r="C26285" s="1" t="s">
        <v>85</v>
      </c>
      <c r="D26285" s="1" t="s">
        <v>40392</v>
      </c>
      <c r="E26285" s="1" t="s">
        <v>94146</v>
      </c>
      <c r="F26285" s="1" t="s">
        <v>94147</v>
      </c>
      <c r="G26285" s="1" t="s">
        <v>94098</v>
      </c>
      <c r="H26285" s="1" t="s">
        <v>94099</v>
      </c>
      <c r="I26285" s="1" t="s">
        <v>86055</v>
      </c>
      <c r="J26285" s="1" t="s">
        <v>94148</v>
      </c>
    </row>
    <row r="26286" spans="1:10" x14ac:dyDescent="0.35">
      <c r="A26286" s="1" t="s">
        <v>94095</v>
      </c>
      <c r="B26286" s="1" t="s">
        <v>86049</v>
      </c>
      <c r="C26286" s="1" t="s">
        <v>90</v>
      </c>
      <c r="D26286" s="1" t="s">
        <v>80161</v>
      </c>
      <c r="E26286" s="1" t="s">
        <v>94149</v>
      </c>
      <c r="F26286" s="1" t="s">
        <v>94150</v>
      </c>
      <c r="G26286" s="1" t="s">
        <v>94098</v>
      </c>
      <c r="H26286" s="1" t="s">
        <v>94099</v>
      </c>
      <c r="I26286" s="1" t="s">
        <v>86055</v>
      </c>
      <c r="J26286" s="1" t="s">
        <v>94151</v>
      </c>
    </row>
    <row r="26287" spans="1:10" x14ac:dyDescent="0.35">
      <c r="A26287" s="1" t="s">
        <v>94095</v>
      </c>
      <c r="B26287" s="1" t="s">
        <v>86049</v>
      </c>
      <c r="C26287" s="1" t="s">
        <v>95</v>
      </c>
      <c r="D26287" s="1" t="s">
        <v>76665</v>
      </c>
      <c r="E26287" s="1" t="s">
        <v>94152</v>
      </c>
      <c r="F26287" s="1" t="s">
        <v>94153</v>
      </c>
      <c r="G26287" s="1" t="s">
        <v>94098</v>
      </c>
      <c r="H26287" s="1" t="s">
        <v>94099</v>
      </c>
      <c r="I26287" s="1" t="s">
        <v>86055</v>
      </c>
      <c r="J26287" s="1" t="s">
        <v>94154</v>
      </c>
    </row>
    <row r="26288" spans="1:10" x14ac:dyDescent="0.35">
      <c r="A26288" s="1" t="s">
        <v>94095</v>
      </c>
      <c r="B26288" s="1" t="s">
        <v>86049</v>
      </c>
      <c r="C26288" s="1" t="s">
        <v>100</v>
      </c>
      <c r="D26288" s="1" t="s">
        <v>94155</v>
      </c>
      <c r="E26288" s="1" t="s">
        <v>26222</v>
      </c>
      <c r="F26288" s="1" t="s">
        <v>94156</v>
      </c>
      <c r="G26288" s="1" t="s">
        <v>94098</v>
      </c>
      <c r="H26288" s="1" t="s">
        <v>94099</v>
      </c>
      <c r="I26288" s="1" t="s">
        <v>86055</v>
      </c>
      <c r="J26288" s="1" t="s">
        <v>94157</v>
      </c>
    </row>
    <row r="26289" spans="1:10" x14ac:dyDescent="0.35">
      <c r="A26289" s="1" t="s">
        <v>94095</v>
      </c>
      <c r="B26289" s="1" t="s">
        <v>86049</v>
      </c>
      <c r="C26289" s="1" t="s">
        <v>105</v>
      </c>
      <c r="D26289" s="1" t="s">
        <v>94158</v>
      </c>
      <c r="E26289" s="1" t="s">
        <v>54215</v>
      </c>
      <c r="F26289" s="1" t="s">
        <v>94159</v>
      </c>
      <c r="G26289" s="1" t="s">
        <v>94098</v>
      </c>
      <c r="H26289" s="1" t="s">
        <v>94099</v>
      </c>
      <c r="I26289" s="1" t="s">
        <v>86055</v>
      </c>
      <c r="J26289" s="1" t="s">
        <v>94160</v>
      </c>
    </row>
    <row r="26290" spans="1:10" x14ac:dyDescent="0.35">
      <c r="A26290" s="1" t="s">
        <v>94095</v>
      </c>
      <c r="B26290" s="1" t="s">
        <v>86049</v>
      </c>
      <c r="C26290" s="1" t="s">
        <v>110</v>
      </c>
      <c r="D26290" s="1" t="s">
        <v>94161</v>
      </c>
      <c r="E26290" s="1" t="s">
        <v>94162</v>
      </c>
      <c r="F26290" s="1" t="s">
        <v>94163</v>
      </c>
      <c r="G26290" s="1" t="s">
        <v>94098</v>
      </c>
      <c r="H26290" s="1" t="s">
        <v>94099</v>
      </c>
      <c r="I26290" s="1" t="s">
        <v>86055</v>
      </c>
      <c r="J26290" s="1" t="s">
        <v>94164</v>
      </c>
    </row>
    <row r="26291" spans="1:10" x14ac:dyDescent="0.35">
      <c r="A26291" s="1" t="s">
        <v>94095</v>
      </c>
      <c r="B26291" s="1" t="s">
        <v>86049</v>
      </c>
      <c r="C26291" s="1" t="s">
        <v>115</v>
      </c>
      <c r="D26291" s="1" t="s">
        <v>94165</v>
      </c>
      <c r="E26291" s="1" t="s">
        <v>94166</v>
      </c>
      <c r="F26291" s="1" t="s">
        <v>94167</v>
      </c>
      <c r="G26291" s="1" t="s">
        <v>94098</v>
      </c>
      <c r="H26291" s="1" t="s">
        <v>94099</v>
      </c>
      <c r="I26291" s="1" t="s">
        <v>86055</v>
      </c>
      <c r="J26291" s="1" t="s">
        <v>94168</v>
      </c>
    </row>
    <row r="26292" spans="1:10" x14ac:dyDescent="0.35">
      <c r="A26292" s="1" t="s">
        <v>94095</v>
      </c>
      <c r="B26292" s="1" t="s">
        <v>86049</v>
      </c>
      <c r="C26292" s="1" t="s">
        <v>120</v>
      </c>
      <c r="D26292" s="1" t="s">
        <v>94169</v>
      </c>
      <c r="E26292" s="1" t="s">
        <v>520</v>
      </c>
      <c r="F26292" s="1" t="s">
        <v>94170</v>
      </c>
      <c r="G26292" s="1" t="s">
        <v>94098</v>
      </c>
      <c r="H26292" s="1" t="s">
        <v>94099</v>
      </c>
      <c r="I26292" s="1" t="s">
        <v>86055</v>
      </c>
      <c r="J26292" s="1" t="s">
        <v>94171</v>
      </c>
    </row>
    <row r="26293" spans="1:10" x14ac:dyDescent="0.35">
      <c r="A26293" s="1" t="s">
        <v>94095</v>
      </c>
      <c r="B26293" s="1" t="s">
        <v>86049</v>
      </c>
      <c r="C26293" s="1" t="s">
        <v>125</v>
      </c>
      <c r="D26293" s="1" t="s">
        <v>88066</v>
      </c>
      <c r="E26293" s="1" t="s">
        <v>94172</v>
      </c>
      <c r="F26293" s="1" t="s">
        <v>94173</v>
      </c>
      <c r="G26293" s="1" t="s">
        <v>94098</v>
      </c>
      <c r="H26293" s="1" t="s">
        <v>94099</v>
      </c>
      <c r="I26293" s="1" t="s">
        <v>86055</v>
      </c>
      <c r="J26293" s="1" t="s">
        <v>94174</v>
      </c>
    </row>
    <row r="26294" spans="1:10" x14ac:dyDescent="0.35">
      <c r="A26294" s="1" t="s">
        <v>94095</v>
      </c>
      <c r="B26294" s="1" t="s">
        <v>86049</v>
      </c>
      <c r="C26294" s="1" t="s">
        <v>130</v>
      </c>
      <c r="D26294" s="1" t="s">
        <v>94175</v>
      </c>
      <c r="E26294" s="1" t="s">
        <v>94176</v>
      </c>
      <c r="F26294" s="1" t="s">
        <v>94177</v>
      </c>
      <c r="G26294" s="1" t="s">
        <v>94098</v>
      </c>
      <c r="H26294" s="1" t="s">
        <v>94099</v>
      </c>
      <c r="I26294" s="1" t="s">
        <v>86055</v>
      </c>
      <c r="J26294" s="1" t="s">
        <v>94178</v>
      </c>
    </row>
    <row r="26295" spans="1:10" x14ac:dyDescent="0.35">
      <c r="A26295" s="1" t="s">
        <v>94095</v>
      </c>
      <c r="B26295" s="1" t="s">
        <v>86049</v>
      </c>
      <c r="C26295" s="1" t="s">
        <v>135</v>
      </c>
      <c r="D26295" s="1" t="s">
        <v>69231</v>
      </c>
      <c r="E26295" s="1" t="s">
        <v>94179</v>
      </c>
      <c r="F26295" s="1" t="s">
        <v>94180</v>
      </c>
      <c r="G26295" s="1" t="s">
        <v>94098</v>
      </c>
      <c r="H26295" s="1" t="s">
        <v>94099</v>
      </c>
      <c r="I26295" s="1" t="s">
        <v>86055</v>
      </c>
      <c r="J26295" s="1" t="s">
        <v>94181</v>
      </c>
    </row>
    <row r="26296" spans="1:10" x14ac:dyDescent="0.35">
      <c r="A26296" s="1" t="s">
        <v>94095</v>
      </c>
      <c r="B26296" s="1" t="s">
        <v>86049</v>
      </c>
      <c r="C26296" s="1" t="s">
        <v>140</v>
      </c>
      <c r="D26296" s="1" t="s">
        <v>94182</v>
      </c>
      <c r="E26296" s="1" t="s">
        <v>61793</v>
      </c>
      <c r="F26296" s="1" t="s">
        <v>94183</v>
      </c>
      <c r="G26296" s="1" t="s">
        <v>94098</v>
      </c>
      <c r="H26296" s="1" t="s">
        <v>94099</v>
      </c>
      <c r="I26296" s="1" t="s">
        <v>86055</v>
      </c>
      <c r="J26296" s="1" t="s">
        <v>94184</v>
      </c>
    </row>
    <row r="26297" spans="1:10" x14ac:dyDescent="0.35">
      <c r="A26297" s="1" t="s">
        <v>94095</v>
      </c>
      <c r="B26297" s="1" t="s">
        <v>86049</v>
      </c>
      <c r="C26297" s="1" t="s">
        <v>145</v>
      </c>
      <c r="D26297" s="1" t="s">
        <v>93291</v>
      </c>
      <c r="E26297" s="1" t="s">
        <v>94185</v>
      </c>
      <c r="F26297" s="1" t="s">
        <v>94186</v>
      </c>
      <c r="G26297" s="1" t="s">
        <v>94098</v>
      </c>
      <c r="H26297" s="1" t="s">
        <v>94099</v>
      </c>
      <c r="I26297" s="1" t="s">
        <v>86055</v>
      </c>
      <c r="J26297" s="1" t="s">
        <v>94187</v>
      </c>
    </row>
    <row r="26298" spans="1:10" x14ac:dyDescent="0.35">
      <c r="A26298" s="1" t="s">
        <v>94095</v>
      </c>
      <c r="B26298" s="1" t="s">
        <v>86049</v>
      </c>
      <c r="C26298" s="1" t="s">
        <v>150</v>
      </c>
      <c r="D26298" s="1" t="s">
        <v>94188</v>
      </c>
      <c r="E26298" s="1" t="s">
        <v>94189</v>
      </c>
      <c r="F26298" s="1" t="s">
        <v>94190</v>
      </c>
      <c r="G26298" s="1" t="s">
        <v>94098</v>
      </c>
      <c r="H26298" s="1" t="s">
        <v>94099</v>
      </c>
      <c r="I26298" s="1" t="s">
        <v>86055</v>
      </c>
      <c r="J26298" s="1" t="s">
        <v>94191</v>
      </c>
    </row>
    <row r="26299" spans="1:10" x14ac:dyDescent="0.35">
      <c r="A26299" s="1" t="s">
        <v>94095</v>
      </c>
      <c r="B26299" s="1" t="s">
        <v>86049</v>
      </c>
      <c r="C26299" s="1" t="s">
        <v>155</v>
      </c>
      <c r="D26299" s="1" t="s">
        <v>94192</v>
      </c>
      <c r="E26299" s="1" t="s">
        <v>94193</v>
      </c>
      <c r="F26299" s="1" t="s">
        <v>94194</v>
      </c>
      <c r="G26299" s="1" t="s">
        <v>94098</v>
      </c>
      <c r="H26299" s="1" t="s">
        <v>94099</v>
      </c>
      <c r="I26299" s="1" t="s">
        <v>86055</v>
      </c>
      <c r="J26299" s="1" t="s">
        <v>94195</v>
      </c>
    </row>
    <row r="26300" spans="1:10" x14ac:dyDescent="0.35">
      <c r="A26300" s="1" t="s">
        <v>94095</v>
      </c>
      <c r="B26300" s="1" t="s">
        <v>86049</v>
      </c>
      <c r="C26300" s="1" t="s">
        <v>160</v>
      </c>
      <c r="D26300" s="1" t="s">
        <v>94196</v>
      </c>
      <c r="E26300" s="1" t="s">
        <v>94197</v>
      </c>
      <c r="F26300" s="1" t="s">
        <v>94198</v>
      </c>
      <c r="G26300" s="1" t="s">
        <v>94098</v>
      </c>
      <c r="H26300" s="1" t="s">
        <v>94099</v>
      </c>
      <c r="I26300" s="1" t="s">
        <v>86055</v>
      </c>
      <c r="J26300" s="1" t="s">
        <v>94199</v>
      </c>
    </row>
    <row r="26301" spans="1:10" x14ac:dyDescent="0.35">
      <c r="A26301" s="1" t="s">
        <v>94095</v>
      </c>
      <c r="B26301" s="1" t="s">
        <v>86049</v>
      </c>
      <c r="C26301" s="1" t="s">
        <v>165</v>
      </c>
      <c r="D26301" s="1" t="s">
        <v>24105</v>
      </c>
      <c r="E26301" s="1" t="s">
        <v>65796</v>
      </c>
      <c r="F26301" s="1" t="s">
        <v>94200</v>
      </c>
      <c r="G26301" s="1" t="s">
        <v>94098</v>
      </c>
      <c r="H26301" s="1" t="s">
        <v>94099</v>
      </c>
      <c r="I26301" s="1" t="s">
        <v>86055</v>
      </c>
      <c r="J26301" s="1" t="s">
        <v>94201</v>
      </c>
    </row>
    <row r="26302" spans="1:10" x14ac:dyDescent="0.35">
      <c r="A26302" s="1" t="s">
        <v>94095</v>
      </c>
      <c r="B26302" s="1" t="s">
        <v>86049</v>
      </c>
      <c r="C26302" s="1" t="s">
        <v>170</v>
      </c>
      <c r="D26302" s="1" t="s">
        <v>94202</v>
      </c>
      <c r="E26302" s="1" t="s">
        <v>94203</v>
      </c>
      <c r="F26302" s="1" t="s">
        <v>94204</v>
      </c>
      <c r="G26302" s="1" t="s">
        <v>94098</v>
      </c>
      <c r="H26302" s="1" t="s">
        <v>94099</v>
      </c>
      <c r="I26302" s="1" t="s">
        <v>86055</v>
      </c>
      <c r="J26302" s="1" t="s">
        <v>94205</v>
      </c>
    </row>
    <row r="26303" spans="1:10" x14ac:dyDescent="0.35">
      <c r="A26303" s="1" t="s">
        <v>25958</v>
      </c>
      <c r="B26303" s="1" t="s">
        <v>86049</v>
      </c>
      <c r="C26303" s="1" t="s">
        <v>8</v>
      </c>
      <c r="D26303" s="1" t="s">
        <v>26802</v>
      </c>
      <c r="E26303" s="1" t="s">
        <v>94206</v>
      </c>
      <c r="F26303" s="1" t="s">
        <v>94207</v>
      </c>
      <c r="G26303" s="1" t="s">
        <v>94208</v>
      </c>
      <c r="H26303" s="1" t="s">
        <v>94209</v>
      </c>
      <c r="I26303" s="1" t="s">
        <v>86055</v>
      </c>
      <c r="J26303" s="1" t="s">
        <v>13</v>
      </c>
    </row>
    <row r="26304" spans="1:10" x14ac:dyDescent="0.35">
      <c r="A26304" s="1" t="s">
        <v>25958</v>
      </c>
      <c r="B26304" s="1" t="s">
        <v>86049</v>
      </c>
      <c r="C26304" s="1" t="s">
        <v>15</v>
      </c>
      <c r="D26304" s="1" t="s">
        <v>94210</v>
      </c>
      <c r="E26304" s="1" t="s">
        <v>94211</v>
      </c>
      <c r="F26304" s="1" t="s">
        <v>94212</v>
      </c>
      <c r="G26304" s="1" t="s">
        <v>94208</v>
      </c>
      <c r="H26304" s="1" t="s">
        <v>94209</v>
      </c>
      <c r="I26304" s="1" t="s">
        <v>86055</v>
      </c>
      <c r="J26304" s="1" t="s">
        <v>94213</v>
      </c>
    </row>
    <row r="26305" spans="1:10" x14ac:dyDescent="0.35">
      <c r="A26305" s="1" t="s">
        <v>25958</v>
      </c>
      <c r="B26305" s="1" t="s">
        <v>86049</v>
      </c>
      <c r="C26305" s="1" t="s">
        <v>20</v>
      </c>
      <c r="D26305" s="1" t="s">
        <v>94214</v>
      </c>
      <c r="E26305" s="1" t="s">
        <v>94215</v>
      </c>
      <c r="F26305" s="1" t="s">
        <v>94216</v>
      </c>
      <c r="G26305" s="1" t="s">
        <v>94208</v>
      </c>
      <c r="H26305" s="1" t="s">
        <v>94209</v>
      </c>
      <c r="I26305" s="1" t="s">
        <v>86055</v>
      </c>
      <c r="J26305" s="1" t="s">
        <v>94217</v>
      </c>
    </row>
    <row r="26306" spans="1:10" x14ac:dyDescent="0.35">
      <c r="A26306" s="1" t="s">
        <v>25958</v>
      </c>
      <c r="B26306" s="1" t="s">
        <v>86049</v>
      </c>
      <c r="C26306" s="1" t="s">
        <v>25</v>
      </c>
      <c r="D26306" s="1" t="s">
        <v>94218</v>
      </c>
      <c r="E26306" s="1" t="s">
        <v>94219</v>
      </c>
      <c r="F26306" s="1" t="s">
        <v>94220</v>
      </c>
      <c r="G26306" s="1" t="s">
        <v>94208</v>
      </c>
      <c r="H26306" s="1" t="s">
        <v>94209</v>
      </c>
      <c r="I26306" s="1" t="s">
        <v>86055</v>
      </c>
      <c r="J26306" s="1" t="s">
        <v>94221</v>
      </c>
    </row>
    <row r="26307" spans="1:10" x14ac:dyDescent="0.35">
      <c r="A26307" s="1" t="s">
        <v>25958</v>
      </c>
      <c r="B26307" s="1" t="s">
        <v>86049</v>
      </c>
      <c r="C26307" s="1" t="s">
        <v>30</v>
      </c>
      <c r="D26307" s="1" t="s">
        <v>94222</v>
      </c>
      <c r="E26307" s="1" t="s">
        <v>94223</v>
      </c>
      <c r="F26307" s="1" t="s">
        <v>94224</v>
      </c>
      <c r="G26307" s="1" t="s">
        <v>94208</v>
      </c>
      <c r="H26307" s="1" t="s">
        <v>94209</v>
      </c>
      <c r="I26307" s="1" t="s">
        <v>86055</v>
      </c>
      <c r="J26307" s="1" t="s">
        <v>94225</v>
      </c>
    </row>
    <row r="26308" spans="1:10" x14ac:dyDescent="0.35">
      <c r="A26308" s="1" t="s">
        <v>25958</v>
      </c>
      <c r="B26308" s="1" t="s">
        <v>86049</v>
      </c>
      <c r="C26308" s="1" t="s">
        <v>35</v>
      </c>
      <c r="D26308" s="1" t="s">
        <v>94226</v>
      </c>
      <c r="E26308" s="1" t="s">
        <v>94227</v>
      </c>
      <c r="F26308" s="1" t="s">
        <v>94228</v>
      </c>
      <c r="G26308" s="1" t="s">
        <v>94208</v>
      </c>
      <c r="H26308" s="1" t="s">
        <v>94209</v>
      </c>
      <c r="I26308" s="1" t="s">
        <v>86055</v>
      </c>
      <c r="J26308" s="1" t="s">
        <v>94229</v>
      </c>
    </row>
    <row r="26309" spans="1:10" x14ac:dyDescent="0.35">
      <c r="A26309" s="1" t="s">
        <v>25958</v>
      </c>
      <c r="B26309" s="1" t="s">
        <v>86049</v>
      </c>
      <c r="C26309" s="1" t="s">
        <v>40</v>
      </c>
      <c r="D26309" s="1" t="s">
        <v>94230</v>
      </c>
      <c r="E26309" s="1" t="s">
        <v>94231</v>
      </c>
      <c r="F26309" s="1" t="s">
        <v>94232</v>
      </c>
      <c r="G26309" s="1" t="s">
        <v>94208</v>
      </c>
      <c r="H26309" s="1" t="s">
        <v>94209</v>
      </c>
      <c r="I26309" s="1" t="s">
        <v>86055</v>
      </c>
      <c r="J26309" s="1" t="s">
        <v>94233</v>
      </c>
    </row>
    <row r="26310" spans="1:10" x14ac:dyDescent="0.35">
      <c r="A26310" s="1" t="s">
        <v>25958</v>
      </c>
      <c r="B26310" s="1" t="s">
        <v>86049</v>
      </c>
      <c r="C26310" s="1" t="s">
        <v>45</v>
      </c>
      <c r="D26310" s="1" t="s">
        <v>94234</v>
      </c>
      <c r="E26310" s="1" t="s">
        <v>94235</v>
      </c>
      <c r="F26310" s="1" t="s">
        <v>94236</v>
      </c>
      <c r="G26310" s="1" t="s">
        <v>94208</v>
      </c>
      <c r="H26310" s="1" t="s">
        <v>94209</v>
      </c>
      <c r="I26310" s="1" t="s">
        <v>86055</v>
      </c>
      <c r="J26310" s="1" t="s">
        <v>94237</v>
      </c>
    </row>
    <row r="26311" spans="1:10" x14ac:dyDescent="0.35">
      <c r="A26311" s="1" t="s">
        <v>25958</v>
      </c>
      <c r="B26311" s="1" t="s">
        <v>86049</v>
      </c>
      <c r="C26311" s="1" t="s">
        <v>50</v>
      </c>
      <c r="D26311" s="1" t="s">
        <v>94238</v>
      </c>
      <c r="E26311" s="1" t="s">
        <v>94239</v>
      </c>
      <c r="F26311" s="1" t="s">
        <v>94240</v>
      </c>
      <c r="G26311" s="1" t="s">
        <v>94208</v>
      </c>
      <c r="H26311" s="1" t="s">
        <v>94209</v>
      </c>
      <c r="I26311" s="1" t="s">
        <v>86055</v>
      </c>
      <c r="J26311" s="1" t="s">
        <v>94241</v>
      </c>
    </row>
    <row r="26312" spans="1:10" x14ac:dyDescent="0.35">
      <c r="A26312" s="1" t="s">
        <v>25958</v>
      </c>
      <c r="B26312" s="1" t="s">
        <v>86049</v>
      </c>
      <c r="C26312" s="1" t="s">
        <v>55</v>
      </c>
      <c r="D26312" s="1" t="s">
        <v>94242</v>
      </c>
      <c r="E26312" s="1" t="s">
        <v>94243</v>
      </c>
      <c r="F26312" s="1" t="s">
        <v>94244</v>
      </c>
      <c r="G26312" s="1" t="s">
        <v>94208</v>
      </c>
      <c r="H26312" s="1" t="s">
        <v>94209</v>
      </c>
      <c r="I26312" s="1" t="s">
        <v>86055</v>
      </c>
      <c r="J26312" s="1" t="s">
        <v>94245</v>
      </c>
    </row>
    <row r="26313" spans="1:10" x14ac:dyDescent="0.35">
      <c r="A26313" s="1" t="s">
        <v>25958</v>
      </c>
      <c r="B26313" s="1" t="s">
        <v>86049</v>
      </c>
      <c r="C26313" s="1" t="s">
        <v>60</v>
      </c>
      <c r="D26313" s="1" t="s">
        <v>94246</v>
      </c>
      <c r="E26313" s="1" t="s">
        <v>94247</v>
      </c>
      <c r="F26313" s="1" t="s">
        <v>94248</v>
      </c>
      <c r="G26313" s="1" t="s">
        <v>94208</v>
      </c>
      <c r="H26313" s="1" t="s">
        <v>94209</v>
      </c>
      <c r="I26313" s="1" t="s">
        <v>86055</v>
      </c>
      <c r="J26313" s="1" t="s">
        <v>94249</v>
      </c>
    </row>
    <row r="26314" spans="1:10" x14ac:dyDescent="0.35">
      <c r="A26314" s="1" t="s">
        <v>25958</v>
      </c>
      <c r="B26314" s="1" t="s">
        <v>86049</v>
      </c>
      <c r="C26314" s="1" t="s">
        <v>65</v>
      </c>
      <c r="D26314" s="1" t="s">
        <v>54278</v>
      </c>
      <c r="E26314" s="1" t="s">
        <v>94250</v>
      </c>
      <c r="F26314" s="1" t="s">
        <v>94251</v>
      </c>
      <c r="G26314" s="1" t="s">
        <v>94208</v>
      </c>
      <c r="H26314" s="1" t="s">
        <v>94209</v>
      </c>
      <c r="I26314" s="1" t="s">
        <v>86055</v>
      </c>
      <c r="J26314" s="1" t="s">
        <v>94252</v>
      </c>
    </row>
    <row r="26315" spans="1:10" x14ac:dyDescent="0.35">
      <c r="A26315" s="1" t="s">
        <v>25958</v>
      </c>
      <c r="B26315" s="1" t="s">
        <v>86049</v>
      </c>
      <c r="C26315" s="1" t="s">
        <v>70</v>
      </c>
      <c r="D26315" s="1" t="s">
        <v>94253</v>
      </c>
      <c r="E26315" s="1" t="s">
        <v>94254</v>
      </c>
      <c r="F26315" s="1" t="s">
        <v>94255</v>
      </c>
      <c r="G26315" s="1" t="s">
        <v>94208</v>
      </c>
      <c r="H26315" s="1" t="s">
        <v>94209</v>
      </c>
      <c r="I26315" s="1" t="s">
        <v>86055</v>
      </c>
      <c r="J26315" s="1" t="s">
        <v>94256</v>
      </c>
    </row>
    <row r="26316" spans="1:10" x14ac:dyDescent="0.35">
      <c r="A26316" s="1" t="s">
        <v>25958</v>
      </c>
      <c r="B26316" s="1" t="s">
        <v>86049</v>
      </c>
      <c r="C26316" s="1" t="s">
        <v>75</v>
      </c>
      <c r="D26316" s="1" t="s">
        <v>53646</v>
      </c>
      <c r="E26316" s="1" t="s">
        <v>94257</v>
      </c>
      <c r="F26316" s="1" t="s">
        <v>94258</v>
      </c>
      <c r="G26316" s="1" t="s">
        <v>94208</v>
      </c>
      <c r="H26316" s="1" t="s">
        <v>94209</v>
      </c>
      <c r="I26316" s="1" t="s">
        <v>86055</v>
      </c>
      <c r="J26316" s="1" t="s">
        <v>94259</v>
      </c>
    </row>
    <row r="26317" spans="1:10" x14ac:dyDescent="0.35">
      <c r="A26317" s="1" t="s">
        <v>25958</v>
      </c>
      <c r="B26317" s="1" t="s">
        <v>86049</v>
      </c>
      <c r="C26317" s="1" t="s">
        <v>80</v>
      </c>
      <c r="D26317" s="1" t="s">
        <v>94260</v>
      </c>
      <c r="E26317" s="1" t="s">
        <v>94261</v>
      </c>
      <c r="F26317" s="1" t="s">
        <v>94262</v>
      </c>
      <c r="G26317" s="1" t="s">
        <v>94208</v>
      </c>
      <c r="H26317" s="1" t="s">
        <v>94209</v>
      </c>
      <c r="I26317" s="1" t="s">
        <v>86055</v>
      </c>
      <c r="J26317" s="1" t="s">
        <v>94263</v>
      </c>
    </row>
    <row r="26318" spans="1:10" x14ac:dyDescent="0.35">
      <c r="A26318" s="1" t="s">
        <v>25958</v>
      </c>
      <c r="B26318" s="1" t="s">
        <v>86049</v>
      </c>
      <c r="C26318" s="1" t="s">
        <v>85</v>
      </c>
      <c r="D26318" s="1" t="s">
        <v>94264</v>
      </c>
      <c r="E26318" s="1" t="s">
        <v>94265</v>
      </c>
      <c r="F26318" s="1" t="s">
        <v>94266</v>
      </c>
      <c r="G26318" s="1" t="s">
        <v>94208</v>
      </c>
      <c r="H26318" s="1" t="s">
        <v>94209</v>
      </c>
      <c r="I26318" s="1" t="s">
        <v>86055</v>
      </c>
      <c r="J26318" s="1" t="s">
        <v>94267</v>
      </c>
    </row>
    <row r="26319" spans="1:10" x14ac:dyDescent="0.35">
      <c r="A26319" s="1" t="s">
        <v>25958</v>
      </c>
      <c r="B26319" s="1" t="s">
        <v>86049</v>
      </c>
      <c r="C26319" s="1" t="s">
        <v>90</v>
      </c>
      <c r="D26319" s="1" t="s">
        <v>94268</v>
      </c>
      <c r="E26319" s="1" t="s">
        <v>94269</v>
      </c>
      <c r="F26319" s="1" t="s">
        <v>94270</v>
      </c>
      <c r="G26319" s="1" t="s">
        <v>94208</v>
      </c>
      <c r="H26319" s="1" t="s">
        <v>94209</v>
      </c>
      <c r="I26319" s="1" t="s">
        <v>86055</v>
      </c>
      <c r="J26319" s="1" t="s">
        <v>94271</v>
      </c>
    </row>
    <row r="26320" spans="1:10" x14ac:dyDescent="0.35">
      <c r="A26320" s="1" t="s">
        <v>25958</v>
      </c>
      <c r="B26320" s="1" t="s">
        <v>86049</v>
      </c>
      <c r="C26320" s="1" t="s">
        <v>95</v>
      </c>
      <c r="D26320" s="1" t="s">
        <v>94272</v>
      </c>
      <c r="E26320" s="1" t="s">
        <v>94273</v>
      </c>
      <c r="F26320" s="1" t="s">
        <v>94274</v>
      </c>
      <c r="G26320" s="1" t="s">
        <v>94208</v>
      </c>
      <c r="H26320" s="1" t="s">
        <v>94209</v>
      </c>
      <c r="I26320" s="1" t="s">
        <v>86055</v>
      </c>
      <c r="J26320" s="1" t="s">
        <v>94275</v>
      </c>
    </row>
    <row r="26321" spans="1:10" x14ac:dyDescent="0.35">
      <c r="A26321" s="1" t="s">
        <v>25958</v>
      </c>
      <c r="B26321" s="1" t="s">
        <v>86049</v>
      </c>
      <c r="C26321" s="1" t="s">
        <v>100</v>
      </c>
      <c r="D26321" s="1" t="s">
        <v>94276</v>
      </c>
      <c r="E26321" s="1" t="s">
        <v>94277</v>
      </c>
      <c r="F26321" s="1" t="s">
        <v>94278</v>
      </c>
      <c r="G26321" s="1" t="s">
        <v>94208</v>
      </c>
      <c r="H26321" s="1" t="s">
        <v>94209</v>
      </c>
      <c r="I26321" s="1" t="s">
        <v>86055</v>
      </c>
      <c r="J26321" s="1" t="s">
        <v>94279</v>
      </c>
    </row>
    <row r="26322" spans="1:10" x14ac:dyDescent="0.35">
      <c r="A26322" s="1" t="s">
        <v>25958</v>
      </c>
      <c r="B26322" s="1" t="s">
        <v>86049</v>
      </c>
      <c r="C26322" s="1" t="s">
        <v>105</v>
      </c>
      <c r="D26322" s="1" t="s">
        <v>26360</v>
      </c>
      <c r="E26322" s="1" t="s">
        <v>94280</v>
      </c>
      <c r="F26322" s="1" t="s">
        <v>94281</v>
      </c>
      <c r="G26322" s="1" t="s">
        <v>94208</v>
      </c>
      <c r="H26322" s="1" t="s">
        <v>94209</v>
      </c>
      <c r="I26322" s="1" t="s">
        <v>86055</v>
      </c>
      <c r="J26322" s="1" t="s">
        <v>94282</v>
      </c>
    </row>
    <row r="26323" spans="1:10" x14ac:dyDescent="0.35">
      <c r="A26323" s="1" t="s">
        <v>25958</v>
      </c>
      <c r="B26323" s="1" t="s">
        <v>86049</v>
      </c>
      <c r="C26323" s="1" t="s">
        <v>110</v>
      </c>
      <c r="D26323" s="1" t="s">
        <v>66739</v>
      </c>
      <c r="E26323" s="1" t="s">
        <v>94283</v>
      </c>
      <c r="F26323" s="1" t="s">
        <v>94284</v>
      </c>
      <c r="G26323" s="1" t="s">
        <v>94208</v>
      </c>
      <c r="H26323" s="1" t="s">
        <v>94209</v>
      </c>
      <c r="I26323" s="1" t="s">
        <v>86055</v>
      </c>
      <c r="J26323" s="1" t="s">
        <v>94285</v>
      </c>
    </row>
    <row r="26324" spans="1:10" x14ac:dyDescent="0.35">
      <c r="A26324" s="1" t="s">
        <v>25958</v>
      </c>
      <c r="B26324" s="1" t="s">
        <v>86049</v>
      </c>
      <c r="C26324" s="1" t="s">
        <v>115</v>
      </c>
      <c r="D26324" s="1" t="s">
        <v>56259</v>
      </c>
      <c r="E26324" s="1" t="s">
        <v>94286</v>
      </c>
      <c r="F26324" s="1" t="s">
        <v>94287</v>
      </c>
      <c r="G26324" s="1" t="s">
        <v>94208</v>
      </c>
      <c r="H26324" s="1" t="s">
        <v>94209</v>
      </c>
      <c r="I26324" s="1" t="s">
        <v>86055</v>
      </c>
      <c r="J26324" s="1" t="s">
        <v>94288</v>
      </c>
    </row>
    <row r="26325" spans="1:10" x14ac:dyDescent="0.35">
      <c r="A26325" s="1" t="s">
        <v>25958</v>
      </c>
      <c r="B26325" s="1" t="s">
        <v>86049</v>
      </c>
      <c r="C26325" s="1" t="s">
        <v>120</v>
      </c>
      <c r="D26325" s="1" t="s">
        <v>62969</v>
      </c>
      <c r="E26325" s="1" t="s">
        <v>94289</v>
      </c>
      <c r="F26325" s="1" t="s">
        <v>94290</v>
      </c>
      <c r="G26325" s="1" t="s">
        <v>94208</v>
      </c>
      <c r="H26325" s="1" t="s">
        <v>94209</v>
      </c>
      <c r="I26325" s="1" t="s">
        <v>86055</v>
      </c>
      <c r="J26325" s="1" t="s">
        <v>94291</v>
      </c>
    </row>
    <row r="26326" spans="1:10" x14ac:dyDescent="0.35">
      <c r="A26326" s="1" t="s">
        <v>25958</v>
      </c>
      <c r="B26326" s="1" t="s">
        <v>86049</v>
      </c>
      <c r="C26326" s="1" t="s">
        <v>125</v>
      </c>
      <c r="D26326" s="1" t="s">
        <v>94292</v>
      </c>
      <c r="E26326" s="1" t="s">
        <v>94293</v>
      </c>
      <c r="F26326" s="1" t="s">
        <v>94294</v>
      </c>
      <c r="G26326" s="1" t="s">
        <v>94208</v>
      </c>
      <c r="H26326" s="1" t="s">
        <v>94209</v>
      </c>
      <c r="I26326" s="1" t="s">
        <v>86055</v>
      </c>
      <c r="J26326" s="1" t="s">
        <v>94295</v>
      </c>
    </row>
    <row r="26327" spans="1:10" x14ac:dyDescent="0.35">
      <c r="A26327" s="1" t="s">
        <v>25958</v>
      </c>
      <c r="B26327" s="1" t="s">
        <v>86049</v>
      </c>
      <c r="C26327" s="1" t="s">
        <v>130</v>
      </c>
      <c r="D26327" s="1" t="s">
        <v>3300</v>
      </c>
      <c r="E26327" s="1" t="s">
        <v>94296</v>
      </c>
      <c r="F26327" s="1" t="s">
        <v>94297</v>
      </c>
      <c r="G26327" s="1" t="s">
        <v>94208</v>
      </c>
      <c r="H26327" s="1" t="s">
        <v>94209</v>
      </c>
      <c r="I26327" s="1" t="s">
        <v>86055</v>
      </c>
      <c r="J26327" s="1" t="s">
        <v>94298</v>
      </c>
    </row>
    <row r="26328" spans="1:10" x14ac:dyDescent="0.35">
      <c r="A26328" s="1" t="s">
        <v>25958</v>
      </c>
      <c r="B26328" s="1" t="s">
        <v>86049</v>
      </c>
      <c r="C26328" s="1" t="s">
        <v>135</v>
      </c>
      <c r="D26328" s="1" t="s">
        <v>61920</v>
      </c>
      <c r="E26328" s="1" t="s">
        <v>94299</v>
      </c>
      <c r="F26328" s="1" t="s">
        <v>94300</v>
      </c>
      <c r="G26328" s="1" t="s">
        <v>94208</v>
      </c>
      <c r="H26328" s="1" t="s">
        <v>94209</v>
      </c>
      <c r="I26328" s="1" t="s">
        <v>86055</v>
      </c>
      <c r="J26328" s="1" t="s">
        <v>94301</v>
      </c>
    </row>
    <row r="26329" spans="1:10" x14ac:dyDescent="0.35">
      <c r="A26329" s="1" t="s">
        <v>25958</v>
      </c>
      <c r="B26329" s="1" t="s">
        <v>86049</v>
      </c>
      <c r="C26329" s="1" t="s">
        <v>140</v>
      </c>
      <c r="D26329" s="1" t="s">
        <v>91615</v>
      </c>
      <c r="E26329" s="1" t="s">
        <v>94302</v>
      </c>
      <c r="F26329" s="1" t="s">
        <v>94303</v>
      </c>
      <c r="G26329" s="1" t="s">
        <v>94208</v>
      </c>
      <c r="H26329" s="1" t="s">
        <v>94209</v>
      </c>
      <c r="I26329" s="1" t="s">
        <v>86055</v>
      </c>
      <c r="J26329" s="1" t="s">
        <v>94304</v>
      </c>
    </row>
    <row r="26330" spans="1:10" x14ac:dyDescent="0.35">
      <c r="A26330" s="1" t="s">
        <v>25958</v>
      </c>
      <c r="B26330" s="1" t="s">
        <v>86049</v>
      </c>
      <c r="C26330" s="1" t="s">
        <v>145</v>
      </c>
      <c r="D26330" s="1" t="s">
        <v>94305</v>
      </c>
      <c r="E26330" s="1" t="s">
        <v>94306</v>
      </c>
      <c r="F26330" s="1" t="s">
        <v>94307</v>
      </c>
      <c r="G26330" s="1" t="s">
        <v>94208</v>
      </c>
      <c r="H26330" s="1" t="s">
        <v>94209</v>
      </c>
      <c r="I26330" s="1" t="s">
        <v>86055</v>
      </c>
      <c r="J26330" s="1" t="s">
        <v>94308</v>
      </c>
    </row>
    <row r="26331" spans="1:10" x14ac:dyDescent="0.35">
      <c r="A26331" s="1" t="s">
        <v>25958</v>
      </c>
      <c r="B26331" s="1" t="s">
        <v>86049</v>
      </c>
      <c r="C26331" s="1" t="s">
        <v>150</v>
      </c>
      <c r="D26331" s="1" t="s">
        <v>94309</v>
      </c>
      <c r="E26331" s="1" t="s">
        <v>94310</v>
      </c>
      <c r="F26331" s="1" t="s">
        <v>94311</v>
      </c>
      <c r="G26331" s="1" t="s">
        <v>94208</v>
      </c>
      <c r="H26331" s="1" t="s">
        <v>94209</v>
      </c>
      <c r="I26331" s="1" t="s">
        <v>86055</v>
      </c>
      <c r="J26331" s="1" t="s">
        <v>94312</v>
      </c>
    </row>
    <row r="26332" spans="1:10" x14ac:dyDescent="0.35">
      <c r="A26332" s="1" t="s">
        <v>25958</v>
      </c>
      <c r="B26332" s="1" t="s">
        <v>86049</v>
      </c>
      <c r="C26332" s="1" t="s">
        <v>155</v>
      </c>
      <c r="D26332" s="1" t="s">
        <v>94313</v>
      </c>
      <c r="E26332" s="1" t="s">
        <v>94314</v>
      </c>
      <c r="F26332" s="1" t="s">
        <v>94315</v>
      </c>
      <c r="G26332" s="1" t="s">
        <v>94208</v>
      </c>
      <c r="H26332" s="1" t="s">
        <v>94209</v>
      </c>
      <c r="I26332" s="1" t="s">
        <v>86055</v>
      </c>
      <c r="J26332" s="1" t="s">
        <v>94316</v>
      </c>
    </row>
    <row r="26333" spans="1:10" x14ac:dyDescent="0.35">
      <c r="A26333" s="1" t="s">
        <v>25958</v>
      </c>
      <c r="B26333" s="1" t="s">
        <v>86049</v>
      </c>
      <c r="C26333" s="1" t="s">
        <v>160</v>
      </c>
      <c r="D26333" s="1" t="s">
        <v>69640</v>
      </c>
      <c r="E26333" s="1" t="s">
        <v>94317</v>
      </c>
      <c r="F26333" s="1" t="s">
        <v>94318</v>
      </c>
      <c r="G26333" s="1" t="s">
        <v>94208</v>
      </c>
      <c r="H26333" s="1" t="s">
        <v>94209</v>
      </c>
      <c r="I26333" s="1" t="s">
        <v>86055</v>
      </c>
      <c r="J26333" s="1" t="s">
        <v>94319</v>
      </c>
    </row>
    <row r="26334" spans="1:10" x14ac:dyDescent="0.35">
      <c r="A26334" s="1" t="s">
        <v>25958</v>
      </c>
      <c r="B26334" s="1" t="s">
        <v>86049</v>
      </c>
      <c r="C26334" s="1" t="s">
        <v>165</v>
      </c>
      <c r="D26334" s="1" t="s">
        <v>59011</v>
      </c>
      <c r="E26334" s="1" t="s">
        <v>94320</v>
      </c>
      <c r="F26334" s="1" t="s">
        <v>94321</v>
      </c>
      <c r="G26334" s="1" t="s">
        <v>94208</v>
      </c>
      <c r="H26334" s="1" t="s">
        <v>94209</v>
      </c>
      <c r="I26334" s="1" t="s">
        <v>86055</v>
      </c>
      <c r="J26334" s="1" t="s">
        <v>94322</v>
      </c>
    </row>
    <row r="26335" spans="1:10" x14ac:dyDescent="0.35">
      <c r="A26335" s="1" t="s">
        <v>25958</v>
      </c>
      <c r="B26335" s="1" t="s">
        <v>86049</v>
      </c>
      <c r="C26335" s="1" t="s">
        <v>170</v>
      </c>
      <c r="D26335" s="1" t="s">
        <v>89426</v>
      </c>
      <c r="E26335" s="1" t="s">
        <v>94323</v>
      </c>
      <c r="F26335" s="1" t="s">
        <v>94324</v>
      </c>
      <c r="G26335" s="1" t="s">
        <v>94208</v>
      </c>
      <c r="H26335" s="1" t="s">
        <v>94209</v>
      </c>
      <c r="I26335" s="1" t="s">
        <v>86055</v>
      </c>
      <c r="J26335" s="1" t="s">
        <v>94325</v>
      </c>
    </row>
    <row r="26336" spans="1:10" x14ac:dyDescent="0.35">
      <c r="A26336" s="1" t="s">
        <v>94326</v>
      </c>
      <c r="B26336" s="1" t="s">
        <v>86049</v>
      </c>
      <c r="C26336" s="1" t="s">
        <v>8</v>
      </c>
      <c r="D26336" s="1" t="s">
        <v>94327</v>
      </c>
      <c r="E26336" s="1" t="s">
        <v>94328</v>
      </c>
      <c r="F26336" s="1" t="s">
        <v>94329</v>
      </c>
      <c r="G26336" s="1" t="s">
        <v>94330</v>
      </c>
      <c r="H26336" s="1" t="s">
        <v>94331</v>
      </c>
      <c r="I26336" s="1" t="s">
        <v>86055</v>
      </c>
      <c r="J26336" s="1" t="s">
        <v>13</v>
      </c>
    </row>
    <row r="26337" spans="1:10" x14ac:dyDescent="0.35">
      <c r="A26337" s="1" t="s">
        <v>94326</v>
      </c>
      <c r="B26337" s="1" t="s">
        <v>86049</v>
      </c>
      <c r="C26337" s="1" t="s">
        <v>15</v>
      </c>
      <c r="D26337" s="1" t="s">
        <v>94332</v>
      </c>
      <c r="E26337" s="1" t="s">
        <v>94333</v>
      </c>
      <c r="F26337" s="1" t="s">
        <v>94334</v>
      </c>
      <c r="G26337" s="1" t="s">
        <v>94330</v>
      </c>
      <c r="H26337" s="1" t="s">
        <v>94331</v>
      </c>
      <c r="I26337" s="1" t="s">
        <v>86055</v>
      </c>
      <c r="J26337" s="1" t="s">
        <v>94335</v>
      </c>
    </row>
    <row r="26338" spans="1:10" x14ac:dyDescent="0.35">
      <c r="A26338" s="1" t="s">
        <v>94326</v>
      </c>
      <c r="B26338" s="1" t="s">
        <v>86049</v>
      </c>
      <c r="C26338" s="1" t="s">
        <v>20</v>
      </c>
      <c r="D26338" s="1" t="s">
        <v>94336</v>
      </c>
      <c r="E26338" s="1" t="s">
        <v>94337</v>
      </c>
      <c r="F26338" s="1" t="s">
        <v>94338</v>
      </c>
      <c r="G26338" s="1" t="s">
        <v>94330</v>
      </c>
      <c r="H26338" s="1" t="s">
        <v>94331</v>
      </c>
      <c r="I26338" s="1" t="s">
        <v>86055</v>
      </c>
      <c r="J26338" s="1" t="s">
        <v>94339</v>
      </c>
    </row>
    <row r="26339" spans="1:10" x14ac:dyDescent="0.35">
      <c r="A26339" s="1" t="s">
        <v>94326</v>
      </c>
      <c r="B26339" s="1" t="s">
        <v>86049</v>
      </c>
      <c r="C26339" s="1" t="s">
        <v>25</v>
      </c>
      <c r="D26339" s="1" t="s">
        <v>94340</v>
      </c>
      <c r="E26339" s="1" t="s">
        <v>94341</v>
      </c>
      <c r="F26339" s="1" t="s">
        <v>94342</v>
      </c>
      <c r="G26339" s="1" t="s">
        <v>94330</v>
      </c>
      <c r="H26339" s="1" t="s">
        <v>94331</v>
      </c>
      <c r="I26339" s="1" t="s">
        <v>86055</v>
      </c>
      <c r="J26339" s="1" t="s">
        <v>94343</v>
      </c>
    </row>
    <row r="26340" spans="1:10" x14ac:dyDescent="0.35">
      <c r="A26340" s="1" t="s">
        <v>94326</v>
      </c>
      <c r="B26340" s="1" t="s">
        <v>86049</v>
      </c>
      <c r="C26340" s="1" t="s">
        <v>30</v>
      </c>
      <c r="D26340" s="1" t="s">
        <v>94344</v>
      </c>
      <c r="E26340" s="1" t="s">
        <v>94345</v>
      </c>
      <c r="F26340" s="1" t="s">
        <v>94346</v>
      </c>
      <c r="G26340" s="1" t="s">
        <v>94330</v>
      </c>
      <c r="H26340" s="1" t="s">
        <v>94331</v>
      </c>
      <c r="I26340" s="1" t="s">
        <v>86055</v>
      </c>
      <c r="J26340" s="1" t="s">
        <v>94347</v>
      </c>
    </row>
    <row r="26341" spans="1:10" x14ac:dyDescent="0.35">
      <c r="A26341" s="1" t="s">
        <v>94326</v>
      </c>
      <c r="B26341" s="1" t="s">
        <v>86049</v>
      </c>
      <c r="C26341" s="1" t="s">
        <v>35</v>
      </c>
      <c r="D26341" s="1" t="s">
        <v>94348</v>
      </c>
      <c r="E26341" s="1" t="s">
        <v>94349</v>
      </c>
      <c r="F26341" s="1" t="s">
        <v>94350</v>
      </c>
      <c r="G26341" s="1" t="s">
        <v>94330</v>
      </c>
      <c r="H26341" s="1" t="s">
        <v>94331</v>
      </c>
      <c r="I26341" s="1" t="s">
        <v>86055</v>
      </c>
      <c r="J26341" s="1" t="s">
        <v>94351</v>
      </c>
    </row>
    <row r="26342" spans="1:10" x14ac:dyDescent="0.35">
      <c r="A26342" s="1" t="s">
        <v>94326</v>
      </c>
      <c r="B26342" s="1" t="s">
        <v>86049</v>
      </c>
      <c r="C26342" s="1" t="s">
        <v>40</v>
      </c>
      <c r="D26342" s="1" t="s">
        <v>94352</v>
      </c>
      <c r="E26342" s="1" t="s">
        <v>94353</v>
      </c>
      <c r="F26342" s="1" t="s">
        <v>94354</v>
      </c>
      <c r="G26342" s="1" t="s">
        <v>94330</v>
      </c>
      <c r="H26342" s="1" t="s">
        <v>94331</v>
      </c>
      <c r="I26342" s="1" t="s">
        <v>86055</v>
      </c>
      <c r="J26342" s="1" t="s">
        <v>94355</v>
      </c>
    </row>
    <row r="26343" spans="1:10" x14ac:dyDescent="0.35">
      <c r="A26343" s="1" t="s">
        <v>94326</v>
      </c>
      <c r="B26343" s="1" t="s">
        <v>86049</v>
      </c>
      <c r="C26343" s="1" t="s">
        <v>45</v>
      </c>
      <c r="D26343" s="1" t="s">
        <v>94356</v>
      </c>
      <c r="E26343" s="1" t="s">
        <v>94357</v>
      </c>
      <c r="F26343" s="1" t="s">
        <v>94358</v>
      </c>
      <c r="G26343" s="1" t="s">
        <v>94330</v>
      </c>
      <c r="H26343" s="1" t="s">
        <v>94331</v>
      </c>
      <c r="I26343" s="1" t="s">
        <v>86055</v>
      </c>
      <c r="J26343" s="1" t="s">
        <v>23816</v>
      </c>
    </row>
    <row r="26344" spans="1:10" x14ac:dyDescent="0.35">
      <c r="A26344" s="1" t="s">
        <v>94326</v>
      </c>
      <c r="B26344" s="1" t="s">
        <v>86049</v>
      </c>
      <c r="C26344" s="1" t="s">
        <v>50</v>
      </c>
      <c r="D26344" s="1" t="s">
        <v>94359</v>
      </c>
      <c r="E26344" s="1" t="s">
        <v>94360</v>
      </c>
      <c r="F26344" s="1" t="s">
        <v>94361</v>
      </c>
      <c r="G26344" s="1" t="s">
        <v>94330</v>
      </c>
      <c r="H26344" s="1" t="s">
        <v>94331</v>
      </c>
      <c r="I26344" s="1" t="s">
        <v>86055</v>
      </c>
      <c r="J26344" s="1" t="s">
        <v>94362</v>
      </c>
    </row>
    <row r="26345" spans="1:10" x14ac:dyDescent="0.35">
      <c r="A26345" s="1" t="s">
        <v>94326</v>
      </c>
      <c r="B26345" s="1" t="s">
        <v>86049</v>
      </c>
      <c r="C26345" s="1" t="s">
        <v>55</v>
      </c>
      <c r="D26345" s="1" t="s">
        <v>94363</v>
      </c>
      <c r="E26345" s="1" t="s">
        <v>94364</v>
      </c>
      <c r="F26345" s="1" t="s">
        <v>94365</v>
      </c>
      <c r="G26345" s="1" t="s">
        <v>94330</v>
      </c>
      <c r="H26345" s="1" t="s">
        <v>94331</v>
      </c>
      <c r="I26345" s="1" t="s">
        <v>86055</v>
      </c>
      <c r="J26345" s="1" t="s">
        <v>94366</v>
      </c>
    </row>
    <row r="26346" spans="1:10" x14ac:dyDescent="0.35">
      <c r="A26346" s="1" t="s">
        <v>94326</v>
      </c>
      <c r="B26346" s="1" t="s">
        <v>86049</v>
      </c>
      <c r="C26346" s="1" t="s">
        <v>60</v>
      </c>
      <c r="D26346" s="1" t="s">
        <v>11594</v>
      </c>
      <c r="E26346" s="1" t="s">
        <v>94367</v>
      </c>
      <c r="F26346" s="1" t="s">
        <v>94368</v>
      </c>
      <c r="G26346" s="1" t="s">
        <v>94330</v>
      </c>
      <c r="H26346" s="1" t="s">
        <v>94331</v>
      </c>
      <c r="I26346" s="1" t="s">
        <v>86055</v>
      </c>
      <c r="J26346" s="1" t="s">
        <v>94369</v>
      </c>
    </row>
    <row r="26347" spans="1:10" x14ac:dyDescent="0.35">
      <c r="A26347" s="1" t="s">
        <v>94326</v>
      </c>
      <c r="B26347" s="1" t="s">
        <v>86049</v>
      </c>
      <c r="C26347" s="1" t="s">
        <v>65</v>
      </c>
      <c r="D26347" s="1" t="s">
        <v>94370</v>
      </c>
      <c r="E26347" s="1" t="s">
        <v>94371</v>
      </c>
      <c r="F26347" s="1" t="s">
        <v>94372</v>
      </c>
      <c r="G26347" s="1" t="s">
        <v>94330</v>
      </c>
      <c r="H26347" s="1" t="s">
        <v>94331</v>
      </c>
      <c r="I26347" s="1" t="s">
        <v>86055</v>
      </c>
      <c r="J26347" s="1" t="s">
        <v>94373</v>
      </c>
    </row>
    <row r="26348" spans="1:10" x14ac:dyDescent="0.35">
      <c r="A26348" s="1" t="s">
        <v>94326</v>
      </c>
      <c r="B26348" s="1" t="s">
        <v>86049</v>
      </c>
      <c r="C26348" s="1" t="s">
        <v>70</v>
      </c>
      <c r="D26348" s="1" t="s">
        <v>94374</v>
      </c>
      <c r="E26348" s="1" t="s">
        <v>94375</v>
      </c>
      <c r="F26348" s="1" t="s">
        <v>94376</v>
      </c>
      <c r="G26348" s="1" t="s">
        <v>94330</v>
      </c>
      <c r="H26348" s="1" t="s">
        <v>94331</v>
      </c>
      <c r="I26348" s="1" t="s">
        <v>86055</v>
      </c>
      <c r="J26348" s="1" t="s">
        <v>94377</v>
      </c>
    </row>
    <row r="26349" spans="1:10" x14ac:dyDescent="0.35">
      <c r="A26349" s="1" t="s">
        <v>94326</v>
      </c>
      <c r="B26349" s="1" t="s">
        <v>86049</v>
      </c>
      <c r="C26349" s="1" t="s">
        <v>75</v>
      </c>
      <c r="D26349" s="1" t="s">
        <v>94378</v>
      </c>
      <c r="E26349" s="1" t="s">
        <v>94379</v>
      </c>
      <c r="F26349" s="1" t="s">
        <v>94380</v>
      </c>
      <c r="G26349" s="1" t="s">
        <v>94330</v>
      </c>
      <c r="H26349" s="1" t="s">
        <v>94331</v>
      </c>
      <c r="I26349" s="1" t="s">
        <v>86055</v>
      </c>
      <c r="J26349" s="1" t="s">
        <v>94381</v>
      </c>
    </row>
    <row r="26350" spans="1:10" x14ac:dyDescent="0.35">
      <c r="A26350" s="1" t="s">
        <v>94326</v>
      </c>
      <c r="B26350" s="1" t="s">
        <v>86049</v>
      </c>
      <c r="C26350" s="1" t="s">
        <v>80</v>
      </c>
      <c r="D26350" s="1" t="s">
        <v>94382</v>
      </c>
      <c r="E26350" s="1" t="s">
        <v>94383</v>
      </c>
      <c r="F26350" s="1" t="s">
        <v>94384</v>
      </c>
      <c r="G26350" s="1" t="s">
        <v>94330</v>
      </c>
      <c r="H26350" s="1" t="s">
        <v>94331</v>
      </c>
      <c r="I26350" s="1" t="s">
        <v>86055</v>
      </c>
      <c r="J26350" s="1" t="s">
        <v>94385</v>
      </c>
    </row>
    <row r="26351" spans="1:10" x14ac:dyDescent="0.35">
      <c r="A26351" s="1" t="s">
        <v>94326</v>
      </c>
      <c r="B26351" s="1" t="s">
        <v>86049</v>
      </c>
      <c r="C26351" s="1" t="s">
        <v>85</v>
      </c>
      <c r="D26351" s="1" t="s">
        <v>94386</v>
      </c>
      <c r="E26351" s="1" t="s">
        <v>94387</v>
      </c>
      <c r="F26351" s="1" t="s">
        <v>94388</v>
      </c>
      <c r="G26351" s="1" t="s">
        <v>94330</v>
      </c>
      <c r="H26351" s="1" t="s">
        <v>94331</v>
      </c>
      <c r="I26351" s="1" t="s">
        <v>86055</v>
      </c>
      <c r="J26351" s="1" t="s">
        <v>94389</v>
      </c>
    </row>
    <row r="26352" spans="1:10" x14ac:dyDescent="0.35">
      <c r="A26352" s="1" t="s">
        <v>94326</v>
      </c>
      <c r="B26352" s="1" t="s">
        <v>86049</v>
      </c>
      <c r="C26352" s="1" t="s">
        <v>90</v>
      </c>
      <c r="D26352" s="1" t="s">
        <v>53014</v>
      </c>
      <c r="E26352" s="1" t="s">
        <v>94390</v>
      </c>
      <c r="F26352" s="1" t="s">
        <v>94391</v>
      </c>
      <c r="G26352" s="1" t="s">
        <v>94330</v>
      </c>
      <c r="H26352" s="1" t="s">
        <v>94331</v>
      </c>
      <c r="I26352" s="1" t="s">
        <v>86055</v>
      </c>
      <c r="J26352" s="1" t="s">
        <v>94392</v>
      </c>
    </row>
    <row r="26353" spans="1:10" x14ac:dyDescent="0.35">
      <c r="A26353" s="1" t="s">
        <v>94326</v>
      </c>
      <c r="B26353" s="1" t="s">
        <v>86049</v>
      </c>
      <c r="C26353" s="1" t="s">
        <v>95</v>
      </c>
      <c r="D26353" s="1" t="s">
        <v>56089</v>
      </c>
      <c r="E26353" s="1" t="s">
        <v>94393</v>
      </c>
      <c r="F26353" s="1" t="s">
        <v>94394</v>
      </c>
      <c r="G26353" s="1" t="s">
        <v>94330</v>
      </c>
      <c r="H26353" s="1" t="s">
        <v>94331</v>
      </c>
      <c r="I26353" s="1" t="s">
        <v>86055</v>
      </c>
      <c r="J26353" s="1" t="s">
        <v>94395</v>
      </c>
    </row>
    <row r="26354" spans="1:10" x14ac:dyDescent="0.35">
      <c r="A26354" s="1" t="s">
        <v>94326</v>
      </c>
      <c r="B26354" s="1" t="s">
        <v>86049</v>
      </c>
      <c r="C26354" s="1" t="s">
        <v>100</v>
      </c>
      <c r="D26354" s="1" t="s">
        <v>24283</v>
      </c>
      <c r="E26354" s="1" t="s">
        <v>94396</v>
      </c>
      <c r="F26354" s="1" t="s">
        <v>94397</v>
      </c>
      <c r="G26354" s="1" t="s">
        <v>94330</v>
      </c>
      <c r="H26354" s="1" t="s">
        <v>94331</v>
      </c>
      <c r="I26354" s="1" t="s">
        <v>86055</v>
      </c>
      <c r="J26354" s="1" t="s">
        <v>94398</v>
      </c>
    </row>
    <row r="26355" spans="1:10" x14ac:dyDescent="0.35">
      <c r="A26355" s="1" t="s">
        <v>94326</v>
      </c>
      <c r="B26355" s="1" t="s">
        <v>86049</v>
      </c>
      <c r="C26355" s="1" t="s">
        <v>105</v>
      </c>
      <c r="D26355" s="1" t="s">
        <v>93595</v>
      </c>
      <c r="E26355" s="1" t="s">
        <v>94399</v>
      </c>
      <c r="F26355" s="1" t="s">
        <v>94400</v>
      </c>
      <c r="G26355" s="1" t="s">
        <v>94330</v>
      </c>
      <c r="H26355" s="1" t="s">
        <v>94331</v>
      </c>
      <c r="I26355" s="1" t="s">
        <v>86055</v>
      </c>
      <c r="J26355" s="1" t="s">
        <v>94401</v>
      </c>
    </row>
    <row r="26356" spans="1:10" x14ac:dyDescent="0.35">
      <c r="A26356" s="1" t="s">
        <v>94326</v>
      </c>
      <c r="B26356" s="1" t="s">
        <v>86049</v>
      </c>
      <c r="C26356" s="1" t="s">
        <v>110</v>
      </c>
      <c r="D26356" s="1" t="s">
        <v>77287</v>
      </c>
      <c r="E26356" s="1" t="s">
        <v>94402</v>
      </c>
      <c r="F26356" s="1" t="s">
        <v>94403</v>
      </c>
      <c r="G26356" s="1" t="s">
        <v>94330</v>
      </c>
      <c r="H26356" s="1" t="s">
        <v>94331</v>
      </c>
      <c r="I26356" s="1" t="s">
        <v>86055</v>
      </c>
      <c r="J26356" s="1" t="s">
        <v>94404</v>
      </c>
    </row>
    <row r="26357" spans="1:10" x14ac:dyDescent="0.35">
      <c r="A26357" s="1" t="s">
        <v>94326</v>
      </c>
      <c r="B26357" s="1" t="s">
        <v>86049</v>
      </c>
      <c r="C26357" s="1" t="s">
        <v>115</v>
      </c>
      <c r="D26357" s="1" t="s">
        <v>94405</v>
      </c>
      <c r="E26357" s="1" t="s">
        <v>94406</v>
      </c>
      <c r="F26357" s="1" t="s">
        <v>94407</v>
      </c>
      <c r="G26357" s="1" t="s">
        <v>94330</v>
      </c>
      <c r="H26357" s="1" t="s">
        <v>94331</v>
      </c>
      <c r="I26357" s="1" t="s">
        <v>86055</v>
      </c>
      <c r="J26357" s="1" t="s">
        <v>94408</v>
      </c>
    </row>
    <row r="26358" spans="1:10" x14ac:dyDescent="0.35">
      <c r="A26358" s="1" t="s">
        <v>94326</v>
      </c>
      <c r="B26358" s="1" t="s">
        <v>86049</v>
      </c>
      <c r="C26358" s="1" t="s">
        <v>120</v>
      </c>
      <c r="D26358" s="1" t="s">
        <v>94409</v>
      </c>
      <c r="E26358" s="1" t="s">
        <v>94410</v>
      </c>
      <c r="F26358" s="1" t="s">
        <v>94411</v>
      </c>
      <c r="G26358" s="1" t="s">
        <v>94330</v>
      </c>
      <c r="H26358" s="1" t="s">
        <v>94331</v>
      </c>
      <c r="I26358" s="1" t="s">
        <v>86055</v>
      </c>
      <c r="J26358" s="1" t="s">
        <v>94412</v>
      </c>
    </row>
    <row r="26359" spans="1:10" x14ac:dyDescent="0.35">
      <c r="A26359" s="1" t="s">
        <v>94326</v>
      </c>
      <c r="B26359" s="1" t="s">
        <v>86049</v>
      </c>
      <c r="C26359" s="1" t="s">
        <v>125</v>
      </c>
      <c r="D26359" s="1" t="s">
        <v>54823</v>
      </c>
      <c r="E26359" s="1" t="s">
        <v>94413</v>
      </c>
      <c r="F26359" s="1" t="s">
        <v>94414</v>
      </c>
      <c r="G26359" s="1" t="s">
        <v>94330</v>
      </c>
      <c r="H26359" s="1" t="s">
        <v>94331</v>
      </c>
      <c r="I26359" s="1" t="s">
        <v>86055</v>
      </c>
      <c r="J26359" s="1" t="s">
        <v>94415</v>
      </c>
    </row>
    <row r="26360" spans="1:10" x14ac:dyDescent="0.35">
      <c r="A26360" s="1" t="s">
        <v>94326</v>
      </c>
      <c r="B26360" s="1" t="s">
        <v>86049</v>
      </c>
      <c r="C26360" s="1" t="s">
        <v>130</v>
      </c>
      <c r="D26360" s="1" t="s">
        <v>90506</v>
      </c>
      <c r="E26360" s="1" t="s">
        <v>94416</v>
      </c>
      <c r="F26360" s="1" t="s">
        <v>94417</v>
      </c>
      <c r="G26360" s="1" t="s">
        <v>94330</v>
      </c>
      <c r="H26360" s="1" t="s">
        <v>94331</v>
      </c>
      <c r="I26360" s="1" t="s">
        <v>86055</v>
      </c>
      <c r="J26360" s="1" t="s">
        <v>94418</v>
      </c>
    </row>
    <row r="26361" spans="1:10" x14ac:dyDescent="0.35">
      <c r="A26361" s="1" t="s">
        <v>94326</v>
      </c>
      <c r="B26361" s="1" t="s">
        <v>86049</v>
      </c>
      <c r="C26361" s="1" t="s">
        <v>135</v>
      </c>
      <c r="D26361" s="1" t="s">
        <v>94419</v>
      </c>
      <c r="E26361" s="1" t="s">
        <v>94420</v>
      </c>
      <c r="F26361" s="1" t="s">
        <v>94421</v>
      </c>
      <c r="G26361" s="1" t="s">
        <v>94330</v>
      </c>
      <c r="H26361" s="1" t="s">
        <v>94331</v>
      </c>
      <c r="I26361" s="1" t="s">
        <v>86055</v>
      </c>
      <c r="J26361" s="1" t="s">
        <v>94422</v>
      </c>
    </row>
    <row r="26362" spans="1:10" x14ac:dyDescent="0.35">
      <c r="A26362" s="1" t="s">
        <v>94326</v>
      </c>
      <c r="B26362" s="1" t="s">
        <v>86049</v>
      </c>
      <c r="C26362" s="1" t="s">
        <v>140</v>
      </c>
      <c r="D26362" s="1" t="s">
        <v>94423</v>
      </c>
      <c r="E26362" s="1" t="s">
        <v>94424</v>
      </c>
      <c r="F26362" s="1" t="s">
        <v>94425</v>
      </c>
      <c r="G26362" s="1" t="s">
        <v>94330</v>
      </c>
      <c r="H26362" s="1" t="s">
        <v>94331</v>
      </c>
      <c r="I26362" s="1" t="s">
        <v>86055</v>
      </c>
      <c r="J26362" s="1" t="s">
        <v>94426</v>
      </c>
    </row>
    <row r="26363" spans="1:10" x14ac:dyDescent="0.35">
      <c r="A26363" s="1" t="s">
        <v>94326</v>
      </c>
      <c r="B26363" s="1" t="s">
        <v>86049</v>
      </c>
      <c r="C26363" s="1" t="s">
        <v>145</v>
      </c>
      <c r="D26363" s="1" t="s">
        <v>58322</v>
      </c>
      <c r="E26363" s="1" t="s">
        <v>94427</v>
      </c>
      <c r="F26363" s="1" t="s">
        <v>94428</v>
      </c>
      <c r="G26363" s="1" t="s">
        <v>94330</v>
      </c>
      <c r="H26363" s="1" t="s">
        <v>94331</v>
      </c>
      <c r="I26363" s="1" t="s">
        <v>86055</v>
      </c>
      <c r="J26363" s="1" t="s">
        <v>94429</v>
      </c>
    </row>
    <row r="26364" spans="1:10" x14ac:dyDescent="0.35">
      <c r="A26364" s="1" t="s">
        <v>94326</v>
      </c>
      <c r="B26364" s="1" t="s">
        <v>86049</v>
      </c>
      <c r="C26364" s="1" t="s">
        <v>150</v>
      </c>
      <c r="D26364" s="1" t="s">
        <v>63331</v>
      </c>
      <c r="E26364" s="1" t="s">
        <v>94430</v>
      </c>
      <c r="F26364" s="1" t="s">
        <v>94431</v>
      </c>
      <c r="G26364" s="1" t="s">
        <v>94330</v>
      </c>
      <c r="H26364" s="1" t="s">
        <v>94331</v>
      </c>
      <c r="I26364" s="1" t="s">
        <v>86055</v>
      </c>
      <c r="J26364" s="1" t="s">
        <v>94432</v>
      </c>
    </row>
    <row r="26365" spans="1:10" x14ac:dyDescent="0.35">
      <c r="A26365" s="1" t="s">
        <v>94326</v>
      </c>
      <c r="B26365" s="1" t="s">
        <v>86049</v>
      </c>
      <c r="C26365" s="1" t="s">
        <v>155</v>
      </c>
      <c r="D26365" s="1" t="s">
        <v>94433</v>
      </c>
      <c r="E26365" s="1" t="s">
        <v>94434</v>
      </c>
      <c r="F26365" s="1" t="s">
        <v>94435</v>
      </c>
      <c r="G26365" s="1" t="s">
        <v>94330</v>
      </c>
      <c r="H26365" s="1" t="s">
        <v>94331</v>
      </c>
      <c r="I26365" s="1" t="s">
        <v>86055</v>
      </c>
      <c r="J26365" s="1" t="s">
        <v>94436</v>
      </c>
    </row>
    <row r="26366" spans="1:10" x14ac:dyDescent="0.35">
      <c r="A26366" s="1" t="s">
        <v>94326</v>
      </c>
      <c r="B26366" s="1" t="s">
        <v>86049</v>
      </c>
      <c r="C26366" s="1" t="s">
        <v>160</v>
      </c>
      <c r="D26366" s="1" t="s">
        <v>56085</v>
      </c>
      <c r="E26366" s="1" t="s">
        <v>94437</v>
      </c>
      <c r="F26366" s="1" t="s">
        <v>94438</v>
      </c>
      <c r="G26366" s="1" t="s">
        <v>94330</v>
      </c>
      <c r="H26366" s="1" t="s">
        <v>94331</v>
      </c>
      <c r="I26366" s="1" t="s">
        <v>86055</v>
      </c>
      <c r="J26366" s="1" t="s">
        <v>94439</v>
      </c>
    </row>
    <row r="26367" spans="1:10" x14ac:dyDescent="0.35">
      <c r="A26367" s="1" t="s">
        <v>94326</v>
      </c>
      <c r="B26367" s="1" t="s">
        <v>86049</v>
      </c>
      <c r="C26367" s="1" t="s">
        <v>165</v>
      </c>
      <c r="D26367" s="1" t="s">
        <v>94440</v>
      </c>
      <c r="E26367" s="1" t="s">
        <v>94441</v>
      </c>
      <c r="F26367" s="1" t="s">
        <v>94442</v>
      </c>
      <c r="G26367" s="1" t="s">
        <v>94330</v>
      </c>
      <c r="H26367" s="1" t="s">
        <v>94331</v>
      </c>
      <c r="I26367" s="1" t="s">
        <v>86055</v>
      </c>
      <c r="J26367" s="1" t="s">
        <v>94443</v>
      </c>
    </row>
    <row r="26368" spans="1:10" x14ac:dyDescent="0.35">
      <c r="A26368" s="1" t="s">
        <v>94326</v>
      </c>
      <c r="B26368" s="1" t="s">
        <v>86049</v>
      </c>
      <c r="C26368" s="1" t="s">
        <v>170</v>
      </c>
      <c r="D26368" s="1" t="s">
        <v>94444</v>
      </c>
      <c r="E26368" s="1" t="s">
        <v>94445</v>
      </c>
      <c r="F26368" s="1" t="s">
        <v>94446</v>
      </c>
      <c r="G26368" s="1" t="s">
        <v>94330</v>
      </c>
      <c r="H26368" s="1" t="s">
        <v>94331</v>
      </c>
      <c r="I26368" s="1" t="s">
        <v>86055</v>
      </c>
      <c r="J26368" s="1" t="s">
        <v>94447</v>
      </c>
    </row>
    <row r="26369" spans="1:10" x14ac:dyDescent="0.35">
      <c r="A26369" s="1" t="s">
        <v>1900</v>
      </c>
      <c r="B26369" s="1" t="s">
        <v>86049</v>
      </c>
      <c r="C26369" s="1" t="s">
        <v>8</v>
      </c>
      <c r="D26369" s="1" t="s">
        <v>94448</v>
      </c>
      <c r="E26369" s="1" t="s">
        <v>94449</v>
      </c>
      <c r="F26369" s="1" t="s">
        <v>94450</v>
      </c>
      <c r="G26369" s="1" t="s">
        <v>94451</v>
      </c>
      <c r="H26369" s="1" t="s">
        <v>94452</v>
      </c>
      <c r="I26369" s="1" t="s">
        <v>86055</v>
      </c>
      <c r="J26369" s="1" t="s">
        <v>13</v>
      </c>
    </row>
    <row r="26370" spans="1:10" x14ac:dyDescent="0.35">
      <c r="A26370" s="1" t="s">
        <v>1900</v>
      </c>
      <c r="B26370" s="1" t="s">
        <v>86049</v>
      </c>
      <c r="C26370" s="1" t="s">
        <v>15</v>
      </c>
      <c r="D26370" s="1" t="s">
        <v>94453</v>
      </c>
      <c r="E26370" s="1" t="s">
        <v>94454</v>
      </c>
      <c r="F26370" s="1" t="s">
        <v>94455</v>
      </c>
      <c r="G26370" s="1" t="s">
        <v>94451</v>
      </c>
      <c r="H26370" s="1" t="s">
        <v>94452</v>
      </c>
      <c r="I26370" s="1" t="s">
        <v>86055</v>
      </c>
      <c r="J26370" s="1" t="s">
        <v>94456</v>
      </c>
    </row>
    <row r="26371" spans="1:10" x14ac:dyDescent="0.35">
      <c r="A26371" s="1" t="s">
        <v>1900</v>
      </c>
      <c r="B26371" s="1" t="s">
        <v>86049</v>
      </c>
      <c r="C26371" s="1" t="s">
        <v>20</v>
      </c>
      <c r="D26371" s="1" t="s">
        <v>54644</v>
      </c>
      <c r="E26371" s="1" t="s">
        <v>94457</v>
      </c>
      <c r="F26371" s="1" t="s">
        <v>94458</v>
      </c>
      <c r="G26371" s="1" t="s">
        <v>94451</v>
      </c>
      <c r="H26371" s="1" t="s">
        <v>94452</v>
      </c>
      <c r="I26371" s="1" t="s">
        <v>86055</v>
      </c>
      <c r="J26371" s="1" t="s">
        <v>94459</v>
      </c>
    </row>
    <row r="26372" spans="1:10" x14ac:dyDescent="0.35">
      <c r="A26372" s="1" t="s">
        <v>1900</v>
      </c>
      <c r="B26372" s="1" t="s">
        <v>86049</v>
      </c>
      <c r="C26372" s="1" t="s">
        <v>25</v>
      </c>
      <c r="D26372" s="1" t="s">
        <v>94460</v>
      </c>
      <c r="E26372" s="1" t="s">
        <v>94461</v>
      </c>
      <c r="F26372" s="1" t="s">
        <v>94462</v>
      </c>
      <c r="G26372" s="1" t="s">
        <v>94451</v>
      </c>
      <c r="H26372" s="1" t="s">
        <v>94452</v>
      </c>
      <c r="I26372" s="1" t="s">
        <v>86055</v>
      </c>
      <c r="J26372" s="1" t="s">
        <v>94463</v>
      </c>
    </row>
    <row r="26373" spans="1:10" x14ac:dyDescent="0.35">
      <c r="A26373" s="1" t="s">
        <v>1900</v>
      </c>
      <c r="B26373" s="1" t="s">
        <v>86049</v>
      </c>
      <c r="C26373" s="1" t="s">
        <v>30</v>
      </c>
      <c r="D26373" s="1" t="s">
        <v>40164</v>
      </c>
      <c r="E26373" s="1" t="s">
        <v>94464</v>
      </c>
      <c r="F26373" s="1" t="s">
        <v>94465</v>
      </c>
      <c r="G26373" s="1" t="s">
        <v>94451</v>
      </c>
      <c r="H26373" s="1" t="s">
        <v>94452</v>
      </c>
      <c r="I26373" s="1" t="s">
        <v>86055</v>
      </c>
      <c r="J26373" s="1" t="s">
        <v>94466</v>
      </c>
    </row>
    <row r="26374" spans="1:10" x14ac:dyDescent="0.35">
      <c r="A26374" s="1" t="s">
        <v>1900</v>
      </c>
      <c r="B26374" s="1" t="s">
        <v>86049</v>
      </c>
      <c r="C26374" s="1" t="s">
        <v>35</v>
      </c>
      <c r="D26374" s="1" t="s">
        <v>69328</v>
      </c>
      <c r="E26374" s="1" t="s">
        <v>94467</v>
      </c>
      <c r="F26374" s="1" t="s">
        <v>94468</v>
      </c>
      <c r="G26374" s="1" t="s">
        <v>94451</v>
      </c>
      <c r="H26374" s="1" t="s">
        <v>94452</v>
      </c>
      <c r="I26374" s="1" t="s">
        <v>86055</v>
      </c>
      <c r="J26374" s="1" t="s">
        <v>94469</v>
      </c>
    </row>
    <row r="26375" spans="1:10" x14ac:dyDescent="0.35">
      <c r="A26375" s="1" t="s">
        <v>1900</v>
      </c>
      <c r="B26375" s="1" t="s">
        <v>86049</v>
      </c>
      <c r="C26375" s="1" t="s">
        <v>40</v>
      </c>
      <c r="D26375" s="1" t="s">
        <v>65839</v>
      </c>
      <c r="E26375" s="1" t="s">
        <v>94470</v>
      </c>
      <c r="F26375" s="1" t="s">
        <v>94471</v>
      </c>
      <c r="G26375" s="1" t="s">
        <v>94451</v>
      </c>
      <c r="H26375" s="1" t="s">
        <v>94452</v>
      </c>
      <c r="I26375" s="1" t="s">
        <v>86055</v>
      </c>
      <c r="J26375" s="1" t="s">
        <v>94472</v>
      </c>
    </row>
    <row r="26376" spans="1:10" x14ac:dyDescent="0.35">
      <c r="A26376" s="1" t="s">
        <v>1900</v>
      </c>
      <c r="B26376" s="1" t="s">
        <v>86049</v>
      </c>
      <c r="C26376" s="1" t="s">
        <v>45</v>
      </c>
      <c r="D26376" s="1" t="s">
        <v>59454</v>
      </c>
      <c r="E26376" s="1" t="s">
        <v>94473</v>
      </c>
      <c r="F26376" s="1" t="s">
        <v>94474</v>
      </c>
      <c r="G26376" s="1" t="s">
        <v>94451</v>
      </c>
      <c r="H26376" s="1" t="s">
        <v>94452</v>
      </c>
      <c r="I26376" s="1" t="s">
        <v>86055</v>
      </c>
      <c r="J26376" s="1" t="s">
        <v>94475</v>
      </c>
    </row>
    <row r="26377" spans="1:10" x14ac:dyDescent="0.35">
      <c r="A26377" s="1" t="s">
        <v>1900</v>
      </c>
      <c r="B26377" s="1" t="s">
        <v>86049</v>
      </c>
      <c r="C26377" s="1" t="s">
        <v>50</v>
      </c>
      <c r="D26377" s="1" t="s">
        <v>56736</v>
      </c>
      <c r="E26377" s="1" t="s">
        <v>94476</v>
      </c>
      <c r="F26377" s="1" t="s">
        <v>94477</v>
      </c>
      <c r="G26377" s="1" t="s">
        <v>94451</v>
      </c>
      <c r="H26377" s="1" t="s">
        <v>94452</v>
      </c>
      <c r="I26377" s="1" t="s">
        <v>86055</v>
      </c>
      <c r="J26377" s="1" t="s">
        <v>94478</v>
      </c>
    </row>
    <row r="26378" spans="1:10" x14ac:dyDescent="0.35">
      <c r="A26378" s="1" t="s">
        <v>1900</v>
      </c>
      <c r="B26378" s="1" t="s">
        <v>86049</v>
      </c>
      <c r="C26378" s="1" t="s">
        <v>55</v>
      </c>
      <c r="D26378" s="1" t="s">
        <v>94479</v>
      </c>
      <c r="E26378" s="1" t="s">
        <v>94480</v>
      </c>
      <c r="F26378" s="1" t="s">
        <v>94481</v>
      </c>
      <c r="G26378" s="1" t="s">
        <v>94451</v>
      </c>
      <c r="H26378" s="1" t="s">
        <v>94452</v>
      </c>
      <c r="I26378" s="1" t="s">
        <v>86055</v>
      </c>
      <c r="J26378" s="1" t="s">
        <v>94482</v>
      </c>
    </row>
    <row r="26379" spans="1:10" x14ac:dyDescent="0.35">
      <c r="A26379" s="1" t="s">
        <v>1900</v>
      </c>
      <c r="B26379" s="1" t="s">
        <v>86049</v>
      </c>
      <c r="C26379" s="1" t="s">
        <v>60</v>
      </c>
      <c r="D26379" s="1" t="s">
        <v>94483</v>
      </c>
      <c r="E26379" s="1" t="s">
        <v>94484</v>
      </c>
      <c r="F26379" s="1" t="s">
        <v>94485</v>
      </c>
      <c r="G26379" s="1" t="s">
        <v>94451</v>
      </c>
      <c r="H26379" s="1" t="s">
        <v>94452</v>
      </c>
      <c r="I26379" s="1" t="s">
        <v>86055</v>
      </c>
      <c r="J26379" s="1" t="s">
        <v>94486</v>
      </c>
    </row>
    <row r="26380" spans="1:10" x14ac:dyDescent="0.35">
      <c r="A26380" s="1" t="s">
        <v>1900</v>
      </c>
      <c r="B26380" s="1" t="s">
        <v>86049</v>
      </c>
      <c r="C26380" s="1" t="s">
        <v>65</v>
      </c>
      <c r="D26380" s="1" t="s">
        <v>26613</v>
      </c>
      <c r="E26380" s="1" t="s">
        <v>94487</v>
      </c>
      <c r="F26380" s="1" t="s">
        <v>94488</v>
      </c>
      <c r="G26380" s="1" t="s">
        <v>94451</v>
      </c>
      <c r="H26380" s="1" t="s">
        <v>94452</v>
      </c>
      <c r="I26380" s="1" t="s">
        <v>86055</v>
      </c>
      <c r="J26380" s="1" t="s">
        <v>94489</v>
      </c>
    </row>
    <row r="26381" spans="1:10" x14ac:dyDescent="0.35">
      <c r="A26381" s="1" t="s">
        <v>1900</v>
      </c>
      <c r="B26381" s="1" t="s">
        <v>86049</v>
      </c>
      <c r="C26381" s="1" t="s">
        <v>70</v>
      </c>
      <c r="D26381" s="1" t="s">
        <v>94490</v>
      </c>
      <c r="E26381" s="1" t="s">
        <v>94491</v>
      </c>
      <c r="F26381" s="1" t="s">
        <v>94492</v>
      </c>
      <c r="G26381" s="1" t="s">
        <v>94451</v>
      </c>
      <c r="H26381" s="1" t="s">
        <v>94452</v>
      </c>
      <c r="I26381" s="1" t="s">
        <v>86055</v>
      </c>
      <c r="J26381" s="1" t="s">
        <v>94493</v>
      </c>
    </row>
    <row r="26382" spans="1:10" x14ac:dyDescent="0.35">
      <c r="A26382" s="1" t="s">
        <v>1900</v>
      </c>
      <c r="B26382" s="1" t="s">
        <v>86049</v>
      </c>
      <c r="C26382" s="1" t="s">
        <v>75</v>
      </c>
      <c r="D26382" s="1" t="s">
        <v>24658</v>
      </c>
      <c r="E26382" s="1" t="s">
        <v>94494</v>
      </c>
      <c r="F26382" s="1" t="s">
        <v>94495</v>
      </c>
      <c r="G26382" s="1" t="s">
        <v>94451</v>
      </c>
      <c r="H26382" s="1" t="s">
        <v>94452</v>
      </c>
      <c r="I26382" s="1" t="s">
        <v>86055</v>
      </c>
      <c r="J26382" s="1" t="s">
        <v>94496</v>
      </c>
    </row>
    <row r="26383" spans="1:10" x14ac:dyDescent="0.35">
      <c r="A26383" s="1" t="s">
        <v>1900</v>
      </c>
      <c r="B26383" s="1" t="s">
        <v>86049</v>
      </c>
      <c r="C26383" s="1" t="s">
        <v>80</v>
      </c>
      <c r="D26383" s="1" t="s">
        <v>85644</v>
      </c>
      <c r="E26383" s="1" t="s">
        <v>94497</v>
      </c>
      <c r="F26383" s="1" t="s">
        <v>94498</v>
      </c>
      <c r="G26383" s="1" t="s">
        <v>94451</v>
      </c>
      <c r="H26383" s="1" t="s">
        <v>94452</v>
      </c>
      <c r="I26383" s="1" t="s">
        <v>86055</v>
      </c>
      <c r="J26383" s="1" t="s">
        <v>94499</v>
      </c>
    </row>
    <row r="26384" spans="1:10" x14ac:dyDescent="0.35">
      <c r="A26384" s="1" t="s">
        <v>1900</v>
      </c>
      <c r="B26384" s="1" t="s">
        <v>86049</v>
      </c>
      <c r="C26384" s="1" t="s">
        <v>85</v>
      </c>
      <c r="D26384" s="1" t="s">
        <v>20716</v>
      </c>
      <c r="E26384" s="1" t="s">
        <v>94500</v>
      </c>
      <c r="F26384" s="1" t="s">
        <v>94501</v>
      </c>
      <c r="G26384" s="1" t="s">
        <v>94451</v>
      </c>
      <c r="H26384" s="1" t="s">
        <v>94452</v>
      </c>
      <c r="I26384" s="1" t="s">
        <v>86055</v>
      </c>
      <c r="J26384" s="1" t="s">
        <v>94502</v>
      </c>
    </row>
    <row r="26385" spans="1:10" x14ac:dyDescent="0.35">
      <c r="A26385" s="1" t="s">
        <v>1900</v>
      </c>
      <c r="B26385" s="1" t="s">
        <v>86049</v>
      </c>
      <c r="C26385" s="1" t="s">
        <v>90</v>
      </c>
      <c r="D26385" s="1" t="s">
        <v>94503</v>
      </c>
      <c r="E26385" s="1" t="s">
        <v>94504</v>
      </c>
      <c r="F26385" s="1" t="s">
        <v>94505</v>
      </c>
      <c r="G26385" s="1" t="s">
        <v>94451</v>
      </c>
      <c r="H26385" s="1" t="s">
        <v>94452</v>
      </c>
      <c r="I26385" s="1" t="s">
        <v>86055</v>
      </c>
      <c r="J26385" s="1" t="s">
        <v>94506</v>
      </c>
    </row>
    <row r="26386" spans="1:10" x14ac:dyDescent="0.35">
      <c r="A26386" s="1" t="s">
        <v>1900</v>
      </c>
      <c r="B26386" s="1" t="s">
        <v>86049</v>
      </c>
      <c r="C26386" s="1" t="s">
        <v>95</v>
      </c>
      <c r="D26386" s="1" t="s">
        <v>66418</v>
      </c>
      <c r="E26386" s="1" t="s">
        <v>94507</v>
      </c>
      <c r="F26386" s="1" t="s">
        <v>94508</v>
      </c>
      <c r="G26386" s="1" t="s">
        <v>94451</v>
      </c>
      <c r="H26386" s="1" t="s">
        <v>94452</v>
      </c>
      <c r="I26386" s="1" t="s">
        <v>86055</v>
      </c>
      <c r="J26386" s="1" t="s">
        <v>94509</v>
      </c>
    </row>
    <row r="26387" spans="1:10" x14ac:dyDescent="0.35">
      <c r="A26387" s="1" t="s">
        <v>1900</v>
      </c>
      <c r="B26387" s="1" t="s">
        <v>86049</v>
      </c>
      <c r="C26387" s="1" t="s">
        <v>100</v>
      </c>
      <c r="D26387" s="1" t="s">
        <v>8538</v>
      </c>
      <c r="E26387" s="1" t="s">
        <v>94510</v>
      </c>
      <c r="F26387" s="1" t="s">
        <v>94511</v>
      </c>
      <c r="G26387" s="1" t="s">
        <v>94451</v>
      </c>
      <c r="H26387" s="1" t="s">
        <v>94452</v>
      </c>
      <c r="I26387" s="1" t="s">
        <v>86055</v>
      </c>
      <c r="J26387" s="1" t="s">
        <v>94512</v>
      </c>
    </row>
    <row r="26388" spans="1:10" x14ac:dyDescent="0.35">
      <c r="A26388" s="1" t="s">
        <v>1900</v>
      </c>
      <c r="B26388" s="1" t="s">
        <v>86049</v>
      </c>
      <c r="C26388" s="1" t="s">
        <v>105</v>
      </c>
      <c r="D26388" s="1" t="s">
        <v>92266</v>
      </c>
      <c r="E26388" s="1" t="s">
        <v>94513</v>
      </c>
      <c r="F26388" s="1" t="s">
        <v>94514</v>
      </c>
      <c r="G26388" s="1" t="s">
        <v>94451</v>
      </c>
      <c r="H26388" s="1" t="s">
        <v>94452</v>
      </c>
      <c r="I26388" s="1" t="s">
        <v>86055</v>
      </c>
      <c r="J26388" s="1" t="s">
        <v>94515</v>
      </c>
    </row>
    <row r="26389" spans="1:10" x14ac:dyDescent="0.35">
      <c r="A26389" s="1" t="s">
        <v>1900</v>
      </c>
      <c r="B26389" s="1" t="s">
        <v>86049</v>
      </c>
      <c r="C26389" s="1" t="s">
        <v>110</v>
      </c>
      <c r="D26389" s="1" t="s">
        <v>60660</v>
      </c>
      <c r="E26389" s="1" t="s">
        <v>94516</v>
      </c>
      <c r="F26389" s="1" t="s">
        <v>94517</v>
      </c>
      <c r="G26389" s="1" t="s">
        <v>94451</v>
      </c>
      <c r="H26389" s="1" t="s">
        <v>94452</v>
      </c>
      <c r="I26389" s="1" t="s">
        <v>86055</v>
      </c>
      <c r="J26389" s="1" t="s">
        <v>94518</v>
      </c>
    </row>
    <row r="26390" spans="1:10" x14ac:dyDescent="0.35">
      <c r="A26390" s="1" t="s">
        <v>1900</v>
      </c>
      <c r="B26390" s="1" t="s">
        <v>86049</v>
      </c>
      <c r="C26390" s="1" t="s">
        <v>115</v>
      </c>
      <c r="D26390" s="1" t="s">
        <v>67626</v>
      </c>
      <c r="E26390" s="1" t="s">
        <v>94519</v>
      </c>
      <c r="F26390" s="1" t="s">
        <v>94520</v>
      </c>
      <c r="G26390" s="1" t="s">
        <v>94451</v>
      </c>
      <c r="H26390" s="1" t="s">
        <v>94452</v>
      </c>
      <c r="I26390" s="1" t="s">
        <v>86055</v>
      </c>
      <c r="J26390" s="1" t="s">
        <v>94521</v>
      </c>
    </row>
    <row r="26391" spans="1:10" x14ac:dyDescent="0.35">
      <c r="A26391" s="1" t="s">
        <v>1900</v>
      </c>
      <c r="B26391" s="1" t="s">
        <v>86049</v>
      </c>
      <c r="C26391" s="1" t="s">
        <v>120</v>
      </c>
      <c r="D26391" s="1" t="s">
        <v>94522</v>
      </c>
      <c r="E26391" s="1" t="s">
        <v>94523</v>
      </c>
      <c r="F26391" s="1" t="s">
        <v>94524</v>
      </c>
      <c r="G26391" s="1" t="s">
        <v>94451</v>
      </c>
      <c r="H26391" s="1" t="s">
        <v>94452</v>
      </c>
      <c r="I26391" s="1" t="s">
        <v>86055</v>
      </c>
      <c r="J26391" s="1" t="s">
        <v>94525</v>
      </c>
    </row>
    <row r="26392" spans="1:10" x14ac:dyDescent="0.35">
      <c r="A26392" s="1" t="s">
        <v>1900</v>
      </c>
      <c r="B26392" s="1" t="s">
        <v>86049</v>
      </c>
      <c r="C26392" s="1" t="s">
        <v>125</v>
      </c>
      <c r="D26392" s="1" t="s">
        <v>94526</v>
      </c>
      <c r="E26392" s="1" t="s">
        <v>94527</v>
      </c>
      <c r="F26392" s="1" t="s">
        <v>94528</v>
      </c>
      <c r="G26392" s="1" t="s">
        <v>94451</v>
      </c>
      <c r="H26392" s="1" t="s">
        <v>94452</v>
      </c>
      <c r="I26392" s="1" t="s">
        <v>86055</v>
      </c>
      <c r="J26392" s="1" t="s">
        <v>94529</v>
      </c>
    </row>
    <row r="26393" spans="1:10" x14ac:dyDescent="0.35">
      <c r="A26393" s="1" t="s">
        <v>1900</v>
      </c>
      <c r="B26393" s="1" t="s">
        <v>86049</v>
      </c>
      <c r="C26393" s="1" t="s">
        <v>130</v>
      </c>
      <c r="D26393" s="1" t="s">
        <v>94069</v>
      </c>
      <c r="E26393" s="1" t="s">
        <v>94530</v>
      </c>
      <c r="F26393" s="1" t="s">
        <v>94531</v>
      </c>
      <c r="G26393" s="1" t="s">
        <v>94451</v>
      </c>
      <c r="H26393" s="1" t="s">
        <v>94452</v>
      </c>
      <c r="I26393" s="1" t="s">
        <v>86055</v>
      </c>
      <c r="J26393" s="1" t="s">
        <v>94532</v>
      </c>
    </row>
    <row r="26394" spans="1:10" x14ac:dyDescent="0.35">
      <c r="A26394" s="1" t="s">
        <v>1900</v>
      </c>
      <c r="B26394" s="1" t="s">
        <v>86049</v>
      </c>
      <c r="C26394" s="1" t="s">
        <v>135</v>
      </c>
      <c r="D26394" s="1" t="s">
        <v>20666</v>
      </c>
      <c r="E26394" s="1" t="s">
        <v>94533</v>
      </c>
      <c r="F26394" s="1" t="s">
        <v>94534</v>
      </c>
      <c r="G26394" s="1" t="s">
        <v>94451</v>
      </c>
      <c r="H26394" s="1" t="s">
        <v>94452</v>
      </c>
      <c r="I26394" s="1" t="s">
        <v>86055</v>
      </c>
      <c r="J26394" s="1" t="s">
        <v>94535</v>
      </c>
    </row>
    <row r="26395" spans="1:10" x14ac:dyDescent="0.35">
      <c r="A26395" s="1" t="s">
        <v>1900</v>
      </c>
      <c r="B26395" s="1" t="s">
        <v>86049</v>
      </c>
      <c r="C26395" s="1" t="s">
        <v>140</v>
      </c>
      <c r="D26395" s="1" t="s">
        <v>94536</v>
      </c>
      <c r="E26395" s="1" t="s">
        <v>94537</v>
      </c>
      <c r="F26395" s="1" t="s">
        <v>94538</v>
      </c>
      <c r="G26395" s="1" t="s">
        <v>94451</v>
      </c>
      <c r="H26395" s="1" t="s">
        <v>94452</v>
      </c>
      <c r="I26395" s="1" t="s">
        <v>86055</v>
      </c>
      <c r="J26395" s="1" t="s">
        <v>94539</v>
      </c>
    </row>
    <row r="26396" spans="1:10" x14ac:dyDescent="0.35">
      <c r="A26396" s="1" t="s">
        <v>1900</v>
      </c>
      <c r="B26396" s="1" t="s">
        <v>86049</v>
      </c>
      <c r="C26396" s="1" t="s">
        <v>145</v>
      </c>
      <c r="D26396" s="1" t="s">
        <v>94540</v>
      </c>
      <c r="E26396" s="1" t="s">
        <v>94541</v>
      </c>
      <c r="F26396" s="1" t="s">
        <v>94542</v>
      </c>
      <c r="G26396" s="1" t="s">
        <v>94451</v>
      </c>
      <c r="H26396" s="1" t="s">
        <v>94452</v>
      </c>
      <c r="I26396" s="1" t="s">
        <v>86055</v>
      </c>
      <c r="J26396" s="1" t="s">
        <v>94543</v>
      </c>
    </row>
    <row r="26397" spans="1:10" x14ac:dyDescent="0.35">
      <c r="A26397" s="1" t="s">
        <v>1900</v>
      </c>
      <c r="B26397" s="1" t="s">
        <v>86049</v>
      </c>
      <c r="C26397" s="1" t="s">
        <v>150</v>
      </c>
      <c r="D26397" s="1" t="s">
        <v>11870</v>
      </c>
      <c r="E26397" s="1" t="s">
        <v>94544</v>
      </c>
      <c r="F26397" s="1" t="s">
        <v>94545</v>
      </c>
      <c r="G26397" s="1" t="s">
        <v>94451</v>
      </c>
      <c r="H26397" s="1" t="s">
        <v>94452</v>
      </c>
      <c r="I26397" s="1" t="s">
        <v>86055</v>
      </c>
      <c r="J26397" s="1" t="s">
        <v>94546</v>
      </c>
    </row>
    <row r="26398" spans="1:10" x14ac:dyDescent="0.35">
      <c r="A26398" s="1" t="s">
        <v>1900</v>
      </c>
      <c r="B26398" s="1" t="s">
        <v>86049</v>
      </c>
      <c r="C26398" s="1" t="s">
        <v>155</v>
      </c>
      <c r="D26398" s="1" t="s">
        <v>94547</v>
      </c>
      <c r="E26398" s="1" t="s">
        <v>94548</v>
      </c>
      <c r="F26398" s="1" t="s">
        <v>94549</v>
      </c>
      <c r="G26398" s="1" t="s">
        <v>94451</v>
      </c>
      <c r="H26398" s="1" t="s">
        <v>94452</v>
      </c>
      <c r="I26398" s="1" t="s">
        <v>86055</v>
      </c>
      <c r="J26398" s="1" t="s">
        <v>94550</v>
      </c>
    </row>
    <row r="26399" spans="1:10" x14ac:dyDescent="0.35">
      <c r="A26399" s="1" t="s">
        <v>1900</v>
      </c>
      <c r="B26399" s="1" t="s">
        <v>86049</v>
      </c>
      <c r="C26399" s="1" t="s">
        <v>160</v>
      </c>
      <c r="D26399" s="1" t="s">
        <v>94551</v>
      </c>
      <c r="E26399" s="1" t="s">
        <v>94552</v>
      </c>
      <c r="F26399" s="1" t="s">
        <v>94553</v>
      </c>
      <c r="G26399" s="1" t="s">
        <v>94451</v>
      </c>
      <c r="H26399" s="1" t="s">
        <v>94452</v>
      </c>
      <c r="I26399" s="1" t="s">
        <v>86055</v>
      </c>
      <c r="J26399" s="1" t="s">
        <v>94554</v>
      </c>
    </row>
    <row r="26400" spans="1:10" x14ac:dyDescent="0.35">
      <c r="A26400" s="1" t="s">
        <v>1900</v>
      </c>
      <c r="B26400" s="1" t="s">
        <v>86049</v>
      </c>
      <c r="C26400" s="1" t="s">
        <v>165</v>
      </c>
      <c r="D26400" s="1" t="s">
        <v>94555</v>
      </c>
      <c r="E26400" s="1" t="s">
        <v>94556</v>
      </c>
      <c r="F26400" s="1" t="s">
        <v>94557</v>
      </c>
      <c r="G26400" s="1" t="s">
        <v>94451</v>
      </c>
      <c r="H26400" s="1" t="s">
        <v>94452</v>
      </c>
      <c r="I26400" s="1" t="s">
        <v>86055</v>
      </c>
      <c r="J26400" s="1" t="s">
        <v>94558</v>
      </c>
    </row>
    <row r="26401" spans="1:10" x14ac:dyDescent="0.35">
      <c r="A26401" s="1" t="s">
        <v>1900</v>
      </c>
      <c r="B26401" s="1" t="s">
        <v>86049</v>
      </c>
      <c r="C26401" s="1" t="s">
        <v>170</v>
      </c>
      <c r="D26401" s="1" t="s">
        <v>94559</v>
      </c>
      <c r="E26401" s="1" t="s">
        <v>94560</v>
      </c>
      <c r="F26401" s="1" t="s">
        <v>94561</v>
      </c>
      <c r="G26401" s="1" t="s">
        <v>94451</v>
      </c>
      <c r="H26401" s="1" t="s">
        <v>94452</v>
      </c>
      <c r="I26401" s="1" t="s">
        <v>86055</v>
      </c>
      <c r="J26401" s="1" t="s">
        <v>94562</v>
      </c>
    </row>
    <row r="26402" spans="1:10" x14ac:dyDescent="0.35">
      <c r="A26402" s="1" t="s">
        <v>94563</v>
      </c>
      <c r="B26402" s="1" t="s">
        <v>86049</v>
      </c>
      <c r="C26402" s="1" t="s">
        <v>8</v>
      </c>
      <c r="D26402" s="1" t="s">
        <v>87005</v>
      </c>
      <c r="E26402" s="1" t="s">
        <v>94564</v>
      </c>
      <c r="F26402" s="1" t="s">
        <v>94565</v>
      </c>
      <c r="G26402" s="1" t="s">
        <v>94566</v>
      </c>
      <c r="H26402" s="1" t="s">
        <v>94567</v>
      </c>
      <c r="I26402" s="1" t="s">
        <v>86055</v>
      </c>
      <c r="J26402" s="1" t="s">
        <v>13</v>
      </c>
    </row>
    <row r="26403" spans="1:10" x14ac:dyDescent="0.35">
      <c r="A26403" s="1" t="s">
        <v>94563</v>
      </c>
      <c r="B26403" s="1" t="s">
        <v>86049</v>
      </c>
      <c r="C26403" s="1" t="s">
        <v>15</v>
      </c>
      <c r="D26403" s="1" t="s">
        <v>94568</v>
      </c>
      <c r="E26403" s="1" t="s">
        <v>94569</v>
      </c>
      <c r="F26403" s="1" t="s">
        <v>94570</v>
      </c>
      <c r="G26403" s="1" t="s">
        <v>94566</v>
      </c>
      <c r="H26403" s="1" t="s">
        <v>94567</v>
      </c>
      <c r="I26403" s="1" t="s">
        <v>86055</v>
      </c>
      <c r="J26403" s="1" t="s">
        <v>94571</v>
      </c>
    </row>
    <row r="26404" spans="1:10" x14ac:dyDescent="0.35">
      <c r="A26404" s="1" t="s">
        <v>94563</v>
      </c>
      <c r="B26404" s="1" t="s">
        <v>86049</v>
      </c>
      <c r="C26404" s="1" t="s">
        <v>20</v>
      </c>
      <c r="D26404" s="1" t="s">
        <v>94572</v>
      </c>
      <c r="E26404" s="1" t="s">
        <v>94573</v>
      </c>
      <c r="F26404" s="1" t="s">
        <v>94574</v>
      </c>
      <c r="G26404" s="1" t="s">
        <v>94566</v>
      </c>
      <c r="H26404" s="1" t="s">
        <v>94567</v>
      </c>
      <c r="I26404" s="1" t="s">
        <v>86055</v>
      </c>
      <c r="J26404" s="1" t="s">
        <v>94575</v>
      </c>
    </row>
    <row r="26405" spans="1:10" x14ac:dyDescent="0.35">
      <c r="A26405" s="1" t="s">
        <v>94563</v>
      </c>
      <c r="B26405" s="1" t="s">
        <v>86049</v>
      </c>
      <c r="C26405" s="1" t="s">
        <v>25</v>
      </c>
      <c r="D26405" s="1" t="s">
        <v>94576</v>
      </c>
      <c r="E26405" s="1" t="s">
        <v>94577</v>
      </c>
      <c r="F26405" s="1" t="s">
        <v>94578</v>
      </c>
      <c r="G26405" s="1" t="s">
        <v>94566</v>
      </c>
      <c r="H26405" s="1" t="s">
        <v>94567</v>
      </c>
      <c r="I26405" s="1" t="s">
        <v>86055</v>
      </c>
      <c r="J26405" s="1" t="s">
        <v>94579</v>
      </c>
    </row>
    <row r="26406" spans="1:10" x14ac:dyDescent="0.35">
      <c r="A26406" s="1" t="s">
        <v>94563</v>
      </c>
      <c r="B26406" s="1" t="s">
        <v>86049</v>
      </c>
      <c r="C26406" s="1" t="s">
        <v>30</v>
      </c>
      <c r="D26406" s="1" t="s">
        <v>77514</v>
      </c>
      <c r="E26406" s="1" t="s">
        <v>94580</v>
      </c>
      <c r="F26406" s="1" t="s">
        <v>94581</v>
      </c>
      <c r="G26406" s="1" t="s">
        <v>94566</v>
      </c>
      <c r="H26406" s="1" t="s">
        <v>94567</v>
      </c>
      <c r="I26406" s="1" t="s">
        <v>86055</v>
      </c>
      <c r="J26406" s="1" t="s">
        <v>94582</v>
      </c>
    </row>
    <row r="26407" spans="1:10" x14ac:dyDescent="0.35">
      <c r="A26407" s="1" t="s">
        <v>94563</v>
      </c>
      <c r="B26407" s="1" t="s">
        <v>86049</v>
      </c>
      <c r="C26407" s="1" t="s">
        <v>35</v>
      </c>
      <c r="D26407" s="1" t="s">
        <v>24441</v>
      </c>
      <c r="E26407" s="1" t="s">
        <v>94583</v>
      </c>
      <c r="F26407" s="1" t="s">
        <v>94584</v>
      </c>
      <c r="G26407" s="1" t="s">
        <v>94566</v>
      </c>
      <c r="H26407" s="1" t="s">
        <v>94567</v>
      </c>
      <c r="I26407" s="1" t="s">
        <v>86055</v>
      </c>
      <c r="J26407" s="1" t="s">
        <v>94585</v>
      </c>
    </row>
    <row r="26408" spans="1:10" x14ac:dyDescent="0.35">
      <c r="A26408" s="1" t="s">
        <v>94563</v>
      </c>
      <c r="B26408" s="1" t="s">
        <v>86049</v>
      </c>
      <c r="C26408" s="1" t="s">
        <v>40</v>
      </c>
      <c r="D26408" s="1" t="s">
        <v>90554</v>
      </c>
      <c r="E26408" s="1" t="s">
        <v>94586</v>
      </c>
      <c r="F26408" s="1" t="s">
        <v>94587</v>
      </c>
      <c r="G26408" s="1" t="s">
        <v>94566</v>
      </c>
      <c r="H26408" s="1" t="s">
        <v>94567</v>
      </c>
      <c r="I26408" s="1" t="s">
        <v>86055</v>
      </c>
      <c r="J26408" s="1" t="s">
        <v>94588</v>
      </c>
    </row>
    <row r="26409" spans="1:10" x14ac:dyDescent="0.35">
      <c r="A26409" s="1" t="s">
        <v>94563</v>
      </c>
      <c r="B26409" s="1" t="s">
        <v>86049</v>
      </c>
      <c r="C26409" s="1" t="s">
        <v>45</v>
      </c>
      <c r="D26409" s="1" t="s">
        <v>64246</v>
      </c>
      <c r="E26409" s="1" t="s">
        <v>94589</v>
      </c>
      <c r="F26409" s="1" t="s">
        <v>94590</v>
      </c>
      <c r="G26409" s="1" t="s">
        <v>94566</v>
      </c>
      <c r="H26409" s="1" t="s">
        <v>94567</v>
      </c>
      <c r="I26409" s="1" t="s">
        <v>86055</v>
      </c>
      <c r="J26409" s="1" t="s">
        <v>94591</v>
      </c>
    </row>
    <row r="26410" spans="1:10" x14ac:dyDescent="0.35">
      <c r="A26410" s="1" t="s">
        <v>94563</v>
      </c>
      <c r="B26410" s="1" t="s">
        <v>86049</v>
      </c>
      <c r="C26410" s="1" t="s">
        <v>50</v>
      </c>
      <c r="D26410" s="1" t="s">
        <v>13435</v>
      </c>
      <c r="E26410" s="1" t="s">
        <v>94592</v>
      </c>
      <c r="F26410" s="1" t="s">
        <v>94593</v>
      </c>
      <c r="G26410" s="1" t="s">
        <v>94566</v>
      </c>
      <c r="H26410" s="1" t="s">
        <v>94567</v>
      </c>
      <c r="I26410" s="1" t="s">
        <v>86055</v>
      </c>
      <c r="J26410" s="1" t="s">
        <v>94594</v>
      </c>
    </row>
    <row r="26411" spans="1:10" x14ac:dyDescent="0.35">
      <c r="A26411" s="1" t="s">
        <v>94563</v>
      </c>
      <c r="B26411" s="1" t="s">
        <v>86049</v>
      </c>
      <c r="C26411" s="1" t="s">
        <v>55</v>
      </c>
      <c r="D26411" s="1" t="s">
        <v>94595</v>
      </c>
      <c r="E26411" s="1" t="s">
        <v>94596</v>
      </c>
      <c r="F26411" s="1" t="s">
        <v>94597</v>
      </c>
      <c r="G26411" s="1" t="s">
        <v>94566</v>
      </c>
      <c r="H26411" s="1" t="s">
        <v>94567</v>
      </c>
      <c r="I26411" s="1" t="s">
        <v>86055</v>
      </c>
      <c r="J26411" s="1" t="s">
        <v>94598</v>
      </c>
    </row>
    <row r="26412" spans="1:10" x14ac:dyDescent="0.35">
      <c r="A26412" s="1" t="s">
        <v>94563</v>
      </c>
      <c r="B26412" s="1" t="s">
        <v>86049</v>
      </c>
      <c r="C26412" s="1" t="s">
        <v>60</v>
      </c>
      <c r="D26412" s="1" t="s">
        <v>94599</v>
      </c>
      <c r="E26412" s="1" t="s">
        <v>94600</v>
      </c>
      <c r="F26412" s="1" t="s">
        <v>94601</v>
      </c>
      <c r="G26412" s="1" t="s">
        <v>94566</v>
      </c>
      <c r="H26412" s="1" t="s">
        <v>94567</v>
      </c>
      <c r="I26412" s="1" t="s">
        <v>86055</v>
      </c>
      <c r="J26412" s="1" t="s">
        <v>94602</v>
      </c>
    </row>
    <row r="26413" spans="1:10" x14ac:dyDescent="0.35">
      <c r="A26413" s="1" t="s">
        <v>94563</v>
      </c>
      <c r="B26413" s="1" t="s">
        <v>86049</v>
      </c>
      <c r="C26413" s="1" t="s">
        <v>65</v>
      </c>
      <c r="D26413" s="1" t="s">
        <v>94603</v>
      </c>
      <c r="E26413" s="1" t="s">
        <v>94604</v>
      </c>
      <c r="F26413" s="1" t="s">
        <v>94605</v>
      </c>
      <c r="G26413" s="1" t="s">
        <v>94566</v>
      </c>
      <c r="H26413" s="1" t="s">
        <v>94567</v>
      </c>
      <c r="I26413" s="1" t="s">
        <v>86055</v>
      </c>
      <c r="J26413" s="1" t="s">
        <v>94606</v>
      </c>
    </row>
    <row r="26414" spans="1:10" x14ac:dyDescent="0.35">
      <c r="A26414" s="1" t="s">
        <v>94563</v>
      </c>
      <c r="B26414" s="1" t="s">
        <v>86049</v>
      </c>
      <c r="C26414" s="1" t="s">
        <v>70</v>
      </c>
      <c r="D26414" s="1" t="s">
        <v>57264</v>
      </c>
      <c r="E26414" s="1" t="s">
        <v>94607</v>
      </c>
      <c r="F26414" s="1" t="s">
        <v>94608</v>
      </c>
      <c r="G26414" s="1" t="s">
        <v>94566</v>
      </c>
      <c r="H26414" s="1" t="s">
        <v>94567</v>
      </c>
      <c r="I26414" s="1" t="s">
        <v>86055</v>
      </c>
      <c r="J26414" s="1" t="s">
        <v>94609</v>
      </c>
    </row>
    <row r="26415" spans="1:10" x14ac:dyDescent="0.35">
      <c r="A26415" s="1" t="s">
        <v>94563</v>
      </c>
      <c r="B26415" s="1" t="s">
        <v>86049</v>
      </c>
      <c r="C26415" s="1" t="s">
        <v>75</v>
      </c>
      <c r="D26415" s="1" t="s">
        <v>94610</v>
      </c>
      <c r="E26415" s="1" t="s">
        <v>94611</v>
      </c>
      <c r="F26415" s="1" t="s">
        <v>94612</v>
      </c>
      <c r="G26415" s="1" t="s">
        <v>94566</v>
      </c>
      <c r="H26415" s="1" t="s">
        <v>94567</v>
      </c>
      <c r="I26415" s="1" t="s">
        <v>86055</v>
      </c>
      <c r="J26415" s="1" t="s">
        <v>94613</v>
      </c>
    </row>
    <row r="26416" spans="1:10" x14ac:dyDescent="0.35">
      <c r="A26416" s="1" t="s">
        <v>94563</v>
      </c>
      <c r="B26416" s="1" t="s">
        <v>86049</v>
      </c>
      <c r="C26416" s="1" t="s">
        <v>80</v>
      </c>
      <c r="D26416" s="1" t="s">
        <v>94614</v>
      </c>
      <c r="E26416" s="1" t="s">
        <v>94615</v>
      </c>
      <c r="F26416" s="1" t="s">
        <v>94616</v>
      </c>
      <c r="G26416" s="1" t="s">
        <v>94566</v>
      </c>
      <c r="H26416" s="1" t="s">
        <v>94567</v>
      </c>
      <c r="I26416" s="1" t="s">
        <v>86055</v>
      </c>
      <c r="J26416" s="1" t="s">
        <v>94617</v>
      </c>
    </row>
    <row r="26417" spans="1:10" x14ac:dyDescent="0.35">
      <c r="A26417" s="1" t="s">
        <v>94563</v>
      </c>
      <c r="B26417" s="1" t="s">
        <v>86049</v>
      </c>
      <c r="C26417" s="1" t="s">
        <v>85</v>
      </c>
      <c r="D26417" s="1" t="s">
        <v>94618</v>
      </c>
      <c r="E26417" s="1" t="s">
        <v>94619</v>
      </c>
      <c r="F26417" s="1" t="s">
        <v>94620</v>
      </c>
      <c r="G26417" s="1" t="s">
        <v>94566</v>
      </c>
      <c r="H26417" s="1" t="s">
        <v>94567</v>
      </c>
      <c r="I26417" s="1" t="s">
        <v>86055</v>
      </c>
      <c r="J26417" s="1" t="s">
        <v>94621</v>
      </c>
    </row>
    <row r="26418" spans="1:10" x14ac:dyDescent="0.35">
      <c r="A26418" s="1" t="s">
        <v>94563</v>
      </c>
      <c r="B26418" s="1" t="s">
        <v>86049</v>
      </c>
      <c r="C26418" s="1" t="s">
        <v>90</v>
      </c>
      <c r="D26418" s="1" t="s">
        <v>69800</v>
      </c>
      <c r="E26418" s="1" t="s">
        <v>94622</v>
      </c>
      <c r="F26418" s="1" t="s">
        <v>94623</v>
      </c>
      <c r="G26418" s="1" t="s">
        <v>94566</v>
      </c>
      <c r="H26418" s="1" t="s">
        <v>94567</v>
      </c>
      <c r="I26418" s="1" t="s">
        <v>86055</v>
      </c>
      <c r="J26418" s="1" t="s">
        <v>94624</v>
      </c>
    </row>
    <row r="26419" spans="1:10" x14ac:dyDescent="0.35">
      <c r="A26419" s="1" t="s">
        <v>94563</v>
      </c>
      <c r="B26419" s="1" t="s">
        <v>86049</v>
      </c>
      <c r="C26419" s="1" t="s">
        <v>95</v>
      </c>
      <c r="D26419" s="1" t="s">
        <v>94625</v>
      </c>
      <c r="E26419" s="1" t="s">
        <v>94626</v>
      </c>
      <c r="F26419" s="1" t="s">
        <v>94627</v>
      </c>
      <c r="G26419" s="1" t="s">
        <v>94566</v>
      </c>
      <c r="H26419" s="1" t="s">
        <v>94567</v>
      </c>
      <c r="I26419" s="1" t="s">
        <v>86055</v>
      </c>
      <c r="J26419" s="1" t="s">
        <v>94628</v>
      </c>
    </row>
    <row r="26420" spans="1:10" x14ac:dyDescent="0.35">
      <c r="A26420" s="1" t="s">
        <v>94563</v>
      </c>
      <c r="B26420" s="1" t="s">
        <v>86049</v>
      </c>
      <c r="C26420" s="1" t="s">
        <v>100</v>
      </c>
      <c r="D26420" s="1" t="s">
        <v>56959</v>
      </c>
      <c r="E26420" s="1" t="s">
        <v>94629</v>
      </c>
      <c r="F26420" s="1" t="s">
        <v>94630</v>
      </c>
      <c r="G26420" s="1" t="s">
        <v>94566</v>
      </c>
      <c r="H26420" s="1" t="s">
        <v>94567</v>
      </c>
      <c r="I26420" s="1" t="s">
        <v>86055</v>
      </c>
      <c r="J26420" s="1" t="s">
        <v>94631</v>
      </c>
    </row>
    <row r="26421" spans="1:10" x14ac:dyDescent="0.35">
      <c r="A26421" s="1" t="s">
        <v>94563</v>
      </c>
      <c r="B26421" s="1" t="s">
        <v>86049</v>
      </c>
      <c r="C26421" s="1" t="s">
        <v>105</v>
      </c>
      <c r="D26421" s="1" t="s">
        <v>94632</v>
      </c>
      <c r="E26421" s="1" t="s">
        <v>94633</v>
      </c>
      <c r="F26421" s="1" t="s">
        <v>94634</v>
      </c>
      <c r="G26421" s="1" t="s">
        <v>94566</v>
      </c>
      <c r="H26421" s="1" t="s">
        <v>94567</v>
      </c>
      <c r="I26421" s="1" t="s">
        <v>86055</v>
      </c>
      <c r="J26421" s="1" t="s">
        <v>94635</v>
      </c>
    </row>
    <row r="26422" spans="1:10" x14ac:dyDescent="0.35">
      <c r="A26422" s="1" t="s">
        <v>94563</v>
      </c>
      <c r="B26422" s="1" t="s">
        <v>86049</v>
      </c>
      <c r="C26422" s="1" t="s">
        <v>110</v>
      </c>
      <c r="D26422" s="1" t="s">
        <v>94551</v>
      </c>
      <c r="E26422" s="1" t="s">
        <v>94636</v>
      </c>
      <c r="F26422" s="1" t="s">
        <v>94637</v>
      </c>
      <c r="G26422" s="1" t="s">
        <v>94566</v>
      </c>
      <c r="H26422" s="1" t="s">
        <v>94567</v>
      </c>
      <c r="I26422" s="1" t="s">
        <v>86055</v>
      </c>
      <c r="J26422" s="1" t="s">
        <v>94638</v>
      </c>
    </row>
    <row r="26423" spans="1:10" x14ac:dyDescent="0.35">
      <c r="A26423" s="1" t="s">
        <v>94563</v>
      </c>
      <c r="B26423" s="1" t="s">
        <v>86049</v>
      </c>
      <c r="C26423" s="1" t="s">
        <v>115</v>
      </c>
      <c r="D26423" s="1" t="s">
        <v>94639</v>
      </c>
      <c r="E26423" s="1" t="s">
        <v>94640</v>
      </c>
      <c r="F26423" s="1" t="s">
        <v>94641</v>
      </c>
      <c r="G26423" s="1" t="s">
        <v>94566</v>
      </c>
      <c r="H26423" s="1" t="s">
        <v>94567</v>
      </c>
      <c r="I26423" s="1" t="s">
        <v>86055</v>
      </c>
      <c r="J26423" s="1" t="s">
        <v>94642</v>
      </c>
    </row>
    <row r="26424" spans="1:10" x14ac:dyDescent="0.35">
      <c r="A26424" s="1" t="s">
        <v>94563</v>
      </c>
      <c r="B26424" s="1" t="s">
        <v>86049</v>
      </c>
      <c r="C26424" s="1" t="s">
        <v>120</v>
      </c>
      <c r="D26424" s="1" t="s">
        <v>94643</v>
      </c>
      <c r="E26424" s="1" t="s">
        <v>94644</v>
      </c>
      <c r="F26424" s="1" t="s">
        <v>94645</v>
      </c>
      <c r="G26424" s="1" t="s">
        <v>94566</v>
      </c>
      <c r="H26424" s="1" t="s">
        <v>94567</v>
      </c>
      <c r="I26424" s="1" t="s">
        <v>86055</v>
      </c>
      <c r="J26424" s="1" t="s">
        <v>94646</v>
      </c>
    </row>
    <row r="26425" spans="1:10" x14ac:dyDescent="0.35">
      <c r="A26425" s="1" t="s">
        <v>94563</v>
      </c>
      <c r="B26425" s="1" t="s">
        <v>86049</v>
      </c>
      <c r="C26425" s="1" t="s">
        <v>125</v>
      </c>
      <c r="D26425" s="1" t="s">
        <v>78949</v>
      </c>
      <c r="E26425" s="1" t="s">
        <v>94647</v>
      </c>
      <c r="F26425" s="1" t="s">
        <v>94648</v>
      </c>
      <c r="G26425" s="1" t="s">
        <v>94566</v>
      </c>
      <c r="H26425" s="1" t="s">
        <v>94567</v>
      </c>
      <c r="I26425" s="1" t="s">
        <v>86055</v>
      </c>
      <c r="J26425" s="1" t="s">
        <v>94649</v>
      </c>
    </row>
    <row r="26426" spans="1:10" x14ac:dyDescent="0.35">
      <c r="A26426" s="1" t="s">
        <v>94563</v>
      </c>
      <c r="B26426" s="1" t="s">
        <v>86049</v>
      </c>
      <c r="C26426" s="1" t="s">
        <v>130</v>
      </c>
      <c r="D26426" s="1" t="s">
        <v>94650</v>
      </c>
      <c r="E26426" s="1" t="s">
        <v>94651</v>
      </c>
      <c r="F26426" s="1" t="s">
        <v>94652</v>
      </c>
      <c r="G26426" s="1" t="s">
        <v>94566</v>
      </c>
      <c r="H26426" s="1" t="s">
        <v>94567</v>
      </c>
      <c r="I26426" s="1" t="s">
        <v>86055</v>
      </c>
      <c r="J26426" s="1" t="s">
        <v>94653</v>
      </c>
    </row>
    <row r="26427" spans="1:10" x14ac:dyDescent="0.35">
      <c r="A26427" s="1" t="s">
        <v>94563</v>
      </c>
      <c r="B26427" s="1" t="s">
        <v>86049</v>
      </c>
      <c r="C26427" s="1" t="s">
        <v>135</v>
      </c>
      <c r="D26427" s="1" t="s">
        <v>65151</v>
      </c>
      <c r="E26427" s="1" t="s">
        <v>94654</v>
      </c>
      <c r="F26427" s="1" t="s">
        <v>94655</v>
      </c>
      <c r="G26427" s="1" t="s">
        <v>94566</v>
      </c>
      <c r="H26427" s="1" t="s">
        <v>94567</v>
      </c>
      <c r="I26427" s="1" t="s">
        <v>86055</v>
      </c>
      <c r="J26427" s="1" t="s">
        <v>94656</v>
      </c>
    </row>
    <row r="26428" spans="1:10" x14ac:dyDescent="0.35">
      <c r="A26428" s="1" t="s">
        <v>94563</v>
      </c>
      <c r="B26428" s="1" t="s">
        <v>86049</v>
      </c>
      <c r="C26428" s="1" t="s">
        <v>140</v>
      </c>
      <c r="D26428" s="1" t="s">
        <v>94657</v>
      </c>
      <c r="E26428" s="1" t="s">
        <v>94658</v>
      </c>
      <c r="F26428" s="1" t="s">
        <v>94659</v>
      </c>
      <c r="G26428" s="1" t="s">
        <v>94566</v>
      </c>
      <c r="H26428" s="1" t="s">
        <v>94567</v>
      </c>
      <c r="I26428" s="1" t="s">
        <v>86055</v>
      </c>
      <c r="J26428" s="1" t="s">
        <v>94660</v>
      </c>
    </row>
    <row r="26429" spans="1:10" x14ac:dyDescent="0.35">
      <c r="A26429" s="1" t="s">
        <v>94563</v>
      </c>
      <c r="B26429" s="1" t="s">
        <v>86049</v>
      </c>
      <c r="C26429" s="1" t="s">
        <v>145</v>
      </c>
      <c r="D26429" s="1" t="s">
        <v>65692</v>
      </c>
      <c r="E26429" s="1" t="s">
        <v>94661</v>
      </c>
      <c r="F26429" s="1" t="s">
        <v>94662</v>
      </c>
      <c r="G26429" s="1" t="s">
        <v>94566</v>
      </c>
      <c r="H26429" s="1" t="s">
        <v>94567</v>
      </c>
      <c r="I26429" s="1" t="s">
        <v>86055</v>
      </c>
      <c r="J26429" s="1" t="s">
        <v>94663</v>
      </c>
    </row>
    <row r="26430" spans="1:10" x14ac:dyDescent="0.35">
      <c r="A26430" s="1" t="s">
        <v>94563</v>
      </c>
      <c r="B26430" s="1" t="s">
        <v>86049</v>
      </c>
      <c r="C26430" s="1" t="s">
        <v>150</v>
      </c>
      <c r="D26430" s="1" t="s">
        <v>94664</v>
      </c>
      <c r="E26430" s="1" t="s">
        <v>94654</v>
      </c>
      <c r="F26430" s="1" t="s">
        <v>94665</v>
      </c>
      <c r="G26430" s="1" t="s">
        <v>94566</v>
      </c>
      <c r="H26430" s="1" t="s">
        <v>94567</v>
      </c>
      <c r="I26430" s="1" t="s">
        <v>86055</v>
      </c>
      <c r="J26430" s="1" t="s">
        <v>94666</v>
      </c>
    </row>
    <row r="26431" spans="1:10" x14ac:dyDescent="0.35">
      <c r="A26431" s="1" t="s">
        <v>94563</v>
      </c>
      <c r="B26431" s="1" t="s">
        <v>86049</v>
      </c>
      <c r="C26431" s="1" t="s">
        <v>155</v>
      </c>
      <c r="D26431" s="1" t="s">
        <v>94667</v>
      </c>
      <c r="E26431" s="1" t="s">
        <v>94668</v>
      </c>
      <c r="F26431" s="1" t="s">
        <v>94669</v>
      </c>
      <c r="G26431" s="1" t="s">
        <v>94566</v>
      </c>
      <c r="H26431" s="1" t="s">
        <v>94567</v>
      </c>
      <c r="I26431" s="1" t="s">
        <v>86055</v>
      </c>
      <c r="J26431" s="1" t="s">
        <v>94670</v>
      </c>
    </row>
    <row r="26432" spans="1:10" x14ac:dyDescent="0.35">
      <c r="A26432" s="1" t="s">
        <v>94563</v>
      </c>
      <c r="B26432" s="1" t="s">
        <v>86049</v>
      </c>
      <c r="C26432" s="1" t="s">
        <v>160</v>
      </c>
      <c r="D26432" s="1" t="s">
        <v>94671</v>
      </c>
      <c r="E26432" s="1" t="s">
        <v>94672</v>
      </c>
      <c r="F26432" s="1" t="s">
        <v>94673</v>
      </c>
      <c r="G26432" s="1" t="s">
        <v>94566</v>
      </c>
      <c r="H26432" s="1" t="s">
        <v>94567</v>
      </c>
      <c r="I26432" s="1" t="s">
        <v>86055</v>
      </c>
      <c r="J26432" s="1" t="s">
        <v>94674</v>
      </c>
    </row>
    <row r="26433" spans="1:10" x14ac:dyDescent="0.35">
      <c r="A26433" s="1" t="s">
        <v>94563</v>
      </c>
      <c r="B26433" s="1" t="s">
        <v>86049</v>
      </c>
      <c r="C26433" s="1" t="s">
        <v>165</v>
      </c>
      <c r="D26433" s="1" t="s">
        <v>94675</v>
      </c>
      <c r="E26433" s="1" t="s">
        <v>94676</v>
      </c>
      <c r="F26433" s="1" t="s">
        <v>94677</v>
      </c>
      <c r="G26433" s="1" t="s">
        <v>94566</v>
      </c>
      <c r="H26433" s="1" t="s">
        <v>94567</v>
      </c>
      <c r="I26433" s="1" t="s">
        <v>86055</v>
      </c>
      <c r="J26433" s="1" t="s">
        <v>94678</v>
      </c>
    </row>
    <row r="26434" spans="1:10" x14ac:dyDescent="0.35">
      <c r="A26434" s="1" t="s">
        <v>94563</v>
      </c>
      <c r="B26434" s="1" t="s">
        <v>86049</v>
      </c>
      <c r="C26434" s="1" t="s">
        <v>170</v>
      </c>
      <c r="D26434" s="1" t="s">
        <v>94679</v>
      </c>
      <c r="E26434" s="1" t="s">
        <v>94680</v>
      </c>
      <c r="F26434" s="1" t="s">
        <v>94681</v>
      </c>
      <c r="G26434" s="1" t="s">
        <v>94566</v>
      </c>
      <c r="H26434" s="1" t="s">
        <v>94567</v>
      </c>
      <c r="I26434" s="1" t="s">
        <v>86055</v>
      </c>
      <c r="J26434" s="1" t="s">
        <v>94682</v>
      </c>
    </row>
    <row r="26435" spans="1:10" x14ac:dyDescent="0.35">
      <c r="A26435" s="1" t="s">
        <v>47168</v>
      </c>
      <c r="B26435" s="1" t="s">
        <v>86049</v>
      </c>
      <c r="C26435" s="1" t="s">
        <v>8</v>
      </c>
      <c r="D26435" s="1" t="s">
        <v>94683</v>
      </c>
      <c r="E26435" s="1" t="s">
        <v>94684</v>
      </c>
      <c r="F26435" s="1" t="s">
        <v>94685</v>
      </c>
      <c r="G26435" s="1" t="s">
        <v>94686</v>
      </c>
      <c r="H26435" s="1" t="s">
        <v>94687</v>
      </c>
      <c r="I26435" s="1" t="s">
        <v>86055</v>
      </c>
      <c r="J26435" s="1" t="s">
        <v>13</v>
      </c>
    </row>
    <row r="26436" spans="1:10" x14ac:dyDescent="0.35">
      <c r="A26436" s="1" t="s">
        <v>47168</v>
      </c>
      <c r="B26436" s="1" t="s">
        <v>86049</v>
      </c>
      <c r="C26436" s="1" t="s">
        <v>15</v>
      </c>
      <c r="D26436" s="1" t="s">
        <v>94688</v>
      </c>
      <c r="E26436" s="1" t="s">
        <v>89357</v>
      </c>
      <c r="F26436" s="1" t="s">
        <v>94689</v>
      </c>
      <c r="G26436" s="1" t="s">
        <v>94686</v>
      </c>
      <c r="H26436" s="1" t="s">
        <v>94687</v>
      </c>
      <c r="I26436" s="1" t="s">
        <v>86055</v>
      </c>
      <c r="J26436" s="1" t="s">
        <v>94690</v>
      </c>
    </row>
    <row r="26437" spans="1:10" x14ac:dyDescent="0.35">
      <c r="A26437" s="1" t="s">
        <v>47168</v>
      </c>
      <c r="B26437" s="1" t="s">
        <v>86049</v>
      </c>
      <c r="C26437" s="1" t="s">
        <v>20</v>
      </c>
      <c r="D26437" s="1" t="s">
        <v>94691</v>
      </c>
      <c r="E26437" s="1" t="s">
        <v>94692</v>
      </c>
      <c r="F26437" s="1" t="s">
        <v>22066</v>
      </c>
      <c r="G26437" s="1" t="s">
        <v>94686</v>
      </c>
      <c r="H26437" s="1" t="s">
        <v>94687</v>
      </c>
      <c r="I26437" s="1" t="s">
        <v>86055</v>
      </c>
      <c r="J26437" s="1" t="s">
        <v>94693</v>
      </c>
    </row>
    <row r="26438" spans="1:10" x14ac:dyDescent="0.35">
      <c r="A26438" s="1" t="s">
        <v>47168</v>
      </c>
      <c r="B26438" s="1" t="s">
        <v>86049</v>
      </c>
      <c r="C26438" s="1" t="s">
        <v>25</v>
      </c>
      <c r="D26438" s="1" t="s">
        <v>94694</v>
      </c>
      <c r="E26438" s="1" t="s">
        <v>94695</v>
      </c>
      <c r="F26438" s="1" t="s">
        <v>94696</v>
      </c>
      <c r="G26438" s="1" t="s">
        <v>94686</v>
      </c>
      <c r="H26438" s="1" t="s">
        <v>94687</v>
      </c>
      <c r="I26438" s="1" t="s">
        <v>86055</v>
      </c>
      <c r="J26438" s="1" t="s">
        <v>94697</v>
      </c>
    </row>
    <row r="26439" spans="1:10" x14ac:dyDescent="0.35">
      <c r="A26439" s="1" t="s">
        <v>47168</v>
      </c>
      <c r="B26439" s="1" t="s">
        <v>86049</v>
      </c>
      <c r="C26439" s="1" t="s">
        <v>30</v>
      </c>
      <c r="D26439" s="1" t="s">
        <v>94698</v>
      </c>
      <c r="E26439" s="1" t="s">
        <v>94699</v>
      </c>
      <c r="F26439" s="1" t="s">
        <v>94700</v>
      </c>
      <c r="G26439" s="1" t="s">
        <v>94686</v>
      </c>
      <c r="H26439" s="1" t="s">
        <v>94687</v>
      </c>
      <c r="I26439" s="1" t="s">
        <v>86055</v>
      </c>
      <c r="J26439" s="1" t="s">
        <v>94701</v>
      </c>
    </row>
    <row r="26440" spans="1:10" x14ac:dyDescent="0.35">
      <c r="A26440" s="1" t="s">
        <v>47168</v>
      </c>
      <c r="B26440" s="1" t="s">
        <v>86049</v>
      </c>
      <c r="C26440" s="1" t="s">
        <v>35</v>
      </c>
      <c r="D26440" s="1" t="s">
        <v>94702</v>
      </c>
      <c r="E26440" s="1" t="s">
        <v>94703</v>
      </c>
      <c r="F26440" s="1" t="s">
        <v>94700</v>
      </c>
      <c r="G26440" s="1" t="s">
        <v>94686</v>
      </c>
      <c r="H26440" s="1" t="s">
        <v>94687</v>
      </c>
      <c r="I26440" s="1" t="s">
        <v>86055</v>
      </c>
      <c r="J26440" s="1" t="s">
        <v>94704</v>
      </c>
    </row>
    <row r="26441" spans="1:10" x14ac:dyDescent="0.35">
      <c r="A26441" s="1" t="s">
        <v>47168</v>
      </c>
      <c r="B26441" s="1" t="s">
        <v>86049</v>
      </c>
      <c r="C26441" s="1" t="s">
        <v>40</v>
      </c>
      <c r="D26441" s="1" t="s">
        <v>67549</v>
      </c>
      <c r="E26441" s="1" t="s">
        <v>94705</v>
      </c>
      <c r="F26441" s="1" t="s">
        <v>94706</v>
      </c>
      <c r="G26441" s="1" t="s">
        <v>94686</v>
      </c>
      <c r="H26441" s="1" t="s">
        <v>94687</v>
      </c>
      <c r="I26441" s="1" t="s">
        <v>86055</v>
      </c>
      <c r="J26441" s="1" t="s">
        <v>94707</v>
      </c>
    </row>
    <row r="26442" spans="1:10" x14ac:dyDescent="0.35">
      <c r="A26442" s="1" t="s">
        <v>47168</v>
      </c>
      <c r="B26442" s="1" t="s">
        <v>86049</v>
      </c>
      <c r="C26442" s="1" t="s">
        <v>45</v>
      </c>
      <c r="D26442" s="1" t="s">
        <v>94708</v>
      </c>
      <c r="E26442" s="1" t="s">
        <v>94709</v>
      </c>
      <c r="F26442" s="1" t="s">
        <v>94710</v>
      </c>
      <c r="G26442" s="1" t="s">
        <v>94686</v>
      </c>
      <c r="H26442" s="1" t="s">
        <v>94687</v>
      </c>
      <c r="I26442" s="1" t="s">
        <v>86055</v>
      </c>
      <c r="J26442" s="1" t="s">
        <v>94711</v>
      </c>
    </row>
    <row r="26443" spans="1:10" x14ac:dyDescent="0.35">
      <c r="A26443" s="1" t="s">
        <v>47168</v>
      </c>
      <c r="B26443" s="1" t="s">
        <v>86049</v>
      </c>
      <c r="C26443" s="1" t="s">
        <v>50</v>
      </c>
      <c r="D26443" s="1" t="s">
        <v>94712</v>
      </c>
      <c r="E26443" s="1" t="s">
        <v>94713</v>
      </c>
      <c r="F26443" s="1" t="s">
        <v>66411</v>
      </c>
      <c r="G26443" s="1" t="s">
        <v>94686</v>
      </c>
      <c r="H26443" s="1" t="s">
        <v>94687</v>
      </c>
      <c r="I26443" s="1" t="s">
        <v>86055</v>
      </c>
      <c r="J26443" s="1" t="s">
        <v>94714</v>
      </c>
    </row>
    <row r="26444" spans="1:10" x14ac:dyDescent="0.35">
      <c r="A26444" s="1" t="s">
        <v>47168</v>
      </c>
      <c r="B26444" s="1" t="s">
        <v>86049</v>
      </c>
      <c r="C26444" s="1" t="s">
        <v>55</v>
      </c>
      <c r="D26444" s="1" t="s">
        <v>67950</v>
      </c>
      <c r="E26444" s="1" t="s">
        <v>94715</v>
      </c>
      <c r="F26444" s="1" t="s">
        <v>62861</v>
      </c>
      <c r="G26444" s="1" t="s">
        <v>94686</v>
      </c>
      <c r="H26444" s="1" t="s">
        <v>94687</v>
      </c>
      <c r="I26444" s="1" t="s">
        <v>86055</v>
      </c>
      <c r="J26444" s="1" t="s">
        <v>94716</v>
      </c>
    </row>
    <row r="26445" spans="1:10" x14ac:dyDescent="0.35">
      <c r="A26445" s="1" t="s">
        <v>47168</v>
      </c>
      <c r="B26445" s="1" t="s">
        <v>86049</v>
      </c>
      <c r="C26445" s="1" t="s">
        <v>60</v>
      </c>
      <c r="D26445" s="1" t="s">
        <v>94717</v>
      </c>
      <c r="E26445" s="1" t="s">
        <v>94718</v>
      </c>
      <c r="F26445" s="1" t="s">
        <v>55255</v>
      </c>
      <c r="G26445" s="1" t="s">
        <v>94686</v>
      </c>
      <c r="H26445" s="1" t="s">
        <v>94687</v>
      </c>
      <c r="I26445" s="1" t="s">
        <v>86055</v>
      </c>
      <c r="J26445" s="1" t="s">
        <v>94719</v>
      </c>
    </row>
    <row r="26446" spans="1:10" x14ac:dyDescent="0.35">
      <c r="A26446" s="1" t="s">
        <v>47168</v>
      </c>
      <c r="B26446" s="1" t="s">
        <v>86049</v>
      </c>
      <c r="C26446" s="1" t="s">
        <v>65</v>
      </c>
      <c r="D26446" s="1" t="s">
        <v>67101</v>
      </c>
      <c r="E26446" s="1" t="s">
        <v>94720</v>
      </c>
      <c r="F26446" s="1" t="s">
        <v>94721</v>
      </c>
      <c r="G26446" s="1" t="s">
        <v>94686</v>
      </c>
      <c r="H26446" s="1" t="s">
        <v>94687</v>
      </c>
      <c r="I26446" s="1" t="s">
        <v>86055</v>
      </c>
      <c r="J26446" s="1" t="s">
        <v>94722</v>
      </c>
    </row>
    <row r="26447" spans="1:10" x14ac:dyDescent="0.35">
      <c r="A26447" s="1" t="s">
        <v>47168</v>
      </c>
      <c r="B26447" s="1" t="s">
        <v>86049</v>
      </c>
      <c r="C26447" s="1" t="s">
        <v>70</v>
      </c>
      <c r="D26447" s="1" t="s">
        <v>63934</v>
      </c>
      <c r="E26447" s="1" t="s">
        <v>94723</v>
      </c>
      <c r="F26447" s="1" t="s">
        <v>67569</v>
      </c>
      <c r="G26447" s="1" t="s">
        <v>94686</v>
      </c>
      <c r="H26447" s="1" t="s">
        <v>94687</v>
      </c>
      <c r="I26447" s="1" t="s">
        <v>86055</v>
      </c>
      <c r="J26447" s="1" t="s">
        <v>94724</v>
      </c>
    </row>
    <row r="26448" spans="1:10" x14ac:dyDescent="0.35">
      <c r="A26448" s="1" t="s">
        <v>47168</v>
      </c>
      <c r="B26448" s="1" t="s">
        <v>86049</v>
      </c>
      <c r="C26448" s="1" t="s">
        <v>75</v>
      </c>
      <c r="D26448" s="1" t="s">
        <v>87005</v>
      </c>
      <c r="E26448" s="1" t="s">
        <v>94725</v>
      </c>
      <c r="F26448" s="1" t="s">
        <v>94726</v>
      </c>
      <c r="G26448" s="1" t="s">
        <v>94686</v>
      </c>
      <c r="H26448" s="1" t="s">
        <v>94687</v>
      </c>
      <c r="I26448" s="1" t="s">
        <v>86055</v>
      </c>
      <c r="J26448" s="1" t="s">
        <v>94727</v>
      </c>
    </row>
    <row r="26449" spans="1:10" x14ac:dyDescent="0.35">
      <c r="A26449" s="1" t="s">
        <v>47168</v>
      </c>
      <c r="B26449" s="1" t="s">
        <v>86049</v>
      </c>
      <c r="C26449" s="1" t="s">
        <v>80</v>
      </c>
      <c r="D26449" s="1" t="s">
        <v>94728</v>
      </c>
      <c r="E26449" s="1" t="s">
        <v>94729</v>
      </c>
      <c r="F26449" s="1" t="s">
        <v>94730</v>
      </c>
      <c r="G26449" s="1" t="s">
        <v>94686</v>
      </c>
      <c r="H26449" s="1" t="s">
        <v>94687</v>
      </c>
      <c r="I26449" s="1" t="s">
        <v>86055</v>
      </c>
      <c r="J26449" s="1" t="s">
        <v>94731</v>
      </c>
    </row>
    <row r="26450" spans="1:10" x14ac:dyDescent="0.35">
      <c r="A26450" s="1" t="s">
        <v>47168</v>
      </c>
      <c r="B26450" s="1" t="s">
        <v>86049</v>
      </c>
      <c r="C26450" s="1" t="s">
        <v>85</v>
      </c>
      <c r="D26450" s="1" t="s">
        <v>24283</v>
      </c>
      <c r="E26450" s="1" t="s">
        <v>94732</v>
      </c>
      <c r="F26450" s="1" t="s">
        <v>94733</v>
      </c>
      <c r="G26450" s="1" t="s">
        <v>94686</v>
      </c>
      <c r="H26450" s="1" t="s">
        <v>94687</v>
      </c>
      <c r="I26450" s="1" t="s">
        <v>86055</v>
      </c>
      <c r="J26450" s="1" t="s">
        <v>94734</v>
      </c>
    </row>
    <row r="26451" spans="1:10" x14ac:dyDescent="0.35">
      <c r="A26451" s="1" t="s">
        <v>47168</v>
      </c>
      <c r="B26451" s="1" t="s">
        <v>86049</v>
      </c>
      <c r="C26451" s="1" t="s">
        <v>90</v>
      </c>
      <c r="D26451" s="1" t="s">
        <v>91198</v>
      </c>
      <c r="E26451" s="1" t="s">
        <v>94735</v>
      </c>
      <c r="F26451" s="1" t="s">
        <v>94736</v>
      </c>
      <c r="G26451" s="1" t="s">
        <v>94686</v>
      </c>
      <c r="H26451" s="1" t="s">
        <v>94687</v>
      </c>
      <c r="I26451" s="1" t="s">
        <v>86055</v>
      </c>
      <c r="J26451" s="1" t="s">
        <v>94737</v>
      </c>
    </row>
    <row r="26452" spans="1:10" x14ac:dyDescent="0.35">
      <c r="A26452" s="1" t="s">
        <v>47168</v>
      </c>
      <c r="B26452" s="1" t="s">
        <v>86049</v>
      </c>
      <c r="C26452" s="1" t="s">
        <v>95</v>
      </c>
      <c r="D26452" s="1" t="s">
        <v>55782</v>
      </c>
      <c r="E26452" s="1" t="s">
        <v>94738</v>
      </c>
      <c r="F26452" s="1" t="s">
        <v>94739</v>
      </c>
      <c r="G26452" s="1" t="s">
        <v>94686</v>
      </c>
      <c r="H26452" s="1" t="s">
        <v>94687</v>
      </c>
      <c r="I26452" s="1" t="s">
        <v>86055</v>
      </c>
      <c r="J26452" s="1" t="s">
        <v>94740</v>
      </c>
    </row>
    <row r="26453" spans="1:10" x14ac:dyDescent="0.35">
      <c r="A26453" s="1" t="s">
        <v>47168</v>
      </c>
      <c r="B26453" s="1" t="s">
        <v>86049</v>
      </c>
      <c r="C26453" s="1" t="s">
        <v>100</v>
      </c>
      <c r="D26453" s="1" t="s">
        <v>62466</v>
      </c>
      <c r="E26453" s="1" t="s">
        <v>94741</v>
      </c>
      <c r="F26453" s="1" t="s">
        <v>94742</v>
      </c>
      <c r="G26453" s="1" t="s">
        <v>94686</v>
      </c>
      <c r="H26453" s="1" t="s">
        <v>94687</v>
      </c>
      <c r="I26453" s="1" t="s">
        <v>86055</v>
      </c>
      <c r="J26453" s="1" t="s">
        <v>94743</v>
      </c>
    </row>
    <row r="26454" spans="1:10" x14ac:dyDescent="0.35">
      <c r="A26454" s="1" t="s">
        <v>47168</v>
      </c>
      <c r="B26454" s="1" t="s">
        <v>86049</v>
      </c>
      <c r="C26454" s="1" t="s">
        <v>105</v>
      </c>
      <c r="D26454" s="1" t="s">
        <v>21879</v>
      </c>
      <c r="E26454" s="1" t="s">
        <v>94744</v>
      </c>
      <c r="F26454" s="1" t="s">
        <v>94745</v>
      </c>
      <c r="G26454" s="1" t="s">
        <v>94686</v>
      </c>
      <c r="H26454" s="1" t="s">
        <v>94687</v>
      </c>
      <c r="I26454" s="1" t="s">
        <v>86055</v>
      </c>
      <c r="J26454" s="1" t="s">
        <v>94746</v>
      </c>
    </row>
    <row r="26455" spans="1:10" x14ac:dyDescent="0.35">
      <c r="A26455" s="1" t="s">
        <v>47168</v>
      </c>
      <c r="B26455" s="1" t="s">
        <v>86049</v>
      </c>
      <c r="C26455" s="1" t="s">
        <v>110</v>
      </c>
      <c r="D26455" s="1" t="s">
        <v>94747</v>
      </c>
      <c r="E26455" s="1" t="s">
        <v>94748</v>
      </c>
      <c r="F26455" s="1" t="s">
        <v>94749</v>
      </c>
      <c r="G26455" s="1" t="s">
        <v>94686</v>
      </c>
      <c r="H26455" s="1" t="s">
        <v>94687</v>
      </c>
      <c r="I26455" s="1" t="s">
        <v>86055</v>
      </c>
      <c r="J26455" s="1" t="s">
        <v>94750</v>
      </c>
    </row>
    <row r="26456" spans="1:10" x14ac:dyDescent="0.35">
      <c r="A26456" s="1" t="s">
        <v>47168</v>
      </c>
      <c r="B26456" s="1" t="s">
        <v>86049</v>
      </c>
      <c r="C26456" s="1" t="s">
        <v>115</v>
      </c>
      <c r="D26456" s="1" t="s">
        <v>63417</v>
      </c>
      <c r="E26456" s="1" t="s">
        <v>15453</v>
      </c>
      <c r="F26456" s="1" t="s">
        <v>94751</v>
      </c>
      <c r="G26456" s="1" t="s">
        <v>94686</v>
      </c>
      <c r="H26456" s="1" t="s">
        <v>94687</v>
      </c>
      <c r="I26456" s="1" t="s">
        <v>86055</v>
      </c>
      <c r="J26456" s="1" t="s">
        <v>94752</v>
      </c>
    </row>
    <row r="26457" spans="1:10" x14ac:dyDescent="0.35">
      <c r="A26457" s="1" t="s">
        <v>47168</v>
      </c>
      <c r="B26457" s="1" t="s">
        <v>86049</v>
      </c>
      <c r="C26457" s="1" t="s">
        <v>120</v>
      </c>
      <c r="D26457" s="1" t="s">
        <v>63741</v>
      </c>
      <c r="E26457" s="1" t="s">
        <v>94753</v>
      </c>
      <c r="F26457" s="1" t="s">
        <v>94754</v>
      </c>
      <c r="G26457" s="1" t="s">
        <v>94686</v>
      </c>
      <c r="H26457" s="1" t="s">
        <v>94687</v>
      </c>
      <c r="I26457" s="1" t="s">
        <v>86055</v>
      </c>
      <c r="J26457" s="1" t="s">
        <v>94755</v>
      </c>
    </row>
    <row r="26458" spans="1:10" x14ac:dyDescent="0.35">
      <c r="A26458" s="1" t="s">
        <v>47168</v>
      </c>
      <c r="B26458" s="1" t="s">
        <v>86049</v>
      </c>
      <c r="C26458" s="1" t="s">
        <v>125</v>
      </c>
      <c r="D26458" s="1" t="s">
        <v>22270</v>
      </c>
      <c r="E26458" s="1" t="s">
        <v>94756</v>
      </c>
      <c r="F26458" s="1" t="s">
        <v>94757</v>
      </c>
      <c r="G26458" s="1" t="s">
        <v>94686</v>
      </c>
      <c r="H26458" s="1" t="s">
        <v>94687</v>
      </c>
      <c r="I26458" s="1" t="s">
        <v>86055</v>
      </c>
      <c r="J26458" s="1" t="s">
        <v>94758</v>
      </c>
    </row>
    <row r="26459" spans="1:10" x14ac:dyDescent="0.35">
      <c r="A26459" s="1" t="s">
        <v>47168</v>
      </c>
      <c r="B26459" s="1" t="s">
        <v>86049</v>
      </c>
      <c r="C26459" s="1" t="s">
        <v>130</v>
      </c>
      <c r="D26459" s="1" t="s">
        <v>94759</v>
      </c>
      <c r="E26459" s="1" t="s">
        <v>94760</v>
      </c>
      <c r="F26459" s="1" t="s">
        <v>63111</v>
      </c>
      <c r="G26459" s="1" t="s">
        <v>94686</v>
      </c>
      <c r="H26459" s="1" t="s">
        <v>94687</v>
      </c>
      <c r="I26459" s="1" t="s">
        <v>86055</v>
      </c>
      <c r="J26459" s="1" t="s">
        <v>94761</v>
      </c>
    </row>
    <row r="26460" spans="1:10" x14ac:dyDescent="0.35">
      <c r="A26460" s="1" t="s">
        <v>47168</v>
      </c>
      <c r="B26460" s="1" t="s">
        <v>86049</v>
      </c>
      <c r="C26460" s="1" t="s">
        <v>135</v>
      </c>
      <c r="D26460" s="1" t="s">
        <v>94762</v>
      </c>
      <c r="E26460" s="1" t="s">
        <v>94763</v>
      </c>
      <c r="F26460" s="1" t="s">
        <v>94764</v>
      </c>
      <c r="G26460" s="1" t="s">
        <v>94686</v>
      </c>
      <c r="H26460" s="1" t="s">
        <v>94687</v>
      </c>
      <c r="I26460" s="1" t="s">
        <v>86055</v>
      </c>
      <c r="J26460" s="1" t="s">
        <v>94765</v>
      </c>
    </row>
    <row r="26461" spans="1:10" x14ac:dyDescent="0.35">
      <c r="A26461" s="1" t="s">
        <v>47168</v>
      </c>
      <c r="B26461" s="1" t="s">
        <v>86049</v>
      </c>
      <c r="C26461" s="1" t="s">
        <v>140</v>
      </c>
      <c r="D26461" s="1" t="s">
        <v>94766</v>
      </c>
      <c r="E26461" s="1" t="s">
        <v>94767</v>
      </c>
      <c r="F26461" s="1" t="s">
        <v>60758</v>
      </c>
      <c r="G26461" s="1" t="s">
        <v>94686</v>
      </c>
      <c r="H26461" s="1" t="s">
        <v>94687</v>
      </c>
      <c r="I26461" s="1" t="s">
        <v>86055</v>
      </c>
      <c r="J26461" s="1" t="s">
        <v>94768</v>
      </c>
    </row>
    <row r="26462" spans="1:10" x14ac:dyDescent="0.35">
      <c r="A26462" s="1" t="s">
        <v>47168</v>
      </c>
      <c r="B26462" s="1" t="s">
        <v>86049</v>
      </c>
      <c r="C26462" s="1" t="s">
        <v>145</v>
      </c>
      <c r="D26462" s="1" t="s">
        <v>67250</v>
      </c>
      <c r="E26462" s="1" t="s">
        <v>94769</v>
      </c>
      <c r="F26462" s="1" t="s">
        <v>31809</v>
      </c>
      <c r="G26462" s="1" t="s">
        <v>94686</v>
      </c>
      <c r="H26462" s="1" t="s">
        <v>94687</v>
      </c>
      <c r="I26462" s="1" t="s">
        <v>86055</v>
      </c>
      <c r="J26462" s="1" t="s">
        <v>94770</v>
      </c>
    </row>
    <row r="26463" spans="1:10" x14ac:dyDescent="0.35">
      <c r="A26463" s="1" t="s">
        <v>47168</v>
      </c>
      <c r="B26463" s="1" t="s">
        <v>86049</v>
      </c>
      <c r="C26463" s="1" t="s">
        <v>150</v>
      </c>
      <c r="D26463" s="1" t="s">
        <v>94771</v>
      </c>
      <c r="E26463" s="1" t="s">
        <v>16050</v>
      </c>
      <c r="F26463" s="1" t="s">
        <v>94772</v>
      </c>
      <c r="G26463" s="1" t="s">
        <v>94686</v>
      </c>
      <c r="H26463" s="1" t="s">
        <v>94687</v>
      </c>
      <c r="I26463" s="1" t="s">
        <v>86055</v>
      </c>
      <c r="J26463" s="1" t="s">
        <v>94773</v>
      </c>
    </row>
    <row r="26464" spans="1:10" x14ac:dyDescent="0.35">
      <c r="A26464" s="1" t="s">
        <v>47168</v>
      </c>
      <c r="B26464" s="1" t="s">
        <v>86049</v>
      </c>
      <c r="C26464" s="1" t="s">
        <v>155</v>
      </c>
      <c r="D26464" s="1" t="s">
        <v>94774</v>
      </c>
      <c r="E26464" s="1" t="s">
        <v>16208</v>
      </c>
      <c r="F26464" s="1" t="s">
        <v>63111</v>
      </c>
      <c r="G26464" s="1" t="s">
        <v>94686</v>
      </c>
      <c r="H26464" s="1" t="s">
        <v>94687</v>
      </c>
      <c r="I26464" s="1" t="s">
        <v>86055</v>
      </c>
      <c r="J26464" s="1" t="s">
        <v>94775</v>
      </c>
    </row>
    <row r="26465" spans="1:10" x14ac:dyDescent="0.35">
      <c r="A26465" s="1" t="s">
        <v>47168</v>
      </c>
      <c r="B26465" s="1" t="s">
        <v>86049</v>
      </c>
      <c r="C26465" s="1" t="s">
        <v>160</v>
      </c>
      <c r="D26465" s="1" t="s">
        <v>94776</v>
      </c>
      <c r="E26465" s="1" t="s">
        <v>94777</v>
      </c>
      <c r="F26465" s="1" t="s">
        <v>94778</v>
      </c>
      <c r="G26465" s="1" t="s">
        <v>94686</v>
      </c>
      <c r="H26465" s="1" t="s">
        <v>94687</v>
      </c>
      <c r="I26465" s="1" t="s">
        <v>86055</v>
      </c>
      <c r="J26465" s="1" t="s">
        <v>94779</v>
      </c>
    </row>
    <row r="26466" spans="1:10" x14ac:dyDescent="0.35">
      <c r="A26466" s="1" t="s">
        <v>47168</v>
      </c>
      <c r="B26466" s="1" t="s">
        <v>86049</v>
      </c>
      <c r="C26466" s="1" t="s">
        <v>165</v>
      </c>
      <c r="D26466" s="1" t="s">
        <v>94780</v>
      </c>
      <c r="E26466" s="1" t="s">
        <v>94781</v>
      </c>
      <c r="F26466" s="1" t="s">
        <v>94782</v>
      </c>
      <c r="G26466" s="1" t="s">
        <v>94686</v>
      </c>
      <c r="H26466" s="1" t="s">
        <v>94687</v>
      </c>
      <c r="I26466" s="1" t="s">
        <v>86055</v>
      </c>
      <c r="J26466" s="1" t="s">
        <v>94783</v>
      </c>
    </row>
    <row r="26467" spans="1:10" x14ac:dyDescent="0.35">
      <c r="A26467" s="1" t="s">
        <v>47168</v>
      </c>
      <c r="B26467" s="1" t="s">
        <v>86049</v>
      </c>
      <c r="C26467" s="1" t="s">
        <v>170</v>
      </c>
      <c r="D26467" s="1" t="s">
        <v>79714</v>
      </c>
      <c r="E26467" s="1" t="s">
        <v>94784</v>
      </c>
      <c r="F26467" s="1" t="s">
        <v>94785</v>
      </c>
      <c r="G26467" s="1" t="s">
        <v>94686</v>
      </c>
      <c r="H26467" s="1" t="s">
        <v>94687</v>
      </c>
      <c r="I26467" s="1" t="s">
        <v>86055</v>
      </c>
      <c r="J26467" s="1" t="s">
        <v>94786</v>
      </c>
    </row>
    <row r="26468" spans="1:10" x14ac:dyDescent="0.35">
      <c r="A26468" s="1" t="s">
        <v>6243</v>
      </c>
      <c r="B26468" s="1" t="s">
        <v>86049</v>
      </c>
      <c r="C26468" s="1" t="s">
        <v>8</v>
      </c>
      <c r="D26468" s="1" t="s">
        <v>94787</v>
      </c>
      <c r="E26468" s="1" t="s">
        <v>15606</v>
      </c>
      <c r="F26468" s="1" t="s">
        <v>66992</v>
      </c>
      <c r="G26468" s="1" t="s">
        <v>94788</v>
      </c>
      <c r="H26468" s="1" t="s">
        <v>94789</v>
      </c>
      <c r="I26468" s="1" t="s">
        <v>86055</v>
      </c>
      <c r="J26468" s="1" t="s">
        <v>13</v>
      </c>
    </row>
    <row r="26469" spans="1:10" x14ac:dyDescent="0.35">
      <c r="A26469" s="1" t="s">
        <v>6243</v>
      </c>
      <c r="B26469" s="1" t="s">
        <v>86049</v>
      </c>
      <c r="C26469" s="1" t="s">
        <v>15</v>
      </c>
      <c r="D26469" s="1" t="s">
        <v>67019</v>
      </c>
      <c r="E26469" s="1" t="s">
        <v>27074</v>
      </c>
      <c r="F26469" s="1" t="s">
        <v>94790</v>
      </c>
      <c r="G26469" s="1" t="s">
        <v>94788</v>
      </c>
      <c r="H26469" s="1" t="s">
        <v>94789</v>
      </c>
      <c r="I26469" s="1" t="s">
        <v>86055</v>
      </c>
      <c r="J26469" s="1" t="s">
        <v>94791</v>
      </c>
    </row>
    <row r="26470" spans="1:10" x14ac:dyDescent="0.35">
      <c r="A26470" s="1" t="s">
        <v>6243</v>
      </c>
      <c r="B26470" s="1" t="s">
        <v>86049</v>
      </c>
      <c r="C26470" s="1" t="s">
        <v>20</v>
      </c>
      <c r="D26470" s="1" t="s">
        <v>94792</v>
      </c>
      <c r="E26470" s="1" t="s">
        <v>32608</v>
      </c>
      <c r="F26470" s="1" t="s">
        <v>94793</v>
      </c>
      <c r="G26470" s="1" t="s">
        <v>94788</v>
      </c>
      <c r="H26470" s="1" t="s">
        <v>94789</v>
      </c>
      <c r="I26470" s="1" t="s">
        <v>86055</v>
      </c>
      <c r="J26470" s="1" t="s">
        <v>94794</v>
      </c>
    </row>
    <row r="26471" spans="1:10" x14ac:dyDescent="0.35">
      <c r="A26471" s="1" t="s">
        <v>6243</v>
      </c>
      <c r="B26471" s="1" t="s">
        <v>86049</v>
      </c>
      <c r="C26471" s="1" t="s">
        <v>25</v>
      </c>
      <c r="D26471" s="1" t="s">
        <v>94795</v>
      </c>
      <c r="E26471" s="1" t="s">
        <v>26586</v>
      </c>
      <c r="F26471" s="1" t="s">
        <v>94796</v>
      </c>
      <c r="G26471" s="1" t="s">
        <v>94788</v>
      </c>
      <c r="H26471" s="1" t="s">
        <v>94789</v>
      </c>
      <c r="I26471" s="1" t="s">
        <v>86055</v>
      </c>
      <c r="J26471" s="1" t="s">
        <v>94797</v>
      </c>
    </row>
    <row r="26472" spans="1:10" x14ac:dyDescent="0.35">
      <c r="A26472" s="1" t="s">
        <v>6243</v>
      </c>
      <c r="B26472" s="1" t="s">
        <v>86049</v>
      </c>
      <c r="C26472" s="1" t="s">
        <v>30</v>
      </c>
      <c r="D26472" s="1" t="s">
        <v>94798</v>
      </c>
      <c r="E26472" s="1" t="s">
        <v>94799</v>
      </c>
      <c r="F26472" s="1" t="s">
        <v>94800</v>
      </c>
      <c r="G26472" s="1" t="s">
        <v>94788</v>
      </c>
      <c r="H26472" s="1" t="s">
        <v>94789</v>
      </c>
      <c r="I26472" s="1" t="s">
        <v>86055</v>
      </c>
      <c r="J26472" s="1" t="s">
        <v>94801</v>
      </c>
    </row>
    <row r="26473" spans="1:10" x14ac:dyDescent="0.35">
      <c r="A26473" s="1" t="s">
        <v>6243</v>
      </c>
      <c r="B26473" s="1" t="s">
        <v>86049</v>
      </c>
      <c r="C26473" s="1" t="s">
        <v>35</v>
      </c>
      <c r="D26473" s="1" t="s">
        <v>94802</v>
      </c>
      <c r="E26473" s="1" t="s">
        <v>94803</v>
      </c>
      <c r="F26473" s="1" t="s">
        <v>60812</v>
      </c>
      <c r="G26473" s="1" t="s">
        <v>94788</v>
      </c>
      <c r="H26473" s="1" t="s">
        <v>94789</v>
      </c>
      <c r="I26473" s="1" t="s">
        <v>86055</v>
      </c>
      <c r="J26473" s="1" t="s">
        <v>94804</v>
      </c>
    </row>
    <row r="26474" spans="1:10" x14ac:dyDescent="0.35">
      <c r="A26474" s="1" t="s">
        <v>6243</v>
      </c>
      <c r="B26474" s="1" t="s">
        <v>86049</v>
      </c>
      <c r="C26474" s="1" t="s">
        <v>40</v>
      </c>
      <c r="D26474" s="1" t="s">
        <v>94805</v>
      </c>
      <c r="E26474" s="1" t="s">
        <v>22259</v>
      </c>
      <c r="F26474" s="1" t="s">
        <v>94806</v>
      </c>
      <c r="G26474" s="1" t="s">
        <v>94788</v>
      </c>
      <c r="H26474" s="1" t="s">
        <v>94789</v>
      </c>
      <c r="I26474" s="1" t="s">
        <v>86055</v>
      </c>
      <c r="J26474" s="1" t="s">
        <v>94807</v>
      </c>
    </row>
    <row r="26475" spans="1:10" x14ac:dyDescent="0.35">
      <c r="A26475" s="1" t="s">
        <v>6243</v>
      </c>
      <c r="B26475" s="1" t="s">
        <v>86049</v>
      </c>
      <c r="C26475" s="1" t="s">
        <v>45</v>
      </c>
      <c r="D26475" s="1" t="s">
        <v>14733</v>
      </c>
      <c r="E26475" s="1" t="s">
        <v>94808</v>
      </c>
      <c r="F26475" s="1" t="s">
        <v>58626</v>
      </c>
      <c r="G26475" s="1" t="s">
        <v>94788</v>
      </c>
      <c r="H26475" s="1" t="s">
        <v>94789</v>
      </c>
      <c r="I26475" s="1" t="s">
        <v>86055</v>
      </c>
      <c r="J26475" s="1" t="s">
        <v>94809</v>
      </c>
    </row>
    <row r="26476" spans="1:10" x14ac:dyDescent="0.35">
      <c r="A26476" s="1" t="s">
        <v>6243</v>
      </c>
      <c r="B26476" s="1" t="s">
        <v>86049</v>
      </c>
      <c r="C26476" s="1" t="s">
        <v>50</v>
      </c>
      <c r="D26476" s="1" t="s">
        <v>94810</v>
      </c>
      <c r="E26476" s="1" t="s">
        <v>65430</v>
      </c>
      <c r="F26476" s="1" t="s">
        <v>65489</v>
      </c>
      <c r="G26476" s="1" t="s">
        <v>94788</v>
      </c>
      <c r="H26476" s="1" t="s">
        <v>94789</v>
      </c>
      <c r="I26476" s="1" t="s">
        <v>86055</v>
      </c>
      <c r="J26476" s="1" t="s">
        <v>94811</v>
      </c>
    </row>
    <row r="26477" spans="1:10" x14ac:dyDescent="0.35">
      <c r="A26477" s="1" t="s">
        <v>6243</v>
      </c>
      <c r="B26477" s="1" t="s">
        <v>86049</v>
      </c>
      <c r="C26477" s="1" t="s">
        <v>55</v>
      </c>
      <c r="D26477" s="1" t="s">
        <v>94812</v>
      </c>
      <c r="E26477" s="1" t="s">
        <v>94813</v>
      </c>
      <c r="F26477" s="1" t="s">
        <v>94814</v>
      </c>
      <c r="G26477" s="1" t="s">
        <v>94788</v>
      </c>
      <c r="H26477" s="1" t="s">
        <v>94789</v>
      </c>
      <c r="I26477" s="1" t="s">
        <v>86055</v>
      </c>
      <c r="J26477" s="1" t="s">
        <v>94815</v>
      </c>
    </row>
    <row r="26478" spans="1:10" x14ac:dyDescent="0.35">
      <c r="A26478" s="1" t="s">
        <v>6243</v>
      </c>
      <c r="B26478" s="1" t="s">
        <v>86049</v>
      </c>
      <c r="C26478" s="1" t="s">
        <v>60</v>
      </c>
      <c r="D26478" s="1" t="s">
        <v>94816</v>
      </c>
      <c r="E26478" s="1" t="s">
        <v>94817</v>
      </c>
      <c r="F26478" s="1" t="s">
        <v>67615</v>
      </c>
      <c r="G26478" s="1" t="s">
        <v>94788</v>
      </c>
      <c r="H26478" s="1" t="s">
        <v>94789</v>
      </c>
      <c r="I26478" s="1" t="s">
        <v>86055</v>
      </c>
      <c r="J26478" s="1" t="s">
        <v>94818</v>
      </c>
    </row>
    <row r="26479" spans="1:10" x14ac:dyDescent="0.35">
      <c r="A26479" s="1" t="s">
        <v>6243</v>
      </c>
      <c r="B26479" s="1" t="s">
        <v>86049</v>
      </c>
      <c r="C26479" s="1" t="s">
        <v>65</v>
      </c>
      <c r="D26479" s="1" t="s">
        <v>94819</v>
      </c>
      <c r="E26479" s="1" t="s">
        <v>54215</v>
      </c>
      <c r="F26479" s="1" t="s">
        <v>94820</v>
      </c>
      <c r="G26479" s="1" t="s">
        <v>94788</v>
      </c>
      <c r="H26479" s="1" t="s">
        <v>94789</v>
      </c>
      <c r="I26479" s="1" t="s">
        <v>86055</v>
      </c>
      <c r="J26479" s="1" t="s">
        <v>94821</v>
      </c>
    </row>
    <row r="26480" spans="1:10" x14ac:dyDescent="0.35">
      <c r="A26480" s="1" t="s">
        <v>6243</v>
      </c>
      <c r="B26480" s="1" t="s">
        <v>86049</v>
      </c>
      <c r="C26480" s="1" t="s">
        <v>70</v>
      </c>
      <c r="D26480" s="1" t="s">
        <v>70238</v>
      </c>
      <c r="E26480" s="1" t="s">
        <v>94822</v>
      </c>
      <c r="F26480" s="1" t="s">
        <v>94823</v>
      </c>
      <c r="G26480" s="1" t="s">
        <v>94788</v>
      </c>
      <c r="H26480" s="1" t="s">
        <v>94789</v>
      </c>
      <c r="I26480" s="1" t="s">
        <v>86055</v>
      </c>
      <c r="J26480" s="1" t="s">
        <v>94824</v>
      </c>
    </row>
    <row r="26481" spans="1:10" x14ac:dyDescent="0.35">
      <c r="A26481" s="1" t="s">
        <v>6243</v>
      </c>
      <c r="B26481" s="1" t="s">
        <v>86049</v>
      </c>
      <c r="C26481" s="1" t="s">
        <v>75</v>
      </c>
      <c r="D26481" s="1" t="s">
        <v>94825</v>
      </c>
      <c r="E26481" s="1" t="s">
        <v>94826</v>
      </c>
      <c r="F26481" s="1" t="s">
        <v>94827</v>
      </c>
      <c r="G26481" s="1" t="s">
        <v>94788</v>
      </c>
      <c r="H26481" s="1" t="s">
        <v>94789</v>
      </c>
      <c r="I26481" s="1" t="s">
        <v>86055</v>
      </c>
      <c r="J26481" s="1" t="s">
        <v>94828</v>
      </c>
    </row>
    <row r="26482" spans="1:10" x14ac:dyDescent="0.35">
      <c r="A26482" s="1" t="s">
        <v>6243</v>
      </c>
      <c r="B26482" s="1" t="s">
        <v>86049</v>
      </c>
      <c r="C26482" s="1" t="s">
        <v>80</v>
      </c>
      <c r="D26482" s="1" t="s">
        <v>94829</v>
      </c>
      <c r="E26482" s="1" t="s">
        <v>15896</v>
      </c>
      <c r="F26482" s="1" t="s">
        <v>94830</v>
      </c>
      <c r="G26482" s="1" t="s">
        <v>94788</v>
      </c>
      <c r="H26482" s="1" t="s">
        <v>94789</v>
      </c>
      <c r="I26482" s="1" t="s">
        <v>86055</v>
      </c>
      <c r="J26482" s="1" t="s">
        <v>94831</v>
      </c>
    </row>
    <row r="26483" spans="1:10" x14ac:dyDescent="0.35">
      <c r="A26483" s="1" t="s">
        <v>6243</v>
      </c>
      <c r="B26483" s="1" t="s">
        <v>86049</v>
      </c>
      <c r="C26483" s="1" t="s">
        <v>85</v>
      </c>
      <c r="D26483" s="1" t="s">
        <v>94832</v>
      </c>
      <c r="E26483" s="1" t="s">
        <v>27089</v>
      </c>
      <c r="F26483" s="1" t="s">
        <v>94833</v>
      </c>
      <c r="G26483" s="1" t="s">
        <v>94788</v>
      </c>
      <c r="H26483" s="1" t="s">
        <v>94789</v>
      </c>
      <c r="I26483" s="1" t="s">
        <v>86055</v>
      </c>
      <c r="J26483" s="1" t="s">
        <v>94834</v>
      </c>
    </row>
    <row r="26484" spans="1:10" x14ac:dyDescent="0.35">
      <c r="A26484" s="1" t="s">
        <v>6243</v>
      </c>
      <c r="B26484" s="1" t="s">
        <v>86049</v>
      </c>
      <c r="C26484" s="1" t="s">
        <v>90</v>
      </c>
      <c r="D26484" s="1" t="s">
        <v>94835</v>
      </c>
      <c r="E26484" s="1" t="s">
        <v>94836</v>
      </c>
      <c r="F26484" s="1" t="s">
        <v>94837</v>
      </c>
      <c r="G26484" s="1" t="s">
        <v>94788</v>
      </c>
      <c r="H26484" s="1" t="s">
        <v>94789</v>
      </c>
      <c r="I26484" s="1" t="s">
        <v>86055</v>
      </c>
      <c r="J26484" s="1" t="s">
        <v>94838</v>
      </c>
    </row>
    <row r="26485" spans="1:10" x14ac:dyDescent="0.35">
      <c r="A26485" s="1" t="s">
        <v>6243</v>
      </c>
      <c r="B26485" s="1" t="s">
        <v>86049</v>
      </c>
      <c r="C26485" s="1" t="s">
        <v>95</v>
      </c>
      <c r="D26485" s="1" t="s">
        <v>94839</v>
      </c>
      <c r="E26485" s="1" t="s">
        <v>58049</v>
      </c>
      <c r="F26485" s="1" t="s">
        <v>94840</v>
      </c>
      <c r="G26485" s="1" t="s">
        <v>94788</v>
      </c>
      <c r="H26485" s="1" t="s">
        <v>94789</v>
      </c>
      <c r="I26485" s="1" t="s">
        <v>86055</v>
      </c>
      <c r="J26485" s="1" t="s">
        <v>94841</v>
      </c>
    </row>
    <row r="26486" spans="1:10" x14ac:dyDescent="0.35">
      <c r="A26486" s="1" t="s">
        <v>6243</v>
      </c>
      <c r="B26486" s="1" t="s">
        <v>86049</v>
      </c>
      <c r="C26486" s="1" t="s">
        <v>100</v>
      </c>
      <c r="D26486" s="1" t="s">
        <v>94842</v>
      </c>
      <c r="E26486" s="1" t="s">
        <v>57103</v>
      </c>
      <c r="F26486" s="1" t="s">
        <v>56260</v>
      </c>
      <c r="G26486" s="1" t="s">
        <v>94788</v>
      </c>
      <c r="H26486" s="1" t="s">
        <v>94789</v>
      </c>
      <c r="I26486" s="1" t="s">
        <v>86055</v>
      </c>
      <c r="J26486" s="1" t="s">
        <v>94843</v>
      </c>
    </row>
    <row r="26487" spans="1:10" x14ac:dyDescent="0.35">
      <c r="A26487" s="1" t="s">
        <v>6243</v>
      </c>
      <c r="B26487" s="1" t="s">
        <v>86049</v>
      </c>
      <c r="C26487" s="1" t="s">
        <v>105</v>
      </c>
      <c r="D26487" s="1" t="s">
        <v>94844</v>
      </c>
      <c r="E26487" s="1" t="s">
        <v>68448</v>
      </c>
      <c r="F26487" s="1" t="s">
        <v>64792</v>
      </c>
      <c r="G26487" s="1" t="s">
        <v>94788</v>
      </c>
      <c r="H26487" s="1" t="s">
        <v>94789</v>
      </c>
      <c r="I26487" s="1" t="s">
        <v>86055</v>
      </c>
      <c r="J26487" s="1" t="s">
        <v>94845</v>
      </c>
    </row>
    <row r="26488" spans="1:10" x14ac:dyDescent="0.35">
      <c r="A26488" s="1" t="s">
        <v>6243</v>
      </c>
      <c r="B26488" s="1" t="s">
        <v>86049</v>
      </c>
      <c r="C26488" s="1" t="s">
        <v>110</v>
      </c>
      <c r="D26488" s="1" t="s">
        <v>94846</v>
      </c>
      <c r="E26488" s="1" t="s">
        <v>32107</v>
      </c>
      <c r="F26488" s="1" t="s">
        <v>94847</v>
      </c>
      <c r="G26488" s="1" t="s">
        <v>94788</v>
      </c>
      <c r="H26488" s="1" t="s">
        <v>94789</v>
      </c>
      <c r="I26488" s="1" t="s">
        <v>86055</v>
      </c>
      <c r="J26488" s="1" t="s">
        <v>94848</v>
      </c>
    </row>
    <row r="26489" spans="1:10" x14ac:dyDescent="0.35">
      <c r="A26489" s="1" t="s">
        <v>6243</v>
      </c>
      <c r="B26489" s="1" t="s">
        <v>86049</v>
      </c>
      <c r="C26489" s="1" t="s">
        <v>115</v>
      </c>
      <c r="D26489" s="1" t="s">
        <v>94849</v>
      </c>
      <c r="E26489" s="1" t="s">
        <v>20006</v>
      </c>
      <c r="F26489" s="1" t="s">
        <v>27105</v>
      </c>
      <c r="G26489" s="1" t="s">
        <v>94788</v>
      </c>
      <c r="H26489" s="1" t="s">
        <v>94789</v>
      </c>
      <c r="I26489" s="1" t="s">
        <v>86055</v>
      </c>
      <c r="J26489" s="1" t="s">
        <v>94850</v>
      </c>
    </row>
    <row r="26490" spans="1:10" x14ac:dyDescent="0.35">
      <c r="A26490" s="1" t="s">
        <v>6243</v>
      </c>
      <c r="B26490" s="1" t="s">
        <v>86049</v>
      </c>
      <c r="C26490" s="1" t="s">
        <v>120</v>
      </c>
      <c r="D26490" s="1" t="s">
        <v>94851</v>
      </c>
      <c r="E26490" s="1" t="s">
        <v>24292</v>
      </c>
      <c r="F26490" s="1" t="s">
        <v>94852</v>
      </c>
      <c r="G26490" s="1" t="s">
        <v>94788</v>
      </c>
      <c r="H26490" s="1" t="s">
        <v>94789</v>
      </c>
      <c r="I26490" s="1" t="s">
        <v>86055</v>
      </c>
      <c r="J26490" s="1" t="s">
        <v>94853</v>
      </c>
    </row>
    <row r="26491" spans="1:10" x14ac:dyDescent="0.35">
      <c r="A26491" s="1" t="s">
        <v>6243</v>
      </c>
      <c r="B26491" s="1" t="s">
        <v>86049</v>
      </c>
      <c r="C26491" s="1" t="s">
        <v>125</v>
      </c>
      <c r="D26491" s="1" t="s">
        <v>94854</v>
      </c>
      <c r="E26491" s="1" t="s">
        <v>59658</v>
      </c>
      <c r="F26491" s="1" t="s">
        <v>94855</v>
      </c>
      <c r="G26491" s="1" t="s">
        <v>94788</v>
      </c>
      <c r="H26491" s="1" t="s">
        <v>94789</v>
      </c>
      <c r="I26491" s="1" t="s">
        <v>86055</v>
      </c>
      <c r="J26491" s="1" t="s">
        <v>94856</v>
      </c>
    </row>
    <row r="26492" spans="1:10" x14ac:dyDescent="0.35">
      <c r="A26492" s="1" t="s">
        <v>6243</v>
      </c>
      <c r="B26492" s="1" t="s">
        <v>86049</v>
      </c>
      <c r="C26492" s="1" t="s">
        <v>130</v>
      </c>
      <c r="D26492" s="1" t="s">
        <v>94857</v>
      </c>
      <c r="E26492" s="1" t="s">
        <v>90245</v>
      </c>
      <c r="F26492" s="1" t="s">
        <v>94858</v>
      </c>
      <c r="G26492" s="1" t="s">
        <v>94788</v>
      </c>
      <c r="H26492" s="1" t="s">
        <v>94789</v>
      </c>
      <c r="I26492" s="1" t="s">
        <v>86055</v>
      </c>
      <c r="J26492" s="1" t="s">
        <v>94859</v>
      </c>
    </row>
    <row r="26493" spans="1:10" x14ac:dyDescent="0.35">
      <c r="A26493" s="1" t="s">
        <v>6243</v>
      </c>
      <c r="B26493" s="1" t="s">
        <v>86049</v>
      </c>
      <c r="C26493" s="1" t="s">
        <v>135</v>
      </c>
      <c r="D26493" s="1" t="s">
        <v>94860</v>
      </c>
      <c r="E26493" s="1" t="s">
        <v>20010</v>
      </c>
      <c r="F26493" s="1" t="s">
        <v>94861</v>
      </c>
      <c r="G26493" s="1" t="s">
        <v>94788</v>
      </c>
      <c r="H26493" s="1" t="s">
        <v>94789</v>
      </c>
      <c r="I26493" s="1" t="s">
        <v>86055</v>
      </c>
      <c r="J26493" s="1" t="s">
        <v>94862</v>
      </c>
    </row>
    <row r="26494" spans="1:10" x14ac:dyDescent="0.35">
      <c r="A26494" s="1" t="s">
        <v>6243</v>
      </c>
      <c r="B26494" s="1" t="s">
        <v>86049</v>
      </c>
      <c r="C26494" s="1" t="s">
        <v>140</v>
      </c>
      <c r="D26494" s="1" t="s">
        <v>94863</v>
      </c>
      <c r="E26494" s="1" t="s">
        <v>55469</v>
      </c>
      <c r="F26494" s="1" t="s">
        <v>32321</v>
      </c>
      <c r="G26494" s="1" t="s">
        <v>94788</v>
      </c>
      <c r="H26494" s="1" t="s">
        <v>94789</v>
      </c>
      <c r="I26494" s="1" t="s">
        <v>86055</v>
      </c>
      <c r="J26494" s="1" t="s">
        <v>94864</v>
      </c>
    </row>
    <row r="26495" spans="1:10" x14ac:dyDescent="0.35">
      <c r="A26495" s="1" t="s">
        <v>6243</v>
      </c>
      <c r="B26495" s="1" t="s">
        <v>86049</v>
      </c>
      <c r="C26495" s="1" t="s">
        <v>145</v>
      </c>
      <c r="D26495" s="1" t="s">
        <v>94865</v>
      </c>
      <c r="E26495" s="1" t="s">
        <v>94866</v>
      </c>
      <c r="F26495" s="1" t="s">
        <v>94867</v>
      </c>
      <c r="G26495" s="1" t="s">
        <v>94788</v>
      </c>
      <c r="H26495" s="1" t="s">
        <v>94789</v>
      </c>
      <c r="I26495" s="1" t="s">
        <v>86055</v>
      </c>
      <c r="J26495" s="1" t="s">
        <v>94868</v>
      </c>
    </row>
    <row r="26496" spans="1:10" x14ac:dyDescent="0.35">
      <c r="A26496" s="1" t="s">
        <v>6243</v>
      </c>
      <c r="B26496" s="1" t="s">
        <v>86049</v>
      </c>
      <c r="C26496" s="1" t="s">
        <v>150</v>
      </c>
      <c r="D26496" s="1" t="s">
        <v>94869</v>
      </c>
      <c r="E26496" s="1" t="s">
        <v>90245</v>
      </c>
      <c r="F26496" s="1" t="s">
        <v>70948</v>
      </c>
      <c r="G26496" s="1" t="s">
        <v>94788</v>
      </c>
      <c r="H26496" s="1" t="s">
        <v>94789</v>
      </c>
      <c r="I26496" s="1" t="s">
        <v>86055</v>
      </c>
      <c r="J26496" s="1" t="s">
        <v>94870</v>
      </c>
    </row>
    <row r="26497" spans="1:10" x14ac:dyDescent="0.35">
      <c r="A26497" s="1" t="s">
        <v>6243</v>
      </c>
      <c r="B26497" s="1" t="s">
        <v>86049</v>
      </c>
      <c r="C26497" s="1" t="s">
        <v>155</v>
      </c>
      <c r="D26497" s="1" t="s">
        <v>94871</v>
      </c>
      <c r="E26497" s="1" t="s">
        <v>94872</v>
      </c>
      <c r="F26497" s="1" t="s">
        <v>94873</v>
      </c>
      <c r="G26497" s="1" t="s">
        <v>94788</v>
      </c>
      <c r="H26497" s="1" t="s">
        <v>94789</v>
      </c>
      <c r="I26497" s="1" t="s">
        <v>86055</v>
      </c>
      <c r="J26497" s="1" t="s">
        <v>94874</v>
      </c>
    </row>
    <row r="26498" spans="1:10" x14ac:dyDescent="0.35">
      <c r="A26498" s="1" t="s">
        <v>6243</v>
      </c>
      <c r="B26498" s="1" t="s">
        <v>86049</v>
      </c>
      <c r="C26498" s="1" t="s">
        <v>160</v>
      </c>
      <c r="D26498" s="1" t="s">
        <v>41280</v>
      </c>
      <c r="E26498" s="1" t="s">
        <v>19882</v>
      </c>
      <c r="F26498" s="1" t="s">
        <v>31997</v>
      </c>
      <c r="G26498" s="1" t="s">
        <v>94788</v>
      </c>
      <c r="H26498" s="1" t="s">
        <v>94789</v>
      </c>
      <c r="I26498" s="1" t="s">
        <v>86055</v>
      </c>
      <c r="J26498" s="1" t="s">
        <v>94875</v>
      </c>
    </row>
    <row r="26499" spans="1:10" x14ac:dyDescent="0.35">
      <c r="A26499" s="1" t="s">
        <v>6243</v>
      </c>
      <c r="B26499" s="1" t="s">
        <v>86049</v>
      </c>
      <c r="C26499" s="1" t="s">
        <v>165</v>
      </c>
      <c r="D26499" s="1" t="s">
        <v>94876</v>
      </c>
      <c r="E26499" s="1" t="s">
        <v>72792</v>
      </c>
      <c r="F26499" s="1" t="s">
        <v>94877</v>
      </c>
      <c r="G26499" s="1" t="s">
        <v>94788</v>
      </c>
      <c r="H26499" s="1" t="s">
        <v>94789</v>
      </c>
      <c r="I26499" s="1" t="s">
        <v>86055</v>
      </c>
      <c r="J26499" s="1" t="s">
        <v>94878</v>
      </c>
    </row>
    <row r="26500" spans="1:10" x14ac:dyDescent="0.35">
      <c r="A26500" s="1" t="s">
        <v>6243</v>
      </c>
      <c r="B26500" s="1" t="s">
        <v>86049</v>
      </c>
      <c r="C26500" s="1" t="s">
        <v>170</v>
      </c>
      <c r="D26500" s="1" t="s">
        <v>94879</v>
      </c>
      <c r="E26500" s="1" t="s">
        <v>94880</v>
      </c>
      <c r="F26500" s="1" t="s">
        <v>67226</v>
      </c>
      <c r="G26500" s="1" t="s">
        <v>94788</v>
      </c>
      <c r="H26500" s="1" t="s">
        <v>94789</v>
      </c>
      <c r="I26500" s="1" t="s">
        <v>86055</v>
      </c>
      <c r="J26500" s="1" t="s">
        <v>94881</v>
      </c>
    </row>
    <row r="26501" spans="1:10" x14ac:dyDescent="0.35">
      <c r="A26501" s="1" t="s">
        <v>14003</v>
      </c>
      <c r="B26501" s="1" t="s">
        <v>86049</v>
      </c>
      <c r="C26501" s="1" t="s">
        <v>8</v>
      </c>
      <c r="D26501" s="1" t="s">
        <v>94882</v>
      </c>
      <c r="E26501" s="1" t="s">
        <v>94883</v>
      </c>
      <c r="F26501" s="1" t="s">
        <v>94884</v>
      </c>
      <c r="G26501" s="1" t="s">
        <v>94885</v>
      </c>
      <c r="H26501" s="1" t="s">
        <v>94886</v>
      </c>
      <c r="I26501" s="1" t="s">
        <v>86055</v>
      </c>
      <c r="J26501" s="1" t="s">
        <v>13</v>
      </c>
    </row>
    <row r="26502" spans="1:10" x14ac:dyDescent="0.35">
      <c r="A26502" s="1" t="s">
        <v>14003</v>
      </c>
      <c r="B26502" s="1" t="s">
        <v>86049</v>
      </c>
      <c r="C26502" s="1" t="s">
        <v>15</v>
      </c>
      <c r="D26502" s="1" t="s">
        <v>3276</v>
      </c>
      <c r="E26502" s="1" t="s">
        <v>94887</v>
      </c>
      <c r="F26502" s="1" t="s">
        <v>94888</v>
      </c>
      <c r="G26502" s="1" t="s">
        <v>94885</v>
      </c>
      <c r="H26502" s="1" t="s">
        <v>94886</v>
      </c>
      <c r="I26502" s="1" t="s">
        <v>86055</v>
      </c>
      <c r="J26502" s="1" t="s">
        <v>94889</v>
      </c>
    </row>
    <row r="26503" spans="1:10" x14ac:dyDescent="0.35">
      <c r="A26503" s="1" t="s">
        <v>14003</v>
      </c>
      <c r="B26503" s="1" t="s">
        <v>86049</v>
      </c>
      <c r="C26503" s="1" t="s">
        <v>20</v>
      </c>
      <c r="D26503" s="1" t="s">
        <v>94890</v>
      </c>
      <c r="E26503" s="1" t="s">
        <v>94891</v>
      </c>
      <c r="F26503" s="1" t="s">
        <v>94892</v>
      </c>
      <c r="G26503" s="1" t="s">
        <v>94885</v>
      </c>
      <c r="H26503" s="1" t="s">
        <v>94886</v>
      </c>
      <c r="I26503" s="1" t="s">
        <v>86055</v>
      </c>
      <c r="J26503" s="1" t="s">
        <v>94893</v>
      </c>
    </row>
    <row r="26504" spans="1:10" x14ac:dyDescent="0.35">
      <c r="A26504" s="1" t="s">
        <v>14003</v>
      </c>
      <c r="B26504" s="1" t="s">
        <v>86049</v>
      </c>
      <c r="C26504" s="1" t="s">
        <v>25</v>
      </c>
      <c r="D26504" s="1" t="s">
        <v>94894</v>
      </c>
      <c r="E26504" s="1" t="s">
        <v>94895</v>
      </c>
      <c r="F26504" s="1" t="s">
        <v>94896</v>
      </c>
      <c r="G26504" s="1" t="s">
        <v>94885</v>
      </c>
      <c r="H26504" s="1" t="s">
        <v>94886</v>
      </c>
      <c r="I26504" s="1" t="s">
        <v>86055</v>
      </c>
      <c r="J26504" s="1" t="s">
        <v>94897</v>
      </c>
    </row>
    <row r="26505" spans="1:10" x14ac:dyDescent="0.35">
      <c r="A26505" s="1" t="s">
        <v>14003</v>
      </c>
      <c r="B26505" s="1" t="s">
        <v>86049</v>
      </c>
      <c r="C26505" s="1" t="s">
        <v>30</v>
      </c>
      <c r="D26505" s="1" t="s">
        <v>94898</v>
      </c>
      <c r="E26505" s="1" t="s">
        <v>94899</v>
      </c>
      <c r="F26505" s="1" t="s">
        <v>94900</v>
      </c>
      <c r="G26505" s="1" t="s">
        <v>94885</v>
      </c>
      <c r="H26505" s="1" t="s">
        <v>94886</v>
      </c>
      <c r="I26505" s="1" t="s">
        <v>86055</v>
      </c>
      <c r="J26505" s="1" t="s">
        <v>94901</v>
      </c>
    </row>
    <row r="26506" spans="1:10" x14ac:dyDescent="0.35">
      <c r="A26506" s="1" t="s">
        <v>14003</v>
      </c>
      <c r="B26506" s="1" t="s">
        <v>86049</v>
      </c>
      <c r="C26506" s="1" t="s">
        <v>35</v>
      </c>
      <c r="D26506" s="1" t="s">
        <v>94902</v>
      </c>
      <c r="E26506" s="1" t="s">
        <v>94903</v>
      </c>
      <c r="F26506" s="1" t="s">
        <v>94904</v>
      </c>
      <c r="G26506" s="1" t="s">
        <v>94885</v>
      </c>
      <c r="H26506" s="1" t="s">
        <v>94886</v>
      </c>
      <c r="I26506" s="1" t="s">
        <v>86055</v>
      </c>
      <c r="J26506" s="1" t="s">
        <v>94905</v>
      </c>
    </row>
    <row r="26507" spans="1:10" x14ac:dyDescent="0.35">
      <c r="A26507" s="1" t="s">
        <v>14003</v>
      </c>
      <c r="B26507" s="1" t="s">
        <v>86049</v>
      </c>
      <c r="C26507" s="1" t="s">
        <v>40</v>
      </c>
      <c r="D26507" s="1" t="s">
        <v>59781</v>
      </c>
      <c r="E26507" s="1" t="s">
        <v>94906</v>
      </c>
      <c r="F26507" s="1" t="s">
        <v>94907</v>
      </c>
      <c r="G26507" s="1" t="s">
        <v>94885</v>
      </c>
      <c r="H26507" s="1" t="s">
        <v>94886</v>
      </c>
      <c r="I26507" s="1" t="s">
        <v>86055</v>
      </c>
      <c r="J26507" s="1" t="s">
        <v>94908</v>
      </c>
    </row>
    <row r="26508" spans="1:10" x14ac:dyDescent="0.35">
      <c r="A26508" s="1" t="s">
        <v>14003</v>
      </c>
      <c r="B26508" s="1" t="s">
        <v>86049</v>
      </c>
      <c r="C26508" s="1" t="s">
        <v>45</v>
      </c>
      <c r="D26508" s="1" t="s">
        <v>79695</v>
      </c>
      <c r="E26508" s="1" t="s">
        <v>94909</v>
      </c>
      <c r="F26508" s="1" t="s">
        <v>94910</v>
      </c>
      <c r="G26508" s="1" t="s">
        <v>94885</v>
      </c>
      <c r="H26508" s="1" t="s">
        <v>94886</v>
      </c>
      <c r="I26508" s="1" t="s">
        <v>86055</v>
      </c>
      <c r="J26508" s="1" t="s">
        <v>94911</v>
      </c>
    </row>
    <row r="26509" spans="1:10" x14ac:dyDescent="0.35">
      <c r="A26509" s="1" t="s">
        <v>14003</v>
      </c>
      <c r="B26509" s="1" t="s">
        <v>86049</v>
      </c>
      <c r="C26509" s="1" t="s">
        <v>50</v>
      </c>
      <c r="D26509" s="1" t="s">
        <v>94912</v>
      </c>
      <c r="E26509" s="1" t="s">
        <v>94913</v>
      </c>
      <c r="F26509" s="1" t="s">
        <v>94914</v>
      </c>
      <c r="G26509" s="1" t="s">
        <v>94885</v>
      </c>
      <c r="H26509" s="1" t="s">
        <v>94886</v>
      </c>
      <c r="I26509" s="1" t="s">
        <v>86055</v>
      </c>
      <c r="J26509" s="1" t="s">
        <v>94915</v>
      </c>
    </row>
    <row r="26510" spans="1:10" x14ac:dyDescent="0.35">
      <c r="A26510" s="1" t="s">
        <v>14003</v>
      </c>
      <c r="B26510" s="1" t="s">
        <v>86049</v>
      </c>
      <c r="C26510" s="1" t="s">
        <v>55</v>
      </c>
      <c r="D26510" s="1" t="s">
        <v>53986</v>
      </c>
      <c r="E26510" s="1" t="s">
        <v>94916</v>
      </c>
      <c r="F26510" s="1" t="s">
        <v>94917</v>
      </c>
      <c r="G26510" s="1" t="s">
        <v>94885</v>
      </c>
      <c r="H26510" s="1" t="s">
        <v>94886</v>
      </c>
      <c r="I26510" s="1" t="s">
        <v>86055</v>
      </c>
      <c r="J26510" s="1" t="s">
        <v>94918</v>
      </c>
    </row>
    <row r="26511" spans="1:10" x14ac:dyDescent="0.35">
      <c r="A26511" s="1" t="s">
        <v>14003</v>
      </c>
      <c r="B26511" s="1" t="s">
        <v>86049</v>
      </c>
      <c r="C26511" s="1" t="s">
        <v>60</v>
      </c>
      <c r="D26511" s="1" t="s">
        <v>61869</v>
      </c>
      <c r="E26511" s="1" t="s">
        <v>94919</v>
      </c>
      <c r="F26511" s="1" t="s">
        <v>94920</v>
      </c>
      <c r="G26511" s="1" t="s">
        <v>94885</v>
      </c>
      <c r="H26511" s="1" t="s">
        <v>94886</v>
      </c>
      <c r="I26511" s="1" t="s">
        <v>86055</v>
      </c>
      <c r="J26511" s="1" t="s">
        <v>94921</v>
      </c>
    </row>
    <row r="26512" spans="1:10" x14ac:dyDescent="0.35">
      <c r="A26512" s="1" t="s">
        <v>14003</v>
      </c>
      <c r="B26512" s="1" t="s">
        <v>86049</v>
      </c>
      <c r="C26512" s="1" t="s">
        <v>65</v>
      </c>
      <c r="D26512" s="1" t="s">
        <v>53516</v>
      </c>
      <c r="E26512" s="1" t="s">
        <v>94922</v>
      </c>
      <c r="F26512" s="1" t="s">
        <v>94923</v>
      </c>
      <c r="G26512" s="1" t="s">
        <v>94885</v>
      </c>
      <c r="H26512" s="1" t="s">
        <v>94886</v>
      </c>
      <c r="I26512" s="1" t="s">
        <v>86055</v>
      </c>
      <c r="J26512" s="1" t="s">
        <v>94924</v>
      </c>
    </row>
    <row r="26513" spans="1:10" x14ac:dyDescent="0.35">
      <c r="A26513" s="1" t="s">
        <v>14003</v>
      </c>
      <c r="B26513" s="1" t="s">
        <v>86049</v>
      </c>
      <c r="C26513" s="1" t="s">
        <v>70</v>
      </c>
      <c r="D26513" s="1" t="s">
        <v>94925</v>
      </c>
      <c r="E26513" s="1" t="s">
        <v>94926</v>
      </c>
      <c r="F26513" s="1" t="s">
        <v>94927</v>
      </c>
      <c r="G26513" s="1" t="s">
        <v>94885</v>
      </c>
      <c r="H26513" s="1" t="s">
        <v>94886</v>
      </c>
      <c r="I26513" s="1" t="s">
        <v>86055</v>
      </c>
      <c r="J26513" s="1" t="s">
        <v>94928</v>
      </c>
    </row>
    <row r="26514" spans="1:10" x14ac:dyDescent="0.35">
      <c r="A26514" s="1" t="s">
        <v>14003</v>
      </c>
      <c r="B26514" s="1" t="s">
        <v>86049</v>
      </c>
      <c r="C26514" s="1" t="s">
        <v>75</v>
      </c>
      <c r="D26514" s="1" t="s">
        <v>87290</v>
      </c>
      <c r="E26514" s="1" t="s">
        <v>94929</v>
      </c>
      <c r="F26514" s="1" t="s">
        <v>94930</v>
      </c>
      <c r="G26514" s="1" t="s">
        <v>94885</v>
      </c>
      <c r="H26514" s="1" t="s">
        <v>94886</v>
      </c>
      <c r="I26514" s="1" t="s">
        <v>86055</v>
      </c>
      <c r="J26514" s="1" t="s">
        <v>94931</v>
      </c>
    </row>
    <row r="26515" spans="1:10" x14ac:dyDescent="0.35">
      <c r="A26515" s="1" t="s">
        <v>14003</v>
      </c>
      <c r="B26515" s="1" t="s">
        <v>86049</v>
      </c>
      <c r="C26515" s="1" t="s">
        <v>80</v>
      </c>
      <c r="D26515" s="1" t="s">
        <v>92105</v>
      </c>
      <c r="E26515" s="1" t="s">
        <v>94932</v>
      </c>
      <c r="F26515" s="1" t="s">
        <v>94933</v>
      </c>
      <c r="G26515" s="1" t="s">
        <v>94885</v>
      </c>
      <c r="H26515" s="1" t="s">
        <v>94886</v>
      </c>
      <c r="I26515" s="1" t="s">
        <v>86055</v>
      </c>
      <c r="J26515" s="1" t="s">
        <v>94934</v>
      </c>
    </row>
    <row r="26516" spans="1:10" x14ac:dyDescent="0.35">
      <c r="A26516" s="1" t="s">
        <v>14003</v>
      </c>
      <c r="B26516" s="1" t="s">
        <v>86049</v>
      </c>
      <c r="C26516" s="1" t="s">
        <v>85</v>
      </c>
      <c r="D26516" s="1" t="s">
        <v>94935</v>
      </c>
      <c r="E26516" s="1" t="s">
        <v>94936</v>
      </c>
      <c r="F26516" s="1" t="s">
        <v>94937</v>
      </c>
      <c r="G26516" s="1" t="s">
        <v>94885</v>
      </c>
      <c r="H26516" s="1" t="s">
        <v>94886</v>
      </c>
      <c r="I26516" s="1" t="s">
        <v>86055</v>
      </c>
      <c r="J26516" s="1" t="s">
        <v>94938</v>
      </c>
    </row>
    <row r="26517" spans="1:10" x14ac:dyDescent="0.35">
      <c r="A26517" s="1" t="s">
        <v>14003</v>
      </c>
      <c r="B26517" s="1" t="s">
        <v>86049</v>
      </c>
      <c r="C26517" s="1" t="s">
        <v>90</v>
      </c>
      <c r="D26517" s="1" t="s">
        <v>94939</v>
      </c>
      <c r="E26517" s="1" t="s">
        <v>94940</v>
      </c>
      <c r="F26517" s="1" t="s">
        <v>94941</v>
      </c>
      <c r="G26517" s="1" t="s">
        <v>94885</v>
      </c>
      <c r="H26517" s="1" t="s">
        <v>94886</v>
      </c>
      <c r="I26517" s="1" t="s">
        <v>86055</v>
      </c>
      <c r="J26517" s="1" t="s">
        <v>94942</v>
      </c>
    </row>
    <row r="26518" spans="1:10" x14ac:dyDescent="0.35">
      <c r="A26518" s="1" t="s">
        <v>14003</v>
      </c>
      <c r="B26518" s="1" t="s">
        <v>86049</v>
      </c>
      <c r="C26518" s="1" t="s">
        <v>95</v>
      </c>
      <c r="D26518" s="1" t="s">
        <v>89587</v>
      </c>
      <c r="E26518" s="1" t="s">
        <v>94943</v>
      </c>
      <c r="F26518" s="1" t="s">
        <v>94944</v>
      </c>
      <c r="G26518" s="1" t="s">
        <v>94885</v>
      </c>
      <c r="H26518" s="1" t="s">
        <v>94886</v>
      </c>
      <c r="I26518" s="1" t="s">
        <v>86055</v>
      </c>
      <c r="J26518" s="1" t="s">
        <v>94945</v>
      </c>
    </row>
    <row r="26519" spans="1:10" x14ac:dyDescent="0.35">
      <c r="A26519" s="1" t="s">
        <v>14003</v>
      </c>
      <c r="B26519" s="1" t="s">
        <v>86049</v>
      </c>
      <c r="C26519" s="1" t="s">
        <v>100</v>
      </c>
      <c r="D26519" s="1" t="s">
        <v>94155</v>
      </c>
      <c r="E26519" s="1" t="s">
        <v>94946</v>
      </c>
      <c r="F26519" s="1" t="s">
        <v>94947</v>
      </c>
      <c r="G26519" s="1" t="s">
        <v>94885</v>
      </c>
      <c r="H26519" s="1" t="s">
        <v>94886</v>
      </c>
      <c r="I26519" s="1" t="s">
        <v>86055</v>
      </c>
      <c r="J26519" s="1" t="s">
        <v>94948</v>
      </c>
    </row>
    <row r="26520" spans="1:10" x14ac:dyDescent="0.35">
      <c r="A26520" s="1" t="s">
        <v>14003</v>
      </c>
      <c r="B26520" s="1" t="s">
        <v>86049</v>
      </c>
      <c r="C26520" s="1" t="s">
        <v>105</v>
      </c>
      <c r="D26520" s="1" t="s">
        <v>94949</v>
      </c>
      <c r="E26520" s="1" t="s">
        <v>94950</v>
      </c>
      <c r="F26520" s="1" t="s">
        <v>94951</v>
      </c>
      <c r="G26520" s="1" t="s">
        <v>94885</v>
      </c>
      <c r="H26520" s="1" t="s">
        <v>94886</v>
      </c>
      <c r="I26520" s="1" t="s">
        <v>86055</v>
      </c>
      <c r="J26520" s="1" t="s">
        <v>94952</v>
      </c>
    </row>
    <row r="26521" spans="1:10" x14ac:dyDescent="0.35">
      <c r="A26521" s="1" t="s">
        <v>14003</v>
      </c>
      <c r="B26521" s="1" t="s">
        <v>86049</v>
      </c>
      <c r="C26521" s="1" t="s">
        <v>110</v>
      </c>
      <c r="D26521" s="1" t="s">
        <v>94953</v>
      </c>
      <c r="E26521" s="1" t="s">
        <v>94954</v>
      </c>
      <c r="F26521" s="1" t="s">
        <v>94955</v>
      </c>
      <c r="G26521" s="1" t="s">
        <v>94885</v>
      </c>
      <c r="H26521" s="1" t="s">
        <v>94886</v>
      </c>
      <c r="I26521" s="1" t="s">
        <v>86055</v>
      </c>
      <c r="J26521" s="1" t="s">
        <v>94956</v>
      </c>
    </row>
    <row r="26522" spans="1:10" x14ac:dyDescent="0.35">
      <c r="A26522" s="1" t="s">
        <v>14003</v>
      </c>
      <c r="B26522" s="1" t="s">
        <v>86049</v>
      </c>
      <c r="C26522" s="1" t="s">
        <v>115</v>
      </c>
      <c r="D26522" s="1" t="s">
        <v>66572</v>
      </c>
      <c r="E26522" s="1" t="s">
        <v>94957</v>
      </c>
      <c r="F26522" s="1" t="s">
        <v>94958</v>
      </c>
      <c r="G26522" s="1" t="s">
        <v>94885</v>
      </c>
      <c r="H26522" s="1" t="s">
        <v>94886</v>
      </c>
      <c r="I26522" s="1" t="s">
        <v>86055</v>
      </c>
      <c r="J26522" s="1" t="s">
        <v>94959</v>
      </c>
    </row>
    <row r="26523" spans="1:10" x14ac:dyDescent="0.35">
      <c r="A26523" s="1" t="s">
        <v>14003</v>
      </c>
      <c r="B26523" s="1" t="s">
        <v>86049</v>
      </c>
      <c r="C26523" s="1" t="s">
        <v>120</v>
      </c>
      <c r="D26523" s="1" t="s">
        <v>94960</v>
      </c>
      <c r="E26523" s="1" t="s">
        <v>94961</v>
      </c>
      <c r="F26523" s="1" t="s">
        <v>94962</v>
      </c>
      <c r="G26523" s="1" t="s">
        <v>94885</v>
      </c>
      <c r="H26523" s="1" t="s">
        <v>94886</v>
      </c>
      <c r="I26523" s="1" t="s">
        <v>86055</v>
      </c>
      <c r="J26523" s="1" t="s">
        <v>94963</v>
      </c>
    </row>
    <row r="26524" spans="1:10" x14ac:dyDescent="0.35">
      <c r="A26524" s="1" t="s">
        <v>14003</v>
      </c>
      <c r="B26524" s="1" t="s">
        <v>86049</v>
      </c>
      <c r="C26524" s="1" t="s">
        <v>125</v>
      </c>
      <c r="D26524" s="1" t="s">
        <v>94964</v>
      </c>
      <c r="E26524" s="1" t="s">
        <v>94965</v>
      </c>
      <c r="F26524" s="1" t="s">
        <v>94966</v>
      </c>
      <c r="G26524" s="1" t="s">
        <v>94885</v>
      </c>
      <c r="H26524" s="1" t="s">
        <v>94886</v>
      </c>
      <c r="I26524" s="1" t="s">
        <v>86055</v>
      </c>
      <c r="J26524" s="1" t="s">
        <v>94967</v>
      </c>
    </row>
    <row r="26525" spans="1:10" x14ac:dyDescent="0.35">
      <c r="A26525" s="1" t="s">
        <v>14003</v>
      </c>
      <c r="B26525" s="1" t="s">
        <v>86049</v>
      </c>
      <c r="C26525" s="1" t="s">
        <v>130</v>
      </c>
      <c r="D26525" s="1" t="s">
        <v>94968</v>
      </c>
      <c r="E26525" s="1" t="s">
        <v>94969</v>
      </c>
      <c r="F26525" s="1" t="s">
        <v>94970</v>
      </c>
      <c r="G26525" s="1" t="s">
        <v>94885</v>
      </c>
      <c r="H26525" s="1" t="s">
        <v>94886</v>
      </c>
      <c r="I26525" s="1" t="s">
        <v>86055</v>
      </c>
      <c r="J26525" s="1" t="s">
        <v>94971</v>
      </c>
    </row>
    <row r="26526" spans="1:10" x14ac:dyDescent="0.35">
      <c r="A26526" s="1" t="s">
        <v>14003</v>
      </c>
      <c r="B26526" s="1" t="s">
        <v>86049</v>
      </c>
      <c r="C26526" s="1" t="s">
        <v>135</v>
      </c>
      <c r="D26526" s="1" t="s">
        <v>57661</v>
      </c>
      <c r="E26526" s="1" t="s">
        <v>94972</v>
      </c>
      <c r="F26526" s="1" t="s">
        <v>94973</v>
      </c>
      <c r="G26526" s="1" t="s">
        <v>94885</v>
      </c>
      <c r="H26526" s="1" t="s">
        <v>94886</v>
      </c>
      <c r="I26526" s="1" t="s">
        <v>86055</v>
      </c>
      <c r="J26526" s="1" t="s">
        <v>94974</v>
      </c>
    </row>
    <row r="26527" spans="1:10" x14ac:dyDescent="0.35">
      <c r="A26527" s="1" t="s">
        <v>14003</v>
      </c>
      <c r="B26527" s="1" t="s">
        <v>86049</v>
      </c>
      <c r="C26527" s="1" t="s">
        <v>140</v>
      </c>
      <c r="D26527" s="1" t="s">
        <v>94975</v>
      </c>
      <c r="E26527" s="1" t="s">
        <v>94976</v>
      </c>
      <c r="F26527" s="1" t="s">
        <v>94977</v>
      </c>
      <c r="G26527" s="1" t="s">
        <v>94885</v>
      </c>
      <c r="H26527" s="1" t="s">
        <v>94886</v>
      </c>
      <c r="I26527" s="1" t="s">
        <v>86055</v>
      </c>
      <c r="J26527" s="1" t="s">
        <v>94978</v>
      </c>
    </row>
    <row r="26528" spans="1:10" x14ac:dyDescent="0.35">
      <c r="A26528" s="1" t="s">
        <v>14003</v>
      </c>
      <c r="B26528" s="1" t="s">
        <v>86049</v>
      </c>
      <c r="C26528" s="1" t="s">
        <v>145</v>
      </c>
      <c r="D26528" s="1" t="s">
        <v>20618</v>
      </c>
      <c r="E26528" s="1" t="s">
        <v>94979</v>
      </c>
      <c r="F26528" s="1" t="s">
        <v>94980</v>
      </c>
      <c r="G26528" s="1" t="s">
        <v>94885</v>
      </c>
      <c r="H26528" s="1" t="s">
        <v>94886</v>
      </c>
      <c r="I26528" s="1" t="s">
        <v>86055</v>
      </c>
      <c r="J26528" s="1" t="s">
        <v>94981</v>
      </c>
    </row>
    <row r="26529" spans="1:10" x14ac:dyDescent="0.35">
      <c r="A26529" s="1" t="s">
        <v>14003</v>
      </c>
      <c r="B26529" s="1" t="s">
        <v>86049</v>
      </c>
      <c r="C26529" s="1" t="s">
        <v>150</v>
      </c>
      <c r="D26529" s="1" t="s">
        <v>94982</v>
      </c>
      <c r="E26529" s="1" t="s">
        <v>94983</v>
      </c>
      <c r="F26529" s="1" t="s">
        <v>94984</v>
      </c>
      <c r="G26529" s="1" t="s">
        <v>94885</v>
      </c>
      <c r="H26529" s="1" t="s">
        <v>94886</v>
      </c>
      <c r="I26529" s="1" t="s">
        <v>86055</v>
      </c>
      <c r="J26529" s="1" t="s">
        <v>94985</v>
      </c>
    </row>
    <row r="26530" spans="1:10" x14ac:dyDescent="0.35">
      <c r="A26530" s="1" t="s">
        <v>14003</v>
      </c>
      <c r="B26530" s="1" t="s">
        <v>86049</v>
      </c>
      <c r="C26530" s="1" t="s">
        <v>155</v>
      </c>
      <c r="D26530" s="1" t="s">
        <v>94986</v>
      </c>
      <c r="E26530" s="1" t="s">
        <v>94987</v>
      </c>
      <c r="F26530" s="1" t="s">
        <v>94988</v>
      </c>
      <c r="G26530" s="1" t="s">
        <v>94885</v>
      </c>
      <c r="H26530" s="1" t="s">
        <v>94886</v>
      </c>
      <c r="I26530" s="1" t="s">
        <v>86055</v>
      </c>
      <c r="J26530" s="1" t="s">
        <v>94989</v>
      </c>
    </row>
    <row r="26531" spans="1:10" x14ac:dyDescent="0.35">
      <c r="A26531" s="1" t="s">
        <v>14003</v>
      </c>
      <c r="B26531" s="1" t="s">
        <v>86049</v>
      </c>
      <c r="C26531" s="1" t="s">
        <v>160</v>
      </c>
      <c r="D26531" s="1" t="s">
        <v>93692</v>
      </c>
      <c r="E26531" s="1" t="s">
        <v>94990</v>
      </c>
      <c r="F26531" s="1" t="s">
        <v>94991</v>
      </c>
      <c r="G26531" s="1" t="s">
        <v>94885</v>
      </c>
      <c r="H26531" s="1" t="s">
        <v>94886</v>
      </c>
      <c r="I26531" s="1" t="s">
        <v>86055</v>
      </c>
      <c r="J26531" s="1" t="s">
        <v>94992</v>
      </c>
    </row>
    <row r="26532" spans="1:10" x14ac:dyDescent="0.35">
      <c r="A26532" s="1" t="s">
        <v>14003</v>
      </c>
      <c r="B26532" s="1" t="s">
        <v>86049</v>
      </c>
      <c r="C26532" s="1" t="s">
        <v>165</v>
      </c>
      <c r="D26532" s="1" t="s">
        <v>61570</v>
      </c>
      <c r="E26532" s="1" t="s">
        <v>94993</v>
      </c>
      <c r="F26532" s="1" t="s">
        <v>94994</v>
      </c>
      <c r="G26532" s="1" t="s">
        <v>94885</v>
      </c>
      <c r="H26532" s="1" t="s">
        <v>94886</v>
      </c>
      <c r="I26532" s="1" t="s">
        <v>86055</v>
      </c>
      <c r="J26532" s="1" t="s">
        <v>94995</v>
      </c>
    </row>
    <row r="26533" spans="1:10" x14ac:dyDescent="0.35">
      <c r="A26533" s="1" t="s">
        <v>14003</v>
      </c>
      <c r="B26533" s="1" t="s">
        <v>86049</v>
      </c>
      <c r="C26533" s="1" t="s">
        <v>170</v>
      </c>
      <c r="D26533" s="1" t="s">
        <v>94996</v>
      </c>
      <c r="E26533" s="1" t="s">
        <v>94997</v>
      </c>
      <c r="F26533" s="1" t="s">
        <v>94998</v>
      </c>
      <c r="G26533" s="1" t="s">
        <v>94885</v>
      </c>
      <c r="H26533" s="1" t="s">
        <v>94886</v>
      </c>
      <c r="I26533" s="1" t="s">
        <v>86055</v>
      </c>
      <c r="J26533" s="1" t="s">
        <v>94999</v>
      </c>
    </row>
    <row r="26534" spans="1:10" x14ac:dyDescent="0.35">
      <c r="A26534" s="1" t="s">
        <v>95000</v>
      </c>
      <c r="B26534" s="1" t="s">
        <v>86049</v>
      </c>
      <c r="C26534" s="1" t="s">
        <v>8</v>
      </c>
      <c r="D26534" s="1" t="s">
        <v>61875</v>
      </c>
      <c r="E26534" s="1" t="s">
        <v>95001</v>
      </c>
      <c r="F26534" s="1" t="s">
        <v>95002</v>
      </c>
      <c r="G26534" s="1" t="s">
        <v>95003</v>
      </c>
      <c r="H26534" s="1" t="s">
        <v>95004</v>
      </c>
      <c r="I26534" s="1" t="s">
        <v>86055</v>
      </c>
      <c r="J26534" s="1" t="s">
        <v>13</v>
      </c>
    </row>
    <row r="26535" spans="1:10" x14ac:dyDescent="0.35">
      <c r="A26535" s="1" t="s">
        <v>95000</v>
      </c>
      <c r="B26535" s="1" t="s">
        <v>86049</v>
      </c>
      <c r="C26535" s="1" t="s">
        <v>15</v>
      </c>
      <c r="D26535" s="1" t="s">
        <v>95005</v>
      </c>
      <c r="E26535" s="1" t="s">
        <v>95006</v>
      </c>
      <c r="F26535" s="1" t="s">
        <v>95007</v>
      </c>
      <c r="G26535" s="1" t="s">
        <v>95003</v>
      </c>
      <c r="H26535" s="1" t="s">
        <v>95004</v>
      </c>
      <c r="I26535" s="1" t="s">
        <v>86055</v>
      </c>
      <c r="J26535" s="1" t="s">
        <v>95008</v>
      </c>
    </row>
    <row r="26536" spans="1:10" x14ac:dyDescent="0.35">
      <c r="A26536" s="1" t="s">
        <v>95000</v>
      </c>
      <c r="B26536" s="1" t="s">
        <v>86049</v>
      </c>
      <c r="C26536" s="1" t="s">
        <v>20</v>
      </c>
      <c r="D26536" s="1" t="s">
        <v>95009</v>
      </c>
      <c r="E26536" s="1" t="s">
        <v>95010</v>
      </c>
      <c r="F26536" s="1" t="s">
        <v>95011</v>
      </c>
      <c r="G26536" s="1" t="s">
        <v>95003</v>
      </c>
      <c r="H26536" s="1" t="s">
        <v>95004</v>
      </c>
      <c r="I26536" s="1" t="s">
        <v>86055</v>
      </c>
      <c r="J26536" s="1" t="s">
        <v>95012</v>
      </c>
    </row>
    <row r="26537" spans="1:10" x14ac:dyDescent="0.35">
      <c r="A26537" s="1" t="s">
        <v>95000</v>
      </c>
      <c r="B26537" s="1" t="s">
        <v>86049</v>
      </c>
      <c r="C26537" s="1" t="s">
        <v>25</v>
      </c>
      <c r="D26537" s="1" t="s">
        <v>89181</v>
      </c>
      <c r="E26537" s="1" t="s">
        <v>95013</v>
      </c>
      <c r="F26537" s="1" t="s">
        <v>95014</v>
      </c>
      <c r="G26537" s="1" t="s">
        <v>95003</v>
      </c>
      <c r="H26537" s="1" t="s">
        <v>95004</v>
      </c>
      <c r="I26537" s="1" t="s">
        <v>86055</v>
      </c>
      <c r="J26537" s="1" t="s">
        <v>95015</v>
      </c>
    </row>
    <row r="26538" spans="1:10" x14ac:dyDescent="0.35">
      <c r="A26538" s="1" t="s">
        <v>95000</v>
      </c>
      <c r="B26538" s="1" t="s">
        <v>86049</v>
      </c>
      <c r="C26538" s="1" t="s">
        <v>30</v>
      </c>
      <c r="D26538" s="1" t="s">
        <v>95016</v>
      </c>
      <c r="E26538" s="1" t="s">
        <v>95017</v>
      </c>
      <c r="F26538" s="1" t="s">
        <v>95018</v>
      </c>
      <c r="G26538" s="1" t="s">
        <v>95003</v>
      </c>
      <c r="H26538" s="1" t="s">
        <v>95004</v>
      </c>
      <c r="I26538" s="1" t="s">
        <v>86055</v>
      </c>
      <c r="J26538" s="1" t="s">
        <v>95019</v>
      </c>
    </row>
    <row r="26539" spans="1:10" x14ac:dyDescent="0.35">
      <c r="A26539" s="1" t="s">
        <v>95000</v>
      </c>
      <c r="B26539" s="1" t="s">
        <v>86049</v>
      </c>
      <c r="C26539" s="1" t="s">
        <v>35</v>
      </c>
      <c r="D26539" s="1" t="s">
        <v>95020</v>
      </c>
      <c r="E26539" s="1" t="s">
        <v>95021</v>
      </c>
      <c r="F26539" s="1" t="s">
        <v>95022</v>
      </c>
      <c r="G26539" s="1" t="s">
        <v>95003</v>
      </c>
      <c r="H26539" s="1" t="s">
        <v>95004</v>
      </c>
      <c r="I26539" s="1" t="s">
        <v>86055</v>
      </c>
      <c r="J26539" s="1" t="s">
        <v>95023</v>
      </c>
    </row>
    <row r="26540" spans="1:10" x14ac:dyDescent="0.35">
      <c r="A26540" s="1" t="s">
        <v>95000</v>
      </c>
      <c r="B26540" s="1" t="s">
        <v>86049</v>
      </c>
      <c r="C26540" s="1" t="s">
        <v>40</v>
      </c>
      <c r="D26540" s="1" t="s">
        <v>12569</v>
      </c>
      <c r="E26540" s="1" t="s">
        <v>95024</v>
      </c>
      <c r="F26540" s="1" t="s">
        <v>95025</v>
      </c>
      <c r="G26540" s="1" t="s">
        <v>95003</v>
      </c>
      <c r="H26540" s="1" t="s">
        <v>95004</v>
      </c>
      <c r="I26540" s="1" t="s">
        <v>86055</v>
      </c>
      <c r="J26540" s="1" t="s">
        <v>95026</v>
      </c>
    </row>
    <row r="26541" spans="1:10" x14ac:dyDescent="0.35">
      <c r="A26541" s="1" t="s">
        <v>95000</v>
      </c>
      <c r="B26541" s="1" t="s">
        <v>86049</v>
      </c>
      <c r="C26541" s="1" t="s">
        <v>45</v>
      </c>
      <c r="D26541" s="1" t="s">
        <v>61756</v>
      </c>
      <c r="E26541" s="1" t="s">
        <v>95027</v>
      </c>
      <c r="F26541" s="1" t="s">
        <v>95028</v>
      </c>
      <c r="G26541" s="1" t="s">
        <v>95003</v>
      </c>
      <c r="H26541" s="1" t="s">
        <v>95004</v>
      </c>
      <c r="I26541" s="1" t="s">
        <v>86055</v>
      </c>
      <c r="J26541" s="1" t="s">
        <v>95029</v>
      </c>
    </row>
    <row r="26542" spans="1:10" x14ac:dyDescent="0.35">
      <c r="A26542" s="1" t="s">
        <v>95000</v>
      </c>
      <c r="B26542" s="1" t="s">
        <v>86049</v>
      </c>
      <c r="C26542" s="1" t="s">
        <v>50</v>
      </c>
      <c r="D26542" s="1" t="s">
        <v>95030</v>
      </c>
      <c r="E26542" s="1" t="s">
        <v>95031</v>
      </c>
      <c r="F26542" s="1" t="s">
        <v>95032</v>
      </c>
      <c r="G26542" s="1" t="s">
        <v>95003</v>
      </c>
      <c r="H26542" s="1" t="s">
        <v>95004</v>
      </c>
      <c r="I26542" s="1" t="s">
        <v>86055</v>
      </c>
      <c r="J26542" s="1" t="s">
        <v>95033</v>
      </c>
    </row>
    <row r="26543" spans="1:10" x14ac:dyDescent="0.35">
      <c r="A26543" s="1" t="s">
        <v>95000</v>
      </c>
      <c r="B26543" s="1" t="s">
        <v>86049</v>
      </c>
      <c r="C26543" s="1" t="s">
        <v>55</v>
      </c>
      <c r="D26543" s="1" t="s">
        <v>95034</v>
      </c>
      <c r="E26543" s="1" t="s">
        <v>95035</v>
      </c>
      <c r="F26543" s="1" t="s">
        <v>95036</v>
      </c>
      <c r="G26543" s="1" t="s">
        <v>95003</v>
      </c>
      <c r="H26543" s="1" t="s">
        <v>95004</v>
      </c>
      <c r="I26543" s="1" t="s">
        <v>86055</v>
      </c>
      <c r="J26543" s="1" t="s">
        <v>95037</v>
      </c>
    </row>
    <row r="26544" spans="1:10" x14ac:dyDescent="0.35">
      <c r="A26544" s="1" t="s">
        <v>95000</v>
      </c>
      <c r="B26544" s="1" t="s">
        <v>86049</v>
      </c>
      <c r="C26544" s="1" t="s">
        <v>60</v>
      </c>
      <c r="D26544" s="1" t="s">
        <v>95038</v>
      </c>
      <c r="E26544" s="1" t="s">
        <v>95039</v>
      </c>
      <c r="F26544" s="1" t="s">
        <v>95040</v>
      </c>
      <c r="G26544" s="1" t="s">
        <v>95003</v>
      </c>
      <c r="H26544" s="1" t="s">
        <v>95004</v>
      </c>
      <c r="I26544" s="1" t="s">
        <v>86055</v>
      </c>
      <c r="J26544" s="1" t="s">
        <v>95041</v>
      </c>
    </row>
    <row r="26545" spans="1:10" x14ac:dyDescent="0.35">
      <c r="A26545" s="1" t="s">
        <v>95000</v>
      </c>
      <c r="B26545" s="1" t="s">
        <v>86049</v>
      </c>
      <c r="C26545" s="1" t="s">
        <v>65</v>
      </c>
      <c r="D26545" s="1" t="s">
        <v>62142</v>
      </c>
      <c r="E26545" s="1" t="s">
        <v>95042</v>
      </c>
      <c r="F26545" s="1" t="s">
        <v>95043</v>
      </c>
      <c r="G26545" s="1" t="s">
        <v>95003</v>
      </c>
      <c r="H26545" s="1" t="s">
        <v>95004</v>
      </c>
      <c r="I26545" s="1" t="s">
        <v>86055</v>
      </c>
      <c r="J26545" s="1" t="s">
        <v>95044</v>
      </c>
    </row>
    <row r="26546" spans="1:10" x14ac:dyDescent="0.35">
      <c r="A26546" s="1" t="s">
        <v>95000</v>
      </c>
      <c r="B26546" s="1" t="s">
        <v>86049</v>
      </c>
      <c r="C26546" s="1" t="s">
        <v>70</v>
      </c>
      <c r="D26546" s="1" t="s">
        <v>95045</v>
      </c>
      <c r="E26546" s="1" t="s">
        <v>95046</v>
      </c>
      <c r="F26546" s="1" t="s">
        <v>95047</v>
      </c>
      <c r="G26546" s="1" t="s">
        <v>95003</v>
      </c>
      <c r="H26546" s="1" t="s">
        <v>95004</v>
      </c>
      <c r="I26546" s="1" t="s">
        <v>86055</v>
      </c>
      <c r="J26546" s="1" t="s">
        <v>95048</v>
      </c>
    </row>
    <row r="26547" spans="1:10" x14ac:dyDescent="0.35">
      <c r="A26547" s="1" t="s">
        <v>95000</v>
      </c>
      <c r="B26547" s="1" t="s">
        <v>86049</v>
      </c>
      <c r="C26547" s="1" t="s">
        <v>75</v>
      </c>
      <c r="D26547" s="1" t="s">
        <v>39273</v>
      </c>
      <c r="E26547" s="1" t="s">
        <v>95049</v>
      </c>
      <c r="F26547" s="1" t="s">
        <v>95050</v>
      </c>
      <c r="G26547" s="1" t="s">
        <v>95003</v>
      </c>
      <c r="H26547" s="1" t="s">
        <v>95004</v>
      </c>
      <c r="I26547" s="1" t="s">
        <v>86055</v>
      </c>
      <c r="J26547" s="1" t="s">
        <v>95051</v>
      </c>
    </row>
    <row r="26548" spans="1:10" x14ac:dyDescent="0.35">
      <c r="A26548" s="1" t="s">
        <v>95000</v>
      </c>
      <c r="B26548" s="1" t="s">
        <v>86049</v>
      </c>
      <c r="C26548" s="1" t="s">
        <v>80</v>
      </c>
      <c r="D26548" s="1" t="s">
        <v>95052</v>
      </c>
      <c r="E26548" s="1" t="s">
        <v>95053</v>
      </c>
      <c r="F26548" s="1" t="s">
        <v>95054</v>
      </c>
      <c r="G26548" s="1" t="s">
        <v>95003</v>
      </c>
      <c r="H26548" s="1" t="s">
        <v>95004</v>
      </c>
      <c r="I26548" s="1" t="s">
        <v>86055</v>
      </c>
      <c r="J26548" s="1" t="s">
        <v>95055</v>
      </c>
    </row>
    <row r="26549" spans="1:10" x14ac:dyDescent="0.35">
      <c r="A26549" s="1" t="s">
        <v>95000</v>
      </c>
      <c r="B26549" s="1" t="s">
        <v>86049</v>
      </c>
      <c r="C26549" s="1" t="s">
        <v>85</v>
      </c>
      <c r="D26549" s="1" t="s">
        <v>79353</v>
      </c>
      <c r="E26549" s="1" t="s">
        <v>95056</v>
      </c>
      <c r="F26549" s="1" t="s">
        <v>95057</v>
      </c>
      <c r="G26549" s="1" t="s">
        <v>95003</v>
      </c>
      <c r="H26549" s="1" t="s">
        <v>95004</v>
      </c>
      <c r="I26549" s="1" t="s">
        <v>86055</v>
      </c>
      <c r="J26549" s="1" t="s">
        <v>95058</v>
      </c>
    </row>
    <row r="26550" spans="1:10" x14ac:dyDescent="0.35">
      <c r="A26550" s="1" t="s">
        <v>95000</v>
      </c>
      <c r="B26550" s="1" t="s">
        <v>86049</v>
      </c>
      <c r="C26550" s="1" t="s">
        <v>90</v>
      </c>
      <c r="D26550" s="1" t="s">
        <v>95059</v>
      </c>
      <c r="E26550" s="1" t="s">
        <v>95060</v>
      </c>
      <c r="F26550" s="1" t="s">
        <v>95061</v>
      </c>
      <c r="G26550" s="1" t="s">
        <v>95003</v>
      </c>
      <c r="H26550" s="1" t="s">
        <v>95004</v>
      </c>
      <c r="I26550" s="1" t="s">
        <v>86055</v>
      </c>
      <c r="J26550" s="1" t="s">
        <v>95062</v>
      </c>
    </row>
    <row r="26551" spans="1:10" x14ac:dyDescent="0.35">
      <c r="A26551" s="1" t="s">
        <v>95000</v>
      </c>
      <c r="B26551" s="1" t="s">
        <v>86049</v>
      </c>
      <c r="C26551" s="1" t="s">
        <v>95</v>
      </c>
      <c r="D26551" s="1" t="s">
        <v>95063</v>
      </c>
      <c r="E26551" s="1" t="s">
        <v>95064</v>
      </c>
      <c r="F26551" s="1" t="s">
        <v>95065</v>
      </c>
      <c r="G26551" s="1" t="s">
        <v>95003</v>
      </c>
      <c r="H26551" s="1" t="s">
        <v>95004</v>
      </c>
      <c r="I26551" s="1" t="s">
        <v>86055</v>
      </c>
      <c r="J26551" s="1" t="s">
        <v>95066</v>
      </c>
    </row>
    <row r="26552" spans="1:10" x14ac:dyDescent="0.35">
      <c r="A26552" s="1" t="s">
        <v>95000</v>
      </c>
      <c r="B26552" s="1" t="s">
        <v>86049</v>
      </c>
      <c r="C26552" s="1" t="s">
        <v>100</v>
      </c>
      <c r="D26552" s="1" t="s">
        <v>95067</v>
      </c>
      <c r="E26552" s="1" t="s">
        <v>95068</v>
      </c>
      <c r="F26552" s="1" t="s">
        <v>95069</v>
      </c>
      <c r="G26552" s="1" t="s">
        <v>95003</v>
      </c>
      <c r="H26552" s="1" t="s">
        <v>95004</v>
      </c>
      <c r="I26552" s="1" t="s">
        <v>86055</v>
      </c>
      <c r="J26552" s="1" t="s">
        <v>95070</v>
      </c>
    </row>
    <row r="26553" spans="1:10" x14ac:dyDescent="0.35">
      <c r="A26553" s="1" t="s">
        <v>95000</v>
      </c>
      <c r="B26553" s="1" t="s">
        <v>86049</v>
      </c>
      <c r="C26553" s="1" t="s">
        <v>105</v>
      </c>
      <c r="D26553" s="1" t="s">
        <v>95071</v>
      </c>
      <c r="E26553" s="1" t="s">
        <v>95072</v>
      </c>
      <c r="F26553" s="1" t="s">
        <v>95073</v>
      </c>
      <c r="G26553" s="1" t="s">
        <v>95003</v>
      </c>
      <c r="H26553" s="1" t="s">
        <v>95004</v>
      </c>
      <c r="I26553" s="1" t="s">
        <v>86055</v>
      </c>
      <c r="J26553" s="1" t="s">
        <v>95074</v>
      </c>
    </row>
    <row r="26554" spans="1:10" x14ac:dyDescent="0.35">
      <c r="A26554" s="1" t="s">
        <v>95000</v>
      </c>
      <c r="B26554" s="1" t="s">
        <v>86049</v>
      </c>
      <c r="C26554" s="1" t="s">
        <v>110</v>
      </c>
      <c r="D26554" s="1" t="s">
        <v>95075</v>
      </c>
      <c r="E26554" s="1" t="s">
        <v>95076</v>
      </c>
      <c r="F26554" s="1" t="s">
        <v>95077</v>
      </c>
      <c r="G26554" s="1" t="s">
        <v>95003</v>
      </c>
      <c r="H26554" s="1" t="s">
        <v>95004</v>
      </c>
      <c r="I26554" s="1" t="s">
        <v>86055</v>
      </c>
      <c r="J26554" s="1" t="s">
        <v>15806</v>
      </c>
    </row>
    <row r="26555" spans="1:10" x14ac:dyDescent="0.35">
      <c r="A26555" s="1" t="s">
        <v>95000</v>
      </c>
      <c r="B26555" s="1" t="s">
        <v>86049</v>
      </c>
      <c r="C26555" s="1" t="s">
        <v>115</v>
      </c>
      <c r="D26555" s="1" t="s">
        <v>95078</v>
      </c>
      <c r="E26555" s="1" t="s">
        <v>95079</v>
      </c>
      <c r="F26555" s="1" t="s">
        <v>95080</v>
      </c>
      <c r="G26555" s="1" t="s">
        <v>95003</v>
      </c>
      <c r="H26555" s="1" t="s">
        <v>95004</v>
      </c>
      <c r="I26555" s="1" t="s">
        <v>86055</v>
      </c>
      <c r="J26555" s="1" t="s">
        <v>95081</v>
      </c>
    </row>
    <row r="26556" spans="1:10" x14ac:dyDescent="0.35">
      <c r="A26556" s="1" t="s">
        <v>95000</v>
      </c>
      <c r="B26556" s="1" t="s">
        <v>86049</v>
      </c>
      <c r="C26556" s="1" t="s">
        <v>120</v>
      </c>
      <c r="D26556" s="1" t="s">
        <v>95082</v>
      </c>
      <c r="E26556" s="1" t="s">
        <v>95083</v>
      </c>
      <c r="F26556" s="1" t="s">
        <v>95084</v>
      </c>
      <c r="G26556" s="1" t="s">
        <v>95003</v>
      </c>
      <c r="H26556" s="1" t="s">
        <v>95004</v>
      </c>
      <c r="I26556" s="1" t="s">
        <v>86055</v>
      </c>
      <c r="J26556" s="1" t="s">
        <v>95085</v>
      </c>
    </row>
    <row r="26557" spans="1:10" x14ac:dyDescent="0.35">
      <c r="A26557" s="1" t="s">
        <v>95000</v>
      </c>
      <c r="B26557" s="1" t="s">
        <v>86049</v>
      </c>
      <c r="C26557" s="1" t="s">
        <v>125</v>
      </c>
      <c r="D26557" s="1" t="s">
        <v>54590</v>
      </c>
      <c r="E26557" s="1" t="s">
        <v>95086</v>
      </c>
      <c r="F26557" s="1" t="s">
        <v>95087</v>
      </c>
      <c r="G26557" s="1" t="s">
        <v>95003</v>
      </c>
      <c r="H26557" s="1" t="s">
        <v>95004</v>
      </c>
      <c r="I26557" s="1" t="s">
        <v>86055</v>
      </c>
      <c r="J26557" s="1" t="s">
        <v>95088</v>
      </c>
    </row>
    <row r="26558" spans="1:10" x14ac:dyDescent="0.35">
      <c r="A26558" s="1" t="s">
        <v>95000</v>
      </c>
      <c r="B26558" s="1" t="s">
        <v>86049</v>
      </c>
      <c r="C26558" s="1" t="s">
        <v>130</v>
      </c>
      <c r="D26558" s="1" t="s">
        <v>63579</v>
      </c>
      <c r="E26558" s="1" t="s">
        <v>95089</v>
      </c>
      <c r="F26558" s="1" t="s">
        <v>95090</v>
      </c>
      <c r="G26558" s="1" t="s">
        <v>95003</v>
      </c>
      <c r="H26558" s="1" t="s">
        <v>95004</v>
      </c>
      <c r="I26558" s="1" t="s">
        <v>86055</v>
      </c>
      <c r="J26558" s="1" t="s">
        <v>95091</v>
      </c>
    </row>
    <row r="26559" spans="1:10" x14ac:dyDescent="0.35">
      <c r="A26559" s="1" t="s">
        <v>95000</v>
      </c>
      <c r="B26559" s="1" t="s">
        <v>86049</v>
      </c>
      <c r="C26559" s="1" t="s">
        <v>135</v>
      </c>
      <c r="D26559" s="1" t="s">
        <v>95092</v>
      </c>
      <c r="E26559" s="1" t="s">
        <v>95093</v>
      </c>
      <c r="F26559" s="1" t="s">
        <v>95094</v>
      </c>
      <c r="G26559" s="1" t="s">
        <v>95003</v>
      </c>
      <c r="H26559" s="1" t="s">
        <v>95004</v>
      </c>
      <c r="I26559" s="1" t="s">
        <v>86055</v>
      </c>
      <c r="J26559" s="1" t="s">
        <v>95095</v>
      </c>
    </row>
    <row r="26560" spans="1:10" x14ac:dyDescent="0.35">
      <c r="A26560" s="1" t="s">
        <v>95000</v>
      </c>
      <c r="B26560" s="1" t="s">
        <v>86049</v>
      </c>
      <c r="C26560" s="1" t="s">
        <v>140</v>
      </c>
      <c r="D26560" s="1" t="s">
        <v>95096</v>
      </c>
      <c r="E26560" s="1" t="s">
        <v>95097</v>
      </c>
      <c r="F26560" s="1" t="s">
        <v>95098</v>
      </c>
      <c r="G26560" s="1" t="s">
        <v>95003</v>
      </c>
      <c r="H26560" s="1" t="s">
        <v>95004</v>
      </c>
      <c r="I26560" s="1" t="s">
        <v>86055</v>
      </c>
      <c r="J26560" s="1" t="s">
        <v>95099</v>
      </c>
    </row>
    <row r="26561" spans="1:10" x14ac:dyDescent="0.35">
      <c r="A26561" s="1" t="s">
        <v>95000</v>
      </c>
      <c r="B26561" s="1" t="s">
        <v>86049</v>
      </c>
      <c r="C26561" s="1" t="s">
        <v>145</v>
      </c>
      <c r="D26561" s="1" t="s">
        <v>95100</v>
      </c>
      <c r="E26561" s="1" t="s">
        <v>95101</v>
      </c>
      <c r="F26561" s="1" t="s">
        <v>95102</v>
      </c>
      <c r="G26561" s="1" t="s">
        <v>95003</v>
      </c>
      <c r="H26561" s="1" t="s">
        <v>95004</v>
      </c>
      <c r="I26561" s="1" t="s">
        <v>86055</v>
      </c>
      <c r="J26561" s="1" t="s">
        <v>95103</v>
      </c>
    </row>
    <row r="26562" spans="1:10" x14ac:dyDescent="0.35">
      <c r="A26562" s="1" t="s">
        <v>95000</v>
      </c>
      <c r="B26562" s="1" t="s">
        <v>86049</v>
      </c>
      <c r="C26562" s="1" t="s">
        <v>150</v>
      </c>
      <c r="D26562" s="1" t="s">
        <v>95104</v>
      </c>
      <c r="E26562" s="1" t="s">
        <v>95105</v>
      </c>
      <c r="F26562" s="1" t="s">
        <v>95106</v>
      </c>
      <c r="G26562" s="1" t="s">
        <v>95003</v>
      </c>
      <c r="H26562" s="1" t="s">
        <v>95004</v>
      </c>
      <c r="I26562" s="1" t="s">
        <v>86055</v>
      </c>
      <c r="J26562" s="1" t="s">
        <v>95107</v>
      </c>
    </row>
    <row r="26563" spans="1:10" x14ac:dyDescent="0.35">
      <c r="A26563" s="1" t="s">
        <v>95000</v>
      </c>
      <c r="B26563" s="1" t="s">
        <v>86049</v>
      </c>
      <c r="C26563" s="1" t="s">
        <v>155</v>
      </c>
      <c r="D26563" s="1" t="s">
        <v>77756</v>
      </c>
      <c r="E26563" s="1" t="s">
        <v>95108</v>
      </c>
      <c r="F26563" s="1" t="s">
        <v>95109</v>
      </c>
      <c r="G26563" s="1" t="s">
        <v>95003</v>
      </c>
      <c r="H26563" s="1" t="s">
        <v>95004</v>
      </c>
      <c r="I26563" s="1" t="s">
        <v>86055</v>
      </c>
      <c r="J26563" s="1" t="s">
        <v>95110</v>
      </c>
    </row>
    <row r="26564" spans="1:10" x14ac:dyDescent="0.35">
      <c r="A26564" s="1" t="s">
        <v>95000</v>
      </c>
      <c r="B26564" s="1" t="s">
        <v>86049</v>
      </c>
      <c r="C26564" s="1" t="s">
        <v>160</v>
      </c>
      <c r="D26564" s="1" t="s">
        <v>95111</v>
      </c>
      <c r="E26564" s="1" t="s">
        <v>95112</v>
      </c>
      <c r="F26564" s="1" t="s">
        <v>95113</v>
      </c>
      <c r="G26564" s="1" t="s">
        <v>95003</v>
      </c>
      <c r="H26564" s="1" t="s">
        <v>95004</v>
      </c>
      <c r="I26564" s="1" t="s">
        <v>86055</v>
      </c>
      <c r="J26564" s="1" t="s">
        <v>95114</v>
      </c>
    </row>
    <row r="26565" spans="1:10" x14ac:dyDescent="0.35">
      <c r="A26565" s="1" t="s">
        <v>95000</v>
      </c>
      <c r="B26565" s="1" t="s">
        <v>86049</v>
      </c>
      <c r="C26565" s="1" t="s">
        <v>165</v>
      </c>
      <c r="D26565" s="1" t="s">
        <v>67131</v>
      </c>
      <c r="E26565" s="1" t="s">
        <v>95115</v>
      </c>
      <c r="F26565" s="1" t="s">
        <v>95116</v>
      </c>
      <c r="G26565" s="1" t="s">
        <v>95003</v>
      </c>
      <c r="H26565" s="1" t="s">
        <v>95004</v>
      </c>
      <c r="I26565" s="1" t="s">
        <v>86055</v>
      </c>
      <c r="J26565" s="1" t="s">
        <v>95117</v>
      </c>
    </row>
    <row r="26566" spans="1:10" x14ac:dyDescent="0.35">
      <c r="A26566" s="1" t="s">
        <v>95000</v>
      </c>
      <c r="B26566" s="1" t="s">
        <v>86049</v>
      </c>
      <c r="C26566" s="1" t="s">
        <v>170</v>
      </c>
      <c r="D26566" s="1" t="s">
        <v>95118</v>
      </c>
      <c r="E26566" s="1" t="s">
        <v>95119</v>
      </c>
      <c r="F26566" s="1" t="s">
        <v>95120</v>
      </c>
      <c r="G26566" s="1" t="s">
        <v>95003</v>
      </c>
      <c r="H26566" s="1" t="s">
        <v>95004</v>
      </c>
      <c r="I26566" s="1" t="s">
        <v>86055</v>
      </c>
      <c r="J26566" s="1" t="s">
        <v>95121</v>
      </c>
    </row>
    <row r="26567" spans="1:10" x14ac:dyDescent="0.35">
      <c r="A26567" s="1" t="s">
        <v>7323</v>
      </c>
      <c r="B26567" s="1" t="s">
        <v>86049</v>
      </c>
      <c r="C26567" s="1" t="s">
        <v>8</v>
      </c>
      <c r="D26567" s="1" t="s">
        <v>95122</v>
      </c>
      <c r="E26567" s="1" t="s">
        <v>95123</v>
      </c>
      <c r="F26567" s="1" t="s">
        <v>95124</v>
      </c>
      <c r="G26567" s="1" t="s">
        <v>95125</v>
      </c>
      <c r="H26567" s="1" t="s">
        <v>95126</v>
      </c>
      <c r="I26567" s="1" t="s">
        <v>86055</v>
      </c>
      <c r="J26567" s="1" t="s">
        <v>13</v>
      </c>
    </row>
    <row r="26568" spans="1:10" x14ac:dyDescent="0.35">
      <c r="A26568" s="1" t="s">
        <v>7323</v>
      </c>
      <c r="B26568" s="1" t="s">
        <v>86049</v>
      </c>
      <c r="C26568" s="1" t="s">
        <v>15</v>
      </c>
      <c r="D26568" s="1" t="s">
        <v>95127</v>
      </c>
      <c r="E26568" s="1" t="s">
        <v>95128</v>
      </c>
      <c r="F26568" s="1" t="s">
        <v>95129</v>
      </c>
      <c r="G26568" s="1" t="s">
        <v>95125</v>
      </c>
      <c r="H26568" s="1" t="s">
        <v>95126</v>
      </c>
      <c r="I26568" s="1" t="s">
        <v>86055</v>
      </c>
      <c r="J26568" s="1" t="s">
        <v>95130</v>
      </c>
    </row>
    <row r="26569" spans="1:10" x14ac:dyDescent="0.35">
      <c r="A26569" s="1" t="s">
        <v>7323</v>
      </c>
      <c r="B26569" s="1" t="s">
        <v>86049</v>
      </c>
      <c r="C26569" s="1" t="s">
        <v>20</v>
      </c>
      <c r="D26569" s="1" t="s">
        <v>95131</v>
      </c>
      <c r="E26569" s="1" t="s">
        <v>95132</v>
      </c>
      <c r="F26569" s="1" t="s">
        <v>95133</v>
      </c>
      <c r="G26569" s="1" t="s">
        <v>95125</v>
      </c>
      <c r="H26569" s="1" t="s">
        <v>95126</v>
      </c>
      <c r="I26569" s="1" t="s">
        <v>86055</v>
      </c>
      <c r="J26569" s="1" t="s">
        <v>95134</v>
      </c>
    </row>
    <row r="26570" spans="1:10" x14ac:dyDescent="0.35">
      <c r="A26570" s="1" t="s">
        <v>7323</v>
      </c>
      <c r="B26570" s="1" t="s">
        <v>86049</v>
      </c>
      <c r="C26570" s="1" t="s">
        <v>25</v>
      </c>
      <c r="D26570" s="1" t="s">
        <v>95135</v>
      </c>
      <c r="E26570" s="1" t="s">
        <v>95136</v>
      </c>
      <c r="F26570" s="1" t="s">
        <v>95137</v>
      </c>
      <c r="G26570" s="1" t="s">
        <v>95125</v>
      </c>
      <c r="H26570" s="1" t="s">
        <v>95126</v>
      </c>
      <c r="I26570" s="1" t="s">
        <v>86055</v>
      </c>
      <c r="J26570" s="1" t="s">
        <v>95138</v>
      </c>
    </row>
    <row r="26571" spans="1:10" x14ac:dyDescent="0.35">
      <c r="A26571" s="1" t="s">
        <v>7323</v>
      </c>
      <c r="B26571" s="1" t="s">
        <v>86049</v>
      </c>
      <c r="C26571" s="1" t="s">
        <v>30</v>
      </c>
      <c r="D26571" s="1" t="s">
        <v>87220</v>
      </c>
      <c r="E26571" s="1" t="s">
        <v>95139</v>
      </c>
      <c r="F26571" s="1" t="s">
        <v>95140</v>
      </c>
      <c r="G26571" s="1" t="s">
        <v>95125</v>
      </c>
      <c r="H26571" s="1" t="s">
        <v>95126</v>
      </c>
      <c r="I26571" s="1" t="s">
        <v>86055</v>
      </c>
      <c r="J26571" s="1" t="s">
        <v>95141</v>
      </c>
    </row>
    <row r="26572" spans="1:10" x14ac:dyDescent="0.35">
      <c r="A26572" s="1" t="s">
        <v>7323</v>
      </c>
      <c r="B26572" s="1" t="s">
        <v>86049</v>
      </c>
      <c r="C26572" s="1" t="s">
        <v>35</v>
      </c>
      <c r="D26572" s="1" t="s">
        <v>95142</v>
      </c>
      <c r="E26572" s="1" t="s">
        <v>95143</v>
      </c>
      <c r="F26572" s="1" t="s">
        <v>95144</v>
      </c>
      <c r="G26572" s="1" t="s">
        <v>95125</v>
      </c>
      <c r="H26572" s="1" t="s">
        <v>95126</v>
      </c>
      <c r="I26572" s="1" t="s">
        <v>86055</v>
      </c>
      <c r="J26572" s="1" t="s">
        <v>95145</v>
      </c>
    </row>
    <row r="26573" spans="1:10" x14ac:dyDescent="0.35">
      <c r="A26573" s="1" t="s">
        <v>7323</v>
      </c>
      <c r="B26573" s="1" t="s">
        <v>86049</v>
      </c>
      <c r="C26573" s="1" t="s">
        <v>40</v>
      </c>
      <c r="D26573" s="1" t="s">
        <v>95146</v>
      </c>
      <c r="E26573" s="1" t="s">
        <v>95147</v>
      </c>
      <c r="F26573" s="1" t="s">
        <v>95148</v>
      </c>
      <c r="G26573" s="1" t="s">
        <v>95125</v>
      </c>
      <c r="H26573" s="1" t="s">
        <v>95126</v>
      </c>
      <c r="I26573" s="1" t="s">
        <v>86055</v>
      </c>
      <c r="J26573" s="1" t="s">
        <v>95149</v>
      </c>
    </row>
    <row r="26574" spans="1:10" x14ac:dyDescent="0.35">
      <c r="A26574" s="1" t="s">
        <v>7323</v>
      </c>
      <c r="B26574" s="1" t="s">
        <v>86049</v>
      </c>
      <c r="C26574" s="1" t="s">
        <v>45</v>
      </c>
      <c r="D26574" s="1" t="s">
        <v>95150</v>
      </c>
      <c r="E26574" s="1" t="s">
        <v>95151</v>
      </c>
      <c r="F26574" s="1" t="s">
        <v>95152</v>
      </c>
      <c r="G26574" s="1" t="s">
        <v>95125</v>
      </c>
      <c r="H26574" s="1" t="s">
        <v>95126</v>
      </c>
      <c r="I26574" s="1" t="s">
        <v>86055</v>
      </c>
      <c r="J26574" s="1" t="s">
        <v>95153</v>
      </c>
    </row>
    <row r="26575" spans="1:10" x14ac:dyDescent="0.35">
      <c r="A26575" s="1" t="s">
        <v>7323</v>
      </c>
      <c r="B26575" s="1" t="s">
        <v>86049</v>
      </c>
      <c r="C26575" s="1" t="s">
        <v>50</v>
      </c>
      <c r="D26575" s="1" t="s">
        <v>95154</v>
      </c>
      <c r="E26575" s="1" t="s">
        <v>95155</v>
      </c>
      <c r="F26575" s="1" t="s">
        <v>95156</v>
      </c>
      <c r="G26575" s="1" t="s">
        <v>95125</v>
      </c>
      <c r="H26575" s="1" t="s">
        <v>95126</v>
      </c>
      <c r="I26575" s="1" t="s">
        <v>86055</v>
      </c>
      <c r="J26575" s="1" t="s">
        <v>95157</v>
      </c>
    </row>
    <row r="26576" spans="1:10" x14ac:dyDescent="0.35">
      <c r="A26576" s="1" t="s">
        <v>7323</v>
      </c>
      <c r="B26576" s="1" t="s">
        <v>86049</v>
      </c>
      <c r="C26576" s="1" t="s">
        <v>55</v>
      </c>
      <c r="D26576" s="1" t="s">
        <v>87161</v>
      </c>
      <c r="E26576" s="1" t="s">
        <v>95158</v>
      </c>
      <c r="F26576" s="1" t="s">
        <v>95159</v>
      </c>
      <c r="G26576" s="1" t="s">
        <v>95125</v>
      </c>
      <c r="H26576" s="1" t="s">
        <v>95126</v>
      </c>
      <c r="I26576" s="1" t="s">
        <v>86055</v>
      </c>
      <c r="J26576" s="1" t="s">
        <v>95160</v>
      </c>
    </row>
    <row r="26577" spans="1:10" x14ac:dyDescent="0.35">
      <c r="A26577" s="1" t="s">
        <v>7323</v>
      </c>
      <c r="B26577" s="1" t="s">
        <v>86049</v>
      </c>
      <c r="C26577" s="1" t="s">
        <v>60</v>
      </c>
      <c r="D26577" s="1" t="s">
        <v>76870</v>
      </c>
      <c r="E26577" s="1" t="s">
        <v>95161</v>
      </c>
      <c r="F26577" s="1" t="s">
        <v>95162</v>
      </c>
      <c r="G26577" s="1" t="s">
        <v>95125</v>
      </c>
      <c r="H26577" s="1" t="s">
        <v>95126</v>
      </c>
      <c r="I26577" s="1" t="s">
        <v>86055</v>
      </c>
      <c r="J26577" s="1" t="s">
        <v>95163</v>
      </c>
    </row>
    <row r="26578" spans="1:10" x14ac:dyDescent="0.35">
      <c r="A26578" s="1" t="s">
        <v>7323</v>
      </c>
      <c r="B26578" s="1" t="s">
        <v>86049</v>
      </c>
      <c r="C26578" s="1" t="s">
        <v>65</v>
      </c>
      <c r="D26578" s="1" t="s">
        <v>95164</v>
      </c>
      <c r="E26578" s="1" t="s">
        <v>95165</v>
      </c>
      <c r="F26578" s="1" t="s">
        <v>95166</v>
      </c>
      <c r="G26578" s="1" t="s">
        <v>95125</v>
      </c>
      <c r="H26578" s="1" t="s">
        <v>95126</v>
      </c>
      <c r="I26578" s="1" t="s">
        <v>86055</v>
      </c>
      <c r="J26578" s="1" t="s">
        <v>95167</v>
      </c>
    </row>
    <row r="26579" spans="1:10" x14ac:dyDescent="0.35">
      <c r="A26579" s="1" t="s">
        <v>7323</v>
      </c>
      <c r="B26579" s="1" t="s">
        <v>86049</v>
      </c>
      <c r="C26579" s="1" t="s">
        <v>70</v>
      </c>
      <c r="D26579" s="1" t="s">
        <v>53852</v>
      </c>
      <c r="E26579" s="1" t="s">
        <v>95168</v>
      </c>
      <c r="F26579" s="1" t="s">
        <v>95169</v>
      </c>
      <c r="G26579" s="1" t="s">
        <v>95125</v>
      </c>
      <c r="H26579" s="1" t="s">
        <v>95126</v>
      </c>
      <c r="I26579" s="1" t="s">
        <v>86055</v>
      </c>
      <c r="J26579" s="1" t="s">
        <v>95170</v>
      </c>
    </row>
    <row r="26580" spans="1:10" x14ac:dyDescent="0.35">
      <c r="A26580" s="1" t="s">
        <v>7323</v>
      </c>
      <c r="B26580" s="1" t="s">
        <v>86049</v>
      </c>
      <c r="C26580" s="1" t="s">
        <v>75</v>
      </c>
      <c r="D26580" s="1" t="s">
        <v>55523</v>
      </c>
      <c r="E26580" s="1" t="s">
        <v>95171</v>
      </c>
      <c r="F26580" s="1" t="s">
        <v>95172</v>
      </c>
      <c r="G26580" s="1" t="s">
        <v>95125</v>
      </c>
      <c r="H26580" s="1" t="s">
        <v>95126</v>
      </c>
      <c r="I26580" s="1" t="s">
        <v>86055</v>
      </c>
      <c r="J26580" s="1" t="s">
        <v>95173</v>
      </c>
    </row>
    <row r="26581" spans="1:10" x14ac:dyDescent="0.35">
      <c r="A26581" s="1" t="s">
        <v>7323</v>
      </c>
      <c r="B26581" s="1" t="s">
        <v>86049</v>
      </c>
      <c r="C26581" s="1" t="s">
        <v>80</v>
      </c>
      <c r="D26581" s="1" t="s">
        <v>95174</v>
      </c>
      <c r="E26581" s="1" t="s">
        <v>95175</v>
      </c>
      <c r="F26581" s="1" t="s">
        <v>95176</v>
      </c>
      <c r="G26581" s="1" t="s">
        <v>95125</v>
      </c>
      <c r="H26581" s="1" t="s">
        <v>95126</v>
      </c>
      <c r="I26581" s="1" t="s">
        <v>86055</v>
      </c>
      <c r="J26581" s="1" t="s">
        <v>95177</v>
      </c>
    </row>
    <row r="26582" spans="1:10" x14ac:dyDescent="0.35">
      <c r="A26582" s="1" t="s">
        <v>7323</v>
      </c>
      <c r="B26582" s="1" t="s">
        <v>86049</v>
      </c>
      <c r="C26582" s="1" t="s">
        <v>85</v>
      </c>
      <c r="D26582" s="1" t="s">
        <v>40184</v>
      </c>
      <c r="E26582" s="1" t="s">
        <v>95178</v>
      </c>
      <c r="F26582" s="1" t="s">
        <v>95179</v>
      </c>
      <c r="G26582" s="1" t="s">
        <v>95125</v>
      </c>
      <c r="H26582" s="1" t="s">
        <v>95126</v>
      </c>
      <c r="I26582" s="1" t="s">
        <v>86055</v>
      </c>
      <c r="J26582" s="1" t="s">
        <v>95180</v>
      </c>
    </row>
    <row r="26583" spans="1:10" x14ac:dyDescent="0.35">
      <c r="A26583" s="1" t="s">
        <v>7323</v>
      </c>
      <c r="B26583" s="1" t="s">
        <v>86049</v>
      </c>
      <c r="C26583" s="1" t="s">
        <v>90</v>
      </c>
      <c r="D26583" s="1" t="s">
        <v>95181</v>
      </c>
      <c r="E26583" s="1" t="s">
        <v>95182</v>
      </c>
      <c r="F26583" s="1" t="s">
        <v>95183</v>
      </c>
      <c r="G26583" s="1" t="s">
        <v>95125</v>
      </c>
      <c r="H26583" s="1" t="s">
        <v>95126</v>
      </c>
      <c r="I26583" s="1" t="s">
        <v>86055</v>
      </c>
      <c r="J26583" s="1" t="s">
        <v>95184</v>
      </c>
    </row>
    <row r="26584" spans="1:10" x14ac:dyDescent="0.35">
      <c r="A26584" s="1" t="s">
        <v>7323</v>
      </c>
      <c r="B26584" s="1" t="s">
        <v>86049</v>
      </c>
      <c r="C26584" s="1" t="s">
        <v>95</v>
      </c>
      <c r="D26584" s="1" t="s">
        <v>66895</v>
      </c>
      <c r="E26584" s="1" t="s">
        <v>95185</v>
      </c>
      <c r="F26584" s="1" t="s">
        <v>95186</v>
      </c>
      <c r="G26584" s="1" t="s">
        <v>95125</v>
      </c>
      <c r="H26584" s="1" t="s">
        <v>95126</v>
      </c>
      <c r="I26584" s="1" t="s">
        <v>86055</v>
      </c>
      <c r="J26584" s="1" t="s">
        <v>95187</v>
      </c>
    </row>
    <row r="26585" spans="1:10" x14ac:dyDescent="0.35">
      <c r="A26585" s="1" t="s">
        <v>7323</v>
      </c>
      <c r="B26585" s="1" t="s">
        <v>86049</v>
      </c>
      <c r="C26585" s="1" t="s">
        <v>100</v>
      </c>
      <c r="D26585" s="1" t="s">
        <v>95188</v>
      </c>
      <c r="E26585" s="1" t="s">
        <v>95189</v>
      </c>
      <c r="F26585" s="1" t="s">
        <v>95190</v>
      </c>
      <c r="G26585" s="1" t="s">
        <v>95125</v>
      </c>
      <c r="H26585" s="1" t="s">
        <v>95126</v>
      </c>
      <c r="I26585" s="1" t="s">
        <v>86055</v>
      </c>
      <c r="J26585" s="1" t="s">
        <v>95191</v>
      </c>
    </row>
    <row r="26586" spans="1:10" x14ac:dyDescent="0.35">
      <c r="A26586" s="1" t="s">
        <v>7323</v>
      </c>
      <c r="B26586" s="1" t="s">
        <v>86049</v>
      </c>
      <c r="C26586" s="1" t="s">
        <v>105</v>
      </c>
      <c r="D26586" s="1" t="s">
        <v>95192</v>
      </c>
      <c r="E26586" s="1" t="s">
        <v>95193</v>
      </c>
      <c r="F26586" s="1" t="s">
        <v>95194</v>
      </c>
      <c r="G26586" s="1" t="s">
        <v>95125</v>
      </c>
      <c r="H26586" s="1" t="s">
        <v>95126</v>
      </c>
      <c r="I26586" s="1" t="s">
        <v>86055</v>
      </c>
      <c r="J26586" s="1" t="s">
        <v>95195</v>
      </c>
    </row>
    <row r="26587" spans="1:10" x14ac:dyDescent="0.35">
      <c r="A26587" s="1" t="s">
        <v>7323</v>
      </c>
      <c r="B26587" s="1" t="s">
        <v>86049</v>
      </c>
      <c r="C26587" s="1" t="s">
        <v>110</v>
      </c>
      <c r="D26587" s="1" t="s">
        <v>81542</v>
      </c>
      <c r="E26587" s="1" t="s">
        <v>95196</v>
      </c>
      <c r="F26587" s="1" t="s">
        <v>95197</v>
      </c>
      <c r="G26587" s="1" t="s">
        <v>95125</v>
      </c>
      <c r="H26587" s="1" t="s">
        <v>95126</v>
      </c>
      <c r="I26587" s="1" t="s">
        <v>86055</v>
      </c>
      <c r="J26587" s="1" t="s">
        <v>95198</v>
      </c>
    </row>
    <row r="26588" spans="1:10" x14ac:dyDescent="0.35">
      <c r="A26588" s="1" t="s">
        <v>7323</v>
      </c>
      <c r="B26588" s="1" t="s">
        <v>86049</v>
      </c>
      <c r="C26588" s="1" t="s">
        <v>115</v>
      </c>
      <c r="D26588" s="1" t="s">
        <v>54422</v>
      </c>
      <c r="E26588" s="1" t="s">
        <v>95199</v>
      </c>
      <c r="F26588" s="1" t="s">
        <v>95200</v>
      </c>
      <c r="G26588" s="1" t="s">
        <v>95125</v>
      </c>
      <c r="H26588" s="1" t="s">
        <v>95126</v>
      </c>
      <c r="I26588" s="1" t="s">
        <v>86055</v>
      </c>
      <c r="J26588" s="1" t="s">
        <v>95201</v>
      </c>
    </row>
    <row r="26589" spans="1:10" x14ac:dyDescent="0.35">
      <c r="A26589" s="1" t="s">
        <v>7323</v>
      </c>
      <c r="B26589" s="1" t="s">
        <v>86049</v>
      </c>
      <c r="C26589" s="1" t="s">
        <v>120</v>
      </c>
      <c r="D26589" s="1" t="s">
        <v>95202</v>
      </c>
      <c r="E26589" s="1" t="s">
        <v>95203</v>
      </c>
      <c r="F26589" s="1" t="s">
        <v>95204</v>
      </c>
      <c r="G26589" s="1" t="s">
        <v>95125</v>
      </c>
      <c r="H26589" s="1" t="s">
        <v>95126</v>
      </c>
      <c r="I26589" s="1" t="s">
        <v>86055</v>
      </c>
      <c r="J26589" s="1" t="s">
        <v>95205</v>
      </c>
    </row>
    <row r="26590" spans="1:10" x14ac:dyDescent="0.35">
      <c r="A26590" s="1" t="s">
        <v>7323</v>
      </c>
      <c r="B26590" s="1" t="s">
        <v>86049</v>
      </c>
      <c r="C26590" s="1" t="s">
        <v>125</v>
      </c>
      <c r="D26590" s="1" t="s">
        <v>95206</v>
      </c>
      <c r="E26590" s="1" t="s">
        <v>95207</v>
      </c>
      <c r="F26590" s="1" t="s">
        <v>95208</v>
      </c>
      <c r="G26590" s="1" t="s">
        <v>95125</v>
      </c>
      <c r="H26590" s="1" t="s">
        <v>95126</v>
      </c>
      <c r="I26590" s="1" t="s">
        <v>86055</v>
      </c>
      <c r="J26590" s="1" t="s">
        <v>95209</v>
      </c>
    </row>
    <row r="26591" spans="1:10" x14ac:dyDescent="0.35">
      <c r="A26591" s="1" t="s">
        <v>7323</v>
      </c>
      <c r="B26591" s="1" t="s">
        <v>86049</v>
      </c>
      <c r="C26591" s="1" t="s">
        <v>130</v>
      </c>
      <c r="D26591" s="1" t="s">
        <v>92118</v>
      </c>
      <c r="E26591" s="1" t="s">
        <v>95210</v>
      </c>
      <c r="F26591" s="1" t="s">
        <v>95211</v>
      </c>
      <c r="G26591" s="1" t="s">
        <v>95125</v>
      </c>
      <c r="H26591" s="1" t="s">
        <v>95126</v>
      </c>
      <c r="I26591" s="1" t="s">
        <v>86055</v>
      </c>
      <c r="J26591" s="1" t="s">
        <v>95212</v>
      </c>
    </row>
    <row r="26592" spans="1:10" x14ac:dyDescent="0.35">
      <c r="A26592" s="1" t="s">
        <v>7323</v>
      </c>
      <c r="B26592" s="1" t="s">
        <v>86049</v>
      </c>
      <c r="C26592" s="1" t="s">
        <v>135</v>
      </c>
      <c r="D26592" s="1" t="s">
        <v>67273</v>
      </c>
      <c r="E26592" s="1" t="s">
        <v>95213</v>
      </c>
      <c r="F26592" s="1" t="s">
        <v>95214</v>
      </c>
      <c r="G26592" s="1" t="s">
        <v>95125</v>
      </c>
      <c r="H26592" s="1" t="s">
        <v>95126</v>
      </c>
      <c r="I26592" s="1" t="s">
        <v>86055</v>
      </c>
      <c r="J26592" s="1" t="s">
        <v>95215</v>
      </c>
    </row>
    <row r="26593" spans="1:10" x14ac:dyDescent="0.35">
      <c r="A26593" s="1" t="s">
        <v>7323</v>
      </c>
      <c r="B26593" s="1" t="s">
        <v>86049</v>
      </c>
      <c r="C26593" s="1" t="s">
        <v>140</v>
      </c>
      <c r="D26593" s="1" t="s">
        <v>95216</v>
      </c>
      <c r="E26593" s="1" t="s">
        <v>95217</v>
      </c>
      <c r="F26593" s="1" t="s">
        <v>95218</v>
      </c>
      <c r="G26593" s="1" t="s">
        <v>95125</v>
      </c>
      <c r="H26593" s="1" t="s">
        <v>95126</v>
      </c>
      <c r="I26593" s="1" t="s">
        <v>86055</v>
      </c>
      <c r="J26593" s="1" t="s">
        <v>95219</v>
      </c>
    </row>
    <row r="26594" spans="1:10" x14ac:dyDescent="0.35">
      <c r="A26594" s="1" t="s">
        <v>7323</v>
      </c>
      <c r="B26594" s="1" t="s">
        <v>86049</v>
      </c>
      <c r="C26594" s="1" t="s">
        <v>145</v>
      </c>
      <c r="D26594" s="1" t="s">
        <v>95220</v>
      </c>
      <c r="E26594" s="1" t="s">
        <v>95221</v>
      </c>
      <c r="F26594" s="1" t="s">
        <v>95222</v>
      </c>
      <c r="G26594" s="1" t="s">
        <v>95125</v>
      </c>
      <c r="H26594" s="1" t="s">
        <v>95126</v>
      </c>
      <c r="I26594" s="1" t="s">
        <v>86055</v>
      </c>
      <c r="J26594" s="1" t="s">
        <v>95223</v>
      </c>
    </row>
    <row r="26595" spans="1:10" x14ac:dyDescent="0.35">
      <c r="A26595" s="1" t="s">
        <v>7323</v>
      </c>
      <c r="B26595" s="1" t="s">
        <v>86049</v>
      </c>
      <c r="C26595" s="1" t="s">
        <v>150</v>
      </c>
      <c r="D26595" s="1" t="s">
        <v>95224</v>
      </c>
      <c r="E26595" s="1" t="s">
        <v>95225</v>
      </c>
      <c r="F26595" s="1" t="s">
        <v>95226</v>
      </c>
      <c r="G26595" s="1" t="s">
        <v>95125</v>
      </c>
      <c r="H26595" s="1" t="s">
        <v>95126</v>
      </c>
      <c r="I26595" s="1" t="s">
        <v>86055</v>
      </c>
      <c r="J26595" s="1" t="s">
        <v>95227</v>
      </c>
    </row>
    <row r="26596" spans="1:10" x14ac:dyDescent="0.35">
      <c r="A26596" s="1" t="s">
        <v>7323</v>
      </c>
      <c r="B26596" s="1" t="s">
        <v>86049</v>
      </c>
      <c r="C26596" s="1" t="s">
        <v>155</v>
      </c>
      <c r="D26596" s="1" t="s">
        <v>56828</v>
      </c>
      <c r="E26596" s="1" t="s">
        <v>95228</v>
      </c>
      <c r="F26596" s="1" t="s">
        <v>95229</v>
      </c>
      <c r="G26596" s="1" t="s">
        <v>95125</v>
      </c>
      <c r="H26596" s="1" t="s">
        <v>95126</v>
      </c>
      <c r="I26596" s="1" t="s">
        <v>86055</v>
      </c>
      <c r="J26596" s="1" t="s">
        <v>95230</v>
      </c>
    </row>
    <row r="26597" spans="1:10" x14ac:dyDescent="0.35">
      <c r="A26597" s="1" t="s">
        <v>7323</v>
      </c>
      <c r="B26597" s="1" t="s">
        <v>86049</v>
      </c>
      <c r="C26597" s="1" t="s">
        <v>160</v>
      </c>
      <c r="D26597" s="1" t="s">
        <v>95231</v>
      </c>
      <c r="E26597" s="1" t="s">
        <v>95232</v>
      </c>
      <c r="F26597" s="1" t="s">
        <v>95233</v>
      </c>
      <c r="G26597" s="1" t="s">
        <v>95125</v>
      </c>
      <c r="H26597" s="1" t="s">
        <v>95126</v>
      </c>
      <c r="I26597" s="1" t="s">
        <v>86055</v>
      </c>
      <c r="J26597" s="1" t="s">
        <v>95234</v>
      </c>
    </row>
    <row r="26598" spans="1:10" x14ac:dyDescent="0.35">
      <c r="A26598" s="1" t="s">
        <v>7323</v>
      </c>
      <c r="B26598" s="1" t="s">
        <v>86049</v>
      </c>
      <c r="C26598" s="1" t="s">
        <v>165</v>
      </c>
      <c r="D26598" s="1" t="s">
        <v>95235</v>
      </c>
      <c r="E26598" s="1" t="s">
        <v>95236</v>
      </c>
      <c r="F26598" s="1" t="s">
        <v>95237</v>
      </c>
      <c r="G26598" s="1" t="s">
        <v>95125</v>
      </c>
      <c r="H26598" s="1" t="s">
        <v>95126</v>
      </c>
      <c r="I26598" s="1" t="s">
        <v>86055</v>
      </c>
      <c r="J26598" s="1" t="s">
        <v>95238</v>
      </c>
    </row>
    <row r="26599" spans="1:10" x14ac:dyDescent="0.35">
      <c r="A26599" s="1" t="s">
        <v>7323</v>
      </c>
      <c r="B26599" s="1" t="s">
        <v>86049</v>
      </c>
      <c r="C26599" s="1" t="s">
        <v>170</v>
      </c>
      <c r="D26599" s="1" t="s">
        <v>95239</v>
      </c>
      <c r="E26599" s="1" t="s">
        <v>95240</v>
      </c>
      <c r="F26599" s="1" t="s">
        <v>95241</v>
      </c>
      <c r="G26599" s="1" t="s">
        <v>95125</v>
      </c>
      <c r="H26599" s="1" t="s">
        <v>95126</v>
      </c>
      <c r="I26599" s="1" t="s">
        <v>86055</v>
      </c>
      <c r="J26599" s="1" t="s">
        <v>95242</v>
      </c>
    </row>
    <row r="26600" spans="1:10" x14ac:dyDescent="0.35">
      <c r="A26600" s="1" t="s">
        <v>95243</v>
      </c>
      <c r="B26600" s="1" t="s">
        <v>86049</v>
      </c>
      <c r="C26600" s="1" t="s">
        <v>8</v>
      </c>
      <c r="D26600" s="1" t="s">
        <v>64999</v>
      </c>
      <c r="E26600" s="1" t="s">
        <v>95244</v>
      </c>
      <c r="F26600" s="1" t="s">
        <v>95245</v>
      </c>
      <c r="G26600" s="1" t="s">
        <v>95246</v>
      </c>
      <c r="H26600" s="1" t="s">
        <v>95247</v>
      </c>
      <c r="I26600" s="1" t="s">
        <v>86055</v>
      </c>
      <c r="J26600" s="1" t="s">
        <v>13</v>
      </c>
    </row>
    <row r="26601" spans="1:10" x14ac:dyDescent="0.35">
      <c r="A26601" s="1" t="s">
        <v>95243</v>
      </c>
      <c r="B26601" s="1" t="s">
        <v>86049</v>
      </c>
      <c r="C26601" s="1" t="s">
        <v>15</v>
      </c>
      <c r="D26601" s="1" t="s">
        <v>95248</v>
      </c>
      <c r="E26601" s="1" t="s">
        <v>95249</v>
      </c>
      <c r="F26601" s="1" t="s">
        <v>95250</v>
      </c>
      <c r="G26601" s="1" t="s">
        <v>95246</v>
      </c>
      <c r="H26601" s="1" t="s">
        <v>95247</v>
      </c>
      <c r="I26601" s="1" t="s">
        <v>86055</v>
      </c>
      <c r="J26601" s="1" t="s">
        <v>95251</v>
      </c>
    </row>
    <row r="26602" spans="1:10" x14ac:dyDescent="0.35">
      <c r="A26602" s="1" t="s">
        <v>95243</v>
      </c>
      <c r="B26602" s="1" t="s">
        <v>86049</v>
      </c>
      <c r="C26602" s="1" t="s">
        <v>20</v>
      </c>
      <c r="D26602" s="1" t="s">
        <v>95252</v>
      </c>
      <c r="E26602" s="1" t="s">
        <v>95253</v>
      </c>
      <c r="F26602" s="1" t="s">
        <v>95254</v>
      </c>
      <c r="G26602" s="1" t="s">
        <v>95246</v>
      </c>
      <c r="H26602" s="1" t="s">
        <v>95247</v>
      </c>
      <c r="I26602" s="1" t="s">
        <v>86055</v>
      </c>
      <c r="J26602" s="1" t="s">
        <v>95255</v>
      </c>
    </row>
    <row r="26603" spans="1:10" x14ac:dyDescent="0.35">
      <c r="A26603" s="1" t="s">
        <v>95243</v>
      </c>
      <c r="B26603" s="1" t="s">
        <v>86049</v>
      </c>
      <c r="C26603" s="1" t="s">
        <v>25</v>
      </c>
      <c r="D26603" s="1" t="s">
        <v>95256</v>
      </c>
      <c r="E26603" s="1" t="s">
        <v>95257</v>
      </c>
      <c r="F26603" s="1" t="s">
        <v>95258</v>
      </c>
      <c r="G26603" s="1" t="s">
        <v>95246</v>
      </c>
      <c r="H26603" s="1" t="s">
        <v>95247</v>
      </c>
      <c r="I26603" s="1" t="s">
        <v>86055</v>
      </c>
      <c r="J26603" s="1" t="s">
        <v>95259</v>
      </c>
    </row>
    <row r="26604" spans="1:10" x14ac:dyDescent="0.35">
      <c r="A26604" s="1" t="s">
        <v>95243</v>
      </c>
      <c r="B26604" s="1" t="s">
        <v>86049</v>
      </c>
      <c r="C26604" s="1" t="s">
        <v>30</v>
      </c>
      <c r="D26604" s="1" t="s">
        <v>95260</v>
      </c>
      <c r="E26604" s="1" t="s">
        <v>95261</v>
      </c>
      <c r="F26604" s="1" t="s">
        <v>95262</v>
      </c>
      <c r="G26604" s="1" t="s">
        <v>95246</v>
      </c>
      <c r="H26604" s="1" t="s">
        <v>95247</v>
      </c>
      <c r="I26604" s="1" t="s">
        <v>86055</v>
      </c>
      <c r="J26604" s="1" t="s">
        <v>95263</v>
      </c>
    </row>
    <row r="26605" spans="1:10" x14ac:dyDescent="0.35">
      <c r="A26605" s="1" t="s">
        <v>95243</v>
      </c>
      <c r="B26605" s="1" t="s">
        <v>86049</v>
      </c>
      <c r="C26605" s="1" t="s">
        <v>35</v>
      </c>
      <c r="D26605" s="1" t="s">
        <v>95264</v>
      </c>
      <c r="E26605" s="1" t="s">
        <v>95265</v>
      </c>
      <c r="F26605" s="1" t="s">
        <v>95266</v>
      </c>
      <c r="G26605" s="1" t="s">
        <v>95246</v>
      </c>
      <c r="H26605" s="1" t="s">
        <v>95247</v>
      </c>
      <c r="I26605" s="1" t="s">
        <v>86055</v>
      </c>
      <c r="J26605" s="1" t="s">
        <v>95267</v>
      </c>
    </row>
    <row r="26606" spans="1:10" x14ac:dyDescent="0.35">
      <c r="A26606" s="1" t="s">
        <v>95243</v>
      </c>
      <c r="B26606" s="1" t="s">
        <v>86049</v>
      </c>
      <c r="C26606" s="1" t="s">
        <v>40</v>
      </c>
      <c r="D26606" s="1" t="s">
        <v>63516</v>
      </c>
      <c r="E26606" s="1" t="s">
        <v>95268</v>
      </c>
      <c r="F26606" s="1" t="s">
        <v>95269</v>
      </c>
      <c r="G26606" s="1" t="s">
        <v>95246</v>
      </c>
      <c r="H26606" s="1" t="s">
        <v>95247</v>
      </c>
      <c r="I26606" s="1" t="s">
        <v>86055</v>
      </c>
      <c r="J26606" s="1" t="s">
        <v>95270</v>
      </c>
    </row>
    <row r="26607" spans="1:10" x14ac:dyDescent="0.35">
      <c r="A26607" s="1" t="s">
        <v>95243</v>
      </c>
      <c r="B26607" s="1" t="s">
        <v>86049</v>
      </c>
      <c r="C26607" s="1" t="s">
        <v>45</v>
      </c>
      <c r="D26607" s="1" t="s">
        <v>95271</v>
      </c>
      <c r="E26607" s="1" t="s">
        <v>95272</v>
      </c>
      <c r="F26607" s="1" t="s">
        <v>95273</v>
      </c>
      <c r="G26607" s="1" t="s">
        <v>95246</v>
      </c>
      <c r="H26607" s="1" t="s">
        <v>95247</v>
      </c>
      <c r="I26607" s="1" t="s">
        <v>86055</v>
      </c>
      <c r="J26607" s="1" t="s">
        <v>95274</v>
      </c>
    </row>
    <row r="26608" spans="1:10" x14ac:dyDescent="0.35">
      <c r="A26608" s="1" t="s">
        <v>95243</v>
      </c>
      <c r="B26608" s="1" t="s">
        <v>86049</v>
      </c>
      <c r="C26608" s="1" t="s">
        <v>50</v>
      </c>
      <c r="D26608" s="1" t="s">
        <v>95275</v>
      </c>
      <c r="E26608" s="1" t="s">
        <v>95276</v>
      </c>
      <c r="F26608" s="1" t="s">
        <v>95277</v>
      </c>
      <c r="G26608" s="1" t="s">
        <v>95246</v>
      </c>
      <c r="H26608" s="1" t="s">
        <v>95247</v>
      </c>
      <c r="I26608" s="1" t="s">
        <v>86055</v>
      </c>
      <c r="J26608" s="1" t="s">
        <v>95278</v>
      </c>
    </row>
    <row r="26609" spans="1:10" x14ac:dyDescent="0.35">
      <c r="A26609" s="1" t="s">
        <v>95243</v>
      </c>
      <c r="B26609" s="1" t="s">
        <v>86049</v>
      </c>
      <c r="C26609" s="1" t="s">
        <v>55</v>
      </c>
      <c r="D26609" s="1" t="s">
        <v>69238</v>
      </c>
      <c r="E26609" s="1" t="s">
        <v>95279</v>
      </c>
      <c r="F26609" s="1" t="s">
        <v>95280</v>
      </c>
      <c r="G26609" s="1" t="s">
        <v>95246</v>
      </c>
      <c r="H26609" s="1" t="s">
        <v>95247</v>
      </c>
      <c r="I26609" s="1" t="s">
        <v>86055</v>
      </c>
      <c r="J26609" s="1" t="s">
        <v>95281</v>
      </c>
    </row>
    <row r="26610" spans="1:10" x14ac:dyDescent="0.35">
      <c r="A26610" s="1" t="s">
        <v>95243</v>
      </c>
      <c r="B26610" s="1" t="s">
        <v>86049</v>
      </c>
      <c r="C26610" s="1" t="s">
        <v>60</v>
      </c>
      <c r="D26610" s="1" t="s">
        <v>95282</v>
      </c>
      <c r="E26610" s="1" t="s">
        <v>95283</v>
      </c>
      <c r="F26610" s="1" t="s">
        <v>95284</v>
      </c>
      <c r="G26610" s="1" t="s">
        <v>95246</v>
      </c>
      <c r="H26610" s="1" t="s">
        <v>95247</v>
      </c>
      <c r="I26610" s="1" t="s">
        <v>86055</v>
      </c>
      <c r="J26610" s="1" t="s">
        <v>95285</v>
      </c>
    </row>
    <row r="26611" spans="1:10" x14ac:dyDescent="0.35">
      <c r="A26611" s="1" t="s">
        <v>95243</v>
      </c>
      <c r="B26611" s="1" t="s">
        <v>86049</v>
      </c>
      <c r="C26611" s="1" t="s">
        <v>65</v>
      </c>
      <c r="D26611" s="1" t="s">
        <v>60887</v>
      </c>
      <c r="E26611" s="1" t="s">
        <v>95286</v>
      </c>
      <c r="F26611" s="1" t="s">
        <v>95287</v>
      </c>
      <c r="G26611" s="1" t="s">
        <v>95246</v>
      </c>
      <c r="H26611" s="1" t="s">
        <v>95247</v>
      </c>
      <c r="I26611" s="1" t="s">
        <v>86055</v>
      </c>
      <c r="J26611" s="1" t="s">
        <v>95288</v>
      </c>
    </row>
    <row r="26612" spans="1:10" x14ac:dyDescent="0.35">
      <c r="A26612" s="1" t="s">
        <v>95243</v>
      </c>
      <c r="B26612" s="1" t="s">
        <v>86049</v>
      </c>
      <c r="C26612" s="1" t="s">
        <v>70</v>
      </c>
      <c r="D26612" s="1" t="s">
        <v>79583</v>
      </c>
      <c r="E26612" s="1" t="s">
        <v>95289</v>
      </c>
      <c r="F26612" s="1" t="s">
        <v>95290</v>
      </c>
      <c r="G26612" s="1" t="s">
        <v>95246</v>
      </c>
      <c r="H26612" s="1" t="s">
        <v>95247</v>
      </c>
      <c r="I26612" s="1" t="s">
        <v>86055</v>
      </c>
      <c r="J26612" s="1" t="s">
        <v>95291</v>
      </c>
    </row>
    <row r="26613" spans="1:10" x14ac:dyDescent="0.35">
      <c r="A26613" s="1" t="s">
        <v>95243</v>
      </c>
      <c r="B26613" s="1" t="s">
        <v>86049</v>
      </c>
      <c r="C26613" s="1" t="s">
        <v>75</v>
      </c>
      <c r="D26613" s="1" t="s">
        <v>95292</v>
      </c>
      <c r="E26613" s="1" t="s">
        <v>95293</v>
      </c>
      <c r="F26613" s="1" t="s">
        <v>95294</v>
      </c>
      <c r="G26613" s="1" t="s">
        <v>95246</v>
      </c>
      <c r="H26613" s="1" t="s">
        <v>95247</v>
      </c>
      <c r="I26613" s="1" t="s">
        <v>86055</v>
      </c>
      <c r="J26613" s="1" t="s">
        <v>95295</v>
      </c>
    </row>
    <row r="26614" spans="1:10" x14ac:dyDescent="0.35">
      <c r="A26614" s="1" t="s">
        <v>95243</v>
      </c>
      <c r="B26614" s="1" t="s">
        <v>86049</v>
      </c>
      <c r="C26614" s="1" t="s">
        <v>80</v>
      </c>
      <c r="D26614" s="1" t="s">
        <v>95296</v>
      </c>
      <c r="E26614" s="1" t="s">
        <v>95297</v>
      </c>
      <c r="F26614" s="1" t="s">
        <v>95298</v>
      </c>
      <c r="G26614" s="1" t="s">
        <v>95246</v>
      </c>
      <c r="H26614" s="1" t="s">
        <v>95247</v>
      </c>
      <c r="I26614" s="1" t="s">
        <v>86055</v>
      </c>
      <c r="J26614" s="1" t="s">
        <v>95299</v>
      </c>
    </row>
    <row r="26615" spans="1:10" x14ac:dyDescent="0.35">
      <c r="A26615" s="1" t="s">
        <v>95243</v>
      </c>
      <c r="B26615" s="1" t="s">
        <v>86049</v>
      </c>
      <c r="C26615" s="1" t="s">
        <v>85</v>
      </c>
      <c r="D26615" s="1" t="s">
        <v>22338</v>
      </c>
      <c r="E26615" s="1" t="s">
        <v>95300</v>
      </c>
      <c r="F26615" s="1" t="s">
        <v>95301</v>
      </c>
      <c r="G26615" s="1" t="s">
        <v>95246</v>
      </c>
      <c r="H26615" s="1" t="s">
        <v>95247</v>
      </c>
      <c r="I26615" s="1" t="s">
        <v>86055</v>
      </c>
      <c r="J26615" s="1" t="s">
        <v>95302</v>
      </c>
    </row>
    <row r="26616" spans="1:10" x14ac:dyDescent="0.35">
      <c r="A26616" s="1" t="s">
        <v>95243</v>
      </c>
      <c r="B26616" s="1" t="s">
        <v>86049</v>
      </c>
      <c r="C26616" s="1" t="s">
        <v>90</v>
      </c>
      <c r="D26616" s="1" t="s">
        <v>43582</v>
      </c>
      <c r="E26616" s="1" t="s">
        <v>95303</v>
      </c>
      <c r="F26616" s="1" t="s">
        <v>95304</v>
      </c>
      <c r="G26616" s="1" t="s">
        <v>95246</v>
      </c>
      <c r="H26616" s="1" t="s">
        <v>95247</v>
      </c>
      <c r="I26616" s="1" t="s">
        <v>86055</v>
      </c>
      <c r="J26616" s="1" t="s">
        <v>95305</v>
      </c>
    </row>
    <row r="26617" spans="1:10" x14ac:dyDescent="0.35">
      <c r="A26617" s="1" t="s">
        <v>95243</v>
      </c>
      <c r="B26617" s="1" t="s">
        <v>86049</v>
      </c>
      <c r="C26617" s="1" t="s">
        <v>95</v>
      </c>
      <c r="D26617" s="1" t="s">
        <v>95306</v>
      </c>
      <c r="E26617" s="1" t="s">
        <v>95307</v>
      </c>
      <c r="F26617" s="1" t="s">
        <v>95308</v>
      </c>
      <c r="G26617" s="1" t="s">
        <v>95246</v>
      </c>
      <c r="H26617" s="1" t="s">
        <v>95247</v>
      </c>
      <c r="I26617" s="1" t="s">
        <v>86055</v>
      </c>
      <c r="J26617" s="1" t="s">
        <v>95309</v>
      </c>
    </row>
    <row r="26618" spans="1:10" x14ac:dyDescent="0.35">
      <c r="A26618" s="1" t="s">
        <v>95243</v>
      </c>
      <c r="B26618" s="1" t="s">
        <v>86049</v>
      </c>
      <c r="C26618" s="1" t="s">
        <v>100</v>
      </c>
      <c r="D26618" s="1" t="s">
        <v>95310</v>
      </c>
      <c r="E26618" s="1" t="s">
        <v>95311</v>
      </c>
      <c r="F26618" s="1" t="s">
        <v>95312</v>
      </c>
      <c r="G26618" s="1" t="s">
        <v>95246</v>
      </c>
      <c r="H26618" s="1" t="s">
        <v>95247</v>
      </c>
      <c r="I26618" s="1" t="s">
        <v>86055</v>
      </c>
      <c r="J26618" s="1" t="s">
        <v>95313</v>
      </c>
    </row>
    <row r="26619" spans="1:10" x14ac:dyDescent="0.35">
      <c r="A26619" s="1" t="s">
        <v>95243</v>
      </c>
      <c r="B26619" s="1" t="s">
        <v>86049</v>
      </c>
      <c r="C26619" s="1" t="s">
        <v>105</v>
      </c>
      <c r="D26619" s="1" t="s">
        <v>95314</v>
      </c>
      <c r="E26619" s="1" t="s">
        <v>95315</v>
      </c>
      <c r="F26619" s="1" t="s">
        <v>95316</v>
      </c>
      <c r="G26619" s="1" t="s">
        <v>95246</v>
      </c>
      <c r="H26619" s="1" t="s">
        <v>95247</v>
      </c>
      <c r="I26619" s="1" t="s">
        <v>86055</v>
      </c>
      <c r="J26619" s="1" t="s">
        <v>95317</v>
      </c>
    </row>
    <row r="26620" spans="1:10" x14ac:dyDescent="0.35">
      <c r="A26620" s="1" t="s">
        <v>95243</v>
      </c>
      <c r="B26620" s="1" t="s">
        <v>86049</v>
      </c>
      <c r="C26620" s="1" t="s">
        <v>110</v>
      </c>
      <c r="D26620" s="1" t="s">
        <v>455</v>
      </c>
      <c r="E26620" s="1" t="s">
        <v>95318</v>
      </c>
      <c r="F26620" s="1" t="s">
        <v>95319</v>
      </c>
      <c r="G26620" s="1" t="s">
        <v>95246</v>
      </c>
      <c r="H26620" s="1" t="s">
        <v>95247</v>
      </c>
      <c r="I26620" s="1" t="s">
        <v>86055</v>
      </c>
      <c r="J26620" s="1" t="s">
        <v>95320</v>
      </c>
    </row>
    <row r="26621" spans="1:10" x14ac:dyDescent="0.35">
      <c r="A26621" s="1" t="s">
        <v>95243</v>
      </c>
      <c r="B26621" s="1" t="s">
        <v>86049</v>
      </c>
      <c r="C26621" s="1" t="s">
        <v>115</v>
      </c>
      <c r="D26621" s="1" t="s">
        <v>95321</v>
      </c>
      <c r="E26621" s="1" t="s">
        <v>95322</v>
      </c>
      <c r="F26621" s="1" t="s">
        <v>95323</v>
      </c>
      <c r="G26621" s="1" t="s">
        <v>95246</v>
      </c>
      <c r="H26621" s="1" t="s">
        <v>95247</v>
      </c>
      <c r="I26621" s="1" t="s">
        <v>86055</v>
      </c>
      <c r="J26621" s="1" t="s">
        <v>95324</v>
      </c>
    </row>
    <row r="26622" spans="1:10" x14ac:dyDescent="0.35">
      <c r="A26622" s="1" t="s">
        <v>95243</v>
      </c>
      <c r="B26622" s="1" t="s">
        <v>86049</v>
      </c>
      <c r="C26622" s="1" t="s">
        <v>120</v>
      </c>
      <c r="D26622" s="1" t="s">
        <v>95325</v>
      </c>
      <c r="E26622" s="1" t="s">
        <v>95326</v>
      </c>
      <c r="F26622" s="1" t="s">
        <v>95327</v>
      </c>
      <c r="G26622" s="1" t="s">
        <v>95246</v>
      </c>
      <c r="H26622" s="1" t="s">
        <v>95247</v>
      </c>
      <c r="I26622" s="1" t="s">
        <v>86055</v>
      </c>
      <c r="J26622" s="1" t="s">
        <v>95328</v>
      </c>
    </row>
    <row r="26623" spans="1:10" x14ac:dyDescent="0.35">
      <c r="A26623" s="1" t="s">
        <v>95243</v>
      </c>
      <c r="B26623" s="1" t="s">
        <v>86049</v>
      </c>
      <c r="C26623" s="1" t="s">
        <v>125</v>
      </c>
      <c r="D26623" s="1" t="s">
        <v>23838</v>
      </c>
      <c r="E26623" s="1" t="s">
        <v>95329</v>
      </c>
      <c r="F26623" s="1" t="s">
        <v>95330</v>
      </c>
      <c r="G26623" s="1" t="s">
        <v>95246</v>
      </c>
      <c r="H26623" s="1" t="s">
        <v>95247</v>
      </c>
      <c r="I26623" s="1" t="s">
        <v>86055</v>
      </c>
      <c r="J26623" s="1" t="s">
        <v>95331</v>
      </c>
    </row>
    <row r="26624" spans="1:10" x14ac:dyDescent="0.35">
      <c r="A26624" s="1" t="s">
        <v>95243</v>
      </c>
      <c r="B26624" s="1" t="s">
        <v>86049</v>
      </c>
      <c r="C26624" s="1" t="s">
        <v>130</v>
      </c>
      <c r="D26624" s="1" t="s">
        <v>95332</v>
      </c>
      <c r="E26624" s="1" t="s">
        <v>95333</v>
      </c>
      <c r="F26624" s="1" t="s">
        <v>95334</v>
      </c>
      <c r="G26624" s="1" t="s">
        <v>95246</v>
      </c>
      <c r="H26624" s="1" t="s">
        <v>95247</v>
      </c>
      <c r="I26624" s="1" t="s">
        <v>86055</v>
      </c>
      <c r="J26624" s="1" t="s">
        <v>95335</v>
      </c>
    </row>
    <row r="26625" spans="1:10" x14ac:dyDescent="0.35">
      <c r="A26625" s="1" t="s">
        <v>95243</v>
      </c>
      <c r="B26625" s="1" t="s">
        <v>86049</v>
      </c>
      <c r="C26625" s="1" t="s">
        <v>135</v>
      </c>
      <c r="D26625" s="1" t="s">
        <v>95336</v>
      </c>
      <c r="E26625" s="1" t="s">
        <v>95337</v>
      </c>
      <c r="F26625" s="1" t="s">
        <v>95338</v>
      </c>
      <c r="G26625" s="1" t="s">
        <v>95246</v>
      </c>
      <c r="H26625" s="1" t="s">
        <v>95247</v>
      </c>
      <c r="I26625" s="1" t="s">
        <v>86055</v>
      </c>
      <c r="J26625" s="1" t="s">
        <v>95339</v>
      </c>
    </row>
    <row r="26626" spans="1:10" x14ac:dyDescent="0.35">
      <c r="A26626" s="1" t="s">
        <v>95243</v>
      </c>
      <c r="B26626" s="1" t="s">
        <v>86049</v>
      </c>
      <c r="C26626" s="1" t="s">
        <v>140</v>
      </c>
      <c r="D26626" s="1" t="s">
        <v>67231</v>
      </c>
      <c r="E26626" s="1" t="s">
        <v>95340</v>
      </c>
      <c r="F26626" s="1" t="s">
        <v>95341</v>
      </c>
      <c r="G26626" s="1" t="s">
        <v>95246</v>
      </c>
      <c r="H26626" s="1" t="s">
        <v>95247</v>
      </c>
      <c r="I26626" s="1" t="s">
        <v>86055</v>
      </c>
      <c r="J26626" s="1" t="s">
        <v>95342</v>
      </c>
    </row>
    <row r="26627" spans="1:10" x14ac:dyDescent="0.35">
      <c r="A26627" s="1" t="s">
        <v>95243</v>
      </c>
      <c r="B26627" s="1" t="s">
        <v>86049</v>
      </c>
      <c r="C26627" s="1" t="s">
        <v>145</v>
      </c>
      <c r="D26627" s="1" t="s">
        <v>95343</v>
      </c>
      <c r="E26627" s="1" t="s">
        <v>95344</v>
      </c>
      <c r="F26627" s="1" t="s">
        <v>95345</v>
      </c>
      <c r="G26627" s="1" t="s">
        <v>95246</v>
      </c>
      <c r="H26627" s="1" t="s">
        <v>95247</v>
      </c>
      <c r="I26627" s="1" t="s">
        <v>86055</v>
      </c>
      <c r="J26627" s="1" t="s">
        <v>95346</v>
      </c>
    </row>
    <row r="26628" spans="1:10" x14ac:dyDescent="0.35">
      <c r="A26628" s="1" t="s">
        <v>95243</v>
      </c>
      <c r="B26628" s="1" t="s">
        <v>86049</v>
      </c>
      <c r="C26628" s="1" t="s">
        <v>150</v>
      </c>
      <c r="D26628" s="1" t="s">
        <v>95347</v>
      </c>
      <c r="E26628" s="1" t="s">
        <v>95348</v>
      </c>
      <c r="F26628" s="1" t="s">
        <v>95349</v>
      </c>
      <c r="G26628" s="1" t="s">
        <v>95246</v>
      </c>
      <c r="H26628" s="1" t="s">
        <v>95247</v>
      </c>
      <c r="I26628" s="1" t="s">
        <v>86055</v>
      </c>
      <c r="J26628" s="1" t="s">
        <v>95350</v>
      </c>
    </row>
    <row r="26629" spans="1:10" x14ac:dyDescent="0.35">
      <c r="A26629" s="1" t="s">
        <v>95243</v>
      </c>
      <c r="B26629" s="1" t="s">
        <v>86049</v>
      </c>
      <c r="C26629" s="1" t="s">
        <v>155</v>
      </c>
      <c r="D26629" s="1" t="s">
        <v>95351</v>
      </c>
      <c r="E26629" s="1" t="s">
        <v>95352</v>
      </c>
      <c r="F26629" s="1" t="s">
        <v>95353</v>
      </c>
      <c r="G26629" s="1" t="s">
        <v>95246</v>
      </c>
      <c r="H26629" s="1" t="s">
        <v>95247</v>
      </c>
      <c r="I26629" s="1" t="s">
        <v>86055</v>
      </c>
      <c r="J26629" s="1" t="s">
        <v>95354</v>
      </c>
    </row>
    <row r="26630" spans="1:10" x14ac:dyDescent="0.35">
      <c r="A26630" s="1" t="s">
        <v>95243</v>
      </c>
      <c r="B26630" s="1" t="s">
        <v>86049</v>
      </c>
      <c r="C26630" s="1" t="s">
        <v>160</v>
      </c>
      <c r="D26630" s="1" t="s">
        <v>95355</v>
      </c>
      <c r="E26630" s="1" t="s">
        <v>95356</v>
      </c>
      <c r="F26630" s="1" t="s">
        <v>95357</v>
      </c>
      <c r="G26630" s="1" t="s">
        <v>95246</v>
      </c>
      <c r="H26630" s="1" t="s">
        <v>95247</v>
      </c>
      <c r="I26630" s="1" t="s">
        <v>86055</v>
      </c>
      <c r="J26630" s="1" t="s">
        <v>95358</v>
      </c>
    </row>
    <row r="26631" spans="1:10" x14ac:dyDescent="0.35">
      <c r="A26631" s="1" t="s">
        <v>95243</v>
      </c>
      <c r="B26631" s="1" t="s">
        <v>86049</v>
      </c>
      <c r="C26631" s="1" t="s">
        <v>165</v>
      </c>
      <c r="D26631" s="1" t="s">
        <v>95359</v>
      </c>
      <c r="E26631" s="1" t="s">
        <v>95360</v>
      </c>
      <c r="F26631" s="1" t="s">
        <v>95361</v>
      </c>
      <c r="G26631" s="1" t="s">
        <v>95246</v>
      </c>
      <c r="H26631" s="1" t="s">
        <v>95247</v>
      </c>
      <c r="I26631" s="1" t="s">
        <v>86055</v>
      </c>
      <c r="J26631" s="1" t="s">
        <v>95362</v>
      </c>
    </row>
    <row r="26632" spans="1:10" x14ac:dyDescent="0.35">
      <c r="A26632" s="1" t="s">
        <v>95243</v>
      </c>
      <c r="B26632" s="1" t="s">
        <v>86049</v>
      </c>
      <c r="C26632" s="1" t="s">
        <v>170</v>
      </c>
      <c r="D26632" s="1" t="s">
        <v>95363</v>
      </c>
      <c r="E26632" s="1" t="s">
        <v>95364</v>
      </c>
      <c r="F26632" s="1" t="s">
        <v>95365</v>
      </c>
      <c r="G26632" s="1" t="s">
        <v>95246</v>
      </c>
      <c r="H26632" s="1" t="s">
        <v>95247</v>
      </c>
      <c r="I26632" s="1" t="s">
        <v>86055</v>
      </c>
      <c r="J26632" s="1" t="s">
        <v>95366</v>
      </c>
    </row>
    <row r="26633" spans="1:10" x14ac:dyDescent="0.35">
      <c r="A26633" s="1" t="s">
        <v>51408</v>
      </c>
      <c r="B26633" s="1" t="s">
        <v>86049</v>
      </c>
      <c r="C26633" s="1" t="s">
        <v>8</v>
      </c>
      <c r="D26633" s="1" t="s">
        <v>95367</v>
      </c>
      <c r="E26633" s="1" t="s">
        <v>95368</v>
      </c>
      <c r="F26633" s="1" t="s">
        <v>95369</v>
      </c>
      <c r="G26633" s="1" t="s">
        <v>95370</v>
      </c>
      <c r="H26633" s="1" t="s">
        <v>95371</v>
      </c>
      <c r="I26633" s="1" t="s">
        <v>86055</v>
      </c>
      <c r="J26633" s="1" t="s">
        <v>13</v>
      </c>
    </row>
    <row r="26634" spans="1:10" x14ac:dyDescent="0.35">
      <c r="A26634" s="1" t="s">
        <v>51408</v>
      </c>
      <c r="B26634" s="1" t="s">
        <v>86049</v>
      </c>
      <c r="C26634" s="1" t="s">
        <v>15</v>
      </c>
      <c r="D26634" s="1" t="s">
        <v>95372</v>
      </c>
      <c r="E26634" s="1" t="s">
        <v>95373</v>
      </c>
      <c r="F26634" s="1" t="s">
        <v>95374</v>
      </c>
      <c r="G26634" s="1" t="s">
        <v>95370</v>
      </c>
      <c r="H26634" s="1" t="s">
        <v>95371</v>
      </c>
      <c r="I26634" s="1" t="s">
        <v>86055</v>
      </c>
      <c r="J26634" s="1" t="s">
        <v>95375</v>
      </c>
    </row>
    <row r="26635" spans="1:10" x14ac:dyDescent="0.35">
      <c r="A26635" s="1" t="s">
        <v>51408</v>
      </c>
      <c r="B26635" s="1" t="s">
        <v>86049</v>
      </c>
      <c r="C26635" s="1" t="s">
        <v>20</v>
      </c>
      <c r="D26635" s="1" t="s">
        <v>95376</v>
      </c>
      <c r="E26635" s="1" t="s">
        <v>95377</v>
      </c>
      <c r="F26635" s="1" t="s">
        <v>95378</v>
      </c>
      <c r="G26635" s="1" t="s">
        <v>95370</v>
      </c>
      <c r="H26635" s="1" t="s">
        <v>95371</v>
      </c>
      <c r="I26635" s="1" t="s">
        <v>86055</v>
      </c>
      <c r="J26635" s="1" t="s">
        <v>95379</v>
      </c>
    </row>
    <row r="26636" spans="1:10" x14ac:dyDescent="0.35">
      <c r="A26636" s="1" t="s">
        <v>51408</v>
      </c>
      <c r="B26636" s="1" t="s">
        <v>86049</v>
      </c>
      <c r="C26636" s="1" t="s">
        <v>25</v>
      </c>
      <c r="D26636" s="1" t="s">
        <v>95380</v>
      </c>
      <c r="E26636" s="1" t="s">
        <v>95381</v>
      </c>
      <c r="F26636" s="1" t="s">
        <v>95382</v>
      </c>
      <c r="G26636" s="1" t="s">
        <v>95370</v>
      </c>
      <c r="H26636" s="1" t="s">
        <v>95371</v>
      </c>
      <c r="I26636" s="1" t="s">
        <v>86055</v>
      </c>
      <c r="J26636" s="1" t="s">
        <v>95383</v>
      </c>
    </row>
    <row r="26637" spans="1:10" x14ac:dyDescent="0.35">
      <c r="A26637" s="1" t="s">
        <v>51408</v>
      </c>
      <c r="B26637" s="1" t="s">
        <v>86049</v>
      </c>
      <c r="C26637" s="1" t="s">
        <v>30</v>
      </c>
      <c r="D26637" s="1" t="s">
        <v>95384</v>
      </c>
      <c r="E26637" s="1" t="s">
        <v>95385</v>
      </c>
      <c r="F26637" s="1" t="s">
        <v>95386</v>
      </c>
      <c r="G26637" s="1" t="s">
        <v>95370</v>
      </c>
      <c r="H26637" s="1" t="s">
        <v>95371</v>
      </c>
      <c r="I26637" s="1" t="s">
        <v>86055</v>
      </c>
      <c r="J26637" s="1" t="s">
        <v>95387</v>
      </c>
    </row>
    <row r="26638" spans="1:10" x14ac:dyDescent="0.35">
      <c r="A26638" s="1" t="s">
        <v>51408</v>
      </c>
      <c r="B26638" s="1" t="s">
        <v>86049</v>
      </c>
      <c r="C26638" s="1" t="s">
        <v>35</v>
      </c>
      <c r="D26638" s="1" t="s">
        <v>95388</v>
      </c>
      <c r="E26638" s="1" t="s">
        <v>95389</v>
      </c>
      <c r="F26638" s="1" t="s">
        <v>95390</v>
      </c>
      <c r="G26638" s="1" t="s">
        <v>95370</v>
      </c>
      <c r="H26638" s="1" t="s">
        <v>95371</v>
      </c>
      <c r="I26638" s="1" t="s">
        <v>86055</v>
      </c>
      <c r="J26638" s="1" t="s">
        <v>95391</v>
      </c>
    </row>
    <row r="26639" spans="1:10" x14ac:dyDescent="0.35">
      <c r="A26639" s="1" t="s">
        <v>51408</v>
      </c>
      <c r="B26639" s="1" t="s">
        <v>86049</v>
      </c>
      <c r="C26639" s="1" t="s">
        <v>40</v>
      </c>
      <c r="D26639" s="1" t="s">
        <v>61856</v>
      </c>
      <c r="E26639" s="1" t="s">
        <v>95392</v>
      </c>
      <c r="F26639" s="1" t="s">
        <v>95393</v>
      </c>
      <c r="G26639" s="1" t="s">
        <v>95370</v>
      </c>
      <c r="H26639" s="1" t="s">
        <v>95371</v>
      </c>
      <c r="I26639" s="1" t="s">
        <v>86055</v>
      </c>
      <c r="J26639" s="1" t="s">
        <v>95394</v>
      </c>
    </row>
    <row r="26640" spans="1:10" x14ac:dyDescent="0.35">
      <c r="A26640" s="1" t="s">
        <v>51408</v>
      </c>
      <c r="B26640" s="1" t="s">
        <v>86049</v>
      </c>
      <c r="C26640" s="1" t="s">
        <v>45</v>
      </c>
      <c r="D26640" s="1" t="s">
        <v>95395</v>
      </c>
      <c r="E26640" s="1" t="s">
        <v>95396</v>
      </c>
      <c r="F26640" s="1" t="s">
        <v>95397</v>
      </c>
      <c r="G26640" s="1" t="s">
        <v>95370</v>
      </c>
      <c r="H26640" s="1" t="s">
        <v>95371</v>
      </c>
      <c r="I26640" s="1" t="s">
        <v>86055</v>
      </c>
      <c r="J26640" s="1" t="s">
        <v>95398</v>
      </c>
    </row>
    <row r="26641" spans="1:10" x14ac:dyDescent="0.35">
      <c r="A26641" s="1" t="s">
        <v>51408</v>
      </c>
      <c r="B26641" s="1" t="s">
        <v>86049</v>
      </c>
      <c r="C26641" s="1" t="s">
        <v>50</v>
      </c>
      <c r="D26641" s="1" t="s">
        <v>93681</v>
      </c>
      <c r="E26641" s="1" t="s">
        <v>95399</v>
      </c>
      <c r="F26641" s="1" t="s">
        <v>95400</v>
      </c>
      <c r="G26641" s="1" t="s">
        <v>95370</v>
      </c>
      <c r="H26641" s="1" t="s">
        <v>95371</v>
      </c>
      <c r="I26641" s="1" t="s">
        <v>86055</v>
      </c>
      <c r="J26641" s="1" t="s">
        <v>95401</v>
      </c>
    </row>
    <row r="26642" spans="1:10" x14ac:dyDescent="0.35">
      <c r="A26642" s="1" t="s">
        <v>51408</v>
      </c>
      <c r="B26642" s="1" t="s">
        <v>86049</v>
      </c>
      <c r="C26642" s="1" t="s">
        <v>55</v>
      </c>
      <c r="D26642" s="1" t="s">
        <v>95402</v>
      </c>
      <c r="E26642" s="1" t="s">
        <v>95403</v>
      </c>
      <c r="F26642" s="1" t="s">
        <v>95404</v>
      </c>
      <c r="G26642" s="1" t="s">
        <v>95370</v>
      </c>
      <c r="H26642" s="1" t="s">
        <v>95371</v>
      </c>
      <c r="I26642" s="1" t="s">
        <v>86055</v>
      </c>
      <c r="J26642" s="1" t="s">
        <v>95405</v>
      </c>
    </row>
    <row r="26643" spans="1:10" x14ac:dyDescent="0.35">
      <c r="A26643" s="1" t="s">
        <v>51408</v>
      </c>
      <c r="B26643" s="1" t="s">
        <v>86049</v>
      </c>
      <c r="C26643" s="1" t="s">
        <v>60</v>
      </c>
      <c r="D26643" s="1" t="s">
        <v>63764</v>
      </c>
      <c r="E26643" s="1" t="s">
        <v>95406</v>
      </c>
      <c r="F26643" s="1" t="s">
        <v>95407</v>
      </c>
      <c r="G26643" s="1" t="s">
        <v>95370</v>
      </c>
      <c r="H26643" s="1" t="s">
        <v>95371</v>
      </c>
      <c r="I26643" s="1" t="s">
        <v>86055</v>
      </c>
      <c r="J26643" s="1" t="s">
        <v>95408</v>
      </c>
    </row>
    <row r="26644" spans="1:10" x14ac:dyDescent="0.35">
      <c r="A26644" s="1" t="s">
        <v>51408</v>
      </c>
      <c r="B26644" s="1" t="s">
        <v>86049</v>
      </c>
      <c r="C26644" s="1" t="s">
        <v>65</v>
      </c>
      <c r="D26644" s="1" t="s">
        <v>95409</v>
      </c>
      <c r="E26644" s="1" t="s">
        <v>95410</v>
      </c>
      <c r="F26644" s="1" t="s">
        <v>95411</v>
      </c>
      <c r="G26644" s="1" t="s">
        <v>95370</v>
      </c>
      <c r="H26644" s="1" t="s">
        <v>95371</v>
      </c>
      <c r="I26644" s="1" t="s">
        <v>86055</v>
      </c>
      <c r="J26644" s="1" t="s">
        <v>95412</v>
      </c>
    </row>
    <row r="26645" spans="1:10" x14ac:dyDescent="0.35">
      <c r="A26645" s="1" t="s">
        <v>51408</v>
      </c>
      <c r="B26645" s="1" t="s">
        <v>86049</v>
      </c>
      <c r="C26645" s="1" t="s">
        <v>70</v>
      </c>
      <c r="D26645" s="1" t="s">
        <v>65429</v>
      </c>
      <c r="E26645" s="1" t="s">
        <v>95413</v>
      </c>
      <c r="F26645" s="1" t="s">
        <v>95414</v>
      </c>
      <c r="G26645" s="1" t="s">
        <v>95370</v>
      </c>
      <c r="H26645" s="1" t="s">
        <v>95371</v>
      </c>
      <c r="I26645" s="1" t="s">
        <v>86055</v>
      </c>
      <c r="J26645" s="1" t="s">
        <v>95415</v>
      </c>
    </row>
    <row r="26646" spans="1:10" x14ac:dyDescent="0.35">
      <c r="A26646" s="1" t="s">
        <v>51408</v>
      </c>
      <c r="B26646" s="1" t="s">
        <v>86049</v>
      </c>
      <c r="C26646" s="1" t="s">
        <v>75</v>
      </c>
      <c r="D26646" s="1" t="s">
        <v>95416</v>
      </c>
      <c r="E26646" s="1" t="s">
        <v>95417</v>
      </c>
      <c r="F26646" s="1" t="s">
        <v>95418</v>
      </c>
      <c r="G26646" s="1" t="s">
        <v>95370</v>
      </c>
      <c r="H26646" s="1" t="s">
        <v>95371</v>
      </c>
      <c r="I26646" s="1" t="s">
        <v>86055</v>
      </c>
      <c r="J26646" s="1" t="s">
        <v>95419</v>
      </c>
    </row>
    <row r="26647" spans="1:10" x14ac:dyDescent="0.35">
      <c r="A26647" s="1" t="s">
        <v>51408</v>
      </c>
      <c r="B26647" s="1" t="s">
        <v>86049</v>
      </c>
      <c r="C26647" s="1" t="s">
        <v>80</v>
      </c>
      <c r="D26647" s="1" t="s">
        <v>69724</v>
      </c>
      <c r="E26647" s="1" t="s">
        <v>95420</v>
      </c>
      <c r="F26647" s="1" t="s">
        <v>95421</v>
      </c>
      <c r="G26647" s="1" t="s">
        <v>95370</v>
      </c>
      <c r="H26647" s="1" t="s">
        <v>95371</v>
      </c>
      <c r="I26647" s="1" t="s">
        <v>86055</v>
      </c>
      <c r="J26647" s="1" t="s">
        <v>95422</v>
      </c>
    </row>
    <row r="26648" spans="1:10" x14ac:dyDescent="0.35">
      <c r="A26648" s="1" t="s">
        <v>51408</v>
      </c>
      <c r="B26648" s="1" t="s">
        <v>86049</v>
      </c>
      <c r="C26648" s="1" t="s">
        <v>85</v>
      </c>
      <c r="D26648" s="1" t="s">
        <v>95423</v>
      </c>
      <c r="E26648" s="1" t="s">
        <v>95424</v>
      </c>
      <c r="F26648" s="1" t="s">
        <v>95425</v>
      </c>
      <c r="G26648" s="1" t="s">
        <v>95370</v>
      </c>
      <c r="H26648" s="1" t="s">
        <v>95371</v>
      </c>
      <c r="I26648" s="1" t="s">
        <v>86055</v>
      </c>
      <c r="J26648" s="1" t="s">
        <v>95426</v>
      </c>
    </row>
    <row r="26649" spans="1:10" x14ac:dyDescent="0.35">
      <c r="A26649" s="1" t="s">
        <v>51408</v>
      </c>
      <c r="B26649" s="1" t="s">
        <v>86049</v>
      </c>
      <c r="C26649" s="1" t="s">
        <v>90</v>
      </c>
      <c r="D26649" s="1" t="s">
        <v>65015</v>
      </c>
      <c r="E26649" s="1" t="s">
        <v>95427</v>
      </c>
      <c r="F26649" s="1" t="s">
        <v>95428</v>
      </c>
      <c r="G26649" s="1" t="s">
        <v>95370</v>
      </c>
      <c r="H26649" s="1" t="s">
        <v>95371</v>
      </c>
      <c r="I26649" s="1" t="s">
        <v>86055</v>
      </c>
      <c r="J26649" s="1" t="s">
        <v>95429</v>
      </c>
    </row>
    <row r="26650" spans="1:10" x14ac:dyDescent="0.35">
      <c r="A26650" s="1" t="s">
        <v>51408</v>
      </c>
      <c r="B26650" s="1" t="s">
        <v>86049</v>
      </c>
      <c r="C26650" s="1" t="s">
        <v>95</v>
      </c>
      <c r="D26650" s="1" t="s">
        <v>90988</v>
      </c>
      <c r="E26650" s="1" t="s">
        <v>95430</v>
      </c>
      <c r="F26650" s="1" t="s">
        <v>95431</v>
      </c>
      <c r="G26650" s="1" t="s">
        <v>95370</v>
      </c>
      <c r="H26650" s="1" t="s">
        <v>95371</v>
      </c>
      <c r="I26650" s="1" t="s">
        <v>86055</v>
      </c>
      <c r="J26650" s="1" t="s">
        <v>95432</v>
      </c>
    </row>
    <row r="26651" spans="1:10" x14ac:dyDescent="0.35">
      <c r="A26651" s="1" t="s">
        <v>51408</v>
      </c>
      <c r="B26651" s="1" t="s">
        <v>86049</v>
      </c>
      <c r="C26651" s="1" t="s">
        <v>100</v>
      </c>
      <c r="D26651" s="1" t="s">
        <v>95433</v>
      </c>
      <c r="E26651" s="1" t="s">
        <v>95434</v>
      </c>
      <c r="F26651" s="1" t="s">
        <v>95435</v>
      </c>
      <c r="G26651" s="1" t="s">
        <v>95370</v>
      </c>
      <c r="H26651" s="1" t="s">
        <v>95371</v>
      </c>
      <c r="I26651" s="1" t="s">
        <v>86055</v>
      </c>
      <c r="J26651" s="1" t="s">
        <v>95436</v>
      </c>
    </row>
    <row r="26652" spans="1:10" x14ac:dyDescent="0.35">
      <c r="A26652" s="1" t="s">
        <v>51408</v>
      </c>
      <c r="B26652" s="1" t="s">
        <v>86049</v>
      </c>
      <c r="C26652" s="1" t="s">
        <v>105</v>
      </c>
      <c r="D26652" s="1" t="s">
        <v>60882</v>
      </c>
      <c r="E26652" s="1" t="s">
        <v>95437</v>
      </c>
      <c r="F26652" s="1" t="s">
        <v>95438</v>
      </c>
      <c r="G26652" s="1" t="s">
        <v>95370</v>
      </c>
      <c r="H26652" s="1" t="s">
        <v>95371</v>
      </c>
      <c r="I26652" s="1" t="s">
        <v>86055</v>
      </c>
      <c r="J26652" s="1" t="s">
        <v>95439</v>
      </c>
    </row>
    <row r="26653" spans="1:10" x14ac:dyDescent="0.35">
      <c r="A26653" s="1" t="s">
        <v>51408</v>
      </c>
      <c r="B26653" s="1" t="s">
        <v>86049</v>
      </c>
      <c r="C26653" s="1" t="s">
        <v>110</v>
      </c>
      <c r="D26653" s="1" t="s">
        <v>95440</v>
      </c>
      <c r="E26653" s="1" t="s">
        <v>95441</v>
      </c>
      <c r="F26653" s="1" t="s">
        <v>95442</v>
      </c>
      <c r="G26653" s="1" t="s">
        <v>95370</v>
      </c>
      <c r="H26653" s="1" t="s">
        <v>95371</v>
      </c>
      <c r="I26653" s="1" t="s">
        <v>86055</v>
      </c>
      <c r="J26653" s="1" t="s">
        <v>95443</v>
      </c>
    </row>
    <row r="26654" spans="1:10" x14ac:dyDescent="0.35">
      <c r="A26654" s="1" t="s">
        <v>51408</v>
      </c>
      <c r="B26654" s="1" t="s">
        <v>86049</v>
      </c>
      <c r="C26654" s="1" t="s">
        <v>115</v>
      </c>
      <c r="D26654" s="1" t="s">
        <v>95444</v>
      </c>
      <c r="E26654" s="1" t="s">
        <v>95445</v>
      </c>
      <c r="F26654" s="1" t="s">
        <v>95446</v>
      </c>
      <c r="G26654" s="1" t="s">
        <v>95370</v>
      </c>
      <c r="H26654" s="1" t="s">
        <v>95371</v>
      </c>
      <c r="I26654" s="1" t="s">
        <v>86055</v>
      </c>
      <c r="J26654" s="1" t="s">
        <v>95447</v>
      </c>
    </row>
    <row r="26655" spans="1:10" x14ac:dyDescent="0.35">
      <c r="A26655" s="1" t="s">
        <v>51408</v>
      </c>
      <c r="B26655" s="1" t="s">
        <v>86049</v>
      </c>
      <c r="C26655" s="1" t="s">
        <v>120</v>
      </c>
      <c r="D26655" s="1" t="s">
        <v>95448</v>
      </c>
      <c r="E26655" s="1" t="s">
        <v>95449</v>
      </c>
      <c r="F26655" s="1" t="s">
        <v>95450</v>
      </c>
      <c r="G26655" s="1" t="s">
        <v>95370</v>
      </c>
      <c r="H26655" s="1" t="s">
        <v>95371</v>
      </c>
      <c r="I26655" s="1" t="s">
        <v>86055</v>
      </c>
      <c r="J26655" s="1" t="s">
        <v>95451</v>
      </c>
    </row>
    <row r="26656" spans="1:10" x14ac:dyDescent="0.35">
      <c r="A26656" s="1" t="s">
        <v>51408</v>
      </c>
      <c r="B26656" s="1" t="s">
        <v>86049</v>
      </c>
      <c r="C26656" s="1" t="s">
        <v>125</v>
      </c>
      <c r="D26656" s="1" t="s">
        <v>95452</v>
      </c>
      <c r="E26656" s="1" t="s">
        <v>95453</v>
      </c>
      <c r="F26656" s="1" t="s">
        <v>95454</v>
      </c>
      <c r="G26656" s="1" t="s">
        <v>95370</v>
      </c>
      <c r="H26656" s="1" t="s">
        <v>95371</v>
      </c>
      <c r="I26656" s="1" t="s">
        <v>86055</v>
      </c>
      <c r="J26656" s="1" t="s">
        <v>95455</v>
      </c>
    </row>
    <row r="26657" spans="1:10" x14ac:dyDescent="0.35">
      <c r="A26657" s="1" t="s">
        <v>51408</v>
      </c>
      <c r="B26657" s="1" t="s">
        <v>86049</v>
      </c>
      <c r="C26657" s="1" t="s">
        <v>130</v>
      </c>
      <c r="D26657" s="1" t="s">
        <v>64344</v>
      </c>
      <c r="E26657" s="1" t="s">
        <v>95456</v>
      </c>
      <c r="F26657" s="1" t="s">
        <v>95457</v>
      </c>
      <c r="G26657" s="1" t="s">
        <v>95370</v>
      </c>
      <c r="H26657" s="1" t="s">
        <v>95371</v>
      </c>
      <c r="I26657" s="1" t="s">
        <v>86055</v>
      </c>
      <c r="J26657" s="1" t="s">
        <v>95458</v>
      </c>
    </row>
    <row r="26658" spans="1:10" x14ac:dyDescent="0.35">
      <c r="A26658" s="1" t="s">
        <v>51408</v>
      </c>
      <c r="B26658" s="1" t="s">
        <v>86049</v>
      </c>
      <c r="C26658" s="1" t="s">
        <v>135</v>
      </c>
      <c r="D26658" s="1" t="s">
        <v>95459</v>
      </c>
      <c r="E26658" s="1" t="s">
        <v>95460</v>
      </c>
      <c r="F26658" s="1" t="s">
        <v>95461</v>
      </c>
      <c r="G26658" s="1" t="s">
        <v>95370</v>
      </c>
      <c r="H26658" s="1" t="s">
        <v>95371</v>
      </c>
      <c r="I26658" s="1" t="s">
        <v>86055</v>
      </c>
      <c r="J26658" s="1" t="s">
        <v>95462</v>
      </c>
    </row>
    <row r="26659" spans="1:10" x14ac:dyDescent="0.35">
      <c r="A26659" s="1" t="s">
        <v>51408</v>
      </c>
      <c r="B26659" s="1" t="s">
        <v>86049</v>
      </c>
      <c r="C26659" s="1" t="s">
        <v>140</v>
      </c>
      <c r="D26659" s="1" t="s">
        <v>95463</v>
      </c>
      <c r="E26659" s="1" t="s">
        <v>95464</v>
      </c>
      <c r="F26659" s="1" t="s">
        <v>95465</v>
      </c>
      <c r="G26659" s="1" t="s">
        <v>95370</v>
      </c>
      <c r="H26659" s="1" t="s">
        <v>95371</v>
      </c>
      <c r="I26659" s="1" t="s">
        <v>86055</v>
      </c>
      <c r="J26659" s="1" t="s">
        <v>95466</v>
      </c>
    </row>
    <row r="26660" spans="1:10" x14ac:dyDescent="0.35">
      <c r="A26660" s="1" t="s">
        <v>51408</v>
      </c>
      <c r="B26660" s="1" t="s">
        <v>86049</v>
      </c>
      <c r="C26660" s="1" t="s">
        <v>145</v>
      </c>
      <c r="D26660" s="1" t="s">
        <v>14697</v>
      </c>
      <c r="E26660" s="1" t="s">
        <v>95467</v>
      </c>
      <c r="F26660" s="1" t="s">
        <v>95468</v>
      </c>
      <c r="G26660" s="1" t="s">
        <v>95370</v>
      </c>
      <c r="H26660" s="1" t="s">
        <v>95371</v>
      </c>
      <c r="I26660" s="1" t="s">
        <v>86055</v>
      </c>
      <c r="J26660" s="1" t="s">
        <v>95469</v>
      </c>
    </row>
    <row r="26661" spans="1:10" x14ac:dyDescent="0.35">
      <c r="A26661" s="1" t="s">
        <v>51408</v>
      </c>
      <c r="B26661" s="1" t="s">
        <v>86049</v>
      </c>
      <c r="C26661" s="1" t="s">
        <v>150</v>
      </c>
      <c r="D26661" s="1" t="s">
        <v>95470</v>
      </c>
      <c r="E26661" s="1" t="s">
        <v>95471</v>
      </c>
      <c r="F26661" s="1" t="s">
        <v>95472</v>
      </c>
      <c r="G26661" s="1" t="s">
        <v>95370</v>
      </c>
      <c r="H26661" s="1" t="s">
        <v>95371</v>
      </c>
      <c r="I26661" s="1" t="s">
        <v>86055</v>
      </c>
      <c r="J26661" s="1" t="s">
        <v>95473</v>
      </c>
    </row>
    <row r="26662" spans="1:10" x14ac:dyDescent="0.35">
      <c r="A26662" s="1" t="s">
        <v>51408</v>
      </c>
      <c r="B26662" s="1" t="s">
        <v>86049</v>
      </c>
      <c r="C26662" s="1" t="s">
        <v>155</v>
      </c>
      <c r="D26662" s="1" t="s">
        <v>54716</v>
      </c>
      <c r="E26662" s="1" t="s">
        <v>95474</v>
      </c>
      <c r="F26662" s="1" t="s">
        <v>95475</v>
      </c>
      <c r="G26662" s="1" t="s">
        <v>95370</v>
      </c>
      <c r="H26662" s="1" t="s">
        <v>95371</v>
      </c>
      <c r="I26662" s="1" t="s">
        <v>86055</v>
      </c>
      <c r="J26662" s="1" t="s">
        <v>95476</v>
      </c>
    </row>
    <row r="26663" spans="1:10" x14ac:dyDescent="0.35">
      <c r="A26663" s="1" t="s">
        <v>51408</v>
      </c>
      <c r="B26663" s="1" t="s">
        <v>86049</v>
      </c>
      <c r="C26663" s="1" t="s">
        <v>160</v>
      </c>
      <c r="D26663" s="1" t="s">
        <v>95477</v>
      </c>
      <c r="E26663" s="1" t="s">
        <v>95478</v>
      </c>
      <c r="F26663" s="1" t="s">
        <v>95479</v>
      </c>
      <c r="G26663" s="1" t="s">
        <v>95370</v>
      </c>
      <c r="H26663" s="1" t="s">
        <v>95371</v>
      </c>
      <c r="I26663" s="1" t="s">
        <v>86055</v>
      </c>
      <c r="J26663" s="1" t="s">
        <v>95480</v>
      </c>
    </row>
    <row r="26664" spans="1:10" x14ac:dyDescent="0.35">
      <c r="A26664" s="1" t="s">
        <v>51408</v>
      </c>
      <c r="B26664" s="1" t="s">
        <v>86049</v>
      </c>
      <c r="C26664" s="1" t="s">
        <v>165</v>
      </c>
      <c r="D26664" s="1" t="s">
        <v>95481</v>
      </c>
      <c r="E26664" s="1" t="s">
        <v>95482</v>
      </c>
      <c r="F26664" s="1" t="s">
        <v>95483</v>
      </c>
      <c r="G26664" s="1" t="s">
        <v>95370</v>
      </c>
      <c r="H26664" s="1" t="s">
        <v>95371</v>
      </c>
      <c r="I26664" s="1" t="s">
        <v>86055</v>
      </c>
      <c r="J26664" s="1" t="s">
        <v>95484</v>
      </c>
    </row>
    <row r="26665" spans="1:10" x14ac:dyDescent="0.35">
      <c r="A26665" s="1" t="s">
        <v>51408</v>
      </c>
      <c r="B26665" s="1" t="s">
        <v>86049</v>
      </c>
      <c r="C26665" s="1" t="s">
        <v>170</v>
      </c>
      <c r="D26665" s="1" t="s">
        <v>95485</v>
      </c>
      <c r="E26665" s="1" t="s">
        <v>95486</v>
      </c>
      <c r="F26665" s="1" t="s">
        <v>95487</v>
      </c>
      <c r="G26665" s="1" t="s">
        <v>95370</v>
      </c>
      <c r="H26665" s="1" t="s">
        <v>95371</v>
      </c>
      <c r="I26665" s="1" t="s">
        <v>86055</v>
      </c>
      <c r="J26665" s="1" t="s">
        <v>95488</v>
      </c>
    </row>
    <row r="26666" spans="1:10" x14ac:dyDescent="0.35">
      <c r="A26666" s="1" t="s">
        <v>44273</v>
      </c>
      <c r="B26666" s="1" t="s">
        <v>86049</v>
      </c>
      <c r="C26666" s="1" t="s">
        <v>8</v>
      </c>
      <c r="D26666" s="1" t="s">
        <v>24412</v>
      </c>
      <c r="E26666" s="1" t="s">
        <v>95489</v>
      </c>
      <c r="F26666" s="1" t="s">
        <v>95490</v>
      </c>
      <c r="G26666" s="1" t="s">
        <v>95491</v>
      </c>
      <c r="H26666" s="1" t="s">
        <v>95492</v>
      </c>
      <c r="I26666" s="1" t="s">
        <v>86055</v>
      </c>
      <c r="J26666" s="1" t="s">
        <v>13</v>
      </c>
    </row>
    <row r="26667" spans="1:10" x14ac:dyDescent="0.35">
      <c r="A26667" s="1" t="s">
        <v>44273</v>
      </c>
      <c r="B26667" s="1" t="s">
        <v>86049</v>
      </c>
      <c r="C26667" s="1" t="s">
        <v>15</v>
      </c>
      <c r="D26667" s="1" t="s">
        <v>92186</v>
      </c>
      <c r="E26667" s="1" t="s">
        <v>95493</v>
      </c>
      <c r="F26667" s="1" t="s">
        <v>95494</v>
      </c>
      <c r="G26667" s="1" t="s">
        <v>95491</v>
      </c>
      <c r="H26667" s="1" t="s">
        <v>95492</v>
      </c>
      <c r="I26667" s="1" t="s">
        <v>86055</v>
      </c>
      <c r="J26667" s="1" t="s">
        <v>95495</v>
      </c>
    </row>
    <row r="26668" spans="1:10" x14ac:dyDescent="0.35">
      <c r="A26668" s="1" t="s">
        <v>44273</v>
      </c>
      <c r="B26668" s="1" t="s">
        <v>86049</v>
      </c>
      <c r="C26668" s="1" t="s">
        <v>20</v>
      </c>
      <c r="D26668" s="1" t="s">
        <v>95496</v>
      </c>
      <c r="E26668" s="1" t="s">
        <v>95497</v>
      </c>
      <c r="F26668" s="1" t="s">
        <v>95498</v>
      </c>
      <c r="G26668" s="1" t="s">
        <v>95491</v>
      </c>
      <c r="H26668" s="1" t="s">
        <v>95492</v>
      </c>
      <c r="I26668" s="1" t="s">
        <v>86055</v>
      </c>
      <c r="J26668" s="1" t="s">
        <v>95499</v>
      </c>
    </row>
    <row r="26669" spans="1:10" x14ac:dyDescent="0.35">
      <c r="A26669" s="1" t="s">
        <v>44273</v>
      </c>
      <c r="B26669" s="1" t="s">
        <v>86049</v>
      </c>
      <c r="C26669" s="1" t="s">
        <v>25</v>
      </c>
      <c r="D26669" s="1" t="s">
        <v>90479</v>
      </c>
      <c r="E26669" s="1" t="s">
        <v>95500</v>
      </c>
      <c r="F26669" s="1" t="s">
        <v>95501</v>
      </c>
      <c r="G26669" s="1" t="s">
        <v>95491</v>
      </c>
      <c r="H26669" s="1" t="s">
        <v>95492</v>
      </c>
      <c r="I26669" s="1" t="s">
        <v>86055</v>
      </c>
      <c r="J26669" s="1" t="s">
        <v>95502</v>
      </c>
    </row>
    <row r="26670" spans="1:10" x14ac:dyDescent="0.35">
      <c r="A26670" s="1" t="s">
        <v>44273</v>
      </c>
      <c r="B26670" s="1" t="s">
        <v>86049</v>
      </c>
      <c r="C26670" s="1" t="s">
        <v>30</v>
      </c>
      <c r="D26670" s="1" t="s">
        <v>95503</v>
      </c>
      <c r="E26670" s="1" t="s">
        <v>95504</v>
      </c>
      <c r="F26670" s="1" t="s">
        <v>95505</v>
      </c>
      <c r="G26670" s="1" t="s">
        <v>95491</v>
      </c>
      <c r="H26670" s="1" t="s">
        <v>95492</v>
      </c>
      <c r="I26670" s="1" t="s">
        <v>86055</v>
      </c>
      <c r="J26670" s="1" t="s">
        <v>95506</v>
      </c>
    </row>
    <row r="26671" spans="1:10" x14ac:dyDescent="0.35">
      <c r="A26671" s="1" t="s">
        <v>44273</v>
      </c>
      <c r="B26671" s="1" t="s">
        <v>86049</v>
      </c>
      <c r="C26671" s="1" t="s">
        <v>35</v>
      </c>
      <c r="D26671" s="1" t="s">
        <v>52735</v>
      </c>
      <c r="E26671" s="1" t="s">
        <v>95507</v>
      </c>
      <c r="F26671" s="1" t="s">
        <v>95508</v>
      </c>
      <c r="G26671" s="1" t="s">
        <v>95491</v>
      </c>
      <c r="H26671" s="1" t="s">
        <v>95492</v>
      </c>
      <c r="I26671" s="1" t="s">
        <v>86055</v>
      </c>
      <c r="J26671" s="1" t="s">
        <v>95509</v>
      </c>
    </row>
    <row r="26672" spans="1:10" x14ac:dyDescent="0.35">
      <c r="A26672" s="1" t="s">
        <v>44273</v>
      </c>
      <c r="B26672" s="1" t="s">
        <v>86049</v>
      </c>
      <c r="C26672" s="1" t="s">
        <v>40</v>
      </c>
      <c r="D26672" s="1" t="s">
        <v>95510</v>
      </c>
      <c r="E26672" s="1" t="s">
        <v>95511</v>
      </c>
      <c r="F26672" s="1" t="s">
        <v>95512</v>
      </c>
      <c r="G26672" s="1" t="s">
        <v>95491</v>
      </c>
      <c r="H26672" s="1" t="s">
        <v>95492</v>
      </c>
      <c r="I26672" s="1" t="s">
        <v>86055</v>
      </c>
      <c r="J26672" s="1" t="s">
        <v>95513</v>
      </c>
    </row>
    <row r="26673" spans="1:10" x14ac:dyDescent="0.35">
      <c r="A26673" s="1" t="s">
        <v>44273</v>
      </c>
      <c r="B26673" s="1" t="s">
        <v>86049</v>
      </c>
      <c r="C26673" s="1" t="s">
        <v>45</v>
      </c>
      <c r="D26673" s="1" t="s">
        <v>95514</v>
      </c>
      <c r="E26673" s="1" t="s">
        <v>95515</v>
      </c>
      <c r="F26673" s="1" t="s">
        <v>95516</v>
      </c>
      <c r="G26673" s="1" t="s">
        <v>95491</v>
      </c>
      <c r="H26673" s="1" t="s">
        <v>95492</v>
      </c>
      <c r="I26673" s="1" t="s">
        <v>86055</v>
      </c>
      <c r="J26673" s="1" t="s">
        <v>95517</v>
      </c>
    </row>
    <row r="26674" spans="1:10" x14ac:dyDescent="0.35">
      <c r="A26674" s="1" t="s">
        <v>44273</v>
      </c>
      <c r="B26674" s="1" t="s">
        <v>86049</v>
      </c>
      <c r="C26674" s="1" t="s">
        <v>50</v>
      </c>
      <c r="D26674" s="1" t="s">
        <v>58317</v>
      </c>
      <c r="E26674" s="1" t="s">
        <v>95518</v>
      </c>
      <c r="F26674" s="1" t="s">
        <v>95519</v>
      </c>
      <c r="G26674" s="1" t="s">
        <v>95491</v>
      </c>
      <c r="H26674" s="1" t="s">
        <v>95492</v>
      </c>
      <c r="I26674" s="1" t="s">
        <v>86055</v>
      </c>
      <c r="J26674" s="1" t="s">
        <v>95520</v>
      </c>
    </row>
    <row r="26675" spans="1:10" x14ac:dyDescent="0.35">
      <c r="A26675" s="1" t="s">
        <v>44273</v>
      </c>
      <c r="B26675" s="1" t="s">
        <v>86049</v>
      </c>
      <c r="C26675" s="1" t="s">
        <v>55</v>
      </c>
      <c r="D26675" s="1" t="s">
        <v>91205</v>
      </c>
      <c r="E26675" s="1" t="s">
        <v>95521</v>
      </c>
      <c r="F26675" s="1" t="s">
        <v>95522</v>
      </c>
      <c r="G26675" s="1" t="s">
        <v>95491</v>
      </c>
      <c r="H26675" s="1" t="s">
        <v>95492</v>
      </c>
      <c r="I26675" s="1" t="s">
        <v>86055</v>
      </c>
      <c r="J26675" s="1" t="s">
        <v>95523</v>
      </c>
    </row>
    <row r="26676" spans="1:10" x14ac:dyDescent="0.35">
      <c r="A26676" s="1" t="s">
        <v>44273</v>
      </c>
      <c r="B26676" s="1" t="s">
        <v>86049</v>
      </c>
      <c r="C26676" s="1" t="s">
        <v>60</v>
      </c>
      <c r="D26676" s="1" t="s">
        <v>54218</v>
      </c>
      <c r="E26676" s="1" t="s">
        <v>95524</v>
      </c>
      <c r="F26676" s="1" t="s">
        <v>95525</v>
      </c>
      <c r="G26676" s="1" t="s">
        <v>95491</v>
      </c>
      <c r="H26676" s="1" t="s">
        <v>95492</v>
      </c>
      <c r="I26676" s="1" t="s">
        <v>86055</v>
      </c>
      <c r="J26676" s="1" t="s">
        <v>95526</v>
      </c>
    </row>
    <row r="26677" spans="1:10" x14ac:dyDescent="0.35">
      <c r="A26677" s="1" t="s">
        <v>44273</v>
      </c>
      <c r="B26677" s="1" t="s">
        <v>86049</v>
      </c>
      <c r="C26677" s="1" t="s">
        <v>65</v>
      </c>
      <c r="D26677" s="1" t="s">
        <v>95527</v>
      </c>
      <c r="E26677" s="1" t="s">
        <v>95528</v>
      </c>
      <c r="F26677" s="1" t="s">
        <v>95529</v>
      </c>
      <c r="G26677" s="1" t="s">
        <v>95491</v>
      </c>
      <c r="H26677" s="1" t="s">
        <v>95492</v>
      </c>
      <c r="I26677" s="1" t="s">
        <v>86055</v>
      </c>
      <c r="J26677" s="1" t="s">
        <v>95530</v>
      </c>
    </row>
    <row r="26678" spans="1:10" x14ac:dyDescent="0.35">
      <c r="A26678" s="1" t="s">
        <v>44273</v>
      </c>
      <c r="B26678" s="1" t="s">
        <v>86049</v>
      </c>
      <c r="C26678" s="1" t="s">
        <v>70</v>
      </c>
      <c r="D26678" s="1" t="s">
        <v>95531</v>
      </c>
      <c r="E26678" s="1" t="s">
        <v>95532</v>
      </c>
      <c r="F26678" s="1" t="s">
        <v>95533</v>
      </c>
      <c r="G26678" s="1" t="s">
        <v>95491</v>
      </c>
      <c r="H26678" s="1" t="s">
        <v>95492</v>
      </c>
      <c r="I26678" s="1" t="s">
        <v>86055</v>
      </c>
      <c r="J26678" s="1" t="s">
        <v>95534</v>
      </c>
    </row>
    <row r="26679" spans="1:10" x14ac:dyDescent="0.35">
      <c r="A26679" s="1" t="s">
        <v>44273</v>
      </c>
      <c r="B26679" s="1" t="s">
        <v>86049</v>
      </c>
      <c r="C26679" s="1" t="s">
        <v>75</v>
      </c>
      <c r="D26679" s="1" t="s">
        <v>95535</v>
      </c>
      <c r="E26679" s="1" t="s">
        <v>95536</v>
      </c>
      <c r="F26679" s="1" t="s">
        <v>95537</v>
      </c>
      <c r="G26679" s="1" t="s">
        <v>95491</v>
      </c>
      <c r="H26679" s="1" t="s">
        <v>95492</v>
      </c>
      <c r="I26679" s="1" t="s">
        <v>86055</v>
      </c>
      <c r="J26679" s="1" t="s">
        <v>95538</v>
      </c>
    </row>
    <row r="26680" spans="1:10" x14ac:dyDescent="0.35">
      <c r="A26680" s="1" t="s">
        <v>44273</v>
      </c>
      <c r="B26680" s="1" t="s">
        <v>86049</v>
      </c>
      <c r="C26680" s="1" t="s">
        <v>80</v>
      </c>
      <c r="D26680" s="1" t="s">
        <v>95539</v>
      </c>
      <c r="E26680" s="1" t="s">
        <v>95540</v>
      </c>
      <c r="F26680" s="1" t="s">
        <v>95541</v>
      </c>
      <c r="G26680" s="1" t="s">
        <v>95491</v>
      </c>
      <c r="H26680" s="1" t="s">
        <v>95492</v>
      </c>
      <c r="I26680" s="1" t="s">
        <v>86055</v>
      </c>
      <c r="J26680" s="1" t="s">
        <v>95542</v>
      </c>
    </row>
    <row r="26681" spans="1:10" x14ac:dyDescent="0.35">
      <c r="A26681" s="1" t="s">
        <v>44273</v>
      </c>
      <c r="B26681" s="1" t="s">
        <v>86049</v>
      </c>
      <c r="C26681" s="1" t="s">
        <v>85</v>
      </c>
      <c r="D26681" s="1" t="s">
        <v>95543</v>
      </c>
      <c r="E26681" s="1" t="s">
        <v>95544</v>
      </c>
      <c r="F26681" s="1" t="s">
        <v>95545</v>
      </c>
      <c r="G26681" s="1" t="s">
        <v>95491</v>
      </c>
      <c r="H26681" s="1" t="s">
        <v>95492</v>
      </c>
      <c r="I26681" s="1" t="s">
        <v>86055</v>
      </c>
      <c r="J26681" s="1" t="s">
        <v>95546</v>
      </c>
    </row>
    <row r="26682" spans="1:10" x14ac:dyDescent="0.35">
      <c r="A26682" s="1" t="s">
        <v>44273</v>
      </c>
      <c r="B26682" s="1" t="s">
        <v>86049</v>
      </c>
      <c r="C26682" s="1" t="s">
        <v>90</v>
      </c>
      <c r="D26682" s="1" t="s">
        <v>95547</v>
      </c>
      <c r="E26682" s="1" t="s">
        <v>95548</v>
      </c>
      <c r="F26682" s="1" t="s">
        <v>95549</v>
      </c>
      <c r="G26682" s="1" t="s">
        <v>95491</v>
      </c>
      <c r="H26682" s="1" t="s">
        <v>95492</v>
      </c>
      <c r="I26682" s="1" t="s">
        <v>86055</v>
      </c>
      <c r="J26682" s="1" t="s">
        <v>95550</v>
      </c>
    </row>
    <row r="26683" spans="1:10" x14ac:dyDescent="0.35">
      <c r="A26683" s="1" t="s">
        <v>44273</v>
      </c>
      <c r="B26683" s="1" t="s">
        <v>86049</v>
      </c>
      <c r="C26683" s="1" t="s">
        <v>95</v>
      </c>
      <c r="D26683" s="1" t="s">
        <v>95551</v>
      </c>
      <c r="E26683" s="1" t="s">
        <v>95552</v>
      </c>
      <c r="F26683" s="1" t="s">
        <v>95553</v>
      </c>
      <c r="G26683" s="1" t="s">
        <v>95491</v>
      </c>
      <c r="H26683" s="1" t="s">
        <v>95492</v>
      </c>
      <c r="I26683" s="1" t="s">
        <v>86055</v>
      </c>
      <c r="J26683" s="1" t="s">
        <v>95554</v>
      </c>
    </row>
    <row r="26684" spans="1:10" x14ac:dyDescent="0.35">
      <c r="A26684" s="1" t="s">
        <v>44273</v>
      </c>
      <c r="B26684" s="1" t="s">
        <v>86049</v>
      </c>
      <c r="C26684" s="1" t="s">
        <v>100</v>
      </c>
      <c r="D26684" s="1" t="s">
        <v>95555</v>
      </c>
      <c r="E26684" s="1" t="s">
        <v>95556</v>
      </c>
      <c r="F26684" s="1" t="s">
        <v>95557</v>
      </c>
      <c r="G26684" s="1" t="s">
        <v>95491</v>
      </c>
      <c r="H26684" s="1" t="s">
        <v>95492</v>
      </c>
      <c r="I26684" s="1" t="s">
        <v>86055</v>
      </c>
      <c r="J26684" s="1" t="s">
        <v>95558</v>
      </c>
    </row>
    <row r="26685" spans="1:10" x14ac:dyDescent="0.35">
      <c r="A26685" s="1" t="s">
        <v>44273</v>
      </c>
      <c r="B26685" s="1" t="s">
        <v>86049</v>
      </c>
      <c r="C26685" s="1" t="s">
        <v>105</v>
      </c>
      <c r="D26685" s="1" t="s">
        <v>85757</v>
      </c>
      <c r="E26685" s="1" t="s">
        <v>95559</v>
      </c>
      <c r="F26685" s="1" t="s">
        <v>95560</v>
      </c>
      <c r="G26685" s="1" t="s">
        <v>95491</v>
      </c>
      <c r="H26685" s="1" t="s">
        <v>95492</v>
      </c>
      <c r="I26685" s="1" t="s">
        <v>86055</v>
      </c>
      <c r="J26685" s="1" t="s">
        <v>95561</v>
      </c>
    </row>
    <row r="26686" spans="1:10" x14ac:dyDescent="0.35">
      <c r="A26686" s="1" t="s">
        <v>44273</v>
      </c>
      <c r="B26686" s="1" t="s">
        <v>86049</v>
      </c>
      <c r="C26686" s="1" t="s">
        <v>110</v>
      </c>
      <c r="D26686" s="1" t="s">
        <v>95562</v>
      </c>
      <c r="E26686" s="1" t="s">
        <v>95563</v>
      </c>
      <c r="F26686" s="1" t="s">
        <v>95564</v>
      </c>
      <c r="G26686" s="1" t="s">
        <v>95491</v>
      </c>
      <c r="H26686" s="1" t="s">
        <v>95492</v>
      </c>
      <c r="I26686" s="1" t="s">
        <v>86055</v>
      </c>
      <c r="J26686" s="1" t="s">
        <v>95565</v>
      </c>
    </row>
    <row r="26687" spans="1:10" x14ac:dyDescent="0.35">
      <c r="A26687" s="1" t="s">
        <v>44273</v>
      </c>
      <c r="B26687" s="1" t="s">
        <v>86049</v>
      </c>
      <c r="C26687" s="1" t="s">
        <v>115</v>
      </c>
      <c r="D26687" s="1" t="s">
        <v>77432</v>
      </c>
      <c r="E26687" s="1" t="s">
        <v>95566</v>
      </c>
      <c r="F26687" s="1" t="s">
        <v>95567</v>
      </c>
      <c r="G26687" s="1" t="s">
        <v>95491</v>
      </c>
      <c r="H26687" s="1" t="s">
        <v>95492</v>
      </c>
      <c r="I26687" s="1" t="s">
        <v>86055</v>
      </c>
      <c r="J26687" s="1" t="s">
        <v>95568</v>
      </c>
    </row>
    <row r="26688" spans="1:10" x14ac:dyDescent="0.35">
      <c r="A26688" s="1" t="s">
        <v>44273</v>
      </c>
      <c r="B26688" s="1" t="s">
        <v>86049</v>
      </c>
      <c r="C26688" s="1" t="s">
        <v>120</v>
      </c>
      <c r="D26688" s="1" t="s">
        <v>95569</v>
      </c>
      <c r="E26688" s="1" t="s">
        <v>95570</v>
      </c>
      <c r="F26688" s="1" t="s">
        <v>95571</v>
      </c>
      <c r="G26688" s="1" t="s">
        <v>95491</v>
      </c>
      <c r="H26688" s="1" t="s">
        <v>95492</v>
      </c>
      <c r="I26688" s="1" t="s">
        <v>86055</v>
      </c>
      <c r="J26688" s="1" t="s">
        <v>95572</v>
      </c>
    </row>
    <row r="26689" spans="1:10" x14ac:dyDescent="0.35">
      <c r="A26689" s="1" t="s">
        <v>44273</v>
      </c>
      <c r="B26689" s="1" t="s">
        <v>86049</v>
      </c>
      <c r="C26689" s="1" t="s">
        <v>125</v>
      </c>
      <c r="D26689" s="1" t="s">
        <v>69581</v>
      </c>
      <c r="E26689" s="1" t="s">
        <v>95573</v>
      </c>
      <c r="F26689" s="1" t="s">
        <v>95574</v>
      </c>
      <c r="G26689" s="1" t="s">
        <v>95491</v>
      </c>
      <c r="H26689" s="1" t="s">
        <v>95492</v>
      </c>
      <c r="I26689" s="1" t="s">
        <v>86055</v>
      </c>
      <c r="J26689" s="1" t="s">
        <v>95575</v>
      </c>
    </row>
    <row r="26690" spans="1:10" x14ac:dyDescent="0.35">
      <c r="A26690" s="1" t="s">
        <v>44273</v>
      </c>
      <c r="B26690" s="1" t="s">
        <v>86049</v>
      </c>
      <c r="C26690" s="1" t="s">
        <v>130</v>
      </c>
      <c r="D26690" s="1" t="s">
        <v>91923</v>
      </c>
      <c r="E26690" s="1" t="s">
        <v>95576</v>
      </c>
      <c r="F26690" s="1" t="s">
        <v>95577</v>
      </c>
      <c r="G26690" s="1" t="s">
        <v>95491</v>
      </c>
      <c r="H26690" s="1" t="s">
        <v>95492</v>
      </c>
      <c r="I26690" s="1" t="s">
        <v>86055</v>
      </c>
      <c r="J26690" s="1" t="s">
        <v>95578</v>
      </c>
    </row>
    <row r="26691" spans="1:10" x14ac:dyDescent="0.35">
      <c r="A26691" s="1" t="s">
        <v>44273</v>
      </c>
      <c r="B26691" s="1" t="s">
        <v>86049</v>
      </c>
      <c r="C26691" s="1" t="s">
        <v>135</v>
      </c>
      <c r="D26691" s="1" t="s">
        <v>81554</v>
      </c>
      <c r="E26691" s="1" t="s">
        <v>95579</v>
      </c>
      <c r="F26691" s="1" t="s">
        <v>95580</v>
      </c>
      <c r="G26691" s="1" t="s">
        <v>95491</v>
      </c>
      <c r="H26691" s="1" t="s">
        <v>95492</v>
      </c>
      <c r="I26691" s="1" t="s">
        <v>86055</v>
      </c>
      <c r="J26691" s="1" t="s">
        <v>95581</v>
      </c>
    </row>
    <row r="26692" spans="1:10" x14ac:dyDescent="0.35">
      <c r="A26692" s="1" t="s">
        <v>44273</v>
      </c>
      <c r="B26692" s="1" t="s">
        <v>86049</v>
      </c>
      <c r="C26692" s="1" t="s">
        <v>140</v>
      </c>
      <c r="D26692" s="1" t="s">
        <v>55387</v>
      </c>
      <c r="E26692" s="1" t="s">
        <v>95582</v>
      </c>
      <c r="F26692" s="1" t="s">
        <v>95583</v>
      </c>
      <c r="G26692" s="1" t="s">
        <v>95491</v>
      </c>
      <c r="H26692" s="1" t="s">
        <v>95492</v>
      </c>
      <c r="I26692" s="1" t="s">
        <v>86055</v>
      </c>
      <c r="J26692" s="1" t="s">
        <v>95584</v>
      </c>
    </row>
    <row r="26693" spans="1:10" x14ac:dyDescent="0.35">
      <c r="A26693" s="1" t="s">
        <v>44273</v>
      </c>
      <c r="B26693" s="1" t="s">
        <v>86049</v>
      </c>
      <c r="C26693" s="1" t="s">
        <v>145</v>
      </c>
      <c r="D26693" s="1" t="s">
        <v>95585</v>
      </c>
      <c r="E26693" s="1" t="s">
        <v>95586</v>
      </c>
      <c r="F26693" s="1" t="s">
        <v>95587</v>
      </c>
      <c r="G26693" s="1" t="s">
        <v>95491</v>
      </c>
      <c r="H26693" s="1" t="s">
        <v>95492</v>
      </c>
      <c r="I26693" s="1" t="s">
        <v>86055</v>
      </c>
      <c r="J26693" s="1" t="s">
        <v>95588</v>
      </c>
    </row>
    <row r="26694" spans="1:10" x14ac:dyDescent="0.35">
      <c r="A26694" s="1" t="s">
        <v>44273</v>
      </c>
      <c r="B26694" s="1" t="s">
        <v>86049</v>
      </c>
      <c r="C26694" s="1" t="s">
        <v>150</v>
      </c>
      <c r="D26694" s="1" t="s">
        <v>58857</v>
      </c>
      <c r="E26694" s="1" t="s">
        <v>95589</v>
      </c>
      <c r="F26694" s="1" t="s">
        <v>95590</v>
      </c>
      <c r="G26694" s="1" t="s">
        <v>95491</v>
      </c>
      <c r="H26694" s="1" t="s">
        <v>95492</v>
      </c>
      <c r="I26694" s="1" t="s">
        <v>86055</v>
      </c>
      <c r="J26694" s="1" t="s">
        <v>95591</v>
      </c>
    </row>
    <row r="26695" spans="1:10" x14ac:dyDescent="0.35">
      <c r="A26695" s="1" t="s">
        <v>44273</v>
      </c>
      <c r="B26695" s="1" t="s">
        <v>86049</v>
      </c>
      <c r="C26695" s="1" t="s">
        <v>155</v>
      </c>
      <c r="D26695" s="1" t="s">
        <v>68543</v>
      </c>
      <c r="E26695" s="1" t="s">
        <v>95592</v>
      </c>
      <c r="F26695" s="1" t="s">
        <v>95593</v>
      </c>
      <c r="G26695" s="1" t="s">
        <v>95491</v>
      </c>
      <c r="H26695" s="1" t="s">
        <v>95492</v>
      </c>
      <c r="I26695" s="1" t="s">
        <v>86055</v>
      </c>
      <c r="J26695" s="1" t="s">
        <v>95594</v>
      </c>
    </row>
    <row r="26696" spans="1:10" x14ac:dyDescent="0.35">
      <c r="A26696" s="1" t="s">
        <v>44273</v>
      </c>
      <c r="B26696" s="1" t="s">
        <v>86049</v>
      </c>
      <c r="C26696" s="1" t="s">
        <v>160</v>
      </c>
      <c r="D26696" s="1" t="s">
        <v>95595</v>
      </c>
      <c r="E26696" s="1" t="s">
        <v>95596</v>
      </c>
      <c r="F26696" s="1" t="s">
        <v>95597</v>
      </c>
      <c r="G26696" s="1" t="s">
        <v>95491</v>
      </c>
      <c r="H26696" s="1" t="s">
        <v>95492</v>
      </c>
      <c r="I26696" s="1" t="s">
        <v>86055</v>
      </c>
      <c r="J26696" s="1" t="s">
        <v>95598</v>
      </c>
    </row>
    <row r="26697" spans="1:10" x14ac:dyDescent="0.35">
      <c r="A26697" s="1" t="s">
        <v>44273</v>
      </c>
      <c r="B26697" s="1" t="s">
        <v>86049</v>
      </c>
      <c r="C26697" s="1" t="s">
        <v>165</v>
      </c>
      <c r="D26697" s="1" t="s">
        <v>85771</v>
      </c>
      <c r="E26697" s="1" t="s">
        <v>95599</v>
      </c>
      <c r="F26697" s="1" t="s">
        <v>95600</v>
      </c>
      <c r="G26697" s="1" t="s">
        <v>95491</v>
      </c>
      <c r="H26697" s="1" t="s">
        <v>95492</v>
      </c>
      <c r="I26697" s="1" t="s">
        <v>86055</v>
      </c>
      <c r="J26697" s="1" t="s">
        <v>95601</v>
      </c>
    </row>
    <row r="26698" spans="1:10" x14ac:dyDescent="0.35">
      <c r="A26698" s="1" t="s">
        <v>44273</v>
      </c>
      <c r="B26698" s="1" t="s">
        <v>86049</v>
      </c>
      <c r="C26698" s="1" t="s">
        <v>170</v>
      </c>
      <c r="D26698" s="1" t="s">
        <v>95602</v>
      </c>
      <c r="E26698" s="1" t="s">
        <v>95603</v>
      </c>
      <c r="F26698" s="1" t="s">
        <v>95604</v>
      </c>
      <c r="G26698" s="1" t="s">
        <v>95491</v>
      </c>
      <c r="H26698" s="1" t="s">
        <v>95492</v>
      </c>
      <c r="I26698" s="1" t="s">
        <v>86055</v>
      </c>
      <c r="J26698" s="1" t="s">
        <v>95605</v>
      </c>
    </row>
    <row r="26699" spans="1:10" x14ac:dyDescent="0.35">
      <c r="A26699" s="1" t="s">
        <v>7327</v>
      </c>
      <c r="B26699" s="1" t="s">
        <v>86049</v>
      </c>
      <c r="C26699" s="1" t="s">
        <v>8</v>
      </c>
      <c r="D26699" s="1" t="s">
        <v>95606</v>
      </c>
      <c r="E26699" s="1" t="s">
        <v>95607</v>
      </c>
      <c r="F26699" s="1" t="s">
        <v>95608</v>
      </c>
      <c r="G26699" s="1" t="s">
        <v>95609</v>
      </c>
      <c r="H26699" s="1" t="s">
        <v>95610</v>
      </c>
      <c r="I26699" s="1" t="s">
        <v>86055</v>
      </c>
      <c r="J26699" s="1" t="s">
        <v>13</v>
      </c>
    </row>
    <row r="26700" spans="1:10" x14ac:dyDescent="0.35">
      <c r="A26700" s="1" t="s">
        <v>7327</v>
      </c>
      <c r="B26700" s="1" t="s">
        <v>86049</v>
      </c>
      <c r="C26700" s="1" t="s">
        <v>15</v>
      </c>
      <c r="D26700" s="1" t="s">
        <v>95611</v>
      </c>
      <c r="E26700" s="1" t="s">
        <v>95612</v>
      </c>
      <c r="F26700" s="1" t="s">
        <v>95613</v>
      </c>
      <c r="G26700" s="1" t="s">
        <v>95609</v>
      </c>
      <c r="H26700" s="1" t="s">
        <v>95610</v>
      </c>
      <c r="I26700" s="1" t="s">
        <v>86055</v>
      </c>
      <c r="J26700" s="1" t="s">
        <v>95614</v>
      </c>
    </row>
    <row r="26701" spans="1:10" x14ac:dyDescent="0.35">
      <c r="A26701" s="1" t="s">
        <v>7327</v>
      </c>
      <c r="B26701" s="1" t="s">
        <v>86049</v>
      </c>
      <c r="C26701" s="1" t="s">
        <v>20</v>
      </c>
      <c r="D26701" s="1" t="s">
        <v>95615</v>
      </c>
      <c r="E26701" s="1" t="s">
        <v>95616</v>
      </c>
      <c r="F26701" s="1" t="s">
        <v>95617</v>
      </c>
      <c r="G26701" s="1" t="s">
        <v>95609</v>
      </c>
      <c r="H26701" s="1" t="s">
        <v>95610</v>
      </c>
      <c r="I26701" s="1" t="s">
        <v>86055</v>
      </c>
      <c r="J26701" s="1" t="s">
        <v>95618</v>
      </c>
    </row>
    <row r="26702" spans="1:10" x14ac:dyDescent="0.35">
      <c r="A26702" s="1" t="s">
        <v>7327</v>
      </c>
      <c r="B26702" s="1" t="s">
        <v>86049</v>
      </c>
      <c r="C26702" s="1" t="s">
        <v>25</v>
      </c>
      <c r="D26702" s="1" t="s">
        <v>95619</v>
      </c>
      <c r="E26702" s="1" t="s">
        <v>95620</v>
      </c>
      <c r="F26702" s="1" t="s">
        <v>95621</v>
      </c>
      <c r="G26702" s="1" t="s">
        <v>95609</v>
      </c>
      <c r="H26702" s="1" t="s">
        <v>95610</v>
      </c>
      <c r="I26702" s="1" t="s">
        <v>86055</v>
      </c>
      <c r="J26702" s="1" t="s">
        <v>95622</v>
      </c>
    </row>
    <row r="26703" spans="1:10" x14ac:dyDescent="0.35">
      <c r="A26703" s="1" t="s">
        <v>7327</v>
      </c>
      <c r="B26703" s="1" t="s">
        <v>86049</v>
      </c>
      <c r="C26703" s="1" t="s">
        <v>30</v>
      </c>
      <c r="D26703" s="1" t="s">
        <v>95623</v>
      </c>
      <c r="E26703" s="1" t="s">
        <v>95624</v>
      </c>
      <c r="F26703" s="1" t="s">
        <v>95625</v>
      </c>
      <c r="G26703" s="1" t="s">
        <v>95609</v>
      </c>
      <c r="H26703" s="1" t="s">
        <v>95610</v>
      </c>
      <c r="I26703" s="1" t="s">
        <v>86055</v>
      </c>
      <c r="J26703" s="1" t="s">
        <v>95626</v>
      </c>
    </row>
    <row r="26704" spans="1:10" x14ac:dyDescent="0.35">
      <c r="A26704" s="1" t="s">
        <v>7327</v>
      </c>
      <c r="B26704" s="1" t="s">
        <v>86049</v>
      </c>
      <c r="C26704" s="1" t="s">
        <v>35</v>
      </c>
      <c r="D26704" s="1" t="s">
        <v>95627</v>
      </c>
      <c r="E26704" s="1" t="s">
        <v>95628</v>
      </c>
      <c r="F26704" s="1" t="s">
        <v>95629</v>
      </c>
      <c r="G26704" s="1" t="s">
        <v>95609</v>
      </c>
      <c r="H26704" s="1" t="s">
        <v>95610</v>
      </c>
      <c r="I26704" s="1" t="s">
        <v>86055</v>
      </c>
      <c r="J26704" s="1" t="s">
        <v>95630</v>
      </c>
    </row>
    <row r="26705" spans="1:10" x14ac:dyDescent="0.35">
      <c r="A26705" s="1" t="s">
        <v>7327</v>
      </c>
      <c r="B26705" s="1" t="s">
        <v>86049</v>
      </c>
      <c r="C26705" s="1" t="s">
        <v>40</v>
      </c>
      <c r="D26705" s="1" t="s">
        <v>95631</v>
      </c>
      <c r="E26705" s="1" t="s">
        <v>95632</v>
      </c>
      <c r="F26705" s="1" t="s">
        <v>95633</v>
      </c>
      <c r="G26705" s="1" t="s">
        <v>95609</v>
      </c>
      <c r="H26705" s="1" t="s">
        <v>95610</v>
      </c>
      <c r="I26705" s="1" t="s">
        <v>86055</v>
      </c>
      <c r="J26705" s="1" t="s">
        <v>95634</v>
      </c>
    </row>
    <row r="26706" spans="1:10" x14ac:dyDescent="0.35">
      <c r="A26706" s="1" t="s">
        <v>7327</v>
      </c>
      <c r="B26706" s="1" t="s">
        <v>86049</v>
      </c>
      <c r="C26706" s="1" t="s">
        <v>45</v>
      </c>
      <c r="D26706" s="1" t="s">
        <v>95635</v>
      </c>
      <c r="E26706" s="1" t="s">
        <v>95636</v>
      </c>
      <c r="F26706" s="1" t="s">
        <v>95637</v>
      </c>
      <c r="G26706" s="1" t="s">
        <v>95609</v>
      </c>
      <c r="H26706" s="1" t="s">
        <v>95610</v>
      </c>
      <c r="I26706" s="1" t="s">
        <v>86055</v>
      </c>
      <c r="J26706" s="1" t="s">
        <v>95638</v>
      </c>
    </row>
    <row r="26707" spans="1:10" x14ac:dyDescent="0.35">
      <c r="A26707" s="1" t="s">
        <v>7327</v>
      </c>
      <c r="B26707" s="1" t="s">
        <v>86049</v>
      </c>
      <c r="C26707" s="1" t="s">
        <v>50</v>
      </c>
      <c r="D26707" s="1" t="s">
        <v>95639</v>
      </c>
      <c r="E26707" s="1" t="s">
        <v>95640</v>
      </c>
      <c r="F26707" s="1" t="s">
        <v>95641</v>
      </c>
      <c r="G26707" s="1" t="s">
        <v>95609</v>
      </c>
      <c r="H26707" s="1" t="s">
        <v>95610</v>
      </c>
      <c r="I26707" s="1" t="s">
        <v>86055</v>
      </c>
      <c r="J26707" s="1" t="s">
        <v>95642</v>
      </c>
    </row>
    <row r="26708" spans="1:10" x14ac:dyDescent="0.35">
      <c r="A26708" s="1" t="s">
        <v>7327</v>
      </c>
      <c r="B26708" s="1" t="s">
        <v>86049</v>
      </c>
      <c r="C26708" s="1" t="s">
        <v>55</v>
      </c>
      <c r="D26708" s="1" t="s">
        <v>95643</v>
      </c>
      <c r="E26708" s="1" t="s">
        <v>95644</v>
      </c>
      <c r="F26708" s="1" t="s">
        <v>95645</v>
      </c>
      <c r="G26708" s="1" t="s">
        <v>95609</v>
      </c>
      <c r="H26708" s="1" t="s">
        <v>95610</v>
      </c>
      <c r="I26708" s="1" t="s">
        <v>86055</v>
      </c>
      <c r="J26708" s="1" t="s">
        <v>95646</v>
      </c>
    </row>
    <row r="26709" spans="1:10" x14ac:dyDescent="0.35">
      <c r="A26709" s="1" t="s">
        <v>7327</v>
      </c>
      <c r="B26709" s="1" t="s">
        <v>86049</v>
      </c>
      <c r="C26709" s="1" t="s">
        <v>60</v>
      </c>
      <c r="D26709" s="1" t="s">
        <v>95647</v>
      </c>
      <c r="E26709" s="1" t="s">
        <v>95648</v>
      </c>
      <c r="F26709" s="1" t="s">
        <v>95649</v>
      </c>
      <c r="G26709" s="1" t="s">
        <v>95609</v>
      </c>
      <c r="H26709" s="1" t="s">
        <v>95610</v>
      </c>
      <c r="I26709" s="1" t="s">
        <v>86055</v>
      </c>
      <c r="J26709" s="1" t="s">
        <v>95650</v>
      </c>
    </row>
    <row r="26710" spans="1:10" x14ac:dyDescent="0.35">
      <c r="A26710" s="1" t="s">
        <v>7327</v>
      </c>
      <c r="B26710" s="1" t="s">
        <v>86049</v>
      </c>
      <c r="C26710" s="1" t="s">
        <v>65</v>
      </c>
      <c r="D26710" s="1" t="s">
        <v>69547</v>
      </c>
      <c r="E26710" s="1" t="s">
        <v>95651</v>
      </c>
      <c r="F26710" s="1" t="s">
        <v>95652</v>
      </c>
      <c r="G26710" s="1" t="s">
        <v>95609</v>
      </c>
      <c r="H26710" s="1" t="s">
        <v>95610</v>
      </c>
      <c r="I26710" s="1" t="s">
        <v>86055</v>
      </c>
      <c r="J26710" s="1" t="s">
        <v>95653</v>
      </c>
    </row>
    <row r="26711" spans="1:10" x14ac:dyDescent="0.35">
      <c r="A26711" s="1" t="s">
        <v>7327</v>
      </c>
      <c r="B26711" s="1" t="s">
        <v>86049</v>
      </c>
      <c r="C26711" s="1" t="s">
        <v>70</v>
      </c>
      <c r="D26711" s="1" t="s">
        <v>95654</v>
      </c>
      <c r="E26711" s="1" t="s">
        <v>95655</v>
      </c>
      <c r="F26711" s="1" t="s">
        <v>95656</v>
      </c>
      <c r="G26711" s="1" t="s">
        <v>95609</v>
      </c>
      <c r="H26711" s="1" t="s">
        <v>95610</v>
      </c>
      <c r="I26711" s="1" t="s">
        <v>86055</v>
      </c>
      <c r="J26711" s="1" t="s">
        <v>95657</v>
      </c>
    </row>
    <row r="26712" spans="1:10" x14ac:dyDescent="0.35">
      <c r="A26712" s="1" t="s">
        <v>7327</v>
      </c>
      <c r="B26712" s="1" t="s">
        <v>86049</v>
      </c>
      <c r="C26712" s="1" t="s">
        <v>75</v>
      </c>
      <c r="D26712" s="1" t="s">
        <v>59562</v>
      </c>
      <c r="E26712" s="1" t="s">
        <v>95658</v>
      </c>
      <c r="F26712" s="1" t="s">
        <v>95659</v>
      </c>
      <c r="G26712" s="1" t="s">
        <v>95609</v>
      </c>
      <c r="H26712" s="1" t="s">
        <v>95610</v>
      </c>
      <c r="I26712" s="1" t="s">
        <v>86055</v>
      </c>
      <c r="J26712" s="1" t="s">
        <v>95660</v>
      </c>
    </row>
    <row r="26713" spans="1:10" x14ac:dyDescent="0.35">
      <c r="A26713" s="1" t="s">
        <v>7327</v>
      </c>
      <c r="B26713" s="1" t="s">
        <v>86049</v>
      </c>
      <c r="C26713" s="1" t="s">
        <v>80</v>
      </c>
      <c r="D26713" s="1" t="s">
        <v>95661</v>
      </c>
      <c r="E26713" s="1" t="s">
        <v>95662</v>
      </c>
      <c r="F26713" s="1" t="s">
        <v>95663</v>
      </c>
      <c r="G26713" s="1" t="s">
        <v>95609</v>
      </c>
      <c r="H26713" s="1" t="s">
        <v>95610</v>
      </c>
      <c r="I26713" s="1" t="s">
        <v>86055</v>
      </c>
      <c r="J26713" s="1" t="s">
        <v>95664</v>
      </c>
    </row>
    <row r="26714" spans="1:10" x14ac:dyDescent="0.35">
      <c r="A26714" s="1" t="s">
        <v>7327</v>
      </c>
      <c r="B26714" s="1" t="s">
        <v>86049</v>
      </c>
      <c r="C26714" s="1" t="s">
        <v>85</v>
      </c>
      <c r="D26714" s="1" t="s">
        <v>95665</v>
      </c>
      <c r="E26714" s="1" t="s">
        <v>95666</v>
      </c>
      <c r="F26714" s="1" t="s">
        <v>95667</v>
      </c>
      <c r="G26714" s="1" t="s">
        <v>95609</v>
      </c>
      <c r="H26714" s="1" t="s">
        <v>95610</v>
      </c>
      <c r="I26714" s="1" t="s">
        <v>86055</v>
      </c>
      <c r="J26714" s="1" t="s">
        <v>95668</v>
      </c>
    </row>
    <row r="26715" spans="1:10" x14ac:dyDescent="0.35">
      <c r="A26715" s="1" t="s">
        <v>7327</v>
      </c>
      <c r="B26715" s="1" t="s">
        <v>86049</v>
      </c>
      <c r="C26715" s="1" t="s">
        <v>90</v>
      </c>
      <c r="D26715" s="1" t="s">
        <v>95669</v>
      </c>
      <c r="E26715" s="1" t="s">
        <v>95670</v>
      </c>
      <c r="F26715" s="1" t="s">
        <v>95671</v>
      </c>
      <c r="G26715" s="1" t="s">
        <v>95609</v>
      </c>
      <c r="H26715" s="1" t="s">
        <v>95610</v>
      </c>
      <c r="I26715" s="1" t="s">
        <v>86055</v>
      </c>
      <c r="J26715" s="1" t="s">
        <v>95672</v>
      </c>
    </row>
    <row r="26716" spans="1:10" x14ac:dyDescent="0.35">
      <c r="A26716" s="1" t="s">
        <v>7327</v>
      </c>
      <c r="B26716" s="1" t="s">
        <v>86049</v>
      </c>
      <c r="C26716" s="1" t="s">
        <v>95</v>
      </c>
      <c r="D26716" s="1" t="s">
        <v>95673</v>
      </c>
      <c r="E26716" s="1" t="s">
        <v>95674</v>
      </c>
      <c r="F26716" s="1" t="s">
        <v>95675</v>
      </c>
      <c r="G26716" s="1" t="s">
        <v>95609</v>
      </c>
      <c r="H26716" s="1" t="s">
        <v>95610</v>
      </c>
      <c r="I26716" s="1" t="s">
        <v>86055</v>
      </c>
      <c r="J26716" s="1" t="s">
        <v>95676</v>
      </c>
    </row>
    <row r="26717" spans="1:10" x14ac:dyDescent="0.35">
      <c r="A26717" s="1" t="s">
        <v>7327</v>
      </c>
      <c r="B26717" s="1" t="s">
        <v>86049</v>
      </c>
      <c r="C26717" s="1" t="s">
        <v>100</v>
      </c>
      <c r="D26717" s="1" t="s">
        <v>20303</v>
      </c>
      <c r="E26717" s="1" t="s">
        <v>95677</v>
      </c>
      <c r="F26717" s="1" t="s">
        <v>95678</v>
      </c>
      <c r="G26717" s="1" t="s">
        <v>95609</v>
      </c>
      <c r="H26717" s="1" t="s">
        <v>95610</v>
      </c>
      <c r="I26717" s="1" t="s">
        <v>86055</v>
      </c>
      <c r="J26717" s="1" t="s">
        <v>95679</v>
      </c>
    </row>
    <row r="26718" spans="1:10" x14ac:dyDescent="0.35">
      <c r="A26718" s="1" t="s">
        <v>7327</v>
      </c>
      <c r="B26718" s="1" t="s">
        <v>86049</v>
      </c>
      <c r="C26718" s="1" t="s">
        <v>105</v>
      </c>
      <c r="D26718" s="1" t="s">
        <v>95680</v>
      </c>
      <c r="E26718" s="1" t="s">
        <v>95681</v>
      </c>
      <c r="F26718" s="1" t="s">
        <v>95682</v>
      </c>
      <c r="G26718" s="1" t="s">
        <v>95609</v>
      </c>
      <c r="H26718" s="1" t="s">
        <v>95610</v>
      </c>
      <c r="I26718" s="1" t="s">
        <v>86055</v>
      </c>
      <c r="J26718" s="1" t="s">
        <v>95683</v>
      </c>
    </row>
    <row r="26719" spans="1:10" x14ac:dyDescent="0.35">
      <c r="A26719" s="1" t="s">
        <v>7327</v>
      </c>
      <c r="B26719" s="1" t="s">
        <v>86049</v>
      </c>
      <c r="C26719" s="1" t="s">
        <v>110</v>
      </c>
      <c r="D26719" s="1" t="s">
        <v>95684</v>
      </c>
      <c r="E26719" s="1" t="s">
        <v>95685</v>
      </c>
      <c r="F26719" s="1" t="s">
        <v>95686</v>
      </c>
      <c r="G26719" s="1" t="s">
        <v>95609</v>
      </c>
      <c r="H26719" s="1" t="s">
        <v>95610</v>
      </c>
      <c r="I26719" s="1" t="s">
        <v>86055</v>
      </c>
      <c r="J26719" s="1" t="s">
        <v>95687</v>
      </c>
    </row>
    <row r="26720" spans="1:10" x14ac:dyDescent="0.35">
      <c r="A26720" s="1" t="s">
        <v>7327</v>
      </c>
      <c r="B26720" s="1" t="s">
        <v>86049</v>
      </c>
      <c r="C26720" s="1" t="s">
        <v>115</v>
      </c>
      <c r="D26720" s="1" t="s">
        <v>59816</v>
      </c>
      <c r="E26720" s="1" t="s">
        <v>95688</v>
      </c>
      <c r="F26720" s="1" t="s">
        <v>95689</v>
      </c>
      <c r="G26720" s="1" t="s">
        <v>95609</v>
      </c>
      <c r="H26720" s="1" t="s">
        <v>95610</v>
      </c>
      <c r="I26720" s="1" t="s">
        <v>86055</v>
      </c>
      <c r="J26720" s="1" t="s">
        <v>95690</v>
      </c>
    </row>
    <row r="26721" spans="1:10" x14ac:dyDescent="0.35">
      <c r="A26721" s="1" t="s">
        <v>7327</v>
      </c>
      <c r="B26721" s="1" t="s">
        <v>86049</v>
      </c>
      <c r="C26721" s="1" t="s">
        <v>120</v>
      </c>
      <c r="D26721" s="1" t="s">
        <v>95691</v>
      </c>
      <c r="E26721" s="1" t="s">
        <v>95692</v>
      </c>
      <c r="F26721" s="1" t="s">
        <v>95693</v>
      </c>
      <c r="G26721" s="1" t="s">
        <v>95609</v>
      </c>
      <c r="H26721" s="1" t="s">
        <v>95610</v>
      </c>
      <c r="I26721" s="1" t="s">
        <v>86055</v>
      </c>
      <c r="J26721" s="1" t="s">
        <v>95694</v>
      </c>
    </row>
    <row r="26722" spans="1:10" x14ac:dyDescent="0.35">
      <c r="A26722" s="1" t="s">
        <v>7327</v>
      </c>
      <c r="B26722" s="1" t="s">
        <v>86049</v>
      </c>
      <c r="C26722" s="1" t="s">
        <v>125</v>
      </c>
      <c r="D26722" s="1" t="s">
        <v>95695</v>
      </c>
      <c r="E26722" s="1" t="s">
        <v>95696</v>
      </c>
      <c r="F26722" s="1" t="s">
        <v>95697</v>
      </c>
      <c r="G26722" s="1" t="s">
        <v>95609</v>
      </c>
      <c r="H26722" s="1" t="s">
        <v>95610</v>
      </c>
      <c r="I26722" s="1" t="s">
        <v>86055</v>
      </c>
      <c r="J26722" s="1" t="s">
        <v>95698</v>
      </c>
    </row>
    <row r="26723" spans="1:10" x14ac:dyDescent="0.35">
      <c r="A26723" s="1" t="s">
        <v>7327</v>
      </c>
      <c r="B26723" s="1" t="s">
        <v>86049</v>
      </c>
      <c r="C26723" s="1" t="s">
        <v>130</v>
      </c>
      <c r="D26723" s="1" t="s">
        <v>95699</v>
      </c>
      <c r="E26723" s="1" t="s">
        <v>95700</v>
      </c>
      <c r="F26723" s="1" t="s">
        <v>95701</v>
      </c>
      <c r="G26723" s="1" t="s">
        <v>95609</v>
      </c>
      <c r="H26723" s="1" t="s">
        <v>95610</v>
      </c>
      <c r="I26723" s="1" t="s">
        <v>86055</v>
      </c>
      <c r="J26723" s="1" t="s">
        <v>95702</v>
      </c>
    </row>
    <row r="26724" spans="1:10" x14ac:dyDescent="0.35">
      <c r="A26724" s="1" t="s">
        <v>7327</v>
      </c>
      <c r="B26724" s="1" t="s">
        <v>86049</v>
      </c>
      <c r="C26724" s="1" t="s">
        <v>135</v>
      </c>
      <c r="D26724" s="1" t="s">
        <v>95703</v>
      </c>
      <c r="E26724" s="1" t="s">
        <v>95704</v>
      </c>
      <c r="F26724" s="1" t="s">
        <v>95705</v>
      </c>
      <c r="G26724" s="1" t="s">
        <v>95609</v>
      </c>
      <c r="H26724" s="1" t="s">
        <v>95610</v>
      </c>
      <c r="I26724" s="1" t="s">
        <v>86055</v>
      </c>
      <c r="J26724" s="1" t="s">
        <v>95706</v>
      </c>
    </row>
    <row r="26725" spans="1:10" x14ac:dyDescent="0.35">
      <c r="A26725" s="1" t="s">
        <v>7327</v>
      </c>
      <c r="B26725" s="1" t="s">
        <v>86049</v>
      </c>
      <c r="C26725" s="1" t="s">
        <v>140</v>
      </c>
      <c r="D26725" s="1" t="s">
        <v>56242</v>
      </c>
      <c r="E26725" s="1" t="s">
        <v>95707</v>
      </c>
      <c r="F26725" s="1" t="s">
        <v>95708</v>
      </c>
      <c r="G26725" s="1" t="s">
        <v>95609</v>
      </c>
      <c r="H26725" s="1" t="s">
        <v>95610</v>
      </c>
      <c r="I26725" s="1" t="s">
        <v>86055</v>
      </c>
      <c r="J26725" s="1" t="s">
        <v>95709</v>
      </c>
    </row>
    <row r="26726" spans="1:10" x14ac:dyDescent="0.35">
      <c r="A26726" s="1" t="s">
        <v>7327</v>
      </c>
      <c r="B26726" s="1" t="s">
        <v>86049</v>
      </c>
      <c r="C26726" s="1" t="s">
        <v>145</v>
      </c>
      <c r="D26726" s="1" t="s">
        <v>94576</v>
      </c>
      <c r="E26726" s="1" t="s">
        <v>95710</v>
      </c>
      <c r="F26726" s="1" t="s">
        <v>95711</v>
      </c>
      <c r="G26726" s="1" t="s">
        <v>95609</v>
      </c>
      <c r="H26726" s="1" t="s">
        <v>95610</v>
      </c>
      <c r="I26726" s="1" t="s">
        <v>86055</v>
      </c>
      <c r="J26726" s="1" t="s">
        <v>95712</v>
      </c>
    </row>
    <row r="26727" spans="1:10" x14ac:dyDescent="0.35">
      <c r="A26727" s="1" t="s">
        <v>7327</v>
      </c>
      <c r="B26727" s="1" t="s">
        <v>86049</v>
      </c>
      <c r="C26727" s="1" t="s">
        <v>150</v>
      </c>
      <c r="D26727" s="1" t="s">
        <v>61131</v>
      </c>
      <c r="E26727" s="1" t="s">
        <v>95713</v>
      </c>
      <c r="F26727" s="1" t="s">
        <v>95714</v>
      </c>
      <c r="G26727" s="1" t="s">
        <v>95609</v>
      </c>
      <c r="H26727" s="1" t="s">
        <v>95610</v>
      </c>
      <c r="I26727" s="1" t="s">
        <v>86055</v>
      </c>
      <c r="J26727" s="1" t="s">
        <v>95715</v>
      </c>
    </row>
    <row r="26728" spans="1:10" x14ac:dyDescent="0.35">
      <c r="A26728" s="1" t="s">
        <v>7327</v>
      </c>
      <c r="B26728" s="1" t="s">
        <v>86049</v>
      </c>
      <c r="C26728" s="1" t="s">
        <v>155</v>
      </c>
      <c r="D26728" s="1" t="s">
        <v>95716</v>
      </c>
      <c r="E26728" s="1" t="s">
        <v>95717</v>
      </c>
      <c r="F26728" s="1" t="s">
        <v>95718</v>
      </c>
      <c r="G26728" s="1" t="s">
        <v>95609</v>
      </c>
      <c r="H26728" s="1" t="s">
        <v>95610</v>
      </c>
      <c r="I26728" s="1" t="s">
        <v>86055</v>
      </c>
      <c r="J26728" s="1" t="s">
        <v>95719</v>
      </c>
    </row>
    <row r="26729" spans="1:10" x14ac:dyDescent="0.35">
      <c r="A26729" s="1" t="s">
        <v>7327</v>
      </c>
      <c r="B26729" s="1" t="s">
        <v>86049</v>
      </c>
      <c r="C26729" s="1" t="s">
        <v>160</v>
      </c>
      <c r="D26729" s="1" t="s">
        <v>95720</v>
      </c>
      <c r="E26729" s="1" t="s">
        <v>95721</v>
      </c>
      <c r="F26729" s="1" t="s">
        <v>95722</v>
      </c>
      <c r="G26729" s="1" t="s">
        <v>95609</v>
      </c>
      <c r="H26729" s="1" t="s">
        <v>95610</v>
      </c>
      <c r="I26729" s="1" t="s">
        <v>86055</v>
      </c>
      <c r="J26729" s="1" t="s">
        <v>95723</v>
      </c>
    </row>
    <row r="26730" spans="1:10" x14ac:dyDescent="0.35">
      <c r="A26730" s="1" t="s">
        <v>7327</v>
      </c>
      <c r="B26730" s="1" t="s">
        <v>86049</v>
      </c>
      <c r="C26730" s="1" t="s">
        <v>165</v>
      </c>
      <c r="D26730" s="1" t="s">
        <v>95724</v>
      </c>
      <c r="E26730" s="1" t="s">
        <v>95725</v>
      </c>
      <c r="F26730" s="1" t="s">
        <v>95726</v>
      </c>
      <c r="G26730" s="1" t="s">
        <v>95609</v>
      </c>
      <c r="H26730" s="1" t="s">
        <v>95610</v>
      </c>
      <c r="I26730" s="1" t="s">
        <v>86055</v>
      </c>
      <c r="J26730" s="1" t="s">
        <v>95727</v>
      </c>
    </row>
    <row r="26731" spans="1:10" x14ac:dyDescent="0.35">
      <c r="A26731" s="1" t="s">
        <v>7327</v>
      </c>
      <c r="B26731" s="1" t="s">
        <v>86049</v>
      </c>
      <c r="C26731" s="1" t="s">
        <v>170</v>
      </c>
      <c r="D26731" s="1" t="s">
        <v>95728</v>
      </c>
      <c r="E26731" s="1" t="s">
        <v>95729</v>
      </c>
      <c r="F26731" s="1" t="s">
        <v>95730</v>
      </c>
      <c r="G26731" s="1" t="s">
        <v>95609</v>
      </c>
      <c r="H26731" s="1" t="s">
        <v>95610</v>
      </c>
      <c r="I26731" s="1" t="s">
        <v>86055</v>
      </c>
      <c r="J26731" s="1" t="s">
        <v>95731</v>
      </c>
    </row>
    <row r="26732" spans="1:10" x14ac:dyDescent="0.35">
      <c r="A26732" s="1" t="s">
        <v>6247</v>
      </c>
      <c r="B26732" s="1" t="s">
        <v>86049</v>
      </c>
      <c r="C26732" s="1" t="s">
        <v>8</v>
      </c>
      <c r="D26732" s="1" t="s">
        <v>95732</v>
      </c>
      <c r="E26732" s="1" t="s">
        <v>19882</v>
      </c>
      <c r="F26732" s="1" t="s">
        <v>95733</v>
      </c>
      <c r="G26732" s="1" t="s">
        <v>95734</v>
      </c>
      <c r="H26732" s="1" t="s">
        <v>95735</v>
      </c>
      <c r="I26732" s="1" t="s">
        <v>86055</v>
      </c>
      <c r="J26732" s="1" t="s">
        <v>13</v>
      </c>
    </row>
    <row r="26733" spans="1:10" x14ac:dyDescent="0.35">
      <c r="A26733" s="1" t="s">
        <v>6247</v>
      </c>
      <c r="B26733" s="1" t="s">
        <v>86049</v>
      </c>
      <c r="C26733" s="1" t="s">
        <v>15</v>
      </c>
      <c r="D26733" s="1" t="s">
        <v>95736</v>
      </c>
      <c r="E26733" s="1" t="s">
        <v>95737</v>
      </c>
      <c r="F26733" s="1" t="s">
        <v>69501</v>
      </c>
      <c r="G26733" s="1" t="s">
        <v>95734</v>
      </c>
      <c r="H26733" s="1" t="s">
        <v>95735</v>
      </c>
      <c r="I26733" s="1" t="s">
        <v>86055</v>
      </c>
      <c r="J26733" s="1" t="s">
        <v>95738</v>
      </c>
    </row>
    <row r="26734" spans="1:10" x14ac:dyDescent="0.35">
      <c r="A26734" s="1" t="s">
        <v>6247</v>
      </c>
      <c r="B26734" s="1" t="s">
        <v>86049</v>
      </c>
      <c r="C26734" s="1" t="s">
        <v>20</v>
      </c>
      <c r="D26734" s="1" t="s">
        <v>95739</v>
      </c>
      <c r="E26734" s="1" t="s">
        <v>31800</v>
      </c>
      <c r="F26734" s="1" t="s">
        <v>56285</v>
      </c>
      <c r="G26734" s="1" t="s">
        <v>95734</v>
      </c>
      <c r="H26734" s="1" t="s">
        <v>95735</v>
      </c>
      <c r="I26734" s="1" t="s">
        <v>86055</v>
      </c>
      <c r="J26734" s="1" t="s">
        <v>95740</v>
      </c>
    </row>
    <row r="26735" spans="1:10" x14ac:dyDescent="0.35">
      <c r="A26735" s="1" t="s">
        <v>6247</v>
      </c>
      <c r="B26735" s="1" t="s">
        <v>86049</v>
      </c>
      <c r="C26735" s="1" t="s">
        <v>25</v>
      </c>
      <c r="D26735" s="1" t="s">
        <v>66537</v>
      </c>
      <c r="E26735" s="1" t="s">
        <v>95741</v>
      </c>
      <c r="F26735" s="1" t="s">
        <v>95742</v>
      </c>
      <c r="G26735" s="1" t="s">
        <v>95734</v>
      </c>
      <c r="H26735" s="1" t="s">
        <v>95735</v>
      </c>
      <c r="I26735" s="1" t="s">
        <v>86055</v>
      </c>
      <c r="J26735" s="1" t="s">
        <v>95743</v>
      </c>
    </row>
    <row r="26736" spans="1:10" x14ac:dyDescent="0.35">
      <c r="A26736" s="1" t="s">
        <v>6247</v>
      </c>
      <c r="B26736" s="1" t="s">
        <v>86049</v>
      </c>
      <c r="C26736" s="1" t="s">
        <v>30</v>
      </c>
      <c r="D26736" s="1" t="s">
        <v>57463</v>
      </c>
      <c r="E26736" s="1" t="s">
        <v>15695</v>
      </c>
      <c r="F26736" s="1" t="s">
        <v>95744</v>
      </c>
      <c r="G26736" s="1" t="s">
        <v>95734</v>
      </c>
      <c r="H26736" s="1" t="s">
        <v>95735</v>
      </c>
      <c r="I26736" s="1" t="s">
        <v>86055</v>
      </c>
      <c r="J26736" s="1" t="s">
        <v>95745</v>
      </c>
    </row>
    <row r="26737" spans="1:10" x14ac:dyDescent="0.35">
      <c r="A26737" s="1" t="s">
        <v>6247</v>
      </c>
      <c r="B26737" s="1" t="s">
        <v>86049</v>
      </c>
      <c r="C26737" s="1" t="s">
        <v>35</v>
      </c>
      <c r="D26737" s="1" t="s">
        <v>60075</v>
      </c>
      <c r="E26737" s="1" t="s">
        <v>95746</v>
      </c>
      <c r="F26737" s="1" t="s">
        <v>95747</v>
      </c>
      <c r="G26737" s="1" t="s">
        <v>95734</v>
      </c>
      <c r="H26737" s="1" t="s">
        <v>95735</v>
      </c>
      <c r="I26737" s="1" t="s">
        <v>86055</v>
      </c>
      <c r="J26737" s="1" t="s">
        <v>95748</v>
      </c>
    </row>
    <row r="26738" spans="1:10" x14ac:dyDescent="0.35">
      <c r="A26738" s="1" t="s">
        <v>6247</v>
      </c>
      <c r="B26738" s="1" t="s">
        <v>86049</v>
      </c>
      <c r="C26738" s="1" t="s">
        <v>40</v>
      </c>
      <c r="D26738" s="1" t="s">
        <v>22035</v>
      </c>
      <c r="E26738" s="1" t="s">
        <v>95749</v>
      </c>
      <c r="F26738" s="1" t="s">
        <v>95750</v>
      </c>
      <c r="G26738" s="1" t="s">
        <v>95734</v>
      </c>
      <c r="H26738" s="1" t="s">
        <v>95735</v>
      </c>
      <c r="I26738" s="1" t="s">
        <v>86055</v>
      </c>
      <c r="J26738" s="1" t="s">
        <v>95751</v>
      </c>
    </row>
    <row r="26739" spans="1:10" x14ac:dyDescent="0.35">
      <c r="A26739" s="1" t="s">
        <v>6247</v>
      </c>
      <c r="B26739" s="1" t="s">
        <v>86049</v>
      </c>
      <c r="C26739" s="1" t="s">
        <v>45</v>
      </c>
      <c r="D26739" s="1" t="s">
        <v>59758</v>
      </c>
      <c r="E26739" s="1" t="s">
        <v>76324</v>
      </c>
      <c r="F26739" s="1" t="s">
        <v>62611</v>
      </c>
      <c r="G26739" s="1" t="s">
        <v>95734</v>
      </c>
      <c r="H26739" s="1" t="s">
        <v>95735</v>
      </c>
      <c r="I26739" s="1" t="s">
        <v>86055</v>
      </c>
      <c r="J26739" s="1" t="s">
        <v>95752</v>
      </c>
    </row>
    <row r="26740" spans="1:10" x14ac:dyDescent="0.35">
      <c r="A26740" s="1" t="s">
        <v>6247</v>
      </c>
      <c r="B26740" s="1" t="s">
        <v>86049</v>
      </c>
      <c r="C26740" s="1" t="s">
        <v>50</v>
      </c>
      <c r="D26740" s="1" t="s">
        <v>89369</v>
      </c>
      <c r="E26740" s="1" t="s">
        <v>95753</v>
      </c>
      <c r="F26740" s="1" t="s">
        <v>95754</v>
      </c>
      <c r="G26740" s="1" t="s">
        <v>95734</v>
      </c>
      <c r="H26740" s="1" t="s">
        <v>95735</v>
      </c>
      <c r="I26740" s="1" t="s">
        <v>86055</v>
      </c>
      <c r="J26740" s="1" t="s">
        <v>95755</v>
      </c>
    </row>
    <row r="26741" spans="1:10" x14ac:dyDescent="0.35">
      <c r="A26741" s="1" t="s">
        <v>6247</v>
      </c>
      <c r="B26741" s="1" t="s">
        <v>86049</v>
      </c>
      <c r="C26741" s="1" t="s">
        <v>55</v>
      </c>
      <c r="D26741" s="1" t="s">
        <v>95756</v>
      </c>
      <c r="E26741" s="1" t="s">
        <v>95757</v>
      </c>
      <c r="F26741" s="1" t="s">
        <v>95758</v>
      </c>
      <c r="G26741" s="1" t="s">
        <v>95734</v>
      </c>
      <c r="H26741" s="1" t="s">
        <v>95735</v>
      </c>
      <c r="I26741" s="1" t="s">
        <v>86055</v>
      </c>
      <c r="J26741" s="1" t="s">
        <v>95759</v>
      </c>
    </row>
    <row r="26742" spans="1:10" x14ac:dyDescent="0.35">
      <c r="A26742" s="1" t="s">
        <v>6247</v>
      </c>
      <c r="B26742" s="1" t="s">
        <v>86049</v>
      </c>
      <c r="C26742" s="1" t="s">
        <v>60</v>
      </c>
      <c r="D26742" s="1" t="s">
        <v>95760</v>
      </c>
      <c r="E26742" s="1" t="s">
        <v>95761</v>
      </c>
      <c r="F26742" s="1" t="s">
        <v>95762</v>
      </c>
      <c r="G26742" s="1" t="s">
        <v>95734</v>
      </c>
      <c r="H26742" s="1" t="s">
        <v>95735</v>
      </c>
      <c r="I26742" s="1" t="s">
        <v>86055</v>
      </c>
      <c r="J26742" s="1" t="s">
        <v>95763</v>
      </c>
    </row>
    <row r="26743" spans="1:10" x14ac:dyDescent="0.35">
      <c r="A26743" s="1" t="s">
        <v>6247</v>
      </c>
      <c r="B26743" s="1" t="s">
        <v>86049</v>
      </c>
      <c r="C26743" s="1" t="s">
        <v>65</v>
      </c>
      <c r="D26743" s="1" t="s">
        <v>95764</v>
      </c>
      <c r="E26743" s="1" t="s">
        <v>95765</v>
      </c>
      <c r="F26743" s="1" t="s">
        <v>95766</v>
      </c>
      <c r="G26743" s="1" t="s">
        <v>95734</v>
      </c>
      <c r="H26743" s="1" t="s">
        <v>95735</v>
      </c>
      <c r="I26743" s="1" t="s">
        <v>86055</v>
      </c>
      <c r="J26743" s="1" t="s">
        <v>95767</v>
      </c>
    </row>
    <row r="26744" spans="1:10" x14ac:dyDescent="0.35">
      <c r="A26744" s="1" t="s">
        <v>6247</v>
      </c>
      <c r="B26744" s="1" t="s">
        <v>86049</v>
      </c>
      <c r="C26744" s="1" t="s">
        <v>70</v>
      </c>
      <c r="D26744" s="1" t="s">
        <v>67096</v>
      </c>
      <c r="E26744" s="1" t="s">
        <v>95768</v>
      </c>
      <c r="F26744" s="1" t="s">
        <v>64888</v>
      </c>
      <c r="G26744" s="1" t="s">
        <v>95734</v>
      </c>
      <c r="H26744" s="1" t="s">
        <v>95735</v>
      </c>
      <c r="I26744" s="1" t="s">
        <v>86055</v>
      </c>
      <c r="J26744" s="1" t="s">
        <v>95769</v>
      </c>
    </row>
    <row r="26745" spans="1:10" x14ac:dyDescent="0.35">
      <c r="A26745" s="1" t="s">
        <v>6247</v>
      </c>
      <c r="B26745" s="1" t="s">
        <v>86049</v>
      </c>
      <c r="C26745" s="1" t="s">
        <v>75</v>
      </c>
      <c r="D26745" s="1" t="s">
        <v>75686</v>
      </c>
      <c r="E26745" s="1" t="s">
        <v>73361</v>
      </c>
      <c r="F26745" s="1" t="s">
        <v>95770</v>
      </c>
      <c r="G26745" s="1" t="s">
        <v>95734</v>
      </c>
      <c r="H26745" s="1" t="s">
        <v>95735</v>
      </c>
      <c r="I26745" s="1" t="s">
        <v>86055</v>
      </c>
      <c r="J26745" s="1" t="s">
        <v>95771</v>
      </c>
    </row>
    <row r="26746" spans="1:10" x14ac:dyDescent="0.35">
      <c r="A26746" s="1" t="s">
        <v>6247</v>
      </c>
      <c r="B26746" s="1" t="s">
        <v>86049</v>
      </c>
      <c r="C26746" s="1" t="s">
        <v>80</v>
      </c>
      <c r="D26746" s="1" t="s">
        <v>95772</v>
      </c>
      <c r="E26746" s="1" t="s">
        <v>95773</v>
      </c>
      <c r="F26746" s="1" t="s">
        <v>60261</v>
      </c>
      <c r="G26746" s="1" t="s">
        <v>95734</v>
      </c>
      <c r="H26746" s="1" t="s">
        <v>95735</v>
      </c>
      <c r="I26746" s="1" t="s">
        <v>86055</v>
      </c>
      <c r="J26746" s="1" t="s">
        <v>95774</v>
      </c>
    </row>
    <row r="26747" spans="1:10" x14ac:dyDescent="0.35">
      <c r="A26747" s="1" t="s">
        <v>6247</v>
      </c>
      <c r="B26747" s="1" t="s">
        <v>86049</v>
      </c>
      <c r="C26747" s="1" t="s">
        <v>85</v>
      </c>
      <c r="D26747" s="1" t="s">
        <v>91219</v>
      </c>
      <c r="E26747" s="1" t="s">
        <v>15648</v>
      </c>
      <c r="F26747" s="1" t="s">
        <v>95775</v>
      </c>
      <c r="G26747" s="1" t="s">
        <v>95734</v>
      </c>
      <c r="H26747" s="1" t="s">
        <v>95735</v>
      </c>
      <c r="I26747" s="1" t="s">
        <v>86055</v>
      </c>
      <c r="J26747" s="1" t="s">
        <v>95776</v>
      </c>
    </row>
    <row r="26748" spans="1:10" x14ac:dyDescent="0.35">
      <c r="A26748" s="1" t="s">
        <v>6247</v>
      </c>
      <c r="B26748" s="1" t="s">
        <v>86049</v>
      </c>
      <c r="C26748" s="1" t="s">
        <v>90</v>
      </c>
      <c r="D26748" s="1" t="s">
        <v>95777</v>
      </c>
      <c r="E26748" s="1" t="s">
        <v>19978</v>
      </c>
      <c r="F26748" s="1" t="s">
        <v>52469</v>
      </c>
      <c r="G26748" s="1" t="s">
        <v>95734</v>
      </c>
      <c r="H26748" s="1" t="s">
        <v>95735</v>
      </c>
      <c r="I26748" s="1" t="s">
        <v>86055</v>
      </c>
      <c r="J26748" s="1" t="s">
        <v>95778</v>
      </c>
    </row>
    <row r="26749" spans="1:10" x14ac:dyDescent="0.35">
      <c r="A26749" s="1" t="s">
        <v>6247</v>
      </c>
      <c r="B26749" s="1" t="s">
        <v>86049</v>
      </c>
      <c r="C26749" s="1" t="s">
        <v>95</v>
      </c>
      <c r="D26749" s="1" t="s">
        <v>95779</v>
      </c>
      <c r="E26749" s="1" t="s">
        <v>95780</v>
      </c>
      <c r="F26749" s="1" t="s">
        <v>95781</v>
      </c>
      <c r="G26749" s="1" t="s">
        <v>95734</v>
      </c>
      <c r="H26749" s="1" t="s">
        <v>95735</v>
      </c>
      <c r="I26749" s="1" t="s">
        <v>86055</v>
      </c>
      <c r="J26749" s="1" t="s">
        <v>95782</v>
      </c>
    </row>
    <row r="26750" spans="1:10" x14ac:dyDescent="0.35">
      <c r="A26750" s="1" t="s">
        <v>6247</v>
      </c>
      <c r="B26750" s="1" t="s">
        <v>86049</v>
      </c>
      <c r="C26750" s="1" t="s">
        <v>100</v>
      </c>
      <c r="D26750" s="1" t="s">
        <v>81232</v>
      </c>
      <c r="E26750" s="1" t="s">
        <v>22355</v>
      </c>
      <c r="F26750" s="1" t="s">
        <v>95783</v>
      </c>
      <c r="G26750" s="1" t="s">
        <v>95734</v>
      </c>
      <c r="H26750" s="1" t="s">
        <v>95735</v>
      </c>
      <c r="I26750" s="1" t="s">
        <v>86055</v>
      </c>
      <c r="J26750" s="1" t="s">
        <v>95784</v>
      </c>
    </row>
    <row r="26751" spans="1:10" x14ac:dyDescent="0.35">
      <c r="A26751" s="1" t="s">
        <v>6247</v>
      </c>
      <c r="B26751" s="1" t="s">
        <v>86049</v>
      </c>
      <c r="C26751" s="1" t="s">
        <v>105</v>
      </c>
      <c r="D26751" s="1" t="s">
        <v>95785</v>
      </c>
      <c r="E26751" s="1" t="s">
        <v>95786</v>
      </c>
      <c r="F26751" s="1" t="s">
        <v>95787</v>
      </c>
      <c r="G26751" s="1" t="s">
        <v>95734</v>
      </c>
      <c r="H26751" s="1" t="s">
        <v>95735</v>
      </c>
      <c r="I26751" s="1" t="s">
        <v>86055</v>
      </c>
      <c r="J26751" s="1" t="s">
        <v>95788</v>
      </c>
    </row>
    <row r="26752" spans="1:10" x14ac:dyDescent="0.35">
      <c r="A26752" s="1" t="s">
        <v>6247</v>
      </c>
      <c r="B26752" s="1" t="s">
        <v>86049</v>
      </c>
      <c r="C26752" s="1" t="s">
        <v>110</v>
      </c>
      <c r="D26752" s="1" t="s">
        <v>95789</v>
      </c>
      <c r="E26752" s="1" t="s">
        <v>31769</v>
      </c>
      <c r="F26752" s="1" t="s">
        <v>95790</v>
      </c>
      <c r="G26752" s="1" t="s">
        <v>95734</v>
      </c>
      <c r="H26752" s="1" t="s">
        <v>95735</v>
      </c>
      <c r="I26752" s="1" t="s">
        <v>86055</v>
      </c>
      <c r="J26752" s="1" t="s">
        <v>95791</v>
      </c>
    </row>
    <row r="26753" spans="1:10" x14ac:dyDescent="0.35">
      <c r="A26753" s="1" t="s">
        <v>6247</v>
      </c>
      <c r="B26753" s="1" t="s">
        <v>86049</v>
      </c>
      <c r="C26753" s="1" t="s">
        <v>115</v>
      </c>
      <c r="D26753" s="1" t="s">
        <v>95792</v>
      </c>
      <c r="E26753" s="1" t="s">
        <v>76365</v>
      </c>
      <c r="F26753" s="1" t="s">
        <v>66654</v>
      </c>
      <c r="G26753" s="1" t="s">
        <v>95734</v>
      </c>
      <c r="H26753" s="1" t="s">
        <v>95735</v>
      </c>
      <c r="I26753" s="1" t="s">
        <v>86055</v>
      </c>
      <c r="J26753" s="1" t="s">
        <v>95793</v>
      </c>
    </row>
    <row r="26754" spans="1:10" x14ac:dyDescent="0.35">
      <c r="A26754" s="1" t="s">
        <v>6247</v>
      </c>
      <c r="B26754" s="1" t="s">
        <v>86049</v>
      </c>
      <c r="C26754" s="1" t="s">
        <v>120</v>
      </c>
      <c r="D26754" s="1" t="s">
        <v>95792</v>
      </c>
      <c r="E26754" s="1" t="s">
        <v>95794</v>
      </c>
      <c r="F26754" s="1" t="s">
        <v>95795</v>
      </c>
      <c r="G26754" s="1" t="s">
        <v>95734</v>
      </c>
      <c r="H26754" s="1" t="s">
        <v>95735</v>
      </c>
      <c r="I26754" s="1" t="s">
        <v>86055</v>
      </c>
      <c r="J26754" s="1" t="s">
        <v>1180</v>
      </c>
    </row>
    <row r="26755" spans="1:10" x14ac:dyDescent="0.35">
      <c r="A26755" s="1" t="s">
        <v>6247</v>
      </c>
      <c r="B26755" s="1" t="s">
        <v>86049</v>
      </c>
      <c r="C26755" s="1" t="s">
        <v>125</v>
      </c>
      <c r="D26755" s="1" t="s">
        <v>95796</v>
      </c>
      <c r="E26755" s="1" t="s">
        <v>31918</v>
      </c>
      <c r="F26755" s="1" t="s">
        <v>95797</v>
      </c>
      <c r="G26755" s="1" t="s">
        <v>95734</v>
      </c>
      <c r="H26755" s="1" t="s">
        <v>95735</v>
      </c>
      <c r="I26755" s="1" t="s">
        <v>86055</v>
      </c>
      <c r="J26755" s="1" t="s">
        <v>95798</v>
      </c>
    </row>
    <row r="26756" spans="1:10" x14ac:dyDescent="0.35">
      <c r="A26756" s="1" t="s">
        <v>6247</v>
      </c>
      <c r="B26756" s="1" t="s">
        <v>86049</v>
      </c>
      <c r="C26756" s="1" t="s">
        <v>130</v>
      </c>
      <c r="D26756" s="1" t="s">
        <v>53347</v>
      </c>
      <c r="E26756" s="1" t="s">
        <v>95799</v>
      </c>
      <c r="F26756" s="1" t="s">
        <v>95800</v>
      </c>
      <c r="G26756" s="1" t="s">
        <v>95734</v>
      </c>
      <c r="H26756" s="1" t="s">
        <v>95735</v>
      </c>
      <c r="I26756" s="1" t="s">
        <v>86055</v>
      </c>
      <c r="J26756" s="1" t="s">
        <v>95801</v>
      </c>
    </row>
    <row r="26757" spans="1:10" x14ac:dyDescent="0.35">
      <c r="A26757" s="1" t="s">
        <v>6247</v>
      </c>
      <c r="B26757" s="1" t="s">
        <v>86049</v>
      </c>
      <c r="C26757" s="1" t="s">
        <v>135</v>
      </c>
      <c r="D26757" s="1" t="s">
        <v>95802</v>
      </c>
      <c r="E26757" s="1" t="s">
        <v>95803</v>
      </c>
      <c r="F26757" s="1" t="s">
        <v>95804</v>
      </c>
      <c r="G26757" s="1" t="s">
        <v>95734</v>
      </c>
      <c r="H26757" s="1" t="s">
        <v>95735</v>
      </c>
      <c r="I26757" s="1" t="s">
        <v>86055</v>
      </c>
      <c r="J26757" s="1" t="s">
        <v>95805</v>
      </c>
    </row>
    <row r="26758" spans="1:10" x14ac:dyDescent="0.35">
      <c r="A26758" s="1" t="s">
        <v>6247</v>
      </c>
      <c r="B26758" s="1" t="s">
        <v>86049</v>
      </c>
      <c r="C26758" s="1" t="s">
        <v>140</v>
      </c>
      <c r="D26758" s="1" t="s">
        <v>95806</v>
      </c>
      <c r="E26758" s="1" t="s">
        <v>95807</v>
      </c>
      <c r="F26758" s="1" t="s">
        <v>68360</v>
      </c>
      <c r="G26758" s="1" t="s">
        <v>95734</v>
      </c>
      <c r="H26758" s="1" t="s">
        <v>95735</v>
      </c>
      <c r="I26758" s="1" t="s">
        <v>86055</v>
      </c>
      <c r="J26758" s="1" t="s">
        <v>95808</v>
      </c>
    </row>
    <row r="26759" spans="1:10" x14ac:dyDescent="0.35">
      <c r="A26759" s="1" t="s">
        <v>6247</v>
      </c>
      <c r="B26759" s="1" t="s">
        <v>86049</v>
      </c>
      <c r="C26759" s="1" t="s">
        <v>145</v>
      </c>
      <c r="D26759" s="1" t="s">
        <v>87216</v>
      </c>
      <c r="E26759" s="1" t="s">
        <v>95809</v>
      </c>
      <c r="F26759" s="1" t="s">
        <v>59193</v>
      </c>
      <c r="G26759" s="1" t="s">
        <v>95734</v>
      </c>
      <c r="H26759" s="1" t="s">
        <v>95735</v>
      </c>
      <c r="I26759" s="1" t="s">
        <v>86055</v>
      </c>
      <c r="J26759" s="1" t="s">
        <v>95810</v>
      </c>
    </row>
    <row r="26760" spans="1:10" x14ac:dyDescent="0.35">
      <c r="A26760" s="1" t="s">
        <v>6247</v>
      </c>
      <c r="B26760" s="1" t="s">
        <v>86049</v>
      </c>
      <c r="C26760" s="1" t="s">
        <v>150</v>
      </c>
      <c r="D26760" s="1" t="s">
        <v>86060</v>
      </c>
      <c r="E26760" s="1" t="s">
        <v>95811</v>
      </c>
      <c r="F26760" s="1" t="s">
        <v>70226</v>
      </c>
      <c r="G26760" s="1" t="s">
        <v>95734</v>
      </c>
      <c r="H26760" s="1" t="s">
        <v>95735</v>
      </c>
      <c r="I26760" s="1" t="s">
        <v>86055</v>
      </c>
      <c r="J26760" s="1" t="s">
        <v>95812</v>
      </c>
    </row>
    <row r="26761" spans="1:10" x14ac:dyDescent="0.35">
      <c r="A26761" s="1" t="s">
        <v>6247</v>
      </c>
      <c r="B26761" s="1" t="s">
        <v>86049</v>
      </c>
      <c r="C26761" s="1" t="s">
        <v>155</v>
      </c>
      <c r="D26761" s="1" t="s">
        <v>95813</v>
      </c>
      <c r="E26761" s="1" t="s">
        <v>95814</v>
      </c>
      <c r="F26761" s="1" t="s">
        <v>95815</v>
      </c>
      <c r="G26761" s="1" t="s">
        <v>95734</v>
      </c>
      <c r="H26761" s="1" t="s">
        <v>95735</v>
      </c>
      <c r="I26761" s="1" t="s">
        <v>86055</v>
      </c>
      <c r="J26761" s="1" t="s">
        <v>95816</v>
      </c>
    </row>
    <row r="26762" spans="1:10" x14ac:dyDescent="0.35">
      <c r="A26762" s="1" t="s">
        <v>6247</v>
      </c>
      <c r="B26762" s="1" t="s">
        <v>86049</v>
      </c>
      <c r="C26762" s="1" t="s">
        <v>160</v>
      </c>
      <c r="D26762" s="1" t="s">
        <v>59725</v>
      </c>
      <c r="E26762" s="1" t="s">
        <v>77769</v>
      </c>
      <c r="F26762" s="1" t="s">
        <v>95817</v>
      </c>
      <c r="G26762" s="1" t="s">
        <v>95734</v>
      </c>
      <c r="H26762" s="1" t="s">
        <v>95735</v>
      </c>
      <c r="I26762" s="1" t="s">
        <v>86055</v>
      </c>
      <c r="J26762" s="1" t="s">
        <v>95818</v>
      </c>
    </row>
    <row r="26763" spans="1:10" x14ac:dyDescent="0.35">
      <c r="A26763" s="1" t="s">
        <v>6247</v>
      </c>
      <c r="B26763" s="1" t="s">
        <v>86049</v>
      </c>
      <c r="C26763" s="1" t="s">
        <v>165</v>
      </c>
      <c r="D26763" s="1" t="s">
        <v>95819</v>
      </c>
      <c r="E26763" s="1" t="s">
        <v>95820</v>
      </c>
      <c r="F26763" s="1" t="s">
        <v>95821</v>
      </c>
      <c r="G26763" s="1" t="s">
        <v>95734</v>
      </c>
      <c r="H26763" s="1" t="s">
        <v>95735</v>
      </c>
      <c r="I26763" s="1" t="s">
        <v>86055</v>
      </c>
      <c r="J26763" s="1" t="s">
        <v>95822</v>
      </c>
    </row>
    <row r="26764" spans="1:10" x14ac:dyDescent="0.35">
      <c r="A26764" s="1" t="s">
        <v>6247</v>
      </c>
      <c r="B26764" s="1" t="s">
        <v>86049</v>
      </c>
      <c r="C26764" s="1" t="s">
        <v>170</v>
      </c>
      <c r="D26764" s="1" t="s">
        <v>61145</v>
      </c>
      <c r="E26764" s="1" t="s">
        <v>95823</v>
      </c>
      <c r="F26764" s="1" t="s">
        <v>95824</v>
      </c>
      <c r="G26764" s="1" t="s">
        <v>95734</v>
      </c>
      <c r="H26764" s="1" t="s">
        <v>95735</v>
      </c>
      <c r="I26764" s="1" t="s">
        <v>86055</v>
      </c>
      <c r="J26764" s="1" t="s">
        <v>95825</v>
      </c>
    </row>
    <row r="26765" spans="1:10" x14ac:dyDescent="0.35">
      <c r="A26765" s="1" t="s">
        <v>2168</v>
      </c>
      <c r="B26765" s="1" t="s">
        <v>86049</v>
      </c>
      <c r="C26765" s="1" t="s">
        <v>8</v>
      </c>
      <c r="D26765" s="1" t="s">
        <v>95826</v>
      </c>
      <c r="E26765" s="1" t="s">
        <v>95827</v>
      </c>
      <c r="F26765" s="1" t="s">
        <v>95828</v>
      </c>
      <c r="G26765" s="1" t="s">
        <v>95829</v>
      </c>
      <c r="H26765" s="1" t="s">
        <v>95830</v>
      </c>
      <c r="I26765" s="1" t="s">
        <v>86055</v>
      </c>
      <c r="J26765" s="1" t="s">
        <v>13</v>
      </c>
    </row>
    <row r="26766" spans="1:10" x14ac:dyDescent="0.35">
      <c r="A26766" s="1" t="s">
        <v>2168</v>
      </c>
      <c r="B26766" s="1" t="s">
        <v>86049</v>
      </c>
      <c r="C26766" s="1" t="s">
        <v>15</v>
      </c>
      <c r="D26766" s="1" t="s">
        <v>2694</v>
      </c>
      <c r="E26766" s="1" t="s">
        <v>95831</v>
      </c>
      <c r="F26766" s="1" t="s">
        <v>95832</v>
      </c>
      <c r="G26766" s="1" t="s">
        <v>95829</v>
      </c>
      <c r="H26766" s="1" t="s">
        <v>95830</v>
      </c>
      <c r="I26766" s="1" t="s">
        <v>86055</v>
      </c>
      <c r="J26766" s="1" t="s">
        <v>95833</v>
      </c>
    </row>
    <row r="26767" spans="1:10" x14ac:dyDescent="0.35">
      <c r="A26767" s="1" t="s">
        <v>2168</v>
      </c>
      <c r="B26767" s="1" t="s">
        <v>86049</v>
      </c>
      <c r="C26767" s="1" t="s">
        <v>20</v>
      </c>
      <c r="D26767" s="1" t="s">
        <v>53955</v>
      </c>
      <c r="E26767" s="1" t="s">
        <v>95834</v>
      </c>
      <c r="F26767" s="1" t="s">
        <v>95835</v>
      </c>
      <c r="G26767" s="1" t="s">
        <v>95829</v>
      </c>
      <c r="H26767" s="1" t="s">
        <v>95830</v>
      </c>
      <c r="I26767" s="1" t="s">
        <v>86055</v>
      </c>
      <c r="J26767" s="1" t="s">
        <v>95836</v>
      </c>
    </row>
    <row r="26768" spans="1:10" x14ac:dyDescent="0.35">
      <c r="A26768" s="1" t="s">
        <v>2168</v>
      </c>
      <c r="B26768" s="1" t="s">
        <v>86049</v>
      </c>
      <c r="C26768" s="1" t="s">
        <v>25</v>
      </c>
      <c r="D26768" s="1" t="s">
        <v>11274</v>
      </c>
      <c r="E26768" s="1" t="s">
        <v>95837</v>
      </c>
      <c r="F26768" s="1" t="s">
        <v>95838</v>
      </c>
      <c r="G26768" s="1" t="s">
        <v>95829</v>
      </c>
      <c r="H26768" s="1" t="s">
        <v>95830</v>
      </c>
      <c r="I26768" s="1" t="s">
        <v>86055</v>
      </c>
      <c r="J26768" s="1" t="s">
        <v>95839</v>
      </c>
    </row>
    <row r="26769" spans="1:10" x14ac:dyDescent="0.35">
      <c r="A26769" s="1" t="s">
        <v>2168</v>
      </c>
      <c r="B26769" s="1" t="s">
        <v>86049</v>
      </c>
      <c r="C26769" s="1" t="s">
        <v>30</v>
      </c>
      <c r="D26769" s="1" t="s">
        <v>89365</v>
      </c>
      <c r="E26769" s="1" t="s">
        <v>95840</v>
      </c>
      <c r="F26769" s="1" t="s">
        <v>95841</v>
      </c>
      <c r="G26769" s="1" t="s">
        <v>95829</v>
      </c>
      <c r="H26769" s="1" t="s">
        <v>95830</v>
      </c>
      <c r="I26769" s="1" t="s">
        <v>86055</v>
      </c>
      <c r="J26769" s="1" t="s">
        <v>95842</v>
      </c>
    </row>
    <row r="26770" spans="1:10" x14ac:dyDescent="0.35">
      <c r="A26770" s="1" t="s">
        <v>2168</v>
      </c>
      <c r="B26770" s="1" t="s">
        <v>86049</v>
      </c>
      <c r="C26770" s="1" t="s">
        <v>35</v>
      </c>
      <c r="D26770" s="1" t="s">
        <v>95843</v>
      </c>
      <c r="E26770" s="1" t="s">
        <v>95844</v>
      </c>
      <c r="F26770" s="1" t="s">
        <v>95845</v>
      </c>
      <c r="G26770" s="1" t="s">
        <v>95829</v>
      </c>
      <c r="H26770" s="1" t="s">
        <v>95830</v>
      </c>
      <c r="I26770" s="1" t="s">
        <v>86055</v>
      </c>
      <c r="J26770" s="1" t="s">
        <v>95846</v>
      </c>
    </row>
    <row r="26771" spans="1:10" x14ac:dyDescent="0.35">
      <c r="A26771" s="1" t="s">
        <v>2168</v>
      </c>
      <c r="B26771" s="1" t="s">
        <v>86049</v>
      </c>
      <c r="C26771" s="1" t="s">
        <v>40</v>
      </c>
      <c r="D26771" s="1" t="s">
        <v>75726</v>
      </c>
      <c r="E26771" s="1" t="s">
        <v>95847</v>
      </c>
      <c r="F26771" s="1" t="s">
        <v>95848</v>
      </c>
      <c r="G26771" s="1" t="s">
        <v>95829</v>
      </c>
      <c r="H26771" s="1" t="s">
        <v>95830</v>
      </c>
      <c r="I26771" s="1" t="s">
        <v>86055</v>
      </c>
      <c r="J26771" s="1" t="s">
        <v>95849</v>
      </c>
    </row>
    <row r="26772" spans="1:10" x14ac:dyDescent="0.35">
      <c r="A26772" s="1" t="s">
        <v>2168</v>
      </c>
      <c r="B26772" s="1" t="s">
        <v>86049</v>
      </c>
      <c r="C26772" s="1" t="s">
        <v>45</v>
      </c>
      <c r="D26772" s="1" t="s">
        <v>93746</v>
      </c>
      <c r="E26772" s="1" t="s">
        <v>95850</v>
      </c>
      <c r="F26772" s="1" t="s">
        <v>95851</v>
      </c>
      <c r="G26772" s="1" t="s">
        <v>95829</v>
      </c>
      <c r="H26772" s="1" t="s">
        <v>95830</v>
      </c>
      <c r="I26772" s="1" t="s">
        <v>86055</v>
      </c>
      <c r="J26772" s="1" t="s">
        <v>95852</v>
      </c>
    </row>
    <row r="26773" spans="1:10" x14ac:dyDescent="0.35">
      <c r="A26773" s="1" t="s">
        <v>2168</v>
      </c>
      <c r="B26773" s="1" t="s">
        <v>86049</v>
      </c>
      <c r="C26773" s="1" t="s">
        <v>50</v>
      </c>
      <c r="D26773" s="1" t="s">
        <v>95853</v>
      </c>
      <c r="E26773" s="1" t="s">
        <v>95854</v>
      </c>
      <c r="F26773" s="1" t="s">
        <v>95855</v>
      </c>
      <c r="G26773" s="1" t="s">
        <v>95829</v>
      </c>
      <c r="H26773" s="1" t="s">
        <v>95830</v>
      </c>
      <c r="I26773" s="1" t="s">
        <v>86055</v>
      </c>
      <c r="J26773" s="1" t="s">
        <v>95856</v>
      </c>
    </row>
    <row r="26774" spans="1:10" x14ac:dyDescent="0.35">
      <c r="A26774" s="1" t="s">
        <v>2168</v>
      </c>
      <c r="B26774" s="1" t="s">
        <v>86049</v>
      </c>
      <c r="C26774" s="1" t="s">
        <v>55</v>
      </c>
      <c r="D26774" s="1" t="s">
        <v>65995</v>
      </c>
      <c r="E26774" s="1" t="s">
        <v>95857</v>
      </c>
      <c r="F26774" s="1" t="s">
        <v>95858</v>
      </c>
      <c r="G26774" s="1" t="s">
        <v>95829</v>
      </c>
      <c r="H26774" s="1" t="s">
        <v>95830</v>
      </c>
      <c r="I26774" s="1" t="s">
        <v>86055</v>
      </c>
      <c r="J26774" s="1" t="s">
        <v>95859</v>
      </c>
    </row>
    <row r="26775" spans="1:10" x14ac:dyDescent="0.35">
      <c r="A26775" s="1" t="s">
        <v>2168</v>
      </c>
      <c r="B26775" s="1" t="s">
        <v>86049</v>
      </c>
      <c r="C26775" s="1" t="s">
        <v>60</v>
      </c>
      <c r="D26775" s="1" t="s">
        <v>21882</v>
      </c>
      <c r="E26775" s="1" t="s">
        <v>95860</v>
      </c>
      <c r="F26775" s="1" t="s">
        <v>95861</v>
      </c>
      <c r="G26775" s="1" t="s">
        <v>95829</v>
      </c>
      <c r="H26775" s="1" t="s">
        <v>95830</v>
      </c>
      <c r="I26775" s="1" t="s">
        <v>86055</v>
      </c>
      <c r="J26775" s="1" t="s">
        <v>95862</v>
      </c>
    </row>
    <row r="26776" spans="1:10" x14ac:dyDescent="0.35">
      <c r="A26776" s="1" t="s">
        <v>2168</v>
      </c>
      <c r="B26776" s="1" t="s">
        <v>86049</v>
      </c>
      <c r="C26776" s="1" t="s">
        <v>65</v>
      </c>
      <c r="D26776" s="1" t="s">
        <v>95863</v>
      </c>
      <c r="E26776" s="1" t="s">
        <v>95864</v>
      </c>
      <c r="F26776" s="1" t="s">
        <v>95865</v>
      </c>
      <c r="G26776" s="1" t="s">
        <v>95829</v>
      </c>
      <c r="H26776" s="1" t="s">
        <v>95830</v>
      </c>
      <c r="I26776" s="1" t="s">
        <v>86055</v>
      </c>
      <c r="J26776" s="1" t="s">
        <v>95866</v>
      </c>
    </row>
    <row r="26777" spans="1:10" x14ac:dyDescent="0.35">
      <c r="A26777" s="1" t="s">
        <v>2168</v>
      </c>
      <c r="B26777" s="1" t="s">
        <v>86049</v>
      </c>
      <c r="C26777" s="1" t="s">
        <v>70</v>
      </c>
      <c r="D26777" s="1" t="s">
        <v>77519</v>
      </c>
      <c r="E26777" s="1" t="s">
        <v>95867</v>
      </c>
      <c r="F26777" s="1" t="s">
        <v>95868</v>
      </c>
      <c r="G26777" s="1" t="s">
        <v>95829</v>
      </c>
      <c r="H26777" s="1" t="s">
        <v>95830</v>
      </c>
      <c r="I26777" s="1" t="s">
        <v>86055</v>
      </c>
      <c r="J26777" s="1" t="s">
        <v>95869</v>
      </c>
    </row>
    <row r="26778" spans="1:10" x14ac:dyDescent="0.35">
      <c r="A26778" s="1" t="s">
        <v>2168</v>
      </c>
      <c r="B26778" s="1" t="s">
        <v>86049</v>
      </c>
      <c r="C26778" s="1" t="s">
        <v>75</v>
      </c>
      <c r="D26778" s="1" t="s">
        <v>68512</v>
      </c>
      <c r="E26778" s="1" t="s">
        <v>95870</v>
      </c>
      <c r="F26778" s="1" t="s">
        <v>95871</v>
      </c>
      <c r="G26778" s="1" t="s">
        <v>95829</v>
      </c>
      <c r="H26778" s="1" t="s">
        <v>95830</v>
      </c>
      <c r="I26778" s="1" t="s">
        <v>86055</v>
      </c>
      <c r="J26778" s="1" t="s">
        <v>95872</v>
      </c>
    </row>
    <row r="26779" spans="1:10" x14ac:dyDescent="0.35">
      <c r="A26779" s="1" t="s">
        <v>2168</v>
      </c>
      <c r="B26779" s="1" t="s">
        <v>86049</v>
      </c>
      <c r="C26779" s="1" t="s">
        <v>80</v>
      </c>
      <c r="D26779" s="1" t="s">
        <v>95873</v>
      </c>
      <c r="E26779" s="1" t="s">
        <v>95874</v>
      </c>
      <c r="F26779" s="1" t="s">
        <v>95875</v>
      </c>
      <c r="G26779" s="1" t="s">
        <v>95829</v>
      </c>
      <c r="H26779" s="1" t="s">
        <v>95830</v>
      </c>
      <c r="I26779" s="1" t="s">
        <v>86055</v>
      </c>
      <c r="J26779" s="1" t="s">
        <v>95876</v>
      </c>
    </row>
    <row r="26780" spans="1:10" x14ac:dyDescent="0.35">
      <c r="A26780" s="1" t="s">
        <v>2168</v>
      </c>
      <c r="B26780" s="1" t="s">
        <v>86049</v>
      </c>
      <c r="C26780" s="1" t="s">
        <v>85</v>
      </c>
      <c r="D26780" s="1" t="s">
        <v>95877</v>
      </c>
      <c r="E26780" s="1" t="s">
        <v>95878</v>
      </c>
      <c r="F26780" s="1" t="s">
        <v>95879</v>
      </c>
      <c r="G26780" s="1" t="s">
        <v>95829</v>
      </c>
      <c r="H26780" s="1" t="s">
        <v>95830</v>
      </c>
      <c r="I26780" s="1" t="s">
        <v>86055</v>
      </c>
      <c r="J26780" s="1" t="s">
        <v>95880</v>
      </c>
    </row>
    <row r="26781" spans="1:10" x14ac:dyDescent="0.35">
      <c r="A26781" s="1" t="s">
        <v>2168</v>
      </c>
      <c r="B26781" s="1" t="s">
        <v>86049</v>
      </c>
      <c r="C26781" s="1" t="s">
        <v>90</v>
      </c>
      <c r="D26781" s="1" t="s">
        <v>95881</v>
      </c>
      <c r="E26781" s="1" t="s">
        <v>95882</v>
      </c>
      <c r="F26781" s="1" t="s">
        <v>95883</v>
      </c>
      <c r="G26781" s="1" t="s">
        <v>95829</v>
      </c>
      <c r="H26781" s="1" t="s">
        <v>95830</v>
      </c>
      <c r="I26781" s="1" t="s">
        <v>86055</v>
      </c>
      <c r="J26781" s="1" t="s">
        <v>95884</v>
      </c>
    </row>
    <row r="26782" spans="1:10" x14ac:dyDescent="0.35">
      <c r="A26782" s="1" t="s">
        <v>2168</v>
      </c>
      <c r="B26782" s="1" t="s">
        <v>86049</v>
      </c>
      <c r="C26782" s="1" t="s">
        <v>95</v>
      </c>
      <c r="D26782" s="1" t="s">
        <v>95885</v>
      </c>
      <c r="E26782" s="1" t="s">
        <v>95886</v>
      </c>
      <c r="F26782" s="1" t="s">
        <v>95887</v>
      </c>
      <c r="G26782" s="1" t="s">
        <v>95829</v>
      </c>
      <c r="H26782" s="1" t="s">
        <v>95830</v>
      </c>
      <c r="I26782" s="1" t="s">
        <v>86055</v>
      </c>
      <c r="J26782" s="1" t="s">
        <v>95888</v>
      </c>
    </row>
    <row r="26783" spans="1:10" x14ac:dyDescent="0.35">
      <c r="A26783" s="1" t="s">
        <v>2168</v>
      </c>
      <c r="B26783" s="1" t="s">
        <v>86049</v>
      </c>
      <c r="C26783" s="1" t="s">
        <v>100</v>
      </c>
      <c r="D26783" s="1" t="s">
        <v>95889</v>
      </c>
      <c r="E26783" s="1" t="s">
        <v>95890</v>
      </c>
      <c r="F26783" s="1" t="s">
        <v>95891</v>
      </c>
      <c r="G26783" s="1" t="s">
        <v>95829</v>
      </c>
      <c r="H26783" s="1" t="s">
        <v>95830</v>
      </c>
      <c r="I26783" s="1" t="s">
        <v>86055</v>
      </c>
      <c r="J26783" s="1" t="s">
        <v>95892</v>
      </c>
    </row>
    <row r="26784" spans="1:10" x14ac:dyDescent="0.35">
      <c r="A26784" s="1" t="s">
        <v>2168</v>
      </c>
      <c r="B26784" s="1" t="s">
        <v>86049</v>
      </c>
      <c r="C26784" s="1" t="s">
        <v>105</v>
      </c>
      <c r="D26784" s="1" t="s">
        <v>59446</v>
      </c>
      <c r="E26784" s="1" t="s">
        <v>95893</v>
      </c>
      <c r="F26784" s="1" t="s">
        <v>95894</v>
      </c>
      <c r="G26784" s="1" t="s">
        <v>95829</v>
      </c>
      <c r="H26784" s="1" t="s">
        <v>95830</v>
      </c>
      <c r="I26784" s="1" t="s">
        <v>86055</v>
      </c>
      <c r="J26784" s="1" t="s">
        <v>95895</v>
      </c>
    </row>
    <row r="26785" spans="1:10" x14ac:dyDescent="0.35">
      <c r="A26785" s="1" t="s">
        <v>2168</v>
      </c>
      <c r="B26785" s="1" t="s">
        <v>86049</v>
      </c>
      <c r="C26785" s="1" t="s">
        <v>110</v>
      </c>
      <c r="D26785" s="1" t="s">
        <v>76924</v>
      </c>
      <c r="E26785" s="1" t="s">
        <v>95896</v>
      </c>
      <c r="F26785" s="1" t="s">
        <v>95897</v>
      </c>
      <c r="G26785" s="1" t="s">
        <v>95829</v>
      </c>
      <c r="H26785" s="1" t="s">
        <v>95830</v>
      </c>
      <c r="I26785" s="1" t="s">
        <v>86055</v>
      </c>
      <c r="J26785" s="1" t="s">
        <v>95898</v>
      </c>
    </row>
    <row r="26786" spans="1:10" x14ac:dyDescent="0.35">
      <c r="A26786" s="1" t="s">
        <v>2168</v>
      </c>
      <c r="B26786" s="1" t="s">
        <v>86049</v>
      </c>
      <c r="C26786" s="1" t="s">
        <v>115</v>
      </c>
      <c r="D26786" s="1" t="s">
        <v>86620</v>
      </c>
      <c r="E26786" s="1" t="s">
        <v>95899</v>
      </c>
      <c r="F26786" s="1" t="s">
        <v>95900</v>
      </c>
      <c r="G26786" s="1" t="s">
        <v>95829</v>
      </c>
      <c r="H26786" s="1" t="s">
        <v>95830</v>
      </c>
      <c r="I26786" s="1" t="s">
        <v>86055</v>
      </c>
      <c r="J26786" s="1" t="s">
        <v>95901</v>
      </c>
    </row>
    <row r="26787" spans="1:10" x14ac:dyDescent="0.35">
      <c r="A26787" s="1" t="s">
        <v>2168</v>
      </c>
      <c r="B26787" s="1" t="s">
        <v>86049</v>
      </c>
      <c r="C26787" s="1" t="s">
        <v>120</v>
      </c>
      <c r="D26787" s="1" t="s">
        <v>61960</v>
      </c>
      <c r="E26787" s="1" t="s">
        <v>95902</v>
      </c>
      <c r="F26787" s="1" t="s">
        <v>95903</v>
      </c>
      <c r="G26787" s="1" t="s">
        <v>95829</v>
      </c>
      <c r="H26787" s="1" t="s">
        <v>95830</v>
      </c>
      <c r="I26787" s="1" t="s">
        <v>86055</v>
      </c>
      <c r="J26787" s="1" t="s">
        <v>95904</v>
      </c>
    </row>
    <row r="26788" spans="1:10" x14ac:dyDescent="0.35">
      <c r="A26788" s="1" t="s">
        <v>2168</v>
      </c>
      <c r="B26788" s="1" t="s">
        <v>86049</v>
      </c>
      <c r="C26788" s="1" t="s">
        <v>125</v>
      </c>
      <c r="D26788" s="1" t="s">
        <v>59446</v>
      </c>
      <c r="E26788" s="1" t="s">
        <v>95905</v>
      </c>
      <c r="F26788" s="1" t="s">
        <v>95906</v>
      </c>
      <c r="G26788" s="1" t="s">
        <v>95829</v>
      </c>
      <c r="H26788" s="1" t="s">
        <v>95830</v>
      </c>
      <c r="I26788" s="1" t="s">
        <v>86055</v>
      </c>
      <c r="J26788" s="1" t="s">
        <v>95907</v>
      </c>
    </row>
    <row r="26789" spans="1:10" x14ac:dyDescent="0.35">
      <c r="A26789" s="1" t="s">
        <v>2168</v>
      </c>
      <c r="B26789" s="1" t="s">
        <v>86049</v>
      </c>
      <c r="C26789" s="1" t="s">
        <v>130</v>
      </c>
      <c r="D26789" s="1" t="s">
        <v>95908</v>
      </c>
      <c r="E26789" s="1" t="s">
        <v>95909</v>
      </c>
      <c r="F26789" s="1" t="s">
        <v>95910</v>
      </c>
      <c r="G26789" s="1" t="s">
        <v>95829</v>
      </c>
      <c r="H26789" s="1" t="s">
        <v>95830</v>
      </c>
      <c r="I26789" s="1" t="s">
        <v>86055</v>
      </c>
      <c r="J26789" s="1" t="s">
        <v>95911</v>
      </c>
    </row>
    <row r="26790" spans="1:10" x14ac:dyDescent="0.35">
      <c r="A26790" s="1" t="s">
        <v>2168</v>
      </c>
      <c r="B26790" s="1" t="s">
        <v>86049</v>
      </c>
      <c r="C26790" s="1" t="s">
        <v>135</v>
      </c>
      <c r="D26790" s="1" t="s">
        <v>95912</v>
      </c>
      <c r="E26790" s="1" t="s">
        <v>95913</v>
      </c>
      <c r="F26790" s="1" t="s">
        <v>95914</v>
      </c>
      <c r="G26790" s="1" t="s">
        <v>95829</v>
      </c>
      <c r="H26790" s="1" t="s">
        <v>95830</v>
      </c>
      <c r="I26790" s="1" t="s">
        <v>86055</v>
      </c>
      <c r="J26790" s="1" t="s">
        <v>95915</v>
      </c>
    </row>
    <row r="26791" spans="1:10" x14ac:dyDescent="0.35">
      <c r="A26791" s="1" t="s">
        <v>2168</v>
      </c>
      <c r="B26791" s="1" t="s">
        <v>86049</v>
      </c>
      <c r="C26791" s="1" t="s">
        <v>140</v>
      </c>
      <c r="D26791" s="1" t="s">
        <v>26376</v>
      </c>
      <c r="E26791" s="1" t="s">
        <v>95916</v>
      </c>
      <c r="F26791" s="1" t="s">
        <v>95917</v>
      </c>
      <c r="G26791" s="1" t="s">
        <v>95829</v>
      </c>
      <c r="H26791" s="1" t="s">
        <v>95830</v>
      </c>
      <c r="I26791" s="1" t="s">
        <v>86055</v>
      </c>
      <c r="J26791" s="1" t="s">
        <v>95918</v>
      </c>
    </row>
    <row r="26792" spans="1:10" x14ac:dyDescent="0.35">
      <c r="A26792" s="1" t="s">
        <v>2168</v>
      </c>
      <c r="B26792" s="1" t="s">
        <v>86049</v>
      </c>
      <c r="C26792" s="1" t="s">
        <v>145</v>
      </c>
      <c r="D26792" s="1" t="s">
        <v>95919</v>
      </c>
      <c r="E26792" s="1" t="s">
        <v>95920</v>
      </c>
      <c r="F26792" s="1" t="s">
        <v>95921</v>
      </c>
      <c r="G26792" s="1" t="s">
        <v>95829</v>
      </c>
      <c r="H26792" s="1" t="s">
        <v>95830</v>
      </c>
      <c r="I26792" s="1" t="s">
        <v>86055</v>
      </c>
      <c r="J26792" s="1" t="s">
        <v>95922</v>
      </c>
    </row>
    <row r="26793" spans="1:10" x14ac:dyDescent="0.35">
      <c r="A26793" s="1" t="s">
        <v>2168</v>
      </c>
      <c r="B26793" s="1" t="s">
        <v>86049</v>
      </c>
      <c r="C26793" s="1" t="s">
        <v>150</v>
      </c>
      <c r="D26793" s="1" t="s">
        <v>95923</v>
      </c>
      <c r="E26793" s="1" t="s">
        <v>95924</v>
      </c>
      <c r="F26793" s="1" t="s">
        <v>95925</v>
      </c>
      <c r="G26793" s="1" t="s">
        <v>95829</v>
      </c>
      <c r="H26793" s="1" t="s">
        <v>95830</v>
      </c>
      <c r="I26793" s="1" t="s">
        <v>86055</v>
      </c>
      <c r="J26793" s="1" t="s">
        <v>95926</v>
      </c>
    </row>
    <row r="26794" spans="1:10" x14ac:dyDescent="0.35">
      <c r="A26794" s="1" t="s">
        <v>2168</v>
      </c>
      <c r="B26794" s="1" t="s">
        <v>86049</v>
      </c>
      <c r="C26794" s="1" t="s">
        <v>155</v>
      </c>
      <c r="D26794" s="1" t="s">
        <v>81494</v>
      </c>
      <c r="E26794" s="1" t="s">
        <v>95927</v>
      </c>
      <c r="F26794" s="1" t="s">
        <v>95928</v>
      </c>
      <c r="G26794" s="1" t="s">
        <v>95829</v>
      </c>
      <c r="H26794" s="1" t="s">
        <v>95830</v>
      </c>
      <c r="I26794" s="1" t="s">
        <v>86055</v>
      </c>
      <c r="J26794" s="1" t="s">
        <v>95929</v>
      </c>
    </row>
    <row r="26795" spans="1:10" x14ac:dyDescent="0.35">
      <c r="A26795" s="1" t="s">
        <v>2168</v>
      </c>
      <c r="B26795" s="1" t="s">
        <v>86049</v>
      </c>
      <c r="C26795" s="1" t="s">
        <v>160</v>
      </c>
      <c r="D26795" s="1" t="s">
        <v>92827</v>
      </c>
      <c r="E26795" s="1" t="s">
        <v>95930</v>
      </c>
      <c r="F26795" s="1" t="s">
        <v>95931</v>
      </c>
      <c r="G26795" s="1" t="s">
        <v>95829</v>
      </c>
      <c r="H26795" s="1" t="s">
        <v>95830</v>
      </c>
      <c r="I26795" s="1" t="s">
        <v>86055</v>
      </c>
      <c r="J26795" s="1" t="s">
        <v>95932</v>
      </c>
    </row>
    <row r="26796" spans="1:10" x14ac:dyDescent="0.35">
      <c r="A26796" s="1" t="s">
        <v>2168</v>
      </c>
      <c r="B26796" s="1" t="s">
        <v>86049</v>
      </c>
      <c r="C26796" s="1" t="s">
        <v>165</v>
      </c>
      <c r="D26796" s="1" t="s">
        <v>88062</v>
      </c>
      <c r="E26796" s="1" t="s">
        <v>95933</v>
      </c>
      <c r="F26796" s="1" t="s">
        <v>95934</v>
      </c>
      <c r="G26796" s="1" t="s">
        <v>95829</v>
      </c>
      <c r="H26796" s="1" t="s">
        <v>95830</v>
      </c>
      <c r="I26796" s="1" t="s">
        <v>86055</v>
      </c>
      <c r="J26796" s="1" t="s">
        <v>95935</v>
      </c>
    </row>
    <row r="26797" spans="1:10" x14ac:dyDescent="0.35">
      <c r="A26797" s="1" t="s">
        <v>2168</v>
      </c>
      <c r="B26797" s="1" t="s">
        <v>86049</v>
      </c>
      <c r="C26797" s="1" t="s">
        <v>170</v>
      </c>
      <c r="D26797" s="1" t="s">
        <v>68204</v>
      </c>
      <c r="E26797" s="1" t="s">
        <v>95936</v>
      </c>
      <c r="F26797" s="1" t="s">
        <v>95937</v>
      </c>
      <c r="G26797" s="1" t="s">
        <v>95829</v>
      </c>
      <c r="H26797" s="1" t="s">
        <v>95830</v>
      </c>
      <c r="I26797" s="1" t="s">
        <v>86055</v>
      </c>
      <c r="J26797" s="1" t="s">
        <v>95938</v>
      </c>
    </row>
    <row r="26798" spans="1:10" x14ac:dyDescent="0.35">
      <c r="A26798" s="1" t="s">
        <v>3557</v>
      </c>
      <c r="B26798" s="1" t="s">
        <v>86049</v>
      </c>
      <c r="C26798" s="1" t="s">
        <v>8</v>
      </c>
      <c r="D26798" s="1" t="s">
        <v>95939</v>
      </c>
      <c r="E26798" s="1" t="s">
        <v>95940</v>
      </c>
      <c r="F26798" s="1" t="s">
        <v>95941</v>
      </c>
      <c r="G26798" s="1" t="s">
        <v>95942</v>
      </c>
      <c r="H26798" s="1" t="s">
        <v>95943</v>
      </c>
      <c r="I26798" s="1" t="s">
        <v>86055</v>
      </c>
      <c r="J26798" s="1" t="s">
        <v>13</v>
      </c>
    </row>
    <row r="26799" spans="1:10" x14ac:dyDescent="0.35">
      <c r="A26799" s="1" t="s">
        <v>3557</v>
      </c>
      <c r="B26799" s="1" t="s">
        <v>86049</v>
      </c>
      <c r="C26799" s="1" t="s">
        <v>15</v>
      </c>
      <c r="D26799" s="1" t="s">
        <v>95944</v>
      </c>
      <c r="E26799" s="1" t="s">
        <v>95945</v>
      </c>
      <c r="F26799" s="1" t="s">
        <v>95946</v>
      </c>
      <c r="G26799" s="1" t="s">
        <v>95942</v>
      </c>
      <c r="H26799" s="1" t="s">
        <v>95943</v>
      </c>
      <c r="I26799" s="1" t="s">
        <v>86055</v>
      </c>
      <c r="J26799" s="1" t="s">
        <v>95947</v>
      </c>
    </row>
    <row r="26800" spans="1:10" x14ac:dyDescent="0.35">
      <c r="A26800" s="1" t="s">
        <v>3557</v>
      </c>
      <c r="B26800" s="1" t="s">
        <v>86049</v>
      </c>
      <c r="C26800" s="1" t="s">
        <v>20</v>
      </c>
      <c r="D26800" s="1" t="s">
        <v>95948</v>
      </c>
      <c r="E26800" s="1" t="s">
        <v>95949</v>
      </c>
      <c r="F26800" s="1" t="s">
        <v>95950</v>
      </c>
      <c r="G26800" s="1" t="s">
        <v>95942</v>
      </c>
      <c r="H26800" s="1" t="s">
        <v>95943</v>
      </c>
      <c r="I26800" s="1" t="s">
        <v>86055</v>
      </c>
      <c r="J26800" s="1" t="s">
        <v>95951</v>
      </c>
    </row>
    <row r="26801" spans="1:10" x14ac:dyDescent="0.35">
      <c r="A26801" s="1" t="s">
        <v>3557</v>
      </c>
      <c r="B26801" s="1" t="s">
        <v>86049</v>
      </c>
      <c r="C26801" s="1" t="s">
        <v>25</v>
      </c>
      <c r="D26801" s="1" t="s">
        <v>26336</v>
      </c>
      <c r="E26801" s="1" t="s">
        <v>95952</v>
      </c>
      <c r="F26801" s="1" t="s">
        <v>95953</v>
      </c>
      <c r="G26801" s="1" t="s">
        <v>95942</v>
      </c>
      <c r="H26801" s="1" t="s">
        <v>95943</v>
      </c>
      <c r="I26801" s="1" t="s">
        <v>86055</v>
      </c>
      <c r="J26801" s="1" t="s">
        <v>95954</v>
      </c>
    </row>
    <row r="26802" spans="1:10" x14ac:dyDescent="0.35">
      <c r="A26802" s="1" t="s">
        <v>3557</v>
      </c>
      <c r="B26802" s="1" t="s">
        <v>86049</v>
      </c>
      <c r="C26802" s="1" t="s">
        <v>30</v>
      </c>
      <c r="D26802" s="1" t="s">
        <v>81936</v>
      </c>
      <c r="E26802" s="1" t="s">
        <v>95955</v>
      </c>
      <c r="F26802" s="1" t="s">
        <v>95956</v>
      </c>
      <c r="G26802" s="1" t="s">
        <v>95942</v>
      </c>
      <c r="H26802" s="1" t="s">
        <v>95943</v>
      </c>
      <c r="I26802" s="1" t="s">
        <v>86055</v>
      </c>
      <c r="J26802" s="1" t="s">
        <v>95957</v>
      </c>
    </row>
    <row r="26803" spans="1:10" x14ac:dyDescent="0.35">
      <c r="A26803" s="1" t="s">
        <v>3557</v>
      </c>
      <c r="B26803" s="1" t="s">
        <v>86049</v>
      </c>
      <c r="C26803" s="1" t="s">
        <v>35</v>
      </c>
      <c r="D26803" s="1" t="s">
        <v>95958</v>
      </c>
      <c r="E26803" s="1" t="s">
        <v>95959</v>
      </c>
      <c r="F26803" s="1" t="s">
        <v>95960</v>
      </c>
      <c r="G26803" s="1" t="s">
        <v>95942</v>
      </c>
      <c r="H26803" s="1" t="s">
        <v>95943</v>
      </c>
      <c r="I26803" s="1" t="s">
        <v>86055</v>
      </c>
      <c r="J26803" s="1" t="s">
        <v>95961</v>
      </c>
    </row>
    <row r="26804" spans="1:10" x14ac:dyDescent="0.35">
      <c r="A26804" s="1" t="s">
        <v>3557</v>
      </c>
      <c r="B26804" s="1" t="s">
        <v>86049</v>
      </c>
      <c r="C26804" s="1" t="s">
        <v>40</v>
      </c>
      <c r="D26804" s="1" t="s">
        <v>95962</v>
      </c>
      <c r="E26804" s="1" t="s">
        <v>95963</v>
      </c>
      <c r="F26804" s="1" t="s">
        <v>95964</v>
      </c>
      <c r="G26804" s="1" t="s">
        <v>95942</v>
      </c>
      <c r="H26804" s="1" t="s">
        <v>95943</v>
      </c>
      <c r="I26804" s="1" t="s">
        <v>86055</v>
      </c>
      <c r="J26804" s="1" t="s">
        <v>95965</v>
      </c>
    </row>
    <row r="26805" spans="1:10" x14ac:dyDescent="0.35">
      <c r="A26805" s="1" t="s">
        <v>3557</v>
      </c>
      <c r="B26805" s="1" t="s">
        <v>86049</v>
      </c>
      <c r="C26805" s="1" t="s">
        <v>45</v>
      </c>
      <c r="D26805" s="1" t="s">
        <v>61920</v>
      </c>
      <c r="E26805" s="1" t="s">
        <v>95966</v>
      </c>
      <c r="F26805" s="1" t="s">
        <v>95967</v>
      </c>
      <c r="G26805" s="1" t="s">
        <v>95942</v>
      </c>
      <c r="H26805" s="1" t="s">
        <v>95943</v>
      </c>
      <c r="I26805" s="1" t="s">
        <v>86055</v>
      </c>
      <c r="J26805" s="1" t="s">
        <v>95968</v>
      </c>
    </row>
    <row r="26806" spans="1:10" x14ac:dyDescent="0.35">
      <c r="A26806" s="1" t="s">
        <v>3557</v>
      </c>
      <c r="B26806" s="1" t="s">
        <v>86049</v>
      </c>
      <c r="C26806" s="1" t="s">
        <v>50</v>
      </c>
      <c r="D26806" s="1" t="s">
        <v>95969</v>
      </c>
      <c r="E26806" s="1" t="s">
        <v>95970</v>
      </c>
      <c r="F26806" s="1" t="s">
        <v>95971</v>
      </c>
      <c r="G26806" s="1" t="s">
        <v>95942</v>
      </c>
      <c r="H26806" s="1" t="s">
        <v>95943</v>
      </c>
      <c r="I26806" s="1" t="s">
        <v>86055</v>
      </c>
      <c r="J26806" s="1" t="s">
        <v>95972</v>
      </c>
    </row>
    <row r="26807" spans="1:10" x14ac:dyDescent="0.35">
      <c r="A26807" s="1" t="s">
        <v>3557</v>
      </c>
      <c r="B26807" s="1" t="s">
        <v>86049</v>
      </c>
      <c r="C26807" s="1" t="s">
        <v>55</v>
      </c>
      <c r="D26807" s="1" t="s">
        <v>61949</v>
      </c>
      <c r="E26807" s="1" t="s">
        <v>95973</v>
      </c>
      <c r="F26807" s="1" t="s">
        <v>95974</v>
      </c>
      <c r="G26807" s="1" t="s">
        <v>95942</v>
      </c>
      <c r="H26807" s="1" t="s">
        <v>95943</v>
      </c>
      <c r="I26807" s="1" t="s">
        <v>86055</v>
      </c>
      <c r="J26807" s="1" t="s">
        <v>95975</v>
      </c>
    </row>
    <row r="26808" spans="1:10" x14ac:dyDescent="0.35">
      <c r="A26808" s="1" t="s">
        <v>3557</v>
      </c>
      <c r="B26808" s="1" t="s">
        <v>86049</v>
      </c>
      <c r="C26808" s="1" t="s">
        <v>60</v>
      </c>
      <c r="D26808" s="1" t="s">
        <v>95976</v>
      </c>
      <c r="E26808" s="1" t="s">
        <v>95977</v>
      </c>
      <c r="F26808" s="1" t="s">
        <v>95978</v>
      </c>
      <c r="G26808" s="1" t="s">
        <v>95942</v>
      </c>
      <c r="H26808" s="1" t="s">
        <v>95943</v>
      </c>
      <c r="I26808" s="1" t="s">
        <v>86055</v>
      </c>
      <c r="J26808" s="1" t="s">
        <v>95979</v>
      </c>
    </row>
    <row r="26809" spans="1:10" x14ac:dyDescent="0.35">
      <c r="A26809" s="1" t="s">
        <v>3557</v>
      </c>
      <c r="B26809" s="1" t="s">
        <v>86049</v>
      </c>
      <c r="C26809" s="1" t="s">
        <v>65</v>
      </c>
      <c r="D26809" s="1" t="s">
        <v>95980</v>
      </c>
      <c r="E26809" s="1" t="s">
        <v>95981</v>
      </c>
      <c r="F26809" s="1" t="s">
        <v>95982</v>
      </c>
      <c r="G26809" s="1" t="s">
        <v>95942</v>
      </c>
      <c r="H26809" s="1" t="s">
        <v>95943</v>
      </c>
      <c r="I26809" s="1" t="s">
        <v>86055</v>
      </c>
      <c r="J26809" s="1" t="s">
        <v>95983</v>
      </c>
    </row>
    <row r="26810" spans="1:10" x14ac:dyDescent="0.35">
      <c r="A26810" s="1" t="s">
        <v>3557</v>
      </c>
      <c r="B26810" s="1" t="s">
        <v>86049</v>
      </c>
      <c r="C26810" s="1" t="s">
        <v>70</v>
      </c>
      <c r="D26810" s="1" t="s">
        <v>95984</v>
      </c>
      <c r="E26810" s="1" t="s">
        <v>95985</v>
      </c>
      <c r="F26810" s="1" t="s">
        <v>95986</v>
      </c>
      <c r="G26810" s="1" t="s">
        <v>95942</v>
      </c>
      <c r="H26810" s="1" t="s">
        <v>95943</v>
      </c>
      <c r="I26810" s="1" t="s">
        <v>86055</v>
      </c>
      <c r="J26810" s="1" t="s">
        <v>95987</v>
      </c>
    </row>
    <row r="26811" spans="1:10" x14ac:dyDescent="0.35">
      <c r="A26811" s="1" t="s">
        <v>3557</v>
      </c>
      <c r="B26811" s="1" t="s">
        <v>86049</v>
      </c>
      <c r="C26811" s="1" t="s">
        <v>75</v>
      </c>
      <c r="D26811" s="1" t="s">
        <v>95988</v>
      </c>
      <c r="E26811" s="1" t="s">
        <v>95989</v>
      </c>
      <c r="F26811" s="1" t="s">
        <v>95990</v>
      </c>
      <c r="G26811" s="1" t="s">
        <v>95942</v>
      </c>
      <c r="H26811" s="1" t="s">
        <v>95943</v>
      </c>
      <c r="I26811" s="1" t="s">
        <v>86055</v>
      </c>
      <c r="J26811" s="1" t="s">
        <v>95991</v>
      </c>
    </row>
    <row r="26812" spans="1:10" x14ac:dyDescent="0.35">
      <c r="A26812" s="1" t="s">
        <v>3557</v>
      </c>
      <c r="B26812" s="1" t="s">
        <v>86049</v>
      </c>
      <c r="C26812" s="1" t="s">
        <v>80</v>
      </c>
      <c r="D26812" s="1" t="s">
        <v>67829</v>
      </c>
      <c r="E26812" s="1" t="s">
        <v>95992</v>
      </c>
      <c r="F26812" s="1" t="s">
        <v>95993</v>
      </c>
      <c r="G26812" s="1" t="s">
        <v>95942</v>
      </c>
      <c r="H26812" s="1" t="s">
        <v>95943</v>
      </c>
      <c r="I26812" s="1" t="s">
        <v>86055</v>
      </c>
      <c r="J26812" s="1" t="s">
        <v>95994</v>
      </c>
    </row>
    <row r="26813" spans="1:10" x14ac:dyDescent="0.35">
      <c r="A26813" s="1" t="s">
        <v>3557</v>
      </c>
      <c r="B26813" s="1" t="s">
        <v>86049</v>
      </c>
      <c r="C26813" s="1" t="s">
        <v>85</v>
      </c>
      <c r="D26813" s="1" t="s">
        <v>95995</v>
      </c>
      <c r="E26813" s="1" t="s">
        <v>95996</v>
      </c>
      <c r="F26813" s="1" t="s">
        <v>95997</v>
      </c>
      <c r="G26813" s="1" t="s">
        <v>95942</v>
      </c>
      <c r="H26813" s="1" t="s">
        <v>95943</v>
      </c>
      <c r="I26813" s="1" t="s">
        <v>86055</v>
      </c>
      <c r="J26813" s="1" t="s">
        <v>95998</v>
      </c>
    </row>
    <row r="26814" spans="1:10" x14ac:dyDescent="0.35">
      <c r="A26814" s="1" t="s">
        <v>3557</v>
      </c>
      <c r="B26814" s="1" t="s">
        <v>86049</v>
      </c>
      <c r="C26814" s="1" t="s">
        <v>90</v>
      </c>
      <c r="D26814" s="1" t="s">
        <v>95999</v>
      </c>
      <c r="E26814" s="1" t="s">
        <v>96000</v>
      </c>
      <c r="F26814" s="1" t="s">
        <v>96001</v>
      </c>
      <c r="G26814" s="1" t="s">
        <v>95942</v>
      </c>
      <c r="H26814" s="1" t="s">
        <v>95943</v>
      </c>
      <c r="I26814" s="1" t="s">
        <v>86055</v>
      </c>
      <c r="J26814" s="1" t="s">
        <v>96002</v>
      </c>
    </row>
    <row r="26815" spans="1:10" x14ac:dyDescent="0.35">
      <c r="A26815" s="1" t="s">
        <v>3557</v>
      </c>
      <c r="B26815" s="1" t="s">
        <v>86049</v>
      </c>
      <c r="C26815" s="1" t="s">
        <v>95</v>
      </c>
      <c r="D26815" s="1" t="s">
        <v>96003</v>
      </c>
      <c r="E26815" s="1" t="s">
        <v>96004</v>
      </c>
      <c r="F26815" s="1" t="s">
        <v>96005</v>
      </c>
      <c r="G26815" s="1" t="s">
        <v>95942</v>
      </c>
      <c r="H26815" s="1" t="s">
        <v>95943</v>
      </c>
      <c r="I26815" s="1" t="s">
        <v>86055</v>
      </c>
      <c r="J26815" s="1" t="s">
        <v>96006</v>
      </c>
    </row>
    <row r="26816" spans="1:10" x14ac:dyDescent="0.35">
      <c r="A26816" s="1" t="s">
        <v>3557</v>
      </c>
      <c r="B26816" s="1" t="s">
        <v>86049</v>
      </c>
      <c r="C26816" s="1" t="s">
        <v>100</v>
      </c>
      <c r="D26816" s="1" t="s">
        <v>63546</v>
      </c>
      <c r="E26816" s="1" t="s">
        <v>96007</v>
      </c>
      <c r="F26816" s="1" t="s">
        <v>96008</v>
      </c>
      <c r="G26816" s="1" t="s">
        <v>95942</v>
      </c>
      <c r="H26816" s="1" t="s">
        <v>95943</v>
      </c>
      <c r="I26816" s="1" t="s">
        <v>86055</v>
      </c>
      <c r="J26816" s="1" t="s">
        <v>96009</v>
      </c>
    </row>
    <row r="26817" spans="1:10" x14ac:dyDescent="0.35">
      <c r="A26817" s="1" t="s">
        <v>3557</v>
      </c>
      <c r="B26817" s="1" t="s">
        <v>86049</v>
      </c>
      <c r="C26817" s="1" t="s">
        <v>105</v>
      </c>
      <c r="D26817" s="1" t="s">
        <v>96010</v>
      </c>
      <c r="E26817" s="1" t="s">
        <v>96011</v>
      </c>
      <c r="F26817" s="1" t="s">
        <v>96012</v>
      </c>
      <c r="G26817" s="1" t="s">
        <v>95942</v>
      </c>
      <c r="H26817" s="1" t="s">
        <v>95943</v>
      </c>
      <c r="I26817" s="1" t="s">
        <v>86055</v>
      </c>
      <c r="J26817" s="1" t="s">
        <v>96013</v>
      </c>
    </row>
    <row r="26818" spans="1:10" x14ac:dyDescent="0.35">
      <c r="A26818" s="1" t="s">
        <v>3557</v>
      </c>
      <c r="B26818" s="1" t="s">
        <v>86049</v>
      </c>
      <c r="C26818" s="1" t="s">
        <v>110</v>
      </c>
      <c r="D26818" s="1" t="s">
        <v>93126</v>
      </c>
      <c r="E26818" s="1" t="s">
        <v>96014</v>
      </c>
      <c r="F26818" s="1" t="s">
        <v>96015</v>
      </c>
      <c r="G26818" s="1" t="s">
        <v>95942</v>
      </c>
      <c r="H26818" s="1" t="s">
        <v>95943</v>
      </c>
      <c r="I26818" s="1" t="s">
        <v>86055</v>
      </c>
      <c r="J26818" s="1" t="s">
        <v>96016</v>
      </c>
    </row>
    <row r="26819" spans="1:10" x14ac:dyDescent="0.35">
      <c r="A26819" s="1" t="s">
        <v>3557</v>
      </c>
      <c r="B26819" s="1" t="s">
        <v>86049</v>
      </c>
      <c r="C26819" s="1" t="s">
        <v>115</v>
      </c>
      <c r="D26819" s="1" t="s">
        <v>96017</v>
      </c>
      <c r="E26819" s="1" t="s">
        <v>96018</v>
      </c>
      <c r="F26819" s="1" t="s">
        <v>96019</v>
      </c>
      <c r="G26819" s="1" t="s">
        <v>95942</v>
      </c>
      <c r="H26819" s="1" t="s">
        <v>95943</v>
      </c>
      <c r="I26819" s="1" t="s">
        <v>86055</v>
      </c>
      <c r="J26819" s="1" t="s">
        <v>96020</v>
      </c>
    </row>
    <row r="26820" spans="1:10" x14ac:dyDescent="0.35">
      <c r="A26820" s="1" t="s">
        <v>3557</v>
      </c>
      <c r="B26820" s="1" t="s">
        <v>86049</v>
      </c>
      <c r="C26820" s="1" t="s">
        <v>120</v>
      </c>
      <c r="D26820" s="1" t="s">
        <v>96021</v>
      </c>
      <c r="E26820" s="1" t="s">
        <v>96022</v>
      </c>
      <c r="F26820" s="1" t="s">
        <v>96023</v>
      </c>
      <c r="G26820" s="1" t="s">
        <v>95942</v>
      </c>
      <c r="H26820" s="1" t="s">
        <v>95943</v>
      </c>
      <c r="I26820" s="1" t="s">
        <v>86055</v>
      </c>
      <c r="J26820" s="1" t="s">
        <v>96024</v>
      </c>
    </row>
    <row r="26821" spans="1:10" x14ac:dyDescent="0.35">
      <c r="A26821" s="1" t="s">
        <v>3557</v>
      </c>
      <c r="B26821" s="1" t="s">
        <v>86049</v>
      </c>
      <c r="C26821" s="1" t="s">
        <v>125</v>
      </c>
      <c r="D26821" s="1" t="s">
        <v>96025</v>
      </c>
      <c r="E26821" s="1" t="s">
        <v>96026</v>
      </c>
      <c r="F26821" s="1" t="s">
        <v>96027</v>
      </c>
      <c r="G26821" s="1" t="s">
        <v>95942</v>
      </c>
      <c r="H26821" s="1" t="s">
        <v>95943</v>
      </c>
      <c r="I26821" s="1" t="s">
        <v>86055</v>
      </c>
      <c r="J26821" s="1" t="s">
        <v>96028</v>
      </c>
    </row>
    <row r="26822" spans="1:10" x14ac:dyDescent="0.35">
      <c r="A26822" s="1" t="s">
        <v>3557</v>
      </c>
      <c r="B26822" s="1" t="s">
        <v>86049</v>
      </c>
      <c r="C26822" s="1" t="s">
        <v>130</v>
      </c>
      <c r="D26822" s="1" t="s">
        <v>96029</v>
      </c>
      <c r="E26822" s="1" t="s">
        <v>96030</v>
      </c>
      <c r="F26822" s="1" t="s">
        <v>96031</v>
      </c>
      <c r="G26822" s="1" t="s">
        <v>95942</v>
      </c>
      <c r="H26822" s="1" t="s">
        <v>95943</v>
      </c>
      <c r="I26822" s="1" t="s">
        <v>86055</v>
      </c>
      <c r="J26822" s="1" t="s">
        <v>96032</v>
      </c>
    </row>
    <row r="26823" spans="1:10" x14ac:dyDescent="0.35">
      <c r="A26823" s="1" t="s">
        <v>3557</v>
      </c>
      <c r="B26823" s="1" t="s">
        <v>86049</v>
      </c>
      <c r="C26823" s="1" t="s">
        <v>135</v>
      </c>
      <c r="D26823" s="1" t="s">
        <v>64612</v>
      </c>
      <c r="E26823" s="1" t="s">
        <v>96033</v>
      </c>
      <c r="F26823" s="1" t="s">
        <v>96034</v>
      </c>
      <c r="G26823" s="1" t="s">
        <v>95942</v>
      </c>
      <c r="H26823" s="1" t="s">
        <v>95943</v>
      </c>
      <c r="I26823" s="1" t="s">
        <v>86055</v>
      </c>
      <c r="J26823" s="1" t="s">
        <v>96035</v>
      </c>
    </row>
    <row r="26824" spans="1:10" x14ac:dyDescent="0.35">
      <c r="A26824" s="1" t="s">
        <v>3557</v>
      </c>
      <c r="B26824" s="1" t="s">
        <v>86049</v>
      </c>
      <c r="C26824" s="1" t="s">
        <v>140</v>
      </c>
      <c r="D26824" s="1" t="s">
        <v>79357</v>
      </c>
      <c r="E26824" s="1" t="s">
        <v>96036</v>
      </c>
      <c r="F26824" s="1" t="s">
        <v>96037</v>
      </c>
      <c r="G26824" s="1" t="s">
        <v>95942</v>
      </c>
      <c r="H26824" s="1" t="s">
        <v>95943</v>
      </c>
      <c r="I26824" s="1" t="s">
        <v>86055</v>
      </c>
      <c r="J26824" s="1" t="s">
        <v>96038</v>
      </c>
    </row>
    <row r="26825" spans="1:10" x14ac:dyDescent="0.35">
      <c r="A26825" s="1" t="s">
        <v>3557</v>
      </c>
      <c r="B26825" s="1" t="s">
        <v>86049</v>
      </c>
      <c r="C26825" s="1" t="s">
        <v>145</v>
      </c>
      <c r="D26825" s="1" t="s">
        <v>89226</v>
      </c>
      <c r="E26825" s="1" t="s">
        <v>96039</v>
      </c>
      <c r="F26825" s="1" t="s">
        <v>96040</v>
      </c>
      <c r="G26825" s="1" t="s">
        <v>95942</v>
      </c>
      <c r="H26825" s="1" t="s">
        <v>95943</v>
      </c>
      <c r="I26825" s="1" t="s">
        <v>86055</v>
      </c>
      <c r="J26825" s="1" t="s">
        <v>96041</v>
      </c>
    </row>
    <row r="26826" spans="1:10" x14ac:dyDescent="0.35">
      <c r="A26826" s="1" t="s">
        <v>3557</v>
      </c>
      <c r="B26826" s="1" t="s">
        <v>86049</v>
      </c>
      <c r="C26826" s="1" t="s">
        <v>150</v>
      </c>
      <c r="D26826" s="1" t="s">
        <v>96042</v>
      </c>
      <c r="E26826" s="1" t="s">
        <v>96043</v>
      </c>
      <c r="F26826" s="1" t="s">
        <v>96044</v>
      </c>
      <c r="G26826" s="1" t="s">
        <v>95942</v>
      </c>
      <c r="H26826" s="1" t="s">
        <v>95943</v>
      </c>
      <c r="I26826" s="1" t="s">
        <v>86055</v>
      </c>
      <c r="J26826" s="1" t="s">
        <v>96045</v>
      </c>
    </row>
    <row r="26827" spans="1:10" x14ac:dyDescent="0.35">
      <c r="A26827" s="1" t="s">
        <v>3557</v>
      </c>
      <c r="B26827" s="1" t="s">
        <v>86049</v>
      </c>
      <c r="C26827" s="1" t="s">
        <v>155</v>
      </c>
      <c r="D26827" s="1" t="s">
        <v>95325</v>
      </c>
      <c r="E26827" s="1" t="s">
        <v>96046</v>
      </c>
      <c r="F26827" s="1" t="s">
        <v>96047</v>
      </c>
      <c r="G26827" s="1" t="s">
        <v>95942</v>
      </c>
      <c r="H26827" s="1" t="s">
        <v>95943</v>
      </c>
      <c r="I26827" s="1" t="s">
        <v>86055</v>
      </c>
      <c r="J26827" s="1" t="s">
        <v>96048</v>
      </c>
    </row>
    <row r="26828" spans="1:10" x14ac:dyDescent="0.35">
      <c r="A26828" s="1" t="s">
        <v>3557</v>
      </c>
      <c r="B26828" s="1" t="s">
        <v>86049</v>
      </c>
      <c r="C26828" s="1" t="s">
        <v>160</v>
      </c>
      <c r="D26828" s="1" t="s">
        <v>96049</v>
      </c>
      <c r="E26828" s="1" t="s">
        <v>96050</v>
      </c>
      <c r="F26828" s="1" t="s">
        <v>96051</v>
      </c>
      <c r="G26828" s="1" t="s">
        <v>95942</v>
      </c>
      <c r="H26828" s="1" t="s">
        <v>95943</v>
      </c>
      <c r="I26828" s="1" t="s">
        <v>86055</v>
      </c>
      <c r="J26828" s="1" t="s">
        <v>96052</v>
      </c>
    </row>
    <row r="26829" spans="1:10" x14ac:dyDescent="0.35">
      <c r="A26829" s="1" t="s">
        <v>3557</v>
      </c>
      <c r="B26829" s="1" t="s">
        <v>86049</v>
      </c>
      <c r="C26829" s="1" t="s">
        <v>165</v>
      </c>
      <c r="D26829" s="1" t="s">
        <v>96053</v>
      </c>
      <c r="E26829" s="1" t="s">
        <v>96054</v>
      </c>
      <c r="F26829" s="1" t="s">
        <v>96055</v>
      </c>
      <c r="G26829" s="1" t="s">
        <v>95942</v>
      </c>
      <c r="H26829" s="1" t="s">
        <v>95943</v>
      </c>
      <c r="I26829" s="1" t="s">
        <v>86055</v>
      </c>
      <c r="J26829" s="1" t="s">
        <v>96056</v>
      </c>
    </row>
    <row r="26830" spans="1:10" x14ac:dyDescent="0.35">
      <c r="A26830" s="1" t="s">
        <v>3557</v>
      </c>
      <c r="B26830" s="1" t="s">
        <v>86049</v>
      </c>
      <c r="C26830" s="1" t="s">
        <v>170</v>
      </c>
      <c r="D26830" s="1" t="s">
        <v>38932</v>
      </c>
      <c r="E26830" s="1" t="s">
        <v>96057</v>
      </c>
      <c r="F26830" s="1" t="s">
        <v>96058</v>
      </c>
      <c r="G26830" s="1" t="s">
        <v>95942</v>
      </c>
      <c r="H26830" s="1" t="s">
        <v>95943</v>
      </c>
      <c r="I26830" s="1" t="s">
        <v>86055</v>
      </c>
      <c r="J26830" s="1" t="s">
        <v>96059</v>
      </c>
    </row>
    <row r="26831" spans="1:10" x14ac:dyDescent="0.35">
      <c r="A26831" s="1" t="s">
        <v>1840</v>
      </c>
      <c r="B26831" s="1" t="s">
        <v>86049</v>
      </c>
      <c r="C26831" s="1" t="s">
        <v>8</v>
      </c>
      <c r="D26831" s="1" t="s">
        <v>65725</v>
      </c>
      <c r="E26831" s="1" t="s">
        <v>96060</v>
      </c>
      <c r="F26831" s="1" t="s">
        <v>96061</v>
      </c>
      <c r="G26831" s="1" t="s">
        <v>96062</v>
      </c>
      <c r="H26831" s="1" t="s">
        <v>96063</v>
      </c>
      <c r="I26831" s="1" t="s">
        <v>86055</v>
      </c>
      <c r="J26831" s="1" t="s">
        <v>13</v>
      </c>
    </row>
    <row r="26832" spans="1:10" x14ac:dyDescent="0.35">
      <c r="A26832" s="1" t="s">
        <v>1840</v>
      </c>
      <c r="B26832" s="1" t="s">
        <v>86049</v>
      </c>
      <c r="C26832" s="1" t="s">
        <v>15</v>
      </c>
      <c r="D26832" s="1" t="s">
        <v>93625</v>
      </c>
      <c r="E26832" s="1" t="s">
        <v>96064</v>
      </c>
      <c r="F26832" s="1" t="s">
        <v>96065</v>
      </c>
      <c r="G26832" s="1" t="s">
        <v>96062</v>
      </c>
      <c r="H26832" s="1" t="s">
        <v>96063</v>
      </c>
      <c r="I26832" s="1" t="s">
        <v>86055</v>
      </c>
      <c r="J26832" s="1" t="s">
        <v>96066</v>
      </c>
    </row>
    <row r="26833" spans="1:10" x14ac:dyDescent="0.35">
      <c r="A26833" s="1" t="s">
        <v>1840</v>
      </c>
      <c r="B26833" s="1" t="s">
        <v>86049</v>
      </c>
      <c r="C26833" s="1" t="s">
        <v>20</v>
      </c>
      <c r="D26833" s="1" t="s">
        <v>96067</v>
      </c>
      <c r="E26833" s="1" t="s">
        <v>96068</v>
      </c>
      <c r="F26833" s="1" t="s">
        <v>96069</v>
      </c>
      <c r="G26833" s="1" t="s">
        <v>96062</v>
      </c>
      <c r="H26833" s="1" t="s">
        <v>96063</v>
      </c>
      <c r="I26833" s="1" t="s">
        <v>86055</v>
      </c>
      <c r="J26833" s="1" t="s">
        <v>96070</v>
      </c>
    </row>
    <row r="26834" spans="1:10" x14ac:dyDescent="0.35">
      <c r="A26834" s="1" t="s">
        <v>1840</v>
      </c>
      <c r="B26834" s="1" t="s">
        <v>86049</v>
      </c>
      <c r="C26834" s="1" t="s">
        <v>25</v>
      </c>
      <c r="D26834" s="1" t="s">
        <v>96071</v>
      </c>
      <c r="E26834" s="1" t="s">
        <v>96072</v>
      </c>
      <c r="F26834" s="1" t="s">
        <v>96073</v>
      </c>
      <c r="G26834" s="1" t="s">
        <v>96062</v>
      </c>
      <c r="H26834" s="1" t="s">
        <v>96063</v>
      </c>
      <c r="I26834" s="1" t="s">
        <v>86055</v>
      </c>
      <c r="J26834" s="1" t="s">
        <v>96074</v>
      </c>
    </row>
    <row r="26835" spans="1:10" x14ac:dyDescent="0.35">
      <c r="A26835" s="1" t="s">
        <v>1840</v>
      </c>
      <c r="B26835" s="1" t="s">
        <v>86049</v>
      </c>
      <c r="C26835" s="1" t="s">
        <v>30</v>
      </c>
      <c r="D26835" s="1" t="s">
        <v>96075</v>
      </c>
      <c r="E26835" s="1" t="s">
        <v>96076</v>
      </c>
      <c r="F26835" s="1" t="s">
        <v>96077</v>
      </c>
      <c r="G26835" s="1" t="s">
        <v>96062</v>
      </c>
      <c r="H26835" s="1" t="s">
        <v>96063</v>
      </c>
      <c r="I26835" s="1" t="s">
        <v>86055</v>
      </c>
      <c r="J26835" s="1" t="s">
        <v>96078</v>
      </c>
    </row>
    <row r="26836" spans="1:10" x14ac:dyDescent="0.35">
      <c r="A26836" s="1" t="s">
        <v>1840</v>
      </c>
      <c r="B26836" s="1" t="s">
        <v>86049</v>
      </c>
      <c r="C26836" s="1" t="s">
        <v>35</v>
      </c>
      <c r="D26836" s="1" t="s">
        <v>12706</v>
      </c>
      <c r="E26836" s="1" t="s">
        <v>96079</v>
      </c>
      <c r="F26836" s="1" t="s">
        <v>96080</v>
      </c>
      <c r="G26836" s="1" t="s">
        <v>96062</v>
      </c>
      <c r="H26836" s="1" t="s">
        <v>96063</v>
      </c>
      <c r="I26836" s="1" t="s">
        <v>86055</v>
      </c>
      <c r="J26836" s="1" t="s">
        <v>89859</v>
      </c>
    </row>
    <row r="26837" spans="1:10" x14ac:dyDescent="0.35">
      <c r="A26837" s="1" t="s">
        <v>1840</v>
      </c>
      <c r="B26837" s="1" t="s">
        <v>86049</v>
      </c>
      <c r="C26837" s="1" t="s">
        <v>40</v>
      </c>
      <c r="D26837" s="1" t="s">
        <v>88975</v>
      </c>
      <c r="E26837" s="1" t="s">
        <v>96081</v>
      </c>
      <c r="F26837" s="1" t="s">
        <v>96082</v>
      </c>
      <c r="G26837" s="1" t="s">
        <v>96062</v>
      </c>
      <c r="H26837" s="1" t="s">
        <v>96063</v>
      </c>
      <c r="I26837" s="1" t="s">
        <v>86055</v>
      </c>
      <c r="J26837" s="1" t="s">
        <v>96083</v>
      </c>
    </row>
    <row r="26838" spans="1:10" x14ac:dyDescent="0.35">
      <c r="A26838" s="1" t="s">
        <v>1840</v>
      </c>
      <c r="B26838" s="1" t="s">
        <v>86049</v>
      </c>
      <c r="C26838" s="1" t="s">
        <v>45</v>
      </c>
      <c r="D26838" s="1" t="s">
        <v>96084</v>
      </c>
      <c r="E26838" s="1" t="s">
        <v>96085</v>
      </c>
      <c r="F26838" s="1" t="s">
        <v>96086</v>
      </c>
      <c r="G26838" s="1" t="s">
        <v>96062</v>
      </c>
      <c r="H26838" s="1" t="s">
        <v>96063</v>
      </c>
      <c r="I26838" s="1" t="s">
        <v>86055</v>
      </c>
      <c r="J26838" s="1" t="s">
        <v>96087</v>
      </c>
    </row>
    <row r="26839" spans="1:10" x14ac:dyDescent="0.35">
      <c r="A26839" s="1" t="s">
        <v>1840</v>
      </c>
      <c r="B26839" s="1" t="s">
        <v>86049</v>
      </c>
      <c r="C26839" s="1" t="s">
        <v>50</v>
      </c>
      <c r="D26839" s="1" t="s">
        <v>40156</v>
      </c>
      <c r="E26839" s="1" t="s">
        <v>96088</v>
      </c>
      <c r="F26839" s="1" t="s">
        <v>96089</v>
      </c>
      <c r="G26839" s="1" t="s">
        <v>96062</v>
      </c>
      <c r="H26839" s="1" t="s">
        <v>96063</v>
      </c>
      <c r="I26839" s="1" t="s">
        <v>86055</v>
      </c>
      <c r="J26839" s="1" t="s">
        <v>96090</v>
      </c>
    </row>
    <row r="26840" spans="1:10" x14ac:dyDescent="0.35">
      <c r="A26840" s="1" t="s">
        <v>1840</v>
      </c>
      <c r="B26840" s="1" t="s">
        <v>86049</v>
      </c>
      <c r="C26840" s="1" t="s">
        <v>55</v>
      </c>
      <c r="D26840" s="1" t="s">
        <v>90271</v>
      </c>
      <c r="E26840" s="1" t="s">
        <v>96091</v>
      </c>
      <c r="F26840" s="1" t="s">
        <v>96092</v>
      </c>
      <c r="G26840" s="1" t="s">
        <v>96062</v>
      </c>
      <c r="H26840" s="1" t="s">
        <v>96063</v>
      </c>
      <c r="I26840" s="1" t="s">
        <v>86055</v>
      </c>
      <c r="J26840" s="1" t="s">
        <v>96093</v>
      </c>
    </row>
    <row r="26841" spans="1:10" x14ac:dyDescent="0.35">
      <c r="A26841" s="1" t="s">
        <v>1840</v>
      </c>
      <c r="B26841" s="1" t="s">
        <v>86049</v>
      </c>
      <c r="C26841" s="1" t="s">
        <v>60</v>
      </c>
      <c r="D26841" s="1" t="s">
        <v>53490</v>
      </c>
      <c r="E26841" s="1" t="s">
        <v>96094</v>
      </c>
      <c r="F26841" s="1" t="s">
        <v>96095</v>
      </c>
      <c r="G26841" s="1" t="s">
        <v>96062</v>
      </c>
      <c r="H26841" s="1" t="s">
        <v>96063</v>
      </c>
      <c r="I26841" s="1" t="s">
        <v>86055</v>
      </c>
      <c r="J26841" s="1" t="s">
        <v>96096</v>
      </c>
    </row>
    <row r="26842" spans="1:10" x14ac:dyDescent="0.35">
      <c r="A26842" s="1" t="s">
        <v>1840</v>
      </c>
      <c r="B26842" s="1" t="s">
        <v>86049</v>
      </c>
      <c r="C26842" s="1" t="s">
        <v>65</v>
      </c>
      <c r="D26842" s="1" t="s">
        <v>96097</v>
      </c>
      <c r="E26842" s="1" t="s">
        <v>96098</v>
      </c>
      <c r="F26842" s="1" t="s">
        <v>96099</v>
      </c>
      <c r="G26842" s="1" t="s">
        <v>96062</v>
      </c>
      <c r="H26842" s="1" t="s">
        <v>96063</v>
      </c>
      <c r="I26842" s="1" t="s">
        <v>86055</v>
      </c>
      <c r="J26842" s="1" t="s">
        <v>96100</v>
      </c>
    </row>
    <row r="26843" spans="1:10" x14ac:dyDescent="0.35">
      <c r="A26843" s="1" t="s">
        <v>1840</v>
      </c>
      <c r="B26843" s="1" t="s">
        <v>86049</v>
      </c>
      <c r="C26843" s="1" t="s">
        <v>70</v>
      </c>
      <c r="D26843" s="1" t="s">
        <v>96101</v>
      </c>
      <c r="E26843" s="1" t="s">
        <v>96102</v>
      </c>
      <c r="F26843" s="1" t="s">
        <v>96103</v>
      </c>
      <c r="G26843" s="1" t="s">
        <v>96062</v>
      </c>
      <c r="H26843" s="1" t="s">
        <v>96063</v>
      </c>
      <c r="I26843" s="1" t="s">
        <v>86055</v>
      </c>
      <c r="J26843" s="1" t="s">
        <v>96104</v>
      </c>
    </row>
    <row r="26844" spans="1:10" x14ac:dyDescent="0.35">
      <c r="A26844" s="1" t="s">
        <v>1840</v>
      </c>
      <c r="B26844" s="1" t="s">
        <v>86049</v>
      </c>
      <c r="C26844" s="1" t="s">
        <v>75</v>
      </c>
      <c r="D26844" s="1" t="s">
        <v>20618</v>
      </c>
      <c r="E26844" s="1" t="s">
        <v>96105</v>
      </c>
      <c r="F26844" s="1" t="s">
        <v>96106</v>
      </c>
      <c r="G26844" s="1" t="s">
        <v>96062</v>
      </c>
      <c r="H26844" s="1" t="s">
        <v>96063</v>
      </c>
      <c r="I26844" s="1" t="s">
        <v>86055</v>
      </c>
      <c r="J26844" s="1" t="s">
        <v>96107</v>
      </c>
    </row>
    <row r="26845" spans="1:10" x14ac:dyDescent="0.35">
      <c r="A26845" s="1" t="s">
        <v>1840</v>
      </c>
      <c r="B26845" s="1" t="s">
        <v>86049</v>
      </c>
      <c r="C26845" s="1" t="s">
        <v>80</v>
      </c>
      <c r="D26845" s="1" t="s">
        <v>67282</v>
      </c>
      <c r="E26845" s="1" t="s">
        <v>96108</v>
      </c>
      <c r="F26845" s="1" t="s">
        <v>96109</v>
      </c>
      <c r="G26845" s="1" t="s">
        <v>96062</v>
      </c>
      <c r="H26845" s="1" t="s">
        <v>96063</v>
      </c>
      <c r="I26845" s="1" t="s">
        <v>86055</v>
      </c>
      <c r="J26845" s="1" t="s">
        <v>96110</v>
      </c>
    </row>
    <row r="26846" spans="1:10" x14ac:dyDescent="0.35">
      <c r="A26846" s="1" t="s">
        <v>1840</v>
      </c>
      <c r="B26846" s="1" t="s">
        <v>86049</v>
      </c>
      <c r="C26846" s="1" t="s">
        <v>85</v>
      </c>
      <c r="D26846" s="1" t="s">
        <v>96111</v>
      </c>
      <c r="E26846" s="1" t="s">
        <v>96112</v>
      </c>
      <c r="F26846" s="1" t="s">
        <v>96113</v>
      </c>
      <c r="G26846" s="1" t="s">
        <v>96062</v>
      </c>
      <c r="H26846" s="1" t="s">
        <v>96063</v>
      </c>
      <c r="I26846" s="1" t="s">
        <v>86055</v>
      </c>
      <c r="J26846" s="1" t="s">
        <v>96114</v>
      </c>
    </row>
    <row r="26847" spans="1:10" x14ac:dyDescent="0.35">
      <c r="A26847" s="1" t="s">
        <v>1840</v>
      </c>
      <c r="B26847" s="1" t="s">
        <v>86049</v>
      </c>
      <c r="C26847" s="1" t="s">
        <v>90</v>
      </c>
      <c r="D26847" s="1" t="s">
        <v>64586</v>
      </c>
      <c r="E26847" s="1" t="s">
        <v>96115</v>
      </c>
      <c r="F26847" s="1" t="s">
        <v>96116</v>
      </c>
      <c r="G26847" s="1" t="s">
        <v>96062</v>
      </c>
      <c r="H26847" s="1" t="s">
        <v>96063</v>
      </c>
      <c r="I26847" s="1" t="s">
        <v>86055</v>
      </c>
      <c r="J26847" s="1" t="s">
        <v>96117</v>
      </c>
    </row>
    <row r="26848" spans="1:10" x14ac:dyDescent="0.35">
      <c r="A26848" s="1" t="s">
        <v>1840</v>
      </c>
      <c r="B26848" s="1" t="s">
        <v>86049</v>
      </c>
      <c r="C26848" s="1" t="s">
        <v>95</v>
      </c>
      <c r="D26848" s="1" t="s">
        <v>69658</v>
      </c>
      <c r="E26848" s="1" t="s">
        <v>96118</v>
      </c>
      <c r="F26848" s="1" t="s">
        <v>96119</v>
      </c>
      <c r="G26848" s="1" t="s">
        <v>96062</v>
      </c>
      <c r="H26848" s="1" t="s">
        <v>96063</v>
      </c>
      <c r="I26848" s="1" t="s">
        <v>86055</v>
      </c>
      <c r="J26848" s="1" t="s">
        <v>96120</v>
      </c>
    </row>
    <row r="26849" spans="1:10" x14ac:dyDescent="0.35">
      <c r="A26849" s="1" t="s">
        <v>1840</v>
      </c>
      <c r="B26849" s="1" t="s">
        <v>86049</v>
      </c>
      <c r="C26849" s="1" t="s">
        <v>100</v>
      </c>
      <c r="D26849" s="1" t="s">
        <v>96121</v>
      </c>
      <c r="E26849" s="1" t="s">
        <v>96122</v>
      </c>
      <c r="F26849" s="1" t="s">
        <v>96123</v>
      </c>
      <c r="G26849" s="1" t="s">
        <v>96062</v>
      </c>
      <c r="H26849" s="1" t="s">
        <v>96063</v>
      </c>
      <c r="I26849" s="1" t="s">
        <v>86055</v>
      </c>
      <c r="J26849" s="1" t="s">
        <v>96124</v>
      </c>
    </row>
    <row r="26850" spans="1:10" x14ac:dyDescent="0.35">
      <c r="A26850" s="1" t="s">
        <v>1840</v>
      </c>
      <c r="B26850" s="1" t="s">
        <v>86049</v>
      </c>
      <c r="C26850" s="1" t="s">
        <v>105</v>
      </c>
      <c r="D26850" s="1" t="s">
        <v>56941</v>
      </c>
      <c r="E26850" s="1" t="s">
        <v>96125</v>
      </c>
      <c r="F26850" s="1" t="s">
        <v>96126</v>
      </c>
      <c r="G26850" s="1" t="s">
        <v>96062</v>
      </c>
      <c r="H26850" s="1" t="s">
        <v>96063</v>
      </c>
      <c r="I26850" s="1" t="s">
        <v>86055</v>
      </c>
      <c r="J26850" s="1" t="s">
        <v>96127</v>
      </c>
    </row>
    <row r="26851" spans="1:10" x14ac:dyDescent="0.35">
      <c r="A26851" s="1" t="s">
        <v>1840</v>
      </c>
      <c r="B26851" s="1" t="s">
        <v>86049</v>
      </c>
      <c r="C26851" s="1" t="s">
        <v>110</v>
      </c>
      <c r="D26851" s="1" t="s">
        <v>96128</v>
      </c>
      <c r="E26851" s="1" t="s">
        <v>96129</v>
      </c>
      <c r="F26851" s="1" t="s">
        <v>96130</v>
      </c>
      <c r="G26851" s="1" t="s">
        <v>96062</v>
      </c>
      <c r="H26851" s="1" t="s">
        <v>96063</v>
      </c>
      <c r="I26851" s="1" t="s">
        <v>86055</v>
      </c>
      <c r="J26851" s="1" t="s">
        <v>96131</v>
      </c>
    </row>
    <row r="26852" spans="1:10" x14ac:dyDescent="0.35">
      <c r="A26852" s="1" t="s">
        <v>1840</v>
      </c>
      <c r="B26852" s="1" t="s">
        <v>86049</v>
      </c>
      <c r="C26852" s="1" t="s">
        <v>115</v>
      </c>
      <c r="D26852" s="1" t="s">
        <v>96132</v>
      </c>
      <c r="E26852" s="1" t="s">
        <v>96133</v>
      </c>
      <c r="F26852" s="1" t="s">
        <v>96134</v>
      </c>
      <c r="G26852" s="1" t="s">
        <v>96062</v>
      </c>
      <c r="H26852" s="1" t="s">
        <v>96063</v>
      </c>
      <c r="I26852" s="1" t="s">
        <v>86055</v>
      </c>
      <c r="J26852" s="1" t="s">
        <v>96135</v>
      </c>
    </row>
    <row r="26853" spans="1:10" x14ac:dyDescent="0.35">
      <c r="A26853" s="1" t="s">
        <v>1840</v>
      </c>
      <c r="B26853" s="1" t="s">
        <v>86049</v>
      </c>
      <c r="C26853" s="1" t="s">
        <v>120</v>
      </c>
      <c r="D26853" s="1" t="s">
        <v>63466</v>
      </c>
      <c r="E26853" s="1" t="s">
        <v>96136</v>
      </c>
      <c r="F26853" s="1" t="s">
        <v>96137</v>
      </c>
      <c r="G26853" s="1" t="s">
        <v>96062</v>
      </c>
      <c r="H26853" s="1" t="s">
        <v>96063</v>
      </c>
      <c r="I26853" s="1" t="s">
        <v>86055</v>
      </c>
      <c r="J26853" s="1" t="s">
        <v>96138</v>
      </c>
    </row>
    <row r="26854" spans="1:10" x14ac:dyDescent="0.35">
      <c r="A26854" s="1" t="s">
        <v>1840</v>
      </c>
      <c r="B26854" s="1" t="s">
        <v>86049</v>
      </c>
      <c r="C26854" s="1" t="s">
        <v>125</v>
      </c>
      <c r="D26854" s="1" t="s">
        <v>53408</v>
      </c>
      <c r="E26854" s="1" t="s">
        <v>96139</v>
      </c>
      <c r="F26854" s="1" t="s">
        <v>96140</v>
      </c>
      <c r="G26854" s="1" t="s">
        <v>96062</v>
      </c>
      <c r="H26854" s="1" t="s">
        <v>96063</v>
      </c>
      <c r="I26854" s="1" t="s">
        <v>86055</v>
      </c>
      <c r="J26854" s="1" t="s">
        <v>96141</v>
      </c>
    </row>
    <row r="26855" spans="1:10" x14ac:dyDescent="0.35">
      <c r="A26855" s="1" t="s">
        <v>1840</v>
      </c>
      <c r="B26855" s="1" t="s">
        <v>86049</v>
      </c>
      <c r="C26855" s="1" t="s">
        <v>130</v>
      </c>
      <c r="D26855" s="1" t="s">
        <v>96142</v>
      </c>
      <c r="E26855" s="1" t="s">
        <v>96143</v>
      </c>
      <c r="F26855" s="1" t="s">
        <v>96144</v>
      </c>
      <c r="G26855" s="1" t="s">
        <v>96062</v>
      </c>
      <c r="H26855" s="1" t="s">
        <v>96063</v>
      </c>
      <c r="I26855" s="1" t="s">
        <v>86055</v>
      </c>
      <c r="J26855" s="1" t="s">
        <v>96145</v>
      </c>
    </row>
    <row r="26856" spans="1:10" x14ac:dyDescent="0.35">
      <c r="A26856" s="1" t="s">
        <v>1840</v>
      </c>
      <c r="B26856" s="1" t="s">
        <v>86049</v>
      </c>
      <c r="C26856" s="1" t="s">
        <v>135</v>
      </c>
      <c r="D26856" s="1" t="s">
        <v>96146</v>
      </c>
      <c r="E26856" s="1" t="s">
        <v>96147</v>
      </c>
      <c r="F26856" s="1" t="s">
        <v>96148</v>
      </c>
      <c r="G26856" s="1" t="s">
        <v>96062</v>
      </c>
      <c r="H26856" s="1" t="s">
        <v>96063</v>
      </c>
      <c r="I26856" s="1" t="s">
        <v>86055</v>
      </c>
      <c r="J26856" s="1" t="s">
        <v>96149</v>
      </c>
    </row>
    <row r="26857" spans="1:10" x14ac:dyDescent="0.35">
      <c r="A26857" s="1" t="s">
        <v>1840</v>
      </c>
      <c r="B26857" s="1" t="s">
        <v>86049</v>
      </c>
      <c r="C26857" s="1" t="s">
        <v>140</v>
      </c>
      <c r="D26857" s="1" t="s">
        <v>96150</v>
      </c>
      <c r="E26857" s="1" t="s">
        <v>96151</v>
      </c>
      <c r="F26857" s="1" t="s">
        <v>96152</v>
      </c>
      <c r="G26857" s="1" t="s">
        <v>96062</v>
      </c>
      <c r="H26857" s="1" t="s">
        <v>96063</v>
      </c>
      <c r="I26857" s="1" t="s">
        <v>86055</v>
      </c>
      <c r="J26857" s="1" t="s">
        <v>96153</v>
      </c>
    </row>
    <row r="26858" spans="1:10" x14ac:dyDescent="0.35">
      <c r="A26858" s="1" t="s">
        <v>1840</v>
      </c>
      <c r="B26858" s="1" t="s">
        <v>86049</v>
      </c>
      <c r="C26858" s="1" t="s">
        <v>145</v>
      </c>
      <c r="D26858" s="1" t="s">
        <v>26628</v>
      </c>
      <c r="E26858" s="1" t="s">
        <v>96154</v>
      </c>
      <c r="F26858" s="1" t="s">
        <v>96155</v>
      </c>
      <c r="G26858" s="1" t="s">
        <v>96062</v>
      </c>
      <c r="H26858" s="1" t="s">
        <v>96063</v>
      </c>
      <c r="I26858" s="1" t="s">
        <v>86055</v>
      </c>
      <c r="J26858" s="1" t="s">
        <v>96156</v>
      </c>
    </row>
    <row r="26859" spans="1:10" x14ac:dyDescent="0.35">
      <c r="A26859" s="1" t="s">
        <v>1840</v>
      </c>
      <c r="B26859" s="1" t="s">
        <v>86049</v>
      </c>
      <c r="C26859" s="1" t="s">
        <v>150</v>
      </c>
      <c r="D26859" s="1" t="s">
        <v>96157</v>
      </c>
      <c r="E26859" s="1" t="s">
        <v>96158</v>
      </c>
      <c r="F26859" s="1" t="s">
        <v>96159</v>
      </c>
      <c r="G26859" s="1" t="s">
        <v>96062</v>
      </c>
      <c r="H26859" s="1" t="s">
        <v>96063</v>
      </c>
      <c r="I26859" s="1" t="s">
        <v>86055</v>
      </c>
      <c r="J26859" s="1" t="s">
        <v>96160</v>
      </c>
    </row>
    <row r="26860" spans="1:10" x14ac:dyDescent="0.35">
      <c r="A26860" s="1" t="s">
        <v>1840</v>
      </c>
      <c r="B26860" s="1" t="s">
        <v>86049</v>
      </c>
      <c r="C26860" s="1" t="s">
        <v>155</v>
      </c>
      <c r="D26860" s="1" t="s">
        <v>96161</v>
      </c>
      <c r="E26860" s="1" t="s">
        <v>96162</v>
      </c>
      <c r="F26860" s="1" t="s">
        <v>96163</v>
      </c>
      <c r="G26860" s="1" t="s">
        <v>96062</v>
      </c>
      <c r="H26860" s="1" t="s">
        <v>96063</v>
      </c>
      <c r="I26860" s="1" t="s">
        <v>86055</v>
      </c>
      <c r="J26860" s="1" t="s">
        <v>96164</v>
      </c>
    </row>
    <row r="26861" spans="1:10" x14ac:dyDescent="0.35">
      <c r="A26861" s="1" t="s">
        <v>1840</v>
      </c>
      <c r="B26861" s="1" t="s">
        <v>86049</v>
      </c>
      <c r="C26861" s="1" t="s">
        <v>160</v>
      </c>
      <c r="D26861" s="1" t="s">
        <v>96165</v>
      </c>
      <c r="E26861" s="1" t="s">
        <v>96166</v>
      </c>
      <c r="F26861" s="1" t="s">
        <v>96167</v>
      </c>
      <c r="G26861" s="1" t="s">
        <v>96062</v>
      </c>
      <c r="H26861" s="1" t="s">
        <v>96063</v>
      </c>
      <c r="I26861" s="1" t="s">
        <v>86055</v>
      </c>
      <c r="J26861" s="1" t="s">
        <v>96168</v>
      </c>
    </row>
    <row r="26862" spans="1:10" x14ac:dyDescent="0.35">
      <c r="A26862" s="1" t="s">
        <v>1840</v>
      </c>
      <c r="B26862" s="1" t="s">
        <v>86049</v>
      </c>
      <c r="C26862" s="1" t="s">
        <v>165</v>
      </c>
      <c r="D26862" s="1" t="s">
        <v>96169</v>
      </c>
      <c r="E26862" s="1" t="s">
        <v>96170</v>
      </c>
      <c r="F26862" s="1" t="s">
        <v>96171</v>
      </c>
      <c r="G26862" s="1" t="s">
        <v>96062</v>
      </c>
      <c r="H26862" s="1" t="s">
        <v>96063</v>
      </c>
      <c r="I26862" s="1" t="s">
        <v>86055</v>
      </c>
      <c r="J26862" s="1" t="s">
        <v>96172</v>
      </c>
    </row>
    <row r="26863" spans="1:10" x14ac:dyDescent="0.35">
      <c r="A26863" s="1" t="s">
        <v>1840</v>
      </c>
      <c r="B26863" s="1" t="s">
        <v>86049</v>
      </c>
      <c r="C26863" s="1" t="s">
        <v>170</v>
      </c>
      <c r="D26863" s="1" t="s">
        <v>88844</v>
      </c>
      <c r="E26863" s="1" t="s">
        <v>96173</v>
      </c>
      <c r="F26863" s="1" t="s">
        <v>96174</v>
      </c>
      <c r="G26863" s="1" t="s">
        <v>96062</v>
      </c>
      <c r="H26863" s="1" t="s">
        <v>96063</v>
      </c>
      <c r="I26863" s="1" t="s">
        <v>86055</v>
      </c>
      <c r="J26863" s="1" t="s">
        <v>96175</v>
      </c>
    </row>
    <row r="26864" spans="1:10" x14ac:dyDescent="0.35">
      <c r="A26864" s="1" t="s">
        <v>96176</v>
      </c>
      <c r="B26864" s="1" t="s">
        <v>86049</v>
      </c>
      <c r="C26864" s="1" t="s">
        <v>8</v>
      </c>
      <c r="D26864" s="1" t="s">
        <v>86848</v>
      </c>
      <c r="E26864" s="1" t="s">
        <v>96177</v>
      </c>
      <c r="F26864" s="1" t="s">
        <v>96178</v>
      </c>
      <c r="G26864" s="1" t="s">
        <v>96179</v>
      </c>
      <c r="H26864" s="1" t="s">
        <v>96180</v>
      </c>
      <c r="I26864" s="1" t="s">
        <v>86055</v>
      </c>
      <c r="J26864" s="1" t="s">
        <v>13</v>
      </c>
    </row>
    <row r="26865" spans="1:10" x14ac:dyDescent="0.35">
      <c r="A26865" s="1" t="s">
        <v>96176</v>
      </c>
      <c r="B26865" s="1" t="s">
        <v>86049</v>
      </c>
      <c r="C26865" s="1" t="s">
        <v>15</v>
      </c>
      <c r="D26865" s="1" t="s">
        <v>96181</v>
      </c>
      <c r="E26865" s="1" t="s">
        <v>96182</v>
      </c>
      <c r="F26865" s="1" t="s">
        <v>96183</v>
      </c>
      <c r="G26865" s="1" t="s">
        <v>96179</v>
      </c>
      <c r="H26865" s="1" t="s">
        <v>96180</v>
      </c>
      <c r="I26865" s="1" t="s">
        <v>86055</v>
      </c>
      <c r="J26865" s="1" t="s">
        <v>96184</v>
      </c>
    </row>
    <row r="26866" spans="1:10" x14ac:dyDescent="0.35">
      <c r="A26866" s="1" t="s">
        <v>96176</v>
      </c>
      <c r="B26866" s="1" t="s">
        <v>86049</v>
      </c>
      <c r="C26866" s="1" t="s">
        <v>20</v>
      </c>
      <c r="D26866" s="1" t="s">
        <v>96185</v>
      </c>
      <c r="E26866" s="1" t="s">
        <v>96186</v>
      </c>
      <c r="F26866" s="1" t="s">
        <v>96187</v>
      </c>
      <c r="G26866" s="1" t="s">
        <v>96179</v>
      </c>
      <c r="H26866" s="1" t="s">
        <v>96180</v>
      </c>
      <c r="I26866" s="1" t="s">
        <v>86055</v>
      </c>
      <c r="J26866" s="1" t="s">
        <v>96188</v>
      </c>
    </row>
    <row r="26867" spans="1:10" x14ac:dyDescent="0.35">
      <c r="A26867" s="1" t="s">
        <v>96176</v>
      </c>
      <c r="B26867" s="1" t="s">
        <v>86049</v>
      </c>
      <c r="C26867" s="1" t="s">
        <v>25</v>
      </c>
      <c r="D26867" s="1" t="s">
        <v>96189</v>
      </c>
      <c r="E26867" s="1" t="s">
        <v>96190</v>
      </c>
      <c r="F26867" s="1" t="s">
        <v>96191</v>
      </c>
      <c r="G26867" s="1" t="s">
        <v>96179</v>
      </c>
      <c r="H26867" s="1" t="s">
        <v>96180</v>
      </c>
      <c r="I26867" s="1" t="s">
        <v>86055</v>
      </c>
      <c r="J26867" s="1" t="s">
        <v>96192</v>
      </c>
    </row>
    <row r="26868" spans="1:10" x14ac:dyDescent="0.35">
      <c r="A26868" s="1" t="s">
        <v>96176</v>
      </c>
      <c r="B26868" s="1" t="s">
        <v>86049</v>
      </c>
      <c r="C26868" s="1" t="s">
        <v>30</v>
      </c>
      <c r="D26868" s="1" t="s">
        <v>76588</v>
      </c>
      <c r="E26868" s="1" t="s">
        <v>96193</v>
      </c>
      <c r="F26868" s="1" t="s">
        <v>96194</v>
      </c>
      <c r="G26868" s="1" t="s">
        <v>96179</v>
      </c>
      <c r="H26868" s="1" t="s">
        <v>96180</v>
      </c>
      <c r="I26868" s="1" t="s">
        <v>86055</v>
      </c>
      <c r="J26868" s="1" t="s">
        <v>96195</v>
      </c>
    </row>
    <row r="26869" spans="1:10" x14ac:dyDescent="0.35">
      <c r="A26869" s="1" t="s">
        <v>96176</v>
      </c>
      <c r="B26869" s="1" t="s">
        <v>86049</v>
      </c>
      <c r="C26869" s="1" t="s">
        <v>35</v>
      </c>
      <c r="D26869" s="1" t="s">
        <v>96196</v>
      </c>
      <c r="E26869" s="1" t="s">
        <v>96197</v>
      </c>
      <c r="F26869" s="1" t="s">
        <v>96198</v>
      </c>
      <c r="G26869" s="1" t="s">
        <v>96179</v>
      </c>
      <c r="H26869" s="1" t="s">
        <v>96180</v>
      </c>
      <c r="I26869" s="1" t="s">
        <v>86055</v>
      </c>
      <c r="J26869" s="1" t="s">
        <v>96199</v>
      </c>
    </row>
    <row r="26870" spans="1:10" x14ac:dyDescent="0.35">
      <c r="A26870" s="1" t="s">
        <v>96176</v>
      </c>
      <c r="B26870" s="1" t="s">
        <v>86049</v>
      </c>
      <c r="C26870" s="1" t="s">
        <v>40</v>
      </c>
      <c r="D26870" s="1" t="s">
        <v>96200</v>
      </c>
      <c r="E26870" s="1" t="s">
        <v>96201</v>
      </c>
      <c r="F26870" s="1" t="s">
        <v>96202</v>
      </c>
      <c r="G26870" s="1" t="s">
        <v>96179</v>
      </c>
      <c r="H26870" s="1" t="s">
        <v>96180</v>
      </c>
      <c r="I26870" s="1" t="s">
        <v>86055</v>
      </c>
      <c r="J26870" s="1" t="s">
        <v>96203</v>
      </c>
    </row>
    <row r="26871" spans="1:10" x14ac:dyDescent="0.35">
      <c r="A26871" s="1" t="s">
        <v>96176</v>
      </c>
      <c r="B26871" s="1" t="s">
        <v>86049</v>
      </c>
      <c r="C26871" s="1" t="s">
        <v>45</v>
      </c>
      <c r="D26871" s="1" t="s">
        <v>96204</v>
      </c>
      <c r="E26871" s="1" t="s">
        <v>96205</v>
      </c>
      <c r="F26871" s="1" t="s">
        <v>96206</v>
      </c>
      <c r="G26871" s="1" t="s">
        <v>96179</v>
      </c>
      <c r="H26871" s="1" t="s">
        <v>96180</v>
      </c>
      <c r="I26871" s="1" t="s">
        <v>86055</v>
      </c>
      <c r="J26871" s="1" t="s">
        <v>96207</v>
      </c>
    </row>
    <row r="26872" spans="1:10" x14ac:dyDescent="0.35">
      <c r="A26872" s="1" t="s">
        <v>96176</v>
      </c>
      <c r="B26872" s="1" t="s">
        <v>86049</v>
      </c>
      <c r="C26872" s="1" t="s">
        <v>50</v>
      </c>
      <c r="D26872" s="1" t="s">
        <v>96208</v>
      </c>
      <c r="E26872" s="1" t="s">
        <v>96209</v>
      </c>
      <c r="F26872" s="1" t="s">
        <v>96210</v>
      </c>
      <c r="G26872" s="1" t="s">
        <v>96179</v>
      </c>
      <c r="H26872" s="1" t="s">
        <v>96180</v>
      </c>
      <c r="I26872" s="1" t="s">
        <v>86055</v>
      </c>
      <c r="J26872" s="1" t="s">
        <v>96211</v>
      </c>
    </row>
    <row r="26873" spans="1:10" x14ac:dyDescent="0.35">
      <c r="A26873" s="1" t="s">
        <v>96176</v>
      </c>
      <c r="B26873" s="1" t="s">
        <v>86049</v>
      </c>
      <c r="C26873" s="1" t="s">
        <v>55</v>
      </c>
      <c r="D26873" s="1" t="s">
        <v>67804</v>
      </c>
      <c r="E26873" s="1" t="s">
        <v>96212</v>
      </c>
      <c r="F26873" s="1" t="s">
        <v>96213</v>
      </c>
      <c r="G26873" s="1" t="s">
        <v>96179</v>
      </c>
      <c r="H26873" s="1" t="s">
        <v>96180</v>
      </c>
      <c r="I26873" s="1" t="s">
        <v>86055</v>
      </c>
      <c r="J26873" s="1" t="s">
        <v>96214</v>
      </c>
    </row>
    <row r="26874" spans="1:10" x14ac:dyDescent="0.35">
      <c r="A26874" s="1" t="s">
        <v>96176</v>
      </c>
      <c r="B26874" s="1" t="s">
        <v>86049</v>
      </c>
      <c r="C26874" s="1" t="s">
        <v>60</v>
      </c>
      <c r="D26874" s="1" t="s">
        <v>96215</v>
      </c>
      <c r="E26874" s="1" t="s">
        <v>96216</v>
      </c>
      <c r="F26874" s="1" t="s">
        <v>96217</v>
      </c>
      <c r="G26874" s="1" t="s">
        <v>96179</v>
      </c>
      <c r="H26874" s="1" t="s">
        <v>96180</v>
      </c>
      <c r="I26874" s="1" t="s">
        <v>86055</v>
      </c>
      <c r="J26874" s="1" t="s">
        <v>96218</v>
      </c>
    </row>
    <row r="26875" spans="1:10" x14ac:dyDescent="0.35">
      <c r="A26875" s="1" t="s">
        <v>96176</v>
      </c>
      <c r="B26875" s="1" t="s">
        <v>86049</v>
      </c>
      <c r="C26875" s="1" t="s">
        <v>65</v>
      </c>
      <c r="D26875" s="1" t="s">
        <v>96219</v>
      </c>
      <c r="E26875" s="1" t="s">
        <v>96220</v>
      </c>
      <c r="F26875" s="1" t="s">
        <v>96221</v>
      </c>
      <c r="G26875" s="1" t="s">
        <v>96179</v>
      </c>
      <c r="H26875" s="1" t="s">
        <v>96180</v>
      </c>
      <c r="I26875" s="1" t="s">
        <v>86055</v>
      </c>
      <c r="J26875" s="1" t="s">
        <v>96222</v>
      </c>
    </row>
    <row r="26876" spans="1:10" x14ac:dyDescent="0.35">
      <c r="A26876" s="1" t="s">
        <v>96176</v>
      </c>
      <c r="B26876" s="1" t="s">
        <v>86049</v>
      </c>
      <c r="C26876" s="1" t="s">
        <v>70</v>
      </c>
      <c r="D26876" s="1" t="s">
        <v>96223</v>
      </c>
      <c r="E26876" s="1" t="s">
        <v>96224</v>
      </c>
      <c r="F26876" s="1" t="s">
        <v>96225</v>
      </c>
      <c r="G26876" s="1" t="s">
        <v>96179</v>
      </c>
      <c r="H26876" s="1" t="s">
        <v>96180</v>
      </c>
      <c r="I26876" s="1" t="s">
        <v>86055</v>
      </c>
      <c r="J26876" s="1" t="s">
        <v>96226</v>
      </c>
    </row>
    <row r="26877" spans="1:10" x14ac:dyDescent="0.35">
      <c r="A26877" s="1" t="s">
        <v>96176</v>
      </c>
      <c r="B26877" s="1" t="s">
        <v>86049</v>
      </c>
      <c r="C26877" s="1" t="s">
        <v>75</v>
      </c>
      <c r="D26877" s="1" t="s">
        <v>96227</v>
      </c>
      <c r="E26877" s="1" t="s">
        <v>96228</v>
      </c>
      <c r="F26877" s="1" t="s">
        <v>96229</v>
      </c>
      <c r="G26877" s="1" t="s">
        <v>96179</v>
      </c>
      <c r="H26877" s="1" t="s">
        <v>96180</v>
      </c>
      <c r="I26877" s="1" t="s">
        <v>86055</v>
      </c>
      <c r="J26877" s="1" t="s">
        <v>96230</v>
      </c>
    </row>
    <row r="26878" spans="1:10" x14ac:dyDescent="0.35">
      <c r="A26878" s="1" t="s">
        <v>96176</v>
      </c>
      <c r="B26878" s="1" t="s">
        <v>86049</v>
      </c>
      <c r="C26878" s="1" t="s">
        <v>80</v>
      </c>
      <c r="D26878" s="1" t="s">
        <v>58506</v>
      </c>
      <c r="E26878" s="1" t="s">
        <v>96231</v>
      </c>
      <c r="F26878" s="1" t="s">
        <v>96232</v>
      </c>
      <c r="G26878" s="1" t="s">
        <v>96179</v>
      </c>
      <c r="H26878" s="1" t="s">
        <v>96180</v>
      </c>
      <c r="I26878" s="1" t="s">
        <v>86055</v>
      </c>
      <c r="J26878" s="1" t="s">
        <v>96233</v>
      </c>
    </row>
    <row r="26879" spans="1:10" x14ac:dyDescent="0.35">
      <c r="A26879" s="1" t="s">
        <v>96176</v>
      </c>
      <c r="B26879" s="1" t="s">
        <v>86049</v>
      </c>
      <c r="C26879" s="1" t="s">
        <v>85</v>
      </c>
      <c r="D26879" s="1" t="s">
        <v>61750</v>
      </c>
      <c r="E26879" s="1" t="s">
        <v>96234</v>
      </c>
      <c r="F26879" s="1" t="s">
        <v>96235</v>
      </c>
      <c r="G26879" s="1" t="s">
        <v>96179</v>
      </c>
      <c r="H26879" s="1" t="s">
        <v>96180</v>
      </c>
      <c r="I26879" s="1" t="s">
        <v>86055</v>
      </c>
      <c r="J26879" s="1" t="s">
        <v>96236</v>
      </c>
    </row>
    <row r="26880" spans="1:10" x14ac:dyDescent="0.35">
      <c r="A26880" s="1" t="s">
        <v>96176</v>
      </c>
      <c r="B26880" s="1" t="s">
        <v>86049</v>
      </c>
      <c r="C26880" s="1" t="s">
        <v>90</v>
      </c>
      <c r="D26880" s="1" t="s">
        <v>96237</v>
      </c>
      <c r="E26880" s="1" t="s">
        <v>96238</v>
      </c>
      <c r="F26880" s="1" t="s">
        <v>96239</v>
      </c>
      <c r="G26880" s="1" t="s">
        <v>96179</v>
      </c>
      <c r="H26880" s="1" t="s">
        <v>96180</v>
      </c>
      <c r="I26880" s="1" t="s">
        <v>86055</v>
      </c>
      <c r="J26880" s="1" t="s">
        <v>96240</v>
      </c>
    </row>
    <row r="26881" spans="1:10" x14ac:dyDescent="0.35">
      <c r="A26881" s="1" t="s">
        <v>96176</v>
      </c>
      <c r="B26881" s="1" t="s">
        <v>86049</v>
      </c>
      <c r="C26881" s="1" t="s">
        <v>95</v>
      </c>
      <c r="D26881" s="1" t="s">
        <v>96241</v>
      </c>
      <c r="E26881" s="1" t="s">
        <v>96242</v>
      </c>
      <c r="F26881" s="1" t="s">
        <v>96243</v>
      </c>
      <c r="G26881" s="1" t="s">
        <v>96179</v>
      </c>
      <c r="H26881" s="1" t="s">
        <v>96180</v>
      </c>
      <c r="I26881" s="1" t="s">
        <v>86055</v>
      </c>
      <c r="J26881" s="1" t="s">
        <v>96244</v>
      </c>
    </row>
    <row r="26882" spans="1:10" x14ac:dyDescent="0.35">
      <c r="A26882" s="1" t="s">
        <v>96176</v>
      </c>
      <c r="B26882" s="1" t="s">
        <v>86049</v>
      </c>
      <c r="C26882" s="1" t="s">
        <v>100</v>
      </c>
      <c r="D26882" s="1" t="s">
        <v>91739</v>
      </c>
      <c r="E26882" s="1" t="s">
        <v>96245</v>
      </c>
      <c r="F26882" s="1" t="s">
        <v>96246</v>
      </c>
      <c r="G26882" s="1" t="s">
        <v>96179</v>
      </c>
      <c r="H26882" s="1" t="s">
        <v>96180</v>
      </c>
      <c r="I26882" s="1" t="s">
        <v>86055</v>
      </c>
      <c r="J26882" s="1" t="s">
        <v>96247</v>
      </c>
    </row>
    <row r="26883" spans="1:10" x14ac:dyDescent="0.35">
      <c r="A26883" s="1" t="s">
        <v>96176</v>
      </c>
      <c r="B26883" s="1" t="s">
        <v>86049</v>
      </c>
      <c r="C26883" s="1" t="s">
        <v>105</v>
      </c>
      <c r="D26883" s="1" t="s">
        <v>53654</v>
      </c>
      <c r="E26883" s="1" t="s">
        <v>96248</v>
      </c>
      <c r="F26883" s="1" t="s">
        <v>96249</v>
      </c>
      <c r="G26883" s="1" t="s">
        <v>96179</v>
      </c>
      <c r="H26883" s="1" t="s">
        <v>96180</v>
      </c>
      <c r="I26883" s="1" t="s">
        <v>86055</v>
      </c>
      <c r="J26883" s="1" t="s">
        <v>96250</v>
      </c>
    </row>
    <row r="26884" spans="1:10" x14ac:dyDescent="0.35">
      <c r="A26884" s="1" t="s">
        <v>96176</v>
      </c>
      <c r="B26884" s="1" t="s">
        <v>86049</v>
      </c>
      <c r="C26884" s="1" t="s">
        <v>110</v>
      </c>
      <c r="D26884" s="1" t="s">
        <v>96251</v>
      </c>
      <c r="E26884" s="1" t="s">
        <v>96252</v>
      </c>
      <c r="F26884" s="1" t="s">
        <v>96253</v>
      </c>
      <c r="G26884" s="1" t="s">
        <v>96179</v>
      </c>
      <c r="H26884" s="1" t="s">
        <v>96180</v>
      </c>
      <c r="I26884" s="1" t="s">
        <v>86055</v>
      </c>
      <c r="J26884" s="1" t="s">
        <v>96254</v>
      </c>
    </row>
    <row r="26885" spans="1:10" x14ac:dyDescent="0.35">
      <c r="A26885" s="1" t="s">
        <v>96176</v>
      </c>
      <c r="B26885" s="1" t="s">
        <v>86049</v>
      </c>
      <c r="C26885" s="1" t="s">
        <v>115</v>
      </c>
      <c r="D26885" s="1" t="s">
        <v>96255</v>
      </c>
      <c r="E26885" s="1" t="s">
        <v>96256</v>
      </c>
      <c r="F26885" s="1" t="s">
        <v>96257</v>
      </c>
      <c r="G26885" s="1" t="s">
        <v>96179</v>
      </c>
      <c r="H26885" s="1" t="s">
        <v>96180</v>
      </c>
      <c r="I26885" s="1" t="s">
        <v>86055</v>
      </c>
      <c r="J26885" s="1" t="s">
        <v>96258</v>
      </c>
    </row>
    <row r="26886" spans="1:10" x14ac:dyDescent="0.35">
      <c r="A26886" s="1" t="s">
        <v>96176</v>
      </c>
      <c r="B26886" s="1" t="s">
        <v>86049</v>
      </c>
      <c r="C26886" s="1" t="s">
        <v>120</v>
      </c>
      <c r="D26886" s="1" t="s">
        <v>54683</v>
      </c>
      <c r="E26886" s="1" t="s">
        <v>96259</v>
      </c>
      <c r="F26886" s="1" t="s">
        <v>96260</v>
      </c>
      <c r="G26886" s="1" t="s">
        <v>96179</v>
      </c>
      <c r="H26886" s="1" t="s">
        <v>96180</v>
      </c>
      <c r="I26886" s="1" t="s">
        <v>86055</v>
      </c>
      <c r="J26886" s="1" t="s">
        <v>96261</v>
      </c>
    </row>
    <row r="26887" spans="1:10" x14ac:dyDescent="0.35">
      <c r="A26887" s="1" t="s">
        <v>96176</v>
      </c>
      <c r="B26887" s="1" t="s">
        <v>86049</v>
      </c>
      <c r="C26887" s="1" t="s">
        <v>125</v>
      </c>
      <c r="D26887" s="1" t="s">
        <v>61164</v>
      </c>
      <c r="E26887" s="1" t="s">
        <v>96262</v>
      </c>
      <c r="F26887" s="1" t="s">
        <v>96263</v>
      </c>
      <c r="G26887" s="1" t="s">
        <v>96179</v>
      </c>
      <c r="H26887" s="1" t="s">
        <v>96180</v>
      </c>
      <c r="I26887" s="1" t="s">
        <v>86055</v>
      </c>
      <c r="J26887" s="1" t="s">
        <v>96264</v>
      </c>
    </row>
    <row r="26888" spans="1:10" x14ac:dyDescent="0.35">
      <c r="A26888" s="1" t="s">
        <v>96176</v>
      </c>
      <c r="B26888" s="1" t="s">
        <v>86049</v>
      </c>
      <c r="C26888" s="1" t="s">
        <v>130</v>
      </c>
      <c r="D26888" s="1" t="s">
        <v>22694</v>
      </c>
      <c r="E26888" s="1" t="s">
        <v>96265</v>
      </c>
      <c r="F26888" s="1" t="s">
        <v>96266</v>
      </c>
      <c r="G26888" s="1" t="s">
        <v>96179</v>
      </c>
      <c r="H26888" s="1" t="s">
        <v>96180</v>
      </c>
      <c r="I26888" s="1" t="s">
        <v>86055</v>
      </c>
      <c r="J26888" s="1" t="s">
        <v>96267</v>
      </c>
    </row>
    <row r="26889" spans="1:10" x14ac:dyDescent="0.35">
      <c r="A26889" s="1" t="s">
        <v>96176</v>
      </c>
      <c r="B26889" s="1" t="s">
        <v>86049</v>
      </c>
      <c r="C26889" s="1" t="s">
        <v>135</v>
      </c>
      <c r="D26889" s="1" t="s">
        <v>96268</v>
      </c>
      <c r="E26889" s="1" t="s">
        <v>96269</v>
      </c>
      <c r="F26889" s="1" t="s">
        <v>96270</v>
      </c>
      <c r="G26889" s="1" t="s">
        <v>96179</v>
      </c>
      <c r="H26889" s="1" t="s">
        <v>96180</v>
      </c>
      <c r="I26889" s="1" t="s">
        <v>86055</v>
      </c>
      <c r="J26889" s="1" t="s">
        <v>96271</v>
      </c>
    </row>
    <row r="26890" spans="1:10" x14ac:dyDescent="0.35">
      <c r="A26890" s="1" t="s">
        <v>96176</v>
      </c>
      <c r="B26890" s="1" t="s">
        <v>86049</v>
      </c>
      <c r="C26890" s="1" t="s">
        <v>140</v>
      </c>
      <c r="D26890" s="1" t="s">
        <v>96272</v>
      </c>
      <c r="E26890" s="1" t="s">
        <v>96273</v>
      </c>
      <c r="F26890" s="1" t="s">
        <v>96274</v>
      </c>
      <c r="G26890" s="1" t="s">
        <v>96179</v>
      </c>
      <c r="H26890" s="1" t="s">
        <v>96180</v>
      </c>
      <c r="I26890" s="1" t="s">
        <v>86055</v>
      </c>
      <c r="J26890" s="1" t="s">
        <v>96275</v>
      </c>
    </row>
    <row r="26891" spans="1:10" x14ac:dyDescent="0.35">
      <c r="A26891" s="1" t="s">
        <v>96176</v>
      </c>
      <c r="B26891" s="1" t="s">
        <v>86049</v>
      </c>
      <c r="C26891" s="1" t="s">
        <v>145</v>
      </c>
      <c r="D26891" s="1" t="s">
        <v>83818</v>
      </c>
      <c r="E26891" s="1" t="s">
        <v>96276</v>
      </c>
      <c r="F26891" s="1" t="s">
        <v>96277</v>
      </c>
      <c r="G26891" s="1" t="s">
        <v>96179</v>
      </c>
      <c r="H26891" s="1" t="s">
        <v>96180</v>
      </c>
      <c r="I26891" s="1" t="s">
        <v>86055</v>
      </c>
      <c r="J26891" s="1" t="s">
        <v>96278</v>
      </c>
    </row>
    <row r="26892" spans="1:10" x14ac:dyDescent="0.35">
      <c r="A26892" s="1" t="s">
        <v>96176</v>
      </c>
      <c r="B26892" s="1" t="s">
        <v>86049</v>
      </c>
      <c r="C26892" s="1" t="s">
        <v>150</v>
      </c>
      <c r="D26892" s="1" t="s">
        <v>96279</v>
      </c>
      <c r="E26892" s="1" t="s">
        <v>96280</v>
      </c>
      <c r="F26892" s="1" t="s">
        <v>96281</v>
      </c>
      <c r="G26892" s="1" t="s">
        <v>96179</v>
      </c>
      <c r="H26892" s="1" t="s">
        <v>96180</v>
      </c>
      <c r="I26892" s="1" t="s">
        <v>86055</v>
      </c>
      <c r="J26892" s="1" t="s">
        <v>96282</v>
      </c>
    </row>
    <row r="26893" spans="1:10" x14ac:dyDescent="0.35">
      <c r="A26893" s="1" t="s">
        <v>96176</v>
      </c>
      <c r="B26893" s="1" t="s">
        <v>86049</v>
      </c>
      <c r="C26893" s="1" t="s">
        <v>155</v>
      </c>
      <c r="D26893" s="1" t="s">
        <v>62217</v>
      </c>
      <c r="E26893" s="1" t="s">
        <v>96283</v>
      </c>
      <c r="F26893" s="1" t="s">
        <v>96284</v>
      </c>
      <c r="G26893" s="1" t="s">
        <v>96179</v>
      </c>
      <c r="H26893" s="1" t="s">
        <v>96180</v>
      </c>
      <c r="I26893" s="1" t="s">
        <v>86055</v>
      </c>
      <c r="J26893" s="1" t="s">
        <v>96285</v>
      </c>
    </row>
    <row r="26894" spans="1:10" x14ac:dyDescent="0.35">
      <c r="A26894" s="1" t="s">
        <v>96176</v>
      </c>
      <c r="B26894" s="1" t="s">
        <v>86049</v>
      </c>
      <c r="C26894" s="1" t="s">
        <v>160</v>
      </c>
      <c r="D26894" s="1" t="s">
        <v>96286</v>
      </c>
      <c r="E26894" s="1" t="s">
        <v>96287</v>
      </c>
      <c r="F26894" s="1" t="s">
        <v>96288</v>
      </c>
      <c r="G26894" s="1" t="s">
        <v>96179</v>
      </c>
      <c r="H26894" s="1" t="s">
        <v>96180</v>
      </c>
      <c r="I26894" s="1" t="s">
        <v>86055</v>
      </c>
      <c r="J26894" s="1" t="s">
        <v>96289</v>
      </c>
    </row>
    <row r="26895" spans="1:10" x14ac:dyDescent="0.35">
      <c r="A26895" s="1" t="s">
        <v>96176</v>
      </c>
      <c r="B26895" s="1" t="s">
        <v>86049</v>
      </c>
      <c r="C26895" s="1" t="s">
        <v>165</v>
      </c>
      <c r="D26895" s="1" t="s">
        <v>96290</v>
      </c>
      <c r="E26895" s="1" t="s">
        <v>96291</v>
      </c>
      <c r="F26895" s="1" t="s">
        <v>96292</v>
      </c>
      <c r="G26895" s="1" t="s">
        <v>96179</v>
      </c>
      <c r="H26895" s="1" t="s">
        <v>96180</v>
      </c>
      <c r="I26895" s="1" t="s">
        <v>86055</v>
      </c>
      <c r="J26895" s="1" t="s">
        <v>96293</v>
      </c>
    </row>
    <row r="26896" spans="1:10" x14ac:dyDescent="0.35">
      <c r="A26896" s="1" t="s">
        <v>96176</v>
      </c>
      <c r="B26896" s="1" t="s">
        <v>86049</v>
      </c>
      <c r="C26896" s="1" t="s">
        <v>170</v>
      </c>
      <c r="D26896" s="1" t="s">
        <v>96294</v>
      </c>
      <c r="E26896" s="1" t="s">
        <v>96295</v>
      </c>
      <c r="F26896" s="1" t="s">
        <v>96296</v>
      </c>
      <c r="G26896" s="1" t="s">
        <v>96179</v>
      </c>
      <c r="H26896" s="1" t="s">
        <v>96180</v>
      </c>
      <c r="I26896" s="1" t="s">
        <v>86055</v>
      </c>
      <c r="J26896" s="1" t="s">
        <v>96297</v>
      </c>
    </row>
    <row r="26897" spans="1:10" x14ac:dyDescent="0.35">
      <c r="A26897" s="1" t="s">
        <v>1942</v>
      </c>
      <c r="B26897" s="1" t="s">
        <v>86049</v>
      </c>
      <c r="C26897" s="1" t="s">
        <v>8</v>
      </c>
      <c r="D26897" s="1" t="s">
        <v>96298</v>
      </c>
      <c r="E26897" s="1" t="s">
        <v>96299</v>
      </c>
      <c r="F26897" s="1" t="s">
        <v>96300</v>
      </c>
      <c r="G26897" s="1" t="s">
        <v>96301</v>
      </c>
      <c r="H26897" s="1" t="s">
        <v>96302</v>
      </c>
      <c r="I26897" s="1" t="s">
        <v>86055</v>
      </c>
      <c r="J26897" s="1" t="s">
        <v>13</v>
      </c>
    </row>
    <row r="26898" spans="1:10" x14ac:dyDescent="0.35">
      <c r="A26898" s="1" t="s">
        <v>1942</v>
      </c>
      <c r="B26898" s="1" t="s">
        <v>86049</v>
      </c>
      <c r="C26898" s="1" t="s">
        <v>15</v>
      </c>
      <c r="D26898" s="1" t="s">
        <v>96303</v>
      </c>
      <c r="E26898" s="1" t="s">
        <v>96304</v>
      </c>
      <c r="F26898" s="1" t="s">
        <v>96305</v>
      </c>
      <c r="G26898" s="1" t="s">
        <v>96301</v>
      </c>
      <c r="H26898" s="1" t="s">
        <v>96302</v>
      </c>
      <c r="I26898" s="1" t="s">
        <v>86055</v>
      </c>
      <c r="J26898" s="1" t="s">
        <v>96306</v>
      </c>
    </row>
    <row r="26899" spans="1:10" x14ac:dyDescent="0.35">
      <c r="A26899" s="1" t="s">
        <v>1942</v>
      </c>
      <c r="B26899" s="1" t="s">
        <v>86049</v>
      </c>
      <c r="C26899" s="1" t="s">
        <v>20</v>
      </c>
      <c r="D26899" s="1" t="s">
        <v>96307</v>
      </c>
      <c r="E26899" s="1" t="s">
        <v>96308</v>
      </c>
      <c r="F26899" s="1" t="s">
        <v>96309</v>
      </c>
      <c r="G26899" s="1" t="s">
        <v>96301</v>
      </c>
      <c r="H26899" s="1" t="s">
        <v>96302</v>
      </c>
      <c r="I26899" s="1" t="s">
        <v>86055</v>
      </c>
      <c r="J26899" s="1" t="s">
        <v>96310</v>
      </c>
    </row>
    <row r="26900" spans="1:10" x14ac:dyDescent="0.35">
      <c r="A26900" s="1" t="s">
        <v>1942</v>
      </c>
      <c r="B26900" s="1" t="s">
        <v>86049</v>
      </c>
      <c r="C26900" s="1" t="s">
        <v>25</v>
      </c>
      <c r="D26900" s="1" t="s">
        <v>96311</v>
      </c>
      <c r="E26900" s="1" t="s">
        <v>96312</v>
      </c>
      <c r="F26900" s="1" t="s">
        <v>96313</v>
      </c>
      <c r="G26900" s="1" t="s">
        <v>96301</v>
      </c>
      <c r="H26900" s="1" t="s">
        <v>96302</v>
      </c>
      <c r="I26900" s="1" t="s">
        <v>86055</v>
      </c>
      <c r="J26900" s="1" t="s">
        <v>96314</v>
      </c>
    </row>
    <row r="26901" spans="1:10" x14ac:dyDescent="0.35">
      <c r="A26901" s="1" t="s">
        <v>1942</v>
      </c>
      <c r="B26901" s="1" t="s">
        <v>86049</v>
      </c>
      <c r="C26901" s="1" t="s">
        <v>30</v>
      </c>
      <c r="D26901" s="1" t="s">
        <v>86875</v>
      </c>
      <c r="E26901" s="1" t="s">
        <v>96315</v>
      </c>
      <c r="F26901" s="1" t="s">
        <v>96316</v>
      </c>
      <c r="G26901" s="1" t="s">
        <v>96301</v>
      </c>
      <c r="H26901" s="1" t="s">
        <v>96302</v>
      </c>
      <c r="I26901" s="1" t="s">
        <v>86055</v>
      </c>
      <c r="J26901" s="1" t="s">
        <v>96317</v>
      </c>
    </row>
    <row r="26902" spans="1:10" x14ac:dyDescent="0.35">
      <c r="A26902" s="1" t="s">
        <v>1942</v>
      </c>
      <c r="B26902" s="1" t="s">
        <v>86049</v>
      </c>
      <c r="C26902" s="1" t="s">
        <v>35</v>
      </c>
      <c r="D26902" s="1" t="s">
        <v>96318</v>
      </c>
      <c r="E26902" s="1" t="s">
        <v>96319</v>
      </c>
      <c r="F26902" s="1" t="s">
        <v>96320</v>
      </c>
      <c r="G26902" s="1" t="s">
        <v>96301</v>
      </c>
      <c r="H26902" s="1" t="s">
        <v>96302</v>
      </c>
      <c r="I26902" s="1" t="s">
        <v>86055</v>
      </c>
      <c r="J26902" s="1" t="s">
        <v>96321</v>
      </c>
    </row>
    <row r="26903" spans="1:10" x14ac:dyDescent="0.35">
      <c r="A26903" s="1" t="s">
        <v>1942</v>
      </c>
      <c r="B26903" s="1" t="s">
        <v>86049</v>
      </c>
      <c r="C26903" s="1" t="s">
        <v>40</v>
      </c>
      <c r="D26903" s="1" t="s">
        <v>96322</v>
      </c>
      <c r="E26903" s="1" t="s">
        <v>96323</v>
      </c>
      <c r="F26903" s="1" t="s">
        <v>96324</v>
      </c>
      <c r="G26903" s="1" t="s">
        <v>96301</v>
      </c>
      <c r="H26903" s="1" t="s">
        <v>96302</v>
      </c>
      <c r="I26903" s="1" t="s">
        <v>86055</v>
      </c>
      <c r="J26903" s="1" t="s">
        <v>96325</v>
      </c>
    </row>
    <row r="26904" spans="1:10" x14ac:dyDescent="0.35">
      <c r="A26904" s="1" t="s">
        <v>1942</v>
      </c>
      <c r="B26904" s="1" t="s">
        <v>86049</v>
      </c>
      <c r="C26904" s="1" t="s">
        <v>45</v>
      </c>
      <c r="D26904" s="1" t="s">
        <v>81774</v>
      </c>
      <c r="E26904" s="1" t="s">
        <v>96326</v>
      </c>
      <c r="F26904" s="1" t="s">
        <v>96327</v>
      </c>
      <c r="G26904" s="1" t="s">
        <v>96301</v>
      </c>
      <c r="H26904" s="1" t="s">
        <v>96302</v>
      </c>
      <c r="I26904" s="1" t="s">
        <v>86055</v>
      </c>
      <c r="J26904" s="1" t="s">
        <v>89979</v>
      </c>
    </row>
    <row r="26905" spans="1:10" x14ac:dyDescent="0.35">
      <c r="A26905" s="1" t="s">
        <v>1942</v>
      </c>
      <c r="B26905" s="1" t="s">
        <v>86049</v>
      </c>
      <c r="C26905" s="1" t="s">
        <v>50</v>
      </c>
      <c r="D26905" s="1" t="s">
        <v>88236</v>
      </c>
      <c r="E26905" s="1" t="s">
        <v>96328</v>
      </c>
      <c r="F26905" s="1" t="s">
        <v>96329</v>
      </c>
      <c r="G26905" s="1" t="s">
        <v>96301</v>
      </c>
      <c r="H26905" s="1" t="s">
        <v>96302</v>
      </c>
      <c r="I26905" s="1" t="s">
        <v>86055</v>
      </c>
      <c r="J26905" s="1" t="s">
        <v>96330</v>
      </c>
    </row>
    <row r="26906" spans="1:10" x14ac:dyDescent="0.35">
      <c r="A26906" s="1" t="s">
        <v>1942</v>
      </c>
      <c r="B26906" s="1" t="s">
        <v>86049</v>
      </c>
      <c r="C26906" s="1" t="s">
        <v>55</v>
      </c>
      <c r="D26906" s="1" t="s">
        <v>22555</v>
      </c>
      <c r="E26906" s="1" t="s">
        <v>96331</v>
      </c>
      <c r="F26906" s="1" t="s">
        <v>96332</v>
      </c>
      <c r="G26906" s="1" t="s">
        <v>96301</v>
      </c>
      <c r="H26906" s="1" t="s">
        <v>96302</v>
      </c>
      <c r="I26906" s="1" t="s">
        <v>86055</v>
      </c>
      <c r="J26906" s="1" t="s">
        <v>96333</v>
      </c>
    </row>
    <row r="26907" spans="1:10" x14ac:dyDescent="0.35">
      <c r="A26907" s="1" t="s">
        <v>1942</v>
      </c>
      <c r="B26907" s="1" t="s">
        <v>86049</v>
      </c>
      <c r="C26907" s="1" t="s">
        <v>60</v>
      </c>
      <c r="D26907" s="1" t="s">
        <v>55383</v>
      </c>
      <c r="E26907" s="1" t="s">
        <v>96334</v>
      </c>
      <c r="F26907" s="1" t="s">
        <v>96335</v>
      </c>
      <c r="G26907" s="1" t="s">
        <v>96301</v>
      </c>
      <c r="H26907" s="1" t="s">
        <v>96302</v>
      </c>
      <c r="I26907" s="1" t="s">
        <v>86055</v>
      </c>
      <c r="J26907" s="1" t="s">
        <v>96336</v>
      </c>
    </row>
    <row r="26908" spans="1:10" x14ac:dyDescent="0.35">
      <c r="A26908" s="1" t="s">
        <v>1942</v>
      </c>
      <c r="B26908" s="1" t="s">
        <v>86049</v>
      </c>
      <c r="C26908" s="1" t="s">
        <v>65</v>
      </c>
      <c r="D26908" s="1" t="s">
        <v>96337</v>
      </c>
      <c r="E26908" s="1" t="s">
        <v>96338</v>
      </c>
      <c r="F26908" s="1" t="s">
        <v>96339</v>
      </c>
      <c r="G26908" s="1" t="s">
        <v>96301</v>
      </c>
      <c r="H26908" s="1" t="s">
        <v>96302</v>
      </c>
      <c r="I26908" s="1" t="s">
        <v>86055</v>
      </c>
      <c r="J26908" s="1" t="s">
        <v>96340</v>
      </c>
    </row>
    <row r="26909" spans="1:10" x14ac:dyDescent="0.35">
      <c r="A26909" s="1" t="s">
        <v>1942</v>
      </c>
      <c r="B26909" s="1" t="s">
        <v>86049</v>
      </c>
      <c r="C26909" s="1" t="s">
        <v>70</v>
      </c>
      <c r="D26909" s="1" t="s">
        <v>83979</v>
      </c>
      <c r="E26909" s="1" t="s">
        <v>96341</v>
      </c>
      <c r="F26909" s="1" t="s">
        <v>96342</v>
      </c>
      <c r="G26909" s="1" t="s">
        <v>96301</v>
      </c>
      <c r="H26909" s="1" t="s">
        <v>96302</v>
      </c>
      <c r="I26909" s="1" t="s">
        <v>86055</v>
      </c>
      <c r="J26909" s="1" t="s">
        <v>96343</v>
      </c>
    </row>
    <row r="26910" spans="1:10" x14ac:dyDescent="0.35">
      <c r="A26910" s="1" t="s">
        <v>1942</v>
      </c>
      <c r="B26910" s="1" t="s">
        <v>86049</v>
      </c>
      <c r="C26910" s="1" t="s">
        <v>75</v>
      </c>
      <c r="D26910" s="1" t="s">
        <v>94175</v>
      </c>
      <c r="E26910" s="1" t="s">
        <v>96344</v>
      </c>
      <c r="F26910" s="1" t="s">
        <v>96345</v>
      </c>
      <c r="G26910" s="1" t="s">
        <v>96301</v>
      </c>
      <c r="H26910" s="1" t="s">
        <v>96302</v>
      </c>
      <c r="I26910" s="1" t="s">
        <v>86055</v>
      </c>
      <c r="J26910" s="1" t="s">
        <v>96346</v>
      </c>
    </row>
    <row r="26911" spans="1:10" x14ac:dyDescent="0.35">
      <c r="A26911" s="1" t="s">
        <v>1942</v>
      </c>
      <c r="B26911" s="1" t="s">
        <v>86049</v>
      </c>
      <c r="C26911" s="1" t="s">
        <v>80</v>
      </c>
      <c r="D26911" s="1" t="s">
        <v>96347</v>
      </c>
      <c r="E26911" s="1" t="s">
        <v>96348</v>
      </c>
      <c r="F26911" s="1" t="s">
        <v>96349</v>
      </c>
      <c r="G26911" s="1" t="s">
        <v>96301</v>
      </c>
      <c r="H26911" s="1" t="s">
        <v>96302</v>
      </c>
      <c r="I26911" s="1" t="s">
        <v>86055</v>
      </c>
      <c r="J26911" s="1" t="s">
        <v>96350</v>
      </c>
    </row>
    <row r="26912" spans="1:10" x14ac:dyDescent="0.35">
      <c r="A26912" s="1" t="s">
        <v>1942</v>
      </c>
      <c r="B26912" s="1" t="s">
        <v>86049</v>
      </c>
      <c r="C26912" s="1" t="s">
        <v>85</v>
      </c>
      <c r="D26912" s="1" t="s">
        <v>7377</v>
      </c>
      <c r="E26912" s="1" t="s">
        <v>96351</v>
      </c>
      <c r="F26912" s="1" t="s">
        <v>96352</v>
      </c>
      <c r="G26912" s="1" t="s">
        <v>96301</v>
      </c>
      <c r="H26912" s="1" t="s">
        <v>96302</v>
      </c>
      <c r="I26912" s="1" t="s">
        <v>86055</v>
      </c>
      <c r="J26912" s="1" t="s">
        <v>96353</v>
      </c>
    </row>
    <row r="26913" spans="1:10" x14ac:dyDescent="0.35">
      <c r="A26913" s="1" t="s">
        <v>1942</v>
      </c>
      <c r="B26913" s="1" t="s">
        <v>86049</v>
      </c>
      <c r="C26913" s="1" t="s">
        <v>90</v>
      </c>
      <c r="D26913" s="1" t="s">
        <v>64756</v>
      </c>
      <c r="E26913" s="1" t="s">
        <v>96354</v>
      </c>
      <c r="F26913" s="1" t="s">
        <v>96355</v>
      </c>
      <c r="G26913" s="1" t="s">
        <v>96301</v>
      </c>
      <c r="H26913" s="1" t="s">
        <v>96302</v>
      </c>
      <c r="I26913" s="1" t="s">
        <v>86055</v>
      </c>
      <c r="J26913" s="1" t="s">
        <v>96356</v>
      </c>
    </row>
    <row r="26914" spans="1:10" x14ac:dyDescent="0.35">
      <c r="A26914" s="1" t="s">
        <v>1942</v>
      </c>
      <c r="B26914" s="1" t="s">
        <v>86049</v>
      </c>
      <c r="C26914" s="1" t="s">
        <v>95</v>
      </c>
      <c r="D26914" s="1" t="s">
        <v>69908</v>
      </c>
      <c r="E26914" s="1" t="s">
        <v>96357</v>
      </c>
      <c r="F26914" s="1" t="s">
        <v>96358</v>
      </c>
      <c r="G26914" s="1" t="s">
        <v>96301</v>
      </c>
      <c r="H26914" s="1" t="s">
        <v>96302</v>
      </c>
      <c r="I26914" s="1" t="s">
        <v>86055</v>
      </c>
      <c r="J26914" s="1" t="s">
        <v>96359</v>
      </c>
    </row>
    <row r="26915" spans="1:10" x14ac:dyDescent="0.35">
      <c r="A26915" s="1" t="s">
        <v>1942</v>
      </c>
      <c r="B26915" s="1" t="s">
        <v>86049</v>
      </c>
      <c r="C26915" s="1" t="s">
        <v>100</v>
      </c>
      <c r="D26915" s="1" t="s">
        <v>59332</v>
      </c>
      <c r="E26915" s="1" t="s">
        <v>96360</v>
      </c>
      <c r="F26915" s="1" t="s">
        <v>96361</v>
      </c>
      <c r="G26915" s="1" t="s">
        <v>96301</v>
      </c>
      <c r="H26915" s="1" t="s">
        <v>96302</v>
      </c>
      <c r="I26915" s="1" t="s">
        <v>86055</v>
      </c>
      <c r="J26915" s="1" t="s">
        <v>96362</v>
      </c>
    </row>
    <row r="26916" spans="1:10" x14ac:dyDescent="0.35">
      <c r="A26916" s="1" t="s">
        <v>1942</v>
      </c>
      <c r="B26916" s="1" t="s">
        <v>86049</v>
      </c>
      <c r="C26916" s="1" t="s">
        <v>105</v>
      </c>
      <c r="D26916" s="1" t="s">
        <v>96363</v>
      </c>
      <c r="E26916" s="1" t="s">
        <v>96364</v>
      </c>
      <c r="F26916" s="1" t="s">
        <v>96365</v>
      </c>
      <c r="G26916" s="1" t="s">
        <v>96301</v>
      </c>
      <c r="H26916" s="1" t="s">
        <v>96302</v>
      </c>
      <c r="I26916" s="1" t="s">
        <v>86055</v>
      </c>
      <c r="J26916" s="1" t="s">
        <v>96366</v>
      </c>
    </row>
    <row r="26917" spans="1:10" x14ac:dyDescent="0.35">
      <c r="A26917" s="1" t="s">
        <v>1942</v>
      </c>
      <c r="B26917" s="1" t="s">
        <v>86049</v>
      </c>
      <c r="C26917" s="1" t="s">
        <v>110</v>
      </c>
      <c r="D26917" s="1" t="s">
        <v>75531</v>
      </c>
      <c r="E26917" s="1" t="s">
        <v>96367</v>
      </c>
      <c r="F26917" s="1" t="s">
        <v>96368</v>
      </c>
      <c r="G26917" s="1" t="s">
        <v>96301</v>
      </c>
      <c r="H26917" s="1" t="s">
        <v>96302</v>
      </c>
      <c r="I26917" s="1" t="s">
        <v>86055</v>
      </c>
      <c r="J26917" s="1" t="s">
        <v>96369</v>
      </c>
    </row>
    <row r="26918" spans="1:10" x14ac:dyDescent="0.35">
      <c r="A26918" s="1" t="s">
        <v>1942</v>
      </c>
      <c r="B26918" s="1" t="s">
        <v>86049</v>
      </c>
      <c r="C26918" s="1" t="s">
        <v>115</v>
      </c>
      <c r="D26918" s="1" t="s">
        <v>65827</v>
      </c>
      <c r="E26918" s="1" t="s">
        <v>96370</v>
      </c>
      <c r="F26918" s="1" t="s">
        <v>96371</v>
      </c>
      <c r="G26918" s="1" t="s">
        <v>96301</v>
      </c>
      <c r="H26918" s="1" t="s">
        <v>96302</v>
      </c>
      <c r="I26918" s="1" t="s">
        <v>86055</v>
      </c>
      <c r="J26918" s="1" t="s">
        <v>96372</v>
      </c>
    </row>
    <row r="26919" spans="1:10" x14ac:dyDescent="0.35">
      <c r="A26919" s="1" t="s">
        <v>1942</v>
      </c>
      <c r="B26919" s="1" t="s">
        <v>86049</v>
      </c>
      <c r="C26919" s="1" t="s">
        <v>120</v>
      </c>
      <c r="D26919" s="1" t="s">
        <v>87801</v>
      </c>
      <c r="E26919" s="1" t="s">
        <v>96373</v>
      </c>
      <c r="F26919" s="1" t="s">
        <v>96374</v>
      </c>
      <c r="G26919" s="1" t="s">
        <v>96301</v>
      </c>
      <c r="H26919" s="1" t="s">
        <v>96302</v>
      </c>
      <c r="I26919" s="1" t="s">
        <v>86055</v>
      </c>
      <c r="J26919" s="1" t="s">
        <v>96375</v>
      </c>
    </row>
    <row r="26920" spans="1:10" x14ac:dyDescent="0.35">
      <c r="A26920" s="1" t="s">
        <v>1942</v>
      </c>
      <c r="B26920" s="1" t="s">
        <v>86049</v>
      </c>
      <c r="C26920" s="1" t="s">
        <v>125</v>
      </c>
      <c r="D26920" s="1" t="s">
        <v>96376</v>
      </c>
      <c r="E26920" s="1" t="s">
        <v>96377</v>
      </c>
      <c r="F26920" s="1" t="s">
        <v>96378</v>
      </c>
      <c r="G26920" s="1" t="s">
        <v>96301</v>
      </c>
      <c r="H26920" s="1" t="s">
        <v>96302</v>
      </c>
      <c r="I26920" s="1" t="s">
        <v>86055</v>
      </c>
      <c r="J26920" s="1" t="s">
        <v>96379</v>
      </c>
    </row>
    <row r="26921" spans="1:10" x14ac:dyDescent="0.35">
      <c r="A26921" s="1" t="s">
        <v>1942</v>
      </c>
      <c r="B26921" s="1" t="s">
        <v>86049</v>
      </c>
      <c r="C26921" s="1" t="s">
        <v>130</v>
      </c>
      <c r="D26921" s="1" t="s">
        <v>96380</v>
      </c>
      <c r="E26921" s="1" t="s">
        <v>96381</v>
      </c>
      <c r="F26921" s="1" t="s">
        <v>96382</v>
      </c>
      <c r="G26921" s="1" t="s">
        <v>96301</v>
      </c>
      <c r="H26921" s="1" t="s">
        <v>96302</v>
      </c>
      <c r="I26921" s="1" t="s">
        <v>86055</v>
      </c>
      <c r="J26921" s="1" t="s">
        <v>96383</v>
      </c>
    </row>
    <row r="26922" spans="1:10" x14ac:dyDescent="0.35">
      <c r="A26922" s="1" t="s">
        <v>1942</v>
      </c>
      <c r="B26922" s="1" t="s">
        <v>86049</v>
      </c>
      <c r="C26922" s="1" t="s">
        <v>135</v>
      </c>
      <c r="D26922" s="1" t="s">
        <v>78877</v>
      </c>
      <c r="E26922" s="1" t="s">
        <v>96384</v>
      </c>
      <c r="F26922" s="1" t="s">
        <v>96385</v>
      </c>
      <c r="G26922" s="1" t="s">
        <v>96301</v>
      </c>
      <c r="H26922" s="1" t="s">
        <v>96302</v>
      </c>
      <c r="I26922" s="1" t="s">
        <v>86055</v>
      </c>
      <c r="J26922" s="1" t="s">
        <v>96386</v>
      </c>
    </row>
    <row r="26923" spans="1:10" x14ac:dyDescent="0.35">
      <c r="A26923" s="1" t="s">
        <v>1942</v>
      </c>
      <c r="B26923" s="1" t="s">
        <v>86049</v>
      </c>
      <c r="C26923" s="1" t="s">
        <v>140</v>
      </c>
      <c r="D26923" s="1" t="s">
        <v>63954</v>
      </c>
      <c r="E26923" s="1" t="s">
        <v>96387</v>
      </c>
      <c r="F26923" s="1" t="s">
        <v>96388</v>
      </c>
      <c r="G26923" s="1" t="s">
        <v>96301</v>
      </c>
      <c r="H26923" s="1" t="s">
        <v>96302</v>
      </c>
      <c r="I26923" s="1" t="s">
        <v>86055</v>
      </c>
      <c r="J26923" s="1" t="s">
        <v>96389</v>
      </c>
    </row>
    <row r="26924" spans="1:10" x14ac:dyDescent="0.35">
      <c r="A26924" s="1" t="s">
        <v>1942</v>
      </c>
      <c r="B26924" s="1" t="s">
        <v>86049</v>
      </c>
      <c r="C26924" s="1" t="s">
        <v>145</v>
      </c>
      <c r="D26924" s="1" t="s">
        <v>76009</v>
      </c>
      <c r="E26924" s="1" t="s">
        <v>96390</v>
      </c>
      <c r="F26924" s="1" t="s">
        <v>96391</v>
      </c>
      <c r="G26924" s="1" t="s">
        <v>96301</v>
      </c>
      <c r="H26924" s="1" t="s">
        <v>96302</v>
      </c>
      <c r="I26924" s="1" t="s">
        <v>86055</v>
      </c>
      <c r="J26924" s="1" t="s">
        <v>96392</v>
      </c>
    </row>
    <row r="26925" spans="1:10" x14ac:dyDescent="0.35">
      <c r="A26925" s="1" t="s">
        <v>1942</v>
      </c>
      <c r="B26925" s="1" t="s">
        <v>86049</v>
      </c>
      <c r="C26925" s="1" t="s">
        <v>150</v>
      </c>
      <c r="D26925" s="1" t="s">
        <v>96393</v>
      </c>
      <c r="E26925" s="1" t="s">
        <v>96394</v>
      </c>
      <c r="F26925" s="1" t="s">
        <v>96395</v>
      </c>
      <c r="G26925" s="1" t="s">
        <v>96301</v>
      </c>
      <c r="H26925" s="1" t="s">
        <v>96302</v>
      </c>
      <c r="I26925" s="1" t="s">
        <v>86055</v>
      </c>
      <c r="J26925" s="1" t="s">
        <v>96396</v>
      </c>
    </row>
    <row r="26926" spans="1:10" x14ac:dyDescent="0.35">
      <c r="A26926" s="1" t="s">
        <v>1942</v>
      </c>
      <c r="B26926" s="1" t="s">
        <v>86049</v>
      </c>
      <c r="C26926" s="1" t="s">
        <v>155</v>
      </c>
      <c r="D26926" s="1" t="s">
        <v>96397</v>
      </c>
      <c r="E26926" s="1" t="s">
        <v>96398</v>
      </c>
      <c r="F26926" s="1" t="s">
        <v>96399</v>
      </c>
      <c r="G26926" s="1" t="s">
        <v>96301</v>
      </c>
      <c r="H26926" s="1" t="s">
        <v>96302</v>
      </c>
      <c r="I26926" s="1" t="s">
        <v>86055</v>
      </c>
      <c r="J26926" s="1" t="s">
        <v>96400</v>
      </c>
    </row>
    <row r="26927" spans="1:10" x14ac:dyDescent="0.35">
      <c r="A26927" s="1" t="s">
        <v>1942</v>
      </c>
      <c r="B26927" s="1" t="s">
        <v>86049</v>
      </c>
      <c r="C26927" s="1" t="s">
        <v>160</v>
      </c>
      <c r="D26927" s="1" t="s">
        <v>64240</v>
      </c>
      <c r="E26927" s="1" t="s">
        <v>96401</v>
      </c>
      <c r="F26927" s="1" t="s">
        <v>96402</v>
      </c>
      <c r="G26927" s="1" t="s">
        <v>96301</v>
      </c>
      <c r="H26927" s="1" t="s">
        <v>96302</v>
      </c>
      <c r="I26927" s="1" t="s">
        <v>86055</v>
      </c>
      <c r="J26927" s="1" t="s">
        <v>96403</v>
      </c>
    </row>
    <row r="26928" spans="1:10" x14ac:dyDescent="0.35">
      <c r="A26928" s="1" t="s">
        <v>1942</v>
      </c>
      <c r="B26928" s="1" t="s">
        <v>86049</v>
      </c>
      <c r="C26928" s="1" t="s">
        <v>165</v>
      </c>
      <c r="D26928" s="1" t="s">
        <v>96404</v>
      </c>
      <c r="E26928" s="1" t="s">
        <v>96405</v>
      </c>
      <c r="F26928" s="1" t="s">
        <v>96406</v>
      </c>
      <c r="G26928" s="1" t="s">
        <v>96301</v>
      </c>
      <c r="H26928" s="1" t="s">
        <v>96302</v>
      </c>
      <c r="I26928" s="1" t="s">
        <v>86055</v>
      </c>
      <c r="J26928" s="1" t="s">
        <v>96407</v>
      </c>
    </row>
    <row r="26929" spans="1:10" x14ac:dyDescent="0.35">
      <c r="A26929" s="1" t="s">
        <v>1942</v>
      </c>
      <c r="B26929" s="1" t="s">
        <v>86049</v>
      </c>
      <c r="C26929" s="1" t="s">
        <v>170</v>
      </c>
      <c r="D26929" s="1" t="s">
        <v>96408</v>
      </c>
      <c r="E26929" s="1" t="s">
        <v>96409</v>
      </c>
      <c r="F26929" s="1" t="s">
        <v>96410</v>
      </c>
      <c r="G26929" s="1" t="s">
        <v>96301</v>
      </c>
      <c r="H26929" s="1" t="s">
        <v>96302</v>
      </c>
      <c r="I26929" s="1" t="s">
        <v>86055</v>
      </c>
      <c r="J26929" s="1" t="s">
        <v>96411</v>
      </c>
    </row>
    <row r="26930" spans="1:10" x14ac:dyDescent="0.35">
      <c r="A26930" s="1" t="s">
        <v>9186</v>
      </c>
      <c r="B26930" s="1" t="s">
        <v>86049</v>
      </c>
      <c r="C26930" s="1" t="s">
        <v>8</v>
      </c>
      <c r="D26930" s="1" t="s">
        <v>96412</v>
      </c>
      <c r="E26930" s="1" t="s">
        <v>96413</v>
      </c>
      <c r="F26930" s="1" t="s">
        <v>96414</v>
      </c>
      <c r="G26930" s="1" t="s">
        <v>96415</v>
      </c>
      <c r="H26930" s="1" t="s">
        <v>96416</v>
      </c>
      <c r="I26930" s="1" t="s">
        <v>86055</v>
      </c>
      <c r="J26930" s="1" t="s">
        <v>13</v>
      </c>
    </row>
    <row r="26931" spans="1:10" x14ac:dyDescent="0.35">
      <c r="A26931" s="1" t="s">
        <v>9186</v>
      </c>
      <c r="B26931" s="1" t="s">
        <v>86049</v>
      </c>
      <c r="C26931" s="1" t="s">
        <v>15</v>
      </c>
      <c r="D26931" s="1" t="s">
        <v>96417</v>
      </c>
      <c r="E26931" s="1" t="s">
        <v>96418</v>
      </c>
      <c r="F26931" s="1" t="s">
        <v>96419</v>
      </c>
      <c r="G26931" s="1" t="s">
        <v>96415</v>
      </c>
      <c r="H26931" s="1" t="s">
        <v>96416</v>
      </c>
      <c r="I26931" s="1" t="s">
        <v>86055</v>
      </c>
      <c r="J26931" s="1" t="s">
        <v>96420</v>
      </c>
    </row>
    <row r="26932" spans="1:10" x14ac:dyDescent="0.35">
      <c r="A26932" s="1" t="s">
        <v>9186</v>
      </c>
      <c r="B26932" s="1" t="s">
        <v>86049</v>
      </c>
      <c r="C26932" s="1" t="s">
        <v>20</v>
      </c>
      <c r="D26932" s="1" t="s">
        <v>64501</v>
      </c>
      <c r="E26932" s="1" t="s">
        <v>96421</v>
      </c>
      <c r="F26932" s="1" t="s">
        <v>96422</v>
      </c>
      <c r="G26932" s="1" t="s">
        <v>96415</v>
      </c>
      <c r="H26932" s="1" t="s">
        <v>96416</v>
      </c>
      <c r="I26932" s="1" t="s">
        <v>86055</v>
      </c>
      <c r="J26932" s="1" t="s">
        <v>96423</v>
      </c>
    </row>
    <row r="26933" spans="1:10" x14ac:dyDescent="0.35">
      <c r="A26933" s="1" t="s">
        <v>9186</v>
      </c>
      <c r="B26933" s="1" t="s">
        <v>86049</v>
      </c>
      <c r="C26933" s="1" t="s">
        <v>25</v>
      </c>
      <c r="D26933" s="1" t="s">
        <v>96424</v>
      </c>
      <c r="E26933" s="1" t="s">
        <v>96425</v>
      </c>
      <c r="F26933" s="1" t="s">
        <v>96426</v>
      </c>
      <c r="G26933" s="1" t="s">
        <v>96415</v>
      </c>
      <c r="H26933" s="1" t="s">
        <v>96416</v>
      </c>
      <c r="I26933" s="1" t="s">
        <v>86055</v>
      </c>
      <c r="J26933" s="1" t="s">
        <v>96427</v>
      </c>
    </row>
    <row r="26934" spans="1:10" x14ac:dyDescent="0.35">
      <c r="A26934" s="1" t="s">
        <v>9186</v>
      </c>
      <c r="B26934" s="1" t="s">
        <v>86049</v>
      </c>
      <c r="C26934" s="1" t="s">
        <v>30</v>
      </c>
      <c r="D26934" s="1" t="s">
        <v>96428</v>
      </c>
      <c r="E26934" s="1" t="s">
        <v>96429</v>
      </c>
      <c r="F26934" s="1" t="s">
        <v>96430</v>
      </c>
      <c r="G26934" s="1" t="s">
        <v>96415</v>
      </c>
      <c r="H26934" s="1" t="s">
        <v>96416</v>
      </c>
      <c r="I26934" s="1" t="s">
        <v>86055</v>
      </c>
      <c r="J26934" s="1" t="s">
        <v>96431</v>
      </c>
    </row>
    <row r="26935" spans="1:10" x14ac:dyDescent="0.35">
      <c r="A26935" s="1" t="s">
        <v>9186</v>
      </c>
      <c r="B26935" s="1" t="s">
        <v>86049</v>
      </c>
      <c r="C26935" s="1" t="s">
        <v>35</v>
      </c>
      <c r="D26935" s="1" t="s">
        <v>96432</v>
      </c>
      <c r="E26935" s="1" t="s">
        <v>96433</v>
      </c>
      <c r="F26935" s="1" t="s">
        <v>96434</v>
      </c>
      <c r="G26935" s="1" t="s">
        <v>96415</v>
      </c>
      <c r="H26935" s="1" t="s">
        <v>96416</v>
      </c>
      <c r="I26935" s="1" t="s">
        <v>86055</v>
      </c>
      <c r="J26935" s="1" t="s">
        <v>96435</v>
      </c>
    </row>
    <row r="26936" spans="1:10" x14ac:dyDescent="0.35">
      <c r="A26936" s="1" t="s">
        <v>9186</v>
      </c>
      <c r="B26936" s="1" t="s">
        <v>86049</v>
      </c>
      <c r="C26936" s="1" t="s">
        <v>40</v>
      </c>
      <c r="D26936" s="1" t="s">
        <v>79039</v>
      </c>
      <c r="E26936" s="1" t="s">
        <v>96436</v>
      </c>
      <c r="F26936" s="1" t="s">
        <v>96437</v>
      </c>
      <c r="G26936" s="1" t="s">
        <v>96415</v>
      </c>
      <c r="H26936" s="1" t="s">
        <v>96416</v>
      </c>
      <c r="I26936" s="1" t="s">
        <v>86055</v>
      </c>
      <c r="J26936" s="1" t="s">
        <v>96438</v>
      </c>
    </row>
    <row r="26937" spans="1:10" x14ac:dyDescent="0.35">
      <c r="A26937" s="1" t="s">
        <v>9186</v>
      </c>
      <c r="B26937" s="1" t="s">
        <v>86049</v>
      </c>
      <c r="C26937" s="1" t="s">
        <v>45</v>
      </c>
      <c r="D26937" s="1" t="s">
        <v>96439</v>
      </c>
      <c r="E26937" s="1" t="s">
        <v>96440</v>
      </c>
      <c r="F26937" s="1" t="s">
        <v>96441</v>
      </c>
      <c r="G26937" s="1" t="s">
        <v>96415</v>
      </c>
      <c r="H26937" s="1" t="s">
        <v>96416</v>
      </c>
      <c r="I26937" s="1" t="s">
        <v>86055</v>
      </c>
      <c r="J26937" s="1" t="s">
        <v>96442</v>
      </c>
    </row>
    <row r="26938" spans="1:10" x14ac:dyDescent="0.35">
      <c r="A26938" s="1" t="s">
        <v>9186</v>
      </c>
      <c r="B26938" s="1" t="s">
        <v>86049</v>
      </c>
      <c r="C26938" s="1" t="s">
        <v>50</v>
      </c>
      <c r="D26938" s="1" t="s">
        <v>96443</v>
      </c>
      <c r="E26938" s="1" t="s">
        <v>96444</v>
      </c>
      <c r="F26938" s="1" t="s">
        <v>96445</v>
      </c>
      <c r="G26938" s="1" t="s">
        <v>96415</v>
      </c>
      <c r="H26938" s="1" t="s">
        <v>96416</v>
      </c>
      <c r="I26938" s="1" t="s">
        <v>86055</v>
      </c>
      <c r="J26938" s="1" t="s">
        <v>96446</v>
      </c>
    </row>
    <row r="26939" spans="1:10" x14ac:dyDescent="0.35">
      <c r="A26939" s="1" t="s">
        <v>9186</v>
      </c>
      <c r="B26939" s="1" t="s">
        <v>86049</v>
      </c>
      <c r="C26939" s="1" t="s">
        <v>55</v>
      </c>
      <c r="D26939" s="1" t="s">
        <v>96447</v>
      </c>
      <c r="E26939" s="1" t="s">
        <v>96448</v>
      </c>
      <c r="F26939" s="1" t="s">
        <v>96449</v>
      </c>
      <c r="G26939" s="1" t="s">
        <v>96415</v>
      </c>
      <c r="H26939" s="1" t="s">
        <v>96416</v>
      </c>
      <c r="I26939" s="1" t="s">
        <v>86055</v>
      </c>
      <c r="J26939" s="1" t="s">
        <v>96450</v>
      </c>
    </row>
    <row r="26940" spans="1:10" x14ac:dyDescent="0.35">
      <c r="A26940" s="1" t="s">
        <v>9186</v>
      </c>
      <c r="B26940" s="1" t="s">
        <v>86049</v>
      </c>
      <c r="C26940" s="1" t="s">
        <v>60</v>
      </c>
      <c r="D26940" s="1" t="s">
        <v>68396</v>
      </c>
      <c r="E26940" s="1" t="s">
        <v>96451</v>
      </c>
      <c r="F26940" s="1" t="s">
        <v>96452</v>
      </c>
      <c r="G26940" s="1" t="s">
        <v>96415</v>
      </c>
      <c r="H26940" s="1" t="s">
        <v>96416</v>
      </c>
      <c r="I26940" s="1" t="s">
        <v>86055</v>
      </c>
      <c r="J26940" s="1" t="s">
        <v>96453</v>
      </c>
    </row>
    <row r="26941" spans="1:10" x14ac:dyDescent="0.35">
      <c r="A26941" s="1" t="s">
        <v>9186</v>
      </c>
      <c r="B26941" s="1" t="s">
        <v>86049</v>
      </c>
      <c r="C26941" s="1" t="s">
        <v>65</v>
      </c>
      <c r="D26941" s="1" t="s">
        <v>24093</v>
      </c>
      <c r="E26941" s="1" t="s">
        <v>96454</v>
      </c>
      <c r="F26941" s="1" t="s">
        <v>96455</v>
      </c>
      <c r="G26941" s="1" t="s">
        <v>96415</v>
      </c>
      <c r="H26941" s="1" t="s">
        <v>96416</v>
      </c>
      <c r="I26941" s="1" t="s">
        <v>86055</v>
      </c>
      <c r="J26941" s="1" t="s">
        <v>96456</v>
      </c>
    </row>
    <row r="26942" spans="1:10" x14ac:dyDescent="0.35">
      <c r="A26942" s="1" t="s">
        <v>9186</v>
      </c>
      <c r="B26942" s="1" t="s">
        <v>86049</v>
      </c>
      <c r="C26942" s="1" t="s">
        <v>70</v>
      </c>
      <c r="D26942" s="1" t="s">
        <v>96457</v>
      </c>
      <c r="E26942" s="1" t="s">
        <v>96458</v>
      </c>
      <c r="F26942" s="1" t="s">
        <v>96459</v>
      </c>
      <c r="G26942" s="1" t="s">
        <v>96415</v>
      </c>
      <c r="H26942" s="1" t="s">
        <v>96416</v>
      </c>
      <c r="I26942" s="1" t="s">
        <v>86055</v>
      </c>
      <c r="J26942" s="1" t="s">
        <v>96460</v>
      </c>
    </row>
    <row r="26943" spans="1:10" x14ac:dyDescent="0.35">
      <c r="A26943" s="1" t="s">
        <v>9186</v>
      </c>
      <c r="B26943" s="1" t="s">
        <v>86049</v>
      </c>
      <c r="C26943" s="1" t="s">
        <v>75</v>
      </c>
      <c r="D26943" s="1" t="s">
        <v>64756</v>
      </c>
      <c r="E26943" s="1" t="s">
        <v>96461</v>
      </c>
      <c r="F26943" s="1" t="s">
        <v>96462</v>
      </c>
      <c r="G26943" s="1" t="s">
        <v>96415</v>
      </c>
      <c r="H26943" s="1" t="s">
        <v>96416</v>
      </c>
      <c r="I26943" s="1" t="s">
        <v>86055</v>
      </c>
      <c r="J26943" s="1" t="s">
        <v>96463</v>
      </c>
    </row>
    <row r="26944" spans="1:10" x14ac:dyDescent="0.35">
      <c r="A26944" s="1" t="s">
        <v>9186</v>
      </c>
      <c r="B26944" s="1" t="s">
        <v>86049</v>
      </c>
      <c r="C26944" s="1" t="s">
        <v>80</v>
      </c>
      <c r="D26944" s="1" t="s">
        <v>96464</v>
      </c>
      <c r="E26944" s="1" t="s">
        <v>96465</v>
      </c>
      <c r="F26944" s="1" t="s">
        <v>96466</v>
      </c>
      <c r="G26944" s="1" t="s">
        <v>96415</v>
      </c>
      <c r="H26944" s="1" t="s">
        <v>96416</v>
      </c>
      <c r="I26944" s="1" t="s">
        <v>86055</v>
      </c>
      <c r="J26944" s="1" t="s">
        <v>96467</v>
      </c>
    </row>
    <row r="26945" spans="1:10" x14ac:dyDescent="0.35">
      <c r="A26945" s="1" t="s">
        <v>9186</v>
      </c>
      <c r="B26945" s="1" t="s">
        <v>86049</v>
      </c>
      <c r="C26945" s="1" t="s">
        <v>85</v>
      </c>
      <c r="D26945" s="1" t="s">
        <v>96468</v>
      </c>
      <c r="E26945" s="1" t="s">
        <v>96469</v>
      </c>
      <c r="F26945" s="1" t="s">
        <v>96470</v>
      </c>
      <c r="G26945" s="1" t="s">
        <v>96415</v>
      </c>
      <c r="H26945" s="1" t="s">
        <v>96416</v>
      </c>
      <c r="I26945" s="1" t="s">
        <v>86055</v>
      </c>
      <c r="J26945" s="1" t="s">
        <v>96471</v>
      </c>
    </row>
    <row r="26946" spans="1:10" x14ac:dyDescent="0.35">
      <c r="A26946" s="1" t="s">
        <v>9186</v>
      </c>
      <c r="B26946" s="1" t="s">
        <v>86049</v>
      </c>
      <c r="C26946" s="1" t="s">
        <v>90</v>
      </c>
      <c r="D26946" s="1" t="s">
        <v>11326</v>
      </c>
      <c r="E26946" s="1" t="s">
        <v>96472</v>
      </c>
      <c r="F26946" s="1" t="s">
        <v>96473</v>
      </c>
      <c r="G26946" s="1" t="s">
        <v>96415</v>
      </c>
      <c r="H26946" s="1" t="s">
        <v>96416</v>
      </c>
      <c r="I26946" s="1" t="s">
        <v>86055</v>
      </c>
      <c r="J26946" s="1" t="s">
        <v>96474</v>
      </c>
    </row>
    <row r="26947" spans="1:10" x14ac:dyDescent="0.35">
      <c r="A26947" s="1" t="s">
        <v>9186</v>
      </c>
      <c r="B26947" s="1" t="s">
        <v>86049</v>
      </c>
      <c r="C26947" s="1" t="s">
        <v>95</v>
      </c>
      <c r="D26947" s="1" t="s">
        <v>69428</v>
      </c>
      <c r="E26947" s="1" t="s">
        <v>96475</v>
      </c>
      <c r="F26947" s="1" t="s">
        <v>96476</v>
      </c>
      <c r="G26947" s="1" t="s">
        <v>96415</v>
      </c>
      <c r="H26947" s="1" t="s">
        <v>96416</v>
      </c>
      <c r="I26947" s="1" t="s">
        <v>86055</v>
      </c>
      <c r="J26947" s="1" t="s">
        <v>96477</v>
      </c>
    </row>
    <row r="26948" spans="1:10" x14ac:dyDescent="0.35">
      <c r="A26948" s="1" t="s">
        <v>9186</v>
      </c>
      <c r="B26948" s="1" t="s">
        <v>86049</v>
      </c>
      <c r="C26948" s="1" t="s">
        <v>100</v>
      </c>
      <c r="D26948" s="1" t="s">
        <v>96478</v>
      </c>
      <c r="E26948" s="1" t="s">
        <v>96479</v>
      </c>
      <c r="F26948" s="1" t="s">
        <v>96480</v>
      </c>
      <c r="G26948" s="1" t="s">
        <v>96415</v>
      </c>
      <c r="H26948" s="1" t="s">
        <v>96416</v>
      </c>
      <c r="I26948" s="1" t="s">
        <v>86055</v>
      </c>
      <c r="J26948" s="1" t="s">
        <v>96481</v>
      </c>
    </row>
    <row r="26949" spans="1:10" x14ac:dyDescent="0.35">
      <c r="A26949" s="1" t="s">
        <v>9186</v>
      </c>
      <c r="B26949" s="1" t="s">
        <v>86049</v>
      </c>
      <c r="C26949" s="1" t="s">
        <v>105</v>
      </c>
      <c r="D26949" s="1" t="s">
        <v>96482</v>
      </c>
      <c r="E26949" s="1" t="s">
        <v>96483</v>
      </c>
      <c r="F26949" s="1" t="s">
        <v>96484</v>
      </c>
      <c r="G26949" s="1" t="s">
        <v>96415</v>
      </c>
      <c r="H26949" s="1" t="s">
        <v>96416</v>
      </c>
      <c r="I26949" s="1" t="s">
        <v>86055</v>
      </c>
      <c r="J26949" s="1" t="s">
        <v>96485</v>
      </c>
    </row>
    <row r="26950" spans="1:10" x14ac:dyDescent="0.35">
      <c r="A26950" s="1" t="s">
        <v>9186</v>
      </c>
      <c r="B26950" s="1" t="s">
        <v>86049</v>
      </c>
      <c r="C26950" s="1" t="s">
        <v>110</v>
      </c>
      <c r="D26950" s="1" t="s">
        <v>89411</v>
      </c>
      <c r="E26950" s="1" t="s">
        <v>96486</v>
      </c>
      <c r="F26950" s="1" t="s">
        <v>96487</v>
      </c>
      <c r="G26950" s="1" t="s">
        <v>96415</v>
      </c>
      <c r="H26950" s="1" t="s">
        <v>96416</v>
      </c>
      <c r="I26950" s="1" t="s">
        <v>86055</v>
      </c>
      <c r="J26950" s="1" t="s">
        <v>96488</v>
      </c>
    </row>
    <row r="26951" spans="1:10" x14ac:dyDescent="0.35">
      <c r="A26951" s="1" t="s">
        <v>9186</v>
      </c>
      <c r="B26951" s="1" t="s">
        <v>86049</v>
      </c>
      <c r="C26951" s="1" t="s">
        <v>115</v>
      </c>
      <c r="D26951" s="1" t="s">
        <v>96489</v>
      </c>
      <c r="E26951" s="1" t="s">
        <v>96490</v>
      </c>
      <c r="F26951" s="1" t="s">
        <v>96491</v>
      </c>
      <c r="G26951" s="1" t="s">
        <v>96415</v>
      </c>
      <c r="H26951" s="1" t="s">
        <v>96416</v>
      </c>
      <c r="I26951" s="1" t="s">
        <v>86055</v>
      </c>
      <c r="J26951" s="1" t="s">
        <v>96492</v>
      </c>
    </row>
    <row r="26952" spans="1:10" x14ac:dyDescent="0.35">
      <c r="A26952" s="1" t="s">
        <v>9186</v>
      </c>
      <c r="B26952" s="1" t="s">
        <v>86049</v>
      </c>
      <c r="C26952" s="1" t="s">
        <v>120</v>
      </c>
      <c r="D26952" s="1" t="s">
        <v>24703</v>
      </c>
      <c r="E26952" s="1" t="s">
        <v>96493</v>
      </c>
      <c r="F26952" s="1" t="s">
        <v>96494</v>
      </c>
      <c r="G26952" s="1" t="s">
        <v>96415</v>
      </c>
      <c r="H26952" s="1" t="s">
        <v>96416</v>
      </c>
      <c r="I26952" s="1" t="s">
        <v>86055</v>
      </c>
      <c r="J26952" s="1" t="s">
        <v>96495</v>
      </c>
    </row>
    <row r="26953" spans="1:10" x14ac:dyDescent="0.35">
      <c r="A26953" s="1" t="s">
        <v>9186</v>
      </c>
      <c r="B26953" s="1" t="s">
        <v>86049</v>
      </c>
      <c r="C26953" s="1" t="s">
        <v>125</v>
      </c>
      <c r="D26953" s="1" t="s">
        <v>96496</v>
      </c>
      <c r="E26953" s="1" t="s">
        <v>96497</v>
      </c>
      <c r="F26953" s="1" t="s">
        <v>96498</v>
      </c>
      <c r="G26953" s="1" t="s">
        <v>96415</v>
      </c>
      <c r="H26953" s="1" t="s">
        <v>96416</v>
      </c>
      <c r="I26953" s="1" t="s">
        <v>86055</v>
      </c>
      <c r="J26953" s="1" t="s">
        <v>96499</v>
      </c>
    </row>
    <row r="26954" spans="1:10" x14ac:dyDescent="0.35">
      <c r="A26954" s="1" t="s">
        <v>9186</v>
      </c>
      <c r="B26954" s="1" t="s">
        <v>86049</v>
      </c>
      <c r="C26954" s="1" t="s">
        <v>130</v>
      </c>
      <c r="D26954" s="1" t="s">
        <v>96500</v>
      </c>
      <c r="E26954" s="1" t="s">
        <v>96501</v>
      </c>
      <c r="F26954" s="1" t="s">
        <v>96502</v>
      </c>
      <c r="G26954" s="1" t="s">
        <v>96415</v>
      </c>
      <c r="H26954" s="1" t="s">
        <v>96416</v>
      </c>
      <c r="I26954" s="1" t="s">
        <v>86055</v>
      </c>
      <c r="J26954" s="1" t="s">
        <v>96503</v>
      </c>
    </row>
    <row r="26955" spans="1:10" x14ac:dyDescent="0.35">
      <c r="A26955" s="1" t="s">
        <v>9186</v>
      </c>
      <c r="B26955" s="1" t="s">
        <v>86049</v>
      </c>
      <c r="C26955" s="1" t="s">
        <v>135</v>
      </c>
      <c r="D26955" s="1" t="s">
        <v>60797</v>
      </c>
      <c r="E26955" s="1" t="s">
        <v>96504</v>
      </c>
      <c r="F26955" s="1" t="s">
        <v>96505</v>
      </c>
      <c r="G26955" s="1" t="s">
        <v>96415</v>
      </c>
      <c r="H26955" s="1" t="s">
        <v>96416</v>
      </c>
      <c r="I26955" s="1" t="s">
        <v>86055</v>
      </c>
      <c r="J26955" s="1" t="s">
        <v>96506</v>
      </c>
    </row>
    <row r="26956" spans="1:10" x14ac:dyDescent="0.35">
      <c r="A26956" s="1" t="s">
        <v>9186</v>
      </c>
      <c r="B26956" s="1" t="s">
        <v>86049</v>
      </c>
      <c r="C26956" s="1" t="s">
        <v>140</v>
      </c>
      <c r="D26956" s="1" t="s">
        <v>96507</v>
      </c>
      <c r="E26956" s="1" t="s">
        <v>96508</v>
      </c>
      <c r="F26956" s="1" t="s">
        <v>96509</v>
      </c>
      <c r="G26956" s="1" t="s">
        <v>96415</v>
      </c>
      <c r="H26956" s="1" t="s">
        <v>96416</v>
      </c>
      <c r="I26956" s="1" t="s">
        <v>86055</v>
      </c>
      <c r="J26956" s="1" t="s">
        <v>96510</v>
      </c>
    </row>
    <row r="26957" spans="1:10" x14ac:dyDescent="0.35">
      <c r="A26957" s="1" t="s">
        <v>9186</v>
      </c>
      <c r="B26957" s="1" t="s">
        <v>86049</v>
      </c>
      <c r="C26957" s="1" t="s">
        <v>145</v>
      </c>
      <c r="D26957" s="1" t="s">
        <v>96511</v>
      </c>
      <c r="E26957" s="1" t="s">
        <v>96512</v>
      </c>
      <c r="F26957" s="1" t="s">
        <v>96513</v>
      </c>
      <c r="G26957" s="1" t="s">
        <v>96415</v>
      </c>
      <c r="H26957" s="1" t="s">
        <v>96416</v>
      </c>
      <c r="I26957" s="1" t="s">
        <v>86055</v>
      </c>
      <c r="J26957" s="1" t="s">
        <v>96514</v>
      </c>
    </row>
    <row r="26958" spans="1:10" x14ac:dyDescent="0.35">
      <c r="A26958" s="1" t="s">
        <v>9186</v>
      </c>
      <c r="B26958" s="1" t="s">
        <v>86049</v>
      </c>
      <c r="C26958" s="1" t="s">
        <v>150</v>
      </c>
      <c r="D26958" s="1" t="s">
        <v>85845</v>
      </c>
      <c r="E26958" s="1" t="s">
        <v>96515</v>
      </c>
      <c r="F26958" s="1" t="s">
        <v>96516</v>
      </c>
      <c r="G26958" s="1" t="s">
        <v>96415</v>
      </c>
      <c r="H26958" s="1" t="s">
        <v>96416</v>
      </c>
      <c r="I26958" s="1" t="s">
        <v>86055</v>
      </c>
      <c r="J26958" s="1" t="s">
        <v>96517</v>
      </c>
    </row>
    <row r="26959" spans="1:10" x14ac:dyDescent="0.35">
      <c r="A26959" s="1" t="s">
        <v>9186</v>
      </c>
      <c r="B26959" s="1" t="s">
        <v>86049</v>
      </c>
      <c r="C26959" s="1" t="s">
        <v>155</v>
      </c>
      <c r="D26959" s="1" t="s">
        <v>79736</v>
      </c>
      <c r="E26959" s="1" t="s">
        <v>96518</v>
      </c>
      <c r="F26959" s="1" t="s">
        <v>96519</v>
      </c>
      <c r="G26959" s="1" t="s">
        <v>96415</v>
      </c>
      <c r="H26959" s="1" t="s">
        <v>96416</v>
      </c>
      <c r="I26959" s="1" t="s">
        <v>86055</v>
      </c>
      <c r="J26959" s="1" t="s">
        <v>96520</v>
      </c>
    </row>
    <row r="26960" spans="1:10" x14ac:dyDescent="0.35">
      <c r="A26960" s="1" t="s">
        <v>9186</v>
      </c>
      <c r="B26960" s="1" t="s">
        <v>86049</v>
      </c>
      <c r="C26960" s="1" t="s">
        <v>160</v>
      </c>
      <c r="D26960" s="1" t="s">
        <v>96521</v>
      </c>
      <c r="E26960" s="1" t="s">
        <v>96522</v>
      </c>
      <c r="F26960" s="1" t="s">
        <v>96523</v>
      </c>
      <c r="G26960" s="1" t="s">
        <v>96415</v>
      </c>
      <c r="H26960" s="1" t="s">
        <v>96416</v>
      </c>
      <c r="I26960" s="1" t="s">
        <v>86055</v>
      </c>
      <c r="J26960" s="1" t="s">
        <v>96524</v>
      </c>
    </row>
    <row r="26961" spans="1:10" x14ac:dyDescent="0.35">
      <c r="A26961" s="1" t="s">
        <v>9186</v>
      </c>
      <c r="B26961" s="1" t="s">
        <v>86049</v>
      </c>
      <c r="C26961" s="1" t="s">
        <v>165</v>
      </c>
      <c r="D26961" s="1" t="s">
        <v>96525</v>
      </c>
      <c r="E26961" s="1" t="s">
        <v>96526</v>
      </c>
      <c r="F26961" s="1" t="s">
        <v>96527</v>
      </c>
      <c r="G26961" s="1" t="s">
        <v>96415</v>
      </c>
      <c r="H26961" s="1" t="s">
        <v>96416</v>
      </c>
      <c r="I26961" s="1" t="s">
        <v>86055</v>
      </c>
      <c r="J26961" s="1" t="s">
        <v>96528</v>
      </c>
    </row>
    <row r="26962" spans="1:10" x14ac:dyDescent="0.35">
      <c r="A26962" s="1" t="s">
        <v>9186</v>
      </c>
      <c r="B26962" s="1" t="s">
        <v>86049</v>
      </c>
      <c r="C26962" s="1" t="s">
        <v>170</v>
      </c>
      <c r="D26962" s="1" t="s">
        <v>60817</v>
      </c>
      <c r="E26962" s="1" t="s">
        <v>96529</v>
      </c>
      <c r="F26962" s="1" t="s">
        <v>96530</v>
      </c>
      <c r="G26962" s="1" t="s">
        <v>96415</v>
      </c>
      <c r="H26962" s="1" t="s">
        <v>96416</v>
      </c>
      <c r="I26962" s="1" t="s">
        <v>86055</v>
      </c>
      <c r="J26962" s="1" t="s">
        <v>96531</v>
      </c>
    </row>
    <row r="26963" spans="1:10" x14ac:dyDescent="0.35">
      <c r="A26963" s="1" t="s">
        <v>1126</v>
      </c>
      <c r="B26963" s="1" t="s">
        <v>86049</v>
      </c>
      <c r="C26963" s="1" t="s">
        <v>8</v>
      </c>
      <c r="D26963" s="1" t="s">
        <v>96532</v>
      </c>
      <c r="E26963" s="1" t="s">
        <v>32153</v>
      </c>
      <c r="F26963" s="1" t="s">
        <v>66408</v>
      </c>
      <c r="G26963" s="1" t="s">
        <v>96533</v>
      </c>
      <c r="H26963" s="1" t="s">
        <v>96534</v>
      </c>
      <c r="I26963" s="1" t="s">
        <v>86055</v>
      </c>
      <c r="J26963" s="1" t="s">
        <v>13</v>
      </c>
    </row>
    <row r="26964" spans="1:10" x14ac:dyDescent="0.35">
      <c r="A26964" s="1" t="s">
        <v>1126</v>
      </c>
      <c r="B26964" s="1" t="s">
        <v>86049</v>
      </c>
      <c r="C26964" s="1" t="s">
        <v>15</v>
      </c>
      <c r="D26964" s="1" t="s">
        <v>96535</v>
      </c>
      <c r="E26964" s="1" t="s">
        <v>21849</v>
      </c>
      <c r="F26964" s="1" t="s">
        <v>96536</v>
      </c>
      <c r="G26964" s="1" t="s">
        <v>96533</v>
      </c>
      <c r="H26964" s="1" t="s">
        <v>96534</v>
      </c>
      <c r="I26964" s="1" t="s">
        <v>86055</v>
      </c>
      <c r="J26964" s="1" t="s">
        <v>96537</v>
      </c>
    </row>
    <row r="26965" spans="1:10" x14ac:dyDescent="0.35">
      <c r="A26965" s="1" t="s">
        <v>1126</v>
      </c>
      <c r="B26965" s="1" t="s">
        <v>86049</v>
      </c>
      <c r="C26965" s="1" t="s">
        <v>20</v>
      </c>
      <c r="D26965" s="1" t="s">
        <v>96538</v>
      </c>
      <c r="E26965" s="1" t="s">
        <v>96539</v>
      </c>
      <c r="F26965" s="1" t="s">
        <v>96540</v>
      </c>
      <c r="G26965" s="1" t="s">
        <v>96533</v>
      </c>
      <c r="H26965" s="1" t="s">
        <v>96534</v>
      </c>
      <c r="I26965" s="1" t="s">
        <v>86055</v>
      </c>
      <c r="J26965" s="1" t="s">
        <v>96541</v>
      </c>
    </row>
    <row r="26966" spans="1:10" x14ac:dyDescent="0.35">
      <c r="A26966" s="1" t="s">
        <v>1126</v>
      </c>
      <c r="B26966" s="1" t="s">
        <v>86049</v>
      </c>
      <c r="C26966" s="1" t="s">
        <v>25</v>
      </c>
      <c r="D26966" s="1" t="s">
        <v>76519</v>
      </c>
      <c r="E26966" s="1" t="s">
        <v>26202</v>
      </c>
      <c r="F26966" s="1" t="s">
        <v>66856</v>
      </c>
      <c r="G26966" s="1" t="s">
        <v>96533</v>
      </c>
      <c r="H26966" s="1" t="s">
        <v>96534</v>
      </c>
      <c r="I26966" s="1" t="s">
        <v>86055</v>
      </c>
      <c r="J26966" s="1" t="s">
        <v>96542</v>
      </c>
    </row>
    <row r="26967" spans="1:10" x14ac:dyDescent="0.35">
      <c r="A26967" s="1" t="s">
        <v>1126</v>
      </c>
      <c r="B26967" s="1" t="s">
        <v>86049</v>
      </c>
      <c r="C26967" s="1" t="s">
        <v>30</v>
      </c>
      <c r="D26967" s="1" t="s">
        <v>96543</v>
      </c>
      <c r="E26967" s="1" t="s">
        <v>58598</v>
      </c>
      <c r="F26967" s="1" t="s">
        <v>96544</v>
      </c>
      <c r="G26967" s="1" t="s">
        <v>96533</v>
      </c>
      <c r="H26967" s="1" t="s">
        <v>96534</v>
      </c>
      <c r="I26967" s="1" t="s">
        <v>86055</v>
      </c>
      <c r="J26967" s="1" t="s">
        <v>96545</v>
      </c>
    </row>
    <row r="26968" spans="1:10" x14ac:dyDescent="0.35">
      <c r="A26968" s="1" t="s">
        <v>1126</v>
      </c>
      <c r="B26968" s="1" t="s">
        <v>86049</v>
      </c>
      <c r="C26968" s="1" t="s">
        <v>35</v>
      </c>
      <c r="D26968" s="1" t="s">
        <v>96546</v>
      </c>
      <c r="E26968" s="1" t="s">
        <v>27058</v>
      </c>
      <c r="F26968" s="1" t="s">
        <v>96547</v>
      </c>
      <c r="G26968" s="1" t="s">
        <v>96533</v>
      </c>
      <c r="H26968" s="1" t="s">
        <v>96534</v>
      </c>
      <c r="I26968" s="1" t="s">
        <v>86055</v>
      </c>
      <c r="J26968" s="1" t="s">
        <v>96548</v>
      </c>
    </row>
    <row r="26969" spans="1:10" x14ac:dyDescent="0.35">
      <c r="A26969" s="1" t="s">
        <v>1126</v>
      </c>
      <c r="B26969" s="1" t="s">
        <v>86049</v>
      </c>
      <c r="C26969" s="1" t="s">
        <v>40</v>
      </c>
      <c r="D26969" s="1" t="s">
        <v>96549</v>
      </c>
      <c r="E26969" s="1" t="s">
        <v>21925</v>
      </c>
      <c r="F26969" s="1" t="s">
        <v>61813</v>
      </c>
      <c r="G26969" s="1" t="s">
        <v>96533</v>
      </c>
      <c r="H26969" s="1" t="s">
        <v>96534</v>
      </c>
      <c r="I26969" s="1" t="s">
        <v>86055</v>
      </c>
      <c r="J26969" s="1" t="s">
        <v>96550</v>
      </c>
    </row>
    <row r="26970" spans="1:10" x14ac:dyDescent="0.35">
      <c r="A26970" s="1" t="s">
        <v>1126</v>
      </c>
      <c r="B26970" s="1" t="s">
        <v>86049</v>
      </c>
      <c r="C26970" s="1" t="s">
        <v>45</v>
      </c>
      <c r="D26970" s="1" t="s">
        <v>96551</v>
      </c>
      <c r="E26970" s="1" t="s">
        <v>96552</v>
      </c>
      <c r="F26970" s="1" t="s">
        <v>96553</v>
      </c>
      <c r="G26970" s="1" t="s">
        <v>96533</v>
      </c>
      <c r="H26970" s="1" t="s">
        <v>96534</v>
      </c>
      <c r="I26970" s="1" t="s">
        <v>86055</v>
      </c>
      <c r="J26970" s="1" t="s">
        <v>96554</v>
      </c>
    </row>
    <row r="26971" spans="1:10" x14ac:dyDescent="0.35">
      <c r="A26971" s="1" t="s">
        <v>1126</v>
      </c>
      <c r="B26971" s="1" t="s">
        <v>86049</v>
      </c>
      <c r="C26971" s="1" t="s">
        <v>50</v>
      </c>
      <c r="D26971" s="1" t="s">
        <v>64624</v>
      </c>
      <c r="E26971" s="1" t="s">
        <v>64479</v>
      </c>
      <c r="F26971" s="1" t="s">
        <v>96555</v>
      </c>
      <c r="G26971" s="1" t="s">
        <v>96533</v>
      </c>
      <c r="H26971" s="1" t="s">
        <v>96534</v>
      </c>
      <c r="I26971" s="1" t="s">
        <v>86055</v>
      </c>
      <c r="J26971" s="1" t="s">
        <v>96556</v>
      </c>
    </row>
    <row r="26972" spans="1:10" x14ac:dyDescent="0.35">
      <c r="A26972" s="1" t="s">
        <v>1126</v>
      </c>
      <c r="B26972" s="1" t="s">
        <v>86049</v>
      </c>
      <c r="C26972" s="1" t="s">
        <v>55</v>
      </c>
      <c r="D26972" s="1" t="s">
        <v>96557</v>
      </c>
      <c r="E26972" s="1" t="s">
        <v>15899</v>
      </c>
      <c r="F26972" s="1" t="s">
        <v>96558</v>
      </c>
      <c r="G26972" s="1" t="s">
        <v>96533</v>
      </c>
      <c r="H26972" s="1" t="s">
        <v>96534</v>
      </c>
      <c r="I26972" s="1" t="s">
        <v>86055</v>
      </c>
      <c r="J26972" s="1" t="s">
        <v>96559</v>
      </c>
    </row>
    <row r="26973" spans="1:10" x14ac:dyDescent="0.35">
      <c r="A26973" s="1" t="s">
        <v>1126</v>
      </c>
      <c r="B26973" s="1" t="s">
        <v>86049</v>
      </c>
      <c r="C26973" s="1" t="s">
        <v>60</v>
      </c>
      <c r="D26973" s="1" t="s">
        <v>27103</v>
      </c>
      <c r="E26973" s="1" t="s">
        <v>15571</v>
      </c>
      <c r="F26973" s="1" t="s">
        <v>96560</v>
      </c>
      <c r="G26973" s="1" t="s">
        <v>96533</v>
      </c>
      <c r="H26973" s="1" t="s">
        <v>96534</v>
      </c>
      <c r="I26973" s="1" t="s">
        <v>86055</v>
      </c>
      <c r="J26973" s="1" t="s">
        <v>96561</v>
      </c>
    </row>
    <row r="26974" spans="1:10" x14ac:dyDescent="0.35">
      <c r="A26974" s="1" t="s">
        <v>1126</v>
      </c>
      <c r="B26974" s="1" t="s">
        <v>86049</v>
      </c>
      <c r="C26974" s="1" t="s">
        <v>65</v>
      </c>
      <c r="D26974" s="1" t="s">
        <v>41209</v>
      </c>
      <c r="E26974" s="1" t="s">
        <v>32588</v>
      </c>
      <c r="F26974" s="1" t="s">
        <v>96562</v>
      </c>
      <c r="G26974" s="1" t="s">
        <v>96533</v>
      </c>
      <c r="H26974" s="1" t="s">
        <v>96534</v>
      </c>
      <c r="I26974" s="1" t="s">
        <v>86055</v>
      </c>
      <c r="J26974" s="1" t="s">
        <v>96563</v>
      </c>
    </row>
    <row r="26975" spans="1:10" x14ac:dyDescent="0.35">
      <c r="A26975" s="1" t="s">
        <v>1126</v>
      </c>
      <c r="B26975" s="1" t="s">
        <v>86049</v>
      </c>
      <c r="C26975" s="1" t="s">
        <v>70</v>
      </c>
      <c r="D26975" s="1" t="s">
        <v>23877</v>
      </c>
      <c r="E26975" s="1" t="s">
        <v>30615</v>
      </c>
      <c r="F26975" s="1" t="s">
        <v>96564</v>
      </c>
      <c r="G26975" s="1" t="s">
        <v>96533</v>
      </c>
      <c r="H26975" s="1" t="s">
        <v>96534</v>
      </c>
      <c r="I26975" s="1" t="s">
        <v>86055</v>
      </c>
      <c r="J26975" s="1" t="s">
        <v>96565</v>
      </c>
    </row>
    <row r="26976" spans="1:10" x14ac:dyDescent="0.35">
      <c r="A26976" s="1" t="s">
        <v>1126</v>
      </c>
      <c r="B26976" s="1" t="s">
        <v>86049</v>
      </c>
      <c r="C26976" s="1" t="s">
        <v>75</v>
      </c>
      <c r="D26976" s="1" t="s">
        <v>96566</v>
      </c>
      <c r="E26976" s="1" t="s">
        <v>26654</v>
      </c>
      <c r="F26976" s="1" t="s">
        <v>96567</v>
      </c>
      <c r="G26976" s="1" t="s">
        <v>96533</v>
      </c>
      <c r="H26976" s="1" t="s">
        <v>96534</v>
      </c>
      <c r="I26976" s="1" t="s">
        <v>86055</v>
      </c>
      <c r="J26976" s="1" t="s">
        <v>96568</v>
      </c>
    </row>
    <row r="26977" spans="1:10" x14ac:dyDescent="0.35">
      <c r="A26977" s="1" t="s">
        <v>1126</v>
      </c>
      <c r="B26977" s="1" t="s">
        <v>86049</v>
      </c>
      <c r="C26977" s="1" t="s">
        <v>80</v>
      </c>
      <c r="D26977" s="1" t="s">
        <v>96569</v>
      </c>
      <c r="E26977" s="1" t="s">
        <v>60484</v>
      </c>
      <c r="F26977" s="1" t="s">
        <v>96570</v>
      </c>
      <c r="G26977" s="1" t="s">
        <v>96533</v>
      </c>
      <c r="H26977" s="1" t="s">
        <v>96534</v>
      </c>
      <c r="I26977" s="1" t="s">
        <v>86055</v>
      </c>
      <c r="J26977" s="1" t="s">
        <v>96571</v>
      </c>
    </row>
    <row r="26978" spans="1:10" x14ac:dyDescent="0.35">
      <c r="A26978" s="1" t="s">
        <v>1126</v>
      </c>
      <c r="B26978" s="1" t="s">
        <v>86049</v>
      </c>
      <c r="C26978" s="1" t="s">
        <v>85</v>
      </c>
      <c r="D26978" s="1" t="s">
        <v>96572</v>
      </c>
      <c r="E26978" s="1" t="s">
        <v>23505</v>
      </c>
      <c r="F26978" s="1" t="s">
        <v>96573</v>
      </c>
      <c r="G26978" s="1" t="s">
        <v>96533</v>
      </c>
      <c r="H26978" s="1" t="s">
        <v>96534</v>
      </c>
      <c r="I26978" s="1" t="s">
        <v>86055</v>
      </c>
      <c r="J26978" s="1" t="s">
        <v>96574</v>
      </c>
    </row>
    <row r="26979" spans="1:10" x14ac:dyDescent="0.35">
      <c r="A26979" s="1" t="s">
        <v>1126</v>
      </c>
      <c r="B26979" s="1" t="s">
        <v>86049</v>
      </c>
      <c r="C26979" s="1" t="s">
        <v>90</v>
      </c>
      <c r="D26979" s="1" t="s">
        <v>96575</v>
      </c>
      <c r="E26979" s="1" t="s">
        <v>31769</v>
      </c>
      <c r="F26979" s="1" t="s">
        <v>96576</v>
      </c>
      <c r="G26979" s="1" t="s">
        <v>96533</v>
      </c>
      <c r="H26979" s="1" t="s">
        <v>96534</v>
      </c>
      <c r="I26979" s="1" t="s">
        <v>86055</v>
      </c>
      <c r="J26979" s="1" t="s">
        <v>96577</v>
      </c>
    </row>
    <row r="26980" spans="1:10" x14ac:dyDescent="0.35">
      <c r="A26980" s="1" t="s">
        <v>1126</v>
      </c>
      <c r="B26980" s="1" t="s">
        <v>86049</v>
      </c>
      <c r="C26980" s="1" t="s">
        <v>95</v>
      </c>
      <c r="D26980" s="1" t="s">
        <v>96578</v>
      </c>
      <c r="E26980" s="1" t="s">
        <v>26535</v>
      </c>
      <c r="F26980" s="1" t="s">
        <v>96579</v>
      </c>
      <c r="G26980" s="1" t="s">
        <v>96533</v>
      </c>
      <c r="H26980" s="1" t="s">
        <v>96534</v>
      </c>
      <c r="I26980" s="1" t="s">
        <v>86055</v>
      </c>
      <c r="J26980" s="1" t="s">
        <v>96580</v>
      </c>
    </row>
    <row r="26981" spans="1:10" x14ac:dyDescent="0.35">
      <c r="A26981" s="1" t="s">
        <v>1126</v>
      </c>
      <c r="B26981" s="1" t="s">
        <v>86049</v>
      </c>
      <c r="C26981" s="1" t="s">
        <v>100</v>
      </c>
      <c r="D26981" s="1" t="s">
        <v>96581</v>
      </c>
      <c r="E26981" s="1" t="s">
        <v>26586</v>
      </c>
      <c r="F26981" s="1" t="s">
        <v>96582</v>
      </c>
      <c r="G26981" s="1" t="s">
        <v>96533</v>
      </c>
      <c r="H26981" s="1" t="s">
        <v>96534</v>
      </c>
      <c r="I26981" s="1" t="s">
        <v>86055</v>
      </c>
      <c r="J26981" s="1" t="s">
        <v>96583</v>
      </c>
    </row>
    <row r="26982" spans="1:10" x14ac:dyDescent="0.35">
      <c r="A26982" s="1" t="s">
        <v>1126</v>
      </c>
      <c r="B26982" s="1" t="s">
        <v>86049</v>
      </c>
      <c r="C26982" s="1" t="s">
        <v>105</v>
      </c>
      <c r="D26982" s="1" t="s">
        <v>96584</v>
      </c>
      <c r="E26982" s="1" t="s">
        <v>56472</v>
      </c>
      <c r="F26982" s="1" t="s">
        <v>96585</v>
      </c>
      <c r="G26982" s="1" t="s">
        <v>96533</v>
      </c>
      <c r="H26982" s="1" t="s">
        <v>96534</v>
      </c>
      <c r="I26982" s="1" t="s">
        <v>86055</v>
      </c>
      <c r="J26982" s="1" t="s">
        <v>96586</v>
      </c>
    </row>
    <row r="26983" spans="1:10" x14ac:dyDescent="0.35">
      <c r="A26983" s="1" t="s">
        <v>1126</v>
      </c>
      <c r="B26983" s="1" t="s">
        <v>86049</v>
      </c>
      <c r="C26983" s="1" t="s">
        <v>110</v>
      </c>
      <c r="D26983" s="1" t="s">
        <v>96587</v>
      </c>
      <c r="E26983" s="1" t="s">
        <v>56842</v>
      </c>
      <c r="F26983" s="1" t="s">
        <v>96588</v>
      </c>
      <c r="G26983" s="1" t="s">
        <v>96533</v>
      </c>
      <c r="H26983" s="1" t="s">
        <v>96534</v>
      </c>
      <c r="I26983" s="1" t="s">
        <v>86055</v>
      </c>
      <c r="J26983" s="1" t="s">
        <v>96589</v>
      </c>
    </row>
    <row r="26984" spans="1:10" x14ac:dyDescent="0.35">
      <c r="A26984" s="1" t="s">
        <v>1126</v>
      </c>
      <c r="B26984" s="1" t="s">
        <v>86049</v>
      </c>
      <c r="C26984" s="1" t="s">
        <v>115</v>
      </c>
      <c r="D26984" s="1" t="s">
        <v>96590</v>
      </c>
      <c r="E26984" s="1" t="s">
        <v>96591</v>
      </c>
      <c r="F26984" s="1" t="s">
        <v>96592</v>
      </c>
      <c r="G26984" s="1" t="s">
        <v>96533</v>
      </c>
      <c r="H26984" s="1" t="s">
        <v>96534</v>
      </c>
      <c r="I26984" s="1" t="s">
        <v>86055</v>
      </c>
      <c r="J26984" s="1" t="s">
        <v>96593</v>
      </c>
    </row>
    <row r="26985" spans="1:10" x14ac:dyDescent="0.35">
      <c r="A26985" s="1" t="s">
        <v>1126</v>
      </c>
      <c r="B26985" s="1" t="s">
        <v>86049</v>
      </c>
      <c r="C26985" s="1" t="s">
        <v>120</v>
      </c>
      <c r="D26985" s="1" t="s">
        <v>96594</v>
      </c>
      <c r="E26985" s="1" t="s">
        <v>26173</v>
      </c>
      <c r="F26985" s="1" t="s">
        <v>96595</v>
      </c>
      <c r="G26985" s="1" t="s">
        <v>96533</v>
      </c>
      <c r="H26985" s="1" t="s">
        <v>96534</v>
      </c>
      <c r="I26985" s="1" t="s">
        <v>86055</v>
      </c>
      <c r="J26985" s="1" t="s">
        <v>96596</v>
      </c>
    </row>
    <row r="26986" spans="1:10" x14ac:dyDescent="0.35">
      <c r="A26986" s="1" t="s">
        <v>1126</v>
      </c>
      <c r="B26986" s="1" t="s">
        <v>86049</v>
      </c>
      <c r="C26986" s="1" t="s">
        <v>125</v>
      </c>
      <c r="D26986" s="1" t="s">
        <v>96597</v>
      </c>
      <c r="E26986" s="1" t="s">
        <v>54697</v>
      </c>
      <c r="F26986" s="1" t="s">
        <v>96598</v>
      </c>
      <c r="G26986" s="1" t="s">
        <v>96533</v>
      </c>
      <c r="H26986" s="1" t="s">
        <v>96534</v>
      </c>
      <c r="I26986" s="1" t="s">
        <v>86055</v>
      </c>
      <c r="J26986" s="1" t="s">
        <v>96599</v>
      </c>
    </row>
    <row r="26987" spans="1:10" x14ac:dyDescent="0.35">
      <c r="A26987" s="1" t="s">
        <v>1126</v>
      </c>
      <c r="B26987" s="1" t="s">
        <v>86049</v>
      </c>
      <c r="C26987" s="1" t="s">
        <v>130</v>
      </c>
      <c r="D26987" s="1" t="s">
        <v>96600</v>
      </c>
      <c r="E26987" s="1" t="s">
        <v>19956</v>
      </c>
      <c r="F26987" s="1" t="s">
        <v>96601</v>
      </c>
      <c r="G26987" s="1" t="s">
        <v>96533</v>
      </c>
      <c r="H26987" s="1" t="s">
        <v>96534</v>
      </c>
      <c r="I26987" s="1" t="s">
        <v>86055</v>
      </c>
      <c r="J26987" s="1" t="s">
        <v>96602</v>
      </c>
    </row>
    <row r="26988" spans="1:10" x14ac:dyDescent="0.35">
      <c r="A26988" s="1" t="s">
        <v>1126</v>
      </c>
      <c r="B26988" s="1" t="s">
        <v>86049</v>
      </c>
      <c r="C26988" s="1" t="s">
        <v>135</v>
      </c>
      <c r="D26988" s="1" t="s">
        <v>96603</v>
      </c>
      <c r="E26988" s="1" t="s">
        <v>26280</v>
      </c>
      <c r="F26988" s="1" t="s">
        <v>96604</v>
      </c>
      <c r="G26988" s="1" t="s">
        <v>96533</v>
      </c>
      <c r="H26988" s="1" t="s">
        <v>96534</v>
      </c>
      <c r="I26988" s="1" t="s">
        <v>86055</v>
      </c>
      <c r="J26988" s="1" t="s">
        <v>96605</v>
      </c>
    </row>
    <row r="26989" spans="1:10" x14ac:dyDescent="0.35">
      <c r="A26989" s="1" t="s">
        <v>1126</v>
      </c>
      <c r="B26989" s="1" t="s">
        <v>86049</v>
      </c>
      <c r="C26989" s="1" t="s">
        <v>140</v>
      </c>
      <c r="D26989" s="1" t="s">
        <v>96606</v>
      </c>
      <c r="E26989" s="1" t="s">
        <v>96607</v>
      </c>
      <c r="F26989" s="1" t="s">
        <v>96608</v>
      </c>
      <c r="G26989" s="1" t="s">
        <v>96533</v>
      </c>
      <c r="H26989" s="1" t="s">
        <v>96534</v>
      </c>
      <c r="I26989" s="1" t="s">
        <v>86055</v>
      </c>
      <c r="J26989" s="1" t="s">
        <v>96609</v>
      </c>
    </row>
    <row r="26990" spans="1:10" x14ac:dyDescent="0.35">
      <c r="A26990" s="1" t="s">
        <v>1126</v>
      </c>
      <c r="B26990" s="1" t="s">
        <v>86049</v>
      </c>
      <c r="C26990" s="1" t="s">
        <v>145</v>
      </c>
      <c r="D26990" s="1" t="s">
        <v>96610</v>
      </c>
      <c r="E26990" s="1" t="s">
        <v>96611</v>
      </c>
      <c r="F26990" s="1" t="s">
        <v>60626</v>
      </c>
      <c r="G26990" s="1" t="s">
        <v>96533</v>
      </c>
      <c r="H26990" s="1" t="s">
        <v>96534</v>
      </c>
      <c r="I26990" s="1" t="s">
        <v>86055</v>
      </c>
      <c r="J26990" s="1" t="s">
        <v>96612</v>
      </c>
    </row>
    <row r="26991" spans="1:10" x14ac:dyDescent="0.35">
      <c r="A26991" s="1" t="s">
        <v>1126</v>
      </c>
      <c r="B26991" s="1" t="s">
        <v>86049</v>
      </c>
      <c r="C26991" s="1" t="s">
        <v>150</v>
      </c>
      <c r="D26991" s="1" t="s">
        <v>19963</v>
      </c>
      <c r="E26991" s="1" t="s">
        <v>22339</v>
      </c>
      <c r="F26991" s="1" t="s">
        <v>96613</v>
      </c>
      <c r="G26991" s="1" t="s">
        <v>96533</v>
      </c>
      <c r="H26991" s="1" t="s">
        <v>96534</v>
      </c>
      <c r="I26991" s="1" t="s">
        <v>86055</v>
      </c>
      <c r="J26991" s="1" t="s">
        <v>96614</v>
      </c>
    </row>
    <row r="26992" spans="1:10" x14ac:dyDescent="0.35">
      <c r="A26992" s="1" t="s">
        <v>1126</v>
      </c>
      <c r="B26992" s="1" t="s">
        <v>86049</v>
      </c>
      <c r="C26992" s="1" t="s">
        <v>155</v>
      </c>
      <c r="D26992" s="1" t="s">
        <v>96615</v>
      </c>
      <c r="E26992" s="1" t="s">
        <v>96616</v>
      </c>
      <c r="F26992" s="1" t="s">
        <v>96617</v>
      </c>
      <c r="G26992" s="1" t="s">
        <v>96533</v>
      </c>
      <c r="H26992" s="1" t="s">
        <v>96534</v>
      </c>
      <c r="I26992" s="1" t="s">
        <v>86055</v>
      </c>
      <c r="J26992" s="1" t="s">
        <v>96618</v>
      </c>
    </row>
    <row r="26993" spans="1:10" x14ac:dyDescent="0.35">
      <c r="A26993" s="1" t="s">
        <v>1126</v>
      </c>
      <c r="B26993" s="1" t="s">
        <v>86049</v>
      </c>
      <c r="C26993" s="1" t="s">
        <v>160</v>
      </c>
      <c r="D26993" s="1" t="s">
        <v>96619</v>
      </c>
      <c r="E26993" s="1" t="s">
        <v>96620</v>
      </c>
      <c r="F26993" s="1" t="s">
        <v>96621</v>
      </c>
      <c r="G26993" s="1" t="s">
        <v>96533</v>
      </c>
      <c r="H26993" s="1" t="s">
        <v>96534</v>
      </c>
      <c r="I26993" s="1" t="s">
        <v>86055</v>
      </c>
      <c r="J26993" s="1" t="s">
        <v>96622</v>
      </c>
    </row>
    <row r="26994" spans="1:10" x14ac:dyDescent="0.35">
      <c r="A26994" s="1" t="s">
        <v>1126</v>
      </c>
      <c r="B26994" s="1" t="s">
        <v>86049</v>
      </c>
      <c r="C26994" s="1" t="s">
        <v>165</v>
      </c>
      <c r="D26994" s="1" t="s">
        <v>96623</v>
      </c>
      <c r="E26994" s="1" t="s">
        <v>59120</v>
      </c>
      <c r="F26994" s="1" t="s">
        <v>96624</v>
      </c>
      <c r="G26994" s="1" t="s">
        <v>96533</v>
      </c>
      <c r="H26994" s="1" t="s">
        <v>96534</v>
      </c>
      <c r="I26994" s="1" t="s">
        <v>86055</v>
      </c>
      <c r="J26994" s="1" t="s">
        <v>87345</v>
      </c>
    </row>
    <row r="26995" spans="1:10" x14ac:dyDescent="0.35">
      <c r="A26995" s="1" t="s">
        <v>1126</v>
      </c>
      <c r="B26995" s="1" t="s">
        <v>86049</v>
      </c>
      <c r="C26995" s="1" t="s">
        <v>170</v>
      </c>
      <c r="D26995" s="1" t="s">
        <v>90381</v>
      </c>
      <c r="E26995" s="1" t="s">
        <v>96625</v>
      </c>
      <c r="F26995" s="1" t="s">
        <v>70865</v>
      </c>
      <c r="G26995" s="1" t="s">
        <v>96533</v>
      </c>
      <c r="H26995" s="1" t="s">
        <v>96534</v>
      </c>
      <c r="I26995" s="1" t="s">
        <v>86055</v>
      </c>
      <c r="J26995" s="1" t="s">
        <v>96626</v>
      </c>
    </row>
    <row r="26996" spans="1:10" x14ac:dyDescent="0.35">
      <c r="A26996" s="1" t="s">
        <v>51067</v>
      </c>
      <c r="B26996" s="1" t="s">
        <v>96627</v>
      </c>
      <c r="C26996" s="1" t="s">
        <v>8</v>
      </c>
      <c r="D26996" s="1" t="s">
        <v>87931</v>
      </c>
      <c r="E26996" s="1" t="s">
        <v>96628</v>
      </c>
      <c r="F26996" s="1" t="s">
        <v>96629</v>
      </c>
      <c r="G26996" s="1" t="s">
        <v>96630</v>
      </c>
      <c r="H26996" s="1" t="s">
        <v>96631</v>
      </c>
      <c r="I26996" s="1" t="s">
        <v>96632</v>
      </c>
      <c r="J26996" s="1" t="s">
        <v>13</v>
      </c>
    </row>
    <row r="26997" spans="1:10" x14ac:dyDescent="0.35">
      <c r="A26997" s="1" t="s">
        <v>51067</v>
      </c>
      <c r="B26997" s="1" t="s">
        <v>96627</v>
      </c>
      <c r="C26997" s="1" t="s">
        <v>15</v>
      </c>
      <c r="D26997" s="1" t="s">
        <v>24380</v>
      </c>
      <c r="E26997" s="1" t="s">
        <v>96633</v>
      </c>
      <c r="F26997" s="1" t="s">
        <v>96634</v>
      </c>
      <c r="G26997" s="1" t="s">
        <v>96630</v>
      </c>
      <c r="H26997" s="1" t="s">
        <v>96631</v>
      </c>
      <c r="I26997" s="1" t="s">
        <v>96632</v>
      </c>
      <c r="J26997" s="1" t="s">
        <v>96635</v>
      </c>
    </row>
    <row r="26998" spans="1:10" x14ac:dyDescent="0.35">
      <c r="A26998" s="1" t="s">
        <v>51067</v>
      </c>
      <c r="B26998" s="1" t="s">
        <v>96627</v>
      </c>
      <c r="C26998" s="1" t="s">
        <v>20</v>
      </c>
      <c r="D26998" s="1" t="s">
        <v>68444</v>
      </c>
      <c r="E26998" s="1" t="s">
        <v>96636</v>
      </c>
      <c r="F26998" s="1" t="s">
        <v>96637</v>
      </c>
      <c r="G26998" s="1" t="s">
        <v>96630</v>
      </c>
      <c r="H26998" s="1" t="s">
        <v>96631</v>
      </c>
      <c r="I26998" s="1" t="s">
        <v>96632</v>
      </c>
      <c r="J26998" s="1" t="s">
        <v>96638</v>
      </c>
    </row>
    <row r="26999" spans="1:10" x14ac:dyDescent="0.35">
      <c r="A26999" s="1" t="s">
        <v>51067</v>
      </c>
      <c r="B26999" s="1" t="s">
        <v>96627</v>
      </c>
      <c r="C26999" s="1" t="s">
        <v>25</v>
      </c>
      <c r="D26999" s="1" t="s">
        <v>96639</v>
      </c>
      <c r="E26999" s="1" t="s">
        <v>96640</v>
      </c>
      <c r="F26999" s="1" t="s">
        <v>96641</v>
      </c>
      <c r="G26999" s="1" t="s">
        <v>96630</v>
      </c>
      <c r="H26999" s="1" t="s">
        <v>96631</v>
      </c>
      <c r="I26999" s="1" t="s">
        <v>96632</v>
      </c>
      <c r="J26999" s="1" t="s">
        <v>96642</v>
      </c>
    </row>
    <row r="27000" spans="1:10" x14ac:dyDescent="0.35">
      <c r="A27000" s="1" t="s">
        <v>51067</v>
      </c>
      <c r="B27000" s="1" t="s">
        <v>96627</v>
      </c>
      <c r="C27000" s="1" t="s">
        <v>30</v>
      </c>
      <c r="D27000" s="1" t="s">
        <v>96643</v>
      </c>
      <c r="E27000" s="1" t="s">
        <v>96644</v>
      </c>
      <c r="F27000" s="1" t="s">
        <v>96645</v>
      </c>
      <c r="G27000" s="1" t="s">
        <v>96630</v>
      </c>
      <c r="H27000" s="1" t="s">
        <v>96631</v>
      </c>
      <c r="I27000" s="1" t="s">
        <v>96632</v>
      </c>
      <c r="J27000" s="1" t="s">
        <v>96646</v>
      </c>
    </row>
    <row r="27001" spans="1:10" x14ac:dyDescent="0.35">
      <c r="A27001" s="1" t="s">
        <v>51067</v>
      </c>
      <c r="B27001" s="1" t="s">
        <v>96627</v>
      </c>
      <c r="C27001" s="1" t="s">
        <v>35</v>
      </c>
      <c r="D27001" s="1" t="s">
        <v>96647</v>
      </c>
      <c r="E27001" s="1" t="s">
        <v>96648</v>
      </c>
      <c r="F27001" s="1" t="s">
        <v>96649</v>
      </c>
      <c r="G27001" s="1" t="s">
        <v>96630</v>
      </c>
      <c r="H27001" s="1" t="s">
        <v>96631</v>
      </c>
      <c r="I27001" s="1" t="s">
        <v>96632</v>
      </c>
      <c r="J27001" s="1" t="s">
        <v>96650</v>
      </c>
    </row>
    <row r="27002" spans="1:10" x14ac:dyDescent="0.35">
      <c r="A27002" s="1" t="s">
        <v>51067</v>
      </c>
      <c r="B27002" s="1" t="s">
        <v>96627</v>
      </c>
      <c r="C27002" s="1" t="s">
        <v>40</v>
      </c>
      <c r="D27002" s="1" t="s">
        <v>96651</v>
      </c>
      <c r="E27002" s="1" t="s">
        <v>96652</v>
      </c>
      <c r="F27002" s="1" t="s">
        <v>96653</v>
      </c>
      <c r="G27002" s="1" t="s">
        <v>96630</v>
      </c>
      <c r="H27002" s="1" t="s">
        <v>96631</v>
      </c>
      <c r="I27002" s="1" t="s">
        <v>96632</v>
      </c>
      <c r="J27002" s="1" t="s">
        <v>96654</v>
      </c>
    </row>
    <row r="27003" spans="1:10" x14ac:dyDescent="0.35">
      <c r="A27003" s="1" t="s">
        <v>51067</v>
      </c>
      <c r="B27003" s="1" t="s">
        <v>96627</v>
      </c>
      <c r="C27003" s="1" t="s">
        <v>45</v>
      </c>
      <c r="D27003" s="1" t="s">
        <v>62712</v>
      </c>
      <c r="E27003" s="1" t="s">
        <v>96655</v>
      </c>
      <c r="F27003" s="1" t="s">
        <v>96656</v>
      </c>
      <c r="G27003" s="1" t="s">
        <v>96630</v>
      </c>
      <c r="H27003" s="1" t="s">
        <v>96631</v>
      </c>
      <c r="I27003" s="1" t="s">
        <v>96632</v>
      </c>
      <c r="J27003" s="1" t="s">
        <v>96657</v>
      </c>
    </row>
    <row r="27004" spans="1:10" x14ac:dyDescent="0.35">
      <c r="A27004" s="1" t="s">
        <v>51067</v>
      </c>
      <c r="B27004" s="1" t="s">
        <v>96627</v>
      </c>
      <c r="C27004" s="1" t="s">
        <v>50</v>
      </c>
      <c r="D27004" s="1" t="s">
        <v>8205</v>
      </c>
      <c r="E27004" s="1" t="s">
        <v>96658</v>
      </c>
      <c r="F27004" s="1" t="s">
        <v>96659</v>
      </c>
      <c r="G27004" s="1" t="s">
        <v>96630</v>
      </c>
      <c r="H27004" s="1" t="s">
        <v>96631</v>
      </c>
      <c r="I27004" s="1" t="s">
        <v>96632</v>
      </c>
      <c r="J27004" s="1" t="s">
        <v>96660</v>
      </c>
    </row>
    <row r="27005" spans="1:10" x14ac:dyDescent="0.35">
      <c r="A27005" s="1" t="s">
        <v>51067</v>
      </c>
      <c r="B27005" s="1" t="s">
        <v>96627</v>
      </c>
      <c r="C27005" s="1" t="s">
        <v>55</v>
      </c>
      <c r="D27005" s="1" t="s">
        <v>96661</v>
      </c>
      <c r="E27005" s="1" t="s">
        <v>96662</v>
      </c>
      <c r="F27005" s="1" t="s">
        <v>96663</v>
      </c>
      <c r="G27005" s="1" t="s">
        <v>96630</v>
      </c>
      <c r="H27005" s="1" t="s">
        <v>96631</v>
      </c>
      <c r="I27005" s="1" t="s">
        <v>96632</v>
      </c>
      <c r="J27005" s="1" t="s">
        <v>96664</v>
      </c>
    </row>
    <row r="27006" spans="1:10" x14ac:dyDescent="0.35">
      <c r="A27006" s="1" t="s">
        <v>51067</v>
      </c>
      <c r="B27006" s="1" t="s">
        <v>96627</v>
      </c>
      <c r="C27006" s="1" t="s">
        <v>60</v>
      </c>
      <c r="D27006" s="1" t="s">
        <v>96665</v>
      </c>
      <c r="E27006" s="1" t="s">
        <v>96666</v>
      </c>
      <c r="F27006" s="1" t="s">
        <v>96667</v>
      </c>
      <c r="G27006" s="1" t="s">
        <v>96630</v>
      </c>
      <c r="H27006" s="1" t="s">
        <v>96631</v>
      </c>
      <c r="I27006" s="1" t="s">
        <v>96632</v>
      </c>
      <c r="J27006" s="1" t="s">
        <v>96668</v>
      </c>
    </row>
    <row r="27007" spans="1:10" x14ac:dyDescent="0.35">
      <c r="A27007" s="1" t="s">
        <v>51067</v>
      </c>
      <c r="B27007" s="1" t="s">
        <v>96627</v>
      </c>
      <c r="C27007" s="1" t="s">
        <v>65</v>
      </c>
      <c r="D27007" s="1" t="s">
        <v>26197</v>
      </c>
      <c r="E27007" s="1" t="s">
        <v>96669</v>
      </c>
      <c r="F27007" s="1" t="s">
        <v>96670</v>
      </c>
      <c r="G27007" s="1" t="s">
        <v>96630</v>
      </c>
      <c r="H27007" s="1" t="s">
        <v>96631</v>
      </c>
      <c r="I27007" s="1" t="s">
        <v>96632</v>
      </c>
      <c r="J27007" s="1" t="s">
        <v>96671</v>
      </c>
    </row>
    <row r="27008" spans="1:10" x14ac:dyDescent="0.35">
      <c r="A27008" s="1" t="s">
        <v>51067</v>
      </c>
      <c r="B27008" s="1" t="s">
        <v>96627</v>
      </c>
      <c r="C27008" s="1" t="s">
        <v>70</v>
      </c>
      <c r="D27008" s="1" t="s">
        <v>62741</v>
      </c>
      <c r="E27008" s="1" t="s">
        <v>96672</v>
      </c>
      <c r="F27008" s="1" t="s">
        <v>96673</v>
      </c>
      <c r="G27008" s="1" t="s">
        <v>96630</v>
      </c>
      <c r="H27008" s="1" t="s">
        <v>96631</v>
      </c>
      <c r="I27008" s="1" t="s">
        <v>96632</v>
      </c>
      <c r="J27008" s="1" t="s">
        <v>96674</v>
      </c>
    </row>
    <row r="27009" spans="1:10" x14ac:dyDescent="0.35">
      <c r="A27009" s="1" t="s">
        <v>51067</v>
      </c>
      <c r="B27009" s="1" t="s">
        <v>96627</v>
      </c>
      <c r="C27009" s="1" t="s">
        <v>75</v>
      </c>
      <c r="D27009" s="1" t="s">
        <v>96675</v>
      </c>
      <c r="E27009" s="1" t="s">
        <v>96676</v>
      </c>
      <c r="F27009" s="1" t="s">
        <v>96677</v>
      </c>
      <c r="G27009" s="1" t="s">
        <v>96630</v>
      </c>
      <c r="H27009" s="1" t="s">
        <v>96631</v>
      </c>
      <c r="I27009" s="1" t="s">
        <v>96632</v>
      </c>
      <c r="J27009" s="1" t="s">
        <v>96678</v>
      </c>
    </row>
    <row r="27010" spans="1:10" x14ac:dyDescent="0.35">
      <c r="A27010" s="1" t="s">
        <v>51067</v>
      </c>
      <c r="B27010" s="1" t="s">
        <v>96627</v>
      </c>
      <c r="C27010" s="1" t="s">
        <v>80</v>
      </c>
      <c r="D27010" s="1" t="s">
        <v>96679</v>
      </c>
      <c r="E27010" s="1" t="s">
        <v>96680</v>
      </c>
      <c r="F27010" s="1" t="s">
        <v>96681</v>
      </c>
      <c r="G27010" s="1" t="s">
        <v>96630</v>
      </c>
      <c r="H27010" s="1" t="s">
        <v>96631</v>
      </c>
      <c r="I27010" s="1" t="s">
        <v>96632</v>
      </c>
      <c r="J27010" s="1" t="s">
        <v>96682</v>
      </c>
    </row>
    <row r="27011" spans="1:10" x14ac:dyDescent="0.35">
      <c r="A27011" s="1" t="s">
        <v>51067</v>
      </c>
      <c r="B27011" s="1" t="s">
        <v>96627</v>
      </c>
      <c r="C27011" s="1" t="s">
        <v>85</v>
      </c>
      <c r="D27011" s="1" t="s">
        <v>96683</v>
      </c>
      <c r="E27011" s="1" t="s">
        <v>96684</v>
      </c>
      <c r="F27011" s="1" t="s">
        <v>96685</v>
      </c>
      <c r="G27011" s="1" t="s">
        <v>96630</v>
      </c>
      <c r="H27011" s="1" t="s">
        <v>96631</v>
      </c>
      <c r="I27011" s="1" t="s">
        <v>96632</v>
      </c>
      <c r="J27011" s="1" t="s">
        <v>96686</v>
      </c>
    </row>
    <row r="27012" spans="1:10" x14ac:dyDescent="0.35">
      <c r="A27012" s="1" t="s">
        <v>51067</v>
      </c>
      <c r="B27012" s="1" t="s">
        <v>96627</v>
      </c>
      <c r="C27012" s="1" t="s">
        <v>90</v>
      </c>
      <c r="D27012" s="1" t="s">
        <v>96687</v>
      </c>
      <c r="E27012" s="1" t="s">
        <v>96688</v>
      </c>
      <c r="F27012" s="1" t="s">
        <v>96689</v>
      </c>
      <c r="G27012" s="1" t="s">
        <v>96630</v>
      </c>
      <c r="H27012" s="1" t="s">
        <v>96631</v>
      </c>
      <c r="I27012" s="1" t="s">
        <v>96632</v>
      </c>
      <c r="J27012" s="1" t="s">
        <v>96690</v>
      </c>
    </row>
    <row r="27013" spans="1:10" x14ac:dyDescent="0.35">
      <c r="A27013" s="1" t="s">
        <v>51067</v>
      </c>
      <c r="B27013" s="1" t="s">
        <v>96627</v>
      </c>
      <c r="C27013" s="1" t="s">
        <v>95</v>
      </c>
      <c r="D27013" s="1" t="s">
        <v>96691</v>
      </c>
      <c r="E27013" s="1" t="s">
        <v>96692</v>
      </c>
      <c r="F27013" s="1" t="s">
        <v>96693</v>
      </c>
      <c r="G27013" s="1" t="s">
        <v>96630</v>
      </c>
      <c r="H27013" s="1" t="s">
        <v>96631</v>
      </c>
      <c r="I27013" s="1" t="s">
        <v>96632</v>
      </c>
      <c r="J27013" s="1" t="s">
        <v>96694</v>
      </c>
    </row>
    <row r="27014" spans="1:10" x14ac:dyDescent="0.35">
      <c r="A27014" s="1" t="s">
        <v>51067</v>
      </c>
      <c r="B27014" s="1" t="s">
        <v>96627</v>
      </c>
      <c r="C27014" s="1" t="s">
        <v>100</v>
      </c>
      <c r="D27014" s="1" t="s">
        <v>84192</v>
      </c>
      <c r="E27014" s="1" t="s">
        <v>96695</v>
      </c>
      <c r="F27014" s="1" t="s">
        <v>96696</v>
      </c>
      <c r="G27014" s="1" t="s">
        <v>96630</v>
      </c>
      <c r="H27014" s="1" t="s">
        <v>96631</v>
      </c>
      <c r="I27014" s="1" t="s">
        <v>96632</v>
      </c>
      <c r="J27014" s="1" t="s">
        <v>96697</v>
      </c>
    </row>
    <row r="27015" spans="1:10" x14ac:dyDescent="0.35">
      <c r="A27015" s="1" t="s">
        <v>51067</v>
      </c>
      <c r="B27015" s="1" t="s">
        <v>96627</v>
      </c>
      <c r="C27015" s="1" t="s">
        <v>105</v>
      </c>
      <c r="D27015" s="1" t="s">
        <v>96698</v>
      </c>
      <c r="E27015" s="1" t="s">
        <v>96699</v>
      </c>
      <c r="F27015" s="1" t="s">
        <v>96700</v>
      </c>
      <c r="G27015" s="1" t="s">
        <v>96630</v>
      </c>
      <c r="H27015" s="1" t="s">
        <v>96631</v>
      </c>
      <c r="I27015" s="1" t="s">
        <v>96632</v>
      </c>
      <c r="J27015" s="1" t="s">
        <v>96701</v>
      </c>
    </row>
    <row r="27016" spans="1:10" x14ac:dyDescent="0.35">
      <c r="A27016" s="1" t="s">
        <v>51067</v>
      </c>
      <c r="B27016" s="1" t="s">
        <v>96627</v>
      </c>
      <c r="C27016" s="1" t="s">
        <v>110</v>
      </c>
      <c r="D27016" s="1" t="s">
        <v>96702</v>
      </c>
      <c r="E27016" s="1" t="s">
        <v>96703</v>
      </c>
      <c r="F27016" s="1" t="s">
        <v>96704</v>
      </c>
      <c r="G27016" s="1" t="s">
        <v>96630</v>
      </c>
      <c r="H27016" s="1" t="s">
        <v>96631</v>
      </c>
      <c r="I27016" s="1" t="s">
        <v>96632</v>
      </c>
      <c r="J27016" s="1" t="s">
        <v>96705</v>
      </c>
    </row>
    <row r="27017" spans="1:10" x14ac:dyDescent="0.35">
      <c r="A27017" s="1" t="s">
        <v>51067</v>
      </c>
      <c r="B27017" s="1" t="s">
        <v>96627</v>
      </c>
      <c r="C27017" s="1" t="s">
        <v>115</v>
      </c>
      <c r="D27017" s="1" t="s">
        <v>96706</v>
      </c>
      <c r="E27017" s="1" t="s">
        <v>96707</v>
      </c>
      <c r="F27017" s="1" t="s">
        <v>96708</v>
      </c>
      <c r="G27017" s="1" t="s">
        <v>96630</v>
      </c>
      <c r="H27017" s="1" t="s">
        <v>96631</v>
      </c>
      <c r="I27017" s="1" t="s">
        <v>96632</v>
      </c>
      <c r="J27017" s="1" t="s">
        <v>96709</v>
      </c>
    </row>
    <row r="27018" spans="1:10" x14ac:dyDescent="0.35">
      <c r="A27018" s="1" t="s">
        <v>51067</v>
      </c>
      <c r="B27018" s="1" t="s">
        <v>96627</v>
      </c>
      <c r="C27018" s="1" t="s">
        <v>120</v>
      </c>
      <c r="D27018" s="1" t="s">
        <v>96710</v>
      </c>
      <c r="E27018" s="1" t="s">
        <v>96711</v>
      </c>
      <c r="F27018" s="1" t="s">
        <v>96712</v>
      </c>
      <c r="G27018" s="1" t="s">
        <v>96630</v>
      </c>
      <c r="H27018" s="1" t="s">
        <v>96631</v>
      </c>
      <c r="I27018" s="1" t="s">
        <v>96632</v>
      </c>
      <c r="J27018" s="1" t="s">
        <v>96713</v>
      </c>
    </row>
    <row r="27019" spans="1:10" x14ac:dyDescent="0.35">
      <c r="A27019" s="1" t="s">
        <v>51067</v>
      </c>
      <c r="B27019" s="1" t="s">
        <v>96627</v>
      </c>
      <c r="C27019" s="1" t="s">
        <v>125</v>
      </c>
      <c r="D27019" s="1" t="s">
        <v>96714</v>
      </c>
      <c r="E27019" s="1" t="s">
        <v>96715</v>
      </c>
      <c r="F27019" s="1" t="s">
        <v>96716</v>
      </c>
      <c r="G27019" s="1" t="s">
        <v>96630</v>
      </c>
      <c r="H27019" s="1" t="s">
        <v>96631</v>
      </c>
      <c r="I27019" s="1" t="s">
        <v>96632</v>
      </c>
      <c r="J27019" s="1" t="s">
        <v>96717</v>
      </c>
    </row>
    <row r="27020" spans="1:10" x14ac:dyDescent="0.35">
      <c r="A27020" s="1" t="s">
        <v>51067</v>
      </c>
      <c r="B27020" s="1" t="s">
        <v>96627</v>
      </c>
      <c r="C27020" s="1" t="s">
        <v>130</v>
      </c>
      <c r="D27020" s="1" t="s">
        <v>96718</v>
      </c>
      <c r="E27020" s="1" t="s">
        <v>96719</v>
      </c>
      <c r="F27020" s="1" t="s">
        <v>96720</v>
      </c>
      <c r="G27020" s="1" t="s">
        <v>96630</v>
      </c>
      <c r="H27020" s="1" t="s">
        <v>96631</v>
      </c>
      <c r="I27020" s="1" t="s">
        <v>96632</v>
      </c>
      <c r="J27020" s="1" t="s">
        <v>96721</v>
      </c>
    </row>
    <row r="27021" spans="1:10" x14ac:dyDescent="0.35">
      <c r="A27021" s="1" t="s">
        <v>51067</v>
      </c>
      <c r="B27021" s="1" t="s">
        <v>96627</v>
      </c>
      <c r="C27021" s="1" t="s">
        <v>135</v>
      </c>
      <c r="D27021" s="1" t="s">
        <v>96722</v>
      </c>
      <c r="E27021" s="1" t="s">
        <v>96723</v>
      </c>
      <c r="F27021" s="1" t="s">
        <v>96724</v>
      </c>
      <c r="G27021" s="1" t="s">
        <v>96630</v>
      </c>
      <c r="H27021" s="1" t="s">
        <v>96631</v>
      </c>
      <c r="I27021" s="1" t="s">
        <v>96632</v>
      </c>
      <c r="J27021" s="1" t="s">
        <v>96725</v>
      </c>
    </row>
    <row r="27022" spans="1:10" x14ac:dyDescent="0.35">
      <c r="A27022" s="1" t="s">
        <v>51067</v>
      </c>
      <c r="B27022" s="1" t="s">
        <v>96627</v>
      </c>
      <c r="C27022" s="1" t="s">
        <v>140</v>
      </c>
      <c r="D27022" s="1" t="s">
        <v>96726</v>
      </c>
      <c r="E27022" s="1" t="s">
        <v>96727</v>
      </c>
      <c r="F27022" s="1" t="s">
        <v>96728</v>
      </c>
      <c r="G27022" s="1" t="s">
        <v>96630</v>
      </c>
      <c r="H27022" s="1" t="s">
        <v>96631</v>
      </c>
      <c r="I27022" s="1" t="s">
        <v>96632</v>
      </c>
      <c r="J27022" s="1" t="s">
        <v>96729</v>
      </c>
    </row>
    <row r="27023" spans="1:10" x14ac:dyDescent="0.35">
      <c r="A27023" s="1" t="s">
        <v>51067</v>
      </c>
      <c r="B27023" s="1" t="s">
        <v>96627</v>
      </c>
      <c r="C27023" s="1" t="s">
        <v>145</v>
      </c>
      <c r="D27023" s="1" t="s">
        <v>96730</v>
      </c>
      <c r="E27023" s="1" t="s">
        <v>96731</v>
      </c>
      <c r="F27023" s="1" t="s">
        <v>96732</v>
      </c>
      <c r="G27023" s="1" t="s">
        <v>96630</v>
      </c>
      <c r="H27023" s="1" t="s">
        <v>96631</v>
      </c>
      <c r="I27023" s="1" t="s">
        <v>96632</v>
      </c>
      <c r="J27023" s="1" t="s">
        <v>96733</v>
      </c>
    </row>
    <row r="27024" spans="1:10" x14ac:dyDescent="0.35">
      <c r="A27024" s="1" t="s">
        <v>51067</v>
      </c>
      <c r="B27024" s="1" t="s">
        <v>96627</v>
      </c>
      <c r="C27024" s="1" t="s">
        <v>150</v>
      </c>
      <c r="D27024" s="1" t="s">
        <v>96734</v>
      </c>
      <c r="E27024" s="1" t="s">
        <v>96735</v>
      </c>
      <c r="F27024" s="1" t="s">
        <v>96736</v>
      </c>
      <c r="G27024" s="1" t="s">
        <v>96630</v>
      </c>
      <c r="H27024" s="1" t="s">
        <v>96631</v>
      </c>
      <c r="I27024" s="1" t="s">
        <v>96632</v>
      </c>
      <c r="J27024" s="1" t="s">
        <v>96737</v>
      </c>
    </row>
    <row r="27025" spans="1:10" x14ac:dyDescent="0.35">
      <c r="A27025" s="1" t="s">
        <v>51067</v>
      </c>
      <c r="B27025" s="1" t="s">
        <v>96627</v>
      </c>
      <c r="C27025" s="1" t="s">
        <v>155</v>
      </c>
      <c r="D27025" s="1" t="s">
        <v>96738</v>
      </c>
      <c r="E27025" s="1" t="s">
        <v>96739</v>
      </c>
      <c r="F27025" s="1" t="s">
        <v>96740</v>
      </c>
      <c r="G27025" s="1" t="s">
        <v>96630</v>
      </c>
      <c r="H27025" s="1" t="s">
        <v>96631</v>
      </c>
      <c r="I27025" s="1" t="s">
        <v>96632</v>
      </c>
      <c r="J27025" s="1" t="s">
        <v>96741</v>
      </c>
    </row>
    <row r="27026" spans="1:10" x14ac:dyDescent="0.35">
      <c r="A27026" s="1" t="s">
        <v>51067</v>
      </c>
      <c r="B27026" s="1" t="s">
        <v>96627</v>
      </c>
      <c r="C27026" s="1" t="s">
        <v>160</v>
      </c>
      <c r="D27026" s="1" t="s">
        <v>96742</v>
      </c>
      <c r="E27026" s="1" t="s">
        <v>96743</v>
      </c>
      <c r="F27026" s="1" t="s">
        <v>96744</v>
      </c>
      <c r="G27026" s="1" t="s">
        <v>96630</v>
      </c>
      <c r="H27026" s="1" t="s">
        <v>96631</v>
      </c>
      <c r="I27026" s="1" t="s">
        <v>96632</v>
      </c>
      <c r="J27026" s="1" t="s">
        <v>96745</v>
      </c>
    </row>
    <row r="27027" spans="1:10" x14ac:dyDescent="0.35">
      <c r="A27027" s="1" t="s">
        <v>51067</v>
      </c>
      <c r="B27027" s="1" t="s">
        <v>96627</v>
      </c>
      <c r="C27027" s="1" t="s">
        <v>165</v>
      </c>
      <c r="D27027" s="1" t="s">
        <v>96746</v>
      </c>
      <c r="E27027" s="1" t="s">
        <v>96747</v>
      </c>
      <c r="F27027" s="1" t="s">
        <v>96748</v>
      </c>
      <c r="G27027" s="1" t="s">
        <v>96630</v>
      </c>
      <c r="H27027" s="1" t="s">
        <v>96631</v>
      </c>
      <c r="I27027" s="1" t="s">
        <v>96632</v>
      </c>
      <c r="J27027" s="1" t="s">
        <v>96749</v>
      </c>
    </row>
    <row r="27028" spans="1:10" x14ac:dyDescent="0.35">
      <c r="A27028" s="1" t="s">
        <v>51067</v>
      </c>
      <c r="B27028" s="1" t="s">
        <v>96627</v>
      </c>
      <c r="C27028" s="1" t="s">
        <v>170</v>
      </c>
      <c r="D27028" s="1" t="s">
        <v>96750</v>
      </c>
      <c r="E27028" s="1" t="s">
        <v>96751</v>
      </c>
      <c r="F27028" s="1" t="s">
        <v>96752</v>
      </c>
      <c r="G27028" s="1" t="s">
        <v>96630</v>
      </c>
      <c r="H27028" s="1" t="s">
        <v>96631</v>
      </c>
      <c r="I27028" s="1" t="s">
        <v>96632</v>
      </c>
      <c r="J27028" s="1" t="s">
        <v>96753</v>
      </c>
    </row>
    <row r="27029" spans="1:10" x14ac:dyDescent="0.35">
      <c r="A27029" s="1" t="s">
        <v>96754</v>
      </c>
      <c r="B27029" s="1" t="s">
        <v>96627</v>
      </c>
      <c r="C27029" s="1" t="s">
        <v>8</v>
      </c>
      <c r="D27029" s="1" t="s">
        <v>23412</v>
      </c>
      <c r="E27029" s="1" t="s">
        <v>96755</v>
      </c>
      <c r="F27029" s="1" t="s">
        <v>96756</v>
      </c>
      <c r="G27029" s="1" t="s">
        <v>96757</v>
      </c>
      <c r="H27029" s="1" t="s">
        <v>96758</v>
      </c>
      <c r="I27029" s="1" t="s">
        <v>96632</v>
      </c>
      <c r="J27029" s="1" t="s">
        <v>13</v>
      </c>
    </row>
    <row r="27030" spans="1:10" x14ac:dyDescent="0.35">
      <c r="A27030" s="1" t="s">
        <v>96754</v>
      </c>
      <c r="B27030" s="1" t="s">
        <v>96627</v>
      </c>
      <c r="C27030" s="1" t="s">
        <v>15</v>
      </c>
      <c r="D27030" s="1" t="s">
        <v>83869</v>
      </c>
      <c r="E27030" s="1" t="s">
        <v>96759</v>
      </c>
      <c r="F27030" s="1" t="s">
        <v>96760</v>
      </c>
      <c r="G27030" s="1" t="s">
        <v>96757</v>
      </c>
      <c r="H27030" s="1" t="s">
        <v>96758</v>
      </c>
      <c r="I27030" s="1" t="s">
        <v>96632</v>
      </c>
      <c r="J27030" s="1" t="s">
        <v>96761</v>
      </c>
    </row>
    <row r="27031" spans="1:10" x14ac:dyDescent="0.35">
      <c r="A27031" s="1" t="s">
        <v>96754</v>
      </c>
      <c r="B27031" s="1" t="s">
        <v>96627</v>
      </c>
      <c r="C27031" s="1" t="s">
        <v>20</v>
      </c>
      <c r="D27031" s="1" t="s">
        <v>96762</v>
      </c>
      <c r="E27031" s="1" t="s">
        <v>96763</v>
      </c>
      <c r="F27031" s="1" t="s">
        <v>96764</v>
      </c>
      <c r="G27031" s="1" t="s">
        <v>96757</v>
      </c>
      <c r="H27031" s="1" t="s">
        <v>96758</v>
      </c>
      <c r="I27031" s="1" t="s">
        <v>96632</v>
      </c>
      <c r="J27031" s="1" t="s">
        <v>96765</v>
      </c>
    </row>
    <row r="27032" spans="1:10" x14ac:dyDescent="0.35">
      <c r="A27032" s="1" t="s">
        <v>96754</v>
      </c>
      <c r="B27032" s="1" t="s">
        <v>96627</v>
      </c>
      <c r="C27032" s="1" t="s">
        <v>25</v>
      </c>
      <c r="D27032" s="1" t="s">
        <v>96766</v>
      </c>
      <c r="E27032" s="1" t="s">
        <v>96767</v>
      </c>
      <c r="F27032" s="1" t="s">
        <v>96768</v>
      </c>
      <c r="G27032" s="1" t="s">
        <v>96757</v>
      </c>
      <c r="H27032" s="1" t="s">
        <v>96758</v>
      </c>
      <c r="I27032" s="1" t="s">
        <v>96632</v>
      </c>
      <c r="J27032" s="1" t="s">
        <v>96769</v>
      </c>
    </row>
    <row r="27033" spans="1:10" x14ac:dyDescent="0.35">
      <c r="A27033" s="1" t="s">
        <v>96754</v>
      </c>
      <c r="B27033" s="1" t="s">
        <v>96627</v>
      </c>
      <c r="C27033" s="1" t="s">
        <v>30</v>
      </c>
      <c r="D27033" s="1" t="s">
        <v>66814</v>
      </c>
      <c r="E27033" s="1" t="s">
        <v>96770</v>
      </c>
      <c r="F27033" s="1" t="s">
        <v>96771</v>
      </c>
      <c r="G27033" s="1" t="s">
        <v>96757</v>
      </c>
      <c r="H27033" s="1" t="s">
        <v>96758</v>
      </c>
      <c r="I27033" s="1" t="s">
        <v>96632</v>
      </c>
      <c r="J27033" s="1" t="s">
        <v>96772</v>
      </c>
    </row>
    <row r="27034" spans="1:10" x14ac:dyDescent="0.35">
      <c r="A27034" s="1" t="s">
        <v>96754</v>
      </c>
      <c r="B27034" s="1" t="s">
        <v>96627</v>
      </c>
      <c r="C27034" s="1" t="s">
        <v>35</v>
      </c>
      <c r="D27034" s="1" t="s">
        <v>96773</v>
      </c>
      <c r="E27034" s="1" t="s">
        <v>96774</v>
      </c>
      <c r="F27034" s="1" t="s">
        <v>96775</v>
      </c>
      <c r="G27034" s="1" t="s">
        <v>96757</v>
      </c>
      <c r="H27034" s="1" t="s">
        <v>96758</v>
      </c>
      <c r="I27034" s="1" t="s">
        <v>96632</v>
      </c>
      <c r="J27034" s="1" t="s">
        <v>96776</v>
      </c>
    </row>
    <row r="27035" spans="1:10" x14ac:dyDescent="0.35">
      <c r="A27035" s="1" t="s">
        <v>96754</v>
      </c>
      <c r="B27035" s="1" t="s">
        <v>96627</v>
      </c>
      <c r="C27035" s="1" t="s">
        <v>40</v>
      </c>
      <c r="D27035" s="1" t="s">
        <v>68676</v>
      </c>
      <c r="E27035" s="1" t="s">
        <v>96777</v>
      </c>
      <c r="F27035" s="1" t="s">
        <v>96778</v>
      </c>
      <c r="G27035" s="1" t="s">
        <v>96757</v>
      </c>
      <c r="H27035" s="1" t="s">
        <v>96758</v>
      </c>
      <c r="I27035" s="1" t="s">
        <v>96632</v>
      </c>
      <c r="J27035" s="1" t="s">
        <v>96779</v>
      </c>
    </row>
    <row r="27036" spans="1:10" x14ac:dyDescent="0.35">
      <c r="A27036" s="1" t="s">
        <v>96754</v>
      </c>
      <c r="B27036" s="1" t="s">
        <v>96627</v>
      </c>
      <c r="C27036" s="1" t="s">
        <v>45</v>
      </c>
      <c r="D27036" s="1" t="s">
        <v>96780</v>
      </c>
      <c r="E27036" s="1" t="s">
        <v>96781</v>
      </c>
      <c r="F27036" s="1" t="s">
        <v>96782</v>
      </c>
      <c r="G27036" s="1" t="s">
        <v>96757</v>
      </c>
      <c r="H27036" s="1" t="s">
        <v>96758</v>
      </c>
      <c r="I27036" s="1" t="s">
        <v>96632</v>
      </c>
      <c r="J27036" s="1" t="s">
        <v>96783</v>
      </c>
    </row>
    <row r="27037" spans="1:10" x14ac:dyDescent="0.35">
      <c r="A27037" s="1" t="s">
        <v>96754</v>
      </c>
      <c r="B27037" s="1" t="s">
        <v>96627</v>
      </c>
      <c r="C27037" s="1" t="s">
        <v>50</v>
      </c>
      <c r="D27037" s="1" t="s">
        <v>64983</v>
      </c>
      <c r="E27037" s="1" t="s">
        <v>96784</v>
      </c>
      <c r="F27037" s="1" t="s">
        <v>96785</v>
      </c>
      <c r="G27037" s="1" t="s">
        <v>96757</v>
      </c>
      <c r="H27037" s="1" t="s">
        <v>96758</v>
      </c>
      <c r="I27037" s="1" t="s">
        <v>96632</v>
      </c>
      <c r="J27037" s="1" t="s">
        <v>96786</v>
      </c>
    </row>
    <row r="27038" spans="1:10" x14ac:dyDescent="0.35">
      <c r="A27038" s="1" t="s">
        <v>96754</v>
      </c>
      <c r="B27038" s="1" t="s">
        <v>96627</v>
      </c>
      <c r="C27038" s="1" t="s">
        <v>55</v>
      </c>
      <c r="D27038" s="1" t="s">
        <v>96787</v>
      </c>
      <c r="E27038" s="1" t="s">
        <v>96788</v>
      </c>
      <c r="F27038" s="1" t="s">
        <v>96789</v>
      </c>
      <c r="G27038" s="1" t="s">
        <v>96757</v>
      </c>
      <c r="H27038" s="1" t="s">
        <v>96758</v>
      </c>
      <c r="I27038" s="1" t="s">
        <v>96632</v>
      </c>
      <c r="J27038" s="1" t="s">
        <v>96790</v>
      </c>
    </row>
    <row r="27039" spans="1:10" x14ac:dyDescent="0.35">
      <c r="A27039" s="1" t="s">
        <v>96754</v>
      </c>
      <c r="B27039" s="1" t="s">
        <v>96627</v>
      </c>
      <c r="C27039" s="1" t="s">
        <v>60</v>
      </c>
      <c r="D27039" s="1" t="s">
        <v>96791</v>
      </c>
      <c r="E27039" s="1" t="s">
        <v>96792</v>
      </c>
      <c r="F27039" s="1" t="s">
        <v>96793</v>
      </c>
      <c r="G27039" s="1" t="s">
        <v>96757</v>
      </c>
      <c r="H27039" s="1" t="s">
        <v>96758</v>
      </c>
      <c r="I27039" s="1" t="s">
        <v>96632</v>
      </c>
      <c r="J27039" s="1" t="s">
        <v>96794</v>
      </c>
    </row>
    <row r="27040" spans="1:10" x14ac:dyDescent="0.35">
      <c r="A27040" s="1" t="s">
        <v>96754</v>
      </c>
      <c r="B27040" s="1" t="s">
        <v>96627</v>
      </c>
      <c r="C27040" s="1" t="s">
        <v>65</v>
      </c>
      <c r="D27040" s="1" t="s">
        <v>96795</v>
      </c>
      <c r="E27040" s="1" t="s">
        <v>96796</v>
      </c>
      <c r="F27040" s="1" t="s">
        <v>96797</v>
      </c>
      <c r="G27040" s="1" t="s">
        <v>96757</v>
      </c>
      <c r="H27040" s="1" t="s">
        <v>96758</v>
      </c>
      <c r="I27040" s="1" t="s">
        <v>96632</v>
      </c>
      <c r="J27040" s="1" t="s">
        <v>96798</v>
      </c>
    </row>
    <row r="27041" spans="1:10" x14ac:dyDescent="0.35">
      <c r="A27041" s="1" t="s">
        <v>96754</v>
      </c>
      <c r="B27041" s="1" t="s">
        <v>96627</v>
      </c>
      <c r="C27041" s="1" t="s">
        <v>70</v>
      </c>
      <c r="D27041" s="1" t="s">
        <v>96799</v>
      </c>
      <c r="E27041" s="1" t="s">
        <v>96800</v>
      </c>
      <c r="F27041" s="1" t="s">
        <v>96801</v>
      </c>
      <c r="G27041" s="1" t="s">
        <v>96757</v>
      </c>
      <c r="H27041" s="1" t="s">
        <v>96758</v>
      </c>
      <c r="I27041" s="1" t="s">
        <v>96632</v>
      </c>
      <c r="J27041" s="1" t="s">
        <v>96802</v>
      </c>
    </row>
    <row r="27042" spans="1:10" x14ac:dyDescent="0.35">
      <c r="A27042" s="1" t="s">
        <v>96754</v>
      </c>
      <c r="B27042" s="1" t="s">
        <v>96627</v>
      </c>
      <c r="C27042" s="1" t="s">
        <v>75</v>
      </c>
      <c r="D27042" s="1" t="s">
        <v>56328</v>
      </c>
      <c r="E27042" s="1" t="s">
        <v>96803</v>
      </c>
      <c r="F27042" s="1" t="s">
        <v>96804</v>
      </c>
      <c r="G27042" s="1" t="s">
        <v>96757</v>
      </c>
      <c r="H27042" s="1" t="s">
        <v>96758</v>
      </c>
      <c r="I27042" s="1" t="s">
        <v>96632</v>
      </c>
      <c r="J27042" s="1" t="s">
        <v>96805</v>
      </c>
    </row>
    <row r="27043" spans="1:10" x14ac:dyDescent="0.35">
      <c r="A27043" s="1" t="s">
        <v>96754</v>
      </c>
      <c r="B27043" s="1" t="s">
        <v>96627</v>
      </c>
      <c r="C27043" s="1" t="s">
        <v>80</v>
      </c>
      <c r="D27043" s="1" t="s">
        <v>13610</v>
      </c>
      <c r="E27043" s="1" t="s">
        <v>96806</v>
      </c>
      <c r="F27043" s="1" t="s">
        <v>96807</v>
      </c>
      <c r="G27043" s="1" t="s">
        <v>96757</v>
      </c>
      <c r="H27043" s="1" t="s">
        <v>96758</v>
      </c>
      <c r="I27043" s="1" t="s">
        <v>96632</v>
      </c>
      <c r="J27043" s="1" t="s">
        <v>96808</v>
      </c>
    </row>
    <row r="27044" spans="1:10" x14ac:dyDescent="0.35">
      <c r="A27044" s="1" t="s">
        <v>96754</v>
      </c>
      <c r="B27044" s="1" t="s">
        <v>96627</v>
      </c>
      <c r="C27044" s="1" t="s">
        <v>85</v>
      </c>
      <c r="D27044" s="1" t="s">
        <v>96404</v>
      </c>
      <c r="E27044" s="1" t="s">
        <v>96809</v>
      </c>
      <c r="F27044" s="1" t="s">
        <v>96810</v>
      </c>
      <c r="G27044" s="1" t="s">
        <v>96757</v>
      </c>
      <c r="H27044" s="1" t="s">
        <v>96758</v>
      </c>
      <c r="I27044" s="1" t="s">
        <v>96632</v>
      </c>
      <c r="J27044" s="1" t="s">
        <v>96811</v>
      </c>
    </row>
    <row r="27045" spans="1:10" x14ac:dyDescent="0.35">
      <c r="A27045" s="1" t="s">
        <v>96754</v>
      </c>
      <c r="B27045" s="1" t="s">
        <v>96627</v>
      </c>
      <c r="C27045" s="1" t="s">
        <v>90</v>
      </c>
      <c r="D27045" s="1" t="s">
        <v>96812</v>
      </c>
      <c r="E27045" s="1" t="s">
        <v>96813</v>
      </c>
      <c r="F27045" s="1" t="s">
        <v>96814</v>
      </c>
      <c r="G27045" s="1" t="s">
        <v>96757</v>
      </c>
      <c r="H27045" s="1" t="s">
        <v>96758</v>
      </c>
      <c r="I27045" s="1" t="s">
        <v>96632</v>
      </c>
      <c r="J27045" s="1" t="s">
        <v>96815</v>
      </c>
    </row>
    <row r="27046" spans="1:10" x14ac:dyDescent="0.35">
      <c r="A27046" s="1" t="s">
        <v>96754</v>
      </c>
      <c r="B27046" s="1" t="s">
        <v>96627</v>
      </c>
      <c r="C27046" s="1" t="s">
        <v>95</v>
      </c>
      <c r="D27046" s="1" t="s">
        <v>90968</v>
      </c>
      <c r="E27046" s="1" t="s">
        <v>96816</v>
      </c>
      <c r="F27046" s="1" t="s">
        <v>96817</v>
      </c>
      <c r="G27046" s="1" t="s">
        <v>96757</v>
      </c>
      <c r="H27046" s="1" t="s">
        <v>96758</v>
      </c>
      <c r="I27046" s="1" t="s">
        <v>96632</v>
      </c>
      <c r="J27046" s="1" t="s">
        <v>96818</v>
      </c>
    </row>
    <row r="27047" spans="1:10" x14ac:dyDescent="0.35">
      <c r="A27047" s="1" t="s">
        <v>96754</v>
      </c>
      <c r="B27047" s="1" t="s">
        <v>96627</v>
      </c>
      <c r="C27047" s="1" t="s">
        <v>100</v>
      </c>
      <c r="D27047" s="1" t="s">
        <v>83906</v>
      </c>
      <c r="E27047" s="1" t="s">
        <v>96819</v>
      </c>
      <c r="F27047" s="1" t="s">
        <v>96820</v>
      </c>
      <c r="G27047" s="1" t="s">
        <v>96757</v>
      </c>
      <c r="H27047" s="1" t="s">
        <v>96758</v>
      </c>
      <c r="I27047" s="1" t="s">
        <v>96632</v>
      </c>
      <c r="J27047" s="1" t="s">
        <v>96821</v>
      </c>
    </row>
    <row r="27048" spans="1:10" x14ac:dyDescent="0.35">
      <c r="A27048" s="1" t="s">
        <v>96754</v>
      </c>
      <c r="B27048" s="1" t="s">
        <v>96627</v>
      </c>
      <c r="C27048" s="1" t="s">
        <v>105</v>
      </c>
      <c r="D27048" s="1" t="s">
        <v>69708</v>
      </c>
      <c r="E27048" s="1" t="s">
        <v>96822</v>
      </c>
      <c r="F27048" s="1" t="s">
        <v>96823</v>
      </c>
      <c r="G27048" s="1" t="s">
        <v>96757</v>
      </c>
      <c r="H27048" s="1" t="s">
        <v>96758</v>
      </c>
      <c r="I27048" s="1" t="s">
        <v>96632</v>
      </c>
      <c r="J27048" s="1" t="s">
        <v>96824</v>
      </c>
    </row>
    <row r="27049" spans="1:10" x14ac:dyDescent="0.35">
      <c r="A27049" s="1" t="s">
        <v>96754</v>
      </c>
      <c r="B27049" s="1" t="s">
        <v>96627</v>
      </c>
      <c r="C27049" s="1" t="s">
        <v>110</v>
      </c>
      <c r="D27049" s="1" t="s">
        <v>89411</v>
      </c>
      <c r="E27049" s="1" t="s">
        <v>96825</v>
      </c>
      <c r="F27049" s="1" t="s">
        <v>96826</v>
      </c>
      <c r="G27049" s="1" t="s">
        <v>96757</v>
      </c>
      <c r="H27049" s="1" t="s">
        <v>96758</v>
      </c>
      <c r="I27049" s="1" t="s">
        <v>96632</v>
      </c>
      <c r="J27049" s="1" t="s">
        <v>96827</v>
      </c>
    </row>
    <row r="27050" spans="1:10" x14ac:dyDescent="0.35">
      <c r="A27050" s="1" t="s">
        <v>96754</v>
      </c>
      <c r="B27050" s="1" t="s">
        <v>96627</v>
      </c>
      <c r="C27050" s="1" t="s">
        <v>115</v>
      </c>
      <c r="D27050" s="1" t="s">
        <v>96828</v>
      </c>
      <c r="E27050" s="1" t="s">
        <v>96829</v>
      </c>
      <c r="F27050" s="1" t="s">
        <v>96830</v>
      </c>
      <c r="G27050" s="1" t="s">
        <v>96757</v>
      </c>
      <c r="H27050" s="1" t="s">
        <v>96758</v>
      </c>
      <c r="I27050" s="1" t="s">
        <v>96632</v>
      </c>
      <c r="J27050" s="1" t="s">
        <v>96831</v>
      </c>
    </row>
    <row r="27051" spans="1:10" x14ac:dyDescent="0.35">
      <c r="A27051" s="1" t="s">
        <v>96754</v>
      </c>
      <c r="B27051" s="1" t="s">
        <v>96627</v>
      </c>
      <c r="C27051" s="1" t="s">
        <v>120</v>
      </c>
      <c r="D27051" s="1" t="s">
        <v>96832</v>
      </c>
      <c r="E27051" s="1" t="s">
        <v>96833</v>
      </c>
      <c r="F27051" s="1" t="s">
        <v>96834</v>
      </c>
      <c r="G27051" s="1" t="s">
        <v>96757</v>
      </c>
      <c r="H27051" s="1" t="s">
        <v>96758</v>
      </c>
      <c r="I27051" s="1" t="s">
        <v>96632</v>
      </c>
      <c r="J27051" s="1" t="s">
        <v>96835</v>
      </c>
    </row>
    <row r="27052" spans="1:10" x14ac:dyDescent="0.35">
      <c r="A27052" s="1" t="s">
        <v>96754</v>
      </c>
      <c r="B27052" s="1" t="s">
        <v>96627</v>
      </c>
      <c r="C27052" s="1" t="s">
        <v>125</v>
      </c>
      <c r="D27052" s="1" t="s">
        <v>60344</v>
      </c>
      <c r="E27052" s="1" t="s">
        <v>96836</v>
      </c>
      <c r="F27052" s="1" t="s">
        <v>96837</v>
      </c>
      <c r="G27052" s="1" t="s">
        <v>96757</v>
      </c>
      <c r="H27052" s="1" t="s">
        <v>96758</v>
      </c>
      <c r="I27052" s="1" t="s">
        <v>96632</v>
      </c>
      <c r="J27052" s="1" t="s">
        <v>96838</v>
      </c>
    </row>
    <row r="27053" spans="1:10" x14ac:dyDescent="0.35">
      <c r="A27053" s="1" t="s">
        <v>96754</v>
      </c>
      <c r="B27053" s="1" t="s">
        <v>96627</v>
      </c>
      <c r="C27053" s="1" t="s">
        <v>130</v>
      </c>
      <c r="D27053" s="1" t="s">
        <v>56427</v>
      </c>
      <c r="E27053" s="1" t="s">
        <v>96839</v>
      </c>
      <c r="F27053" s="1" t="s">
        <v>96840</v>
      </c>
      <c r="G27053" s="1" t="s">
        <v>96757</v>
      </c>
      <c r="H27053" s="1" t="s">
        <v>96758</v>
      </c>
      <c r="I27053" s="1" t="s">
        <v>96632</v>
      </c>
      <c r="J27053" s="1" t="s">
        <v>96841</v>
      </c>
    </row>
    <row r="27054" spans="1:10" x14ac:dyDescent="0.35">
      <c r="A27054" s="1" t="s">
        <v>96754</v>
      </c>
      <c r="B27054" s="1" t="s">
        <v>96627</v>
      </c>
      <c r="C27054" s="1" t="s">
        <v>135</v>
      </c>
      <c r="D27054" s="1" t="s">
        <v>87331</v>
      </c>
      <c r="E27054" s="1" t="s">
        <v>96842</v>
      </c>
      <c r="F27054" s="1" t="s">
        <v>96843</v>
      </c>
      <c r="G27054" s="1" t="s">
        <v>96757</v>
      </c>
      <c r="H27054" s="1" t="s">
        <v>96758</v>
      </c>
      <c r="I27054" s="1" t="s">
        <v>96632</v>
      </c>
      <c r="J27054" s="1" t="s">
        <v>96844</v>
      </c>
    </row>
    <row r="27055" spans="1:10" x14ac:dyDescent="0.35">
      <c r="A27055" s="1" t="s">
        <v>96754</v>
      </c>
      <c r="B27055" s="1" t="s">
        <v>96627</v>
      </c>
      <c r="C27055" s="1" t="s">
        <v>140</v>
      </c>
      <c r="D27055" s="1" t="s">
        <v>96845</v>
      </c>
      <c r="E27055" s="1" t="s">
        <v>96846</v>
      </c>
      <c r="F27055" s="1" t="s">
        <v>96847</v>
      </c>
      <c r="G27055" s="1" t="s">
        <v>96757</v>
      </c>
      <c r="H27055" s="1" t="s">
        <v>96758</v>
      </c>
      <c r="I27055" s="1" t="s">
        <v>96632</v>
      </c>
      <c r="J27055" s="1" t="s">
        <v>96848</v>
      </c>
    </row>
    <row r="27056" spans="1:10" x14ac:dyDescent="0.35">
      <c r="A27056" s="1" t="s">
        <v>96754</v>
      </c>
      <c r="B27056" s="1" t="s">
        <v>96627</v>
      </c>
      <c r="C27056" s="1" t="s">
        <v>145</v>
      </c>
      <c r="D27056" s="1" t="s">
        <v>96849</v>
      </c>
      <c r="E27056" s="1" t="s">
        <v>96850</v>
      </c>
      <c r="F27056" s="1" t="s">
        <v>96851</v>
      </c>
      <c r="G27056" s="1" t="s">
        <v>96757</v>
      </c>
      <c r="H27056" s="1" t="s">
        <v>96758</v>
      </c>
      <c r="I27056" s="1" t="s">
        <v>96632</v>
      </c>
      <c r="J27056" s="1" t="s">
        <v>96852</v>
      </c>
    </row>
    <row r="27057" spans="1:10" x14ac:dyDescent="0.35">
      <c r="A27057" s="1" t="s">
        <v>96754</v>
      </c>
      <c r="B27057" s="1" t="s">
        <v>96627</v>
      </c>
      <c r="C27057" s="1" t="s">
        <v>150</v>
      </c>
      <c r="D27057" s="1" t="s">
        <v>58853</v>
      </c>
      <c r="E27057" s="1" t="s">
        <v>96853</v>
      </c>
      <c r="F27057" s="1" t="s">
        <v>96854</v>
      </c>
      <c r="G27057" s="1" t="s">
        <v>96757</v>
      </c>
      <c r="H27057" s="1" t="s">
        <v>96758</v>
      </c>
      <c r="I27057" s="1" t="s">
        <v>96632</v>
      </c>
      <c r="J27057" s="1" t="s">
        <v>96855</v>
      </c>
    </row>
    <row r="27058" spans="1:10" x14ac:dyDescent="0.35">
      <c r="A27058" s="1" t="s">
        <v>96754</v>
      </c>
      <c r="B27058" s="1" t="s">
        <v>96627</v>
      </c>
      <c r="C27058" s="1" t="s">
        <v>155</v>
      </c>
      <c r="D27058" s="1" t="s">
        <v>96856</v>
      </c>
      <c r="E27058" s="1" t="s">
        <v>96857</v>
      </c>
      <c r="F27058" s="1" t="s">
        <v>96858</v>
      </c>
      <c r="G27058" s="1" t="s">
        <v>96757</v>
      </c>
      <c r="H27058" s="1" t="s">
        <v>96758</v>
      </c>
      <c r="I27058" s="1" t="s">
        <v>96632</v>
      </c>
      <c r="J27058" s="1" t="s">
        <v>96859</v>
      </c>
    </row>
    <row r="27059" spans="1:10" x14ac:dyDescent="0.35">
      <c r="A27059" s="1" t="s">
        <v>96754</v>
      </c>
      <c r="B27059" s="1" t="s">
        <v>96627</v>
      </c>
      <c r="C27059" s="1" t="s">
        <v>160</v>
      </c>
      <c r="D27059" s="1" t="s">
        <v>96860</v>
      </c>
      <c r="E27059" s="1" t="s">
        <v>96861</v>
      </c>
      <c r="F27059" s="1" t="s">
        <v>96862</v>
      </c>
      <c r="G27059" s="1" t="s">
        <v>96757</v>
      </c>
      <c r="H27059" s="1" t="s">
        <v>96758</v>
      </c>
      <c r="I27059" s="1" t="s">
        <v>96632</v>
      </c>
      <c r="J27059" s="1" t="s">
        <v>96863</v>
      </c>
    </row>
    <row r="27060" spans="1:10" x14ac:dyDescent="0.35">
      <c r="A27060" s="1" t="s">
        <v>96754</v>
      </c>
      <c r="B27060" s="1" t="s">
        <v>96627</v>
      </c>
      <c r="C27060" s="1" t="s">
        <v>165</v>
      </c>
      <c r="D27060" s="1" t="s">
        <v>96864</v>
      </c>
      <c r="E27060" s="1" t="s">
        <v>96865</v>
      </c>
      <c r="F27060" s="1" t="s">
        <v>96866</v>
      </c>
      <c r="G27060" s="1" t="s">
        <v>96757</v>
      </c>
      <c r="H27060" s="1" t="s">
        <v>96758</v>
      </c>
      <c r="I27060" s="1" t="s">
        <v>96632</v>
      </c>
      <c r="J27060" s="1" t="s">
        <v>96867</v>
      </c>
    </row>
    <row r="27061" spans="1:10" x14ac:dyDescent="0.35">
      <c r="A27061" s="1" t="s">
        <v>96754</v>
      </c>
      <c r="B27061" s="1" t="s">
        <v>96627</v>
      </c>
      <c r="C27061" s="1" t="s">
        <v>170</v>
      </c>
      <c r="D27061" s="1" t="s">
        <v>96868</v>
      </c>
      <c r="E27061" s="1" t="s">
        <v>96869</v>
      </c>
      <c r="F27061" s="1" t="s">
        <v>96870</v>
      </c>
      <c r="G27061" s="1" t="s">
        <v>96757</v>
      </c>
      <c r="H27061" s="1" t="s">
        <v>96758</v>
      </c>
      <c r="I27061" s="1" t="s">
        <v>96632</v>
      </c>
      <c r="J27061" s="1" t="s">
        <v>96871</v>
      </c>
    </row>
    <row r="27062" spans="1:10" x14ac:dyDescent="0.35">
      <c r="A27062" s="1" t="s">
        <v>96872</v>
      </c>
      <c r="B27062" s="1" t="s">
        <v>96627</v>
      </c>
      <c r="C27062" s="1" t="s">
        <v>8</v>
      </c>
      <c r="D27062" s="1" t="s">
        <v>65029</v>
      </c>
      <c r="E27062" s="1" t="s">
        <v>54042</v>
      </c>
      <c r="F27062" s="1" t="s">
        <v>96873</v>
      </c>
      <c r="G27062" s="1" t="s">
        <v>96874</v>
      </c>
      <c r="H27062" s="1" t="s">
        <v>96875</v>
      </c>
      <c r="I27062" s="1" t="s">
        <v>96632</v>
      </c>
      <c r="J27062" s="1" t="s">
        <v>13</v>
      </c>
    </row>
    <row r="27063" spans="1:10" x14ac:dyDescent="0.35">
      <c r="A27063" s="1" t="s">
        <v>96872</v>
      </c>
      <c r="B27063" s="1" t="s">
        <v>96627</v>
      </c>
      <c r="C27063" s="1" t="s">
        <v>15</v>
      </c>
      <c r="D27063" s="1" t="s">
        <v>61805</v>
      </c>
      <c r="E27063" s="1" t="s">
        <v>66906</v>
      </c>
      <c r="F27063" s="1" t="s">
        <v>96876</v>
      </c>
      <c r="G27063" s="1" t="s">
        <v>96874</v>
      </c>
      <c r="H27063" s="1" t="s">
        <v>96875</v>
      </c>
      <c r="I27063" s="1" t="s">
        <v>96632</v>
      </c>
      <c r="J27063" s="1" t="s">
        <v>96877</v>
      </c>
    </row>
    <row r="27064" spans="1:10" x14ac:dyDescent="0.35">
      <c r="A27064" s="1" t="s">
        <v>96872</v>
      </c>
      <c r="B27064" s="1" t="s">
        <v>96627</v>
      </c>
      <c r="C27064" s="1" t="s">
        <v>20</v>
      </c>
      <c r="D27064" s="1" t="s">
        <v>96878</v>
      </c>
      <c r="E27064" s="1" t="s">
        <v>21807</v>
      </c>
      <c r="F27064" s="1" t="s">
        <v>96879</v>
      </c>
      <c r="G27064" s="1" t="s">
        <v>96874</v>
      </c>
      <c r="H27064" s="1" t="s">
        <v>96875</v>
      </c>
      <c r="I27064" s="1" t="s">
        <v>96632</v>
      </c>
      <c r="J27064" s="1" t="s">
        <v>96880</v>
      </c>
    </row>
    <row r="27065" spans="1:10" x14ac:dyDescent="0.35">
      <c r="A27065" s="1" t="s">
        <v>96872</v>
      </c>
      <c r="B27065" s="1" t="s">
        <v>96627</v>
      </c>
      <c r="C27065" s="1" t="s">
        <v>25</v>
      </c>
      <c r="D27065" s="1" t="s">
        <v>60295</v>
      </c>
      <c r="E27065" s="1" t="s">
        <v>60954</v>
      </c>
      <c r="F27065" s="1" t="s">
        <v>96881</v>
      </c>
      <c r="G27065" s="1" t="s">
        <v>96874</v>
      </c>
      <c r="H27065" s="1" t="s">
        <v>96875</v>
      </c>
      <c r="I27065" s="1" t="s">
        <v>96632</v>
      </c>
      <c r="J27065" s="1" t="s">
        <v>96882</v>
      </c>
    </row>
    <row r="27066" spans="1:10" x14ac:dyDescent="0.35">
      <c r="A27066" s="1" t="s">
        <v>96872</v>
      </c>
      <c r="B27066" s="1" t="s">
        <v>96627</v>
      </c>
      <c r="C27066" s="1" t="s">
        <v>30</v>
      </c>
      <c r="D27066" s="1" t="s">
        <v>96883</v>
      </c>
      <c r="E27066" s="1" t="s">
        <v>55344</v>
      </c>
      <c r="F27066" s="1" t="s">
        <v>96884</v>
      </c>
      <c r="G27066" s="1" t="s">
        <v>96874</v>
      </c>
      <c r="H27066" s="1" t="s">
        <v>96875</v>
      </c>
      <c r="I27066" s="1" t="s">
        <v>96632</v>
      </c>
      <c r="J27066" s="1" t="s">
        <v>96885</v>
      </c>
    </row>
    <row r="27067" spans="1:10" x14ac:dyDescent="0.35">
      <c r="A27067" s="1" t="s">
        <v>96872</v>
      </c>
      <c r="B27067" s="1" t="s">
        <v>96627</v>
      </c>
      <c r="C27067" s="1" t="s">
        <v>35</v>
      </c>
      <c r="D27067" s="1" t="s">
        <v>96886</v>
      </c>
      <c r="E27067" s="1" t="s">
        <v>21902</v>
      </c>
      <c r="F27067" s="1" t="s">
        <v>96887</v>
      </c>
      <c r="G27067" s="1" t="s">
        <v>96874</v>
      </c>
      <c r="H27067" s="1" t="s">
        <v>96875</v>
      </c>
      <c r="I27067" s="1" t="s">
        <v>96632</v>
      </c>
      <c r="J27067" s="1" t="s">
        <v>96888</v>
      </c>
    </row>
    <row r="27068" spans="1:10" x14ac:dyDescent="0.35">
      <c r="A27068" s="1" t="s">
        <v>96872</v>
      </c>
      <c r="B27068" s="1" t="s">
        <v>96627</v>
      </c>
      <c r="C27068" s="1" t="s">
        <v>40</v>
      </c>
      <c r="D27068" s="1" t="s">
        <v>96889</v>
      </c>
      <c r="E27068" s="1" t="s">
        <v>55862</v>
      </c>
      <c r="F27068" s="1" t="s">
        <v>60812</v>
      </c>
      <c r="G27068" s="1" t="s">
        <v>96874</v>
      </c>
      <c r="H27068" s="1" t="s">
        <v>96875</v>
      </c>
      <c r="I27068" s="1" t="s">
        <v>96632</v>
      </c>
      <c r="J27068" s="1" t="s">
        <v>96890</v>
      </c>
    </row>
    <row r="27069" spans="1:10" x14ac:dyDescent="0.35">
      <c r="A27069" s="1" t="s">
        <v>96872</v>
      </c>
      <c r="B27069" s="1" t="s">
        <v>96627</v>
      </c>
      <c r="C27069" s="1" t="s">
        <v>45</v>
      </c>
      <c r="D27069" s="1" t="s">
        <v>96891</v>
      </c>
      <c r="E27069" s="1" t="s">
        <v>58415</v>
      </c>
      <c r="F27069" s="1" t="s">
        <v>96892</v>
      </c>
      <c r="G27069" s="1" t="s">
        <v>96874</v>
      </c>
      <c r="H27069" s="1" t="s">
        <v>96875</v>
      </c>
      <c r="I27069" s="1" t="s">
        <v>96632</v>
      </c>
      <c r="J27069" s="1" t="s">
        <v>96893</v>
      </c>
    </row>
    <row r="27070" spans="1:10" x14ac:dyDescent="0.35">
      <c r="A27070" s="1" t="s">
        <v>96872</v>
      </c>
      <c r="B27070" s="1" t="s">
        <v>96627</v>
      </c>
      <c r="C27070" s="1" t="s">
        <v>50</v>
      </c>
      <c r="D27070" s="1" t="s">
        <v>64893</v>
      </c>
      <c r="E27070" s="1" t="s">
        <v>41202</v>
      </c>
      <c r="F27070" s="1" t="s">
        <v>96894</v>
      </c>
      <c r="G27070" s="1" t="s">
        <v>96874</v>
      </c>
      <c r="H27070" s="1" t="s">
        <v>96875</v>
      </c>
      <c r="I27070" s="1" t="s">
        <v>96632</v>
      </c>
      <c r="J27070" s="1" t="s">
        <v>4308</v>
      </c>
    </row>
    <row r="27071" spans="1:10" x14ac:dyDescent="0.35">
      <c r="A27071" s="1" t="s">
        <v>96872</v>
      </c>
      <c r="B27071" s="1" t="s">
        <v>96627</v>
      </c>
      <c r="C27071" s="1" t="s">
        <v>55</v>
      </c>
      <c r="D27071" s="1" t="s">
        <v>96895</v>
      </c>
      <c r="E27071" s="1" t="s">
        <v>54379</v>
      </c>
      <c r="F27071" s="1" t="s">
        <v>95762</v>
      </c>
      <c r="G27071" s="1" t="s">
        <v>96874</v>
      </c>
      <c r="H27071" s="1" t="s">
        <v>96875</v>
      </c>
      <c r="I27071" s="1" t="s">
        <v>96632</v>
      </c>
      <c r="J27071" s="1" t="s">
        <v>96896</v>
      </c>
    </row>
    <row r="27072" spans="1:10" x14ac:dyDescent="0.35">
      <c r="A27072" s="1" t="s">
        <v>96872</v>
      </c>
      <c r="B27072" s="1" t="s">
        <v>96627</v>
      </c>
      <c r="C27072" s="1" t="s">
        <v>60</v>
      </c>
      <c r="D27072" s="1" t="s">
        <v>52864</v>
      </c>
      <c r="E27072" s="1" t="s">
        <v>41468</v>
      </c>
      <c r="F27072" s="1" t="s">
        <v>96897</v>
      </c>
      <c r="G27072" s="1" t="s">
        <v>96874</v>
      </c>
      <c r="H27072" s="1" t="s">
        <v>96875</v>
      </c>
      <c r="I27072" s="1" t="s">
        <v>96632</v>
      </c>
      <c r="J27072" s="1" t="s">
        <v>96898</v>
      </c>
    </row>
    <row r="27073" spans="1:10" x14ac:dyDescent="0.35">
      <c r="A27073" s="1" t="s">
        <v>96872</v>
      </c>
      <c r="B27073" s="1" t="s">
        <v>96627</v>
      </c>
      <c r="C27073" s="1" t="s">
        <v>65</v>
      </c>
      <c r="D27073" s="1" t="s">
        <v>96899</v>
      </c>
      <c r="E27073" s="1" t="s">
        <v>54095</v>
      </c>
      <c r="F27073" s="1" t="s">
        <v>96900</v>
      </c>
      <c r="G27073" s="1" t="s">
        <v>96874</v>
      </c>
      <c r="H27073" s="1" t="s">
        <v>96875</v>
      </c>
      <c r="I27073" s="1" t="s">
        <v>96632</v>
      </c>
      <c r="J27073" s="1" t="s">
        <v>96901</v>
      </c>
    </row>
    <row r="27074" spans="1:10" x14ac:dyDescent="0.35">
      <c r="A27074" s="1" t="s">
        <v>96872</v>
      </c>
      <c r="B27074" s="1" t="s">
        <v>96627</v>
      </c>
      <c r="C27074" s="1" t="s">
        <v>70</v>
      </c>
      <c r="D27074" s="1" t="s">
        <v>96902</v>
      </c>
      <c r="E27074" s="1" t="s">
        <v>53843</v>
      </c>
      <c r="F27074" s="1" t="s">
        <v>91870</v>
      </c>
      <c r="G27074" s="1" t="s">
        <v>96874</v>
      </c>
      <c r="H27074" s="1" t="s">
        <v>96875</v>
      </c>
      <c r="I27074" s="1" t="s">
        <v>96632</v>
      </c>
      <c r="J27074" s="1" t="s">
        <v>96903</v>
      </c>
    </row>
    <row r="27075" spans="1:10" x14ac:dyDescent="0.35">
      <c r="A27075" s="1" t="s">
        <v>96872</v>
      </c>
      <c r="B27075" s="1" t="s">
        <v>96627</v>
      </c>
      <c r="C27075" s="1" t="s">
        <v>75</v>
      </c>
      <c r="D27075" s="1" t="s">
        <v>89602</v>
      </c>
      <c r="E27075" s="1" t="s">
        <v>21902</v>
      </c>
      <c r="F27075" s="1" t="s">
        <v>96904</v>
      </c>
      <c r="G27075" s="1" t="s">
        <v>96874</v>
      </c>
      <c r="H27075" s="1" t="s">
        <v>96875</v>
      </c>
      <c r="I27075" s="1" t="s">
        <v>96632</v>
      </c>
      <c r="J27075" s="1" t="s">
        <v>96905</v>
      </c>
    </row>
    <row r="27076" spans="1:10" x14ac:dyDescent="0.35">
      <c r="A27076" s="1" t="s">
        <v>96872</v>
      </c>
      <c r="B27076" s="1" t="s">
        <v>96627</v>
      </c>
      <c r="C27076" s="1" t="s">
        <v>80</v>
      </c>
      <c r="D27076" s="1" t="s">
        <v>96906</v>
      </c>
      <c r="E27076" s="1" t="s">
        <v>12875</v>
      </c>
      <c r="F27076" s="1" t="s">
        <v>96907</v>
      </c>
      <c r="G27076" s="1" t="s">
        <v>96874</v>
      </c>
      <c r="H27076" s="1" t="s">
        <v>96875</v>
      </c>
      <c r="I27076" s="1" t="s">
        <v>96632</v>
      </c>
      <c r="J27076" s="1" t="s">
        <v>96908</v>
      </c>
    </row>
    <row r="27077" spans="1:10" x14ac:dyDescent="0.35">
      <c r="A27077" s="1" t="s">
        <v>96872</v>
      </c>
      <c r="B27077" s="1" t="s">
        <v>96627</v>
      </c>
      <c r="C27077" s="1" t="s">
        <v>85</v>
      </c>
      <c r="D27077" s="1" t="s">
        <v>96909</v>
      </c>
      <c r="E27077" s="1" t="s">
        <v>56209</v>
      </c>
      <c r="F27077" s="1" t="s">
        <v>96910</v>
      </c>
      <c r="G27077" s="1" t="s">
        <v>96874</v>
      </c>
      <c r="H27077" s="1" t="s">
        <v>96875</v>
      </c>
      <c r="I27077" s="1" t="s">
        <v>96632</v>
      </c>
      <c r="J27077" s="1" t="s">
        <v>96911</v>
      </c>
    </row>
    <row r="27078" spans="1:10" x14ac:dyDescent="0.35">
      <c r="A27078" s="1" t="s">
        <v>96872</v>
      </c>
      <c r="B27078" s="1" t="s">
        <v>96627</v>
      </c>
      <c r="C27078" s="1" t="s">
        <v>90</v>
      </c>
      <c r="D27078" s="1" t="s">
        <v>91526</v>
      </c>
      <c r="E27078" s="1" t="s">
        <v>26560</v>
      </c>
      <c r="F27078" s="1" t="s">
        <v>96912</v>
      </c>
      <c r="G27078" s="1" t="s">
        <v>96874</v>
      </c>
      <c r="H27078" s="1" t="s">
        <v>96875</v>
      </c>
      <c r="I27078" s="1" t="s">
        <v>96632</v>
      </c>
      <c r="J27078" s="1" t="s">
        <v>96913</v>
      </c>
    </row>
    <row r="27079" spans="1:10" x14ac:dyDescent="0.35">
      <c r="A27079" s="1" t="s">
        <v>96872</v>
      </c>
      <c r="B27079" s="1" t="s">
        <v>96627</v>
      </c>
      <c r="C27079" s="1" t="s">
        <v>95</v>
      </c>
      <c r="D27079" s="1" t="s">
        <v>96914</v>
      </c>
      <c r="E27079" s="1" t="s">
        <v>15245</v>
      </c>
      <c r="F27079" s="1" t="s">
        <v>96915</v>
      </c>
      <c r="G27079" s="1" t="s">
        <v>96874</v>
      </c>
      <c r="H27079" s="1" t="s">
        <v>96875</v>
      </c>
      <c r="I27079" s="1" t="s">
        <v>96632</v>
      </c>
      <c r="J27079" s="1" t="s">
        <v>96916</v>
      </c>
    </row>
    <row r="27080" spans="1:10" x14ac:dyDescent="0.35">
      <c r="A27080" s="1" t="s">
        <v>96872</v>
      </c>
      <c r="B27080" s="1" t="s">
        <v>96627</v>
      </c>
      <c r="C27080" s="1" t="s">
        <v>100</v>
      </c>
      <c r="D27080" s="1" t="s">
        <v>60192</v>
      </c>
      <c r="E27080" s="1" t="s">
        <v>63887</v>
      </c>
      <c r="F27080" s="1" t="s">
        <v>21854</v>
      </c>
      <c r="G27080" s="1" t="s">
        <v>96874</v>
      </c>
      <c r="H27080" s="1" t="s">
        <v>96875</v>
      </c>
      <c r="I27080" s="1" t="s">
        <v>96632</v>
      </c>
      <c r="J27080" s="1" t="s">
        <v>96917</v>
      </c>
    </row>
    <row r="27081" spans="1:10" x14ac:dyDescent="0.35">
      <c r="A27081" s="1" t="s">
        <v>96872</v>
      </c>
      <c r="B27081" s="1" t="s">
        <v>96627</v>
      </c>
      <c r="C27081" s="1" t="s">
        <v>105</v>
      </c>
      <c r="D27081" s="1" t="s">
        <v>88526</v>
      </c>
      <c r="E27081" s="1" t="s">
        <v>32320</v>
      </c>
      <c r="F27081" s="1" t="s">
        <v>96918</v>
      </c>
      <c r="G27081" s="1" t="s">
        <v>96874</v>
      </c>
      <c r="H27081" s="1" t="s">
        <v>96875</v>
      </c>
      <c r="I27081" s="1" t="s">
        <v>96632</v>
      </c>
      <c r="J27081" s="1" t="s">
        <v>96919</v>
      </c>
    </row>
    <row r="27082" spans="1:10" x14ac:dyDescent="0.35">
      <c r="A27082" s="1" t="s">
        <v>96872</v>
      </c>
      <c r="B27082" s="1" t="s">
        <v>96627</v>
      </c>
      <c r="C27082" s="1" t="s">
        <v>110</v>
      </c>
      <c r="D27082" s="1" t="s">
        <v>86965</v>
      </c>
      <c r="E27082" s="1" t="s">
        <v>24327</v>
      </c>
      <c r="F27082" s="1" t="s">
        <v>26485</v>
      </c>
      <c r="G27082" s="1" t="s">
        <v>96874</v>
      </c>
      <c r="H27082" s="1" t="s">
        <v>96875</v>
      </c>
      <c r="I27082" s="1" t="s">
        <v>96632</v>
      </c>
      <c r="J27082" s="1" t="s">
        <v>96920</v>
      </c>
    </row>
    <row r="27083" spans="1:10" x14ac:dyDescent="0.35">
      <c r="A27083" s="1" t="s">
        <v>96872</v>
      </c>
      <c r="B27083" s="1" t="s">
        <v>96627</v>
      </c>
      <c r="C27083" s="1" t="s">
        <v>115</v>
      </c>
      <c r="D27083" s="1" t="s">
        <v>75610</v>
      </c>
      <c r="E27083" s="1" t="s">
        <v>12875</v>
      </c>
      <c r="F27083" s="1" t="s">
        <v>96921</v>
      </c>
      <c r="G27083" s="1" t="s">
        <v>96874</v>
      </c>
      <c r="H27083" s="1" t="s">
        <v>96875</v>
      </c>
      <c r="I27083" s="1" t="s">
        <v>96632</v>
      </c>
      <c r="J27083" s="1" t="s">
        <v>96922</v>
      </c>
    </row>
    <row r="27084" spans="1:10" x14ac:dyDescent="0.35">
      <c r="A27084" s="1" t="s">
        <v>96872</v>
      </c>
      <c r="B27084" s="1" t="s">
        <v>96627</v>
      </c>
      <c r="C27084" s="1" t="s">
        <v>120</v>
      </c>
      <c r="D27084" s="1" t="s">
        <v>96923</v>
      </c>
      <c r="E27084" s="1" t="s">
        <v>55113</v>
      </c>
      <c r="F27084" s="1" t="s">
        <v>96924</v>
      </c>
      <c r="G27084" s="1" t="s">
        <v>96874</v>
      </c>
      <c r="H27084" s="1" t="s">
        <v>96875</v>
      </c>
      <c r="I27084" s="1" t="s">
        <v>96632</v>
      </c>
      <c r="J27084" s="1" t="s">
        <v>96925</v>
      </c>
    </row>
    <row r="27085" spans="1:10" x14ac:dyDescent="0.35">
      <c r="A27085" s="1" t="s">
        <v>96872</v>
      </c>
      <c r="B27085" s="1" t="s">
        <v>96627</v>
      </c>
      <c r="C27085" s="1" t="s">
        <v>125</v>
      </c>
      <c r="D27085" s="1" t="s">
        <v>62452</v>
      </c>
      <c r="E27085" s="1" t="s">
        <v>63089</v>
      </c>
      <c r="F27085" s="1" t="s">
        <v>96926</v>
      </c>
      <c r="G27085" s="1" t="s">
        <v>96874</v>
      </c>
      <c r="H27085" s="1" t="s">
        <v>96875</v>
      </c>
      <c r="I27085" s="1" t="s">
        <v>96632</v>
      </c>
      <c r="J27085" s="1" t="s">
        <v>96927</v>
      </c>
    </row>
    <row r="27086" spans="1:10" x14ac:dyDescent="0.35">
      <c r="A27086" s="1" t="s">
        <v>96872</v>
      </c>
      <c r="B27086" s="1" t="s">
        <v>96627</v>
      </c>
      <c r="C27086" s="1" t="s">
        <v>130</v>
      </c>
      <c r="D27086" s="1" t="s">
        <v>96928</v>
      </c>
      <c r="E27086" s="1" t="s">
        <v>12790</v>
      </c>
      <c r="F27086" s="1" t="s">
        <v>62061</v>
      </c>
      <c r="G27086" s="1" t="s">
        <v>96874</v>
      </c>
      <c r="H27086" s="1" t="s">
        <v>96875</v>
      </c>
      <c r="I27086" s="1" t="s">
        <v>96632</v>
      </c>
      <c r="J27086" s="1" t="s">
        <v>96929</v>
      </c>
    </row>
    <row r="27087" spans="1:10" x14ac:dyDescent="0.35">
      <c r="A27087" s="1" t="s">
        <v>96872</v>
      </c>
      <c r="B27087" s="1" t="s">
        <v>96627</v>
      </c>
      <c r="C27087" s="1" t="s">
        <v>135</v>
      </c>
      <c r="D27087" s="1" t="s">
        <v>53749</v>
      </c>
      <c r="E27087" s="1" t="s">
        <v>66359</v>
      </c>
      <c r="F27087" s="1" t="s">
        <v>96930</v>
      </c>
      <c r="G27087" s="1" t="s">
        <v>96874</v>
      </c>
      <c r="H27087" s="1" t="s">
        <v>96875</v>
      </c>
      <c r="I27087" s="1" t="s">
        <v>96632</v>
      </c>
      <c r="J27087" s="1" t="s">
        <v>96931</v>
      </c>
    </row>
    <row r="27088" spans="1:10" x14ac:dyDescent="0.35">
      <c r="A27088" s="1" t="s">
        <v>96872</v>
      </c>
      <c r="B27088" s="1" t="s">
        <v>96627</v>
      </c>
      <c r="C27088" s="1" t="s">
        <v>140</v>
      </c>
      <c r="D27088" s="1" t="s">
        <v>96932</v>
      </c>
      <c r="E27088" s="1" t="s">
        <v>41188</v>
      </c>
      <c r="F27088" s="1" t="s">
        <v>96933</v>
      </c>
      <c r="G27088" s="1" t="s">
        <v>96874</v>
      </c>
      <c r="H27088" s="1" t="s">
        <v>96875</v>
      </c>
      <c r="I27088" s="1" t="s">
        <v>96632</v>
      </c>
      <c r="J27088" s="1" t="s">
        <v>96934</v>
      </c>
    </row>
    <row r="27089" spans="1:10" x14ac:dyDescent="0.35">
      <c r="A27089" s="1" t="s">
        <v>96872</v>
      </c>
      <c r="B27089" s="1" t="s">
        <v>96627</v>
      </c>
      <c r="C27089" s="1" t="s">
        <v>145</v>
      </c>
      <c r="D27089" s="1" t="s">
        <v>96914</v>
      </c>
      <c r="E27089" s="1" t="s">
        <v>55325</v>
      </c>
      <c r="F27089" s="1" t="s">
        <v>96935</v>
      </c>
      <c r="G27089" s="1" t="s">
        <v>96874</v>
      </c>
      <c r="H27089" s="1" t="s">
        <v>96875</v>
      </c>
      <c r="I27089" s="1" t="s">
        <v>96632</v>
      </c>
      <c r="J27089" s="1" t="s">
        <v>96936</v>
      </c>
    </row>
    <row r="27090" spans="1:10" x14ac:dyDescent="0.35">
      <c r="A27090" s="1" t="s">
        <v>96872</v>
      </c>
      <c r="B27090" s="1" t="s">
        <v>96627</v>
      </c>
      <c r="C27090" s="1" t="s">
        <v>150</v>
      </c>
      <c r="D27090" s="1" t="s">
        <v>66001</v>
      </c>
      <c r="E27090" s="1" t="s">
        <v>12849</v>
      </c>
      <c r="F27090" s="1" t="s">
        <v>96937</v>
      </c>
      <c r="G27090" s="1" t="s">
        <v>96874</v>
      </c>
      <c r="H27090" s="1" t="s">
        <v>96875</v>
      </c>
      <c r="I27090" s="1" t="s">
        <v>96632</v>
      </c>
      <c r="J27090" s="1" t="s">
        <v>96938</v>
      </c>
    </row>
    <row r="27091" spans="1:10" x14ac:dyDescent="0.35">
      <c r="A27091" s="1" t="s">
        <v>96872</v>
      </c>
      <c r="B27091" s="1" t="s">
        <v>96627</v>
      </c>
      <c r="C27091" s="1" t="s">
        <v>155</v>
      </c>
      <c r="D27091" s="1" t="s">
        <v>57499</v>
      </c>
      <c r="E27091" s="1" t="s">
        <v>54092</v>
      </c>
      <c r="F27091" s="1" t="s">
        <v>96939</v>
      </c>
      <c r="G27091" s="1" t="s">
        <v>96874</v>
      </c>
      <c r="H27091" s="1" t="s">
        <v>96875</v>
      </c>
      <c r="I27091" s="1" t="s">
        <v>96632</v>
      </c>
      <c r="J27091" s="1" t="s">
        <v>96940</v>
      </c>
    </row>
    <row r="27092" spans="1:10" x14ac:dyDescent="0.35">
      <c r="A27092" s="1" t="s">
        <v>96872</v>
      </c>
      <c r="B27092" s="1" t="s">
        <v>96627</v>
      </c>
      <c r="C27092" s="1" t="s">
        <v>160</v>
      </c>
      <c r="D27092" s="1" t="s">
        <v>96941</v>
      </c>
      <c r="E27092" s="1" t="s">
        <v>12766</v>
      </c>
      <c r="F27092" s="1" t="s">
        <v>96942</v>
      </c>
      <c r="G27092" s="1" t="s">
        <v>96874</v>
      </c>
      <c r="H27092" s="1" t="s">
        <v>96875</v>
      </c>
      <c r="I27092" s="1" t="s">
        <v>96632</v>
      </c>
      <c r="J27092" s="1" t="s">
        <v>96943</v>
      </c>
    </row>
    <row r="27093" spans="1:10" x14ac:dyDescent="0.35">
      <c r="A27093" s="1" t="s">
        <v>96872</v>
      </c>
      <c r="B27093" s="1" t="s">
        <v>96627</v>
      </c>
      <c r="C27093" s="1" t="s">
        <v>165</v>
      </c>
      <c r="D27093" s="1" t="s">
        <v>76044</v>
      </c>
      <c r="E27093" s="1" t="s">
        <v>12805</v>
      </c>
      <c r="F27093" s="1" t="s">
        <v>96944</v>
      </c>
      <c r="G27093" s="1" t="s">
        <v>96874</v>
      </c>
      <c r="H27093" s="1" t="s">
        <v>96875</v>
      </c>
      <c r="I27093" s="1" t="s">
        <v>96632</v>
      </c>
      <c r="J27093" s="1" t="s">
        <v>96945</v>
      </c>
    </row>
    <row r="27094" spans="1:10" x14ac:dyDescent="0.35">
      <c r="A27094" s="1" t="s">
        <v>96872</v>
      </c>
      <c r="B27094" s="1" t="s">
        <v>96627</v>
      </c>
      <c r="C27094" s="1" t="s">
        <v>170</v>
      </c>
      <c r="D27094" s="1" t="s">
        <v>96946</v>
      </c>
      <c r="E27094" s="1" t="s">
        <v>32065</v>
      </c>
      <c r="F27094" s="1" t="s">
        <v>96947</v>
      </c>
      <c r="G27094" s="1" t="s">
        <v>96874</v>
      </c>
      <c r="H27094" s="1" t="s">
        <v>96875</v>
      </c>
      <c r="I27094" s="1" t="s">
        <v>96632</v>
      </c>
      <c r="J27094" s="1" t="s">
        <v>96948</v>
      </c>
    </row>
    <row r="27095" spans="1:10" x14ac:dyDescent="0.35">
      <c r="A27095" s="1" t="s">
        <v>96949</v>
      </c>
      <c r="B27095" s="1" t="s">
        <v>96627</v>
      </c>
      <c r="C27095" s="1" t="s">
        <v>8</v>
      </c>
      <c r="D27095" s="1" t="s">
        <v>96950</v>
      </c>
      <c r="E27095" s="1" t="s">
        <v>16094</v>
      </c>
      <c r="F27095" s="1" t="s">
        <v>96951</v>
      </c>
      <c r="G27095" s="1" t="s">
        <v>96952</v>
      </c>
      <c r="H27095" s="1" t="s">
        <v>96953</v>
      </c>
      <c r="I27095" s="1" t="s">
        <v>96632</v>
      </c>
      <c r="J27095" s="1" t="s">
        <v>13</v>
      </c>
    </row>
    <row r="27096" spans="1:10" x14ac:dyDescent="0.35">
      <c r="A27096" s="1" t="s">
        <v>96949</v>
      </c>
      <c r="B27096" s="1" t="s">
        <v>96627</v>
      </c>
      <c r="C27096" s="1" t="s">
        <v>15</v>
      </c>
      <c r="D27096" s="1" t="s">
        <v>96954</v>
      </c>
      <c r="E27096" s="1" t="s">
        <v>65819</v>
      </c>
      <c r="F27096" s="1" t="s">
        <v>96955</v>
      </c>
      <c r="G27096" s="1" t="s">
        <v>96952</v>
      </c>
      <c r="H27096" s="1" t="s">
        <v>96953</v>
      </c>
      <c r="I27096" s="1" t="s">
        <v>96632</v>
      </c>
      <c r="J27096" s="1" t="s">
        <v>96956</v>
      </c>
    </row>
    <row r="27097" spans="1:10" x14ac:dyDescent="0.35">
      <c r="A27097" s="1" t="s">
        <v>96949</v>
      </c>
      <c r="B27097" s="1" t="s">
        <v>96627</v>
      </c>
      <c r="C27097" s="1" t="s">
        <v>20</v>
      </c>
      <c r="D27097" s="1" t="s">
        <v>34251</v>
      </c>
      <c r="E27097" s="1" t="s">
        <v>54391</v>
      </c>
      <c r="F27097" s="1" t="s">
        <v>96957</v>
      </c>
      <c r="G27097" s="1" t="s">
        <v>96952</v>
      </c>
      <c r="H27097" s="1" t="s">
        <v>96953</v>
      </c>
      <c r="I27097" s="1" t="s">
        <v>96632</v>
      </c>
      <c r="J27097" s="1" t="s">
        <v>96958</v>
      </c>
    </row>
    <row r="27098" spans="1:10" x14ac:dyDescent="0.35">
      <c r="A27098" s="1" t="s">
        <v>96949</v>
      </c>
      <c r="B27098" s="1" t="s">
        <v>96627</v>
      </c>
      <c r="C27098" s="1" t="s">
        <v>25</v>
      </c>
      <c r="D27098" s="1" t="s">
        <v>96959</v>
      </c>
      <c r="E27098" s="1" t="s">
        <v>60632</v>
      </c>
      <c r="F27098" s="1" t="s">
        <v>96960</v>
      </c>
      <c r="G27098" s="1" t="s">
        <v>96952</v>
      </c>
      <c r="H27098" s="1" t="s">
        <v>96953</v>
      </c>
      <c r="I27098" s="1" t="s">
        <v>96632</v>
      </c>
      <c r="J27098" s="1" t="s">
        <v>96961</v>
      </c>
    </row>
    <row r="27099" spans="1:10" x14ac:dyDescent="0.35">
      <c r="A27099" s="1" t="s">
        <v>96949</v>
      </c>
      <c r="B27099" s="1" t="s">
        <v>96627</v>
      </c>
      <c r="C27099" s="1" t="s">
        <v>30</v>
      </c>
      <c r="D27099" s="1" t="s">
        <v>96962</v>
      </c>
      <c r="E27099" s="1" t="s">
        <v>21764</v>
      </c>
      <c r="F27099" s="1" t="s">
        <v>96963</v>
      </c>
      <c r="G27099" s="1" t="s">
        <v>96952</v>
      </c>
      <c r="H27099" s="1" t="s">
        <v>96953</v>
      </c>
      <c r="I27099" s="1" t="s">
        <v>96632</v>
      </c>
      <c r="J27099" s="1" t="s">
        <v>96964</v>
      </c>
    </row>
    <row r="27100" spans="1:10" x14ac:dyDescent="0.35">
      <c r="A27100" s="1" t="s">
        <v>96949</v>
      </c>
      <c r="B27100" s="1" t="s">
        <v>96627</v>
      </c>
      <c r="C27100" s="1" t="s">
        <v>35</v>
      </c>
      <c r="D27100" s="1" t="s">
        <v>96965</v>
      </c>
      <c r="E27100" s="1" t="s">
        <v>55308</v>
      </c>
      <c r="F27100" s="1" t="s">
        <v>96966</v>
      </c>
      <c r="G27100" s="1" t="s">
        <v>96952</v>
      </c>
      <c r="H27100" s="1" t="s">
        <v>96953</v>
      </c>
      <c r="I27100" s="1" t="s">
        <v>96632</v>
      </c>
      <c r="J27100" s="1" t="s">
        <v>96967</v>
      </c>
    </row>
    <row r="27101" spans="1:10" x14ac:dyDescent="0.35">
      <c r="A27101" s="1" t="s">
        <v>96949</v>
      </c>
      <c r="B27101" s="1" t="s">
        <v>96627</v>
      </c>
      <c r="C27101" s="1" t="s">
        <v>40</v>
      </c>
      <c r="D27101" s="1" t="s">
        <v>96968</v>
      </c>
      <c r="E27101" s="1" t="s">
        <v>23890</v>
      </c>
      <c r="F27101" s="1" t="s">
        <v>55231</v>
      </c>
      <c r="G27101" s="1" t="s">
        <v>96952</v>
      </c>
      <c r="H27101" s="1" t="s">
        <v>96953</v>
      </c>
      <c r="I27101" s="1" t="s">
        <v>96632</v>
      </c>
      <c r="J27101" s="1" t="s">
        <v>96969</v>
      </c>
    </row>
    <row r="27102" spans="1:10" x14ac:dyDescent="0.35">
      <c r="A27102" s="1" t="s">
        <v>96949</v>
      </c>
      <c r="B27102" s="1" t="s">
        <v>96627</v>
      </c>
      <c r="C27102" s="1" t="s">
        <v>45</v>
      </c>
      <c r="D27102" s="1" t="s">
        <v>96970</v>
      </c>
      <c r="E27102" s="1" t="s">
        <v>32376</v>
      </c>
      <c r="F27102" s="1" t="s">
        <v>96971</v>
      </c>
      <c r="G27102" s="1" t="s">
        <v>96952</v>
      </c>
      <c r="H27102" s="1" t="s">
        <v>96953</v>
      </c>
      <c r="I27102" s="1" t="s">
        <v>96632</v>
      </c>
      <c r="J27102" s="1" t="s">
        <v>96972</v>
      </c>
    </row>
    <row r="27103" spans="1:10" x14ac:dyDescent="0.35">
      <c r="A27103" s="1" t="s">
        <v>96949</v>
      </c>
      <c r="B27103" s="1" t="s">
        <v>96627</v>
      </c>
      <c r="C27103" s="1" t="s">
        <v>50</v>
      </c>
      <c r="D27103" s="1" t="s">
        <v>96973</v>
      </c>
      <c r="E27103" s="1" t="s">
        <v>58497</v>
      </c>
      <c r="F27103" s="1" t="s">
        <v>96974</v>
      </c>
      <c r="G27103" s="1" t="s">
        <v>96952</v>
      </c>
      <c r="H27103" s="1" t="s">
        <v>96953</v>
      </c>
      <c r="I27103" s="1" t="s">
        <v>96632</v>
      </c>
      <c r="J27103" s="1" t="s">
        <v>96975</v>
      </c>
    </row>
    <row r="27104" spans="1:10" x14ac:dyDescent="0.35">
      <c r="A27104" s="1" t="s">
        <v>96949</v>
      </c>
      <c r="B27104" s="1" t="s">
        <v>96627</v>
      </c>
      <c r="C27104" s="1" t="s">
        <v>55</v>
      </c>
      <c r="D27104" s="1" t="s">
        <v>96976</v>
      </c>
      <c r="E27104" s="1" t="s">
        <v>41188</v>
      </c>
      <c r="F27104" s="1" t="s">
        <v>96977</v>
      </c>
      <c r="G27104" s="1" t="s">
        <v>96952</v>
      </c>
      <c r="H27104" s="1" t="s">
        <v>96953</v>
      </c>
      <c r="I27104" s="1" t="s">
        <v>96632</v>
      </c>
      <c r="J27104" s="1" t="s">
        <v>96978</v>
      </c>
    </row>
    <row r="27105" spans="1:10" x14ac:dyDescent="0.35">
      <c r="A27105" s="1" t="s">
        <v>96949</v>
      </c>
      <c r="B27105" s="1" t="s">
        <v>96627</v>
      </c>
      <c r="C27105" s="1" t="s">
        <v>60</v>
      </c>
      <c r="D27105" s="1" t="s">
        <v>96979</v>
      </c>
      <c r="E27105" s="1" t="s">
        <v>31384</v>
      </c>
      <c r="F27105" s="1" t="s">
        <v>96980</v>
      </c>
      <c r="G27105" s="1" t="s">
        <v>96952</v>
      </c>
      <c r="H27105" s="1" t="s">
        <v>96953</v>
      </c>
      <c r="I27105" s="1" t="s">
        <v>96632</v>
      </c>
      <c r="J27105" s="1" t="s">
        <v>96981</v>
      </c>
    </row>
    <row r="27106" spans="1:10" x14ac:dyDescent="0.35">
      <c r="A27106" s="1" t="s">
        <v>96949</v>
      </c>
      <c r="B27106" s="1" t="s">
        <v>96627</v>
      </c>
      <c r="C27106" s="1" t="s">
        <v>65</v>
      </c>
      <c r="D27106" s="1" t="s">
        <v>96941</v>
      </c>
      <c r="E27106" s="1" t="s">
        <v>41468</v>
      </c>
      <c r="F27106" s="1" t="s">
        <v>40634</v>
      </c>
      <c r="G27106" s="1" t="s">
        <v>96952</v>
      </c>
      <c r="H27106" s="1" t="s">
        <v>96953</v>
      </c>
      <c r="I27106" s="1" t="s">
        <v>96632</v>
      </c>
      <c r="J27106" s="1" t="s">
        <v>96982</v>
      </c>
    </row>
    <row r="27107" spans="1:10" x14ac:dyDescent="0.35">
      <c r="A27107" s="1" t="s">
        <v>96949</v>
      </c>
      <c r="B27107" s="1" t="s">
        <v>96627</v>
      </c>
      <c r="C27107" s="1" t="s">
        <v>70</v>
      </c>
      <c r="D27107" s="1" t="s">
        <v>79655</v>
      </c>
      <c r="E27107" s="1" t="s">
        <v>55947</v>
      </c>
      <c r="F27107" s="1" t="s">
        <v>96983</v>
      </c>
      <c r="G27107" s="1" t="s">
        <v>96952</v>
      </c>
      <c r="H27107" s="1" t="s">
        <v>96953</v>
      </c>
      <c r="I27107" s="1" t="s">
        <v>96632</v>
      </c>
      <c r="J27107" s="1" t="s">
        <v>96984</v>
      </c>
    </row>
    <row r="27108" spans="1:10" x14ac:dyDescent="0.35">
      <c r="A27108" s="1" t="s">
        <v>96949</v>
      </c>
      <c r="B27108" s="1" t="s">
        <v>96627</v>
      </c>
      <c r="C27108" s="1" t="s">
        <v>75</v>
      </c>
      <c r="D27108" s="1" t="s">
        <v>57483</v>
      </c>
      <c r="E27108" s="1" t="s">
        <v>55213</v>
      </c>
      <c r="F27108" s="1" t="s">
        <v>67256</v>
      </c>
      <c r="G27108" s="1" t="s">
        <v>96952</v>
      </c>
      <c r="H27108" s="1" t="s">
        <v>96953</v>
      </c>
      <c r="I27108" s="1" t="s">
        <v>96632</v>
      </c>
      <c r="J27108" s="1" t="s">
        <v>96985</v>
      </c>
    </row>
    <row r="27109" spans="1:10" x14ac:dyDescent="0.35">
      <c r="A27109" s="1" t="s">
        <v>96949</v>
      </c>
      <c r="B27109" s="1" t="s">
        <v>96627</v>
      </c>
      <c r="C27109" s="1" t="s">
        <v>80</v>
      </c>
      <c r="D27109" s="1" t="s">
        <v>96986</v>
      </c>
      <c r="E27109" s="1" t="s">
        <v>58396</v>
      </c>
      <c r="F27109" s="1" t="s">
        <v>96987</v>
      </c>
      <c r="G27109" s="1" t="s">
        <v>96952</v>
      </c>
      <c r="H27109" s="1" t="s">
        <v>96953</v>
      </c>
      <c r="I27109" s="1" t="s">
        <v>96632</v>
      </c>
      <c r="J27109" s="1" t="s">
        <v>96988</v>
      </c>
    </row>
    <row r="27110" spans="1:10" x14ac:dyDescent="0.35">
      <c r="A27110" s="1" t="s">
        <v>96949</v>
      </c>
      <c r="B27110" s="1" t="s">
        <v>96627</v>
      </c>
      <c r="C27110" s="1" t="s">
        <v>85</v>
      </c>
      <c r="D27110" s="1" t="s">
        <v>22141</v>
      </c>
      <c r="E27110" s="1" t="s">
        <v>12766</v>
      </c>
      <c r="F27110" s="1" t="s">
        <v>96989</v>
      </c>
      <c r="G27110" s="1" t="s">
        <v>96952</v>
      </c>
      <c r="H27110" s="1" t="s">
        <v>96953</v>
      </c>
      <c r="I27110" s="1" t="s">
        <v>96632</v>
      </c>
      <c r="J27110" s="1" t="s">
        <v>96990</v>
      </c>
    </row>
    <row r="27111" spans="1:10" x14ac:dyDescent="0.35">
      <c r="A27111" s="1" t="s">
        <v>96949</v>
      </c>
      <c r="B27111" s="1" t="s">
        <v>96627</v>
      </c>
      <c r="C27111" s="1" t="s">
        <v>90</v>
      </c>
      <c r="D27111" s="1" t="s">
        <v>96991</v>
      </c>
      <c r="E27111" s="1" t="s">
        <v>54783</v>
      </c>
      <c r="F27111" s="1" t="s">
        <v>96992</v>
      </c>
      <c r="G27111" s="1" t="s">
        <v>96952</v>
      </c>
      <c r="H27111" s="1" t="s">
        <v>96953</v>
      </c>
      <c r="I27111" s="1" t="s">
        <v>96632</v>
      </c>
      <c r="J27111" s="1" t="s">
        <v>96993</v>
      </c>
    </row>
    <row r="27112" spans="1:10" x14ac:dyDescent="0.35">
      <c r="A27112" s="1" t="s">
        <v>96949</v>
      </c>
      <c r="B27112" s="1" t="s">
        <v>96627</v>
      </c>
      <c r="C27112" s="1" t="s">
        <v>95</v>
      </c>
      <c r="D27112" s="1" t="s">
        <v>63453</v>
      </c>
      <c r="E27112" s="1" t="s">
        <v>56950</v>
      </c>
      <c r="F27112" s="1" t="s">
        <v>96994</v>
      </c>
      <c r="G27112" s="1" t="s">
        <v>96952</v>
      </c>
      <c r="H27112" s="1" t="s">
        <v>96953</v>
      </c>
      <c r="I27112" s="1" t="s">
        <v>96632</v>
      </c>
      <c r="J27112" s="1" t="s">
        <v>96995</v>
      </c>
    </row>
    <row r="27113" spans="1:10" x14ac:dyDescent="0.35">
      <c r="A27113" s="1" t="s">
        <v>96949</v>
      </c>
      <c r="B27113" s="1" t="s">
        <v>96627</v>
      </c>
      <c r="C27113" s="1" t="s">
        <v>100</v>
      </c>
      <c r="D27113" s="1" t="s">
        <v>9508</v>
      </c>
      <c r="E27113" s="1" t="s">
        <v>23016</v>
      </c>
      <c r="F27113" s="1" t="s">
        <v>96996</v>
      </c>
      <c r="G27113" s="1" t="s">
        <v>96952</v>
      </c>
      <c r="H27113" s="1" t="s">
        <v>96953</v>
      </c>
      <c r="I27113" s="1" t="s">
        <v>96632</v>
      </c>
      <c r="J27113" s="1" t="s">
        <v>96997</v>
      </c>
    </row>
    <row r="27114" spans="1:10" x14ac:dyDescent="0.35">
      <c r="A27114" s="1" t="s">
        <v>96949</v>
      </c>
      <c r="B27114" s="1" t="s">
        <v>96627</v>
      </c>
      <c r="C27114" s="1" t="s">
        <v>105</v>
      </c>
      <c r="D27114" s="1" t="s">
        <v>96998</v>
      </c>
      <c r="E27114" s="1" t="s">
        <v>21826</v>
      </c>
      <c r="F27114" s="1" t="s">
        <v>96999</v>
      </c>
      <c r="G27114" s="1" t="s">
        <v>96952</v>
      </c>
      <c r="H27114" s="1" t="s">
        <v>96953</v>
      </c>
      <c r="I27114" s="1" t="s">
        <v>96632</v>
      </c>
      <c r="J27114" s="1" t="s">
        <v>97000</v>
      </c>
    </row>
    <row r="27115" spans="1:10" x14ac:dyDescent="0.35">
      <c r="A27115" s="1" t="s">
        <v>96949</v>
      </c>
      <c r="B27115" s="1" t="s">
        <v>96627</v>
      </c>
      <c r="C27115" s="1" t="s">
        <v>110</v>
      </c>
      <c r="D27115" s="1" t="s">
        <v>64919</v>
      </c>
      <c r="E27115" s="1" t="s">
        <v>23002</v>
      </c>
      <c r="F27115" s="1" t="s">
        <v>97001</v>
      </c>
      <c r="G27115" s="1" t="s">
        <v>96952</v>
      </c>
      <c r="H27115" s="1" t="s">
        <v>96953</v>
      </c>
      <c r="I27115" s="1" t="s">
        <v>96632</v>
      </c>
      <c r="J27115" s="1" t="s">
        <v>97002</v>
      </c>
    </row>
    <row r="27116" spans="1:10" x14ac:dyDescent="0.35">
      <c r="A27116" s="1" t="s">
        <v>96949</v>
      </c>
      <c r="B27116" s="1" t="s">
        <v>96627</v>
      </c>
      <c r="C27116" s="1" t="s">
        <v>115</v>
      </c>
      <c r="D27116" s="1" t="s">
        <v>97003</v>
      </c>
      <c r="E27116" s="1" t="s">
        <v>12875</v>
      </c>
      <c r="F27116" s="1" t="s">
        <v>32625</v>
      </c>
      <c r="G27116" s="1" t="s">
        <v>96952</v>
      </c>
      <c r="H27116" s="1" t="s">
        <v>96953</v>
      </c>
      <c r="I27116" s="1" t="s">
        <v>96632</v>
      </c>
      <c r="J27116" s="1" t="s">
        <v>97004</v>
      </c>
    </row>
    <row r="27117" spans="1:10" x14ac:dyDescent="0.35">
      <c r="A27117" s="1" t="s">
        <v>96949</v>
      </c>
      <c r="B27117" s="1" t="s">
        <v>96627</v>
      </c>
      <c r="C27117" s="1" t="s">
        <v>120</v>
      </c>
      <c r="D27117" s="1" t="s">
        <v>59423</v>
      </c>
      <c r="E27117" s="1" t="s">
        <v>97005</v>
      </c>
      <c r="F27117" s="1" t="s">
        <v>97006</v>
      </c>
      <c r="G27117" s="1" t="s">
        <v>96952</v>
      </c>
      <c r="H27117" s="1" t="s">
        <v>96953</v>
      </c>
      <c r="I27117" s="1" t="s">
        <v>96632</v>
      </c>
      <c r="J27117" s="1" t="s">
        <v>97007</v>
      </c>
    </row>
    <row r="27118" spans="1:10" x14ac:dyDescent="0.35">
      <c r="A27118" s="1" t="s">
        <v>96949</v>
      </c>
      <c r="B27118" s="1" t="s">
        <v>96627</v>
      </c>
      <c r="C27118" s="1" t="s">
        <v>125</v>
      </c>
      <c r="D27118" s="1" t="s">
        <v>97008</v>
      </c>
      <c r="E27118" s="1" t="s">
        <v>56190</v>
      </c>
      <c r="F27118" s="1" t="s">
        <v>97009</v>
      </c>
      <c r="G27118" s="1" t="s">
        <v>96952</v>
      </c>
      <c r="H27118" s="1" t="s">
        <v>96953</v>
      </c>
      <c r="I27118" s="1" t="s">
        <v>96632</v>
      </c>
      <c r="J27118" s="1" t="s">
        <v>97010</v>
      </c>
    </row>
    <row r="27119" spans="1:10" x14ac:dyDescent="0.35">
      <c r="A27119" s="1" t="s">
        <v>96949</v>
      </c>
      <c r="B27119" s="1" t="s">
        <v>96627</v>
      </c>
      <c r="C27119" s="1" t="s">
        <v>130</v>
      </c>
      <c r="D27119" s="1" t="s">
        <v>97011</v>
      </c>
      <c r="E27119" s="1" t="s">
        <v>31368</v>
      </c>
      <c r="F27119" s="1" t="s">
        <v>97012</v>
      </c>
      <c r="G27119" s="1" t="s">
        <v>96952</v>
      </c>
      <c r="H27119" s="1" t="s">
        <v>96953</v>
      </c>
      <c r="I27119" s="1" t="s">
        <v>96632</v>
      </c>
      <c r="J27119" s="1" t="s">
        <v>97013</v>
      </c>
    </row>
    <row r="27120" spans="1:10" x14ac:dyDescent="0.35">
      <c r="A27120" s="1" t="s">
        <v>96949</v>
      </c>
      <c r="B27120" s="1" t="s">
        <v>96627</v>
      </c>
      <c r="C27120" s="1" t="s">
        <v>135</v>
      </c>
      <c r="D27120" s="1" t="s">
        <v>62344</v>
      </c>
      <c r="E27120" s="1" t="s">
        <v>15225</v>
      </c>
      <c r="F27120" s="1" t="s">
        <v>97014</v>
      </c>
      <c r="G27120" s="1" t="s">
        <v>96952</v>
      </c>
      <c r="H27120" s="1" t="s">
        <v>96953</v>
      </c>
      <c r="I27120" s="1" t="s">
        <v>96632</v>
      </c>
      <c r="J27120" s="1" t="s">
        <v>97015</v>
      </c>
    </row>
    <row r="27121" spans="1:10" x14ac:dyDescent="0.35">
      <c r="A27121" s="1" t="s">
        <v>96949</v>
      </c>
      <c r="B27121" s="1" t="s">
        <v>96627</v>
      </c>
      <c r="C27121" s="1" t="s">
        <v>140</v>
      </c>
      <c r="D27121" s="1" t="s">
        <v>20432</v>
      </c>
      <c r="E27121" s="1" t="s">
        <v>22056</v>
      </c>
      <c r="F27121" s="1" t="s">
        <v>97016</v>
      </c>
      <c r="G27121" s="1" t="s">
        <v>96952</v>
      </c>
      <c r="H27121" s="1" t="s">
        <v>96953</v>
      </c>
      <c r="I27121" s="1" t="s">
        <v>96632</v>
      </c>
      <c r="J27121" s="1" t="s">
        <v>97017</v>
      </c>
    </row>
    <row r="27122" spans="1:10" x14ac:dyDescent="0.35">
      <c r="A27122" s="1" t="s">
        <v>96949</v>
      </c>
      <c r="B27122" s="1" t="s">
        <v>96627</v>
      </c>
      <c r="C27122" s="1" t="s">
        <v>145</v>
      </c>
      <c r="D27122" s="1" t="s">
        <v>52644</v>
      </c>
      <c r="E27122" s="1" t="s">
        <v>12875</v>
      </c>
      <c r="F27122" s="1" t="s">
        <v>97018</v>
      </c>
      <c r="G27122" s="1" t="s">
        <v>96952</v>
      </c>
      <c r="H27122" s="1" t="s">
        <v>96953</v>
      </c>
      <c r="I27122" s="1" t="s">
        <v>96632</v>
      </c>
      <c r="J27122" s="1" t="s">
        <v>51485</v>
      </c>
    </row>
    <row r="27123" spans="1:10" x14ac:dyDescent="0.35">
      <c r="A27123" s="1" t="s">
        <v>96949</v>
      </c>
      <c r="B27123" s="1" t="s">
        <v>96627</v>
      </c>
      <c r="C27123" s="1" t="s">
        <v>150</v>
      </c>
      <c r="D27123" s="1" t="s">
        <v>97019</v>
      </c>
      <c r="E27123" s="1" t="s">
        <v>54077</v>
      </c>
      <c r="F27123" s="1" t="s">
        <v>97020</v>
      </c>
      <c r="G27123" s="1" t="s">
        <v>96952</v>
      </c>
      <c r="H27123" s="1" t="s">
        <v>96953</v>
      </c>
      <c r="I27123" s="1" t="s">
        <v>96632</v>
      </c>
      <c r="J27123" s="1" t="s">
        <v>97021</v>
      </c>
    </row>
    <row r="27124" spans="1:10" x14ac:dyDescent="0.35">
      <c r="A27124" s="1" t="s">
        <v>96949</v>
      </c>
      <c r="B27124" s="1" t="s">
        <v>96627</v>
      </c>
      <c r="C27124" s="1" t="s">
        <v>155</v>
      </c>
      <c r="D27124" s="1" t="s">
        <v>64528</v>
      </c>
      <c r="E27124" s="1" t="s">
        <v>53928</v>
      </c>
      <c r="F27124" s="1" t="s">
        <v>97022</v>
      </c>
      <c r="G27124" s="1" t="s">
        <v>96952</v>
      </c>
      <c r="H27124" s="1" t="s">
        <v>96953</v>
      </c>
      <c r="I27124" s="1" t="s">
        <v>96632</v>
      </c>
      <c r="J27124" s="1" t="s">
        <v>97023</v>
      </c>
    </row>
    <row r="27125" spans="1:10" x14ac:dyDescent="0.35">
      <c r="A27125" s="1" t="s">
        <v>96949</v>
      </c>
      <c r="B27125" s="1" t="s">
        <v>96627</v>
      </c>
      <c r="C27125" s="1" t="s">
        <v>160</v>
      </c>
      <c r="D27125" s="1" t="s">
        <v>90486</v>
      </c>
      <c r="E27125" s="1" t="s">
        <v>21929</v>
      </c>
      <c r="F27125" s="1" t="s">
        <v>97024</v>
      </c>
      <c r="G27125" s="1" t="s">
        <v>96952</v>
      </c>
      <c r="H27125" s="1" t="s">
        <v>96953</v>
      </c>
      <c r="I27125" s="1" t="s">
        <v>96632</v>
      </c>
      <c r="J27125" s="1" t="s">
        <v>97025</v>
      </c>
    </row>
    <row r="27126" spans="1:10" x14ac:dyDescent="0.35">
      <c r="A27126" s="1" t="s">
        <v>96949</v>
      </c>
      <c r="B27126" s="1" t="s">
        <v>96627</v>
      </c>
      <c r="C27126" s="1" t="s">
        <v>165</v>
      </c>
      <c r="D27126" s="1" t="s">
        <v>92076</v>
      </c>
      <c r="E27126" s="1" t="s">
        <v>12868</v>
      </c>
      <c r="F27126" s="1" t="s">
        <v>97026</v>
      </c>
      <c r="G27126" s="1" t="s">
        <v>96952</v>
      </c>
      <c r="H27126" s="1" t="s">
        <v>96953</v>
      </c>
      <c r="I27126" s="1" t="s">
        <v>96632</v>
      </c>
      <c r="J27126" s="1" t="s">
        <v>97027</v>
      </c>
    </row>
    <row r="27127" spans="1:10" x14ac:dyDescent="0.35">
      <c r="A27127" s="1" t="s">
        <v>96949</v>
      </c>
      <c r="B27127" s="1" t="s">
        <v>96627</v>
      </c>
      <c r="C27127" s="1" t="s">
        <v>170</v>
      </c>
      <c r="D27127" s="1" t="s">
        <v>90265</v>
      </c>
      <c r="E27127" s="1" t="s">
        <v>60377</v>
      </c>
      <c r="F27127" s="1" t="s">
        <v>97028</v>
      </c>
      <c r="G27127" s="1" t="s">
        <v>96952</v>
      </c>
      <c r="H27127" s="1" t="s">
        <v>96953</v>
      </c>
      <c r="I27127" s="1" t="s">
        <v>96632</v>
      </c>
      <c r="J27127" s="1" t="s">
        <v>97029</v>
      </c>
    </row>
    <row r="27128" spans="1:10" x14ac:dyDescent="0.35">
      <c r="A27128" s="1" t="s">
        <v>1248</v>
      </c>
      <c r="B27128" s="1" t="s">
        <v>96627</v>
      </c>
      <c r="C27128" s="1" t="s">
        <v>8</v>
      </c>
      <c r="D27128" s="1" t="s">
        <v>97030</v>
      </c>
      <c r="E27128" s="1" t="s">
        <v>21960</v>
      </c>
      <c r="F27128" s="1" t="s">
        <v>97031</v>
      </c>
      <c r="G27128" s="1" t="s">
        <v>97032</v>
      </c>
      <c r="H27128" s="1" t="s">
        <v>97033</v>
      </c>
      <c r="I27128" s="1" t="s">
        <v>96632</v>
      </c>
      <c r="J27128" s="1" t="s">
        <v>13</v>
      </c>
    </row>
    <row r="27129" spans="1:10" x14ac:dyDescent="0.35">
      <c r="A27129" s="1" t="s">
        <v>1248</v>
      </c>
      <c r="B27129" s="1" t="s">
        <v>96627</v>
      </c>
      <c r="C27129" s="1" t="s">
        <v>15</v>
      </c>
      <c r="D27129" s="1" t="s">
        <v>47028</v>
      </c>
      <c r="E27129" s="1" t="s">
        <v>21826</v>
      </c>
      <c r="F27129" s="1" t="s">
        <v>97034</v>
      </c>
      <c r="G27129" s="1" t="s">
        <v>97032</v>
      </c>
      <c r="H27129" s="1" t="s">
        <v>97033</v>
      </c>
      <c r="I27129" s="1" t="s">
        <v>96632</v>
      </c>
      <c r="J27129" s="1" t="s">
        <v>97035</v>
      </c>
    </row>
    <row r="27130" spans="1:10" x14ac:dyDescent="0.35">
      <c r="A27130" s="1" t="s">
        <v>1248</v>
      </c>
      <c r="B27130" s="1" t="s">
        <v>96627</v>
      </c>
      <c r="C27130" s="1" t="s">
        <v>20</v>
      </c>
      <c r="D27130" s="1" t="s">
        <v>96950</v>
      </c>
      <c r="E27130" s="1" t="s">
        <v>12798</v>
      </c>
      <c r="F27130" s="1" t="s">
        <v>97036</v>
      </c>
      <c r="G27130" s="1" t="s">
        <v>97032</v>
      </c>
      <c r="H27130" s="1" t="s">
        <v>97033</v>
      </c>
      <c r="I27130" s="1" t="s">
        <v>96632</v>
      </c>
      <c r="J27130" s="1" t="s">
        <v>97037</v>
      </c>
    </row>
    <row r="27131" spans="1:10" x14ac:dyDescent="0.35">
      <c r="A27131" s="1" t="s">
        <v>1248</v>
      </c>
      <c r="B27131" s="1" t="s">
        <v>96627</v>
      </c>
      <c r="C27131" s="1" t="s">
        <v>25</v>
      </c>
      <c r="D27131" s="1" t="s">
        <v>97038</v>
      </c>
      <c r="E27131" s="1" t="s">
        <v>21201</v>
      </c>
      <c r="F27131" s="1" t="s">
        <v>97039</v>
      </c>
      <c r="G27131" s="1" t="s">
        <v>97032</v>
      </c>
      <c r="H27131" s="1" t="s">
        <v>97033</v>
      </c>
      <c r="I27131" s="1" t="s">
        <v>96632</v>
      </c>
      <c r="J27131" s="1" t="s">
        <v>97040</v>
      </c>
    </row>
    <row r="27132" spans="1:10" x14ac:dyDescent="0.35">
      <c r="A27132" s="1" t="s">
        <v>1248</v>
      </c>
      <c r="B27132" s="1" t="s">
        <v>96627</v>
      </c>
      <c r="C27132" s="1" t="s">
        <v>30</v>
      </c>
      <c r="D27132" s="1" t="s">
        <v>97041</v>
      </c>
      <c r="E27132" s="1" t="s">
        <v>55325</v>
      </c>
      <c r="F27132" s="1" t="s">
        <v>97042</v>
      </c>
      <c r="G27132" s="1" t="s">
        <v>97032</v>
      </c>
      <c r="H27132" s="1" t="s">
        <v>97033</v>
      </c>
      <c r="I27132" s="1" t="s">
        <v>96632</v>
      </c>
      <c r="J27132" s="1" t="s">
        <v>97043</v>
      </c>
    </row>
    <row r="27133" spans="1:10" x14ac:dyDescent="0.35">
      <c r="A27133" s="1" t="s">
        <v>1248</v>
      </c>
      <c r="B27133" s="1" t="s">
        <v>96627</v>
      </c>
      <c r="C27133" s="1" t="s">
        <v>35</v>
      </c>
      <c r="D27133" s="1" t="s">
        <v>97044</v>
      </c>
      <c r="E27133" s="1" t="s">
        <v>56097</v>
      </c>
      <c r="F27133" s="1" t="s">
        <v>97045</v>
      </c>
      <c r="G27133" s="1" t="s">
        <v>97032</v>
      </c>
      <c r="H27133" s="1" t="s">
        <v>97033</v>
      </c>
      <c r="I27133" s="1" t="s">
        <v>96632</v>
      </c>
      <c r="J27133" s="1" t="s">
        <v>97046</v>
      </c>
    </row>
    <row r="27134" spans="1:10" x14ac:dyDescent="0.35">
      <c r="A27134" s="1" t="s">
        <v>1248</v>
      </c>
      <c r="B27134" s="1" t="s">
        <v>96627</v>
      </c>
      <c r="C27134" s="1" t="s">
        <v>40</v>
      </c>
      <c r="D27134" s="1" t="s">
        <v>97047</v>
      </c>
      <c r="E27134" s="1" t="s">
        <v>41429</v>
      </c>
      <c r="F27134" s="1" t="s">
        <v>97048</v>
      </c>
      <c r="G27134" s="1" t="s">
        <v>97032</v>
      </c>
      <c r="H27134" s="1" t="s">
        <v>97033</v>
      </c>
      <c r="I27134" s="1" t="s">
        <v>96632</v>
      </c>
      <c r="J27134" s="1" t="s">
        <v>97049</v>
      </c>
    </row>
    <row r="27135" spans="1:10" x14ac:dyDescent="0.35">
      <c r="A27135" s="1" t="s">
        <v>1248</v>
      </c>
      <c r="B27135" s="1" t="s">
        <v>96627</v>
      </c>
      <c r="C27135" s="1" t="s">
        <v>45</v>
      </c>
      <c r="D27135" s="1" t="s">
        <v>13474</v>
      </c>
      <c r="E27135" s="1" t="s">
        <v>23217</v>
      </c>
      <c r="F27135" s="1" t="s">
        <v>97050</v>
      </c>
      <c r="G27135" s="1" t="s">
        <v>97032</v>
      </c>
      <c r="H27135" s="1" t="s">
        <v>97033</v>
      </c>
      <c r="I27135" s="1" t="s">
        <v>96632</v>
      </c>
      <c r="J27135" s="1" t="s">
        <v>97051</v>
      </c>
    </row>
    <row r="27136" spans="1:10" x14ac:dyDescent="0.35">
      <c r="A27136" s="1" t="s">
        <v>1248</v>
      </c>
      <c r="B27136" s="1" t="s">
        <v>96627</v>
      </c>
      <c r="C27136" s="1" t="s">
        <v>50</v>
      </c>
      <c r="D27136" s="1" t="s">
        <v>97052</v>
      </c>
      <c r="E27136" s="1" t="s">
        <v>64410</v>
      </c>
      <c r="F27136" s="1" t="s">
        <v>97053</v>
      </c>
      <c r="G27136" s="1" t="s">
        <v>97032</v>
      </c>
      <c r="H27136" s="1" t="s">
        <v>97033</v>
      </c>
      <c r="I27136" s="1" t="s">
        <v>96632</v>
      </c>
      <c r="J27136" s="1" t="s">
        <v>97054</v>
      </c>
    </row>
    <row r="27137" spans="1:10" x14ac:dyDescent="0.35">
      <c r="A27137" s="1" t="s">
        <v>1248</v>
      </c>
      <c r="B27137" s="1" t="s">
        <v>96627</v>
      </c>
      <c r="C27137" s="1" t="s">
        <v>55</v>
      </c>
      <c r="D27137" s="1" t="s">
        <v>90486</v>
      </c>
      <c r="E27137" s="1" t="s">
        <v>21853</v>
      </c>
      <c r="F27137" s="1" t="s">
        <v>97055</v>
      </c>
      <c r="G27137" s="1" t="s">
        <v>97032</v>
      </c>
      <c r="H27137" s="1" t="s">
        <v>97033</v>
      </c>
      <c r="I27137" s="1" t="s">
        <v>96632</v>
      </c>
      <c r="J27137" s="1" t="s">
        <v>97056</v>
      </c>
    </row>
    <row r="27138" spans="1:10" x14ac:dyDescent="0.35">
      <c r="A27138" s="1" t="s">
        <v>1248</v>
      </c>
      <c r="B27138" s="1" t="s">
        <v>96627</v>
      </c>
      <c r="C27138" s="1" t="s">
        <v>60</v>
      </c>
      <c r="D27138" s="1" t="s">
        <v>97057</v>
      </c>
      <c r="E27138" s="1" t="s">
        <v>23457</v>
      </c>
      <c r="F27138" s="1" t="s">
        <v>97058</v>
      </c>
      <c r="G27138" s="1" t="s">
        <v>97032</v>
      </c>
      <c r="H27138" s="1" t="s">
        <v>97033</v>
      </c>
      <c r="I27138" s="1" t="s">
        <v>96632</v>
      </c>
      <c r="J27138" s="1" t="s">
        <v>97059</v>
      </c>
    </row>
    <row r="27139" spans="1:10" x14ac:dyDescent="0.35">
      <c r="A27139" s="1" t="s">
        <v>1248</v>
      </c>
      <c r="B27139" s="1" t="s">
        <v>96627</v>
      </c>
      <c r="C27139" s="1" t="s">
        <v>65</v>
      </c>
      <c r="D27139" s="1" t="s">
        <v>97060</v>
      </c>
      <c r="E27139" s="1" t="s">
        <v>21799</v>
      </c>
      <c r="F27139" s="1" t="s">
        <v>97061</v>
      </c>
      <c r="G27139" s="1" t="s">
        <v>97032</v>
      </c>
      <c r="H27139" s="1" t="s">
        <v>97033</v>
      </c>
      <c r="I27139" s="1" t="s">
        <v>96632</v>
      </c>
      <c r="J27139" s="1" t="s">
        <v>97062</v>
      </c>
    </row>
    <row r="27140" spans="1:10" x14ac:dyDescent="0.35">
      <c r="A27140" s="1" t="s">
        <v>1248</v>
      </c>
      <c r="B27140" s="1" t="s">
        <v>96627</v>
      </c>
      <c r="C27140" s="1" t="s">
        <v>70</v>
      </c>
      <c r="D27140" s="1" t="s">
        <v>54255</v>
      </c>
      <c r="E27140" s="1" t="s">
        <v>59335</v>
      </c>
      <c r="F27140" s="1" t="s">
        <v>97063</v>
      </c>
      <c r="G27140" s="1" t="s">
        <v>97032</v>
      </c>
      <c r="H27140" s="1" t="s">
        <v>97033</v>
      </c>
      <c r="I27140" s="1" t="s">
        <v>96632</v>
      </c>
      <c r="J27140" s="1" t="s">
        <v>97064</v>
      </c>
    </row>
    <row r="27141" spans="1:10" x14ac:dyDescent="0.35">
      <c r="A27141" s="1" t="s">
        <v>1248</v>
      </c>
      <c r="B27141" s="1" t="s">
        <v>96627</v>
      </c>
      <c r="C27141" s="1" t="s">
        <v>75</v>
      </c>
      <c r="D27141" s="1" t="s">
        <v>58307</v>
      </c>
      <c r="E27141" s="1" t="s">
        <v>21834</v>
      </c>
      <c r="F27141" s="1" t="s">
        <v>97065</v>
      </c>
      <c r="G27141" s="1" t="s">
        <v>97032</v>
      </c>
      <c r="H27141" s="1" t="s">
        <v>97033</v>
      </c>
      <c r="I27141" s="1" t="s">
        <v>96632</v>
      </c>
      <c r="J27141" s="1" t="s">
        <v>97066</v>
      </c>
    </row>
    <row r="27142" spans="1:10" x14ac:dyDescent="0.35">
      <c r="A27142" s="1" t="s">
        <v>1248</v>
      </c>
      <c r="B27142" s="1" t="s">
        <v>96627</v>
      </c>
      <c r="C27142" s="1" t="s">
        <v>80</v>
      </c>
      <c r="D27142" s="1" t="s">
        <v>97067</v>
      </c>
      <c r="E27142" s="1" t="s">
        <v>15245</v>
      </c>
      <c r="F27142" s="1" t="s">
        <v>97068</v>
      </c>
      <c r="G27142" s="1" t="s">
        <v>97032</v>
      </c>
      <c r="H27142" s="1" t="s">
        <v>97033</v>
      </c>
      <c r="I27142" s="1" t="s">
        <v>96632</v>
      </c>
      <c r="J27142" s="1" t="s">
        <v>97069</v>
      </c>
    </row>
    <row r="27143" spans="1:10" x14ac:dyDescent="0.35">
      <c r="A27143" s="1" t="s">
        <v>1248</v>
      </c>
      <c r="B27143" s="1" t="s">
        <v>96627</v>
      </c>
      <c r="C27143" s="1" t="s">
        <v>85</v>
      </c>
      <c r="D27143" s="1" t="s">
        <v>97070</v>
      </c>
      <c r="E27143" s="1" t="s">
        <v>60671</v>
      </c>
      <c r="F27143" s="1" t="s">
        <v>97071</v>
      </c>
      <c r="G27143" s="1" t="s">
        <v>97032</v>
      </c>
      <c r="H27143" s="1" t="s">
        <v>97033</v>
      </c>
      <c r="I27143" s="1" t="s">
        <v>96632</v>
      </c>
      <c r="J27143" s="1" t="s">
        <v>97072</v>
      </c>
    </row>
    <row r="27144" spans="1:10" x14ac:dyDescent="0.35">
      <c r="A27144" s="1" t="s">
        <v>1248</v>
      </c>
      <c r="B27144" s="1" t="s">
        <v>96627</v>
      </c>
      <c r="C27144" s="1" t="s">
        <v>90</v>
      </c>
      <c r="D27144" s="1" t="s">
        <v>97073</v>
      </c>
      <c r="E27144" s="1" t="s">
        <v>23221</v>
      </c>
      <c r="F27144" s="1" t="s">
        <v>97055</v>
      </c>
      <c r="G27144" s="1" t="s">
        <v>97032</v>
      </c>
      <c r="H27144" s="1" t="s">
        <v>97033</v>
      </c>
      <c r="I27144" s="1" t="s">
        <v>96632</v>
      </c>
      <c r="J27144" s="1" t="s">
        <v>97074</v>
      </c>
    </row>
    <row r="27145" spans="1:10" x14ac:dyDescent="0.35">
      <c r="A27145" s="1" t="s">
        <v>1248</v>
      </c>
      <c r="B27145" s="1" t="s">
        <v>96627</v>
      </c>
      <c r="C27145" s="1" t="s">
        <v>95</v>
      </c>
      <c r="D27145" s="1" t="s">
        <v>97075</v>
      </c>
      <c r="E27145" s="1" t="s">
        <v>56097</v>
      </c>
      <c r="F27145" s="1" t="s">
        <v>97076</v>
      </c>
      <c r="G27145" s="1" t="s">
        <v>97032</v>
      </c>
      <c r="H27145" s="1" t="s">
        <v>97033</v>
      </c>
      <c r="I27145" s="1" t="s">
        <v>96632</v>
      </c>
      <c r="J27145" s="1" t="s">
        <v>97077</v>
      </c>
    </row>
    <row r="27146" spans="1:10" x14ac:dyDescent="0.35">
      <c r="A27146" s="1" t="s">
        <v>1248</v>
      </c>
      <c r="B27146" s="1" t="s">
        <v>96627</v>
      </c>
      <c r="C27146" s="1" t="s">
        <v>100</v>
      </c>
      <c r="D27146" s="1" t="s">
        <v>65995</v>
      </c>
      <c r="E27146" s="1" t="s">
        <v>58497</v>
      </c>
      <c r="F27146" s="1" t="s">
        <v>97078</v>
      </c>
      <c r="G27146" s="1" t="s">
        <v>97032</v>
      </c>
      <c r="H27146" s="1" t="s">
        <v>97033</v>
      </c>
      <c r="I27146" s="1" t="s">
        <v>96632</v>
      </c>
      <c r="J27146" s="1" t="s">
        <v>97079</v>
      </c>
    </row>
    <row r="27147" spans="1:10" x14ac:dyDescent="0.35">
      <c r="A27147" s="1" t="s">
        <v>1248</v>
      </c>
      <c r="B27147" s="1" t="s">
        <v>96627</v>
      </c>
      <c r="C27147" s="1" t="s">
        <v>105</v>
      </c>
      <c r="D27147" s="1" t="s">
        <v>97080</v>
      </c>
      <c r="E27147" s="1" t="s">
        <v>32351</v>
      </c>
      <c r="F27147" s="1" t="s">
        <v>97081</v>
      </c>
      <c r="G27147" s="1" t="s">
        <v>97032</v>
      </c>
      <c r="H27147" s="1" t="s">
        <v>97033</v>
      </c>
      <c r="I27147" s="1" t="s">
        <v>96632</v>
      </c>
      <c r="J27147" s="1" t="s">
        <v>97082</v>
      </c>
    </row>
    <row r="27148" spans="1:10" x14ac:dyDescent="0.35">
      <c r="A27148" s="1" t="s">
        <v>1248</v>
      </c>
      <c r="B27148" s="1" t="s">
        <v>96627</v>
      </c>
      <c r="C27148" s="1" t="s">
        <v>110</v>
      </c>
      <c r="D27148" s="1" t="s">
        <v>97083</v>
      </c>
      <c r="E27148" s="1" t="s">
        <v>68252</v>
      </c>
      <c r="F27148" s="1" t="s">
        <v>97084</v>
      </c>
      <c r="G27148" s="1" t="s">
        <v>97032</v>
      </c>
      <c r="H27148" s="1" t="s">
        <v>97033</v>
      </c>
      <c r="I27148" s="1" t="s">
        <v>96632</v>
      </c>
      <c r="J27148" s="1" t="s">
        <v>97085</v>
      </c>
    </row>
    <row r="27149" spans="1:10" x14ac:dyDescent="0.35">
      <c r="A27149" s="1" t="s">
        <v>1248</v>
      </c>
      <c r="B27149" s="1" t="s">
        <v>96627</v>
      </c>
      <c r="C27149" s="1" t="s">
        <v>115</v>
      </c>
      <c r="D27149" s="1" t="s">
        <v>80407</v>
      </c>
      <c r="E27149" s="1" t="s">
        <v>32344</v>
      </c>
      <c r="F27149" s="1" t="s">
        <v>97086</v>
      </c>
      <c r="G27149" s="1" t="s">
        <v>97032</v>
      </c>
      <c r="H27149" s="1" t="s">
        <v>97033</v>
      </c>
      <c r="I27149" s="1" t="s">
        <v>96632</v>
      </c>
      <c r="J27149" s="1" t="s">
        <v>97087</v>
      </c>
    </row>
    <row r="27150" spans="1:10" x14ac:dyDescent="0.35">
      <c r="A27150" s="1" t="s">
        <v>1248</v>
      </c>
      <c r="B27150" s="1" t="s">
        <v>96627</v>
      </c>
      <c r="C27150" s="1" t="s">
        <v>120</v>
      </c>
      <c r="D27150" s="1" t="s">
        <v>97088</v>
      </c>
      <c r="E27150" s="1" t="s">
        <v>56901</v>
      </c>
      <c r="F27150" s="1" t="s">
        <v>97089</v>
      </c>
      <c r="G27150" s="1" t="s">
        <v>97032</v>
      </c>
      <c r="H27150" s="1" t="s">
        <v>97033</v>
      </c>
      <c r="I27150" s="1" t="s">
        <v>96632</v>
      </c>
      <c r="J27150" s="1" t="s">
        <v>97090</v>
      </c>
    </row>
    <row r="27151" spans="1:10" x14ac:dyDescent="0.35">
      <c r="A27151" s="1" t="s">
        <v>1248</v>
      </c>
      <c r="B27151" s="1" t="s">
        <v>96627</v>
      </c>
      <c r="C27151" s="1" t="s">
        <v>125</v>
      </c>
      <c r="D27151" s="1" t="s">
        <v>88006</v>
      </c>
      <c r="E27151" s="1" t="s">
        <v>23425</v>
      </c>
      <c r="F27151" s="1" t="s">
        <v>97091</v>
      </c>
      <c r="G27151" s="1" t="s">
        <v>97032</v>
      </c>
      <c r="H27151" s="1" t="s">
        <v>97033</v>
      </c>
      <c r="I27151" s="1" t="s">
        <v>96632</v>
      </c>
      <c r="J27151" s="1" t="s">
        <v>97092</v>
      </c>
    </row>
    <row r="27152" spans="1:10" x14ac:dyDescent="0.35">
      <c r="A27152" s="1" t="s">
        <v>1248</v>
      </c>
      <c r="B27152" s="1" t="s">
        <v>96627</v>
      </c>
      <c r="C27152" s="1" t="s">
        <v>130</v>
      </c>
      <c r="D27152" s="1" t="s">
        <v>76596</v>
      </c>
      <c r="E27152" s="1" t="s">
        <v>53876</v>
      </c>
      <c r="F27152" s="1" t="s">
        <v>97093</v>
      </c>
      <c r="G27152" s="1" t="s">
        <v>97032</v>
      </c>
      <c r="H27152" s="1" t="s">
        <v>97033</v>
      </c>
      <c r="I27152" s="1" t="s">
        <v>96632</v>
      </c>
      <c r="J27152" s="1" t="s">
        <v>97094</v>
      </c>
    </row>
    <row r="27153" spans="1:10" x14ac:dyDescent="0.35">
      <c r="A27153" s="1" t="s">
        <v>1248</v>
      </c>
      <c r="B27153" s="1" t="s">
        <v>96627</v>
      </c>
      <c r="C27153" s="1" t="s">
        <v>135</v>
      </c>
      <c r="D27153" s="1" t="s">
        <v>97095</v>
      </c>
      <c r="E27153" s="1" t="s">
        <v>59335</v>
      </c>
      <c r="F27153" s="1" t="s">
        <v>97096</v>
      </c>
      <c r="G27153" s="1" t="s">
        <v>97032</v>
      </c>
      <c r="H27153" s="1" t="s">
        <v>97033</v>
      </c>
      <c r="I27153" s="1" t="s">
        <v>96632</v>
      </c>
      <c r="J27153" s="1" t="s">
        <v>97097</v>
      </c>
    </row>
    <row r="27154" spans="1:10" x14ac:dyDescent="0.35">
      <c r="A27154" s="1" t="s">
        <v>1248</v>
      </c>
      <c r="B27154" s="1" t="s">
        <v>96627</v>
      </c>
      <c r="C27154" s="1" t="s">
        <v>140</v>
      </c>
      <c r="D27154" s="1" t="s">
        <v>97098</v>
      </c>
      <c r="E27154" s="1" t="s">
        <v>32376</v>
      </c>
      <c r="F27154" s="1" t="s">
        <v>97099</v>
      </c>
      <c r="G27154" s="1" t="s">
        <v>97032</v>
      </c>
      <c r="H27154" s="1" t="s">
        <v>97033</v>
      </c>
      <c r="I27154" s="1" t="s">
        <v>96632</v>
      </c>
      <c r="J27154" s="1" t="s">
        <v>97100</v>
      </c>
    </row>
    <row r="27155" spans="1:10" x14ac:dyDescent="0.35">
      <c r="A27155" s="1" t="s">
        <v>1248</v>
      </c>
      <c r="B27155" s="1" t="s">
        <v>96627</v>
      </c>
      <c r="C27155" s="1" t="s">
        <v>145</v>
      </c>
      <c r="D27155" s="1" t="s">
        <v>97101</v>
      </c>
      <c r="E27155" s="1" t="s">
        <v>32076</v>
      </c>
      <c r="F27155" s="1" t="s">
        <v>97102</v>
      </c>
      <c r="G27155" s="1" t="s">
        <v>97032</v>
      </c>
      <c r="H27155" s="1" t="s">
        <v>97033</v>
      </c>
      <c r="I27155" s="1" t="s">
        <v>96632</v>
      </c>
      <c r="J27155" s="1" t="s">
        <v>97103</v>
      </c>
    </row>
    <row r="27156" spans="1:10" x14ac:dyDescent="0.35">
      <c r="A27156" s="1" t="s">
        <v>1248</v>
      </c>
      <c r="B27156" s="1" t="s">
        <v>96627</v>
      </c>
      <c r="C27156" s="1" t="s">
        <v>150</v>
      </c>
      <c r="D27156" s="1" t="s">
        <v>69712</v>
      </c>
      <c r="E27156" s="1" t="s">
        <v>21853</v>
      </c>
      <c r="F27156" s="1" t="s">
        <v>22421</v>
      </c>
      <c r="G27156" s="1" t="s">
        <v>97032</v>
      </c>
      <c r="H27156" s="1" t="s">
        <v>97033</v>
      </c>
      <c r="I27156" s="1" t="s">
        <v>96632</v>
      </c>
      <c r="J27156" s="1" t="s">
        <v>97104</v>
      </c>
    </row>
    <row r="27157" spans="1:10" x14ac:dyDescent="0.35">
      <c r="A27157" s="1" t="s">
        <v>1248</v>
      </c>
      <c r="B27157" s="1" t="s">
        <v>96627</v>
      </c>
      <c r="C27157" s="1" t="s">
        <v>155</v>
      </c>
      <c r="D27157" s="1" t="s">
        <v>97105</v>
      </c>
      <c r="E27157" s="1" t="s">
        <v>57099</v>
      </c>
      <c r="F27157" s="1" t="s">
        <v>97106</v>
      </c>
      <c r="G27157" s="1" t="s">
        <v>97032</v>
      </c>
      <c r="H27157" s="1" t="s">
        <v>97033</v>
      </c>
      <c r="I27157" s="1" t="s">
        <v>96632</v>
      </c>
      <c r="J27157" s="1" t="s">
        <v>97107</v>
      </c>
    </row>
    <row r="27158" spans="1:10" x14ac:dyDescent="0.35">
      <c r="A27158" s="1" t="s">
        <v>1248</v>
      </c>
      <c r="B27158" s="1" t="s">
        <v>96627</v>
      </c>
      <c r="C27158" s="1" t="s">
        <v>160</v>
      </c>
      <c r="D27158" s="1" t="s">
        <v>97108</v>
      </c>
      <c r="E27158" s="1" t="s">
        <v>56097</v>
      </c>
      <c r="F27158" s="1" t="s">
        <v>97109</v>
      </c>
      <c r="G27158" s="1" t="s">
        <v>97032</v>
      </c>
      <c r="H27158" s="1" t="s">
        <v>97033</v>
      </c>
      <c r="I27158" s="1" t="s">
        <v>96632</v>
      </c>
      <c r="J27158" s="1" t="s">
        <v>97110</v>
      </c>
    </row>
    <row r="27159" spans="1:10" x14ac:dyDescent="0.35">
      <c r="A27159" s="1" t="s">
        <v>1248</v>
      </c>
      <c r="B27159" s="1" t="s">
        <v>96627</v>
      </c>
      <c r="C27159" s="1" t="s">
        <v>165</v>
      </c>
      <c r="D27159" s="1" t="s">
        <v>97111</v>
      </c>
      <c r="E27159" s="1" t="s">
        <v>24213</v>
      </c>
      <c r="F27159" s="1" t="s">
        <v>97112</v>
      </c>
      <c r="G27159" s="1" t="s">
        <v>97032</v>
      </c>
      <c r="H27159" s="1" t="s">
        <v>97033</v>
      </c>
      <c r="I27159" s="1" t="s">
        <v>96632</v>
      </c>
      <c r="J27159" s="1" t="s">
        <v>97113</v>
      </c>
    </row>
    <row r="27160" spans="1:10" x14ac:dyDescent="0.35">
      <c r="A27160" s="1" t="s">
        <v>1248</v>
      </c>
      <c r="B27160" s="1" t="s">
        <v>96627</v>
      </c>
      <c r="C27160" s="1" t="s">
        <v>170</v>
      </c>
      <c r="D27160" s="1" t="s">
        <v>76068</v>
      </c>
      <c r="E27160" s="1" t="s">
        <v>54178</v>
      </c>
      <c r="F27160" s="1" t="s">
        <v>97114</v>
      </c>
      <c r="G27160" s="1" t="s">
        <v>97032</v>
      </c>
      <c r="H27160" s="1" t="s">
        <v>97033</v>
      </c>
      <c r="I27160" s="1" t="s">
        <v>96632</v>
      </c>
      <c r="J27160" s="1" t="s">
        <v>97115</v>
      </c>
    </row>
    <row r="27161" spans="1:10" x14ac:dyDescent="0.35">
      <c r="A27161" s="1" t="s">
        <v>25206</v>
      </c>
      <c r="B27161" s="1" t="s">
        <v>96627</v>
      </c>
      <c r="C27161" s="1" t="s">
        <v>8</v>
      </c>
      <c r="D27161" s="1" t="s">
        <v>97116</v>
      </c>
      <c r="E27161" s="1" t="s">
        <v>15837</v>
      </c>
      <c r="F27161" s="1" t="s">
        <v>97117</v>
      </c>
      <c r="G27161" s="1" t="s">
        <v>97118</v>
      </c>
      <c r="H27161" s="1" t="s">
        <v>97119</v>
      </c>
      <c r="I27161" s="1" t="s">
        <v>96632</v>
      </c>
      <c r="J27161" s="1" t="s">
        <v>13</v>
      </c>
    </row>
    <row r="27162" spans="1:10" x14ac:dyDescent="0.35">
      <c r="A27162" s="1" t="s">
        <v>25206</v>
      </c>
      <c r="B27162" s="1" t="s">
        <v>96627</v>
      </c>
      <c r="C27162" s="1" t="s">
        <v>15</v>
      </c>
      <c r="D27162" s="1" t="s">
        <v>69183</v>
      </c>
      <c r="E27162" s="1" t="s">
        <v>15328</v>
      </c>
      <c r="F27162" s="1" t="s">
        <v>65864</v>
      </c>
      <c r="G27162" s="1" t="s">
        <v>97118</v>
      </c>
      <c r="H27162" s="1" t="s">
        <v>97119</v>
      </c>
      <c r="I27162" s="1" t="s">
        <v>96632</v>
      </c>
      <c r="J27162" s="1" t="s">
        <v>97120</v>
      </c>
    </row>
    <row r="27163" spans="1:10" x14ac:dyDescent="0.35">
      <c r="A27163" s="1" t="s">
        <v>25206</v>
      </c>
      <c r="B27163" s="1" t="s">
        <v>96627</v>
      </c>
      <c r="C27163" s="1" t="s">
        <v>20</v>
      </c>
      <c r="D27163" s="1" t="s">
        <v>11306</v>
      </c>
      <c r="E27163" s="1" t="s">
        <v>26478</v>
      </c>
      <c r="F27163" s="1" t="s">
        <v>97121</v>
      </c>
      <c r="G27163" s="1" t="s">
        <v>97118</v>
      </c>
      <c r="H27163" s="1" t="s">
        <v>97119</v>
      </c>
      <c r="I27163" s="1" t="s">
        <v>96632</v>
      </c>
      <c r="J27163" s="1" t="s">
        <v>97122</v>
      </c>
    </row>
    <row r="27164" spans="1:10" x14ac:dyDescent="0.35">
      <c r="A27164" s="1" t="s">
        <v>25206</v>
      </c>
      <c r="B27164" s="1" t="s">
        <v>96627</v>
      </c>
      <c r="C27164" s="1" t="s">
        <v>25</v>
      </c>
      <c r="D27164" s="1" t="s">
        <v>97123</v>
      </c>
      <c r="E27164" s="1" t="s">
        <v>54197</v>
      </c>
      <c r="F27164" s="1" t="s">
        <v>97124</v>
      </c>
      <c r="G27164" s="1" t="s">
        <v>97118</v>
      </c>
      <c r="H27164" s="1" t="s">
        <v>97119</v>
      </c>
      <c r="I27164" s="1" t="s">
        <v>96632</v>
      </c>
      <c r="J27164" s="1" t="s">
        <v>97125</v>
      </c>
    </row>
    <row r="27165" spans="1:10" x14ac:dyDescent="0.35">
      <c r="A27165" s="1" t="s">
        <v>25206</v>
      </c>
      <c r="B27165" s="1" t="s">
        <v>96627</v>
      </c>
      <c r="C27165" s="1" t="s">
        <v>30</v>
      </c>
      <c r="D27165" s="1" t="s">
        <v>95695</v>
      </c>
      <c r="E27165" s="1" t="s">
        <v>56046</v>
      </c>
      <c r="F27165" s="1" t="s">
        <v>97126</v>
      </c>
      <c r="G27165" s="1" t="s">
        <v>97118</v>
      </c>
      <c r="H27165" s="1" t="s">
        <v>97119</v>
      </c>
      <c r="I27165" s="1" t="s">
        <v>96632</v>
      </c>
      <c r="J27165" s="1" t="s">
        <v>97127</v>
      </c>
    </row>
    <row r="27166" spans="1:10" x14ac:dyDescent="0.35">
      <c r="A27166" s="1" t="s">
        <v>25206</v>
      </c>
      <c r="B27166" s="1" t="s">
        <v>96627</v>
      </c>
      <c r="C27166" s="1" t="s">
        <v>35</v>
      </c>
      <c r="D27166" s="1" t="s">
        <v>97128</v>
      </c>
      <c r="E27166" s="1" t="s">
        <v>26474</v>
      </c>
      <c r="F27166" s="1" t="s">
        <v>32321</v>
      </c>
      <c r="G27166" s="1" t="s">
        <v>97118</v>
      </c>
      <c r="H27166" s="1" t="s">
        <v>97119</v>
      </c>
      <c r="I27166" s="1" t="s">
        <v>96632</v>
      </c>
      <c r="J27166" s="1" t="s">
        <v>97129</v>
      </c>
    </row>
    <row r="27167" spans="1:10" x14ac:dyDescent="0.35">
      <c r="A27167" s="1" t="s">
        <v>25206</v>
      </c>
      <c r="B27167" s="1" t="s">
        <v>96627</v>
      </c>
      <c r="C27167" s="1" t="s">
        <v>40</v>
      </c>
      <c r="D27167" s="1" t="s">
        <v>97130</v>
      </c>
      <c r="E27167" s="1" t="s">
        <v>97131</v>
      </c>
      <c r="F27167" s="1" t="s">
        <v>65439</v>
      </c>
      <c r="G27167" s="1" t="s">
        <v>97118</v>
      </c>
      <c r="H27167" s="1" t="s">
        <v>97119</v>
      </c>
      <c r="I27167" s="1" t="s">
        <v>96632</v>
      </c>
      <c r="J27167" s="1" t="s">
        <v>97132</v>
      </c>
    </row>
    <row r="27168" spans="1:10" x14ac:dyDescent="0.35">
      <c r="A27168" s="1" t="s">
        <v>25206</v>
      </c>
      <c r="B27168" s="1" t="s">
        <v>96627</v>
      </c>
      <c r="C27168" s="1" t="s">
        <v>45</v>
      </c>
      <c r="D27168" s="1" t="s">
        <v>97133</v>
      </c>
      <c r="E27168" s="1" t="s">
        <v>64479</v>
      </c>
      <c r="F27168" s="1" t="s">
        <v>97134</v>
      </c>
      <c r="G27168" s="1" t="s">
        <v>97118</v>
      </c>
      <c r="H27168" s="1" t="s">
        <v>97119</v>
      </c>
      <c r="I27168" s="1" t="s">
        <v>96632</v>
      </c>
      <c r="J27168" s="1" t="s">
        <v>97135</v>
      </c>
    </row>
    <row r="27169" spans="1:10" x14ac:dyDescent="0.35">
      <c r="A27169" s="1" t="s">
        <v>25206</v>
      </c>
      <c r="B27169" s="1" t="s">
        <v>96627</v>
      </c>
      <c r="C27169" s="1" t="s">
        <v>50</v>
      </c>
      <c r="D27169" s="1" t="s">
        <v>97136</v>
      </c>
      <c r="E27169" s="1" t="s">
        <v>56154</v>
      </c>
      <c r="F27169" s="1" t="s">
        <v>97137</v>
      </c>
      <c r="G27169" s="1" t="s">
        <v>97118</v>
      </c>
      <c r="H27169" s="1" t="s">
        <v>97119</v>
      </c>
      <c r="I27169" s="1" t="s">
        <v>96632</v>
      </c>
      <c r="J27169" s="1" t="s">
        <v>97138</v>
      </c>
    </row>
    <row r="27170" spans="1:10" x14ac:dyDescent="0.35">
      <c r="A27170" s="1" t="s">
        <v>25206</v>
      </c>
      <c r="B27170" s="1" t="s">
        <v>96627</v>
      </c>
      <c r="C27170" s="1" t="s">
        <v>55</v>
      </c>
      <c r="D27170" s="1" t="s">
        <v>80354</v>
      </c>
      <c r="E27170" s="1" t="s">
        <v>22363</v>
      </c>
      <c r="F27170" s="1" t="s">
        <v>97139</v>
      </c>
      <c r="G27170" s="1" t="s">
        <v>97118</v>
      </c>
      <c r="H27170" s="1" t="s">
        <v>97119</v>
      </c>
      <c r="I27170" s="1" t="s">
        <v>96632</v>
      </c>
      <c r="J27170" s="1" t="s">
        <v>97140</v>
      </c>
    </row>
    <row r="27171" spans="1:10" x14ac:dyDescent="0.35">
      <c r="A27171" s="1" t="s">
        <v>25206</v>
      </c>
      <c r="B27171" s="1" t="s">
        <v>96627</v>
      </c>
      <c r="C27171" s="1" t="s">
        <v>60</v>
      </c>
      <c r="D27171" s="1" t="s">
        <v>61152</v>
      </c>
      <c r="E27171" s="1" t="s">
        <v>59099</v>
      </c>
      <c r="F27171" s="1" t="s">
        <v>41556</v>
      </c>
      <c r="G27171" s="1" t="s">
        <v>97118</v>
      </c>
      <c r="H27171" s="1" t="s">
        <v>97119</v>
      </c>
      <c r="I27171" s="1" t="s">
        <v>96632</v>
      </c>
      <c r="J27171" s="1" t="s">
        <v>97141</v>
      </c>
    </row>
    <row r="27172" spans="1:10" x14ac:dyDescent="0.35">
      <c r="A27172" s="1" t="s">
        <v>25206</v>
      </c>
      <c r="B27172" s="1" t="s">
        <v>96627</v>
      </c>
      <c r="C27172" s="1" t="s">
        <v>65</v>
      </c>
      <c r="D27172" s="1" t="s">
        <v>83818</v>
      </c>
      <c r="E27172" s="1" t="s">
        <v>31949</v>
      </c>
      <c r="F27172" s="1" t="s">
        <v>97142</v>
      </c>
      <c r="G27172" s="1" t="s">
        <v>97118</v>
      </c>
      <c r="H27172" s="1" t="s">
        <v>97119</v>
      </c>
      <c r="I27172" s="1" t="s">
        <v>96632</v>
      </c>
      <c r="J27172" s="1" t="s">
        <v>97143</v>
      </c>
    </row>
    <row r="27173" spans="1:10" x14ac:dyDescent="0.35">
      <c r="A27173" s="1" t="s">
        <v>25206</v>
      </c>
      <c r="B27173" s="1" t="s">
        <v>96627</v>
      </c>
      <c r="C27173" s="1" t="s">
        <v>70</v>
      </c>
      <c r="D27173" s="1" t="s">
        <v>97144</v>
      </c>
      <c r="E27173" s="1" t="s">
        <v>26474</v>
      </c>
      <c r="F27173" s="1" t="s">
        <v>97145</v>
      </c>
      <c r="G27173" s="1" t="s">
        <v>97118</v>
      </c>
      <c r="H27173" s="1" t="s">
        <v>97119</v>
      </c>
      <c r="I27173" s="1" t="s">
        <v>96632</v>
      </c>
      <c r="J27173" s="1" t="s">
        <v>97146</v>
      </c>
    </row>
    <row r="27174" spans="1:10" x14ac:dyDescent="0.35">
      <c r="A27174" s="1" t="s">
        <v>25206</v>
      </c>
      <c r="B27174" s="1" t="s">
        <v>96627</v>
      </c>
      <c r="C27174" s="1" t="s">
        <v>75</v>
      </c>
      <c r="D27174" s="1" t="s">
        <v>63377</v>
      </c>
      <c r="E27174" s="1" t="s">
        <v>27066</v>
      </c>
      <c r="F27174" s="1" t="s">
        <v>97147</v>
      </c>
      <c r="G27174" s="1" t="s">
        <v>97118</v>
      </c>
      <c r="H27174" s="1" t="s">
        <v>97119</v>
      </c>
      <c r="I27174" s="1" t="s">
        <v>96632</v>
      </c>
      <c r="J27174" s="1" t="s">
        <v>97148</v>
      </c>
    </row>
    <row r="27175" spans="1:10" x14ac:dyDescent="0.35">
      <c r="A27175" s="1" t="s">
        <v>25206</v>
      </c>
      <c r="B27175" s="1" t="s">
        <v>96627</v>
      </c>
      <c r="C27175" s="1" t="s">
        <v>80</v>
      </c>
      <c r="D27175" s="1" t="s">
        <v>97149</v>
      </c>
      <c r="E27175" s="1" t="s">
        <v>26474</v>
      </c>
      <c r="F27175" s="1" t="s">
        <v>97150</v>
      </c>
      <c r="G27175" s="1" t="s">
        <v>97118</v>
      </c>
      <c r="H27175" s="1" t="s">
        <v>97119</v>
      </c>
      <c r="I27175" s="1" t="s">
        <v>96632</v>
      </c>
      <c r="J27175" s="1" t="s">
        <v>97151</v>
      </c>
    </row>
    <row r="27176" spans="1:10" x14ac:dyDescent="0.35">
      <c r="A27176" s="1" t="s">
        <v>25206</v>
      </c>
      <c r="B27176" s="1" t="s">
        <v>96627</v>
      </c>
      <c r="C27176" s="1" t="s">
        <v>85</v>
      </c>
      <c r="D27176" s="1" t="s">
        <v>97152</v>
      </c>
      <c r="E27176" s="1" t="s">
        <v>26592</v>
      </c>
      <c r="F27176" s="1" t="s">
        <v>63123</v>
      </c>
      <c r="G27176" s="1" t="s">
        <v>97118</v>
      </c>
      <c r="H27176" s="1" t="s">
        <v>97119</v>
      </c>
      <c r="I27176" s="1" t="s">
        <v>96632</v>
      </c>
      <c r="J27176" s="1" t="s">
        <v>97153</v>
      </c>
    </row>
    <row r="27177" spans="1:10" x14ac:dyDescent="0.35">
      <c r="A27177" s="1" t="s">
        <v>25206</v>
      </c>
      <c r="B27177" s="1" t="s">
        <v>96627</v>
      </c>
      <c r="C27177" s="1" t="s">
        <v>90</v>
      </c>
      <c r="D27177" s="1" t="s">
        <v>97154</v>
      </c>
      <c r="E27177" s="1" t="s">
        <v>97155</v>
      </c>
      <c r="F27177" s="1" t="s">
        <v>97156</v>
      </c>
      <c r="G27177" s="1" t="s">
        <v>97118</v>
      </c>
      <c r="H27177" s="1" t="s">
        <v>97119</v>
      </c>
      <c r="I27177" s="1" t="s">
        <v>96632</v>
      </c>
      <c r="J27177" s="1" t="s">
        <v>97157</v>
      </c>
    </row>
    <row r="27178" spans="1:10" x14ac:dyDescent="0.35">
      <c r="A27178" s="1" t="s">
        <v>25206</v>
      </c>
      <c r="B27178" s="1" t="s">
        <v>96627</v>
      </c>
      <c r="C27178" s="1" t="s">
        <v>95</v>
      </c>
      <c r="D27178" s="1" t="s">
        <v>56855</v>
      </c>
      <c r="E27178" s="1" t="s">
        <v>22363</v>
      </c>
      <c r="F27178" s="1" t="s">
        <v>88255</v>
      </c>
      <c r="G27178" s="1" t="s">
        <v>97118</v>
      </c>
      <c r="H27178" s="1" t="s">
        <v>97119</v>
      </c>
      <c r="I27178" s="1" t="s">
        <v>96632</v>
      </c>
      <c r="J27178" s="1" t="s">
        <v>97158</v>
      </c>
    </row>
    <row r="27179" spans="1:10" x14ac:dyDescent="0.35">
      <c r="A27179" s="1" t="s">
        <v>25206</v>
      </c>
      <c r="B27179" s="1" t="s">
        <v>96627</v>
      </c>
      <c r="C27179" s="1" t="s">
        <v>100</v>
      </c>
      <c r="D27179" s="1" t="s">
        <v>97159</v>
      </c>
      <c r="E27179" s="1" t="s">
        <v>57960</v>
      </c>
      <c r="F27179" s="1" t="s">
        <v>97160</v>
      </c>
      <c r="G27179" s="1" t="s">
        <v>97118</v>
      </c>
      <c r="H27179" s="1" t="s">
        <v>97119</v>
      </c>
      <c r="I27179" s="1" t="s">
        <v>96632</v>
      </c>
      <c r="J27179" s="1" t="s">
        <v>97161</v>
      </c>
    </row>
    <row r="27180" spans="1:10" x14ac:dyDescent="0.35">
      <c r="A27180" s="1" t="s">
        <v>25206</v>
      </c>
      <c r="B27180" s="1" t="s">
        <v>96627</v>
      </c>
      <c r="C27180" s="1" t="s">
        <v>105</v>
      </c>
      <c r="D27180" s="1" t="s">
        <v>97162</v>
      </c>
      <c r="E27180" s="1" t="s">
        <v>58089</v>
      </c>
      <c r="F27180" s="1" t="s">
        <v>97163</v>
      </c>
      <c r="G27180" s="1" t="s">
        <v>97118</v>
      </c>
      <c r="H27180" s="1" t="s">
        <v>97119</v>
      </c>
      <c r="I27180" s="1" t="s">
        <v>96632</v>
      </c>
      <c r="J27180" s="1" t="s">
        <v>97164</v>
      </c>
    </row>
    <row r="27181" spans="1:10" x14ac:dyDescent="0.35">
      <c r="A27181" s="1" t="s">
        <v>25206</v>
      </c>
      <c r="B27181" s="1" t="s">
        <v>96627</v>
      </c>
      <c r="C27181" s="1" t="s">
        <v>110</v>
      </c>
      <c r="D27181" s="1" t="s">
        <v>97165</v>
      </c>
      <c r="E27181" s="1" t="s">
        <v>54197</v>
      </c>
      <c r="F27181" s="1" t="s">
        <v>97166</v>
      </c>
      <c r="G27181" s="1" t="s">
        <v>97118</v>
      </c>
      <c r="H27181" s="1" t="s">
        <v>97119</v>
      </c>
      <c r="I27181" s="1" t="s">
        <v>96632</v>
      </c>
      <c r="J27181" s="1" t="s">
        <v>97167</v>
      </c>
    </row>
    <row r="27182" spans="1:10" x14ac:dyDescent="0.35">
      <c r="A27182" s="1" t="s">
        <v>25206</v>
      </c>
      <c r="B27182" s="1" t="s">
        <v>96627</v>
      </c>
      <c r="C27182" s="1" t="s">
        <v>115</v>
      </c>
      <c r="D27182" s="1" t="s">
        <v>24926</v>
      </c>
      <c r="E27182" s="1" t="s">
        <v>97168</v>
      </c>
      <c r="F27182" s="1" t="s">
        <v>97169</v>
      </c>
      <c r="G27182" s="1" t="s">
        <v>97118</v>
      </c>
      <c r="H27182" s="1" t="s">
        <v>97119</v>
      </c>
      <c r="I27182" s="1" t="s">
        <v>96632</v>
      </c>
      <c r="J27182" s="1" t="s">
        <v>97170</v>
      </c>
    </row>
    <row r="27183" spans="1:10" x14ac:dyDescent="0.35">
      <c r="A27183" s="1" t="s">
        <v>25206</v>
      </c>
      <c r="B27183" s="1" t="s">
        <v>96627</v>
      </c>
      <c r="C27183" s="1" t="s">
        <v>120</v>
      </c>
      <c r="D27183" s="1" t="s">
        <v>97171</v>
      </c>
      <c r="E27183" s="1" t="s">
        <v>24258</v>
      </c>
      <c r="F27183" s="1" t="s">
        <v>97172</v>
      </c>
      <c r="G27183" s="1" t="s">
        <v>97118</v>
      </c>
      <c r="H27183" s="1" t="s">
        <v>97119</v>
      </c>
      <c r="I27183" s="1" t="s">
        <v>96632</v>
      </c>
      <c r="J27183" s="1" t="s">
        <v>97173</v>
      </c>
    </row>
    <row r="27184" spans="1:10" x14ac:dyDescent="0.35">
      <c r="A27184" s="1" t="s">
        <v>25206</v>
      </c>
      <c r="B27184" s="1" t="s">
        <v>96627</v>
      </c>
      <c r="C27184" s="1" t="s">
        <v>125</v>
      </c>
      <c r="D27184" s="1" t="s">
        <v>97174</v>
      </c>
      <c r="E27184" s="1" t="s">
        <v>23228</v>
      </c>
      <c r="F27184" s="1" t="s">
        <v>97175</v>
      </c>
      <c r="G27184" s="1" t="s">
        <v>97118</v>
      </c>
      <c r="H27184" s="1" t="s">
        <v>97119</v>
      </c>
      <c r="I27184" s="1" t="s">
        <v>96632</v>
      </c>
      <c r="J27184" s="1" t="s">
        <v>97176</v>
      </c>
    </row>
    <row r="27185" spans="1:10" x14ac:dyDescent="0.35">
      <c r="A27185" s="1" t="s">
        <v>25206</v>
      </c>
      <c r="B27185" s="1" t="s">
        <v>96627</v>
      </c>
      <c r="C27185" s="1" t="s">
        <v>130</v>
      </c>
      <c r="D27185" s="1" t="s">
        <v>97177</v>
      </c>
      <c r="E27185" s="1" t="s">
        <v>65426</v>
      </c>
      <c r="F27185" s="1" t="s">
        <v>97178</v>
      </c>
      <c r="G27185" s="1" t="s">
        <v>97118</v>
      </c>
      <c r="H27185" s="1" t="s">
        <v>97119</v>
      </c>
      <c r="I27185" s="1" t="s">
        <v>96632</v>
      </c>
      <c r="J27185" s="1" t="s">
        <v>97179</v>
      </c>
    </row>
    <row r="27186" spans="1:10" x14ac:dyDescent="0.35">
      <c r="A27186" s="1" t="s">
        <v>25206</v>
      </c>
      <c r="B27186" s="1" t="s">
        <v>96627</v>
      </c>
      <c r="C27186" s="1" t="s">
        <v>135</v>
      </c>
      <c r="D27186" s="1" t="s">
        <v>97180</v>
      </c>
      <c r="E27186" s="1" t="s">
        <v>22345</v>
      </c>
      <c r="F27186" s="1" t="s">
        <v>97181</v>
      </c>
      <c r="G27186" s="1" t="s">
        <v>97118</v>
      </c>
      <c r="H27186" s="1" t="s">
        <v>97119</v>
      </c>
      <c r="I27186" s="1" t="s">
        <v>96632</v>
      </c>
      <c r="J27186" s="1" t="s">
        <v>97182</v>
      </c>
    </row>
    <row r="27187" spans="1:10" x14ac:dyDescent="0.35">
      <c r="A27187" s="1" t="s">
        <v>25206</v>
      </c>
      <c r="B27187" s="1" t="s">
        <v>96627</v>
      </c>
      <c r="C27187" s="1" t="s">
        <v>140</v>
      </c>
      <c r="D27187" s="1" t="s">
        <v>97183</v>
      </c>
      <c r="E27187" s="1" t="s">
        <v>26225</v>
      </c>
      <c r="F27187" s="1" t="s">
        <v>97184</v>
      </c>
      <c r="G27187" s="1" t="s">
        <v>97118</v>
      </c>
      <c r="H27187" s="1" t="s">
        <v>97119</v>
      </c>
      <c r="I27187" s="1" t="s">
        <v>96632</v>
      </c>
      <c r="J27187" s="1" t="s">
        <v>97185</v>
      </c>
    </row>
    <row r="27188" spans="1:10" x14ac:dyDescent="0.35">
      <c r="A27188" s="1" t="s">
        <v>25206</v>
      </c>
      <c r="B27188" s="1" t="s">
        <v>96627</v>
      </c>
      <c r="C27188" s="1" t="s">
        <v>145</v>
      </c>
      <c r="D27188" s="1" t="s">
        <v>97186</v>
      </c>
      <c r="E27188" s="1" t="s">
        <v>15876</v>
      </c>
      <c r="F27188" s="1" t="s">
        <v>97187</v>
      </c>
      <c r="G27188" s="1" t="s">
        <v>97118</v>
      </c>
      <c r="H27188" s="1" t="s">
        <v>97119</v>
      </c>
      <c r="I27188" s="1" t="s">
        <v>96632</v>
      </c>
      <c r="J27188" s="1" t="s">
        <v>97188</v>
      </c>
    </row>
    <row r="27189" spans="1:10" x14ac:dyDescent="0.35">
      <c r="A27189" s="1" t="s">
        <v>25206</v>
      </c>
      <c r="B27189" s="1" t="s">
        <v>96627</v>
      </c>
      <c r="C27189" s="1" t="s">
        <v>150</v>
      </c>
      <c r="D27189" s="1" t="s">
        <v>86042</v>
      </c>
      <c r="E27189" s="1" t="s">
        <v>22294</v>
      </c>
      <c r="F27189" s="1" t="s">
        <v>97189</v>
      </c>
      <c r="G27189" s="1" t="s">
        <v>97118</v>
      </c>
      <c r="H27189" s="1" t="s">
        <v>97119</v>
      </c>
      <c r="I27189" s="1" t="s">
        <v>96632</v>
      </c>
      <c r="J27189" s="1" t="s">
        <v>97190</v>
      </c>
    </row>
    <row r="27190" spans="1:10" x14ac:dyDescent="0.35">
      <c r="A27190" s="1" t="s">
        <v>25206</v>
      </c>
      <c r="B27190" s="1" t="s">
        <v>96627</v>
      </c>
      <c r="C27190" s="1" t="s">
        <v>155</v>
      </c>
      <c r="D27190" s="1" t="s">
        <v>97191</v>
      </c>
      <c r="E27190" s="1" t="s">
        <v>15432</v>
      </c>
      <c r="F27190" s="1" t="s">
        <v>97192</v>
      </c>
      <c r="G27190" s="1" t="s">
        <v>97118</v>
      </c>
      <c r="H27190" s="1" t="s">
        <v>97119</v>
      </c>
      <c r="I27190" s="1" t="s">
        <v>96632</v>
      </c>
      <c r="J27190" s="1" t="s">
        <v>97193</v>
      </c>
    </row>
    <row r="27191" spans="1:10" x14ac:dyDescent="0.35">
      <c r="A27191" s="1" t="s">
        <v>25206</v>
      </c>
      <c r="B27191" s="1" t="s">
        <v>96627</v>
      </c>
      <c r="C27191" s="1" t="s">
        <v>160</v>
      </c>
      <c r="D27191" s="1" t="s">
        <v>97194</v>
      </c>
      <c r="E27191" s="1" t="s">
        <v>27134</v>
      </c>
      <c r="F27191" s="1" t="s">
        <v>97195</v>
      </c>
      <c r="G27191" s="1" t="s">
        <v>97118</v>
      </c>
      <c r="H27191" s="1" t="s">
        <v>97119</v>
      </c>
      <c r="I27191" s="1" t="s">
        <v>96632</v>
      </c>
      <c r="J27191" s="1" t="s">
        <v>97196</v>
      </c>
    </row>
    <row r="27192" spans="1:10" x14ac:dyDescent="0.35">
      <c r="A27192" s="1" t="s">
        <v>25206</v>
      </c>
      <c r="B27192" s="1" t="s">
        <v>96627</v>
      </c>
      <c r="C27192" s="1" t="s">
        <v>165</v>
      </c>
      <c r="D27192" s="1" t="s">
        <v>97197</v>
      </c>
      <c r="E27192" s="1" t="s">
        <v>15829</v>
      </c>
      <c r="F27192" s="1" t="s">
        <v>64898</v>
      </c>
      <c r="G27192" s="1" t="s">
        <v>97118</v>
      </c>
      <c r="H27192" s="1" t="s">
        <v>97119</v>
      </c>
      <c r="I27192" s="1" t="s">
        <v>96632</v>
      </c>
      <c r="J27192" s="1" t="s">
        <v>97198</v>
      </c>
    </row>
    <row r="27193" spans="1:10" x14ac:dyDescent="0.35">
      <c r="A27193" s="1" t="s">
        <v>25206</v>
      </c>
      <c r="B27193" s="1" t="s">
        <v>96627</v>
      </c>
      <c r="C27193" s="1" t="s">
        <v>170</v>
      </c>
      <c r="D27193" s="1" t="s">
        <v>97199</v>
      </c>
      <c r="E27193" s="1" t="s">
        <v>97200</v>
      </c>
      <c r="F27193" s="1" t="s">
        <v>65304</v>
      </c>
      <c r="G27193" s="1" t="s">
        <v>97118</v>
      </c>
      <c r="H27193" s="1" t="s">
        <v>97119</v>
      </c>
      <c r="I27193" s="1" t="s">
        <v>96632</v>
      </c>
      <c r="J27193" s="1" t="s">
        <v>97201</v>
      </c>
    </row>
    <row r="27194" spans="1:10" x14ac:dyDescent="0.35">
      <c r="A27194" s="1" t="s">
        <v>97202</v>
      </c>
      <c r="B27194" s="1" t="s">
        <v>96627</v>
      </c>
      <c r="C27194" s="1" t="s">
        <v>8</v>
      </c>
      <c r="D27194" s="1" t="s">
        <v>97203</v>
      </c>
      <c r="E27194" s="1" t="s">
        <v>23217</v>
      </c>
      <c r="F27194" s="1" t="s">
        <v>97204</v>
      </c>
      <c r="G27194" s="1" t="s">
        <v>97205</v>
      </c>
      <c r="H27194" s="1" t="s">
        <v>97206</v>
      </c>
      <c r="I27194" s="1" t="s">
        <v>96632</v>
      </c>
      <c r="J27194" s="1" t="s">
        <v>13</v>
      </c>
    </row>
    <row r="27195" spans="1:10" x14ac:dyDescent="0.35">
      <c r="A27195" s="1" t="s">
        <v>97202</v>
      </c>
      <c r="B27195" s="1" t="s">
        <v>96627</v>
      </c>
      <c r="C27195" s="1" t="s">
        <v>15</v>
      </c>
      <c r="D27195" s="1" t="s">
        <v>97207</v>
      </c>
      <c r="E27195" s="1" t="s">
        <v>12798</v>
      </c>
      <c r="F27195" s="1" t="s">
        <v>59538</v>
      </c>
      <c r="G27195" s="1" t="s">
        <v>97205</v>
      </c>
      <c r="H27195" s="1" t="s">
        <v>97206</v>
      </c>
      <c r="I27195" s="1" t="s">
        <v>96632</v>
      </c>
      <c r="J27195" s="1" t="s">
        <v>97208</v>
      </c>
    </row>
    <row r="27196" spans="1:10" x14ac:dyDescent="0.35">
      <c r="A27196" s="1" t="s">
        <v>97202</v>
      </c>
      <c r="B27196" s="1" t="s">
        <v>96627</v>
      </c>
      <c r="C27196" s="1" t="s">
        <v>20</v>
      </c>
      <c r="D27196" s="1" t="s">
        <v>90147</v>
      </c>
      <c r="E27196" s="1" t="s">
        <v>31394</v>
      </c>
      <c r="F27196" s="1" t="s">
        <v>97209</v>
      </c>
      <c r="G27196" s="1" t="s">
        <v>97205</v>
      </c>
      <c r="H27196" s="1" t="s">
        <v>97206</v>
      </c>
      <c r="I27196" s="1" t="s">
        <v>96632</v>
      </c>
      <c r="J27196" s="1" t="s">
        <v>97210</v>
      </c>
    </row>
    <row r="27197" spans="1:10" x14ac:dyDescent="0.35">
      <c r="A27197" s="1" t="s">
        <v>97202</v>
      </c>
      <c r="B27197" s="1" t="s">
        <v>96627</v>
      </c>
      <c r="C27197" s="1" t="s">
        <v>25</v>
      </c>
      <c r="D27197" s="1" t="s">
        <v>97211</v>
      </c>
      <c r="E27197" s="1" t="s">
        <v>12829</v>
      </c>
      <c r="F27197" s="1" t="s">
        <v>97212</v>
      </c>
      <c r="G27197" s="1" t="s">
        <v>97205</v>
      </c>
      <c r="H27197" s="1" t="s">
        <v>97206</v>
      </c>
      <c r="I27197" s="1" t="s">
        <v>96632</v>
      </c>
      <c r="J27197" s="1" t="s">
        <v>97213</v>
      </c>
    </row>
    <row r="27198" spans="1:10" x14ac:dyDescent="0.35">
      <c r="A27198" s="1" t="s">
        <v>97202</v>
      </c>
      <c r="B27198" s="1" t="s">
        <v>96627</v>
      </c>
      <c r="C27198" s="1" t="s">
        <v>30</v>
      </c>
      <c r="D27198" s="1" t="s">
        <v>97214</v>
      </c>
      <c r="E27198" s="1" t="s">
        <v>24225</v>
      </c>
      <c r="F27198" s="1" t="s">
        <v>97215</v>
      </c>
      <c r="G27198" s="1" t="s">
        <v>97205</v>
      </c>
      <c r="H27198" s="1" t="s">
        <v>97206</v>
      </c>
      <c r="I27198" s="1" t="s">
        <v>96632</v>
      </c>
      <c r="J27198" s="1" t="s">
        <v>97216</v>
      </c>
    </row>
    <row r="27199" spans="1:10" x14ac:dyDescent="0.35">
      <c r="A27199" s="1" t="s">
        <v>97202</v>
      </c>
      <c r="B27199" s="1" t="s">
        <v>96627</v>
      </c>
      <c r="C27199" s="1" t="s">
        <v>35</v>
      </c>
      <c r="D27199" s="1" t="s">
        <v>97217</v>
      </c>
      <c r="E27199" s="1" t="s">
        <v>16150</v>
      </c>
      <c r="F27199" s="1" t="s">
        <v>97218</v>
      </c>
      <c r="G27199" s="1" t="s">
        <v>97205</v>
      </c>
      <c r="H27199" s="1" t="s">
        <v>97206</v>
      </c>
      <c r="I27199" s="1" t="s">
        <v>96632</v>
      </c>
      <c r="J27199" s="1" t="s">
        <v>97219</v>
      </c>
    </row>
    <row r="27200" spans="1:10" x14ac:dyDescent="0.35">
      <c r="A27200" s="1" t="s">
        <v>97202</v>
      </c>
      <c r="B27200" s="1" t="s">
        <v>96627</v>
      </c>
      <c r="C27200" s="1" t="s">
        <v>40</v>
      </c>
      <c r="D27200" s="1" t="s">
        <v>97220</v>
      </c>
      <c r="E27200" s="1" t="s">
        <v>24363</v>
      </c>
      <c r="F27200" s="1" t="s">
        <v>97221</v>
      </c>
      <c r="G27200" s="1" t="s">
        <v>97205</v>
      </c>
      <c r="H27200" s="1" t="s">
        <v>97206</v>
      </c>
      <c r="I27200" s="1" t="s">
        <v>96632</v>
      </c>
      <c r="J27200" s="1" t="s">
        <v>97222</v>
      </c>
    </row>
    <row r="27201" spans="1:10" x14ac:dyDescent="0.35">
      <c r="A27201" s="1" t="s">
        <v>97202</v>
      </c>
      <c r="B27201" s="1" t="s">
        <v>96627</v>
      </c>
      <c r="C27201" s="1" t="s">
        <v>45</v>
      </c>
      <c r="D27201" s="1" t="s">
        <v>97223</v>
      </c>
      <c r="E27201" s="1" t="s">
        <v>31949</v>
      </c>
      <c r="F27201" s="1" t="s">
        <v>97224</v>
      </c>
      <c r="G27201" s="1" t="s">
        <v>97205</v>
      </c>
      <c r="H27201" s="1" t="s">
        <v>97206</v>
      </c>
      <c r="I27201" s="1" t="s">
        <v>96632</v>
      </c>
      <c r="J27201" s="1" t="s">
        <v>97225</v>
      </c>
    </row>
    <row r="27202" spans="1:10" x14ac:dyDescent="0.35">
      <c r="A27202" s="1" t="s">
        <v>97202</v>
      </c>
      <c r="B27202" s="1" t="s">
        <v>96627</v>
      </c>
      <c r="C27202" s="1" t="s">
        <v>50</v>
      </c>
      <c r="D27202" s="1" t="s">
        <v>63485</v>
      </c>
      <c r="E27202" s="1" t="s">
        <v>61432</v>
      </c>
      <c r="F27202" s="1" t="s">
        <v>97226</v>
      </c>
      <c r="G27202" s="1" t="s">
        <v>97205</v>
      </c>
      <c r="H27202" s="1" t="s">
        <v>97206</v>
      </c>
      <c r="I27202" s="1" t="s">
        <v>96632</v>
      </c>
      <c r="J27202" s="1" t="s">
        <v>97227</v>
      </c>
    </row>
    <row r="27203" spans="1:10" x14ac:dyDescent="0.35">
      <c r="A27203" s="1" t="s">
        <v>97202</v>
      </c>
      <c r="B27203" s="1" t="s">
        <v>96627</v>
      </c>
      <c r="C27203" s="1" t="s">
        <v>55</v>
      </c>
      <c r="D27203" s="1" t="s">
        <v>26530</v>
      </c>
      <c r="E27203" s="1" t="s">
        <v>97228</v>
      </c>
      <c r="F27203" s="1" t="s">
        <v>64253</v>
      </c>
      <c r="G27203" s="1" t="s">
        <v>97205</v>
      </c>
      <c r="H27203" s="1" t="s">
        <v>97206</v>
      </c>
      <c r="I27203" s="1" t="s">
        <v>96632</v>
      </c>
      <c r="J27203" s="1" t="s">
        <v>97229</v>
      </c>
    </row>
    <row r="27204" spans="1:10" x14ac:dyDescent="0.35">
      <c r="A27204" s="1" t="s">
        <v>97202</v>
      </c>
      <c r="B27204" s="1" t="s">
        <v>96627</v>
      </c>
      <c r="C27204" s="1" t="s">
        <v>60</v>
      </c>
      <c r="D27204" s="1" t="s">
        <v>97230</v>
      </c>
      <c r="E27204" s="1" t="s">
        <v>32076</v>
      </c>
      <c r="F27204" s="1" t="s">
        <v>97231</v>
      </c>
      <c r="G27204" s="1" t="s">
        <v>97205</v>
      </c>
      <c r="H27204" s="1" t="s">
        <v>97206</v>
      </c>
      <c r="I27204" s="1" t="s">
        <v>96632</v>
      </c>
      <c r="J27204" s="1" t="s">
        <v>97232</v>
      </c>
    </row>
    <row r="27205" spans="1:10" x14ac:dyDescent="0.35">
      <c r="A27205" s="1" t="s">
        <v>97202</v>
      </c>
      <c r="B27205" s="1" t="s">
        <v>96627</v>
      </c>
      <c r="C27205" s="1" t="s">
        <v>65</v>
      </c>
      <c r="D27205" s="1" t="s">
        <v>97233</v>
      </c>
      <c r="E27205" s="1" t="s">
        <v>26614</v>
      </c>
      <c r="F27205" s="1" t="s">
        <v>58148</v>
      </c>
      <c r="G27205" s="1" t="s">
        <v>97205</v>
      </c>
      <c r="H27205" s="1" t="s">
        <v>97206</v>
      </c>
      <c r="I27205" s="1" t="s">
        <v>96632</v>
      </c>
      <c r="J27205" s="1" t="s">
        <v>97234</v>
      </c>
    </row>
    <row r="27206" spans="1:10" x14ac:dyDescent="0.35">
      <c r="A27206" s="1" t="s">
        <v>97202</v>
      </c>
      <c r="B27206" s="1" t="s">
        <v>96627</v>
      </c>
      <c r="C27206" s="1" t="s">
        <v>70</v>
      </c>
      <c r="D27206" s="1" t="s">
        <v>40426</v>
      </c>
      <c r="E27206" s="1" t="s">
        <v>23164</v>
      </c>
      <c r="F27206" s="1" t="s">
        <v>97235</v>
      </c>
      <c r="G27206" s="1" t="s">
        <v>97205</v>
      </c>
      <c r="H27206" s="1" t="s">
        <v>97206</v>
      </c>
      <c r="I27206" s="1" t="s">
        <v>96632</v>
      </c>
      <c r="J27206" s="1" t="s">
        <v>97236</v>
      </c>
    </row>
    <row r="27207" spans="1:10" x14ac:dyDescent="0.35">
      <c r="A27207" s="1" t="s">
        <v>97202</v>
      </c>
      <c r="B27207" s="1" t="s">
        <v>96627</v>
      </c>
      <c r="C27207" s="1" t="s">
        <v>75</v>
      </c>
      <c r="D27207" s="1" t="s">
        <v>55451</v>
      </c>
      <c r="E27207" s="1" t="s">
        <v>15241</v>
      </c>
      <c r="F27207" s="1" t="s">
        <v>97237</v>
      </c>
      <c r="G27207" s="1" t="s">
        <v>97205</v>
      </c>
      <c r="H27207" s="1" t="s">
        <v>97206</v>
      </c>
      <c r="I27207" s="1" t="s">
        <v>96632</v>
      </c>
      <c r="J27207" s="1" t="s">
        <v>97238</v>
      </c>
    </row>
    <row r="27208" spans="1:10" x14ac:dyDescent="0.35">
      <c r="A27208" s="1" t="s">
        <v>97202</v>
      </c>
      <c r="B27208" s="1" t="s">
        <v>96627</v>
      </c>
      <c r="C27208" s="1" t="s">
        <v>80</v>
      </c>
      <c r="D27208" s="1" t="s">
        <v>97239</v>
      </c>
      <c r="E27208" s="1" t="s">
        <v>15241</v>
      </c>
      <c r="F27208" s="1" t="s">
        <v>97240</v>
      </c>
      <c r="G27208" s="1" t="s">
        <v>97205</v>
      </c>
      <c r="H27208" s="1" t="s">
        <v>97206</v>
      </c>
      <c r="I27208" s="1" t="s">
        <v>96632</v>
      </c>
      <c r="J27208" s="1" t="s">
        <v>97241</v>
      </c>
    </row>
    <row r="27209" spans="1:10" x14ac:dyDescent="0.35">
      <c r="A27209" s="1" t="s">
        <v>97202</v>
      </c>
      <c r="B27209" s="1" t="s">
        <v>96627</v>
      </c>
      <c r="C27209" s="1" t="s">
        <v>85</v>
      </c>
      <c r="D27209" s="1" t="s">
        <v>97242</v>
      </c>
      <c r="E27209" s="1" t="s">
        <v>54070</v>
      </c>
      <c r="F27209" s="1" t="s">
        <v>97243</v>
      </c>
      <c r="G27209" s="1" t="s">
        <v>97205</v>
      </c>
      <c r="H27209" s="1" t="s">
        <v>97206</v>
      </c>
      <c r="I27209" s="1" t="s">
        <v>96632</v>
      </c>
      <c r="J27209" s="1" t="s">
        <v>97244</v>
      </c>
    </row>
    <row r="27210" spans="1:10" x14ac:dyDescent="0.35">
      <c r="A27210" s="1" t="s">
        <v>97202</v>
      </c>
      <c r="B27210" s="1" t="s">
        <v>96627</v>
      </c>
      <c r="C27210" s="1" t="s">
        <v>90</v>
      </c>
      <c r="D27210" s="1" t="s">
        <v>97245</v>
      </c>
      <c r="E27210" s="1" t="s">
        <v>15837</v>
      </c>
      <c r="F27210" s="1" t="s">
        <v>97246</v>
      </c>
      <c r="G27210" s="1" t="s">
        <v>97205</v>
      </c>
      <c r="H27210" s="1" t="s">
        <v>97206</v>
      </c>
      <c r="I27210" s="1" t="s">
        <v>96632</v>
      </c>
      <c r="J27210" s="1" t="s">
        <v>97247</v>
      </c>
    </row>
    <row r="27211" spans="1:10" x14ac:dyDescent="0.35">
      <c r="A27211" s="1" t="s">
        <v>97202</v>
      </c>
      <c r="B27211" s="1" t="s">
        <v>96627</v>
      </c>
      <c r="C27211" s="1" t="s">
        <v>95</v>
      </c>
      <c r="D27211" s="1" t="s">
        <v>97248</v>
      </c>
      <c r="E27211" s="1" t="s">
        <v>54158</v>
      </c>
      <c r="F27211" s="1" t="s">
        <v>70936</v>
      </c>
      <c r="G27211" s="1" t="s">
        <v>97205</v>
      </c>
      <c r="H27211" s="1" t="s">
        <v>97206</v>
      </c>
      <c r="I27211" s="1" t="s">
        <v>96632</v>
      </c>
      <c r="J27211" s="1" t="s">
        <v>97249</v>
      </c>
    </row>
    <row r="27212" spans="1:10" x14ac:dyDescent="0.35">
      <c r="A27212" s="1" t="s">
        <v>97202</v>
      </c>
      <c r="B27212" s="1" t="s">
        <v>96627</v>
      </c>
      <c r="C27212" s="1" t="s">
        <v>100</v>
      </c>
      <c r="D27212" s="1" t="s">
        <v>97250</v>
      </c>
      <c r="E27212" s="1" t="s">
        <v>54783</v>
      </c>
      <c r="F27212" s="1" t="s">
        <v>52512</v>
      </c>
      <c r="G27212" s="1" t="s">
        <v>97205</v>
      </c>
      <c r="H27212" s="1" t="s">
        <v>97206</v>
      </c>
      <c r="I27212" s="1" t="s">
        <v>96632</v>
      </c>
      <c r="J27212" s="1" t="s">
        <v>97251</v>
      </c>
    </row>
    <row r="27213" spans="1:10" x14ac:dyDescent="0.35">
      <c r="A27213" s="1" t="s">
        <v>97202</v>
      </c>
      <c r="B27213" s="1" t="s">
        <v>96627</v>
      </c>
      <c r="C27213" s="1" t="s">
        <v>105</v>
      </c>
      <c r="D27213" s="1" t="s">
        <v>58424</v>
      </c>
      <c r="E27213" s="1" t="s">
        <v>24201</v>
      </c>
      <c r="F27213" s="1" t="s">
        <v>64448</v>
      </c>
      <c r="G27213" s="1" t="s">
        <v>97205</v>
      </c>
      <c r="H27213" s="1" t="s">
        <v>97206</v>
      </c>
      <c r="I27213" s="1" t="s">
        <v>96632</v>
      </c>
      <c r="J27213" s="1" t="s">
        <v>97252</v>
      </c>
    </row>
    <row r="27214" spans="1:10" x14ac:dyDescent="0.35">
      <c r="A27214" s="1" t="s">
        <v>97202</v>
      </c>
      <c r="B27214" s="1" t="s">
        <v>96627</v>
      </c>
      <c r="C27214" s="1" t="s">
        <v>110</v>
      </c>
      <c r="D27214" s="1" t="s">
        <v>97253</v>
      </c>
      <c r="E27214" s="1" t="s">
        <v>54024</v>
      </c>
      <c r="F27214" s="1" t="s">
        <v>97254</v>
      </c>
      <c r="G27214" s="1" t="s">
        <v>97205</v>
      </c>
      <c r="H27214" s="1" t="s">
        <v>97206</v>
      </c>
      <c r="I27214" s="1" t="s">
        <v>96632</v>
      </c>
      <c r="J27214" s="1" t="s">
        <v>97255</v>
      </c>
    </row>
    <row r="27215" spans="1:10" x14ac:dyDescent="0.35">
      <c r="A27215" s="1" t="s">
        <v>97202</v>
      </c>
      <c r="B27215" s="1" t="s">
        <v>96627</v>
      </c>
      <c r="C27215" s="1" t="s">
        <v>115</v>
      </c>
      <c r="D27215" s="1" t="s">
        <v>97256</v>
      </c>
      <c r="E27215" s="1" t="s">
        <v>15903</v>
      </c>
      <c r="F27215" s="1" t="s">
        <v>69429</v>
      </c>
      <c r="G27215" s="1" t="s">
        <v>97205</v>
      </c>
      <c r="H27215" s="1" t="s">
        <v>97206</v>
      </c>
      <c r="I27215" s="1" t="s">
        <v>96632</v>
      </c>
      <c r="J27215" s="1" t="s">
        <v>97257</v>
      </c>
    </row>
    <row r="27216" spans="1:10" x14ac:dyDescent="0.35">
      <c r="A27216" s="1" t="s">
        <v>97202</v>
      </c>
      <c r="B27216" s="1" t="s">
        <v>96627</v>
      </c>
      <c r="C27216" s="1" t="s">
        <v>120</v>
      </c>
      <c r="D27216" s="1" t="s">
        <v>97258</v>
      </c>
      <c r="E27216" s="1" t="s">
        <v>12805</v>
      </c>
      <c r="F27216" s="1" t="s">
        <v>97259</v>
      </c>
      <c r="G27216" s="1" t="s">
        <v>97205</v>
      </c>
      <c r="H27216" s="1" t="s">
        <v>97206</v>
      </c>
      <c r="I27216" s="1" t="s">
        <v>96632</v>
      </c>
      <c r="J27216" s="1" t="s">
        <v>97260</v>
      </c>
    </row>
    <row r="27217" spans="1:10" x14ac:dyDescent="0.35">
      <c r="A27217" s="1" t="s">
        <v>97202</v>
      </c>
      <c r="B27217" s="1" t="s">
        <v>96627</v>
      </c>
      <c r="C27217" s="1" t="s">
        <v>125</v>
      </c>
      <c r="D27217" s="1" t="s">
        <v>97261</v>
      </c>
      <c r="E27217" s="1" t="s">
        <v>12813</v>
      </c>
      <c r="F27217" s="1" t="s">
        <v>97262</v>
      </c>
      <c r="G27217" s="1" t="s">
        <v>97205</v>
      </c>
      <c r="H27217" s="1" t="s">
        <v>97206</v>
      </c>
      <c r="I27217" s="1" t="s">
        <v>96632</v>
      </c>
      <c r="J27217" s="1" t="s">
        <v>97263</v>
      </c>
    </row>
    <row r="27218" spans="1:10" x14ac:dyDescent="0.35">
      <c r="A27218" s="1" t="s">
        <v>97202</v>
      </c>
      <c r="B27218" s="1" t="s">
        <v>96627</v>
      </c>
      <c r="C27218" s="1" t="s">
        <v>130</v>
      </c>
      <c r="D27218" s="1" t="s">
        <v>97264</v>
      </c>
      <c r="E27218" s="1" t="s">
        <v>56164</v>
      </c>
      <c r="F27218" s="1" t="s">
        <v>97265</v>
      </c>
      <c r="G27218" s="1" t="s">
        <v>97205</v>
      </c>
      <c r="H27218" s="1" t="s">
        <v>97206</v>
      </c>
      <c r="I27218" s="1" t="s">
        <v>96632</v>
      </c>
      <c r="J27218" s="1" t="s">
        <v>97266</v>
      </c>
    </row>
    <row r="27219" spans="1:10" x14ac:dyDescent="0.35">
      <c r="A27219" s="1" t="s">
        <v>97202</v>
      </c>
      <c r="B27219" s="1" t="s">
        <v>96627</v>
      </c>
      <c r="C27219" s="1" t="s">
        <v>135</v>
      </c>
      <c r="D27219" s="1" t="s">
        <v>97267</v>
      </c>
      <c r="E27219" s="1" t="s">
        <v>21974</v>
      </c>
      <c r="F27219" s="1" t="s">
        <v>97268</v>
      </c>
      <c r="G27219" s="1" t="s">
        <v>97205</v>
      </c>
      <c r="H27219" s="1" t="s">
        <v>97206</v>
      </c>
      <c r="I27219" s="1" t="s">
        <v>96632</v>
      </c>
      <c r="J27219" s="1" t="s">
        <v>97269</v>
      </c>
    </row>
    <row r="27220" spans="1:10" x14ac:dyDescent="0.35">
      <c r="A27220" s="1" t="s">
        <v>97202</v>
      </c>
      <c r="B27220" s="1" t="s">
        <v>96627</v>
      </c>
      <c r="C27220" s="1" t="s">
        <v>140</v>
      </c>
      <c r="D27220" s="1" t="s">
        <v>97270</v>
      </c>
      <c r="E27220" s="1" t="s">
        <v>58019</v>
      </c>
      <c r="F27220" s="1" t="s">
        <v>97271</v>
      </c>
      <c r="G27220" s="1" t="s">
        <v>97205</v>
      </c>
      <c r="H27220" s="1" t="s">
        <v>97206</v>
      </c>
      <c r="I27220" s="1" t="s">
        <v>96632</v>
      </c>
      <c r="J27220" s="1" t="s">
        <v>97272</v>
      </c>
    </row>
    <row r="27221" spans="1:10" x14ac:dyDescent="0.35">
      <c r="A27221" s="1" t="s">
        <v>97202</v>
      </c>
      <c r="B27221" s="1" t="s">
        <v>96627</v>
      </c>
      <c r="C27221" s="1" t="s">
        <v>145</v>
      </c>
      <c r="D27221" s="1" t="s">
        <v>97273</v>
      </c>
      <c r="E27221" s="1" t="s">
        <v>15380</v>
      </c>
      <c r="F27221" s="1" t="s">
        <v>97274</v>
      </c>
      <c r="G27221" s="1" t="s">
        <v>97205</v>
      </c>
      <c r="H27221" s="1" t="s">
        <v>97206</v>
      </c>
      <c r="I27221" s="1" t="s">
        <v>96632</v>
      </c>
      <c r="J27221" s="1" t="s">
        <v>97275</v>
      </c>
    </row>
    <row r="27222" spans="1:10" x14ac:dyDescent="0.35">
      <c r="A27222" s="1" t="s">
        <v>97202</v>
      </c>
      <c r="B27222" s="1" t="s">
        <v>96627</v>
      </c>
      <c r="C27222" s="1" t="s">
        <v>150</v>
      </c>
      <c r="D27222" s="1" t="s">
        <v>97276</v>
      </c>
      <c r="E27222" s="1" t="s">
        <v>54110</v>
      </c>
      <c r="F27222" s="1" t="s">
        <v>97277</v>
      </c>
      <c r="G27222" s="1" t="s">
        <v>97205</v>
      </c>
      <c r="H27222" s="1" t="s">
        <v>97206</v>
      </c>
      <c r="I27222" s="1" t="s">
        <v>96632</v>
      </c>
      <c r="J27222" s="1" t="s">
        <v>97278</v>
      </c>
    </row>
    <row r="27223" spans="1:10" x14ac:dyDescent="0.35">
      <c r="A27223" s="1" t="s">
        <v>97202</v>
      </c>
      <c r="B27223" s="1" t="s">
        <v>96627</v>
      </c>
      <c r="C27223" s="1" t="s">
        <v>155</v>
      </c>
      <c r="D27223" s="1" t="s">
        <v>97279</v>
      </c>
      <c r="E27223" s="1" t="s">
        <v>15235</v>
      </c>
      <c r="F27223" s="1" t="s">
        <v>56590</v>
      </c>
      <c r="G27223" s="1" t="s">
        <v>97205</v>
      </c>
      <c r="H27223" s="1" t="s">
        <v>97206</v>
      </c>
      <c r="I27223" s="1" t="s">
        <v>96632</v>
      </c>
      <c r="J27223" s="1" t="s">
        <v>97280</v>
      </c>
    </row>
    <row r="27224" spans="1:10" x14ac:dyDescent="0.35">
      <c r="A27224" s="1" t="s">
        <v>97202</v>
      </c>
      <c r="B27224" s="1" t="s">
        <v>96627</v>
      </c>
      <c r="C27224" s="1" t="s">
        <v>160</v>
      </c>
      <c r="D27224" s="1" t="s">
        <v>97281</v>
      </c>
      <c r="E27224" s="1" t="s">
        <v>57695</v>
      </c>
      <c r="F27224" s="1" t="s">
        <v>97282</v>
      </c>
      <c r="G27224" s="1" t="s">
        <v>97205</v>
      </c>
      <c r="H27224" s="1" t="s">
        <v>97206</v>
      </c>
      <c r="I27224" s="1" t="s">
        <v>96632</v>
      </c>
      <c r="J27224" s="1" t="s">
        <v>97283</v>
      </c>
    </row>
    <row r="27225" spans="1:10" x14ac:dyDescent="0.35">
      <c r="A27225" s="1" t="s">
        <v>97202</v>
      </c>
      <c r="B27225" s="1" t="s">
        <v>96627</v>
      </c>
      <c r="C27225" s="1" t="s">
        <v>165</v>
      </c>
      <c r="D27225" s="1" t="s">
        <v>97284</v>
      </c>
      <c r="E27225" s="1" t="s">
        <v>15353</v>
      </c>
      <c r="F27225" s="1" t="s">
        <v>67121</v>
      </c>
      <c r="G27225" s="1" t="s">
        <v>97205</v>
      </c>
      <c r="H27225" s="1" t="s">
        <v>97206</v>
      </c>
      <c r="I27225" s="1" t="s">
        <v>96632</v>
      </c>
      <c r="J27225" s="1" t="s">
        <v>97285</v>
      </c>
    </row>
    <row r="27226" spans="1:10" x14ac:dyDescent="0.35">
      <c r="A27226" s="1" t="s">
        <v>97202</v>
      </c>
      <c r="B27226" s="1" t="s">
        <v>96627</v>
      </c>
      <c r="C27226" s="1" t="s">
        <v>170</v>
      </c>
      <c r="D27226" s="1" t="s">
        <v>97286</v>
      </c>
      <c r="E27226" s="1" t="s">
        <v>68410</v>
      </c>
      <c r="F27226" s="1" t="s">
        <v>97287</v>
      </c>
      <c r="G27226" s="1" t="s">
        <v>97205</v>
      </c>
      <c r="H27226" s="1" t="s">
        <v>97206</v>
      </c>
      <c r="I27226" s="1" t="s">
        <v>96632</v>
      </c>
      <c r="J27226" s="1" t="s">
        <v>97288</v>
      </c>
    </row>
    <row r="27227" spans="1:10" x14ac:dyDescent="0.35">
      <c r="A27227" s="1" t="s">
        <v>97289</v>
      </c>
      <c r="B27227" s="1" t="s">
        <v>96627</v>
      </c>
      <c r="C27227" s="1" t="s">
        <v>8</v>
      </c>
      <c r="D27227" s="1" t="s">
        <v>97290</v>
      </c>
      <c r="E27227" s="1" t="s">
        <v>97291</v>
      </c>
      <c r="F27227" s="1" t="s">
        <v>97292</v>
      </c>
      <c r="G27227" s="1" t="s">
        <v>97293</v>
      </c>
      <c r="H27227" s="1" t="s">
        <v>97294</v>
      </c>
      <c r="I27227" s="1" t="s">
        <v>96632</v>
      </c>
      <c r="J27227" s="1" t="s">
        <v>13</v>
      </c>
    </row>
    <row r="27228" spans="1:10" x14ac:dyDescent="0.35">
      <c r="A27228" s="1" t="s">
        <v>97289</v>
      </c>
      <c r="B27228" s="1" t="s">
        <v>96627</v>
      </c>
      <c r="C27228" s="1" t="s">
        <v>15</v>
      </c>
      <c r="D27228" s="1" t="s">
        <v>81846</v>
      </c>
      <c r="E27228" s="1" t="s">
        <v>97295</v>
      </c>
      <c r="F27228" s="1" t="s">
        <v>97296</v>
      </c>
      <c r="G27228" s="1" t="s">
        <v>97293</v>
      </c>
      <c r="H27228" s="1" t="s">
        <v>97294</v>
      </c>
      <c r="I27228" s="1" t="s">
        <v>96632</v>
      </c>
      <c r="J27228" s="1" t="s">
        <v>97297</v>
      </c>
    </row>
    <row r="27229" spans="1:10" x14ac:dyDescent="0.35">
      <c r="A27229" s="1" t="s">
        <v>97289</v>
      </c>
      <c r="B27229" s="1" t="s">
        <v>96627</v>
      </c>
      <c r="C27229" s="1" t="s">
        <v>20</v>
      </c>
      <c r="D27229" s="1" t="s">
        <v>52172</v>
      </c>
      <c r="E27229" s="1" t="s">
        <v>97298</v>
      </c>
      <c r="F27229" s="1" t="s">
        <v>97299</v>
      </c>
      <c r="G27229" s="1" t="s">
        <v>97293</v>
      </c>
      <c r="H27229" s="1" t="s">
        <v>97294</v>
      </c>
      <c r="I27229" s="1" t="s">
        <v>96632</v>
      </c>
      <c r="J27229" s="1" t="s">
        <v>97300</v>
      </c>
    </row>
    <row r="27230" spans="1:10" x14ac:dyDescent="0.35">
      <c r="A27230" s="1" t="s">
        <v>97289</v>
      </c>
      <c r="B27230" s="1" t="s">
        <v>96627</v>
      </c>
      <c r="C27230" s="1" t="s">
        <v>25</v>
      </c>
      <c r="D27230" s="1" t="s">
        <v>97301</v>
      </c>
      <c r="E27230" s="1" t="s">
        <v>97302</v>
      </c>
      <c r="F27230" s="1" t="s">
        <v>97303</v>
      </c>
      <c r="G27230" s="1" t="s">
        <v>97293</v>
      </c>
      <c r="H27230" s="1" t="s">
        <v>97294</v>
      </c>
      <c r="I27230" s="1" t="s">
        <v>96632</v>
      </c>
      <c r="J27230" s="1" t="s">
        <v>97304</v>
      </c>
    </row>
    <row r="27231" spans="1:10" x14ac:dyDescent="0.35">
      <c r="A27231" s="1" t="s">
        <v>97289</v>
      </c>
      <c r="B27231" s="1" t="s">
        <v>96627</v>
      </c>
      <c r="C27231" s="1" t="s">
        <v>30</v>
      </c>
      <c r="D27231" s="1" t="s">
        <v>97305</v>
      </c>
      <c r="E27231" s="1" t="s">
        <v>97306</v>
      </c>
      <c r="F27231" s="1" t="s">
        <v>97307</v>
      </c>
      <c r="G27231" s="1" t="s">
        <v>97293</v>
      </c>
      <c r="H27231" s="1" t="s">
        <v>97294</v>
      </c>
      <c r="I27231" s="1" t="s">
        <v>96632</v>
      </c>
      <c r="J27231" s="1" t="s">
        <v>97308</v>
      </c>
    </row>
    <row r="27232" spans="1:10" x14ac:dyDescent="0.35">
      <c r="A27232" s="1" t="s">
        <v>97289</v>
      </c>
      <c r="B27232" s="1" t="s">
        <v>96627</v>
      </c>
      <c r="C27232" s="1" t="s">
        <v>35</v>
      </c>
      <c r="D27232" s="1" t="s">
        <v>97309</v>
      </c>
      <c r="E27232" s="1" t="s">
        <v>97310</v>
      </c>
      <c r="F27232" s="1" t="s">
        <v>97311</v>
      </c>
      <c r="G27232" s="1" t="s">
        <v>97293</v>
      </c>
      <c r="H27232" s="1" t="s">
        <v>97294</v>
      </c>
      <c r="I27232" s="1" t="s">
        <v>96632</v>
      </c>
      <c r="J27232" s="1" t="s">
        <v>97312</v>
      </c>
    </row>
    <row r="27233" spans="1:10" x14ac:dyDescent="0.35">
      <c r="A27233" s="1" t="s">
        <v>97289</v>
      </c>
      <c r="B27233" s="1" t="s">
        <v>96627</v>
      </c>
      <c r="C27233" s="1" t="s">
        <v>40</v>
      </c>
      <c r="D27233" s="1" t="s">
        <v>64942</v>
      </c>
      <c r="E27233" s="1" t="s">
        <v>97313</v>
      </c>
      <c r="F27233" s="1" t="s">
        <v>97314</v>
      </c>
      <c r="G27233" s="1" t="s">
        <v>97293</v>
      </c>
      <c r="H27233" s="1" t="s">
        <v>97294</v>
      </c>
      <c r="I27233" s="1" t="s">
        <v>96632</v>
      </c>
      <c r="J27233" s="1" t="s">
        <v>97315</v>
      </c>
    </row>
    <row r="27234" spans="1:10" x14ac:dyDescent="0.35">
      <c r="A27234" s="1" t="s">
        <v>97289</v>
      </c>
      <c r="B27234" s="1" t="s">
        <v>96627</v>
      </c>
      <c r="C27234" s="1" t="s">
        <v>45</v>
      </c>
      <c r="D27234" s="1" t="s">
        <v>97316</v>
      </c>
      <c r="E27234" s="1" t="s">
        <v>97317</v>
      </c>
      <c r="F27234" s="1" t="s">
        <v>97318</v>
      </c>
      <c r="G27234" s="1" t="s">
        <v>97293</v>
      </c>
      <c r="H27234" s="1" t="s">
        <v>97294</v>
      </c>
      <c r="I27234" s="1" t="s">
        <v>96632</v>
      </c>
      <c r="J27234" s="1" t="s">
        <v>97319</v>
      </c>
    </row>
    <row r="27235" spans="1:10" x14ac:dyDescent="0.35">
      <c r="A27235" s="1" t="s">
        <v>97289</v>
      </c>
      <c r="B27235" s="1" t="s">
        <v>96627</v>
      </c>
      <c r="C27235" s="1" t="s">
        <v>50</v>
      </c>
      <c r="D27235" s="1" t="s">
        <v>97320</v>
      </c>
      <c r="E27235" s="1" t="s">
        <v>97321</v>
      </c>
      <c r="F27235" s="1" t="s">
        <v>97322</v>
      </c>
      <c r="G27235" s="1" t="s">
        <v>97293</v>
      </c>
      <c r="H27235" s="1" t="s">
        <v>97294</v>
      </c>
      <c r="I27235" s="1" t="s">
        <v>96632</v>
      </c>
      <c r="J27235" s="1" t="s">
        <v>97323</v>
      </c>
    </row>
    <row r="27236" spans="1:10" x14ac:dyDescent="0.35">
      <c r="A27236" s="1" t="s">
        <v>97289</v>
      </c>
      <c r="B27236" s="1" t="s">
        <v>96627</v>
      </c>
      <c r="C27236" s="1" t="s">
        <v>55</v>
      </c>
      <c r="D27236" s="1" t="s">
        <v>12557</v>
      </c>
      <c r="E27236" s="1" t="s">
        <v>97324</v>
      </c>
      <c r="F27236" s="1" t="s">
        <v>97325</v>
      </c>
      <c r="G27236" s="1" t="s">
        <v>97293</v>
      </c>
      <c r="H27236" s="1" t="s">
        <v>97294</v>
      </c>
      <c r="I27236" s="1" t="s">
        <v>96632</v>
      </c>
      <c r="J27236" s="1" t="s">
        <v>97326</v>
      </c>
    </row>
    <row r="27237" spans="1:10" x14ac:dyDescent="0.35">
      <c r="A27237" s="1" t="s">
        <v>97289</v>
      </c>
      <c r="B27237" s="1" t="s">
        <v>96627</v>
      </c>
      <c r="C27237" s="1" t="s">
        <v>60</v>
      </c>
      <c r="D27237" s="1" t="s">
        <v>97327</v>
      </c>
      <c r="E27237" s="1" t="s">
        <v>97328</v>
      </c>
      <c r="F27237" s="1" t="s">
        <v>97329</v>
      </c>
      <c r="G27237" s="1" t="s">
        <v>97293</v>
      </c>
      <c r="H27237" s="1" t="s">
        <v>97294</v>
      </c>
      <c r="I27237" s="1" t="s">
        <v>96632</v>
      </c>
      <c r="J27237" s="1" t="s">
        <v>97330</v>
      </c>
    </row>
    <row r="27238" spans="1:10" x14ac:dyDescent="0.35">
      <c r="A27238" s="1" t="s">
        <v>97289</v>
      </c>
      <c r="B27238" s="1" t="s">
        <v>96627</v>
      </c>
      <c r="C27238" s="1" t="s">
        <v>65</v>
      </c>
      <c r="D27238" s="1" t="s">
        <v>97331</v>
      </c>
      <c r="E27238" s="1" t="s">
        <v>97332</v>
      </c>
      <c r="F27238" s="1" t="s">
        <v>97333</v>
      </c>
      <c r="G27238" s="1" t="s">
        <v>97293</v>
      </c>
      <c r="H27238" s="1" t="s">
        <v>97294</v>
      </c>
      <c r="I27238" s="1" t="s">
        <v>96632</v>
      </c>
      <c r="J27238" s="1" t="s">
        <v>97334</v>
      </c>
    </row>
    <row r="27239" spans="1:10" x14ac:dyDescent="0.35">
      <c r="A27239" s="1" t="s">
        <v>97289</v>
      </c>
      <c r="B27239" s="1" t="s">
        <v>96627</v>
      </c>
      <c r="C27239" s="1" t="s">
        <v>70</v>
      </c>
      <c r="D27239" s="1" t="s">
        <v>76592</v>
      </c>
      <c r="E27239" s="1" t="s">
        <v>97335</v>
      </c>
      <c r="F27239" s="1" t="s">
        <v>97336</v>
      </c>
      <c r="G27239" s="1" t="s">
        <v>97293</v>
      </c>
      <c r="H27239" s="1" t="s">
        <v>97294</v>
      </c>
      <c r="I27239" s="1" t="s">
        <v>96632</v>
      </c>
      <c r="J27239" s="1" t="s">
        <v>97337</v>
      </c>
    </row>
    <row r="27240" spans="1:10" x14ac:dyDescent="0.35">
      <c r="A27240" s="1" t="s">
        <v>97289</v>
      </c>
      <c r="B27240" s="1" t="s">
        <v>96627</v>
      </c>
      <c r="C27240" s="1" t="s">
        <v>75</v>
      </c>
      <c r="D27240" s="1" t="s">
        <v>55534</v>
      </c>
      <c r="E27240" s="1" t="s">
        <v>97338</v>
      </c>
      <c r="F27240" s="1" t="s">
        <v>97339</v>
      </c>
      <c r="G27240" s="1" t="s">
        <v>97293</v>
      </c>
      <c r="H27240" s="1" t="s">
        <v>97294</v>
      </c>
      <c r="I27240" s="1" t="s">
        <v>96632</v>
      </c>
      <c r="J27240" s="1" t="s">
        <v>97340</v>
      </c>
    </row>
    <row r="27241" spans="1:10" x14ac:dyDescent="0.35">
      <c r="A27241" s="1" t="s">
        <v>97289</v>
      </c>
      <c r="B27241" s="1" t="s">
        <v>96627</v>
      </c>
      <c r="C27241" s="1" t="s">
        <v>80</v>
      </c>
      <c r="D27241" s="1" t="s">
        <v>97341</v>
      </c>
      <c r="E27241" s="1" t="s">
        <v>97342</v>
      </c>
      <c r="F27241" s="1" t="s">
        <v>97343</v>
      </c>
      <c r="G27241" s="1" t="s">
        <v>97293</v>
      </c>
      <c r="H27241" s="1" t="s">
        <v>97294</v>
      </c>
      <c r="I27241" s="1" t="s">
        <v>96632</v>
      </c>
      <c r="J27241" s="1" t="s">
        <v>97344</v>
      </c>
    </row>
    <row r="27242" spans="1:10" x14ac:dyDescent="0.35">
      <c r="A27242" s="1" t="s">
        <v>97289</v>
      </c>
      <c r="B27242" s="1" t="s">
        <v>96627</v>
      </c>
      <c r="C27242" s="1" t="s">
        <v>85</v>
      </c>
      <c r="D27242" s="1" t="s">
        <v>60227</v>
      </c>
      <c r="E27242" s="1" t="s">
        <v>97345</v>
      </c>
      <c r="F27242" s="1" t="s">
        <v>97346</v>
      </c>
      <c r="G27242" s="1" t="s">
        <v>97293</v>
      </c>
      <c r="H27242" s="1" t="s">
        <v>97294</v>
      </c>
      <c r="I27242" s="1" t="s">
        <v>96632</v>
      </c>
      <c r="J27242" s="1" t="s">
        <v>97347</v>
      </c>
    </row>
    <row r="27243" spans="1:10" x14ac:dyDescent="0.35">
      <c r="A27243" s="1" t="s">
        <v>97289</v>
      </c>
      <c r="B27243" s="1" t="s">
        <v>96627</v>
      </c>
      <c r="C27243" s="1" t="s">
        <v>90</v>
      </c>
      <c r="D27243" s="1" t="s">
        <v>97348</v>
      </c>
      <c r="E27243" s="1" t="s">
        <v>97349</v>
      </c>
      <c r="F27243" s="1" t="s">
        <v>97350</v>
      </c>
      <c r="G27243" s="1" t="s">
        <v>97293</v>
      </c>
      <c r="H27243" s="1" t="s">
        <v>97294</v>
      </c>
      <c r="I27243" s="1" t="s">
        <v>96632</v>
      </c>
      <c r="J27243" s="1" t="s">
        <v>97351</v>
      </c>
    </row>
    <row r="27244" spans="1:10" x14ac:dyDescent="0.35">
      <c r="A27244" s="1" t="s">
        <v>97289</v>
      </c>
      <c r="B27244" s="1" t="s">
        <v>96627</v>
      </c>
      <c r="C27244" s="1" t="s">
        <v>95</v>
      </c>
      <c r="D27244" s="1" t="s">
        <v>92125</v>
      </c>
      <c r="E27244" s="1" t="s">
        <v>97352</v>
      </c>
      <c r="F27244" s="1" t="s">
        <v>97353</v>
      </c>
      <c r="G27244" s="1" t="s">
        <v>97293</v>
      </c>
      <c r="H27244" s="1" t="s">
        <v>97294</v>
      </c>
      <c r="I27244" s="1" t="s">
        <v>96632</v>
      </c>
      <c r="J27244" s="1" t="s">
        <v>97354</v>
      </c>
    </row>
    <row r="27245" spans="1:10" x14ac:dyDescent="0.35">
      <c r="A27245" s="1" t="s">
        <v>97289</v>
      </c>
      <c r="B27245" s="1" t="s">
        <v>96627</v>
      </c>
      <c r="C27245" s="1" t="s">
        <v>100</v>
      </c>
      <c r="D27245" s="1" t="s">
        <v>66653</v>
      </c>
      <c r="E27245" s="1" t="s">
        <v>97355</v>
      </c>
      <c r="F27245" s="1" t="s">
        <v>97356</v>
      </c>
      <c r="G27245" s="1" t="s">
        <v>97293</v>
      </c>
      <c r="H27245" s="1" t="s">
        <v>97294</v>
      </c>
      <c r="I27245" s="1" t="s">
        <v>96632</v>
      </c>
      <c r="J27245" s="1" t="s">
        <v>97357</v>
      </c>
    </row>
    <row r="27246" spans="1:10" x14ac:dyDescent="0.35">
      <c r="A27246" s="1" t="s">
        <v>97289</v>
      </c>
      <c r="B27246" s="1" t="s">
        <v>96627</v>
      </c>
      <c r="C27246" s="1" t="s">
        <v>105</v>
      </c>
      <c r="D27246" s="1" t="s">
        <v>97358</v>
      </c>
      <c r="E27246" s="1" t="s">
        <v>97359</v>
      </c>
      <c r="F27246" s="1" t="s">
        <v>97360</v>
      </c>
      <c r="G27246" s="1" t="s">
        <v>97293</v>
      </c>
      <c r="H27246" s="1" t="s">
        <v>97294</v>
      </c>
      <c r="I27246" s="1" t="s">
        <v>96632</v>
      </c>
      <c r="J27246" s="1" t="s">
        <v>97361</v>
      </c>
    </row>
    <row r="27247" spans="1:10" x14ac:dyDescent="0.35">
      <c r="A27247" s="1" t="s">
        <v>97289</v>
      </c>
      <c r="B27247" s="1" t="s">
        <v>96627</v>
      </c>
      <c r="C27247" s="1" t="s">
        <v>110</v>
      </c>
      <c r="D27247" s="1" t="s">
        <v>97362</v>
      </c>
      <c r="E27247" s="1" t="s">
        <v>97363</v>
      </c>
      <c r="F27247" s="1" t="s">
        <v>97364</v>
      </c>
      <c r="G27247" s="1" t="s">
        <v>97293</v>
      </c>
      <c r="H27247" s="1" t="s">
        <v>97294</v>
      </c>
      <c r="I27247" s="1" t="s">
        <v>96632</v>
      </c>
      <c r="J27247" s="1" t="s">
        <v>97365</v>
      </c>
    </row>
    <row r="27248" spans="1:10" x14ac:dyDescent="0.35">
      <c r="A27248" s="1" t="s">
        <v>97289</v>
      </c>
      <c r="B27248" s="1" t="s">
        <v>96627</v>
      </c>
      <c r="C27248" s="1" t="s">
        <v>115</v>
      </c>
      <c r="D27248" s="1" t="s">
        <v>97366</v>
      </c>
      <c r="E27248" s="1" t="s">
        <v>97367</v>
      </c>
      <c r="F27248" s="1" t="s">
        <v>97368</v>
      </c>
      <c r="G27248" s="1" t="s">
        <v>97293</v>
      </c>
      <c r="H27248" s="1" t="s">
        <v>97294</v>
      </c>
      <c r="I27248" s="1" t="s">
        <v>96632</v>
      </c>
      <c r="J27248" s="1" t="s">
        <v>97369</v>
      </c>
    </row>
    <row r="27249" spans="1:10" x14ac:dyDescent="0.35">
      <c r="A27249" s="1" t="s">
        <v>97289</v>
      </c>
      <c r="B27249" s="1" t="s">
        <v>96627</v>
      </c>
      <c r="C27249" s="1" t="s">
        <v>120</v>
      </c>
      <c r="D27249" s="1" t="s">
        <v>97370</v>
      </c>
      <c r="E27249" s="1" t="s">
        <v>97371</v>
      </c>
      <c r="F27249" s="1" t="s">
        <v>97372</v>
      </c>
      <c r="G27249" s="1" t="s">
        <v>97293</v>
      </c>
      <c r="H27249" s="1" t="s">
        <v>97294</v>
      </c>
      <c r="I27249" s="1" t="s">
        <v>96632</v>
      </c>
      <c r="J27249" s="1" t="s">
        <v>97373</v>
      </c>
    </row>
    <row r="27250" spans="1:10" x14ac:dyDescent="0.35">
      <c r="A27250" s="1" t="s">
        <v>97289</v>
      </c>
      <c r="B27250" s="1" t="s">
        <v>96627</v>
      </c>
      <c r="C27250" s="1" t="s">
        <v>125</v>
      </c>
      <c r="D27250" s="1" t="s">
        <v>89955</v>
      </c>
      <c r="E27250" s="1" t="s">
        <v>97374</v>
      </c>
      <c r="F27250" s="1" t="s">
        <v>97375</v>
      </c>
      <c r="G27250" s="1" t="s">
        <v>97293</v>
      </c>
      <c r="H27250" s="1" t="s">
        <v>97294</v>
      </c>
      <c r="I27250" s="1" t="s">
        <v>96632</v>
      </c>
      <c r="J27250" s="1" t="s">
        <v>97376</v>
      </c>
    </row>
    <row r="27251" spans="1:10" x14ac:dyDescent="0.35">
      <c r="A27251" s="1" t="s">
        <v>97289</v>
      </c>
      <c r="B27251" s="1" t="s">
        <v>96627</v>
      </c>
      <c r="C27251" s="1" t="s">
        <v>130</v>
      </c>
      <c r="D27251" s="1" t="s">
        <v>77669</v>
      </c>
      <c r="E27251" s="1" t="s">
        <v>97377</v>
      </c>
      <c r="F27251" s="1" t="s">
        <v>97378</v>
      </c>
      <c r="G27251" s="1" t="s">
        <v>97293</v>
      </c>
      <c r="H27251" s="1" t="s">
        <v>97294</v>
      </c>
      <c r="I27251" s="1" t="s">
        <v>96632</v>
      </c>
      <c r="J27251" s="1" t="s">
        <v>97379</v>
      </c>
    </row>
    <row r="27252" spans="1:10" x14ac:dyDescent="0.35">
      <c r="A27252" s="1" t="s">
        <v>97289</v>
      </c>
      <c r="B27252" s="1" t="s">
        <v>96627</v>
      </c>
      <c r="C27252" s="1" t="s">
        <v>135</v>
      </c>
      <c r="D27252" s="1" t="s">
        <v>97380</v>
      </c>
      <c r="E27252" s="1" t="s">
        <v>97381</v>
      </c>
      <c r="F27252" s="1" t="s">
        <v>97382</v>
      </c>
      <c r="G27252" s="1" t="s">
        <v>97293</v>
      </c>
      <c r="H27252" s="1" t="s">
        <v>97294</v>
      </c>
      <c r="I27252" s="1" t="s">
        <v>96632</v>
      </c>
      <c r="J27252" s="1" t="s">
        <v>97383</v>
      </c>
    </row>
    <row r="27253" spans="1:10" x14ac:dyDescent="0.35">
      <c r="A27253" s="1" t="s">
        <v>97289</v>
      </c>
      <c r="B27253" s="1" t="s">
        <v>96627</v>
      </c>
      <c r="C27253" s="1" t="s">
        <v>140</v>
      </c>
      <c r="D27253" s="1" t="s">
        <v>40180</v>
      </c>
      <c r="E27253" s="1" t="s">
        <v>97384</v>
      </c>
      <c r="F27253" s="1" t="s">
        <v>97385</v>
      </c>
      <c r="G27253" s="1" t="s">
        <v>97293</v>
      </c>
      <c r="H27253" s="1" t="s">
        <v>97294</v>
      </c>
      <c r="I27253" s="1" t="s">
        <v>96632</v>
      </c>
      <c r="J27253" s="1" t="s">
        <v>97386</v>
      </c>
    </row>
    <row r="27254" spans="1:10" x14ac:dyDescent="0.35">
      <c r="A27254" s="1" t="s">
        <v>97289</v>
      </c>
      <c r="B27254" s="1" t="s">
        <v>96627</v>
      </c>
      <c r="C27254" s="1" t="s">
        <v>145</v>
      </c>
      <c r="D27254" s="1" t="s">
        <v>95995</v>
      </c>
      <c r="E27254" s="1" t="s">
        <v>97387</v>
      </c>
      <c r="F27254" s="1" t="s">
        <v>97388</v>
      </c>
      <c r="G27254" s="1" t="s">
        <v>97293</v>
      </c>
      <c r="H27254" s="1" t="s">
        <v>97294</v>
      </c>
      <c r="I27254" s="1" t="s">
        <v>96632</v>
      </c>
      <c r="J27254" s="1" t="s">
        <v>97389</v>
      </c>
    </row>
    <row r="27255" spans="1:10" x14ac:dyDescent="0.35">
      <c r="A27255" s="1" t="s">
        <v>97289</v>
      </c>
      <c r="B27255" s="1" t="s">
        <v>96627</v>
      </c>
      <c r="C27255" s="1" t="s">
        <v>150</v>
      </c>
      <c r="D27255" s="1" t="s">
        <v>97390</v>
      </c>
      <c r="E27255" s="1" t="s">
        <v>97391</v>
      </c>
      <c r="F27255" s="1" t="s">
        <v>97392</v>
      </c>
      <c r="G27255" s="1" t="s">
        <v>97293</v>
      </c>
      <c r="H27255" s="1" t="s">
        <v>97294</v>
      </c>
      <c r="I27255" s="1" t="s">
        <v>96632</v>
      </c>
      <c r="J27255" s="1" t="s">
        <v>97393</v>
      </c>
    </row>
    <row r="27256" spans="1:10" x14ac:dyDescent="0.35">
      <c r="A27256" s="1" t="s">
        <v>97289</v>
      </c>
      <c r="B27256" s="1" t="s">
        <v>96627</v>
      </c>
      <c r="C27256" s="1" t="s">
        <v>155</v>
      </c>
      <c r="D27256" s="1" t="s">
        <v>97394</v>
      </c>
      <c r="E27256" s="1" t="s">
        <v>97395</v>
      </c>
      <c r="F27256" s="1" t="s">
        <v>97396</v>
      </c>
      <c r="G27256" s="1" t="s">
        <v>97293</v>
      </c>
      <c r="H27256" s="1" t="s">
        <v>97294</v>
      </c>
      <c r="I27256" s="1" t="s">
        <v>96632</v>
      </c>
      <c r="J27256" s="1" t="s">
        <v>97397</v>
      </c>
    </row>
    <row r="27257" spans="1:10" x14ac:dyDescent="0.35">
      <c r="A27257" s="1" t="s">
        <v>97289</v>
      </c>
      <c r="B27257" s="1" t="s">
        <v>96627</v>
      </c>
      <c r="C27257" s="1" t="s">
        <v>160</v>
      </c>
      <c r="D27257" s="1" t="s">
        <v>97398</v>
      </c>
      <c r="E27257" s="1" t="s">
        <v>97399</v>
      </c>
      <c r="F27257" s="1" t="s">
        <v>97400</v>
      </c>
      <c r="G27257" s="1" t="s">
        <v>97293</v>
      </c>
      <c r="H27257" s="1" t="s">
        <v>97294</v>
      </c>
      <c r="I27257" s="1" t="s">
        <v>96632</v>
      </c>
      <c r="J27257" s="1" t="s">
        <v>97401</v>
      </c>
    </row>
    <row r="27258" spans="1:10" x14ac:dyDescent="0.35">
      <c r="A27258" s="1" t="s">
        <v>97289</v>
      </c>
      <c r="B27258" s="1" t="s">
        <v>96627</v>
      </c>
      <c r="C27258" s="1" t="s">
        <v>165</v>
      </c>
      <c r="D27258" s="1" t="s">
        <v>97402</v>
      </c>
      <c r="E27258" s="1" t="s">
        <v>97403</v>
      </c>
      <c r="F27258" s="1" t="s">
        <v>97404</v>
      </c>
      <c r="G27258" s="1" t="s">
        <v>97293</v>
      </c>
      <c r="H27258" s="1" t="s">
        <v>97294</v>
      </c>
      <c r="I27258" s="1" t="s">
        <v>96632</v>
      </c>
      <c r="J27258" s="1" t="s">
        <v>97405</v>
      </c>
    </row>
    <row r="27259" spans="1:10" x14ac:dyDescent="0.35">
      <c r="A27259" s="1" t="s">
        <v>97289</v>
      </c>
      <c r="B27259" s="1" t="s">
        <v>96627</v>
      </c>
      <c r="C27259" s="1" t="s">
        <v>170</v>
      </c>
      <c r="D27259" s="1" t="s">
        <v>66864</v>
      </c>
      <c r="E27259" s="1" t="s">
        <v>97406</v>
      </c>
      <c r="F27259" s="1" t="s">
        <v>97407</v>
      </c>
      <c r="G27259" s="1" t="s">
        <v>97293</v>
      </c>
      <c r="H27259" s="1" t="s">
        <v>97294</v>
      </c>
      <c r="I27259" s="1" t="s">
        <v>96632</v>
      </c>
      <c r="J27259" s="1" t="s">
        <v>97408</v>
      </c>
    </row>
    <row r="27260" spans="1:10" x14ac:dyDescent="0.35">
      <c r="A27260" s="1" t="s">
        <v>8461</v>
      </c>
      <c r="B27260" s="1" t="s">
        <v>96627</v>
      </c>
      <c r="C27260" s="1" t="s">
        <v>8</v>
      </c>
      <c r="D27260" s="1" t="s">
        <v>79197</v>
      </c>
      <c r="E27260" s="1" t="s">
        <v>97409</v>
      </c>
      <c r="F27260" s="1" t="s">
        <v>97410</v>
      </c>
      <c r="G27260" s="1" t="s">
        <v>97411</v>
      </c>
      <c r="H27260" s="1" t="s">
        <v>97412</v>
      </c>
      <c r="I27260" s="1" t="s">
        <v>96632</v>
      </c>
      <c r="J27260" s="1" t="s">
        <v>13</v>
      </c>
    </row>
    <row r="27261" spans="1:10" x14ac:dyDescent="0.35">
      <c r="A27261" s="1" t="s">
        <v>8461</v>
      </c>
      <c r="B27261" s="1" t="s">
        <v>96627</v>
      </c>
      <c r="C27261" s="1" t="s">
        <v>15</v>
      </c>
      <c r="D27261" s="1" t="s">
        <v>97413</v>
      </c>
      <c r="E27261" s="1" t="s">
        <v>97414</v>
      </c>
      <c r="F27261" s="1" t="s">
        <v>97415</v>
      </c>
      <c r="G27261" s="1" t="s">
        <v>97411</v>
      </c>
      <c r="H27261" s="1" t="s">
        <v>97412</v>
      </c>
      <c r="I27261" s="1" t="s">
        <v>96632</v>
      </c>
      <c r="J27261" s="1" t="s">
        <v>97416</v>
      </c>
    </row>
    <row r="27262" spans="1:10" x14ac:dyDescent="0.35">
      <c r="A27262" s="1" t="s">
        <v>8461</v>
      </c>
      <c r="B27262" s="1" t="s">
        <v>96627</v>
      </c>
      <c r="C27262" s="1" t="s">
        <v>20</v>
      </c>
      <c r="D27262" s="1" t="s">
        <v>88043</v>
      </c>
      <c r="E27262" s="1" t="s">
        <v>97417</v>
      </c>
      <c r="F27262" s="1" t="s">
        <v>97418</v>
      </c>
      <c r="G27262" s="1" t="s">
        <v>97411</v>
      </c>
      <c r="H27262" s="1" t="s">
        <v>97412</v>
      </c>
      <c r="I27262" s="1" t="s">
        <v>96632</v>
      </c>
      <c r="J27262" s="1" t="s">
        <v>97419</v>
      </c>
    </row>
    <row r="27263" spans="1:10" x14ac:dyDescent="0.35">
      <c r="A27263" s="1" t="s">
        <v>8461</v>
      </c>
      <c r="B27263" s="1" t="s">
        <v>96627</v>
      </c>
      <c r="C27263" s="1" t="s">
        <v>25</v>
      </c>
      <c r="D27263" s="1" t="s">
        <v>56809</v>
      </c>
      <c r="E27263" s="1" t="s">
        <v>97420</v>
      </c>
      <c r="F27263" s="1" t="s">
        <v>97421</v>
      </c>
      <c r="G27263" s="1" t="s">
        <v>97411</v>
      </c>
      <c r="H27263" s="1" t="s">
        <v>97412</v>
      </c>
      <c r="I27263" s="1" t="s">
        <v>96632</v>
      </c>
      <c r="J27263" s="1" t="s">
        <v>97422</v>
      </c>
    </row>
    <row r="27264" spans="1:10" x14ac:dyDescent="0.35">
      <c r="A27264" s="1" t="s">
        <v>8461</v>
      </c>
      <c r="B27264" s="1" t="s">
        <v>96627</v>
      </c>
      <c r="C27264" s="1" t="s">
        <v>30</v>
      </c>
      <c r="D27264" s="1" t="s">
        <v>66656</v>
      </c>
      <c r="E27264" s="1" t="s">
        <v>23232</v>
      </c>
      <c r="F27264" s="1" t="s">
        <v>97423</v>
      </c>
      <c r="G27264" s="1" t="s">
        <v>97411</v>
      </c>
      <c r="H27264" s="1" t="s">
        <v>97412</v>
      </c>
      <c r="I27264" s="1" t="s">
        <v>96632</v>
      </c>
      <c r="J27264" s="1" t="s">
        <v>97424</v>
      </c>
    </row>
    <row r="27265" spans="1:10" x14ac:dyDescent="0.35">
      <c r="A27265" s="1" t="s">
        <v>8461</v>
      </c>
      <c r="B27265" s="1" t="s">
        <v>96627</v>
      </c>
      <c r="C27265" s="1" t="s">
        <v>35</v>
      </c>
      <c r="D27265" s="1" t="s">
        <v>97425</v>
      </c>
      <c r="E27265" s="1" t="s">
        <v>97426</v>
      </c>
      <c r="F27265" s="1" t="s">
        <v>97427</v>
      </c>
      <c r="G27265" s="1" t="s">
        <v>97411</v>
      </c>
      <c r="H27265" s="1" t="s">
        <v>97412</v>
      </c>
      <c r="I27265" s="1" t="s">
        <v>96632</v>
      </c>
      <c r="J27265" s="1" t="s">
        <v>97428</v>
      </c>
    </row>
    <row r="27266" spans="1:10" x14ac:dyDescent="0.35">
      <c r="A27266" s="1" t="s">
        <v>8461</v>
      </c>
      <c r="B27266" s="1" t="s">
        <v>96627</v>
      </c>
      <c r="C27266" s="1" t="s">
        <v>40</v>
      </c>
      <c r="D27266" s="1" t="s">
        <v>96146</v>
      </c>
      <c r="E27266" s="1" t="s">
        <v>97429</v>
      </c>
      <c r="F27266" s="1" t="s">
        <v>97430</v>
      </c>
      <c r="G27266" s="1" t="s">
        <v>97411</v>
      </c>
      <c r="H27266" s="1" t="s">
        <v>97412</v>
      </c>
      <c r="I27266" s="1" t="s">
        <v>96632</v>
      </c>
      <c r="J27266" s="1" t="s">
        <v>97431</v>
      </c>
    </row>
    <row r="27267" spans="1:10" x14ac:dyDescent="0.35">
      <c r="A27267" s="1" t="s">
        <v>8461</v>
      </c>
      <c r="B27267" s="1" t="s">
        <v>96627</v>
      </c>
      <c r="C27267" s="1" t="s">
        <v>45</v>
      </c>
      <c r="D27267" s="1" t="s">
        <v>69599</v>
      </c>
      <c r="E27267" s="1" t="s">
        <v>97432</v>
      </c>
      <c r="F27267" s="1" t="s">
        <v>97433</v>
      </c>
      <c r="G27267" s="1" t="s">
        <v>97411</v>
      </c>
      <c r="H27267" s="1" t="s">
        <v>97412</v>
      </c>
      <c r="I27267" s="1" t="s">
        <v>96632</v>
      </c>
      <c r="J27267" s="1" t="s">
        <v>97434</v>
      </c>
    </row>
    <row r="27268" spans="1:10" x14ac:dyDescent="0.35">
      <c r="A27268" s="1" t="s">
        <v>8461</v>
      </c>
      <c r="B27268" s="1" t="s">
        <v>96627</v>
      </c>
      <c r="C27268" s="1" t="s">
        <v>50</v>
      </c>
      <c r="D27268" s="1" t="s">
        <v>97435</v>
      </c>
      <c r="E27268" s="1" t="s">
        <v>97436</v>
      </c>
      <c r="F27268" s="1" t="s">
        <v>97437</v>
      </c>
      <c r="G27268" s="1" t="s">
        <v>97411</v>
      </c>
      <c r="H27268" s="1" t="s">
        <v>97412</v>
      </c>
      <c r="I27268" s="1" t="s">
        <v>96632</v>
      </c>
      <c r="J27268" s="1" t="s">
        <v>97438</v>
      </c>
    </row>
    <row r="27269" spans="1:10" x14ac:dyDescent="0.35">
      <c r="A27269" s="1" t="s">
        <v>8461</v>
      </c>
      <c r="B27269" s="1" t="s">
        <v>96627</v>
      </c>
      <c r="C27269" s="1" t="s">
        <v>55</v>
      </c>
      <c r="D27269" s="1" t="s">
        <v>97439</v>
      </c>
      <c r="E27269" s="1" t="s">
        <v>97440</v>
      </c>
      <c r="F27269" s="1" t="s">
        <v>97441</v>
      </c>
      <c r="G27269" s="1" t="s">
        <v>97411</v>
      </c>
      <c r="H27269" s="1" t="s">
        <v>97412</v>
      </c>
      <c r="I27269" s="1" t="s">
        <v>96632</v>
      </c>
      <c r="J27269" s="1" t="s">
        <v>97442</v>
      </c>
    </row>
    <row r="27270" spans="1:10" x14ac:dyDescent="0.35">
      <c r="A27270" s="1" t="s">
        <v>8461</v>
      </c>
      <c r="B27270" s="1" t="s">
        <v>96627</v>
      </c>
      <c r="C27270" s="1" t="s">
        <v>60</v>
      </c>
      <c r="D27270" s="1" t="s">
        <v>97443</v>
      </c>
      <c r="E27270" s="1" t="s">
        <v>97444</v>
      </c>
      <c r="F27270" s="1" t="s">
        <v>97445</v>
      </c>
      <c r="G27270" s="1" t="s">
        <v>97411</v>
      </c>
      <c r="H27270" s="1" t="s">
        <v>97412</v>
      </c>
      <c r="I27270" s="1" t="s">
        <v>96632</v>
      </c>
      <c r="J27270" s="1" t="s">
        <v>97446</v>
      </c>
    </row>
    <row r="27271" spans="1:10" x14ac:dyDescent="0.35">
      <c r="A27271" s="1" t="s">
        <v>8461</v>
      </c>
      <c r="B27271" s="1" t="s">
        <v>96627</v>
      </c>
      <c r="C27271" s="1" t="s">
        <v>65</v>
      </c>
      <c r="D27271" s="1" t="s">
        <v>97447</v>
      </c>
      <c r="E27271" s="1" t="s">
        <v>61432</v>
      </c>
      <c r="F27271" s="1" t="s">
        <v>97448</v>
      </c>
      <c r="G27271" s="1" t="s">
        <v>97411</v>
      </c>
      <c r="H27271" s="1" t="s">
        <v>97412</v>
      </c>
      <c r="I27271" s="1" t="s">
        <v>96632</v>
      </c>
      <c r="J27271" s="1" t="s">
        <v>97449</v>
      </c>
    </row>
    <row r="27272" spans="1:10" x14ac:dyDescent="0.35">
      <c r="A27272" s="1" t="s">
        <v>8461</v>
      </c>
      <c r="B27272" s="1" t="s">
        <v>96627</v>
      </c>
      <c r="C27272" s="1" t="s">
        <v>70</v>
      </c>
      <c r="D27272" s="1" t="s">
        <v>67495</v>
      </c>
      <c r="E27272" s="1" t="s">
        <v>97450</v>
      </c>
      <c r="F27272" s="1" t="s">
        <v>97451</v>
      </c>
      <c r="G27272" s="1" t="s">
        <v>97411</v>
      </c>
      <c r="H27272" s="1" t="s">
        <v>97412</v>
      </c>
      <c r="I27272" s="1" t="s">
        <v>96632</v>
      </c>
      <c r="J27272" s="1" t="s">
        <v>97452</v>
      </c>
    </row>
    <row r="27273" spans="1:10" x14ac:dyDescent="0.35">
      <c r="A27273" s="1" t="s">
        <v>8461</v>
      </c>
      <c r="B27273" s="1" t="s">
        <v>96627</v>
      </c>
      <c r="C27273" s="1" t="s">
        <v>75</v>
      </c>
      <c r="D27273" s="1" t="s">
        <v>97453</v>
      </c>
      <c r="E27273" s="1" t="s">
        <v>31480</v>
      </c>
      <c r="F27273" s="1" t="s">
        <v>97454</v>
      </c>
      <c r="G27273" s="1" t="s">
        <v>97411</v>
      </c>
      <c r="H27273" s="1" t="s">
        <v>97412</v>
      </c>
      <c r="I27273" s="1" t="s">
        <v>96632</v>
      </c>
      <c r="J27273" s="1" t="s">
        <v>97455</v>
      </c>
    </row>
    <row r="27274" spans="1:10" x14ac:dyDescent="0.35">
      <c r="A27274" s="1" t="s">
        <v>8461</v>
      </c>
      <c r="B27274" s="1" t="s">
        <v>96627</v>
      </c>
      <c r="C27274" s="1" t="s">
        <v>80</v>
      </c>
      <c r="D27274" s="1" t="s">
        <v>66082</v>
      </c>
      <c r="E27274" s="1" t="s">
        <v>97456</v>
      </c>
      <c r="F27274" s="1" t="s">
        <v>97457</v>
      </c>
      <c r="G27274" s="1" t="s">
        <v>97411</v>
      </c>
      <c r="H27274" s="1" t="s">
        <v>97412</v>
      </c>
      <c r="I27274" s="1" t="s">
        <v>96632</v>
      </c>
      <c r="J27274" s="1" t="s">
        <v>97458</v>
      </c>
    </row>
    <row r="27275" spans="1:10" x14ac:dyDescent="0.35">
      <c r="A27275" s="1" t="s">
        <v>8461</v>
      </c>
      <c r="B27275" s="1" t="s">
        <v>96627</v>
      </c>
      <c r="C27275" s="1" t="s">
        <v>85</v>
      </c>
      <c r="D27275" s="1" t="s">
        <v>66302</v>
      </c>
      <c r="E27275" s="1" t="s">
        <v>97459</v>
      </c>
      <c r="F27275" s="1" t="s">
        <v>97460</v>
      </c>
      <c r="G27275" s="1" t="s">
        <v>97411</v>
      </c>
      <c r="H27275" s="1" t="s">
        <v>97412</v>
      </c>
      <c r="I27275" s="1" t="s">
        <v>96632</v>
      </c>
      <c r="J27275" s="1" t="s">
        <v>97461</v>
      </c>
    </row>
    <row r="27276" spans="1:10" x14ac:dyDescent="0.35">
      <c r="A27276" s="1" t="s">
        <v>8461</v>
      </c>
      <c r="B27276" s="1" t="s">
        <v>96627</v>
      </c>
      <c r="C27276" s="1" t="s">
        <v>90</v>
      </c>
      <c r="D27276" s="1" t="s">
        <v>97462</v>
      </c>
      <c r="E27276" s="1" t="s">
        <v>97463</v>
      </c>
      <c r="F27276" s="1" t="s">
        <v>97464</v>
      </c>
      <c r="G27276" s="1" t="s">
        <v>97411</v>
      </c>
      <c r="H27276" s="1" t="s">
        <v>97412</v>
      </c>
      <c r="I27276" s="1" t="s">
        <v>96632</v>
      </c>
      <c r="J27276" s="1" t="s">
        <v>97465</v>
      </c>
    </row>
    <row r="27277" spans="1:10" x14ac:dyDescent="0.35">
      <c r="A27277" s="1" t="s">
        <v>8461</v>
      </c>
      <c r="B27277" s="1" t="s">
        <v>96627</v>
      </c>
      <c r="C27277" s="1" t="s">
        <v>95</v>
      </c>
      <c r="D27277" s="1" t="s">
        <v>97466</v>
      </c>
      <c r="E27277" s="1" t="s">
        <v>97467</v>
      </c>
      <c r="F27277" s="1" t="s">
        <v>97468</v>
      </c>
      <c r="G27277" s="1" t="s">
        <v>97411</v>
      </c>
      <c r="H27277" s="1" t="s">
        <v>97412</v>
      </c>
      <c r="I27277" s="1" t="s">
        <v>96632</v>
      </c>
      <c r="J27277" s="1" t="s">
        <v>97469</v>
      </c>
    </row>
    <row r="27278" spans="1:10" x14ac:dyDescent="0.35">
      <c r="A27278" s="1" t="s">
        <v>8461</v>
      </c>
      <c r="B27278" s="1" t="s">
        <v>96627</v>
      </c>
      <c r="C27278" s="1" t="s">
        <v>100</v>
      </c>
      <c r="D27278" s="1" t="s">
        <v>97470</v>
      </c>
      <c r="E27278" s="1" t="s">
        <v>97471</v>
      </c>
      <c r="F27278" s="1" t="s">
        <v>97472</v>
      </c>
      <c r="G27278" s="1" t="s">
        <v>97411</v>
      </c>
      <c r="H27278" s="1" t="s">
        <v>97412</v>
      </c>
      <c r="I27278" s="1" t="s">
        <v>96632</v>
      </c>
      <c r="J27278" s="1" t="s">
        <v>97473</v>
      </c>
    </row>
    <row r="27279" spans="1:10" x14ac:dyDescent="0.35">
      <c r="A27279" s="1" t="s">
        <v>8461</v>
      </c>
      <c r="B27279" s="1" t="s">
        <v>96627</v>
      </c>
      <c r="C27279" s="1" t="s">
        <v>105</v>
      </c>
      <c r="D27279" s="1" t="s">
        <v>97474</v>
      </c>
      <c r="E27279" s="1" t="s">
        <v>97475</v>
      </c>
      <c r="F27279" s="1" t="s">
        <v>97476</v>
      </c>
      <c r="G27279" s="1" t="s">
        <v>97411</v>
      </c>
      <c r="H27279" s="1" t="s">
        <v>97412</v>
      </c>
      <c r="I27279" s="1" t="s">
        <v>96632</v>
      </c>
      <c r="J27279" s="1" t="s">
        <v>97477</v>
      </c>
    </row>
    <row r="27280" spans="1:10" x14ac:dyDescent="0.35">
      <c r="A27280" s="1" t="s">
        <v>8461</v>
      </c>
      <c r="B27280" s="1" t="s">
        <v>96627</v>
      </c>
      <c r="C27280" s="1" t="s">
        <v>110</v>
      </c>
      <c r="D27280" s="1" t="s">
        <v>97478</v>
      </c>
      <c r="E27280" s="1" t="s">
        <v>97479</v>
      </c>
      <c r="F27280" s="1" t="s">
        <v>97480</v>
      </c>
      <c r="G27280" s="1" t="s">
        <v>97411</v>
      </c>
      <c r="H27280" s="1" t="s">
        <v>97412</v>
      </c>
      <c r="I27280" s="1" t="s">
        <v>96632</v>
      </c>
      <c r="J27280" s="1" t="s">
        <v>97481</v>
      </c>
    </row>
    <row r="27281" spans="1:10" x14ac:dyDescent="0.35">
      <c r="A27281" s="1" t="s">
        <v>8461</v>
      </c>
      <c r="B27281" s="1" t="s">
        <v>96627</v>
      </c>
      <c r="C27281" s="1" t="s">
        <v>115</v>
      </c>
      <c r="D27281" s="1" t="s">
        <v>97482</v>
      </c>
      <c r="E27281" s="1" t="s">
        <v>97483</v>
      </c>
      <c r="F27281" s="1" t="s">
        <v>97484</v>
      </c>
      <c r="G27281" s="1" t="s">
        <v>97411</v>
      </c>
      <c r="H27281" s="1" t="s">
        <v>97412</v>
      </c>
      <c r="I27281" s="1" t="s">
        <v>96632</v>
      </c>
      <c r="J27281" s="1" t="s">
        <v>97485</v>
      </c>
    </row>
    <row r="27282" spans="1:10" x14ac:dyDescent="0.35">
      <c r="A27282" s="1" t="s">
        <v>8461</v>
      </c>
      <c r="B27282" s="1" t="s">
        <v>96627</v>
      </c>
      <c r="C27282" s="1" t="s">
        <v>120</v>
      </c>
      <c r="D27282" s="1" t="s">
        <v>97486</v>
      </c>
      <c r="E27282" s="1" t="s">
        <v>97487</v>
      </c>
      <c r="F27282" s="1" t="s">
        <v>97488</v>
      </c>
      <c r="G27282" s="1" t="s">
        <v>97411</v>
      </c>
      <c r="H27282" s="1" t="s">
        <v>97412</v>
      </c>
      <c r="I27282" s="1" t="s">
        <v>96632</v>
      </c>
      <c r="J27282" s="1" t="s">
        <v>97489</v>
      </c>
    </row>
    <row r="27283" spans="1:10" x14ac:dyDescent="0.35">
      <c r="A27283" s="1" t="s">
        <v>8461</v>
      </c>
      <c r="B27283" s="1" t="s">
        <v>96627</v>
      </c>
      <c r="C27283" s="1" t="s">
        <v>125</v>
      </c>
      <c r="D27283" s="1" t="s">
        <v>97490</v>
      </c>
      <c r="E27283" s="1" t="s">
        <v>97491</v>
      </c>
      <c r="F27283" s="1" t="s">
        <v>61325</v>
      </c>
      <c r="G27283" s="1" t="s">
        <v>97411</v>
      </c>
      <c r="H27283" s="1" t="s">
        <v>97412</v>
      </c>
      <c r="I27283" s="1" t="s">
        <v>96632</v>
      </c>
      <c r="J27283" s="1" t="s">
        <v>97492</v>
      </c>
    </row>
    <row r="27284" spans="1:10" x14ac:dyDescent="0.35">
      <c r="A27284" s="1" t="s">
        <v>8461</v>
      </c>
      <c r="B27284" s="1" t="s">
        <v>96627</v>
      </c>
      <c r="C27284" s="1" t="s">
        <v>130</v>
      </c>
      <c r="D27284" s="1" t="s">
        <v>97493</v>
      </c>
      <c r="E27284" s="1" t="s">
        <v>97494</v>
      </c>
      <c r="F27284" s="1" t="s">
        <v>97495</v>
      </c>
      <c r="G27284" s="1" t="s">
        <v>97411</v>
      </c>
      <c r="H27284" s="1" t="s">
        <v>97412</v>
      </c>
      <c r="I27284" s="1" t="s">
        <v>96632</v>
      </c>
      <c r="J27284" s="1" t="s">
        <v>97496</v>
      </c>
    </row>
    <row r="27285" spans="1:10" x14ac:dyDescent="0.35">
      <c r="A27285" s="1" t="s">
        <v>8461</v>
      </c>
      <c r="B27285" s="1" t="s">
        <v>96627</v>
      </c>
      <c r="C27285" s="1" t="s">
        <v>135</v>
      </c>
      <c r="D27285" s="1" t="s">
        <v>97497</v>
      </c>
      <c r="E27285" s="1" t="s">
        <v>97498</v>
      </c>
      <c r="F27285" s="1" t="s">
        <v>97499</v>
      </c>
      <c r="G27285" s="1" t="s">
        <v>97411</v>
      </c>
      <c r="H27285" s="1" t="s">
        <v>97412</v>
      </c>
      <c r="I27285" s="1" t="s">
        <v>96632</v>
      </c>
      <c r="J27285" s="1" t="s">
        <v>97500</v>
      </c>
    </row>
    <row r="27286" spans="1:10" x14ac:dyDescent="0.35">
      <c r="A27286" s="1" t="s">
        <v>8461</v>
      </c>
      <c r="B27286" s="1" t="s">
        <v>96627</v>
      </c>
      <c r="C27286" s="1" t="s">
        <v>140</v>
      </c>
      <c r="D27286" s="1" t="s">
        <v>97501</v>
      </c>
      <c r="E27286" s="1" t="s">
        <v>97502</v>
      </c>
      <c r="F27286" s="1" t="s">
        <v>97503</v>
      </c>
      <c r="G27286" s="1" t="s">
        <v>97411</v>
      </c>
      <c r="H27286" s="1" t="s">
        <v>97412</v>
      </c>
      <c r="I27286" s="1" t="s">
        <v>96632</v>
      </c>
      <c r="J27286" s="1" t="s">
        <v>97504</v>
      </c>
    </row>
    <row r="27287" spans="1:10" x14ac:dyDescent="0.35">
      <c r="A27287" s="1" t="s">
        <v>8461</v>
      </c>
      <c r="B27287" s="1" t="s">
        <v>96627</v>
      </c>
      <c r="C27287" s="1" t="s">
        <v>145</v>
      </c>
      <c r="D27287" s="1" t="s">
        <v>97505</v>
      </c>
      <c r="E27287" s="1" t="s">
        <v>97506</v>
      </c>
      <c r="F27287" s="1" t="s">
        <v>97507</v>
      </c>
      <c r="G27287" s="1" t="s">
        <v>97411</v>
      </c>
      <c r="H27287" s="1" t="s">
        <v>97412</v>
      </c>
      <c r="I27287" s="1" t="s">
        <v>96632</v>
      </c>
      <c r="J27287" s="1" t="s">
        <v>97508</v>
      </c>
    </row>
    <row r="27288" spans="1:10" x14ac:dyDescent="0.35">
      <c r="A27288" s="1" t="s">
        <v>8461</v>
      </c>
      <c r="B27288" s="1" t="s">
        <v>96627</v>
      </c>
      <c r="C27288" s="1" t="s">
        <v>150</v>
      </c>
      <c r="D27288" s="1" t="s">
        <v>97509</v>
      </c>
      <c r="E27288" s="1" t="s">
        <v>97510</v>
      </c>
      <c r="F27288" s="1" t="s">
        <v>97511</v>
      </c>
      <c r="G27288" s="1" t="s">
        <v>97411</v>
      </c>
      <c r="H27288" s="1" t="s">
        <v>97412</v>
      </c>
      <c r="I27288" s="1" t="s">
        <v>96632</v>
      </c>
      <c r="J27288" s="1" t="s">
        <v>97512</v>
      </c>
    </row>
    <row r="27289" spans="1:10" x14ac:dyDescent="0.35">
      <c r="A27289" s="1" t="s">
        <v>8461</v>
      </c>
      <c r="B27289" s="1" t="s">
        <v>96627</v>
      </c>
      <c r="C27289" s="1" t="s">
        <v>155</v>
      </c>
      <c r="D27289" s="1" t="s">
        <v>97513</v>
      </c>
      <c r="E27289" s="1" t="s">
        <v>97514</v>
      </c>
      <c r="F27289" s="1" t="s">
        <v>97515</v>
      </c>
      <c r="G27289" s="1" t="s">
        <v>97411</v>
      </c>
      <c r="H27289" s="1" t="s">
        <v>97412</v>
      </c>
      <c r="I27289" s="1" t="s">
        <v>96632</v>
      </c>
      <c r="J27289" s="1" t="s">
        <v>97516</v>
      </c>
    </row>
    <row r="27290" spans="1:10" x14ac:dyDescent="0.35">
      <c r="A27290" s="1" t="s">
        <v>8461</v>
      </c>
      <c r="B27290" s="1" t="s">
        <v>96627</v>
      </c>
      <c r="C27290" s="1" t="s">
        <v>160</v>
      </c>
      <c r="D27290" s="1" t="s">
        <v>97517</v>
      </c>
      <c r="E27290" s="1" t="s">
        <v>97518</v>
      </c>
      <c r="F27290" s="1" t="s">
        <v>97519</v>
      </c>
      <c r="G27290" s="1" t="s">
        <v>97411</v>
      </c>
      <c r="H27290" s="1" t="s">
        <v>97412</v>
      </c>
      <c r="I27290" s="1" t="s">
        <v>96632</v>
      </c>
      <c r="J27290" s="1" t="s">
        <v>97520</v>
      </c>
    </row>
    <row r="27291" spans="1:10" x14ac:dyDescent="0.35">
      <c r="A27291" s="1" t="s">
        <v>8461</v>
      </c>
      <c r="B27291" s="1" t="s">
        <v>96627</v>
      </c>
      <c r="C27291" s="1" t="s">
        <v>165</v>
      </c>
      <c r="D27291" s="1" t="s">
        <v>97521</v>
      </c>
      <c r="E27291" s="1" t="s">
        <v>97522</v>
      </c>
      <c r="F27291" s="1" t="s">
        <v>97523</v>
      </c>
      <c r="G27291" s="1" t="s">
        <v>97411</v>
      </c>
      <c r="H27291" s="1" t="s">
        <v>97412</v>
      </c>
      <c r="I27291" s="1" t="s">
        <v>96632</v>
      </c>
      <c r="J27291" s="1" t="s">
        <v>97524</v>
      </c>
    </row>
    <row r="27292" spans="1:10" x14ac:dyDescent="0.35">
      <c r="A27292" s="1" t="s">
        <v>8461</v>
      </c>
      <c r="B27292" s="1" t="s">
        <v>96627</v>
      </c>
      <c r="C27292" s="1" t="s">
        <v>170</v>
      </c>
      <c r="D27292" s="1" t="s">
        <v>97525</v>
      </c>
      <c r="E27292" s="1" t="s">
        <v>15876</v>
      </c>
      <c r="F27292" s="1" t="s">
        <v>97526</v>
      </c>
      <c r="G27292" s="1" t="s">
        <v>97411</v>
      </c>
      <c r="H27292" s="1" t="s">
        <v>97412</v>
      </c>
      <c r="I27292" s="1" t="s">
        <v>96632</v>
      </c>
      <c r="J27292" s="1" t="s">
        <v>97527</v>
      </c>
    </row>
    <row r="27293" spans="1:10" x14ac:dyDescent="0.35">
      <c r="A27293" s="1" t="s">
        <v>9834</v>
      </c>
      <c r="B27293" s="1" t="s">
        <v>96627</v>
      </c>
      <c r="C27293" s="1" t="s">
        <v>8</v>
      </c>
      <c r="D27293" s="1" t="s">
        <v>97528</v>
      </c>
      <c r="E27293" s="1" t="s">
        <v>23435</v>
      </c>
      <c r="F27293" s="1" t="s">
        <v>97529</v>
      </c>
      <c r="G27293" s="1" t="s">
        <v>97530</v>
      </c>
      <c r="H27293" s="1" t="s">
        <v>97531</v>
      </c>
      <c r="I27293" s="1" t="s">
        <v>96632</v>
      </c>
      <c r="J27293" s="1" t="s">
        <v>13</v>
      </c>
    </row>
    <row r="27294" spans="1:10" x14ac:dyDescent="0.35">
      <c r="A27294" s="1" t="s">
        <v>9834</v>
      </c>
      <c r="B27294" s="1" t="s">
        <v>96627</v>
      </c>
      <c r="C27294" s="1" t="s">
        <v>15</v>
      </c>
      <c r="D27294" s="1" t="s">
        <v>97532</v>
      </c>
      <c r="E27294" s="1" t="s">
        <v>41159</v>
      </c>
      <c r="F27294" s="1" t="s">
        <v>83482</v>
      </c>
      <c r="G27294" s="1" t="s">
        <v>97530</v>
      </c>
      <c r="H27294" s="1" t="s">
        <v>97531</v>
      </c>
      <c r="I27294" s="1" t="s">
        <v>96632</v>
      </c>
      <c r="J27294" s="1" t="s">
        <v>97533</v>
      </c>
    </row>
    <row r="27295" spans="1:10" x14ac:dyDescent="0.35">
      <c r="A27295" s="1" t="s">
        <v>9834</v>
      </c>
      <c r="B27295" s="1" t="s">
        <v>96627</v>
      </c>
      <c r="C27295" s="1" t="s">
        <v>20</v>
      </c>
      <c r="D27295" s="1" t="s">
        <v>97534</v>
      </c>
      <c r="E27295" s="1" t="s">
        <v>15209</v>
      </c>
      <c r="F27295" s="1" t="s">
        <v>97535</v>
      </c>
      <c r="G27295" s="1" t="s">
        <v>97530</v>
      </c>
      <c r="H27295" s="1" t="s">
        <v>97531</v>
      </c>
      <c r="I27295" s="1" t="s">
        <v>96632</v>
      </c>
      <c r="J27295" s="1" t="s">
        <v>97536</v>
      </c>
    </row>
    <row r="27296" spans="1:10" x14ac:dyDescent="0.35">
      <c r="A27296" s="1" t="s">
        <v>9834</v>
      </c>
      <c r="B27296" s="1" t="s">
        <v>96627</v>
      </c>
      <c r="C27296" s="1" t="s">
        <v>25</v>
      </c>
      <c r="D27296" s="1" t="s">
        <v>56733</v>
      </c>
      <c r="E27296" s="1" t="s">
        <v>21937</v>
      </c>
      <c r="F27296" s="1" t="s">
        <v>24409</v>
      </c>
      <c r="G27296" s="1" t="s">
        <v>97530</v>
      </c>
      <c r="H27296" s="1" t="s">
        <v>97531</v>
      </c>
      <c r="I27296" s="1" t="s">
        <v>96632</v>
      </c>
      <c r="J27296" s="1" t="s">
        <v>97537</v>
      </c>
    </row>
    <row r="27297" spans="1:10" x14ac:dyDescent="0.35">
      <c r="A27297" s="1" t="s">
        <v>9834</v>
      </c>
      <c r="B27297" s="1" t="s">
        <v>96627</v>
      </c>
      <c r="C27297" s="1" t="s">
        <v>30</v>
      </c>
      <c r="D27297" s="1" t="s">
        <v>97538</v>
      </c>
      <c r="E27297" s="1" t="s">
        <v>23425</v>
      </c>
      <c r="F27297" s="1" t="s">
        <v>97539</v>
      </c>
      <c r="G27297" s="1" t="s">
        <v>97530</v>
      </c>
      <c r="H27297" s="1" t="s">
        <v>97531</v>
      </c>
      <c r="I27297" s="1" t="s">
        <v>96632</v>
      </c>
      <c r="J27297" s="1" t="s">
        <v>97540</v>
      </c>
    </row>
    <row r="27298" spans="1:10" x14ac:dyDescent="0.35">
      <c r="A27298" s="1" t="s">
        <v>9834</v>
      </c>
      <c r="B27298" s="1" t="s">
        <v>96627</v>
      </c>
      <c r="C27298" s="1" t="s">
        <v>35</v>
      </c>
      <c r="D27298" s="1" t="s">
        <v>97541</v>
      </c>
      <c r="E27298" s="1" t="s">
        <v>16105</v>
      </c>
      <c r="F27298" s="1" t="s">
        <v>97542</v>
      </c>
      <c r="G27298" s="1" t="s">
        <v>97530</v>
      </c>
      <c r="H27298" s="1" t="s">
        <v>97531</v>
      </c>
      <c r="I27298" s="1" t="s">
        <v>96632</v>
      </c>
      <c r="J27298" s="1" t="s">
        <v>97543</v>
      </c>
    </row>
    <row r="27299" spans="1:10" x14ac:dyDescent="0.35">
      <c r="A27299" s="1" t="s">
        <v>9834</v>
      </c>
      <c r="B27299" s="1" t="s">
        <v>96627</v>
      </c>
      <c r="C27299" s="1" t="s">
        <v>40</v>
      </c>
      <c r="D27299" s="1" t="s">
        <v>97544</v>
      </c>
      <c r="E27299" s="1" t="s">
        <v>57392</v>
      </c>
      <c r="F27299" s="1" t="s">
        <v>97545</v>
      </c>
      <c r="G27299" s="1" t="s">
        <v>97530</v>
      </c>
      <c r="H27299" s="1" t="s">
        <v>97531</v>
      </c>
      <c r="I27299" s="1" t="s">
        <v>96632</v>
      </c>
      <c r="J27299" s="1" t="s">
        <v>97546</v>
      </c>
    </row>
    <row r="27300" spans="1:10" x14ac:dyDescent="0.35">
      <c r="A27300" s="1" t="s">
        <v>9834</v>
      </c>
      <c r="B27300" s="1" t="s">
        <v>96627</v>
      </c>
      <c r="C27300" s="1" t="s">
        <v>45</v>
      </c>
      <c r="D27300" s="1" t="s">
        <v>66913</v>
      </c>
      <c r="E27300" s="1" t="s">
        <v>23491</v>
      </c>
      <c r="F27300" s="1" t="s">
        <v>97547</v>
      </c>
      <c r="G27300" s="1" t="s">
        <v>97530</v>
      </c>
      <c r="H27300" s="1" t="s">
        <v>97531</v>
      </c>
      <c r="I27300" s="1" t="s">
        <v>96632</v>
      </c>
      <c r="J27300" s="1" t="s">
        <v>97548</v>
      </c>
    </row>
    <row r="27301" spans="1:10" x14ac:dyDescent="0.35">
      <c r="A27301" s="1" t="s">
        <v>9834</v>
      </c>
      <c r="B27301" s="1" t="s">
        <v>96627</v>
      </c>
      <c r="C27301" s="1" t="s">
        <v>50</v>
      </c>
      <c r="D27301" s="1" t="s">
        <v>97549</v>
      </c>
      <c r="E27301" s="1" t="s">
        <v>26247</v>
      </c>
      <c r="F27301" s="1" t="s">
        <v>97550</v>
      </c>
      <c r="G27301" s="1" t="s">
        <v>97530</v>
      </c>
      <c r="H27301" s="1" t="s">
        <v>97531</v>
      </c>
      <c r="I27301" s="1" t="s">
        <v>96632</v>
      </c>
      <c r="J27301" s="1" t="s">
        <v>97551</v>
      </c>
    </row>
    <row r="27302" spans="1:10" x14ac:dyDescent="0.35">
      <c r="A27302" s="1" t="s">
        <v>9834</v>
      </c>
      <c r="B27302" s="1" t="s">
        <v>96627</v>
      </c>
      <c r="C27302" s="1" t="s">
        <v>55</v>
      </c>
      <c r="D27302" s="1" t="s">
        <v>97552</v>
      </c>
      <c r="E27302" s="1" t="s">
        <v>54478</v>
      </c>
      <c r="F27302" s="1" t="s">
        <v>97553</v>
      </c>
      <c r="G27302" s="1" t="s">
        <v>97530</v>
      </c>
      <c r="H27302" s="1" t="s">
        <v>97531</v>
      </c>
      <c r="I27302" s="1" t="s">
        <v>96632</v>
      </c>
      <c r="J27302" s="1" t="s">
        <v>97554</v>
      </c>
    </row>
    <row r="27303" spans="1:10" x14ac:dyDescent="0.35">
      <c r="A27303" s="1" t="s">
        <v>9834</v>
      </c>
      <c r="B27303" s="1" t="s">
        <v>96627</v>
      </c>
      <c r="C27303" s="1" t="s">
        <v>60</v>
      </c>
      <c r="D27303" s="1" t="s">
        <v>40955</v>
      </c>
      <c r="E27303" s="1" t="s">
        <v>55325</v>
      </c>
      <c r="F27303" s="1" t="s">
        <v>97555</v>
      </c>
      <c r="G27303" s="1" t="s">
        <v>97530</v>
      </c>
      <c r="H27303" s="1" t="s">
        <v>97531</v>
      </c>
      <c r="I27303" s="1" t="s">
        <v>96632</v>
      </c>
      <c r="J27303" s="1" t="s">
        <v>97556</v>
      </c>
    </row>
    <row r="27304" spans="1:10" x14ac:dyDescent="0.35">
      <c r="A27304" s="1" t="s">
        <v>9834</v>
      </c>
      <c r="B27304" s="1" t="s">
        <v>96627</v>
      </c>
      <c r="C27304" s="1" t="s">
        <v>65</v>
      </c>
      <c r="D27304" s="1" t="s">
        <v>67533</v>
      </c>
      <c r="E27304" s="1" t="s">
        <v>22091</v>
      </c>
      <c r="F27304" s="1" t="s">
        <v>97557</v>
      </c>
      <c r="G27304" s="1" t="s">
        <v>97530</v>
      </c>
      <c r="H27304" s="1" t="s">
        <v>97531</v>
      </c>
      <c r="I27304" s="1" t="s">
        <v>96632</v>
      </c>
      <c r="J27304" s="1" t="s">
        <v>97558</v>
      </c>
    </row>
    <row r="27305" spans="1:10" x14ac:dyDescent="0.35">
      <c r="A27305" s="1" t="s">
        <v>9834</v>
      </c>
      <c r="B27305" s="1" t="s">
        <v>96627</v>
      </c>
      <c r="C27305" s="1" t="s">
        <v>70</v>
      </c>
      <c r="D27305" s="1" t="s">
        <v>97559</v>
      </c>
      <c r="E27305" s="1" t="s">
        <v>56202</v>
      </c>
      <c r="F27305" s="1" t="s">
        <v>97560</v>
      </c>
      <c r="G27305" s="1" t="s">
        <v>97530</v>
      </c>
      <c r="H27305" s="1" t="s">
        <v>97531</v>
      </c>
      <c r="I27305" s="1" t="s">
        <v>96632</v>
      </c>
      <c r="J27305" s="1" t="s">
        <v>97561</v>
      </c>
    </row>
    <row r="27306" spans="1:10" x14ac:dyDescent="0.35">
      <c r="A27306" s="1" t="s">
        <v>9834</v>
      </c>
      <c r="B27306" s="1" t="s">
        <v>96627</v>
      </c>
      <c r="C27306" s="1" t="s">
        <v>75</v>
      </c>
      <c r="D27306" s="1" t="s">
        <v>97562</v>
      </c>
      <c r="E27306" s="1" t="s">
        <v>23521</v>
      </c>
      <c r="F27306" s="1" t="s">
        <v>97563</v>
      </c>
      <c r="G27306" s="1" t="s">
        <v>97530</v>
      </c>
      <c r="H27306" s="1" t="s">
        <v>97531</v>
      </c>
      <c r="I27306" s="1" t="s">
        <v>96632</v>
      </c>
      <c r="J27306" s="1" t="s">
        <v>97564</v>
      </c>
    </row>
    <row r="27307" spans="1:10" x14ac:dyDescent="0.35">
      <c r="A27307" s="1" t="s">
        <v>9834</v>
      </c>
      <c r="B27307" s="1" t="s">
        <v>96627</v>
      </c>
      <c r="C27307" s="1" t="s">
        <v>80</v>
      </c>
      <c r="D27307" s="1" t="s">
        <v>97565</v>
      </c>
      <c r="E27307" s="1" t="s">
        <v>22099</v>
      </c>
      <c r="F27307" s="1" t="s">
        <v>97566</v>
      </c>
      <c r="G27307" s="1" t="s">
        <v>97530</v>
      </c>
      <c r="H27307" s="1" t="s">
        <v>97531</v>
      </c>
      <c r="I27307" s="1" t="s">
        <v>96632</v>
      </c>
      <c r="J27307" s="1" t="s">
        <v>97567</v>
      </c>
    </row>
    <row r="27308" spans="1:10" x14ac:dyDescent="0.35">
      <c r="A27308" s="1" t="s">
        <v>9834</v>
      </c>
      <c r="B27308" s="1" t="s">
        <v>96627</v>
      </c>
      <c r="C27308" s="1" t="s">
        <v>85</v>
      </c>
      <c r="D27308" s="1" t="s">
        <v>97568</v>
      </c>
      <c r="E27308" s="1" t="s">
        <v>12841</v>
      </c>
      <c r="F27308" s="1" t="s">
        <v>57266</v>
      </c>
      <c r="G27308" s="1" t="s">
        <v>97530</v>
      </c>
      <c r="H27308" s="1" t="s">
        <v>97531</v>
      </c>
      <c r="I27308" s="1" t="s">
        <v>96632</v>
      </c>
      <c r="J27308" s="1" t="s">
        <v>97569</v>
      </c>
    </row>
    <row r="27309" spans="1:10" x14ac:dyDescent="0.35">
      <c r="A27309" s="1" t="s">
        <v>9834</v>
      </c>
      <c r="B27309" s="1" t="s">
        <v>96627</v>
      </c>
      <c r="C27309" s="1" t="s">
        <v>90</v>
      </c>
      <c r="D27309" s="1" t="s">
        <v>97570</v>
      </c>
      <c r="E27309" s="1" t="s">
        <v>31445</v>
      </c>
      <c r="F27309" s="1" t="s">
        <v>76376</v>
      </c>
      <c r="G27309" s="1" t="s">
        <v>97530</v>
      </c>
      <c r="H27309" s="1" t="s">
        <v>97531</v>
      </c>
      <c r="I27309" s="1" t="s">
        <v>96632</v>
      </c>
      <c r="J27309" s="1" t="s">
        <v>97571</v>
      </c>
    </row>
    <row r="27310" spans="1:10" x14ac:dyDescent="0.35">
      <c r="A27310" s="1" t="s">
        <v>9834</v>
      </c>
      <c r="B27310" s="1" t="s">
        <v>96627</v>
      </c>
      <c r="C27310" s="1" t="s">
        <v>95</v>
      </c>
      <c r="D27310" s="1" t="s">
        <v>26221</v>
      </c>
      <c r="E27310" s="1" t="s">
        <v>55251</v>
      </c>
      <c r="F27310" s="1" t="s">
        <v>97572</v>
      </c>
      <c r="G27310" s="1" t="s">
        <v>97530</v>
      </c>
      <c r="H27310" s="1" t="s">
        <v>97531</v>
      </c>
      <c r="I27310" s="1" t="s">
        <v>96632</v>
      </c>
      <c r="J27310" s="1" t="s">
        <v>97573</v>
      </c>
    </row>
    <row r="27311" spans="1:10" x14ac:dyDescent="0.35">
      <c r="A27311" s="1" t="s">
        <v>9834</v>
      </c>
      <c r="B27311" s="1" t="s">
        <v>96627</v>
      </c>
      <c r="C27311" s="1" t="s">
        <v>100</v>
      </c>
      <c r="D27311" s="1" t="s">
        <v>97574</v>
      </c>
      <c r="E27311" s="1" t="s">
        <v>32376</v>
      </c>
      <c r="F27311" s="1" t="s">
        <v>56890</v>
      </c>
      <c r="G27311" s="1" t="s">
        <v>97530</v>
      </c>
      <c r="H27311" s="1" t="s">
        <v>97531</v>
      </c>
      <c r="I27311" s="1" t="s">
        <v>96632</v>
      </c>
      <c r="J27311" s="1" t="s">
        <v>97575</v>
      </c>
    </row>
    <row r="27312" spans="1:10" x14ac:dyDescent="0.35">
      <c r="A27312" s="1" t="s">
        <v>9834</v>
      </c>
      <c r="B27312" s="1" t="s">
        <v>96627</v>
      </c>
      <c r="C27312" s="1" t="s">
        <v>105</v>
      </c>
      <c r="D27312" s="1" t="s">
        <v>97576</v>
      </c>
      <c r="E27312" s="1" t="s">
        <v>53928</v>
      </c>
      <c r="F27312" s="1" t="s">
        <v>60652</v>
      </c>
      <c r="G27312" s="1" t="s">
        <v>97530</v>
      </c>
      <c r="H27312" s="1" t="s">
        <v>97531</v>
      </c>
      <c r="I27312" s="1" t="s">
        <v>96632</v>
      </c>
      <c r="J27312" s="1" t="s">
        <v>97577</v>
      </c>
    </row>
    <row r="27313" spans="1:10" x14ac:dyDescent="0.35">
      <c r="A27313" s="1" t="s">
        <v>9834</v>
      </c>
      <c r="B27313" s="1" t="s">
        <v>96627</v>
      </c>
      <c r="C27313" s="1" t="s">
        <v>110</v>
      </c>
      <c r="D27313" s="1" t="s">
        <v>97578</v>
      </c>
      <c r="E27313" s="1" t="s">
        <v>54413</v>
      </c>
      <c r="F27313" s="1" t="s">
        <v>97579</v>
      </c>
      <c r="G27313" s="1" t="s">
        <v>97530</v>
      </c>
      <c r="H27313" s="1" t="s">
        <v>97531</v>
      </c>
      <c r="I27313" s="1" t="s">
        <v>96632</v>
      </c>
      <c r="J27313" s="1" t="s">
        <v>97580</v>
      </c>
    </row>
    <row r="27314" spans="1:10" x14ac:dyDescent="0.35">
      <c r="A27314" s="1" t="s">
        <v>9834</v>
      </c>
      <c r="B27314" s="1" t="s">
        <v>96627</v>
      </c>
      <c r="C27314" s="1" t="s">
        <v>115</v>
      </c>
      <c r="D27314" s="1" t="s">
        <v>97581</v>
      </c>
      <c r="E27314" s="1" t="s">
        <v>23521</v>
      </c>
      <c r="F27314" s="1" t="s">
        <v>60133</v>
      </c>
      <c r="G27314" s="1" t="s">
        <v>97530</v>
      </c>
      <c r="H27314" s="1" t="s">
        <v>97531</v>
      </c>
      <c r="I27314" s="1" t="s">
        <v>96632</v>
      </c>
      <c r="J27314" s="1" t="s">
        <v>97582</v>
      </c>
    </row>
    <row r="27315" spans="1:10" x14ac:dyDescent="0.35">
      <c r="A27315" s="1" t="s">
        <v>9834</v>
      </c>
      <c r="B27315" s="1" t="s">
        <v>96627</v>
      </c>
      <c r="C27315" s="1" t="s">
        <v>120</v>
      </c>
      <c r="D27315" s="1" t="s">
        <v>67037</v>
      </c>
      <c r="E27315" s="1" t="s">
        <v>60199</v>
      </c>
      <c r="F27315" s="1" t="s">
        <v>97583</v>
      </c>
      <c r="G27315" s="1" t="s">
        <v>97530</v>
      </c>
      <c r="H27315" s="1" t="s">
        <v>97531</v>
      </c>
      <c r="I27315" s="1" t="s">
        <v>96632</v>
      </c>
      <c r="J27315" s="1" t="s">
        <v>97584</v>
      </c>
    </row>
    <row r="27316" spans="1:10" x14ac:dyDescent="0.35">
      <c r="A27316" s="1" t="s">
        <v>9834</v>
      </c>
      <c r="B27316" s="1" t="s">
        <v>96627</v>
      </c>
      <c r="C27316" s="1" t="s">
        <v>125</v>
      </c>
      <c r="D27316" s="1" t="s">
        <v>97585</v>
      </c>
      <c r="E27316" s="1" t="s">
        <v>55586</v>
      </c>
      <c r="F27316" s="1" t="s">
        <v>97586</v>
      </c>
      <c r="G27316" s="1" t="s">
        <v>97530</v>
      </c>
      <c r="H27316" s="1" t="s">
        <v>97531</v>
      </c>
      <c r="I27316" s="1" t="s">
        <v>96632</v>
      </c>
      <c r="J27316" s="1" t="s">
        <v>97587</v>
      </c>
    </row>
    <row r="27317" spans="1:10" x14ac:dyDescent="0.35">
      <c r="A27317" s="1" t="s">
        <v>9834</v>
      </c>
      <c r="B27317" s="1" t="s">
        <v>96627</v>
      </c>
      <c r="C27317" s="1" t="s">
        <v>130</v>
      </c>
      <c r="D27317" s="1" t="s">
        <v>97588</v>
      </c>
      <c r="E27317" s="1" t="s">
        <v>21849</v>
      </c>
      <c r="F27317" s="1" t="s">
        <v>59072</v>
      </c>
      <c r="G27317" s="1" t="s">
        <v>97530</v>
      </c>
      <c r="H27317" s="1" t="s">
        <v>97531</v>
      </c>
      <c r="I27317" s="1" t="s">
        <v>96632</v>
      </c>
      <c r="J27317" s="1" t="s">
        <v>97589</v>
      </c>
    </row>
    <row r="27318" spans="1:10" x14ac:dyDescent="0.35">
      <c r="A27318" s="1" t="s">
        <v>9834</v>
      </c>
      <c r="B27318" s="1" t="s">
        <v>96627</v>
      </c>
      <c r="C27318" s="1" t="s">
        <v>135</v>
      </c>
      <c r="D27318" s="1" t="s">
        <v>97590</v>
      </c>
      <c r="E27318" s="1" t="s">
        <v>41184</v>
      </c>
      <c r="F27318" s="1" t="s">
        <v>97591</v>
      </c>
      <c r="G27318" s="1" t="s">
        <v>97530</v>
      </c>
      <c r="H27318" s="1" t="s">
        <v>97531</v>
      </c>
      <c r="I27318" s="1" t="s">
        <v>96632</v>
      </c>
      <c r="J27318" s="1" t="s">
        <v>97592</v>
      </c>
    </row>
    <row r="27319" spans="1:10" x14ac:dyDescent="0.35">
      <c r="A27319" s="1" t="s">
        <v>9834</v>
      </c>
      <c r="B27319" s="1" t="s">
        <v>96627</v>
      </c>
      <c r="C27319" s="1" t="s">
        <v>140</v>
      </c>
      <c r="D27319" s="1" t="s">
        <v>97593</v>
      </c>
      <c r="E27319" s="1" t="s">
        <v>60240</v>
      </c>
      <c r="F27319" s="1" t="s">
        <v>97594</v>
      </c>
      <c r="G27319" s="1" t="s">
        <v>97530</v>
      </c>
      <c r="H27319" s="1" t="s">
        <v>97531</v>
      </c>
      <c r="I27319" s="1" t="s">
        <v>96632</v>
      </c>
      <c r="J27319" s="1" t="s">
        <v>97595</v>
      </c>
    </row>
    <row r="27320" spans="1:10" x14ac:dyDescent="0.35">
      <c r="A27320" s="1" t="s">
        <v>9834</v>
      </c>
      <c r="B27320" s="1" t="s">
        <v>96627</v>
      </c>
      <c r="C27320" s="1" t="s">
        <v>145</v>
      </c>
      <c r="D27320" s="1" t="s">
        <v>97596</v>
      </c>
      <c r="E27320" s="1" t="s">
        <v>23521</v>
      </c>
      <c r="F27320" s="1" t="s">
        <v>97597</v>
      </c>
      <c r="G27320" s="1" t="s">
        <v>97530</v>
      </c>
      <c r="H27320" s="1" t="s">
        <v>97531</v>
      </c>
      <c r="I27320" s="1" t="s">
        <v>96632</v>
      </c>
      <c r="J27320" s="1" t="s">
        <v>97598</v>
      </c>
    </row>
    <row r="27321" spans="1:10" x14ac:dyDescent="0.35">
      <c r="A27321" s="1" t="s">
        <v>9834</v>
      </c>
      <c r="B27321" s="1" t="s">
        <v>96627</v>
      </c>
      <c r="C27321" s="1" t="s">
        <v>150</v>
      </c>
      <c r="D27321" s="1" t="s">
        <v>97599</v>
      </c>
      <c r="E27321" s="1" t="s">
        <v>54455</v>
      </c>
      <c r="F27321" s="1" t="s">
        <v>97600</v>
      </c>
      <c r="G27321" s="1" t="s">
        <v>97530</v>
      </c>
      <c r="H27321" s="1" t="s">
        <v>97531</v>
      </c>
      <c r="I27321" s="1" t="s">
        <v>96632</v>
      </c>
      <c r="J27321" s="1" t="s">
        <v>97601</v>
      </c>
    </row>
    <row r="27322" spans="1:10" x14ac:dyDescent="0.35">
      <c r="A27322" s="1" t="s">
        <v>9834</v>
      </c>
      <c r="B27322" s="1" t="s">
        <v>96627</v>
      </c>
      <c r="C27322" s="1" t="s">
        <v>155</v>
      </c>
      <c r="D27322" s="1" t="s">
        <v>97602</v>
      </c>
      <c r="E27322" s="1" t="s">
        <v>32384</v>
      </c>
      <c r="F27322" s="1" t="s">
        <v>97603</v>
      </c>
      <c r="G27322" s="1" t="s">
        <v>97530</v>
      </c>
      <c r="H27322" s="1" t="s">
        <v>97531</v>
      </c>
      <c r="I27322" s="1" t="s">
        <v>96632</v>
      </c>
      <c r="J27322" s="1" t="s">
        <v>97604</v>
      </c>
    </row>
    <row r="27323" spans="1:10" x14ac:dyDescent="0.35">
      <c r="A27323" s="1" t="s">
        <v>9834</v>
      </c>
      <c r="B27323" s="1" t="s">
        <v>96627</v>
      </c>
      <c r="C27323" s="1" t="s">
        <v>160</v>
      </c>
      <c r="D27323" s="1" t="s">
        <v>97605</v>
      </c>
      <c r="E27323" s="1" t="s">
        <v>56404</v>
      </c>
      <c r="F27323" s="1" t="s">
        <v>97606</v>
      </c>
      <c r="G27323" s="1" t="s">
        <v>97530</v>
      </c>
      <c r="H27323" s="1" t="s">
        <v>97531</v>
      </c>
      <c r="I27323" s="1" t="s">
        <v>96632</v>
      </c>
      <c r="J27323" s="1" t="s">
        <v>97607</v>
      </c>
    </row>
    <row r="27324" spans="1:10" x14ac:dyDescent="0.35">
      <c r="A27324" s="1" t="s">
        <v>9834</v>
      </c>
      <c r="B27324" s="1" t="s">
        <v>96627</v>
      </c>
      <c r="C27324" s="1" t="s">
        <v>165</v>
      </c>
      <c r="D27324" s="1" t="s">
        <v>97608</v>
      </c>
      <c r="E27324" s="1" t="s">
        <v>64275</v>
      </c>
      <c r="F27324" s="1" t="s">
        <v>60267</v>
      </c>
      <c r="G27324" s="1" t="s">
        <v>97530</v>
      </c>
      <c r="H27324" s="1" t="s">
        <v>97531</v>
      </c>
      <c r="I27324" s="1" t="s">
        <v>96632</v>
      </c>
      <c r="J27324" s="1" t="s">
        <v>97609</v>
      </c>
    </row>
    <row r="27325" spans="1:10" x14ac:dyDescent="0.35">
      <c r="A27325" s="1" t="s">
        <v>9834</v>
      </c>
      <c r="B27325" s="1" t="s">
        <v>96627</v>
      </c>
      <c r="C27325" s="1" t="s">
        <v>170</v>
      </c>
      <c r="D27325" s="1" t="s">
        <v>41803</v>
      </c>
      <c r="E27325" s="1" t="s">
        <v>31949</v>
      </c>
      <c r="F27325" s="1" t="s">
        <v>55974</v>
      </c>
      <c r="G27325" s="1" t="s">
        <v>97530</v>
      </c>
      <c r="H27325" s="1" t="s">
        <v>97531</v>
      </c>
      <c r="I27325" s="1" t="s">
        <v>96632</v>
      </c>
      <c r="J27325" s="1" t="s">
        <v>97610</v>
      </c>
    </row>
    <row r="27326" spans="1:10" x14ac:dyDescent="0.35">
      <c r="A27326" s="1" t="s">
        <v>97611</v>
      </c>
      <c r="B27326" s="1" t="s">
        <v>96627</v>
      </c>
      <c r="C27326" s="1" t="s">
        <v>8</v>
      </c>
      <c r="D27326" s="1" t="s">
        <v>79732</v>
      </c>
      <c r="E27326" s="1" t="s">
        <v>23248</v>
      </c>
      <c r="F27326" s="1" t="s">
        <v>66233</v>
      </c>
      <c r="G27326" s="1" t="s">
        <v>97612</v>
      </c>
      <c r="H27326" s="1" t="s">
        <v>97613</v>
      </c>
      <c r="I27326" s="1" t="s">
        <v>96632</v>
      </c>
      <c r="J27326" s="1" t="s">
        <v>13</v>
      </c>
    </row>
    <row r="27327" spans="1:10" x14ac:dyDescent="0.35">
      <c r="A27327" s="1" t="s">
        <v>97611</v>
      </c>
      <c r="B27327" s="1" t="s">
        <v>96627</v>
      </c>
      <c r="C27327" s="1" t="s">
        <v>15</v>
      </c>
      <c r="D27327" s="1" t="s">
        <v>61499</v>
      </c>
      <c r="E27327" s="1" t="s">
        <v>15853</v>
      </c>
      <c r="F27327" s="1" t="s">
        <v>97614</v>
      </c>
      <c r="G27327" s="1" t="s">
        <v>97612</v>
      </c>
      <c r="H27327" s="1" t="s">
        <v>97613</v>
      </c>
      <c r="I27327" s="1" t="s">
        <v>96632</v>
      </c>
      <c r="J27327" s="1" t="s">
        <v>97615</v>
      </c>
    </row>
    <row r="27328" spans="1:10" x14ac:dyDescent="0.35">
      <c r="A27328" s="1" t="s">
        <v>97611</v>
      </c>
      <c r="B27328" s="1" t="s">
        <v>96627</v>
      </c>
      <c r="C27328" s="1" t="s">
        <v>20</v>
      </c>
      <c r="D27328" s="1" t="s">
        <v>97616</v>
      </c>
      <c r="E27328" s="1" t="s">
        <v>12813</v>
      </c>
      <c r="F27328" s="1" t="s">
        <v>97617</v>
      </c>
      <c r="G27328" s="1" t="s">
        <v>97612</v>
      </c>
      <c r="H27328" s="1" t="s">
        <v>97613</v>
      </c>
      <c r="I27328" s="1" t="s">
        <v>96632</v>
      </c>
      <c r="J27328" s="1" t="s">
        <v>97618</v>
      </c>
    </row>
    <row r="27329" spans="1:10" x14ac:dyDescent="0.35">
      <c r="A27329" s="1" t="s">
        <v>97611</v>
      </c>
      <c r="B27329" s="1" t="s">
        <v>96627</v>
      </c>
      <c r="C27329" s="1" t="s">
        <v>25</v>
      </c>
      <c r="D27329" s="1" t="s">
        <v>16759</v>
      </c>
      <c r="E27329" s="1" t="s">
        <v>12857</v>
      </c>
      <c r="F27329" s="1" t="s">
        <v>58833</v>
      </c>
      <c r="G27329" s="1" t="s">
        <v>97612</v>
      </c>
      <c r="H27329" s="1" t="s">
        <v>97613</v>
      </c>
      <c r="I27329" s="1" t="s">
        <v>96632</v>
      </c>
      <c r="J27329" s="1" t="s">
        <v>97619</v>
      </c>
    </row>
    <row r="27330" spans="1:10" x14ac:dyDescent="0.35">
      <c r="A27330" s="1" t="s">
        <v>97611</v>
      </c>
      <c r="B27330" s="1" t="s">
        <v>96627</v>
      </c>
      <c r="C27330" s="1" t="s">
        <v>30</v>
      </c>
      <c r="D27330" s="1" t="s">
        <v>65636</v>
      </c>
      <c r="E27330" s="1" t="s">
        <v>31408</v>
      </c>
      <c r="F27330" s="1" t="s">
        <v>97620</v>
      </c>
      <c r="G27330" s="1" t="s">
        <v>97612</v>
      </c>
      <c r="H27330" s="1" t="s">
        <v>97613</v>
      </c>
      <c r="I27330" s="1" t="s">
        <v>96632</v>
      </c>
      <c r="J27330" s="1" t="s">
        <v>97621</v>
      </c>
    </row>
    <row r="27331" spans="1:10" x14ac:dyDescent="0.35">
      <c r="A27331" s="1" t="s">
        <v>97611</v>
      </c>
      <c r="B27331" s="1" t="s">
        <v>96627</v>
      </c>
      <c r="C27331" s="1" t="s">
        <v>35</v>
      </c>
      <c r="D27331" s="1" t="s">
        <v>96468</v>
      </c>
      <c r="E27331" s="1" t="s">
        <v>22259</v>
      </c>
      <c r="F27331" s="1" t="s">
        <v>97622</v>
      </c>
      <c r="G27331" s="1" t="s">
        <v>97612</v>
      </c>
      <c r="H27331" s="1" t="s">
        <v>97613</v>
      </c>
      <c r="I27331" s="1" t="s">
        <v>96632</v>
      </c>
      <c r="J27331" s="1" t="s">
        <v>97623</v>
      </c>
    </row>
    <row r="27332" spans="1:10" x14ac:dyDescent="0.35">
      <c r="A27332" s="1" t="s">
        <v>97611</v>
      </c>
      <c r="B27332" s="1" t="s">
        <v>96627</v>
      </c>
      <c r="C27332" s="1" t="s">
        <v>40</v>
      </c>
      <c r="D27332" s="1" t="s">
        <v>54210</v>
      </c>
      <c r="E27332" s="1" t="s">
        <v>12829</v>
      </c>
      <c r="F27332" s="1" t="s">
        <v>59729</v>
      </c>
      <c r="G27332" s="1" t="s">
        <v>97612</v>
      </c>
      <c r="H27332" s="1" t="s">
        <v>97613</v>
      </c>
      <c r="I27332" s="1" t="s">
        <v>96632</v>
      </c>
      <c r="J27332" s="1" t="s">
        <v>97624</v>
      </c>
    </row>
    <row r="27333" spans="1:10" x14ac:dyDescent="0.35">
      <c r="A27333" s="1" t="s">
        <v>97611</v>
      </c>
      <c r="B27333" s="1" t="s">
        <v>96627</v>
      </c>
      <c r="C27333" s="1" t="s">
        <v>45</v>
      </c>
      <c r="D27333" s="1" t="s">
        <v>21905</v>
      </c>
      <c r="E27333" s="1" t="s">
        <v>26269</v>
      </c>
      <c r="F27333" s="1" t="s">
        <v>97625</v>
      </c>
      <c r="G27333" s="1" t="s">
        <v>97612</v>
      </c>
      <c r="H27333" s="1" t="s">
        <v>97613</v>
      </c>
      <c r="I27333" s="1" t="s">
        <v>96632</v>
      </c>
      <c r="J27333" s="1" t="s">
        <v>97626</v>
      </c>
    </row>
    <row r="27334" spans="1:10" x14ac:dyDescent="0.35">
      <c r="A27334" s="1" t="s">
        <v>97611</v>
      </c>
      <c r="B27334" s="1" t="s">
        <v>96627</v>
      </c>
      <c r="C27334" s="1" t="s">
        <v>50</v>
      </c>
      <c r="D27334" s="1" t="s">
        <v>97627</v>
      </c>
      <c r="E27334" s="1" t="s">
        <v>55428</v>
      </c>
      <c r="F27334" s="1" t="s">
        <v>97628</v>
      </c>
      <c r="G27334" s="1" t="s">
        <v>97612</v>
      </c>
      <c r="H27334" s="1" t="s">
        <v>97613</v>
      </c>
      <c r="I27334" s="1" t="s">
        <v>96632</v>
      </c>
      <c r="J27334" s="1" t="s">
        <v>97629</v>
      </c>
    </row>
    <row r="27335" spans="1:10" x14ac:dyDescent="0.35">
      <c r="A27335" s="1" t="s">
        <v>97611</v>
      </c>
      <c r="B27335" s="1" t="s">
        <v>96627</v>
      </c>
      <c r="C27335" s="1" t="s">
        <v>55</v>
      </c>
      <c r="D27335" s="1" t="s">
        <v>65679</v>
      </c>
      <c r="E27335" s="1" t="s">
        <v>56842</v>
      </c>
      <c r="F27335" s="1" t="s">
        <v>71167</v>
      </c>
      <c r="G27335" s="1" t="s">
        <v>97612</v>
      </c>
      <c r="H27335" s="1" t="s">
        <v>97613</v>
      </c>
      <c r="I27335" s="1" t="s">
        <v>96632</v>
      </c>
      <c r="J27335" s="1" t="s">
        <v>97630</v>
      </c>
    </row>
    <row r="27336" spans="1:10" x14ac:dyDescent="0.35">
      <c r="A27336" s="1" t="s">
        <v>97611</v>
      </c>
      <c r="B27336" s="1" t="s">
        <v>96627</v>
      </c>
      <c r="C27336" s="1" t="s">
        <v>60</v>
      </c>
      <c r="D27336" s="1" t="s">
        <v>97631</v>
      </c>
      <c r="E27336" s="1" t="s">
        <v>56202</v>
      </c>
      <c r="F27336" s="1" t="s">
        <v>97632</v>
      </c>
      <c r="G27336" s="1" t="s">
        <v>97612</v>
      </c>
      <c r="H27336" s="1" t="s">
        <v>97613</v>
      </c>
      <c r="I27336" s="1" t="s">
        <v>96632</v>
      </c>
      <c r="J27336" s="1" t="s">
        <v>97633</v>
      </c>
    </row>
    <row r="27337" spans="1:10" x14ac:dyDescent="0.35">
      <c r="A27337" s="1" t="s">
        <v>97611</v>
      </c>
      <c r="B27337" s="1" t="s">
        <v>96627</v>
      </c>
      <c r="C27337" s="1" t="s">
        <v>65</v>
      </c>
      <c r="D27337" s="1" t="s">
        <v>97634</v>
      </c>
      <c r="E27337" s="1" t="s">
        <v>23232</v>
      </c>
      <c r="F27337" s="1" t="s">
        <v>97635</v>
      </c>
      <c r="G27337" s="1" t="s">
        <v>97612</v>
      </c>
      <c r="H27337" s="1" t="s">
        <v>97613</v>
      </c>
      <c r="I27337" s="1" t="s">
        <v>96632</v>
      </c>
      <c r="J27337" s="1" t="s">
        <v>97636</v>
      </c>
    </row>
    <row r="27338" spans="1:10" x14ac:dyDescent="0.35">
      <c r="A27338" s="1" t="s">
        <v>97611</v>
      </c>
      <c r="B27338" s="1" t="s">
        <v>96627</v>
      </c>
      <c r="C27338" s="1" t="s">
        <v>70</v>
      </c>
      <c r="D27338" s="1" t="s">
        <v>97637</v>
      </c>
      <c r="E27338" s="1" t="s">
        <v>26239</v>
      </c>
      <c r="F27338" s="1" t="s">
        <v>97638</v>
      </c>
      <c r="G27338" s="1" t="s">
        <v>97612</v>
      </c>
      <c r="H27338" s="1" t="s">
        <v>97613</v>
      </c>
      <c r="I27338" s="1" t="s">
        <v>96632</v>
      </c>
      <c r="J27338" s="1" t="s">
        <v>97639</v>
      </c>
    </row>
    <row r="27339" spans="1:10" x14ac:dyDescent="0.35">
      <c r="A27339" s="1" t="s">
        <v>97611</v>
      </c>
      <c r="B27339" s="1" t="s">
        <v>96627</v>
      </c>
      <c r="C27339" s="1" t="s">
        <v>75</v>
      </c>
      <c r="D27339" s="1" t="s">
        <v>97640</v>
      </c>
      <c r="E27339" s="1" t="s">
        <v>59078</v>
      </c>
      <c r="F27339" s="1" t="s">
        <v>97641</v>
      </c>
      <c r="G27339" s="1" t="s">
        <v>97612</v>
      </c>
      <c r="H27339" s="1" t="s">
        <v>97613</v>
      </c>
      <c r="I27339" s="1" t="s">
        <v>96632</v>
      </c>
      <c r="J27339" s="1" t="s">
        <v>97642</v>
      </c>
    </row>
    <row r="27340" spans="1:10" x14ac:dyDescent="0.35">
      <c r="A27340" s="1" t="s">
        <v>97611</v>
      </c>
      <c r="B27340" s="1" t="s">
        <v>96627</v>
      </c>
      <c r="C27340" s="1" t="s">
        <v>80</v>
      </c>
      <c r="D27340" s="1" t="s">
        <v>97643</v>
      </c>
      <c r="E27340" s="1" t="s">
        <v>41226</v>
      </c>
      <c r="F27340" s="1" t="s">
        <v>97644</v>
      </c>
      <c r="G27340" s="1" t="s">
        <v>97612</v>
      </c>
      <c r="H27340" s="1" t="s">
        <v>97613</v>
      </c>
      <c r="I27340" s="1" t="s">
        <v>96632</v>
      </c>
      <c r="J27340" s="1" t="s">
        <v>97645</v>
      </c>
    </row>
    <row r="27341" spans="1:10" x14ac:dyDescent="0.35">
      <c r="A27341" s="1" t="s">
        <v>97611</v>
      </c>
      <c r="B27341" s="1" t="s">
        <v>96627</v>
      </c>
      <c r="C27341" s="1" t="s">
        <v>85</v>
      </c>
      <c r="D27341" s="1" t="s">
        <v>97646</v>
      </c>
      <c r="E27341" s="1" t="s">
        <v>58768</v>
      </c>
      <c r="F27341" s="1" t="s">
        <v>97647</v>
      </c>
      <c r="G27341" s="1" t="s">
        <v>97612</v>
      </c>
      <c r="H27341" s="1" t="s">
        <v>97613</v>
      </c>
      <c r="I27341" s="1" t="s">
        <v>96632</v>
      </c>
      <c r="J27341" s="1" t="s">
        <v>97648</v>
      </c>
    </row>
    <row r="27342" spans="1:10" x14ac:dyDescent="0.35">
      <c r="A27342" s="1" t="s">
        <v>97611</v>
      </c>
      <c r="B27342" s="1" t="s">
        <v>96627</v>
      </c>
      <c r="C27342" s="1" t="s">
        <v>90</v>
      </c>
      <c r="D27342" s="1" t="s">
        <v>97230</v>
      </c>
      <c r="E27342" s="1" t="s">
        <v>15384</v>
      </c>
      <c r="F27342" s="1" t="s">
        <v>97649</v>
      </c>
      <c r="G27342" s="1" t="s">
        <v>97612</v>
      </c>
      <c r="H27342" s="1" t="s">
        <v>97613</v>
      </c>
      <c r="I27342" s="1" t="s">
        <v>96632</v>
      </c>
      <c r="J27342" s="1" t="s">
        <v>97650</v>
      </c>
    </row>
    <row r="27343" spans="1:10" x14ac:dyDescent="0.35">
      <c r="A27343" s="1" t="s">
        <v>97611</v>
      </c>
      <c r="B27343" s="1" t="s">
        <v>96627</v>
      </c>
      <c r="C27343" s="1" t="s">
        <v>95</v>
      </c>
      <c r="D27343" s="1" t="s">
        <v>23020</v>
      </c>
      <c r="E27343" s="1" t="s">
        <v>60752</v>
      </c>
      <c r="F27343" s="1" t="s">
        <v>60184</v>
      </c>
      <c r="G27343" s="1" t="s">
        <v>97612</v>
      </c>
      <c r="H27343" s="1" t="s">
        <v>97613</v>
      </c>
      <c r="I27343" s="1" t="s">
        <v>96632</v>
      </c>
      <c r="J27343" s="1" t="s">
        <v>97651</v>
      </c>
    </row>
    <row r="27344" spans="1:10" x14ac:dyDescent="0.35">
      <c r="A27344" s="1" t="s">
        <v>97611</v>
      </c>
      <c r="B27344" s="1" t="s">
        <v>96627</v>
      </c>
      <c r="C27344" s="1" t="s">
        <v>100</v>
      </c>
      <c r="D27344" s="1" t="s">
        <v>81042</v>
      </c>
      <c r="E27344" s="1" t="s">
        <v>32317</v>
      </c>
      <c r="F27344" s="1" t="s">
        <v>97652</v>
      </c>
      <c r="G27344" s="1" t="s">
        <v>97612</v>
      </c>
      <c r="H27344" s="1" t="s">
        <v>97613</v>
      </c>
      <c r="I27344" s="1" t="s">
        <v>96632</v>
      </c>
      <c r="J27344" s="1" t="s">
        <v>97653</v>
      </c>
    </row>
    <row r="27345" spans="1:10" x14ac:dyDescent="0.35">
      <c r="A27345" s="1" t="s">
        <v>97611</v>
      </c>
      <c r="B27345" s="1" t="s">
        <v>96627</v>
      </c>
      <c r="C27345" s="1" t="s">
        <v>105</v>
      </c>
      <c r="D27345" s="1" t="s">
        <v>97654</v>
      </c>
      <c r="E27345" s="1" t="s">
        <v>32076</v>
      </c>
      <c r="F27345" s="1" t="s">
        <v>60112</v>
      </c>
      <c r="G27345" s="1" t="s">
        <v>97612</v>
      </c>
      <c r="H27345" s="1" t="s">
        <v>97613</v>
      </c>
      <c r="I27345" s="1" t="s">
        <v>96632</v>
      </c>
      <c r="J27345" s="1" t="s">
        <v>97655</v>
      </c>
    </row>
    <row r="27346" spans="1:10" x14ac:dyDescent="0.35">
      <c r="A27346" s="1" t="s">
        <v>97611</v>
      </c>
      <c r="B27346" s="1" t="s">
        <v>96627</v>
      </c>
      <c r="C27346" s="1" t="s">
        <v>110</v>
      </c>
      <c r="D27346" s="1" t="s">
        <v>97656</v>
      </c>
      <c r="E27346" s="1" t="s">
        <v>56917</v>
      </c>
      <c r="F27346" s="1" t="s">
        <v>97657</v>
      </c>
      <c r="G27346" s="1" t="s">
        <v>97612</v>
      </c>
      <c r="H27346" s="1" t="s">
        <v>97613</v>
      </c>
      <c r="I27346" s="1" t="s">
        <v>96632</v>
      </c>
      <c r="J27346" s="1" t="s">
        <v>97658</v>
      </c>
    </row>
    <row r="27347" spans="1:10" x14ac:dyDescent="0.35">
      <c r="A27347" s="1" t="s">
        <v>97611</v>
      </c>
      <c r="B27347" s="1" t="s">
        <v>96627</v>
      </c>
      <c r="C27347" s="1" t="s">
        <v>115</v>
      </c>
      <c r="D27347" s="1" t="s">
        <v>97659</v>
      </c>
      <c r="E27347" s="1" t="s">
        <v>65361</v>
      </c>
      <c r="F27347" s="1" t="s">
        <v>97660</v>
      </c>
      <c r="G27347" s="1" t="s">
        <v>97612</v>
      </c>
      <c r="H27347" s="1" t="s">
        <v>97613</v>
      </c>
      <c r="I27347" s="1" t="s">
        <v>96632</v>
      </c>
      <c r="J27347" s="1" t="s">
        <v>97661</v>
      </c>
    </row>
    <row r="27348" spans="1:10" x14ac:dyDescent="0.35">
      <c r="A27348" s="1" t="s">
        <v>97611</v>
      </c>
      <c r="B27348" s="1" t="s">
        <v>96627</v>
      </c>
      <c r="C27348" s="1" t="s">
        <v>120</v>
      </c>
      <c r="D27348" s="1" t="s">
        <v>97662</v>
      </c>
      <c r="E27348" s="1" t="s">
        <v>31394</v>
      </c>
      <c r="F27348" s="1" t="s">
        <v>58476</v>
      </c>
      <c r="G27348" s="1" t="s">
        <v>97612</v>
      </c>
      <c r="H27348" s="1" t="s">
        <v>97613</v>
      </c>
      <c r="I27348" s="1" t="s">
        <v>96632</v>
      </c>
      <c r="J27348" s="1" t="s">
        <v>97663</v>
      </c>
    </row>
    <row r="27349" spans="1:10" x14ac:dyDescent="0.35">
      <c r="A27349" s="1" t="s">
        <v>97611</v>
      </c>
      <c r="B27349" s="1" t="s">
        <v>96627</v>
      </c>
      <c r="C27349" s="1" t="s">
        <v>125</v>
      </c>
      <c r="D27349" s="1" t="s">
        <v>97664</v>
      </c>
      <c r="E27349" s="1" t="s">
        <v>23404</v>
      </c>
      <c r="F27349" s="1" t="s">
        <v>97665</v>
      </c>
      <c r="G27349" s="1" t="s">
        <v>97612</v>
      </c>
      <c r="H27349" s="1" t="s">
        <v>97613</v>
      </c>
      <c r="I27349" s="1" t="s">
        <v>96632</v>
      </c>
      <c r="J27349" s="1" t="s">
        <v>97666</v>
      </c>
    </row>
    <row r="27350" spans="1:10" x14ac:dyDescent="0.35">
      <c r="A27350" s="1" t="s">
        <v>97611</v>
      </c>
      <c r="B27350" s="1" t="s">
        <v>96627</v>
      </c>
      <c r="C27350" s="1" t="s">
        <v>130</v>
      </c>
      <c r="D27350" s="1" t="s">
        <v>97667</v>
      </c>
      <c r="E27350" s="1" t="s">
        <v>22278</v>
      </c>
      <c r="F27350" s="1" t="s">
        <v>97668</v>
      </c>
      <c r="G27350" s="1" t="s">
        <v>97612</v>
      </c>
      <c r="H27350" s="1" t="s">
        <v>97613</v>
      </c>
      <c r="I27350" s="1" t="s">
        <v>96632</v>
      </c>
      <c r="J27350" s="1" t="s">
        <v>97669</v>
      </c>
    </row>
    <row r="27351" spans="1:10" x14ac:dyDescent="0.35">
      <c r="A27351" s="1" t="s">
        <v>97611</v>
      </c>
      <c r="B27351" s="1" t="s">
        <v>96627</v>
      </c>
      <c r="C27351" s="1" t="s">
        <v>135</v>
      </c>
      <c r="D27351" s="1" t="s">
        <v>97670</v>
      </c>
      <c r="E27351" s="1" t="s">
        <v>23521</v>
      </c>
      <c r="F27351" s="1" t="s">
        <v>97671</v>
      </c>
      <c r="G27351" s="1" t="s">
        <v>97612</v>
      </c>
      <c r="H27351" s="1" t="s">
        <v>97613</v>
      </c>
      <c r="I27351" s="1" t="s">
        <v>96632</v>
      </c>
      <c r="J27351" s="1" t="s">
        <v>97672</v>
      </c>
    </row>
    <row r="27352" spans="1:10" x14ac:dyDescent="0.35">
      <c r="A27352" s="1" t="s">
        <v>97611</v>
      </c>
      <c r="B27352" s="1" t="s">
        <v>96627</v>
      </c>
      <c r="C27352" s="1" t="s">
        <v>140</v>
      </c>
      <c r="D27352" s="1" t="s">
        <v>58436</v>
      </c>
      <c r="E27352" s="1" t="s">
        <v>54659</v>
      </c>
      <c r="F27352" s="1" t="s">
        <v>97673</v>
      </c>
      <c r="G27352" s="1" t="s">
        <v>97612</v>
      </c>
      <c r="H27352" s="1" t="s">
        <v>97613</v>
      </c>
      <c r="I27352" s="1" t="s">
        <v>96632</v>
      </c>
      <c r="J27352" s="1" t="s">
        <v>97674</v>
      </c>
    </row>
    <row r="27353" spans="1:10" x14ac:dyDescent="0.35">
      <c r="A27353" s="1" t="s">
        <v>97611</v>
      </c>
      <c r="B27353" s="1" t="s">
        <v>96627</v>
      </c>
      <c r="C27353" s="1" t="s">
        <v>145</v>
      </c>
      <c r="D27353" s="1" t="s">
        <v>97675</v>
      </c>
      <c r="E27353" s="1" t="s">
        <v>59078</v>
      </c>
      <c r="F27353" s="1" t="s">
        <v>97676</v>
      </c>
      <c r="G27353" s="1" t="s">
        <v>97612</v>
      </c>
      <c r="H27353" s="1" t="s">
        <v>97613</v>
      </c>
      <c r="I27353" s="1" t="s">
        <v>96632</v>
      </c>
      <c r="J27353" s="1" t="s">
        <v>97677</v>
      </c>
    </row>
    <row r="27354" spans="1:10" x14ac:dyDescent="0.35">
      <c r="A27354" s="1" t="s">
        <v>97611</v>
      </c>
      <c r="B27354" s="1" t="s">
        <v>96627</v>
      </c>
      <c r="C27354" s="1" t="s">
        <v>150</v>
      </c>
      <c r="D27354" s="1" t="s">
        <v>97678</v>
      </c>
      <c r="E27354" s="1" t="s">
        <v>21860</v>
      </c>
      <c r="F27354" s="1" t="s">
        <v>54169</v>
      </c>
      <c r="G27354" s="1" t="s">
        <v>97612</v>
      </c>
      <c r="H27354" s="1" t="s">
        <v>97613</v>
      </c>
      <c r="I27354" s="1" t="s">
        <v>96632</v>
      </c>
      <c r="J27354" s="1" t="s">
        <v>97679</v>
      </c>
    </row>
    <row r="27355" spans="1:10" x14ac:dyDescent="0.35">
      <c r="A27355" s="1" t="s">
        <v>97611</v>
      </c>
      <c r="B27355" s="1" t="s">
        <v>96627</v>
      </c>
      <c r="C27355" s="1" t="s">
        <v>155</v>
      </c>
      <c r="D27355" s="1" t="s">
        <v>97680</v>
      </c>
      <c r="E27355" s="1" t="s">
        <v>61876</v>
      </c>
      <c r="F27355" s="1" t="s">
        <v>97681</v>
      </c>
      <c r="G27355" s="1" t="s">
        <v>97612</v>
      </c>
      <c r="H27355" s="1" t="s">
        <v>97613</v>
      </c>
      <c r="I27355" s="1" t="s">
        <v>96632</v>
      </c>
      <c r="J27355" s="1" t="s">
        <v>97682</v>
      </c>
    </row>
    <row r="27356" spans="1:10" x14ac:dyDescent="0.35">
      <c r="A27356" s="1" t="s">
        <v>97611</v>
      </c>
      <c r="B27356" s="1" t="s">
        <v>96627</v>
      </c>
      <c r="C27356" s="1" t="s">
        <v>160</v>
      </c>
      <c r="D27356" s="1" t="s">
        <v>97683</v>
      </c>
      <c r="E27356" s="1" t="s">
        <v>31445</v>
      </c>
      <c r="F27356" s="1" t="s">
        <v>61176</v>
      </c>
      <c r="G27356" s="1" t="s">
        <v>97612</v>
      </c>
      <c r="H27356" s="1" t="s">
        <v>97613</v>
      </c>
      <c r="I27356" s="1" t="s">
        <v>96632</v>
      </c>
      <c r="J27356" s="1" t="s">
        <v>97684</v>
      </c>
    </row>
    <row r="27357" spans="1:10" x14ac:dyDescent="0.35">
      <c r="A27357" s="1" t="s">
        <v>97611</v>
      </c>
      <c r="B27357" s="1" t="s">
        <v>96627</v>
      </c>
      <c r="C27357" s="1" t="s">
        <v>165</v>
      </c>
      <c r="D27357" s="1" t="s">
        <v>97685</v>
      </c>
      <c r="E27357" s="1" t="s">
        <v>31949</v>
      </c>
      <c r="F27357" s="1" t="s">
        <v>97686</v>
      </c>
      <c r="G27357" s="1" t="s">
        <v>97612</v>
      </c>
      <c r="H27357" s="1" t="s">
        <v>97613</v>
      </c>
      <c r="I27357" s="1" t="s">
        <v>96632</v>
      </c>
      <c r="J27357" s="1" t="s">
        <v>97687</v>
      </c>
    </row>
    <row r="27358" spans="1:10" x14ac:dyDescent="0.35">
      <c r="A27358" s="1" t="s">
        <v>97611</v>
      </c>
      <c r="B27358" s="1" t="s">
        <v>96627</v>
      </c>
      <c r="C27358" s="1" t="s">
        <v>170</v>
      </c>
      <c r="D27358" s="1" t="s">
        <v>97688</v>
      </c>
      <c r="E27358" s="1" t="s">
        <v>57615</v>
      </c>
      <c r="F27358" s="1" t="s">
        <v>97689</v>
      </c>
      <c r="G27358" s="1" t="s">
        <v>97612</v>
      </c>
      <c r="H27358" s="1" t="s">
        <v>97613</v>
      </c>
      <c r="I27358" s="1" t="s">
        <v>96632</v>
      </c>
      <c r="J27358" s="1" t="s">
        <v>97690</v>
      </c>
    </row>
    <row r="27359" spans="1:10" x14ac:dyDescent="0.35">
      <c r="A27359" s="1" t="s">
        <v>97691</v>
      </c>
      <c r="B27359" s="1" t="s">
        <v>96627</v>
      </c>
      <c r="C27359" s="1" t="s">
        <v>8</v>
      </c>
      <c r="D27359" s="1" t="s">
        <v>97692</v>
      </c>
      <c r="E27359" s="1" t="s">
        <v>97693</v>
      </c>
      <c r="F27359" s="1" t="s">
        <v>97694</v>
      </c>
      <c r="G27359" s="1" t="s">
        <v>97695</v>
      </c>
      <c r="H27359" s="1" t="s">
        <v>97696</v>
      </c>
      <c r="I27359" s="1" t="s">
        <v>96632</v>
      </c>
      <c r="J27359" s="1" t="s">
        <v>13</v>
      </c>
    </row>
    <row r="27360" spans="1:10" x14ac:dyDescent="0.35">
      <c r="A27360" s="1" t="s">
        <v>97691</v>
      </c>
      <c r="B27360" s="1" t="s">
        <v>96627</v>
      </c>
      <c r="C27360" s="1" t="s">
        <v>15</v>
      </c>
      <c r="D27360" s="1" t="s">
        <v>97697</v>
      </c>
      <c r="E27360" s="1" t="s">
        <v>97698</v>
      </c>
      <c r="F27360" s="1" t="s">
        <v>97699</v>
      </c>
      <c r="G27360" s="1" t="s">
        <v>97695</v>
      </c>
      <c r="H27360" s="1" t="s">
        <v>97696</v>
      </c>
      <c r="I27360" s="1" t="s">
        <v>96632</v>
      </c>
      <c r="J27360" s="1" t="s">
        <v>97700</v>
      </c>
    </row>
    <row r="27361" spans="1:10" x14ac:dyDescent="0.35">
      <c r="A27361" s="1" t="s">
        <v>97691</v>
      </c>
      <c r="B27361" s="1" t="s">
        <v>96627</v>
      </c>
      <c r="C27361" s="1" t="s">
        <v>20</v>
      </c>
      <c r="D27361" s="1" t="s">
        <v>97701</v>
      </c>
      <c r="E27361" s="1" t="s">
        <v>97702</v>
      </c>
      <c r="F27361" s="1" t="s">
        <v>97703</v>
      </c>
      <c r="G27361" s="1" t="s">
        <v>97695</v>
      </c>
      <c r="H27361" s="1" t="s">
        <v>97696</v>
      </c>
      <c r="I27361" s="1" t="s">
        <v>96632</v>
      </c>
      <c r="J27361" s="1" t="s">
        <v>97704</v>
      </c>
    </row>
    <row r="27362" spans="1:10" x14ac:dyDescent="0.35">
      <c r="A27362" s="1" t="s">
        <v>97691</v>
      </c>
      <c r="B27362" s="1" t="s">
        <v>96627</v>
      </c>
      <c r="C27362" s="1" t="s">
        <v>25</v>
      </c>
      <c r="D27362" s="1" t="s">
        <v>97705</v>
      </c>
      <c r="E27362" s="1" t="s">
        <v>97706</v>
      </c>
      <c r="F27362" s="1" t="s">
        <v>97707</v>
      </c>
      <c r="G27362" s="1" t="s">
        <v>97695</v>
      </c>
      <c r="H27362" s="1" t="s">
        <v>97696</v>
      </c>
      <c r="I27362" s="1" t="s">
        <v>96632</v>
      </c>
      <c r="J27362" s="1" t="s">
        <v>97708</v>
      </c>
    </row>
    <row r="27363" spans="1:10" x14ac:dyDescent="0.35">
      <c r="A27363" s="1" t="s">
        <v>97691</v>
      </c>
      <c r="B27363" s="1" t="s">
        <v>96627</v>
      </c>
      <c r="C27363" s="1" t="s">
        <v>30</v>
      </c>
      <c r="D27363" s="1" t="s">
        <v>84728</v>
      </c>
      <c r="E27363" s="1" t="s">
        <v>97709</v>
      </c>
      <c r="F27363" s="1" t="s">
        <v>97710</v>
      </c>
      <c r="G27363" s="1" t="s">
        <v>97695</v>
      </c>
      <c r="H27363" s="1" t="s">
        <v>97696</v>
      </c>
      <c r="I27363" s="1" t="s">
        <v>96632</v>
      </c>
      <c r="J27363" s="1" t="s">
        <v>97711</v>
      </c>
    </row>
    <row r="27364" spans="1:10" x14ac:dyDescent="0.35">
      <c r="A27364" s="1" t="s">
        <v>97691</v>
      </c>
      <c r="B27364" s="1" t="s">
        <v>96627</v>
      </c>
      <c r="C27364" s="1" t="s">
        <v>35</v>
      </c>
      <c r="D27364" s="1" t="s">
        <v>97712</v>
      </c>
      <c r="E27364" s="1" t="s">
        <v>97713</v>
      </c>
      <c r="F27364" s="1" t="s">
        <v>97714</v>
      </c>
      <c r="G27364" s="1" t="s">
        <v>97695</v>
      </c>
      <c r="H27364" s="1" t="s">
        <v>97696</v>
      </c>
      <c r="I27364" s="1" t="s">
        <v>96632</v>
      </c>
      <c r="J27364" s="1" t="s">
        <v>97715</v>
      </c>
    </row>
    <row r="27365" spans="1:10" x14ac:dyDescent="0.35">
      <c r="A27365" s="1" t="s">
        <v>97691</v>
      </c>
      <c r="B27365" s="1" t="s">
        <v>96627</v>
      </c>
      <c r="C27365" s="1" t="s">
        <v>40</v>
      </c>
      <c r="D27365" s="1" t="s">
        <v>12451</v>
      </c>
      <c r="E27365" s="1" t="s">
        <v>97716</v>
      </c>
      <c r="F27365" s="1" t="s">
        <v>97717</v>
      </c>
      <c r="G27365" s="1" t="s">
        <v>97695</v>
      </c>
      <c r="H27365" s="1" t="s">
        <v>97696</v>
      </c>
      <c r="I27365" s="1" t="s">
        <v>96632</v>
      </c>
      <c r="J27365" s="1" t="s">
        <v>97718</v>
      </c>
    </row>
    <row r="27366" spans="1:10" x14ac:dyDescent="0.35">
      <c r="A27366" s="1" t="s">
        <v>97691</v>
      </c>
      <c r="B27366" s="1" t="s">
        <v>96627</v>
      </c>
      <c r="C27366" s="1" t="s">
        <v>45</v>
      </c>
      <c r="D27366" s="1" t="s">
        <v>97719</v>
      </c>
      <c r="E27366" s="1" t="s">
        <v>97720</v>
      </c>
      <c r="F27366" s="1" t="s">
        <v>97721</v>
      </c>
      <c r="G27366" s="1" t="s">
        <v>97695</v>
      </c>
      <c r="H27366" s="1" t="s">
        <v>97696</v>
      </c>
      <c r="I27366" s="1" t="s">
        <v>96632</v>
      </c>
      <c r="J27366" s="1" t="s">
        <v>97722</v>
      </c>
    </row>
    <row r="27367" spans="1:10" x14ac:dyDescent="0.35">
      <c r="A27367" s="1" t="s">
        <v>97691</v>
      </c>
      <c r="B27367" s="1" t="s">
        <v>96627</v>
      </c>
      <c r="C27367" s="1" t="s">
        <v>50</v>
      </c>
      <c r="D27367" s="1" t="s">
        <v>97723</v>
      </c>
      <c r="E27367" s="1" t="s">
        <v>97724</v>
      </c>
      <c r="F27367" s="1" t="s">
        <v>97725</v>
      </c>
      <c r="G27367" s="1" t="s">
        <v>97695</v>
      </c>
      <c r="H27367" s="1" t="s">
        <v>97696</v>
      </c>
      <c r="I27367" s="1" t="s">
        <v>96632</v>
      </c>
      <c r="J27367" s="1" t="s">
        <v>97726</v>
      </c>
    </row>
    <row r="27368" spans="1:10" x14ac:dyDescent="0.35">
      <c r="A27368" s="1" t="s">
        <v>97691</v>
      </c>
      <c r="B27368" s="1" t="s">
        <v>96627</v>
      </c>
      <c r="C27368" s="1" t="s">
        <v>55</v>
      </c>
      <c r="D27368" s="1" t="s">
        <v>97727</v>
      </c>
      <c r="E27368" s="1" t="s">
        <v>97728</v>
      </c>
      <c r="F27368" s="1" t="s">
        <v>97729</v>
      </c>
      <c r="G27368" s="1" t="s">
        <v>97695</v>
      </c>
      <c r="H27368" s="1" t="s">
        <v>97696</v>
      </c>
      <c r="I27368" s="1" t="s">
        <v>96632</v>
      </c>
      <c r="J27368" s="1" t="s">
        <v>97730</v>
      </c>
    </row>
    <row r="27369" spans="1:10" x14ac:dyDescent="0.35">
      <c r="A27369" s="1" t="s">
        <v>97691</v>
      </c>
      <c r="B27369" s="1" t="s">
        <v>96627</v>
      </c>
      <c r="C27369" s="1" t="s">
        <v>60</v>
      </c>
      <c r="D27369" s="1" t="s">
        <v>56496</v>
      </c>
      <c r="E27369" s="1" t="s">
        <v>97731</v>
      </c>
      <c r="F27369" s="1" t="s">
        <v>97732</v>
      </c>
      <c r="G27369" s="1" t="s">
        <v>97695</v>
      </c>
      <c r="H27369" s="1" t="s">
        <v>97696</v>
      </c>
      <c r="I27369" s="1" t="s">
        <v>96632</v>
      </c>
      <c r="J27369" s="1" t="s">
        <v>97733</v>
      </c>
    </row>
    <row r="27370" spans="1:10" x14ac:dyDescent="0.35">
      <c r="A27370" s="1" t="s">
        <v>97691</v>
      </c>
      <c r="B27370" s="1" t="s">
        <v>96627</v>
      </c>
      <c r="C27370" s="1" t="s">
        <v>65</v>
      </c>
      <c r="D27370" s="1" t="s">
        <v>86871</v>
      </c>
      <c r="E27370" s="1" t="s">
        <v>97734</v>
      </c>
      <c r="F27370" s="1" t="s">
        <v>97735</v>
      </c>
      <c r="G27370" s="1" t="s">
        <v>97695</v>
      </c>
      <c r="H27370" s="1" t="s">
        <v>97696</v>
      </c>
      <c r="I27370" s="1" t="s">
        <v>96632</v>
      </c>
      <c r="J27370" s="1" t="s">
        <v>97736</v>
      </c>
    </row>
    <row r="27371" spans="1:10" x14ac:dyDescent="0.35">
      <c r="A27371" s="1" t="s">
        <v>97691</v>
      </c>
      <c r="B27371" s="1" t="s">
        <v>96627</v>
      </c>
      <c r="C27371" s="1" t="s">
        <v>70</v>
      </c>
      <c r="D27371" s="1" t="s">
        <v>26336</v>
      </c>
      <c r="E27371" s="1" t="s">
        <v>97737</v>
      </c>
      <c r="F27371" s="1" t="s">
        <v>97738</v>
      </c>
      <c r="G27371" s="1" t="s">
        <v>97695</v>
      </c>
      <c r="H27371" s="1" t="s">
        <v>97696</v>
      </c>
      <c r="I27371" s="1" t="s">
        <v>96632</v>
      </c>
      <c r="J27371" s="1" t="s">
        <v>97739</v>
      </c>
    </row>
    <row r="27372" spans="1:10" x14ac:dyDescent="0.35">
      <c r="A27372" s="1" t="s">
        <v>97691</v>
      </c>
      <c r="B27372" s="1" t="s">
        <v>96627</v>
      </c>
      <c r="C27372" s="1" t="s">
        <v>75</v>
      </c>
      <c r="D27372" s="1" t="s">
        <v>56415</v>
      </c>
      <c r="E27372" s="1" t="s">
        <v>97740</v>
      </c>
      <c r="F27372" s="1" t="s">
        <v>97741</v>
      </c>
      <c r="G27372" s="1" t="s">
        <v>97695</v>
      </c>
      <c r="H27372" s="1" t="s">
        <v>97696</v>
      </c>
      <c r="I27372" s="1" t="s">
        <v>96632</v>
      </c>
      <c r="J27372" s="1" t="s">
        <v>97742</v>
      </c>
    </row>
    <row r="27373" spans="1:10" x14ac:dyDescent="0.35">
      <c r="A27373" s="1" t="s">
        <v>97691</v>
      </c>
      <c r="B27373" s="1" t="s">
        <v>96627</v>
      </c>
      <c r="C27373" s="1" t="s">
        <v>80</v>
      </c>
      <c r="D27373" s="1" t="s">
        <v>5254</v>
      </c>
      <c r="E27373" s="1" t="s">
        <v>97743</v>
      </c>
      <c r="F27373" s="1" t="s">
        <v>97744</v>
      </c>
      <c r="G27373" s="1" t="s">
        <v>97695</v>
      </c>
      <c r="H27373" s="1" t="s">
        <v>97696</v>
      </c>
      <c r="I27373" s="1" t="s">
        <v>96632</v>
      </c>
      <c r="J27373" s="1" t="s">
        <v>97745</v>
      </c>
    </row>
    <row r="27374" spans="1:10" x14ac:dyDescent="0.35">
      <c r="A27374" s="1" t="s">
        <v>97691</v>
      </c>
      <c r="B27374" s="1" t="s">
        <v>96627</v>
      </c>
      <c r="C27374" s="1" t="s">
        <v>85</v>
      </c>
      <c r="D27374" s="1" t="s">
        <v>59921</v>
      </c>
      <c r="E27374" s="1" t="s">
        <v>97746</v>
      </c>
      <c r="F27374" s="1" t="s">
        <v>97747</v>
      </c>
      <c r="G27374" s="1" t="s">
        <v>97695</v>
      </c>
      <c r="H27374" s="1" t="s">
        <v>97696</v>
      </c>
      <c r="I27374" s="1" t="s">
        <v>96632</v>
      </c>
      <c r="J27374" s="1" t="s">
        <v>97748</v>
      </c>
    </row>
    <row r="27375" spans="1:10" x14ac:dyDescent="0.35">
      <c r="A27375" s="1" t="s">
        <v>97691</v>
      </c>
      <c r="B27375" s="1" t="s">
        <v>96627</v>
      </c>
      <c r="C27375" s="1" t="s">
        <v>90</v>
      </c>
      <c r="D27375" s="1" t="s">
        <v>97749</v>
      </c>
      <c r="E27375" s="1" t="s">
        <v>97750</v>
      </c>
      <c r="F27375" s="1" t="s">
        <v>97751</v>
      </c>
      <c r="G27375" s="1" t="s">
        <v>97695</v>
      </c>
      <c r="H27375" s="1" t="s">
        <v>97696</v>
      </c>
      <c r="I27375" s="1" t="s">
        <v>96632</v>
      </c>
      <c r="J27375" s="1" t="s">
        <v>97752</v>
      </c>
    </row>
    <row r="27376" spans="1:10" x14ac:dyDescent="0.35">
      <c r="A27376" s="1" t="s">
        <v>97691</v>
      </c>
      <c r="B27376" s="1" t="s">
        <v>96627</v>
      </c>
      <c r="C27376" s="1" t="s">
        <v>95</v>
      </c>
      <c r="D27376" s="1" t="s">
        <v>91240</v>
      </c>
      <c r="E27376" s="1" t="s">
        <v>97753</v>
      </c>
      <c r="F27376" s="1" t="s">
        <v>97754</v>
      </c>
      <c r="G27376" s="1" t="s">
        <v>97695</v>
      </c>
      <c r="H27376" s="1" t="s">
        <v>97696</v>
      </c>
      <c r="I27376" s="1" t="s">
        <v>96632</v>
      </c>
      <c r="J27376" s="1" t="s">
        <v>97755</v>
      </c>
    </row>
    <row r="27377" spans="1:10" x14ac:dyDescent="0.35">
      <c r="A27377" s="1" t="s">
        <v>97691</v>
      </c>
      <c r="B27377" s="1" t="s">
        <v>96627</v>
      </c>
      <c r="C27377" s="1" t="s">
        <v>100</v>
      </c>
      <c r="D27377" s="1" t="s">
        <v>97756</v>
      </c>
      <c r="E27377" s="1" t="s">
        <v>97757</v>
      </c>
      <c r="F27377" s="1" t="s">
        <v>97758</v>
      </c>
      <c r="G27377" s="1" t="s">
        <v>97695</v>
      </c>
      <c r="H27377" s="1" t="s">
        <v>97696</v>
      </c>
      <c r="I27377" s="1" t="s">
        <v>96632</v>
      </c>
      <c r="J27377" s="1" t="s">
        <v>97759</v>
      </c>
    </row>
    <row r="27378" spans="1:10" x14ac:dyDescent="0.35">
      <c r="A27378" s="1" t="s">
        <v>97691</v>
      </c>
      <c r="B27378" s="1" t="s">
        <v>96627</v>
      </c>
      <c r="C27378" s="1" t="s">
        <v>105</v>
      </c>
      <c r="D27378" s="1" t="s">
        <v>52269</v>
      </c>
      <c r="E27378" s="1" t="s">
        <v>97760</v>
      </c>
      <c r="F27378" s="1" t="s">
        <v>97761</v>
      </c>
      <c r="G27378" s="1" t="s">
        <v>97695</v>
      </c>
      <c r="H27378" s="1" t="s">
        <v>97696</v>
      </c>
      <c r="I27378" s="1" t="s">
        <v>96632</v>
      </c>
      <c r="J27378" s="1" t="s">
        <v>97762</v>
      </c>
    </row>
    <row r="27379" spans="1:10" x14ac:dyDescent="0.35">
      <c r="A27379" s="1" t="s">
        <v>97691</v>
      </c>
      <c r="B27379" s="1" t="s">
        <v>96627</v>
      </c>
      <c r="C27379" s="1" t="s">
        <v>110</v>
      </c>
      <c r="D27379" s="1" t="s">
        <v>97763</v>
      </c>
      <c r="E27379" s="1" t="s">
        <v>97764</v>
      </c>
      <c r="F27379" s="1" t="s">
        <v>97765</v>
      </c>
      <c r="G27379" s="1" t="s">
        <v>97695</v>
      </c>
      <c r="H27379" s="1" t="s">
        <v>97696</v>
      </c>
      <c r="I27379" s="1" t="s">
        <v>96632</v>
      </c>
      <c r="J27379" s="1" t="s">
        <v>97766</v>
      </c>
    </row>
    <row r="27380" spans="1:10" x14ac:dyDescent="0.35">
      <c r="A27380" s="1" t="s">
        <v>97691</v>
      </c>
      <c r="B27380" s="1" t="s">
        <v>96627</v>
      </c>
      <c r="C27380" s="1" t="s">
        <v>115</v>
      </c>
      <c r="D27380" s="1" t="s">
        <v>97767</v>
      </c>
      <c r="E27380" s="1" t="s">
        <v>97768</v>
      </c>
      <c r="F27380" s="1" t="s">
        <v>97769</v>
      </c>
      <c r="G27380" s="1" t="s">
        <v>97695</v>
      </c>
      <c r="H27380" s="1" t="s">
        <v>97696</v>
      </c>
      <c r="I27380" s="1" t="s">
        <v>96632</v>
      </c>
      <c r="J27380" s="1" t="s">
        <v>97770</v>
      </c>
    </row>
    <row r="27381" spans="1:10" x14ac:dyDescent="0.35">
      <c r="A27381" s="1" t="s">
        <v>97691</v>
      </c>
      <c r="B27381" s="1" t="s">
        <v>96627</v>
      </c>
      <c r="C27381" s="1" t="s">
        <v>120</v>
      </c>
      <c r="D27381" s="1" t="s">
        <v>97771</v>
      </c>
      <c r="E27381" s="1" t="s">
        <v>97772</v>
      </c>
      <c r="F27381" s="1" t="s">
        <v>97773</v>
      </c>
      <c r="G27381" s="1" t="s">
        <v>97695</v>
      </c>
      <c r="H27381" s="1" t="s">
        <v>97696</v>
      </c>
      <c r="I27381" s="1" t="s">
        <v>96632</v>
      </c>
      <c r="J27381" s="1" t="s">
        <v>97774</v>
      </c>
    </row>
    <row r="27382" spans="1:10" x14ac:dyDescent="0.35">
      <c r="A27382" s="1" t="s">
        <v>97691</v>
      </c>
      <c r="B27382" s="1" t="s">
        <v>96627</v>
      </c>
      <c r="C27382" s="1" t="s">
        <v>125</v>
      </c>
      <c r="D27382" s="1" t="s">
        <v>97775</v>
      </c>
      <c r="E27382" s="1" t="s">
        <v>97776</v>
      </c>
      <c r="F27382" s="1" t="s">
        <v>97777</v>
      </c>
      <c r="G27382" s="1" t="s">
        <v>97695</v>
      </c>
      <c r="H27382" s="1" t="s">
        <v>97696</v>
      </c>
      <c r="I27382" s="1" t="s">
        <v>96632</v>
      </c>
      <c r="J27382" s="1" t="s">
        <v>97778</v>
      </c>
    </row>
    <row r="27383" spans="1:10" x14ac:dyDescent="0.35">
      <c r="A27383" s="1" t="s">
        <v>97691</v>
      </c>
      <c r="B27383" s="1" t="s">
        <v>96627</v>
      </c>
      <c r="C27383" s="1" t="s">
        <v>130</v>
      </c>
      <c r="D27383" s="1" t="s">
        <v>97779</v>
      </c>
      <c r="E27383" s="1" t="s">
        <v>97780</v>
      </c>
      <c r="F27383" s="1" t="s">
        <v>97781</v>
      </c>
      <c r="G27383" s="1" t="s">
        <v>97695</v>
      </c>
      <c r="H27383" s="1" t="s">
        <v>97696</v>
      </c>
      <c r="I27383" s="1" t="s">
        <v>96632</v>
      </c>
      <c r="J27383" s="1" t="s">
        <v>97782</v>
      </c>
    </row>
    <row r="27384" spans="1:10" x14ac:dyDescent="0.35">
      <c r="A27384" s="1" t="s">
        <v>97691</v>
      </c>
      <c r="B27384" s="1" t="s">
        <v>96627</v>
      </c>
      <c r="C27384" s="1" t="s">
        <v>135</v>
      </c>
      <c r="D27384" s="1" t="s">
        <v>91908</v>
      </c>
      <c r="E27384" s="1" t="s">
        <v>97783</v>
      </c>
      <c r="F27384" s="1" t="s">
        <v>97784</v>
      </c>
      <c r="G27384" s="1" t="s">
        <v>97695</v>
      </c>
      <c r="H27384" s="1" t="s">
        <v>97696</v>
      </c>
      <c r="I27384" s="1" t="s">
        <v>96632</v>
      </c>
      <c r="J27384" s="1" t="s">
        <v>97785</v>
      </c>
    </row>
    <row r="27385" spans="1:10" x14ac:dyDescent="0.35">
      <c r="A27385" s="1" t="s">
        <v>97691</v>
      </c>
      <c r="B27385" s="1" t="s">
        <v>96627</v>
      </c>
      <c r="C27385" s="1" t="s">
        <v>140</v>
      </c>
      <c r="D27385" s="1" t="s">
        <v>97786</v>
      </c>
      <c r="E27385" s="1" t="s">
        <v>97787</v>
      </c>
      <c r="F27385" s="1" t="s">
        <v>97788</v>
      </c>
      <c r="G27385" s="1" t="s">
        <v>97695</v>
      </c>
      <c r="H27385" s="1" t="s">
        <v>97696</v>
      </c>
      <c r="I27385" s="1" t="s">
        <v>96632</v>
      </c>
      <c r="J27385" s="1" t="s">
        <v>97789</v>
      </c>
    </row>
    <row r="27386" spans="1:10" x14ac:dyDescent="0.35">
      <c r="A27386" s="1" t="s">
        <v>97691</v>
      </c>
      <c r="B27386" s="1" t="s">
        <v>96627</v>
      </c>
      <c r="C27386" s="1" t="s">
        <v>145</v>
      </c>
      <c r="D27386" s="1" t="s">
        <v>63181</v>
      </c>
      <c r="E27386" s="1" t="s">
        <v>97790</v>
      </c>
      <c r="F27386" s="1" t="s">
        <v>97791</v>
      </c>
      <c r="G27386" s="1" t="s">
        <v>97695</v>
      </c>
      <c r="H27386" s="1" t="s">
        <v>97696</v>
      </c>
      <c r="I27386" s="1" t="s">
        <v>96632</v>
      </c>
      <c r="J27386" s="1" t="s">
        <v>97792</v>
      </c>
    </row>
    <row r="27387" spans="1:10" x14ac:dyDescent="0.35">
      <c r="A27387" s="1" t="s">
        <v>97691</v>
      </c>
      <c r="B27387" s="1" t="s">
        <v>96627</v>
      </c>
      <c r="C27387" s="1" t="s">
        <v>150</v>
      </c>
      <c r="D27387" s="1" t="s">
        <v>5883</v>
      </c>
      <c r="E27387" s="1" t="s">
        <v>97793</v>
      </c>
      <c r="F27387" s="1" t="s">
        <v>97794</v>
      </c>
      <c r="G27387" s="1" t="s">
        <v>97695</v>
      </c>
      <c r="H27387" s="1" t="s">
        <v>97696</v>
      </c>
      <c r="I27387" s="1" t="s">
        <v>96632</v>
      </c>
      <c r="J27387" s="1" t="s">
        <v>97795</v>
      </c>
    </row>
    <row r="27388" spans="1:10" x14ac:dyDescent="0.35">
      <c r="A27388" s="1" t="s">
        <v>97691</v>
      </c>
      <c r="B27388" s="1" t="s">
        <v>96627</v>
      </c>
      <c r="C27388" s="1" t="s">
        <v>155</v>
      </c>
      <c r="D27388" s="1" t="s">
        <v>92137</v>
      </c>
      <c r="E27388" s="1" t="s">
        <v>97796</v>
      </c>
      <c r="F27388" s="1" t="s">
        <v>97797</v>
      </c>
      <c r="G27388" s="1" t="s">
        <v>97695</v>
      </c>
      <c r="H27388" s="1" t="s">
        <v>97696</v>
      </c>
      <c r="I27388" s="1" t="s">
        <v>96632</v>
      </c>
      <c r="J27388" s="1" t="s">
        <v>97798</v>
      </c>
    </row>
    <row r="27389" spans="1:10" x14ac:dyDescent="0.35">
      <c r="A27389" s="1" t="s">
        <v>97691</v>
      </c>
      <c r="B27389" s="1" t="s">
        <v>96627</v>
      </c>
      <c r="C27389" s="1" t="s">
        <v>160</v>
      </c>
      <c r="D27389" s="1" t="s">
        <v>93948</v>
      </c>
      <c r="E27389" s="1" t="s">
        <v>97799</v>
      </c>
      <c r="F27389" s="1" t="s">
        <v>97800</v>
      </c>
      <c r="G27389" s="1" t="s">
        <v>97695</v>
      </c>
      <c r="H27389" s="1" t="s">
        <v>97696</v>
      </c>
      <c r="I27389" s="1" t="s">
        <v>96632</v>
      </c>
      <c r="J27389" s="1" t="s">
        <v>97801</v>
      </c>
    </row>
    <row r="27390" spans="1:10" x14ac:dyDescent="0.35">
      <c r="A27390" s="1" t="s">
        <v>97691</v>
      </c>
      <c r="B27390" s="1" t="s">
        <v>96627</v>
      </c>
      <c r="C27390" s="1" t="s">
        <v>165</v>
      </c>
      <c r="D27390" s="1" t="s">
        <v>97802</v>
      </c>
      <c r="E27390" s="1" t="s">
        <v>97803</v>
      </c>
      <c r="F27390" s="1" t="s">
        <v>97804</v>
      </c>
      <c r="G27390" s="1" t="s">
        <v>97695</v>
      </c>
      <c r="H27390" s="1" t="s">
        <v>97696</v>
      </c>
      <c r="I27390" s="1" t="s">
        <v>96632</v>
      </c>
      <c r="J27390" s="1" t="s">
        <v>97805</v>
      </c>
    </row>
    <row r="27391" spans="1:10" x14ac:dyDescent="0.35">
      <c r="A27391" s="1" t="s">
        <v>97691</v>
      </c>
      <c r="B27391" s="1" t="s">
        <v>96627</v>
      </c>
      <c r="C27391" s="1" t="s">
        <v>170</v>
      </c>
      <c r="D27391" s="1" t="s">
        <v>87026</v>
      </c>
      <c r="E27391" s="1" t="s">
        <v>97806</v>
      </c>
      <c r="F27391" s="1" t="s">
        <v>97807</v>
      </c>
      <c r="G27391" s="1" t="s">
        <v>97695</v>
      </c>
      <c r="H27391" s="1" t="s">
        <v>97696</v>
      </c>
      <c r="I27391" s="1" t="s">
        <v>96632</v>
      </c>
      <c r="J27391" s="1" t="s">
        <v>97808</v>
      </c>
    </row>
    <row r="27392" spans="1:10" x14ac:dyDescent="0.35">
      <c r="A27392" s="1" t="s">
        <v>51945</v>
      </c>
      <c r="B27392" s="1" t="s">
        <v>96627</v>
      </c>
      <c r="C27392" s="1" t="s">
        <v>8</v>
      </c>
      <c r="D27392" s="1" t="s">
        <v>66510</v>
      </c>
      <c r="E27392" s="1" t="s">
        <v>58913</v>
      </c>
      <c r="F27392" s="1" t="s">
        <v>97809</v>
      </c>
      <c r="G27392" s="1" t="s">
        <v>97810</v>
      </c>
      <c r="H27392" s="1" t="s">
        <v>97811</v>
      </c>
      <c r="I27392" s="1" t="s">
        <v>96632</v>
      </c>
      <c r="J27392" s="1" t="s">
        <v>13</v>
      </c>
    </row>
    <row r="27393" spans="1:10" x14ac:dyDescent="0.35">
      <c r="A27393" s="1" t="s">
        <v>51945</v>
      </c>
      <c r="B27393" s="1" t="s">
        <v>96627</v>
      </c>
      <c r="C27393" s="1" t="s">
        <v>15</v>
      </c>
      <c r="D27393" s="1" t="s">
        <v>97812</v>
      </c>
      <c r="E27393" s="1" t="s">
        <v>55129</v>
      </c>
      <c r="F27393" s="1" t="s">
        <v>97813</v>
      </c>
      <c r="G27393" s="1" t="s">
        <v>97810</v>
      </c>
      <c r="H27393" s="1" t="s">
        <v>97811</v>
      </c>
      <c r="I27393" s="1" t="s">
        <v>96632</v>
      </c>
      <c r="J27393" s="1" t="s">
        <v>97814</v>
      </c>
    </row>
    <row r="27394" spans="1:10" x14ac:dyDescent="0.35">
      <c r="A27394" s="1" t="s">
        <v>51945</v>
      </c>
      <c r="B27394" s="1" t="s">
        <v>96627</v>
      </c>
      <c r="C27394" s="1" t="s">
        <v>20</v>
      </c>
      <c r="D27394" s="1" t="s">
        <v>97815</v>
      </c>
      <c r="E27394" s="1" t="s">
        <v>69661</v>
      </c>
      <c r="F27394" s="1" t="s">
        <v>97816</v>
      </c>
      <c r="G27394" s="1" t="s">
        <v>97810</v>
      </c>
      <c r="H27394" s="1" t="s">
        <v>97811</v>
      </c>
      <c r="I27394" s="1" t="s">
        <v>96632</v>
      </c>
      <c r="J27394" s="1" t="s">
        <v>97817</v>
      </c>
    </row>
    <row r="27395" spans="1:10" x14ac:dyDescent="0.35">
      <c r="A27395" s="1" t="s">
        <v>51945</v>
      </c>
      <c r="B27395" s="1" t="s">
        <v>96627</v>
      </c>
      <c r="C27395" s="1" t="s">
        <v>25</v>
      </c>
      <c r="D27395" s="1" t="s">
        <v>97818</v>
      </c>
      <c r="E27395" s="1" t="s">
        <v>59897</v>
      </c>
      <c r="F27395" s="1" t="s">
        <v>97819</v>
      </c>
      <c r="G27395" s="1" t="s">
        <v>97810</v>
      </c>
      <c r="H27395" s="1" t="s">
        <v>97811</v>
      </c>
      <c r="I27395" s="1" t="s">
        <v>96632</v>
      </c>
      <c r="J27395" s="1" t="s">
        <v>97820</v>
      </c>
    </row>
    <row r="27396" spans="1:10" x14ac:dyDescent="0.35">
      <c r="A27396" s="1" t="s">
        <v>51945</v>
      </c>
      <c r="B27396" s="1" t="s">
        <v>96627</v>
      </c>
      <c r="C27396" s="1" t="s">
        <v>30</v>
      </c>
      <c r="D27396" s="1" t="s">
        <v>97821</v>
      </c>
      <c r="E27396" s="1" t="s">
        <v>23126</v>
      </c>
      <c r="F27396" s="1" t="s">
        <v>97822</v>
      </c>
      <c r="G27396" s="1" t="s">
        <v>97810</v>
      </c>
      <c r="H27396" s="1" t="s">
        <v>97811</v>
      </c>
      <c r="I27396" s="1" t="s">
        <v>96632</v>
      </c>
      <c r="J27396" s="1" t="s">
        <v>97823</v>
      </c>
    </row>
    <row r="27397" spans="1:10" x14ac:dyDescent="0.35">
      <c r="A27397" s="1" t="s">
        <v>51945</v>
      </c>
      <c r="B27397" s="1" t="s">
        <v>96627</v>
      </c>
      <c r="C27397" s="1" t="s">
        <v>35</v>
      </c>
      <c r="D27397" s="1" t="s">
        <v>97824</v>
      </c>
      <c r="E27397" s="1" t="s">
        <v>55968</v>
      </c>
      <c r="F27397" s="1" t="s">
        <v>97825</v>
      </c>
      <c r="G27397" s="1" t="s">
        <v>97810</v>
      </c>
      <c r="H27397" s="1" t="s">
        <v>97811</v>
      </c>
      <c r="I27397" s="1" t="s">
        <v>96632</v>
      </c>
      <c r="J27397" s="1" t="s">
        <v>97826</v>
      </c>
    </row>
    <row r="27398" spans="1:10" x14ac:dyDescent="0.35">
      <c r="A27398" s="1" t="s">
        <v>51945</v>
      </c>
      <c r="B27398" s="1" t="s">
        <v>96627</v>
      </c>
      <c r="C27398" s="1" t="s">
        <v>40</v>
      </c>
      <c r="D27398" s="1" t="s">
        <v>97827</v>
      </c>
      <c r="E27398" s="1" t="s">
        <v>41502</v>
      </c>
      <c r="F27398" s="1" t="s">
        <v>57336</v>
      </c>
      <c r="G27398" s="1" t="s">
        <v>97810</v>
      </c>
      <c r="H27398" s="1" t="s">
        <v>97811</v>
      </c>
      <c r="I27398" s="1" t="s">
        <v>96632</v>
      </c>
      <c r="J27398" s="1" t="s">
        <v>97828</v>
      </c>
    </row>
    <row r="27399" spans="1:10" x14ac:dyDescent="0.35">
      <c r="A27399" s="1" t="s">
        <v>51945</v>
      </c>
      <c r="B27399" s="1" t="s">
        <v>96627</v>
      </c>
      <c r="C27399" s="1" t="s">
        <v>45</v>
      </c>
      <c r="D27399" s="1" t="s">
        <v>97829</v>
      </c>
      <c r="E27399" s="1" t="s">
        <v>21929</v>
      </c>
      <c r="F27399" s="1" t="s">
        <v>97830</v>
      </c>
      <c r="G27399" s="1" t="s">
        <v>97810</v>
      </c>
      <c r="H27399" s="1" t="s">
        <v>97811</v>
      </c>
      <c r="I27399" s="1" t="s">
        <v>96632</v>
      </c>
      <c r="J27399" s="1" t="s">
        <v>97831</v>
      </c>
    </row>
    <row r="27400" spans="1:10" x14ac:dyDescent="0.35">
      <c r="A27400" s="1" t="s">
        <v>51945</v>
      </c>
      <c r="B27400" s="1" t="s">
        <v>96627</v>
      </c>
      <c r="C27400" s="1" t="s">
        <v>50</v>
      </c>
      <c r="D27400" s="1" t="s">
        <v>97832</v>
      </c>
      <c r="E27400" s="1" t="s">
        <v>24363</v>
      </c>
      <c r="F27400" s="1" t="s">
        <v>97833</v>
      </c>
      <c r="G27400" s="1" t="s">
        <v>97810</v>
      </c>
      <c r="H27400" s="1" t="s">
        <v>97811</v>
      </c>
      <c r="I27400" s="1" t="s">
        <v>96632</v>
      </c>
      <c r="J27400" s="1" t="s">
        <v>97834</v>
      </c>
    </row>
    <row r="27401" spans="1:10" x14ac:dyDescent="0.35">
      <c r="A27401" s="1" t="s">
        <v>51945</v>
      </c>
      <c r="B27401" s="1" t="s">
        <v>96627</v>
      </c>
      <c r="C27401" s="1" t="s">
        <v>55</v>
      </c>
      <c r="D27401" s="1" t="s">
        <v>97835</v>
      </c>
      <c r="E27401" s="1" t="s">
        <v>97836</v>
      </c>
      <c r="F27401" s="1" t="s">
        <v>97837</v>
      </c>
      <c r="G27401" s="1" t="s">
        <v>97810</v>
      </c>
      <c r="H27401" s="1" t="s">
        <v>97811</v>
      </c>
      <c r="I27401" s="1" t="s">
        <v>96632</v>
      </c>
      <c r="J27401" s="1" t="s">
        <v>97838</v>
      </c>
    </row>
    <row r="27402" spans="1:10" x14ac:dyDescent="0.35">
      <c r="A27402" s="1" t="s">
        <v>51945</v>
      </c>
      <c r="B27402" s="1" t="s">
        <v>96627</v>
      </c>
      <c r="C27402" s="1" t="s">
        <v>60</v>
      </c>
      <c r="D27402" s="1" t="s">
        <v>97839</v>
      </c>
      <c r="E27402" s="1" t="s">
        <v>55107</v>
      </c>
      <c r="F27402" s="1" t="s">
        <v>97840</v>
      </c>
      <c r="G27402" s="1" t="s">
        <v>97810</v>
      </c>
      <c r="H27402" s="1" t="s">
        <v>97811</v>
      </c>
      <c r="I27402" s="1" t="s">
        <v>96632</v>
      </c>
      <c r="J27402" s="1" t="s">
        <v>97841</v>
      </c>
    </row>
    <row r="27403" spans="1:10" x14ac:dyDescent="0.35">
      <c r="A27403" s="1" t="s">
        <v>51945</v>
      </c>
      <c r="B27403" s="1" t="s">
        <v>96627</v>
      </c>
      <c r="C27403" s="1" t="s">
        <v>65</v>
      </c>
      <c r="D27403" s="1" t="s">
        <v>11547</v>
      </c>
      <c r="E27403" s="1" t="s">
        <v>41395</v>
      </c>
      <c r="F27403" s="1" t="s">
        <v>97842</v>
      </c>
      <c r="G27403" s="1" t="s">
        <v>97810</v>
      </c>
      <c r="H27403" s="1" t="s">
        <v>97811</v>
      </c>
      <c r="I27403" s="1" t="s">
        <v>96632</v>
      </c>
      <c r="J27403" s="1" t="s">
        <v>97843</v>
      </c>
    </row>
    <row r="27404" spans="1:10" x14ac:dyDescent="0.35">
      <c r="A27404" s="1" t="s">
        <v>51945</v>
      </c>
      <c r="B27404" s="1" t="s">
        <v>96627</v>
      </c>
      <c r="C27404" s="1" t="s">
        <v>70</v>
      </c>
      <c r="D27404" s="1" t="s">
        <v>96895</v>
      </c>
      <c r="E27404" s="1" t="s">
        <v>41363</v>
      </c>
      <c r="F27404" s="1" t="s">
        <v>97844</v>
      </c>
      <c r="G27404" s="1" t="s">
        <v>97810</v>
      </c>
      <c r="H27404" s="1" t="s">
        <v>97811</v>
      </c>
      <c r="I27404" s="1" t="s">
        <v>96632</v>
      </c>
      <c r="J27404" s="1" t="s">
        <v>97845</v>
      </c>
    </row>
    <row r="27405" spans="1:10" x14ac:dyDescent="0.35">
      <c r="A27405" s="1" t="s">
        <v>51945</v>
      </c>
      <c r="B27405" s="1" t="s">
        <v>96627</v>
      </c>
      <c r="C27405" s="1" t="s">
        <v>75</v>
      </c>
      <c r="D27405" s="1" t="s">
        <v>66372</v>
      </c>
      <c r="E27405" s="1" t="s">
        <v>57937</v>
      </c>
      <c r="F27405" s="1" t="s">
        <v>97846</v>
      </c>
      <c r="G27405" s="1" t="s">
        <v>97810</v>
      </c>
      <c r="H27405" s="1" t="s">
        <v>97811</v>
      </c>
      <c r="I27405" s="1" t="s">
        <v>96632</v>
      </c>
      <c r="J27405" s="1" t="s">
        <v>97847</v>
      </c>
    </row>
    <row r="27406" spans="1:10" x14ac:dyDescent="0.35">
      <c r="A27406" s="1" t="s">
        <v>51945</v>
      </c>
      <c r="B27406" s="1" t="s">
        <v>96627</v>
      </c>
      <c r="C27406" s="1" t="s">
        <v>80</v>
      </c>
      <c r="D27406" s="1" t="s">
        <v>97848</v>
      </c>
      <c r="E27406" s="1" t="s">
        <v>31401</v>
      </c>
      <c r="F27406" s="1" t="s">
        <v>97849</v>
      </c>
      <c r="G27406" s="1" t="s">
        <v>97810</v>
      </c>
      <c r="H27406" s="1" t="s">
        <v>97811</v>
      </c>
      <c r="I27406" s="1" t="s">
        <v>96632</v>
      </c>
      <c r="J27406" s="1" t="s">
        <v>97850</v>
      </c>
    </row>
    <row r="27407" spans="1:10" x14ac:dyDescent="0.35">
      <c r="A27407" s="1" t="s">
        <v>51945</v>
      </c>
      <c r="B27407" s="1" t="s">
        <v>96627</v>
      </c>
      <c r="C27407" s="1" t="s">
        <v>85</v>
      </c>
      <c r="D27407" s="1" t="s">
        <v>80141</v>
      </c>
      <c r="E27407" s="1" t="s">
        <v>55907</v>
      </c>
      <c r="F27407" s="1" t="s">
        <v>97851</v>
      </c>
      <c r="G27407" s="1" t="s">
        <v>97810</v>
      </c>
      <c r="H27407" s="1" t="s">
        <v>97811</v>
      </c>
      <c r="I27407" s="1" t="s">
        <v>96632</v>
      </c>
      <c r="J27407" s="1" t="s">
        <v>97852</v>
      </c>
    </row>
    <row r="27408" spans="1:10" x14ac:dyDescent="0.35">
      <c r="A27408" s="1" t="s">
        <v>51945</v>
      </c>
      <c r="B27408" s="1" t="s">
        <v>96627</v>
      </c>
      <c r="C27408" s="1" t="s">
        <v>90</v>
      </c>
      <c r="D27408" s="1" t="s">
        <v>97853</v>
      </c>
      <c r="E27408" s="1" t="s">
        <v>56246</v>
      </c>
      <c r="F27408" s="1" t="s">
        <v>97854</v>
      </c>
      <c r="G27408" s="1" t="s">
        <v>97810</v>
      </c>
      <c r="H27408" s="1" t="s">
        <v>97811</v>
      </c>
      <c r="I27408" s="1" t="s">
        <v>96632</v>
      </c>
      <c r="J27408" s="1" t="s">
        <v>97855</v>
      </c>
    </row>
    <row r="27409" spans="1:10" x14ac:dyDescent="0.35">
      <c r="A27409" s="1" t="s">
        <v>51945</v>
      </c>
      <c r="B27409" s="1" t="s">
        <v>96627</v>
      </c>
      <c r="C27409" s="1" t="s">
        <v>95</v>
      </c>
      <c r="D27409" s="1" t="s">
        <v>76581</v>
      </c>
      <c r="E27409" s="1" t="s">
        <v>56397</v>
      </c>
      <c r="F27409" s="1" t="s">
        <v>97856</v>
      </c>
      <c r="G27409" s="1" t="s">
        <v>97810</v>
      </c>
      <c r="H27409" s="1" t="s">
        <v>97811</v>
      </c>
      <c r="I27409" s="1" t="s">
        <v>96632</v>
      </c>
      <c r="J27409" s="1" t="s">
        <v>97857</v>
      </c>
    </row>
    <row r="27410" spans="1:10" x14ac:dyDescent="0.35">
      <c r="A27410" s="1" t="s">
        <v>51945</v>
      </c>
      <c r="B27410" s="1" t="s">
        <v>96627</v>
      </c>
      <c r="C27410" s="1" t="s">
        <v>100</v>
      </c>
      <c r="D27410" s="1" t="s">
        <v>97858</v>
      </c>
      <c r="E27410" s="1" t="s">
        <v>55869</v>
      </c>
      <c r="F27410" s="1" t="s">
        <v>97859</v>
      </c>
      <c r="G27410" s="1" t="s">
        <v>97810</v>
      </c>
      <c r="H27410" s="1" t="s">
        <v>97811</v>
      </c>
      <c r="I27410" s="1" t="s">
        <v>96632</v>
      </c>
      <c r="J27410" s="1" t="s">
        <v>97860</v>
      </c>
    </row>
    <row r="27411" spans="1:10" x14ac:dyDescent="0.35">
      <c r="A27411" s="1" t="s">
        <v>51945</v>
      </c>
      <c r="B27411" s="1" t="s">
        <v>96627</v>
      </c>
      <c r="C27411" s="1" t="s">
        <v>105</v>
      </c>
      <c r="D27411" s="1" t="s">
        <v>97861</v>
      </c>
      <c r="E27411" s="1" t="s">
        <v>12837</v>
      </c>
      <c r="F27411" s="1" t="s">
        <v>97862</v>
      </c>
      <c r="G27411" s="1" t="s">
        <v>97810</v>
      </c>
      <c r="H27411" s="1" t="s">
        <v>97811</v>
      </c>
      <c r="I27411" s="1" t="s">
        <v>96632</v>
      </c>
      <c r="J27411" s="1" t="s">
        <v>97863</v>
      </c>
    </row>
    <row r="27412" spans="1:10" x14ac:dyDescent="0.35">
      <c r="A27412" s="1" t="s">
        <v>51945</v>
      </c>
      <c r="B27412" s="1" t="s">
        <v>96627</v>
      </c>
      <c r="C27412" s="1" t="s">
        <v>110</v>
      </c>
      <c r="D27412" s="1" t="s">
        <v>87235</v>
      </c>
      <c r="E27412" s="1" t="s">
        <v>55035</v>
      </c>
      <c r="F27412" s="1" t="s">
        <v>97864</v>
      </c>
      <c r="G27412" s="1" t="s">
        <v>97810</v>
      </c>
      <c r="H27412" s="1" t="s">
        <v>97811</v>
      </c>
      <c r="I27412" s="1" t="s">
        <v>96632</v>
      </c>
      <c r="J27412" s="1" t="s">
        <v>97865</v>
      </c>
    </row>
    <row r="27413" spans="1:10" x14ac:dyDescent="0.35">
      <c r="A27413" s="1" t="s">
        <v>51945</v>
      </c>
      <c r="B27413" s="1" t="s">
        <v>96627</v>
      </c>
      <c r="C27413" s="1" t="s">
        <v>115</v>
      </c>
      <c r="D27413" s="1" t="s">
        <v>97866</v>
      </c>
      <c r="E27413" s="1" t="s">
        <v>97867</v>
      </c>
      <c r="F27413" s="1" t="s">
        <v>97868</v>
      </c>
      <c r="G27413" s="1" t="s">
        <v>97810</v>
      </c>
      <c r="H27413" s="1" t="s">
        <v>97811</v>
      </c>
      <c r="I27413" s="1" t="s">
        <v>96632</v>
      </c>
      <c r="J27413" s="1" t="s">
        <v>97869</v>
      </c>
    </row>
    <row r="27414" spans="1:10" x14ac:dyDescent="0.35">
      <c r="A27414" s="1" t="s">
        <v>51945</v>
      </c>
      <c r="B27414" s="1" t="s">
        <v>96627</v>
      </c>
      <c r="C27414" s="1" t="s">
        <v>120</v>
      </c>
      <c r="D27414" s="1" t="s">
        <v>52528</v>
      </c>
      <c r="E27414" s="1" t="s">
        <v>24331</v>
      </c>
      <c r="F27414" s="1" t="s">
        <v>97870</v>
      </c>
      <c r="G27414" s="1" t="s">
        <v>97810</v>
      </c>
      <c r="H27414" s="1" t="s">
        <v>97811</v>
      </c>
      <c r="I27414" s="1" t="s">
        <v>96632</v>
      </c>
      <c r="J27414" s="1" t="s">
        <v>97871</v>
      </c>
    </row>
    <row r="27415" spans="1:10" x14ac:dyDescent="0.35">
      <c r="A27415" s="1" t="s">
        <v>51945</v>
      </c>
      <c r="B27415" s="1" t="s">
        <v>96627</v>
      </c>
      <c r="C27415" s="1" t="s">
        <v>125</v>
      </c>
      <c r="D27415" s="1" t="s">
        <v>97872</v>
      </c>
      <c r="E27415" s="1" t="s">
        <v>12837</v>
      </c>
      <c r="F27415" s="1" t="s">
        <v>97873</v>
      </c>
      <c r="G27415" s="1" t="s">
        <v>97810</v>
      </c>
      <c r="H27415" s="1" t="s">
        <v>97811</v>
      </c>
      <c r="I27415" s="1" t="s">
        <v>96632</v>
      </c>
      <c r="J27415" s="1" t="s">
        <v>97874</v>
      </c>
    </row>
    <row r="27416" spans="1:10" x14ac:dyDescent="0.35">
      <c r="A27416" s="1" t="s">
        <v>51945</v>
      </c>
      <c r="B27416" s="1" t="s">
        <v>96627</v>
      </c>
      <c r="C27416" s="1" t="s">
        <v>130</v>
      </c>
      <c r="D27416" s="1" t="s">
        <v>77384</v>
      </c>
      <c r="E27416" s="1" t="s">
        <v>32340</v>
      </c>
      <c r="F27416" s="1" t="s">
        <v>97875</v>
      </c>
      <c r="G27416" s="1" t="s">
        <v>97810</v>
      </c>
      <c r="H27416" s="1" t="s">
        <v>97811</v>
      </c>
      <c r="I27416" s="1" t="s">
        <v>96632</v>
      </c>
      <c r="J27416" s="1" t="s">
        <v>97876</v>
      </c>
    </row>
    <row r="27417" spans="1:10" x14ac:dyDescent="0.35">
      <c r="A27417" s="1" t="s">
        <v>51945</v>
      </c>
      <c r="B27417" s="1" t="s">
        <v>96627</v>
      </c>
      <c r="C27417" s="1" t="s">
        <v>135</v>
      </c>
      <c r="D27417" s="1" t="s">
        <v>97877</v>
      </c>
      <c r="E27417" s="1" t="s">
        <v>55107</v>
      </c>
      <c r="F27417" s="1" t="s">
        <v>97878</v>
      </c>
      <c r="G27417" s="1" t="s">
        <v>97810</v>
      </c>
      <c r="H27417" s="1" t="s">
        <v>97811</v>
      </c>
      <c r="I27417" s="1" t="s">
        <v>96632</v>
      </c>
      <c r="J27417" s="1" t="s">
        <v>97879</v>
      </c>
    </row>
    <row r="27418" spans="1:10" x14ac:dyDescent="0.35">
      <c r="A27418" s="1" t="s">
        <v>51945</v>
      </c>
      <c r="B27418" s="1" t="s">
        <v>96627</v>
      </c>
      <c r="C27418" s="1" t="s">
        <v>140</v>
      </c>
      <c r="D27418" s="1" t="s">
        <v>71547</v>
      </c>
      <c r="E27418" s="1" t="s">
        <v>41305</v>
      </c>
      <c r="F27418" s="1" t="s">
        <v>97880</v>
      </c>
      <c r="G27418" s="1" t="s">
        <v>97810</v>
      </c>
      <c r="H27418" s="1" t="s">
        <v>97811</v>
      </c>
      <c r="I27418" s="1" t="s">
        <v>96632</v>
      </c>
      <c r="J27418" s="1" t="s">
        <v>97881</v>
      </c>
    </row>
    <row r="27419" spans="1:10" x14ac:dyDescent="0.35">
      <c r="A27419" s="1" t="s">
        <v>51945</v>
      </c>
      <c r="B27419" s="1" t="s">
        <v>96627</v>
      </c>
      <c r="C27419" s="1" t="s">
        <v>145</v>
      </c>
      <c r="D27419" s="1" t="s">
        <v>97083</v>
      </c>
      <c r="E27419" s="1" t="s">
        <v>21826</v>
      </c>
      <c r="F27419" s="1" t="s">
        <v>97882</v>
      </c>
      <c r="G27419" s="1" t="s">
        <v>97810</v>
      </c>
      <c r="H27419" s="1" t="s">
        <v>97811</v>
      </c>
      <c r="I27419" s="1" t="s">
        <v>96632</v>
      </c>
      <c r="J27419" s="1" t="s">
        <v>97883</v>
      </c>
    </row>
    <row r="27420" spans="1:10" x14ac:dyDescent="0.35">
      <c r="A27420" s="1" t="s">
        <v>51945</v>
      </c>
      <c r="B27420" s="1" t="s">
        <v>96627</v>
      </c>
      <c r="C27420" s="1" t="s">
        <v>150</v>
      </c>
      <c r="D27420" s="1" t="s">
        <v>97884</v>
      </c>
      <c r="E27420" s="1" t="s">
        <v>21201</v>
      </c>
      <c r="F27420" s="1" t="s">
        <v>97885</v>
      </c>
      <c r="G27420" s="1" t="s">
        <v>97810</v>
      </c>
      <c r="H27420" s="1" t="s">
        <v>97811</v>
      </c>
      <c r="I27420" s="1" t="s">
        <v>96632</v>
      </c>
      <c r="J27420" s="1" t="s">
        <v>97886</v>
      </c>
    </row>
    <row r="27421" spans="1:10" x14ac:dyDescent="0.35">
      <c r="A27421" s="1" t="s">
        <v>51945</v>
      </c>
      <c r="B27421" s="1" t="s">
        <v>96627</v>
      </c>
      <c r="C27421" s="1" t="s">
        <v>155</v>
      </c>
      <c r="D27421" s="1" t="s">
        <v>97887</v>
      </c>
      <c r="E27421" s="1" t="s">
        <v>16094</v>
      </c>
      <c r="F27421" s="1" t="s">
        <v>97888</v>
      </c>
      <c r="G27421" s="1" t="s">
        <v>97810</v>
      </c>
      <c r="H27421" s="1" t="s">
        <v>97811</v>
      </c>
      <c r="I27421" s="1" t="s">
        <v>96632</v>
      </c>
      <c r="J27421" s="1" t="s">
        <v>97889</v>
      </c>
    </row>
    <row r="27422" spans="1:10" x14ac:dyDescent="0.35">
      <c r="A27422" s="1" t="s">
        <v>51945</v>
      </c>
      <c r="B27422" s="1" t="s">
        <v>96627</v>
      </c>
      <c r="C27422" s="1" t="s">
        <v>160</v>
      </c>
      <c r="D27422" s="1" t="s">
        <v>97890</v>
      </c>
      <c r="E27422" s="1" t="s">
        <v>57899</v>
      </c>
      <c r="F27422" s="1" t="s">
        <v>97891</v>
      </c>
      <c r="G27422" s="1" t="s">
        <v>97810</v>
      </c>
      <c r="H27422" s="1" t="s">
        <v>97811</v>
      </c>
      <c r="I27422" s="1" t="s">
        <v>96632</v>
      </c>
      <c r="J27422" s="1" t="s">
        <v>97892</v>
      </c>
    </row>
    <row r="27423" spans="1:10" x14ac:dyDescent="0.35">
      <c r="A27423" s="1" t="s">
        <v>51945</v>
      </c>
      <c r="B27423" s="1" t="s">
        <v>96627</v>
      </c>
      <c r="C27423" s="1" t="s">
        <v>165</v>
      </c>
      <c r="D27423" s="1" t="s">
        <v>97893</v>
      </c>
      <c r="E27423" s="1" t="s">
        <v>41262</v>
      </c>
      <c r="F27423" s="1" t="s">
        <v>97894</v>
      </c>
      <c r="G27423" s="1" t="s">
        <v>97810</v>
      </c>
      <c r="H27423" s="1" t="s">
        <v>97811</v>
      </c>
      <c r="I27423" s="1" t="s">
        <v>96632</v>
      </c>
      <c r="J27423" s="1" t="s">
        <v>97895</v>
      </c>
    </row>
    <row r="27424" spans="1:10" x14ac:dyDescent="0.35">
      <c r="A27424" s="1" t="s">
        <v>51945</v>
      </c>
      <c r="B27424" s="1" t="s">
        <v>96627</v>
      </c>
      <c r="C27424" s="1" t="s">
        <v>170</v>
      </c>
      <c r="D27424" s="1" t="s">
        <v>15134</v>
      </c>
      <c r="E27424" s="1" t="s">
        <v>54799</v>
      </c>
      <c r="F27424" s="1" t="s">
        <v>97896</v>
      </c>
      <c r="G27424" s="1" t="s">
        <v>97810</v>
      </c>
      <c r="H27424" s="1" t="s">
        <v>97811</v>
      </c>
      <c r="I27424" s="1" t="s">
        <v>96632</v>
      </c>
      <c r="J27424" s="1" t="s">
        <v>97897</v>
      </c>
    </row>
    <row r="27425" spans="1:10" x14ac:dyDescent="0.35">
      <c r="A27425" s="1" t="s">
        <v>97898</v>
      </c>
      <c r="B27425" s="1" t="s">
        <v>96627</v>
      </c>
      <c r="C27425" s="1" t="s">
        <v>8</v>
      </c>
      <c r="D27425" s="1" t="s">
        <v>97899</v>
      </c>
      <c r="E27425" s="1" t="s">
        <v>97900</v>
      </c>
      <c r="F27425" s="1" t="s">
        <v>97901</v>
      </c>
      <c r="G27425" s="1" t="s">
        <v>97902</v>
      </c>
      <c r="H27425" s="1" t="s">
        <v>97903</v>
      </c>
      <c r="I27425" s="1" t="s">
        <v>96632</v>
      </c>
      <c r="J27425" s="1" t="s">
        <v>13</v>
      </c>
    </row>
    <row r="27426" spans="1:10" x14ac:dyDescent="0.35">
      <c r="A27426" s="1" t="s">
        <v>97898</v>
      </c>
      <c r="B27426" s="1" t="s">
        <v>96627</v>
      </c>
      <c r="C27426" s="1" t="s">
        <v>15</v>
      </c>
      <c r="D27426" s="1" t="s">
        <v>52188</v>
      </c>
      <c r="E27426" s="1" t="s">
        <v>97904</v>
      </c>
      <c r="F27426" s="1" t="s">
        <v>97905</v>
      </c>
      <c r="G27426" s="1" t="s">
        <v>97902</v>
      </c>
      <c r="H27426" s="1" t="s">
        <v>97903</v>
      </c>
      <c r="I27426" s="1" t="s">
        <v>96632</v>
      </c>
      <c r="J27426" s="1" t="s">
        <v>97906</v>
      </c>
    </row>
    <row r="27427" spans="1:10" x14ac:dyDescent="0.35">
      <c r="A27427" s="1" t="s">
        <v>97898</v>
      </c>
      <c r="B27427" s="1" t="s">
        <v>96627</v>
      </c>
      <c r="C27427" s="1" t="s">
        <v>20</v>
      </c>
      <c r="D27427" s="1" t="s">
        <v>97907</v>
      </c>
      <c r="E27427" s="1" t="s">
        <v>97908</v>
      </c>
      <c r="F27427" s="1" t="s">
        <v>97909</v>
      </c>
      <c r="G27427" s="1" t="s">
        <v>97902</v>
      </c>
      <c r="H27427" s="1" t="s">
        <v>97903</v>
      </c>
      <c r="I27427" s="1" t="s">
        <v>96632</v>
      </c>
      <c r="J27427" s="1" t="s">
        <v>97910</v>
      </c>
    </row>
    <row r="27428" spans="1:10" x14ac:dyDescent="0.35">
      <c r="A27428" s="1" t="s">
        <v>97898</v>
      </c>
      <c r="B27428" s="1" t="s">
        <v>96627</v>
      </c>
      <c r="C27428" s="1" t="s">
        <v>25</v>
      </c>
      <c r="D27428" s="1" t="s">
        <v>97911</v>
      </c>
      <c r="E27428" s="1" t="s">
        <v>97912</v>
      </c>
      <c r="F27428" s="1" t="s">
        <v>97913</v>
      </c>
      <c r="G27428" s="1" t="s">
        <v>97902</v>
      </c>
      <c r="H27428" s="1" t="s">
        <v>97903</v>
      </c>
      <c r="I27428" s="1" t="s">
        <v>96632</v>
      </c>
      <c r="J27428" s="1" t="s">
        <v>97914</v>
      </c>
    </row>
    <row r="27429" spans="1:10" x14ac:dyDescent="0.35">
      <c r="A27429" s="1" t="s">
        <v>97898</v>
      </c>
      <c r="B27429" s="1" t="s">
        <v>96627</v>
      </c>
      <c r="C27429" s="1" t="s">
        <v>30</v>
      </c>
      <c r="D27429" s="1" t="s">
        <v>97915</v>
      </c>
      <c r="E27429" s="1" t="s">
        <v>97916</v>
      </c>
      <c r="F27429" s="1" t="s">
        <v>97917</v>
      </c>
      <c r="G27429" s="1" t="s">
        <v>97902</v>
      </c>
      <c r="H27429" s="1" t="s">
        <v>97903</v>
      </c>
      <c r="I27429" s="1" t="s">
        <v>96632</v>
      </c>
      <c r="J27429" s="1" t="s">
        <v>97918</v>
      </c>
    </row>
    <row r="27430" spans="1:10" x14ac:dyDescent="0.35">
      <c r="A27430" s="1" t="s">
        <v>97898</v>
      </c>
      <c r="B27430" s="1" t="s">
        <v>96627</v>
      </c>
      <c r="C27430" s="1" t="s">
        <v>35</v>
      </c>
      <c r="D27430" s="1" t="s">
        <v>53314</v>
      </c>
      <c r="E27430" s="1" t="s">
        <v>97919</v>
      </c>
      <c r="F27430" s="1" t="s">
        <v>97920</v>
      </c>
      <c r="G27430" s="1" t="s">
        <v>97902</v>
      </c>
      <c r="H27430" s="1" t="s">
        <v>97903</v>
      </c>
      <c r="I27430" s="1" t="s">
        <v>96632</v>
      </c>
      <c r="J27430" s="1" t="s">
        <v>97921</v>
      </c>
    </row>
    <row r="27431" spans="1:10" x14ac:dyDescent="0.35">
      <c r="A27431" s="1" t="s">
        <v>97898</v>
      </c>
      <c r="B27431" s="1" t="s">
        <v>96627</v>
      </c>
      <c r="C27431" s="1" t="s">
        <v>40</v>
      </c>
      <c r="D27431" s="1" t="s">
        <v>97922</v>
      </c>
      <c r="E27431" s="1" t="s">
        <v>97923</v>
      </c>
      <c r="F27431" s="1" t="s">
        <v>97924</v>
      </c>
      <c r="G27431" s="1" t="s">
        <v>97902</v>
      </c>
      <c r="H27431" s="1" t="s">
        <v>97903</v>
      </c>
      <c r="I27431" s="1" t="s">
        <v>96632</v>
      </c>
      <c r="J27431" s="1" t="s">
        <v>97925</v>
      </c>
    </row>
    <row r="27432" spans="1:10" x14ac:dyDescent="0.35">
      <c r="A27432" s="1" t="s">
        <v>97898</v>
      </c>
      <c r="B27432" s="1" t="s">
        <v>96627</v>
      </c>
      <c r="C27432" s="1" t="s">
        <v>45</v>
      </c>
      <c r="D27432" s="1" t="s">
        <v>57439</v>
      </c>
      <c r="E27432" s="1" t="s">
        <v>97926</v>
      </c>
      <c r="F27432" s="1" t="s">
        <v>97927</v>
      </c>
      <c r="G27432" s="1" t="s">
        <v>97902</v>
      </c>
      <c r="H27432" s="1" t="s">
        <v>97903</v>
      </c>
      <c r="I27432" s="1" t="s">
        <v>96632</v>
      </c>
      <c r="J27432" s="1" t="s">
        <v>97928</v>
      </c>
    </row>
    <row r="27433" spans="1:10" x14ac:dyDescent="0.35">
      <c r="A27433" s="1" t="s">
        <v>97898</v>
      </c>
      <c r="B27433" s="1" t="s">
        <v>96627</v>
      </c>
      <c r="C27433" s="1" t="s">
        <v>50</v>
      </c>
      <c r="D27433" s="1" t="s">
        <v>83877</v>
      </c>
      <c r="E27433" s="1" t="s">
        <v>97929</v>
      </c>
      <c r="F27433" s="1" t="s">
        <v>97930</v>
      </c>
      <c r="G27433" s="1" t="s">
        <v>97902</v>
      </c>
      <c r="H27433" s="1" t="s">
        <v>97903</v>
      </c>
      <c r="I27433" s="1" t="s">
        <v>96632</v>
      </c>
      <c r="J27433" s="1" t="s">
        <v>97931</v>
      </c>
    </row>
    <row r="27434" spans="1:10" x14ac:dyDescent="0.35">
      <c r="A27434" s="1" t="s">
        <v>97898</v>
      </c>
      <c r="B27434" s="1" t="s">
        <v>96627</v>
      </c>
      <c r="C27434" s="1" t="s">
        <v>55</v>
      </c>
      <c r="D27434" s="1" t="s">
        <v>97932</v>
      </c>
      <c r="E27434" s="1" t="s">
        <v>97933</v>
      </c>
      <c r="F27434" s="1" t="s">
        <v>97934</v>
      </c>
      <c r="G27434" s="1" t="s">
        <v>97902</v>
      </c>
      <c r="H27434" s="1" t="s">
        <v>97903</v>
      </c>
      <c r="I27434" s="1" t="s">
        <v>96632</v>
      </c>
      <c r="J27434" s="1" t="s">
        <v>97935</v>
      </c>
    </row>
    <row r="27435" spans="1:10" x14ac:dyDescent="0.35">
      <c r="A27435" s="1" t="s">
        <v>97898</v>
      </c>
      <c r="B27435" s="1" t="s">
        <v>96627</v>
      </c>
      <c r="C27435" s="1" t="s">
        <v>60</v>
      </c>
      <c r="D27435" s="1" t="s">
        <v>97936</v>
      </c>
      <c r="E27435" s="1" t="s">
        <v>97937</v>
      </c>
      <c r="F27435" s="1" t="s">
        <v>97938</v>
      </c>
      <c r="G27435" s="1" t="s">
        <v>97902</v>
      </c>
      <c r="H27435" s="1" t="s">
        <v>97903</v>
      </c>
      <c r="I27435" s="1" t="s">
        <v>96632</v>
      </c>
      <c r="J27435" s="1" t="s">
        <v>97939</v>
      </c>
    </row>
    <row r="27436" spans="1:10" x14ac:dyDescent="0.35">
      <c r="A27436" s="1" t="s">
        <v>97898</v>
      </c>
      <c r="B27436" s="1" t="s">
        <v>96627</v>
      </c>
      <c r="C27436" s="1" t="s">
        <v>65</v>
      </c>
      <c r="D27436" s="1" t="s">
        <v>78060</v>
      </c>
      <c r="E27436" s="1" t="s">
        <v>97940</v>
      </c>
      <c r="F27436" s="1" t="s">
        <v>97941</v>
      </c>
      <c r="G27436" s="1" t="s">
        <v>97902</v>
      </c>
      <c r="H27436" s="1" t="s">
        <v>97903</v>
      </c>
      <c r="I27436" s="1" t="s">
        <v>96632</v>
      </c>
      <c r="J27436" s="1" t="s">
        <v>97942</v>
      </c>
    </row>
    <row r="27437" spans="1:10" x14ac:dyDescent="0.35">
      <c r="A27437" s="1" t="s">
        <v>97898</v>
      </c>
      <c r="B27437" s="1" t="s">
        <v>96627</v>
      </c>
      <c r="C27437" s="1" t="s">
        <v>70</v>
      </c>
      <c r="D27437" s="1" t="s">
        <v>76193</v>
      </c>
      <c r="E27437" s="1" t="s">
        <v>97943</v>
      </c>
      <c r="F27437" s="1" t="s">
        <v>97944</v>
      </c>
      <c r="G27437" s="1" t="s">
        <v>97902</v>
      </c>
      <c r="H27437" s="1" t="s">
        <v>97903</v>
      </c>
      <c r="I27437" s="1" t="s">
        <v>96632</v>
      </c>
      <c r="J27437" s="1" t="s">
        <v>97945</v>
      </c>
    </row>
    <row r="27438" spans="1:10" x14ac:dyDescent="0.35">
      <c r="A27438" s="1" t="s">
        <v>97898</v>
      </c>
      <c r="B27438" s="1" t="s">
        <v>96627</v>
      </c>
      <c r="C27438" s="1" t="s">
        <v>75</v>
      </c>
      <c r="D27438" s="1" t="s">
        <v>58581</v>
      </c>
      <c r="E27438" s="1" t="s">
        <v>97946</v>
      </c>
      <c r="F27438" s="1" t="s">
        <v>97947</v>
      </c>
      <c r="G27438" s="1" t="s">
        <v>97902</v>
      </c>
      <c r="H27438" s="1" t="s">
        <v>97903</v>
      </c>
      <c r="I27438" s="1" t="s">
        <v>96632</v>
      </c>
      <c r="J27438" s="1" t="s">
        <v>97948</v>
      </c>
    </row>
    <row r="27439" spans="1:10" x14ac:dyDescent="0.35">
      <c r="A27439" s="1" t="s">
        <v>97898</v>
      </c>
      <c r="B27439" s="1" t="s">
        <v>96627</v>
      </c>
      <c r="C27439" s="1" t="s">
        <v>80</v>
      </c>
      <c r="D27439" s="1" t="s">
        <v>97949</v>
      </c>
      <c r="E27439" s="1" t="s">
        <v>97950</v>
      </c>
      <c r="F27439" s="1" t="s">
        <v>97951</v>
      </c>
      <c r="G27439" s="1" t="s">
        <v>97902</v>
      </c>
      <c r="H27439" s="1" t="s">
        <v>97903</v>
      </c>
      <c r="I27439" s="1" t="s">
        <v>96632</v>
      </c>
      <c r="J27439" s="1" t="s">
        <v>97952</v>
      </c>
    </row>
    <row r="27440" spans="1:10" x14ac:dyDescent="0.35">
      <c r="A27440" s="1" t="s">
        <v>97898</v>
      </c>
      <c r="B27440" s="1" t="s">
        <v>96627</v>
      </c>
      <c r="C27440" s="1" t="s">
        <v>85</v>
      </c>
      <c r="D27440" s="1" t="s">
        <v>97953</v>
      </c>
      <c r="E27440" s="1" t="s">
        <v>97954</v>
      </c>
      <c r="F27440" s="1" t="s">
        <v>97955</v>
      </c>
      <c r="G27440" s="1" t="s">
        <v>97902</v>
      </c>
      <c r="H27440" s="1" t="s">
        <v>97903</v>
      </c>
      <c r="I27440" s="1" t="s">
        <v>96632</v>
      </c>
      <c r="J27440" s="1" t="s">
        <v>97956</v>
      </c>
    </row>
    <row r="27441" spans="1:10" x14ac:dyDescent="0.35">
      <c r="A27441" s="1" t="s">
        <v>97898</v>
      </c>
      <c r="B27441" s="1" t="s">
        <v>96627</v>
      </c>
      <c r="C27441" s="1" t="s">
        <v>90</v>
      </c>
      <c r="D27441" s="1" t="s">
        <v>97957</v>
      </c>
      <c r="E27441" s="1" t="s">
        <v>97958</v>
      </c>
      <c r="F27441" s="1" t="s">
        <v>97959</v>
      </c>
      <c r="G27441" s="1" t="s">
        <v>97902</v>
      </c>
      <c r="H27441" s="1" t="s">
        <v>97903</v>
      </c>
      <c r="I27441" s="1" t="s">
        <v>96632</v>
      </c>
      <c r="J27441" s="1" t="s">
        <v>97960</v>
      </c>
    </row>
    <row r="27442" spans="1:10" x14ac:dyDescent="0.35">
      <c r="A27442" s="1" t="s">
        <v>97898</v>
      </c>
      <c r="B27442" s="1" t="s">
        <v>96627</v>
      </c>
      <c r="C27442" s="1" t="s">
        <v>95</v>
      </c>
      <c r="D27442" s="1" t="s">
        <v>53030</v>
      </c>
      <c r="E27442" s="1" t="s">
        <v>97961</v>
      </c>
      <c r="F27442" s="1" t="s">
        <v>97962</v>
      </c>
      <c r="G27442" s="1" t="s">
        <v>97902</v>
      </c>
      <c r="H27442" s="1" t="s">
        <v>97903</v>
      </c>
      <c r="I27442" s="1" t="s">
        <v>96632</v>
      </c>
      <c r="J27442" s="1" t="s">
        <v>97963</v>
      </c>
    </row>
    <row r="27443" spans="1:10" x14ac:dyDescent="0.35">
      <c r="A27443" s="1" t="s">
        <v>97898</v>
      </c>
      <c r="B27443" s="1" t="s">
        <v>96627</v>
      </c>
      <c r="C27443" s="1" t="s">
        <v>100</v>
      </c>
      <c r="D27443" s="1" t="s">
        <v>97095</v>
      </c>
      <c r="E27443" s="1" t="s">
        <v>97964</v>
      </c>
      <c r="F27443" s="1" t="s">
        <v>97965</v>
      </c>
      <c r="G27443" s="1" t="s">
        <v>97902</v>
      </c>
      <c r="H27443" s="1" t="s">
        <v>97903</v>
      </c>
      <c r="I27443" s="1" t="s">
        <v>96632</v>
      </c>
      <c r="J27443" s="1" t="s">
        <v>97966</v>
      </c>
    </row>
    <row r="27444" spans="1:10" x14ac:dyDescent="0.35">
      <c r="A27444" s="1" t="s">
        <v>97898</v>
      </c>
      <c r="B27444" s="1" t="s">
        <v>96627</v>
      </c>
      <c r="C27444" s="1" t="s">
        <v>105</v>
      </c>
      <c r="D27444" s="1" t="s">
        <v>97967</v>
      </c>
      <c r="E27444" s="1" t="s">
        <v>97968</v>
      </c>
      <c r="F27444" s="1" t="s">
        <v>97969</v>
      </c>
      <c r="G27444" s="1" t="s">
        <v>97902</v>
      </c>
      <c r="H27444" s="1" t="s">
        <v>97903</v>
      </c>
      <c r="I27444" s="1" t="s">
        <v>96632</v>
      </c>
      <c r="J27444" s="1" t="s">
        <v>97970</v>
      </c>
    </row>
    <row r="27445" spans="1:10" x14ac:dyDescent="0.35">
      <c r="A27445" s="1" t="s">
        <v>97898</v>
      </c>
      <c r="B27445" s="1" t="s">
        <v>96627</v>
      </c>
      <c r="C27445" s="1" t="s">
        <v>110</v>
      </c>
      <c r="D27445" s="1" t="s">
        <v>92571</v>
      </c>
      <c r="E27445" s="1" t="s">
        <v>97971</v>
      </c>
      <c r="F27445" s="1" t="s">
        <v>97972</v>
      </c>
      <c r="G27445" s="1" t="s">
        <v>97902</v>
      </c>
      <c r="H27445" s="1" t="s">
        <v>97903</v>
      </c>
      <c r="I27445" s="1" t="s">
        <v>96632</v>
      </c>
      <c r="J27445" s="1" t="s">
        <v>97973</v>
      </c>
    </row>
    <row r="27446" spans="1:10" x14ac:dyDescent="0.35">
      <c r="A27446" s="1" t="s">
        <v>97898</v>
      </c>
      <c r="B27446" s="1" t="s">
        <v>96627</v>
      </c>
      <c r="C27446" s="1" t="s">
        <v>115</v>
      </c>
      <c r="D27446" s="1" t="s">
        <v>92578</v>
      </c>
      <c r="E27446" s="1" t="s">
        <v>97974</v>
      </c>
      <c r="F27446" s="1" t="s">
        <v>97975</v>
      </c>
      <c r="G27446" s="1" t="s">
        <v>97902</v>
      </c>
      <c r="H27446" s="1" t="s">
        <v>97903</v>
      </c>
      <c r="I27446" s="1" t="s">
        <v>96632</v>
      </c>
      <c r="J27446" s="1" t="s">
        <v>97976</v>
      </c>
    </row>
    <row r="27447" spans="1:10" x14ac:dyDescent="0.35">
      <c r="A27447" s="1" t="s">
        <v>97898</v>
      </c>
      <c r="B27447" s="1" t="s">
        <v>96627</v>
      </c>
      <c r="C27447" s="1" t="s">
        <v>120</v>
      </c>
      <c r="D27447" s="1" t="s">
        <v>97977</v>
      </c>
      <c r="E27447" s="1" t="s">
        <v>97978</v>
      </c>
      <c r="F27447" s="1" t="s">
        <v>97979</v>
      </c>
      <c r="G27447" s="1" t="s">
        <v>97902</v>
      </c>
      <c r="H27447" s="1" t="s">
        <v>97903</v>
      </c>
      <c r="I27447" s="1" t="s">
        <v>96632</v>
      </c>
      <c r="J27447" s="1" t="s">
        <v>97980</v>
      </c>
    </row>
    <row r="27448" spans="1:10" x14ac:dyDescent="0.35">
      <c r="A27448" s="1" t="s">
        <v>97898</v>
      </c>
      <c r="B27448" s="1" t="s">
        <v>96627</v>
      </c>
      <c r="C27448" s="1" t="s">
        <v>125</v>
      </c>
      <c r="D27448" s="1" t="s">
        <v>91858</v>
      </c>
      <c r="E27448" s="1" t="s">
        <v>97981</v>
      </c>
      <c r="F27448" s="1" t="s">
        <v>97982</v>
      </c>
      <c r="G27448" s="1" t="s">
        <v>97902</v>
      </c>
      <c r="H27448" s="1" t="s">
        <v>97903</v>
      </c>
      <c r="I27448" s="1" t="s">
        <v>96632</v>
      </c>
      <c r="J27448" s="1" t="s">
        <v>97983</v>
      </c>
    </row>
    <row r="27449" spans="1:10" x14ac:dyDescent="0.35">
      <c r="A27449" s="1" t="s">
        <v>97898</v>
      </c>
      <c r="B27449" s="1" t="s">
        <v>96627</v>
      </c>
      <c r="C27449" s="1" t="s">
        <v>130</v>
      </c>
      <c r="D27449" s="1" t="s">
        <v>97984</v>
      </c>
      <c r="E27449" s="1" t="s">
        <v>97985</v>
      </c>
      <c r="F27449" s="1" t="s">
        <v>97986</v>
      </c>
      <c r="G27449" s="1" t="s">
        <v>97902</v>
      </c>
      <c r="H27449" s="1" t="s">
        <v>97903</v>
      </c>
      <c r="I27449" s="1" t="s">
        <v>96632</v>
      </c>
      <c r="J27449" s="1" t="s">
        <v>97987</v>
      </c>
    </row>
    <row r="27450" spans="1:10" x14ac:dyDescent="0.35">
      <c r="A27450" s="1" t="s">
        <v>97898</v>
      </c>
      <c r="B27450" s="1" t="s">
        <v>96627</v>
      </c>
      <c r="C27450" s="1" t="s">
        <v>135</v>
      </c>
      <c r="D27450" s="1" t="s">
        <v>93841</v>
      </c>
      <c r="E27450" s="1" t="s">
        <v>97988</v>
      </c>
      <c r="F27450" s="1" t="s">
        <v>97989</v>
      </c>
      <c r="G27450" s="1" t="s">
        <v>97902</v>
      </c>
      <c r="H27450" s="1" t="s">
        <v>97903</v>
      </c>
      <c r="I27450" s="1" t="s">
        <v>96632</v>
      </c>
      <c r="J27450" s="1" t="s">
        <v>97990</v>
      </c>
    </row>
    <row r="27451" spans="1:10" x14ac:dyDescent="0.35">
      <c r="A27451" s="1" t="s">
        <v>97898</v>
      </c>
      <c r="B27451" s="1" t="s">
        <v>96627</v>
      </c>
      <c r="C27451" s="1" t="s">
        <v>140</v>
      </c>
      <c r="D27451" s="1" t="s">
        <v>55204</v>
      </c>
      <c r="E27451" s="1" t="s">
        <v>97991</v>
      </c>
      <c r="F27451" s="1" t="s">
        <v>97992</v>
      </c>
      <c r="G27451" s="1" t="s">
        <v>97902</v>
      </c>
      <c r="H27451" s="1" t="s">
        <v>97903</v>
      </c>
      <c r="I27451" s="1" t="s">
        <v>96632</v>
      </c>
      <c r="J27451" s="1" t="s">
        <v>97993</v>
      </c>
    </row>
    <row r="27452" spans="1:10" x14ac:dyDescent="0.35">
      <c r="A27452" s="1" t="s">
        <v>97898</v>
      </c>
      <c r="B27452" s="1" t="s">
        <v>96627</v>
      </c>
      <c r="C27452" s="1" t="s">
        <v>145</v>
      </c>
      <c r="D27452" s="1" t="s">
        <v>67164</v>
      </c>
      <c r="E27452" s="1" t="s">
        <v>97994</v>
      </c>
      <c r="F27452" s="1" t="s">
        <v>97995</v>
      </c>
      <c r="G27452" s="1" t="s">
        <v>97902</v>
      </c>
      <c r="H27452" s="1" t="s">
        <v>97903</v>
      </c>
      <c r="I27452" s="1" t="s">
        <v>96632</v>
      </c>
      <c r="J27452" s="1" t="s">
        <v>97996</v>
      </c>
    </row>
    <row r="27453" spans="1:10" x14ac:dyDescent="0.35">
      <c r="A27453" s="1" t="s">
        <v>97898</v>
      </c>
      <c r="B27453" s="1" t="s">
        <v>96627</v>
      </c>
      <c r="C27453" s="1" t="s">
        <v>150</v>
      </c>
      <c r="D27453" s="1" t="s">
        <v>97997</v>
      </c>
      <c r="E27453" s="1" t="s">
        <v>97998</v>
      </c>
      <c r="F27453" s="1" t="s">
        <v>97999</v>
      </c>
      <c r="G27453" s="1" t="s">
        <v>97902</v>
      </c>
      <c r="H27453" s="1" t="s">
        <v>97903</v>
      </c>
      <c r="I27453" s="1" t="s">
        <v>96632</v>
      </c>
      <c r="J27453" s="1" t="s">
        <v>98000</v>
      </c>
    </row>
    <row r="27454" spans="1:10" x14ac:dyDescent="0.35">
      <c r="A27454" s="1" t="s">
        <v>97898</v>
      </c>
      <c r="B27454" s="1" t="s">
        <v>96627</v>
      </c>
      <c r="C27454" s="1" t="s">
        <v>155</v>
      </c>
      <c r="D27454" s="1" t="s">
        <v>60600</v>
      </c>
      <c r="E27454" s="1" t="s">
        <v>97919</v>
      </c>
      <c r="F27454" s="1" t="s">
        <v>98001</v>
      </c>
      <c r="G27454" s="1" t="s">
        <v>97902</v>
      </c>
      <c r="H27454" s="1" t="s">
        <v>97903</v>
      </c>
      <c r="I27454" s="1" t="s">
        <v>96632</v>
      </c>
      <c r="J27454" s="1" t="s">
        <v>98002</v>
      </c>
    </row>
    <row r="27455" spans="1:10" x14ac:dyDescent="0.35">
      <c r="A27455" s="1" t="s">
        <v>97898</v>
      </c>
      <c r="B27455" s="1" t="s">
        <v>96627</v>
      </c>
      <c r="C27455" s="1" t="s">
        <v>160</v>
      </c>
      <c r="D27455" s="1" t="s">
        <v>64919</v>
      </c>
      <c r="E27455" s="1" t="s">
        <v>98003</v>
      </c>
      <c r="F27455" s="1" t="s">
        <v>98004</v>
      </c>
      <c r="G27455" s="1" t="s">
        <v>97902</v>
      </c>
      <c r="H27455" s="1" t="s">
        <v>97903</v>
      </c>
      <c r="I27455" s="1" t="s">
        <v>96632</v>
      </c>
      <c r="J27455" s="1" t="s">
        <v>98005</v>
      </c>
    </row>
    <row r="27456" spans="1:10" x14ac:dyDescent="0.35">
      <c r="A27456" s="1" t="s">
        <v>97898</v>
      </c>
      <c r="B27456" s="1" t="s">
        <v>96627</v>
      </c>
      <c r="C27456" s="1" t="s">
        <v>165</v>
      </c>
      <c r="D27456" s="1" t="s">
        <v>98006</v>
      </c>
      <c r="E27456" s="1" t="s">
        <v>98007</v>
      </c>
      <c r="F27456" s="1" t="s">
        <v>98008</v>
      </c>
      <c r="G27456" s="1" t="s">
        <v>97902</v>
      </c>
      <c r="H27456" s="1" t="s">
        <v>97903</v>
      </c>
      <c r="I27456" s="1" t="s">
        <v>96632</v>
      </c>
      <c r="J27456" s="1" t="s">
        <v>98009</v>
      </c>
    </row>
    <row r="27457" spans="1:10" x14ac:dyDescent="0.35">
      <c r="A27457" s="1" t="s">
        <v>97898</v>
      </c>
      <c r="B27457" s="1" t="s">
        <v>96627</v>
      </c>
      <c r="C27457" s="1" t="s">
        <v>170</v>
      </c>
      <c r="D27457" s="1" t="s">
        <v>98010</v>
      </c>
      <c r="E27457" s="1" t="s">
        <v>98011</v>
      </c>
      <c r="F27457" s="1" t="s">
        <v>98012</v>
      </c>
      <c r="G27457" s="1" t="s">
        <v>97902</v>
      </c>
      <c r="H27457" s="1" t="s">
        <v>97903</v>
      </c>
      <c r="I27457" s="1" t="s">
        <v>96632</v>
      </c>
      <c r="J27457" s="1" t="s">
        <v>98013</v>
      </c>
    </row>
    <row r="27458" spans="1:10" x14ac:dyDescent="0.35">
      <c r="A27458" s="1" t="s">
        <v>1235</v>
      </c>
      <c r="B27458" s="1" t="s">
        <v>96627</v>
      </c>
      <c r="C27458" s="1" t="s">
        <v>8</v>
      </c>
      <c r="D27458" s="1" t="s">
        <v>98014</v>
      </c>
      <c r="E27458" s="1" t="s">
        <v>98015</v>
      </c>
      <c r="F27458" s="1" t="s">
        <v>98016</v>
      </c>
      <c r="G27458" s="1" t="s">
        <v>98017</v>
      </c>
      <c r="H27458" s="1" t="s">
        <v>98018</v>
      </c>
      <c r="I27458" s="1" t="s">
        <v>96632</v>
      </c>
      <c r="J27458" s="1" t="s">
        <v>13</v>
      </c>
    </row>
    <row r="27459" spans="1:10" x14ac:dyDescent="0.35">
      <c r="A27459" s="1" t="s">
        <v>1235</v>
      </c>
      <c r="B27459" s="1" t="s">
        <v>96627</v>
      </c>
      <c r="C27459" s="1" t="s">
        <v>15</v>
      </c>
      <c r="D27459" s="1" t="s">
        <v>98019</v>
      </c>
      <c r="E27459" s="1" t="s">
        <v>98020</v>
      </c>
      <c r="F27459" s="1" t="s">
        <v>98021</v>
      </c>
      <c r="G27459" s="1" t="s">
        <v>98017</v>
      </c>
      <c r="H27459" s="1" t="s">
        <v>98018</v>
      </c>
      <c r="I27459" s="1" t="s">
        <v>96632</v>
      </c>
      <c r="J27459" s="1" t="s">
        <v>98022</v>
      </c>
    </row>
    <row r="27460" spans="1:10" x14ac:dyDescent="0.35">
      <c r="A27460" s="1" t="s">
        <v>1235</v>
      </c>
      <c r="B27460" s="1" t="s">
        <v>96627</v>
      </c>
      <c r="C27460" s="1" t="s">
        <v>20</v>
      </c>
      <c r="D27460" s="1" t="s">
        <v>7649</v>
      </c>
      <c r="E27460" s="1" t="s">
        <v>98023</v>
      </c>
      <c r="F27460" s="1" t="s">
        <v>98024</v>
      </c>
      <c r="G27460" s="1" t="s">
        <v>98017</v>
      </c>
      <c r="H27460" s="1" t="s">
        <v>98018</v>
      </c>
      <c r="I27460" s="1" t="s">
        <v>96632</v>
      </c>
      <c r="J27460" s="1" t="s">
        <v>98025</v>
      </c>
    </row>
    <row r="27461" spans="1:10" x14ac:dyDescent="0.35">
      <c r="A27461" s="1" t="s">
        <v>1235</v>
      </c>
      <c r="B27461" s="1" t="s">
        <v>96627</v>
      </c>
      <c r="C27461" s="1" t="s">
        <v>25</v>
      </c>
      <c r="D27461" s="1" t="s">
        <v>61470</v>
      </c>
      <c r="E27461" s="1" t="s">
        <v>98026</v>
      </c>
      <c r="F27461" s="1" t="s">
        <v>98027</v>
      </c>
      <c r="G27461" s="1" t="s">
        <v>98017</v>
      </c>
      <c r="H27461" s="1" t="s">
        <v>98018</v>
      </c>
      <c r="I27461" s="1" t="s">
        <v>96632</v>
      </c>
      <c r="J27461" s="1" t="s">
        <v>98028</v>
      </c>
    </row>
    <row r="27462" spans="1:10" x14ac:dyDescent="0.35">
      <c r="A27462" s="1" t="s">
        <v>1235</v>
      </c>
      <c r="B27462" s="1" t="s">
        <v>96627</v>
      </c>
      <c r="C27462" s="1" t="s">
        <v>30</v>
      </c>
      <c r="D27462" s="1" t="s">
        <v>98029</v>
      </c>
      <c r="E27462" s="1" t="s">
        <v>98030</v>
      </c>
      <c r="F27462" s="1" t="s">
        <v>98031</v>
      </c>
      <c r="G27462" s="1" t="s">
        <v>98017</v>
      </c>
      <c r="H27462" s="1" t="s">
        <v>98018</v>
      </c>
      <c r="I27462" s="1" t="s">
        <v>96632</v>
      </c>
      <c r="J27462" s="1" t="s">
        <v>98032</v>
      </c>
    </row>
    <row r="27463" spans="1:10" x14ac:dyDescent="0.35">
      <c r="A27463" s="1" t="s">
        <v>1235</v>
      </c>
      <c r="B27463" s="1" t="s">
        <v>96627</v>
      </c>
      <c r="C27463" s="1" t="s">
        <v>35</v>
      </c>
      <c r="D27463" s="1" t="s">
        <v>64475</v>
      </c>
      <c r="E27463" s="1" t="s">
        <v>98033</v>
      </c>
      <c r="F27463" s="1" t="s">
        <v>98034</v>
      </c>
      <c r="G27463" s="1" t="s">
        <v>98017</v>
      </c>
      <c r="H27463" s="1" t="s">
        <v>98018</v>
      </c>
      <c r="I27463" s="1" t="s">
        <v>96632</v>
      </c>
      <c r="J27463" s="1" t="s">
        <v>98035</v>
      </c>
    </row>
    <row r="27464" spans="1:10" x14ac:dyDescent="0.35">
      <c r="A27464" s="1" t="s">
        <v>1235</v>
      </c>
      <c r="B27464" s="1" t="s">
        <v>96627</v>
      </c>
      <c r="C27464" s="1" t="s">
        <v>40</v>
      </c>
      <c r="D27464" s="1" t="s">
        <v>69020</v>
      </c>
      <c r="E27464" s="1" t="s">
        <v>98036</v>
      </c>
      <c r="F27464" s="1" t="s">
        <v>98037</v>
      </c>
      <c r="G27464" s="1" t="s">
        <v>98017</v>
      </c>
      <c r="H27464" s="1" t="s">
        <v>98018</v>
      </c>
      <c r="I27464" s="1" t="s">
        <v>96632</v>
      </c>
      <c r="J27464" s="1" t="s">
        <v>98038</v>
      </c>
    </row>
    <row r="27465" spans="1:10" x14ac:dyDescent="0.35">
      <c r="A27465" s="1" t="s">
        <v>1235</v>
      </c>
      <c r="B27465" s="1" t="s">
        <v>96627</v>
      </c>
      <c r="C27465" s="1" t="s">
        <v>45</v>
      </c>
      <c r="D27465" s="1" t="s">
        <v>98039</v>
      </c>
      <c r="E27465" s="1" t="s">
        <v>98040</v>
      </c>
      <c r="F27465" s="1" t="s">
        <v>98041</v>
      </c>
      <c r="G27465" s="1" t="s">
        <v>98017</v>
      </c>
      <c r="H27465" s="1" t="s">
        <v>98018</v>
      </c>
      <c r="I27465" s="1" t="s">
        <v>96632</v>
      </c>
      <c r="J27465" s="1" t="s">
        <v>98042</v>
      </c>
    </row>
    <row r="27466" spans="1:10" x14ac:dyDescent="0.35">
      <c r="A27466" s="1" t="s">
        <v>1235</v>
      </c>
      <c r="B27466" s="1" t="s">
        <v>96627</v>
      </c>
      <c r="C27466" s="1" t="s">
        <v>50</v>
      </c>
      <c r="D27466" s="1" t="s">
        <v>98043</v>
      </c>
      <c r="E27466" s="1" t="s">
        <v>98044</v>
      </c>
      <c r="F27466" s="1" t="s">
        <v>98045</v>
      </c>
      <c r="G27466" s="1" t="s">
        <v>98017</v>
      </c>
      <c r="H27466" s="1" t="s">
        <v>98018</v>
      </c>
      <c r="I27466" s="1" t="s">
        <v>96632</v>
      </c>
      <c r="J27466" s="1" t="s">
        <v>98046</v>
      </c>
    </row>
    <row r="27467" spans="1:10" x14ac:dyDescent="0.35">
      <c r="A27467" s="1" t="s">
        <v>1235</v>
      </c>
      <c r="B27467" s="1" t="s">
        <v>96627</v>
      </c>
      <c r="C27467" s="1" t="s">
        <v>55</v>
      </c>
      <c r="D27467" s="1" t="s">
        <v>20023</v>
      </c>
      <c r="E27467" s="1" t="s">
        <v>98047</v>
      </c>
      <c r="F27467" s="1" t="s">
        <v>98048</v>
      </c>
      <c r="G27467" s="1" t="s">
        <v>98017</v>
      </c>
      <c r="H27467" s="1" t="s">
        <v>98018</v>
      </c>
      <c r="I27467" s="1" t="s">
        <v>96632</v>
      </c>
      <c r="J27467" s="1" t="s">
        <v>98049</v>
      </c>
    </row>
    <row r="27468" spans="1:10" x14ac:dyDescent="0.35">
      <c r="A27468" s="1" t="s">
        <v>1235</v>
      </c>
      <c r="B27468" s="1" t="s">
        <v>96627</v>
      </c>
      <c r="C27468" s="1" t="s">
        <v>60</v>
      </c>
      <c r="D27468" s="1" t="s">
        <v>89422</v>
      </c>
      <c r="E27468" s="1" t="s">
        <v>98050</v>
      </c>
      <c r="F27468" s="1" t="s">
        <v>98051</v>
      </c>
      <c r="G27468" s="1" t="s">
        <v>98017</v>
      </c>
      <c r="H27468" s="1" t="s">
        <v>98018</v>
      </c>
      <c r="I27468" s="1" t="s">
        <v>96632</v>
      </c>
      <c r="J27468" s="1" t="s">
        <v>98052</v>
      </c>
    </row>
    <row r="27469" spans="1:10" x14ac:dyDescent="0.35">
      <c r="A27469" s="1" t="s">
        <v>1235</v>
      </c>
      <c r="B27469" s="1" t="s">
        <v>96627</v>
      </c>
      <c r="C27469" s="1" t="s">
        <v>65</v>
      </c>
      <c r="D27469" s="1" t="s">
        <v>98053</v>
      </c>
      <c r="E27469" s="1" t="s">
        <v>98054</v>
      </c>
      <c r="F27469" s="1" t="s">
        <v>98055</v>
      </c>
      <c r="G27469" s="1" t="s">
        <v>98017</v>
      </c>
      <c r="H27469" s="1" t="s">
        <v>98018</v>
      </c>
      <c r="I27469" s="1" t="s">
        <v>96632</v>
      </c>
      <c r="J27469" s="1" t="s">
        <v>98056</v>
      </c>
    </row>
    <row r="27470" spans="1:10" x14ac:dyDescent="0.35">
      <c r="A27470" s="1" t="s">
        <v>1235</v>
      </c>
      <c r="B27470" s="1" t="s">
        <v>96627</v>
      </c>
      <c r="C27470" s="1" t="s">
        <v>70</v>
      </c>
      <c r="D27470" s="1" t="s">
        <v>98057</v>
      </c>
      <c r="E27470" s="1" t="s">
        <v>98058</v>
      </c>
      <c r="F27470" s="1" t="s">
        <v>98059</v>
      </c>
      <c r="G27470" s="1" t="s">
        <v>98017</v>
      </c>
      <c r="H27470" s="1" t="s">
        <v>98018</v>
      </c>
      <c r="I27470" s="1" t="s">
        <v>96632</v>
      </c>
      <c r="J27470" s="1" t="s">
        <v>98060</v>
      </c>
    </row>
    <row r="27471" spans="1:10" x14ac:dyDescent="0.35">
      <c r="A27471" s="1" t="s">
        <v>1235</v>
      </c>
      <c r="B27471" s="1" t="s">
        <v>96627</v>
      </c>
      <c r="C27471" s="1" t="s">
        <v>75</v>
      </c>
      <c r="D27471" s="1" t="s">
        <v>95547</v>
      </c>
      <c r="E27471" s="1" t="s">
        <v>98061</v>
      </c>
      <c r="F27471" s="1" t="s">
        <v>98062</v>
      </c>
      <c r="G27471" s="1" t="s">
        <v>98017</v>
      </c>
      <c r="H27471" s="1" t="s">
        <v>98018</v>
      </c>
      <c r="I27471" s="1" t="s">
        <v>96632</v>
      </c>
      <c r="J27471" s="1" t="s">
        <v>98063</v>
      </c>
    </row>
    <row r="27472" spans="1:10" x14ac:dyDescent="0.35">
      <c r="A27472" s="1" t="s">
        <v>1235</v>
      </c>
      <c r="B27472" s="1" t="s">
        <v>96627</v>
      </c>
      <c r="C27472" s="1" t="s">
        <v>80</v>
      </c>
      <c r="D27472" s="1" t="s">
        <v>12727</v>
      </c>
      <c r="E27472" s="1" t="s">
        <v>98064</v>
      </c>
      <c r="F27472" s="1" t="s">
        <v>98065</v>
      </c>
      <c r="G27472" s="1" t="s">
        <v>98017</v>
      </c>
      <c r="H27472" s="1" t="s">
        <v>98018</v>
      </c>
      <c r="I27472" s="1" t="s">
        <v>96632</v>
      </c>
      <c r="J27472" s="1" t="s">
        <v>98066</v>
      </c>
    </row>
    <row r="27473" spans="1:10" x14ac:dyDescent="0.35">
      <c r="A27473" s="1" t="s">
        <v>1235</v>
      </c>
      <c r="B27473" s="1" t="s">
        <v>96627</v>
      </c>
      <c r="C27473" s="1" t="s">
        <v>85</v>
      </c>
      <c r="D27473" s="1" t="s">
        <v>40273</v>
      </c>
      <c r="E27473" s="1" t="s">
        <v>98067</v>
      </c>
      <c r="F27473" s="1" t="s">
        <v>98068</v>
      </c>
      <c r="G27473" s="1" t="s">
        <v>98017</v>
      </c>
      <c r="H27473" s="1" t="s">
        <v>98018</v>
      </c>
      <c r="I27473" s="1" t="s">
        <v>96632</v>
      </c>
      <c r="J27473" s="1" t="s">
        <v>98069</v>
      </c>
    </row>
    <row r="27474" spans="1:10" x14ac:dyDescent="0.35">
      <c r="A27474" s="1" t="s">
        <v>1235</v>
      </c>
      <c r="B27474" s="1" t="s">
        <v>96627</v>
      </c>
      <c r="C27474" s="1" t="s">
        <v>90</v>
      </c>
      <c r="D27474" s="1" t="s">
        <v>58373</v>
      </c>
      <c r="E27474" s="1" t="s">
        <v>98070</v>
      </c>
      <c r="F27474" s="1" t="s">
        <v>98071</v>
      </c>
      <c r="G27474" s="1" t="s">
        <v>98017</v>
      </c>
      <c r="H27474" s="1" t="s">
        <v>98018</v>
      </c>
      <c r="I27474" s="1" t="s">
        <v>96632</v>
      </c>
      <c r="J27474" s="1" t="s">
        <v>98072</v>
      </c>
    </row>
    <row r="27475" spans="1:10" x14ac:dyDescent="0.35">
      <c r="A27475" s="1" t="s">
        <v>1235</v>
      </c>
      <c r="B27475" s="1" t="s">
        <v>96627</v>
      </c>
      <c r="C27475" s="1" t="s">
        <v>95</v>
      </c>
      <c r="D27475" s="1" t="s">
        <v>98073</v>
      </c>
      <c r="E27475" s="1" t="s">
        <v>98074</v>
      </c>
      <c r="F27475" s="1" t="s">
        <v>98075</v>
      </c>
      <c r="G27475" s="1" t="s">
        <v>98017</v>
      </c>
      <c r="H27475" s="1" t="s">
        <v>98018</v>
      </c>
      <c r="I27475" s="1" t="s">
        <v>96632</v>
      </c>
      <c r="J27475" s="1" t="s">
        <v>98076</v>
      </c>
    </row>
    <row r="27476" spans="1:10" x14ac:dyDescent="0.35">
      <c r="A27476" s="1" t="s">
        <v>1235</v>
      </c>
      <c r="B27476" s="1" t="s">
        <v>96627</v>
      </c>
      <c r="C27476" s="1" t="s">
        <v>100</v>
      </c>
      <c r="D27476" s="1" t="s">
        <v>84791</v>
      </c>
      <c r="E27476" s="1" t="s">
        <v>98077</v>
      </c>
      <c r="F27476" s="1" t="s">
        <v>98078</v>
      </c>
      <c r="G27476" s="1" t="s">
        <v>98017</v>
      </c>
      <c r="H27476" s="1" t="s">
        <v>98018</v>
      </c>
      <c r="I27476" s="1" t="s">
        <v>96632</v>
      </c>
      <c r="J27476" s="1" t="s">
        <v>98079</v>
      </c>
    </row>
    <row r="27477" spans="1:10" x14ac:dyDescent="0.35">
      <c r="A27477" s="1" t="s">
        <v>1235</v>
      </c>
      <c r="B27477" s="1" t="s">
        <v>96627</v>
      </c>
      <c r="C27477" s="1" t="s">
        <v>105</v>
      </c>
      <c r="D27477" s="1" t="s">
        <v>98080</v>
      </c>
      <c r="E27477" s="1" t="s">
        <v>98081</v>
      </c>
      <c r="F27477" s="1" t="s">
        <v>98082</v>
      </c>
      <c r="G27477" s="1" t="s">
        <v>98017</v>
      </c>
      <c r="H27477" s="1" t="s">
        <v>98018</v>
      </c>
      <c r="I27477" s="1" t="s">
        <v>96632</v>
      </c>
      <c r="J27477" s="1" t="s">
        <v>98083</v>
      </c>
    </row>
    <row r="27478" spans="1:10" x14ac:dyDescent="0.35">
      <c r="A27478" s="1" t="s">
        <v>1235</v>
      </c>
      <c r="B27478" s="1" t="s">
        <v>96627</v>
      </c>
      <c r="C27478" s="1" t="s">
        <v>110</v>
      </c>
      <c r="D27478" s="1" t="s">
        <v>70162</v>
      </c>
      <c r="E27478" s="1" t="s">
        <v>98084</v>
      </c>
      <c r="F27478" s="1" t="s">
        <v>98085</v>
      </c>
      <c r="G27478" s="1" t="s">
        <v>98017</v>
      </c>
      <c r="H27478" s="1" t="s">
        <v>98018</v>
      </c>
      <c r="I27478" s="1" t="s">
        <v>96632</v>
      </c>
      <c r="J27478" s="1" t="s">
        <v>98086</v>
      </c>
    </row>
    <row r="27479" spans="1:10" x14ac:dyDescent="0.35">
      <c r="A27479" s="1" t="s">
        <v>1235</v>
      </c>
      <c r="B27479" s="1" t="s">
        <v>96627</v>
      </c>
      <c r="C27479" s="1" t="s">
        <v>115</v>
      </c>
      <c r="D27479" s="1" t="s">
        <v>56008</v>
      </c>
      <c r="E27479" s="1" t="s">
        <v>98087</v>
      </c>
      <c r="F27479" s="1" t="s">
        <v>98088</v>
      </c>
      <c r="G27479" s="1" t="s">
        <v>98017</v>
      </c>
      <c r="H27479" s="1" t="s">
        <v>98018</v>
      </c>
      <c r="I27479" s="1" t="s">
        <v>96632</v>
      </c>
      <c r="J27479" s="1" t="s">
        <v>98089</v>
      </c>
    </row>
    <row r="27480" spans="1:10" x14ac:dyDescent="0.35">
      <c r="A27480" s="1" t="s">
        <v>1235</v>
      </c>
      <c r="B27480" s="1" t="s">
        <v>96627</v>
      </c>
      <c r="C27480" s="1" t="s">
        <v>120</v>
      </c>
      <c r="D27480" s="1" t="s">
        <v>98090</v>
      </c>
      <c r="E27480" s="1" t="s">
        <v>98091</v>
      </c>
      <c r="F27480" s="1" t="s">
        <v>98092</v>
      </c>
      <c r="G27480" s="1" t="s">
        <v>98017</v>
      </c>
      <c r="H27480" s="1" t="s">
        <v>98018</v>
      </c>
      <c r="I27480" s="1" t="s">
        <v>96632</v>
      </c>
      <c r="J27480" s="1" t="s">
        <v>98093</v>
      </c>
    </row>
    <row r="27481" spans="1:10" x14ac:dyDescent="0.35">
      <c r="A27481" s="1" t="s">
        <v>1235</v>
      </c>
      <c r="B27481" s="1" t="s">
        <v>96627</v>
      </c>
      <c r="C27481" s="1" t="s">
        <v>125</v>
      </c>
      <c r="D27481" s="1" t="s">
        <v>69727</v>
      </c>
      <c r="E27481" s="1" t="s">
        <v>98094</v>
      </c>
      <c r="F27481" s="1" t="s">
        <v>98095</v>
      </c>
      <c r="G27481" s="1" t="s">
        <v>98017</v>
      </c>
      <c r="H27481" s="1" t="s">
        <v>98018</v>
      </c>
      <c r="I27481" s="1" t="s">
        <v>96632</v>
      </c>
      <c r="J27481" s="1" t="s">
        <v>98096</v>
      </c>
    </row>
    <row r="27482" spans="1:10" x14ac:dyDescent="0.35">
      <c r="A27482" s="1" t="s">
        <v>1235</v>
      </c>
      <c r="B27482" s="1" t="s">
        <v>96627</v>
      </c>
      <c r="C27482" s="1" t="s">
        <v>130</v>
      </c>
      <c r="D27482" s="1" t="s">
        <v>98097</v>
      </c>
      <c r="E27482" s="1" t="s">
        <v>98098</v>
      </c>
      <c r="F27482" s="1" t="s">
        <v>98099</v>
      </c>
      <c r="G27482" s="1" t="s">
        <v>98017</v>
      </c>
      <c r="H27482" s="1" t="s">
        <v>98018</v>
      </c>
      <c r="I27482" s="1" t="s">
        <v>96632</v>
      </c>
      <c r="J27482" s="1" t="s">
        <v>98100</v>
      </c>
    </row>
    <row r="27483" spans="1:10" x14ac:dyDescent="0.35">
      <c r="A27483" s="1" t="s">
        <v>1235</v>
      </c>
      <c r="B27483" s="1" t="s">
        <v>96627</v>
      </c>
      <c r="C27483" s="1" t="s">
        <v>135</v>
      </c>
      <c r="D27483" s="1" t="s">
        <v>98101</v>
      </c>
      <c r="E27483" s="1" t="s">
        <v>98102</v>
      </c>
      <c r="F27483" s="1" t="s">
        <v>98103</v>
      </c>
      <c r="G27483" s="1" t="s">
        <v>98017</v>
      </c>
      <c r="H27483" s="1" t="s">
        <v>98018</v>
      </c>
      <c r="I27483" s="1" t="s">
        <v>96632</v>
      </c>
      <c r="J27483" s="1" t="s">
        <v>98104</v>
      </c>
    </row>
    <row r="27484" spans="1:10" x14ac:dyDescent="0.35">
      <c r="A27484" s="1" t="s">
        <v>1235</v>
      </c>
      <c r="B27484" s="1" t="s">
        <v>96627</v>
      </c>
      <c r="C27484" s="1" t="s">
        <v>140</v>
      </c>
      <c r="D27484" s="1" t="s">
        <v>98105</v>
      </c>
      <c r="E27484" s="1" t="s">
        <v>98106</v>
      </c>
      <c r="F27484" s="1" t="s">
        <v>98107</v>
      </c>
      <c r="G27484" s="1" t="s">
        <v>98017</v>
      </c>
      <c r="H27484" s="1" t="s">
        <v>98018</v>
      </c>
      <c r="I27484" s="1" t="s">
        <v>96632</v>
      </c>
      <c r="J27484" s="1" t="s">
        <v>98108</v>
      </c>
    </row>
    <row r="27485" spans="1:10" x14ac:dyDescent="0.35">
      <c r="A27485" s="1" t="s">
        <v>1235</v>
      </c>
      <c r="B27485" s="1" t="s">
        <v>96627</v>
      </c>
      <c r="C27485" s="1" t="s">
        <v>145</v>
      </c>
      <c r="D27485" s="1" t="s">
        <v>98109</v>
      </c>
      <c r="E27485" s="1" t="s">
        <v>98110</v>
      </c>
      <c r="F27485" s="1" t="s">
        <v>98111</v>
      </c>
      <c r="G27485" s="1" t="s">
        <v>98017</v>
      </c>
      <c r="H27485" s="1" t="s">
        <v>98018</v>
      </c>
      <c r="I27485" s="1" t="s">
        <v>96632</v>
      </c>
      <c r="J27485" s="1" t="s">
        <v>98112</v>
      </c>
    </row>
    <row r="27486" spans="1:10" x14ac:dyDescent="0.35">
      <c r="A27486" s="1" t="s">
        <v>1235</v>
      </c>
      <c r="B27486" s="1" t="s">
        <v>96627</v>
      </c>
      <c r="C27486" s="1" t="s">
        <v>150</v>
      </c>
      <c r="D27486" s="1" t="s">
        <v>98113</v>
      </c>
      <c r="E27486" s="1" t="s">
        <v>98114</v>
      </c>
      <c r="F27486" s="1" t="s">
        <v>98115</v>
      </c>
      <c r="G27486" s="1" t="s">
        <v>98017</v>
      </c>
      <c r="H27486" s="1" t="s">
        <v>98018</v>
      </c>
      <c r="I27486" s="1" t="s">
        <v>96632</v>
      </c>
      <c r="J27486" s="1" t="s">
        <v>98116</v>
      </c>
    </row>
    <row r="27487" spans="1:10" x14ac:dyDescent="0.35">
      <c r="A27487" s="1" t="s">
        <v>1235</v>
      </c>
      <c r="B27487" s="1" t="s">
        <v>96627</v>
      </c>
      <c r="C27487" s="1" t="s">
        <v>155</v>
      </c>
      <c r="D27487" s="1" t="s">
        <v>98117</v>
      </c>
      <c r="E27487" s="1" t="s">
        <v>98118</v>
      </c>
      <c r="F27487" s="1" t="s">
        <v>98119</v>
      </c>
      <c r="G27487" s="1" t="s">
        <v>98017</v>
      </c>
      <c r="H27487" s="1" t="s">
        <v>98018</v>
      </c>
      <c r="I27487" s="1" t="s">
        <v>96632</v>
      </c>
      <c r="J27487" s="1" t="s">
        <v>98120</v>
      </c>
    </row>
    <row r="27488" spans="1:10" x14ac:dyDescent="0.35">
      <c r="A27488" s="1" t="s">
        <v>1235</v>
      </c>
      <c r="B27488" s="1" t="s">
        <v>96627</v>
      </c>
      <c r="C27488" s="1" t="s">
        <v>160</v>
      </c>
      <c r="D27488" s="1" t="s">
        <v>63463</v>
      </c>
      <c r="E27488" s="1" t="s">
        <v>98121</v>
      </c>
      <c r="F27488" s="1" t="s">
        <v>98122</v>
      </c>
      <c r="G27488" s="1" t="s">
        <v>98017</v>
      </c>
      <c r="H27488" s="1" t="s">
        <v>98018</v>
      </c>
      <c r="I27488" s="1" t="s">
        <v>96632</v>
      </c>
      <c r="J27488" s="1" t="s">
        <v>98123</v>
      </c>
    </row>
    <row r="27489" spans="1:10" x14ac:dyDescent="0.35">
      <c r="A27489" s="1" t="s">
        <v>1235</v>
      </c>
      <c r="B27489" s="1" t="s">
        <v>96627</v>
      </c>
      <c r="C27489" s="1" t="s">
        <v>165</v>
      </c>
      <c r="D27489" s="1" t="s">
        <v>87355</v>
      </c>
      <c r="E27489" s="1" t="s">
        <v>98124</v>
      </c>
      <c r="F27489" s="1" t="s">
        <v>98125</v>
      </c>
      <c r="G27489" s="1" t="s">
        <v>98017</v>
      </c>
      <c r="H27489" s="1" t="s">
        <v>98018</v>
      </c>
      <c r="I27489" s="1" t="s">
        <v>96632</v>
      </c>
      <c r="J27489" s="1" t="s">
        <v>98126</v>
      </c>
    </row>
    <row r="27490" spans="1:10" x14ac:dyDescent="0.35">
      <c r="A27490" s="1" t="s">
        <v>1235</v>
      </c>
      <c r="B27490" s="1" t="s">
        <v>96627</v>
      </c>
      <c r="C27490" s="1" t="s">
        <v>170</v>
      </c>
      <c r="D27490" s="1" t="s">
        <v>91675</v>
      </c>
      <c r="E27490" s="1" t="s">
        <v>98127</v>
      </c>
      <c r="F27490" s="1" t="s">
        <v>98128</v>
      </c>
      <c r="G27490" s="1" t="s">
        <v>98017</v>
      </c>
      <c r="H27490" s="1" t="s">
        <v>98018</v>
      </c>
      <c r="I27490" s="1" t="s">
        <v>96632</v>
      </c>
      <c r="J27490" s="1" t="s">
        <v>98129</v>
      </c>
    </row>
    <row r="27491" spans="1:10" x14ac:dyDescent="0.35">
      <c r="A27491" s="1" t="s">
        <v>44277</v>
      </c>
      <c r="B27491" s="1" t="s">
        <v>96627</v>
      </c>
      <c r="C27491" s="1" t="s">
        <v>8</v>
      </c>
      <c r="D27491" s="1" t="s">
        <v>98130</v>
      </c>
      <c r="E27491" s="1" t="s">
        <v>98131</v>
      </c>
      <c r="F27491" s="1" t="s">
        <v>98132</v>
      </c>
      <c r="G27491" s="1" t="s">
        <v>98133</v>
      </c>
      <c r="H27491" s="1" t="s">
        <v>98134</v>
      </c>
      <c r="I27491" s="1" t="s">
        <v>96632</v>
      </c>
      <c r="J27491" s="1" t="s">
        <v>13</v>
      </c>
    </row>
    <row r="27492" spans="1:10" x14ac:dyDescent="0.35">
      <c r="A27492" s="1" t="s">
        <v>44277</v>
      </c>
      <c r="B27492" s="1" t="s">
        <v>96627</v>
      </c>
      <c r="C27492" s="1" t="s">
        <v>15</v>
      </c>
      <c r="D27492" s="1" t="s">
        <v>98135</v>
      </c>
      <c r="E27492" s="1" t="s">
        <v>98136</v>
      </c>
      <c r="F27492" s="1" t="s">
        <v>98137</v>
      </c>
      <c r="G27492" s="1" t="s">
        <v>98133</v>
      </c>
      <c r="H27492" s="1" t="s">
        <v>98134</v>
      </c>
      <c r="I27492" s="1" t="s">
        <v>96632</v>
      </c>
      <c r="J27492" s="1" t="s">
        <v>98138</v>
      </c>
    </row>
    <row r="27493" spans="1:10" x14ac:dyDescent="0.35">
      <c r="A27493" s="1" t="s">
        <v>44277</v>
      </c>
      <c r="B27493" s="1" t="s">
        <v>96627</v>
      </c>
      <c r="C27493" s="1" t="s">
        <v>20</v>
      </c>
      <c r="D27493" s="1" t="s">
        <v>98139</v>
      </c>
      <c r="E27493" s="1" t="s">
        <v>98140</v>
      </c>
      <c r="F27493" s="1" t="s">
        <v>98141</v>
      </c>
      <c r="G27493" s="1" t="s">
        <v>98133</v>
      </c>
      <c r="H27493" s="1" t="s">
        <v>98134</v>
      </c>
      <c r="I27493" s="1" t="s">
        <v>96632</v>
      </c>
      <c r="J27493" s="1" t="s">
        <v>98142</v>
      </c>
    </row>
    <row r="27494" spans="1:10" x14ac:dyDescent="0.35">
      <c r="A27494" s="1" t="s">
        <v>44277</v>
      </c>
      <c r="B27494" s="1" t="s">
        <v>96627</v>
      </c>
      <c r="C27494" s="1" t="s">
        <v>25</v>
      </c>
      <c r="D27494" s="1" t="s">
        <v>98143</v>
      </c>
      <c r="E27494" s="1" t="s">
        <v>98144</v>
      </c>
      <c r="F27494" s="1" t="s">
        <v>98145</v>
      </c>
      <c r="G27494" s="1" t="s">
        <v>98133</v>
      </c>
      <c r="H27494" s="1" t="s">
        <v>98134</v>
      </c>
      <c r="I27494" s="1" t="s">
        <v>96632</v>
      </c>
      <c r="J27494" s="1" t="s">
        <v>98146</v>
      </c>
    </row>
    <row r="27495" spans="1:10" x14ac:dyDescent="0.35">
      <c r="A27495" s="1" t="s">
        <v>44277</v>
      </c>
      <c r="B27495" s="1" t="s">
        <v>96627</v>
      </c>
      <c r="C27495" s="1" t="s">
        <v>30</v>
      </c>
      <c r="D27495" s="1" t="s">
        <v>24253</v>
      </c>
      <c r="E27495" s="1" t="s">
        <v>98147</v>
      </c>
      <c r="F27495" s="1" t="s">
        <v>98148</v>
      </c>
      <c r="G27495" s="1" t="s">
        <v>98133</v>
      </c>
      <c r="H27495" s="1" t="s">
        <v>98134</v>
      </c>
      <c r="I27495" s="1" t="s">
        <v>96632</v>
      </c>
      <c r="J27495" s="1" t="s">
        <v>98149</v>
      </c>
    </row>
    <row r="27496" spans="1:10" x14ac:dyDescent="0.35">
      <c r="A27496" s="1" t="s">
        <v>44277</v>
      </c>
      <c r="B27496" s="1" t="s">
        <v>96627</v>
      </c>
      <c r="C27496" s="1" t="s">
        <v>35</v>
      </c>
      <c r="D27496" s="1" t="s">
        <v>97080</v>
      </c>
      <c r="E27496" s="1" t="s">
        <v>98150</v>
      </c>
      <c r="F27496" s="1" t="s">
        <v>98151</v>
      </c>
      <c r="G27496" s="1" t="s">
        <v>98133</v>
      </c>
      <c r="H27496" s="1" t="s">
        <v>98134</v>
      </c>
      <c r="I27496" s="1" t="s">
        <v>96632</v>
      </c>
      <c r="J27496" s="1" t="s">
        <v>98152</v>
      </c>
    </row>
    <row r="27497" spans="1:10" x14ac:dyDescent="0.35">
      <c r="A27497" s="1" t="s">
        <v>44277</v>
      </c>
      <c r="B27497" s="1" t="s">
        <v>96627</v>
      </c>
      <c r="C27497" s="1" t="s">
        <v>40</v>
      </c>
      <c r="D27497" s="1" t="s">
        <v>69406</v>
      </c>
      <c r="E27497" s="1" t="s">
        <v>98153</v>
      </c>
      <c r="F27497" s="1" t="s">
        <v>98154</v>
      </c>
      <c r="G27497" s="1" t="s">
        <v>98133</v>
      </c>
      <c r="H27497" s="1" t="s">
        <v>98134</v>
      </c>
      <c r="I27497" s="1" t="s">
        <v>96632</v>
      </c>
      <c r="J27497" s="1" t="s">
        <v>98155</v>
      </c>
    </row>
    <row r="27498" spans="1:10" x14ac:dyDescent="0.35">
      <c r="A27498" s="1" t="s">
        <v>44277</v>
      </c>
      <c r="B27498" s="1" t="s">
        <v>96627</v>
      </c>
      <c r="C27498" s="1" t="s">
        <v>45</v>
      </c>
      <c r="D27498" s="1" t="s">
        <v>75527</v>
      </c>
      <c r="E27498" s="1" t="s">
        <v>98156</v>
      </c>
      <c r="F27498" s="1" t="s">
        <v>98157</v>
      </c>
      <c r="G27498" s="1" t="s">
        <v>98133</v>
      </c>
      <c r="H27498" s="1" t="s">
        <v>98134</v>
      </c>
      <c r="I27498" s="1" t="s">
        <v>96632</v>
      </c>
      <c r="J27498" s="1" t="s">
        <v>98158</v>
      </c>
    </row>
    <row r="27499" spans="1:10" x14ac:dyDescent="0.35">
      <c r="A27499" s="1" t="s">
        <v>44277</v>
      </c>
      <c r="B27499" s="1" t="s">
        <v>96627</v>
      </c>
      <c r="C27499" s="1" t="s">
        <v>50</v>
      </c>
      <c r="D27499" s="1" t="s">
        <v>5887</v>
      </c>
      <c r="E27499" s="1" t="s">
        <v>98159</v>
      </c>
      <c r="F27499" s="1" t="s">
        <v>98160</v>
      </c>
      <c r="G27499" s="1" t="s">
        <v>98133</v>
      </c>
      <c r="H27499" s="1" t="s">
        <v>98134</v>
      </c>
      <c r="I27499" s="1" t="s">
        <v>96632</v>
      </c>
      <c r="J27499" s="1" t="s">
        <v>98161</v>
      </c>
    </row>
    <row r="27500" spans="1:10" x14ac:dyDescent="0.35">
      <c r="A27500" s="1" t="s">
        <v>44277</v>
      </c>
      <c r="B27500" s="1" t="s">
        <v>96627</v>
      </c>
      <c r="C27500" s="1" t="s">
        <v>55</v>
      </c>
      <c r="D27500" s="1" t="s">
        <v>98162</v>
      </c>
      <c r="E27500" s="1" t="s">
        <v>98163</v>
      </c>
      <c r="F27500" s="1" t="s">
        <v>98164</v>
      </c>
      <c r="G27500" s="1" t="s">
        <v>98133</v>
      </c>
      <c r="H27500" s="1" t="s">
        <v>98134</v>
      </c>
      <c r="I27500" s="1" t="s">
        <v>96632</v>
      </c>
      <c r="J27500" s="1" t="s">
        <v>98165</v>
      </c>
    </row>
    <row r="27501" spans="1:10" x14ac:dyDescent="0.35">
      <c r="A27501" s="1" t="s">
        <v>44277</v>
      </c>
      <c r="B27501" s="1" t="s">
        <v>96627</v>
      </c>
      <c r="C27501" s="1" t="s">
        <v>60</v>
      </c>
      <c r="D27501" s="1" t="s">
        <v>84677</v>
      </c>
      <c r="E27501" s="1" t="s">
        <v>98166</v>
      </c>
      <c r="F27501" s="1" t="s">
        <v>98167</v>
      </c>
      <c r="G27501" s="1" t="s">
        <v>98133</v>
      </c>
      <c r="H27501" s="1" t="s">
        <v>98134</v>
      </c>
      <c r="I27501" s="1" t="s">
        <v>96632</v>
      </c>
      <c r="J27501" s="1" t="s">
        <v>98168</v>
      </c>
    </row>
    <row r="27502" spans="1:10" x14ac:dyDescent="0.35">
      <c r="A27502" s="1" t="s">
        <v>44277</v>
      </c>
      <c r="B27502" s="1" t="s">
        <v>96627</v>
      </c>
      <c r="C27502" s="1" t="s">
        <v>65</v>
      </c>
      <c r="D27502" s="1" t="s">
        <v>59955</v>
      </c>
      <c r="E27502" s="1" t="s">
        <v>98169</v>
      </c>
      <c r="F27502" s="1" t="s">
        <v>98170</v>
      </c>
      <c r="G27502" s="1" t="s">
        <v>98133</v>
      </c>
      <c r="H27502" s="1" t="s">
        <v>98134</v>
      </c>
      <c r="I27502" s="1" t="s">
        <v>96632</v>
      </c>
      <c r="J27502" s="1" t="s">
        <v>98171</v>
      </c>
    </row>
    <row r="27503" spans="1:10" x14ac:dyDescent="0.35">
      <c r="A27503" s="1" t="s">
        <v>44277</v>
      </c>
      <c r="B27503" s="1" t="s">
        <v>96627</v>
      </c>
      <c r="C27503" s="1" t="s">
        <v>70</v>
      </c>
      <c r="D27503" s="1" t="s">
        <v>68705</v>
      </c>
      <c r="E27503" s="1" t="s">
        <v>98172</v>
      </c>
      <c r="F27503" s="1" t="s">
        <v>98173</v>
      </c>
      <c r="G27503" s="1" t="s">
        <v>98133</v>
      </c>
      <c r="H27503" s="1" t="s">
        <v>98134</v>
      </c>
      <c r="I27503" s="1" t="s">
        <v>96632</v>
      </c>
      <c r="J27503" s="1" t="s">
        <v>98174</v>
      </c>
    </row>
    <row r="27504" spans="1:10" x14ac:dyDescent="0.35">
      <c r="A27504" s="1" t="s">
        <v>44277</v>
      </c>
      <c r="B27504" s="1" t="s">
        <v>96627</v>
      </c>
      <c r="C27504" s="1" t="s">
        <v>75</v>
      </c>
      <c r="D27504" s="1" t="s">
        <v>20638</v>
      </c>
      <c r="E27504" s="1" t="s">
        <v>98175</v>
      </c>
      <c r="F27504" s="1" t="s">
        <v>98176</v>
      </c>
      <c r="G27504" s="1" t="s">
        <v>98133</v>
      </c>
      <c r="H27504" s="1" t="s">
        <v>98134</v>
      </c>
      <c r="I27504" s="1" t="s">
        <v>96632</v>
      </c>
      <c r="J27504" s="1" t="s">
        <v>98177</v>
      </c>
    </row>
    <row r="27505" spans="1:10" x14ac:dyDescent="0.35">
      <c r="A27505" s="1" t="s">
        <v>44277</v>
      </c>
      <c r="B27505" s="1" t="s">
        <v>96627</v>
      </c>
      <c r="C27505" s="1" t="s">
        <v>80</v>
      </c>
      <c r="D27505" s="1" t="s">
        <v>98178</v>
      </c>
      <c r="E27505" s="1" t="s">
        <v>98179</v>
      </c>
      <c r="F27505" s="1" t="s">
        <v>98180</v>
      </c>
      <c r="G27505" s="1" t="s">
        <v>98133</v>
      </c>
      <c r="H27505" s="1" t="s">
        <v>98134</v>
      </c>
      <c r="I27505" s="1" t="s">
        <v>96632</v>
      </c>
      <c r="J27505" s="1" t="s">
        <v>98181</v>
      </c>
    </row>
    <row r="27506" spans="1:10" x14ac:dyDescent="0.35">
      <c r="A27506" s="1" t="s">
        <v>44277</v>
      </c>
      <c r="B27506" s="1" t="s">
        <v>96627</v>
      </c>
      <c r="C27506" s="1" t="s">
        <v>85</v>
      </c>
      <c r="D27506" s="1" t="s">
        <v>98182</v>
      </c>
      <c r="E27506" s="1" t="s">
        <v>98183</v>
      </c>
      <c r="F27506" s="1" t="s">
        <v>98184</v>
      </c>
      <c r="G27506" s="1" t="s">
        <v>98133</v>
      </c>
      <c r="H27506" s="1" t="s">
        <v>98134</v>
      </c>
      <c r="I27506" s="1" t="s">
        <v>96632</v>
      </c>
      <c r="J27506" s="1" t="s">
        <v>98185</v>
      </c>
    </row>
    <row r="27507" spans="1:10" x14ac:dyDescent="0.35">
      <c r="A27507" s="1" t="s">
        <v>44277</v>
      </c>
      <c r="B27507" s="1" t="s">
        <v>96627</v>
      </c>
      <c r="C27507" s="1" t="s">
        <v>90</v>
      </c>
      <c r="D27507" s="1" t="s">
        <v>81001</v>
      </c>
      <c r="E27507" s="1" t="s">
        <v>98186</v>
      </c>
      <c r="F27507" s="1" t="s">
        <v>98187</v>
      </c>
      <c r="G27507" s="1" t="s">
        <v>98133</v>
      </c>
      <c r="H27507" s="1" t="s">
        <v>98134</v>
      </c>
      <c r="I27507" s="1" t="s">
        <v>96632</v>
      </c>
      <c r="J27507" s="1" t="s">
        <v>98188</v>
      </c>
    </row>
    <row r="27508" spans="1:10" x14ac:dyDescent="0.35">
      <c r="A27508" s="1" t="s">
        <v>44277</v>
      </c>
      <c r="B27508" s="1" t="s">
        <v>96627</v>
      </c>
      <c r="C27508" s="1" t="s">
        <v>95</v>
      </c>
      <c r="D27508" s="1" t="s">
        <v>98189</v>
      </c>
      <c r="E27508" s="1" t="s">
        <v>98190</v>
      </c>
      <c r="F27508" s="1" t="s">
        <v>98191</v>
      </c>
      <c r="G27508" s="1" t="s">
        <v>98133</v>
      </c>
      <c r="H27508" s="1" t="s">
        <v>98134</v>
      </c>
      <c r="I27508" s="1" t="s">
        <v>96632</v>
      </c>
      <c r="J27508" s="1" t="s">
        <v>98192</v>
      </c>
    </row>
    <row r="27509" spans="1:10" x14ac:dyDescent="0.35">
      <c r="A27509" s="1" t="s">
        <v>44277</v>
      </c>
      <c r="B27509" s="1" t="s">
        <v>96627</v>
      </c>
      <c r="C27509" s="1" t="s">
        <v>100</v>
      </c>
      <c r="D27509" s="1" t="s">
        <v>98193</v>
      </c>
      <c r="E27509" s="1" t="s">
        <v>98194</v>
      </c>
      <c r="F27509" s="1" t="s">
        <v>98195</v>
      </c>
      <c r="G27509" s="1" t="s">
        <v>98133</v>
      </c>
      <c r="H27509" s="1" t="s">
        <v>98134</v>
      </c>
      <c r="I27509" s="1" t="s">
        <v>96632</v>
      </c>
      <c r="J27509" s="1" t="s">
        <v>98196</v>
      </c>
    </row>
    <row r="27510" spans="1:10" x14ac:dyDescent="0.35">
      <c r="A27510" s="1" t="s">
        <v>44277</v>
      </c>
      <c r="B27510" s="1" t="s">
        <v>96627</v>
      </c>
      <c r="C27510" s="1" t="s">
        <v>105</v>
      </c>
      <c r="D27510" s="1" t="s">
        <v>98197</v>
      </c>
      <c r="E27510" s="1" t="s">
        <v>98198</v>
      </c>
      <c r="F27510" s="1" t="s">
        <v>98199</v>
      </c>
      <c r="G27510" s="1" t="s">
        <v>98133</v>
      </c>
      <c r="H27510" s="1" t="s">
        <v>98134</v>
      </c>
      <c r="I27510" s="1" t="s">
        <v>96632</v>
      </c>
      <c r="J27510" s="1" t="s">
        <v>98200</v>
      </c>
    </row>
    <row r="27511" spans="1:10" x14ac:dyDescent="0.35">
      <c r="A27511" s="1" t="s">
        <v>44277</v>
      </c>
      <c r="B27511" s="1" t="s">
        <v>96627</v>
      </c>
      <c r="C27511" s="1" t="s">
        <v>110</v>
      </c>
      <c r="D27511" s="1" t="s">
        <v>57782</v>
      </c>
      <c r="E27511" s="1" t="s">
        <v>98201</v>
      </c>
      <c r="F27511" s="1" t="s">
        <v>98202</v>
      </c>
      <c r="G27511" s="1" t="s">
        <v>98133</v>
      </c>
      <c r="H27511" s="1" t="s">
        <v>98134</v>
      </c>
      <c r="I27511" s="1" t="s">
        <v>96632</v>
      </c>
      <c r="J27511" s="1" t="s">
        <v>98203</v>
      </c>
    </row>
    <row r="27512" spans="1:10" x14ac:dyDescent="0.35">
      <c r="A27512" s="1" t="s">
        <v>44277</v>
      </c>
      <c r="B27512" s="1" t="s">
        <v>96627</v>
      </c>
      <c r="C27512" s="1" t="s">
        <v>115</v>
      </c>
      <c r="D27512" s="1" t="s">
        <v>90669</v>
      </c>
      <c r="E27512" s="1" t="s">
        <v>98204</v>
      </c>
      <c r="F27512" s="1" t="s">
        <v>98205</v>
      </c>
      <c r="G27512" s="1" t="s">
        <v>98133</v>
      </c>
      <c r="H27512" s="1" t="s">
        <v>98134</v>
      </c>
      <c r="I27512" s="1" t="s">
        <v>96632</v>
      </c>
      <c r="J27512" s="1" t="s">
        <v>98206</v>
      </c>
    </row>
    <row r="27513" spans="1:10" x14ac:dyDescent="0.35">
      <c r="A27513" s="1" t="s">
        <v>44277</v>
      </c>
      <c r="B27513" s="1" t="s">
        <v>96627</v>
      </c>
      <c r="C27513" s="1" t="s">
        <v>120</v>
      </c>
      <c r="D27513" s="1" t="s">
        <v>98207</v>
      </c>
      <c r="E27513" s="1" t="s">
        <v>98208</v>
      </c>
      <c r="F27513" s="1" t="s">
        <v>98209</v>
      </c>
      <c r="G27513" s="1" t="s">
        <v>98133</v>
      </c>
      <c r="H27513" s="1" t="s">
        <v>98134</v>
      </c>
      <c r="I27513" s="1" t="s">
        <v>96632</v>
      </c>
      <c r="J27513" s="1" t="s">
        <v>98210</v>
      </c>
    </row>
    <row r="27514" spans="1:10" x14ac:dyDescent="0.35">
      <c r="A27514" s="1" t="s">
        <v>44277</v>
      </c>
      <c r="B27514" s="1" t="s">
        <v>96627</v>
      </c>
      <c r="C27514" s="1" t="s">
        <v>125</v>
      </c>
      <c r="D27514" s="1" t="s">
        <v>98211</v>
      </c>
      <c r="E27514" s="1" t="s">
        <v>98212</v>
      </c>
      <c r="F27514" s="1" t="s">
        <v>98213</v>
      </c>
      <c r="G27514" s="1" t="s">
        <v>98133</v>
      </c>
      <c r="H27514" s="1" t="s">
        <v>98134</v>
      </c>
      <c r="I27514" s="1" t="s">
        <v>96632</v>
      </c>
      <c r="J27514" s="1" t="s">
        <v>98214</v>
      </c>
    </row>
    <row r="27515" spans="1:10" x14ac:dyDescent="0.35">
      <c r="A27515" s="1" t="s">
        <v>44277</v>
      </c>
      <c r="B27515" s="1" t="s">
        <v>96627</v>
      </c>
      <c r="C27515" s="1" t="s">
        <v>130</v>
      </c>
      <c r="D27515" s="1" t="s">
        <v>61172</v>
      </c>
      <c r="E27515" s="1" t="s">
        <v>98215</v>
      </c>
      <c r="F27515" s="1" t="s">
        <v>98216</v>
      </c>
      <c r="G27515" s="1" t="s">
        <v>98133</v>
      </c>
      <c r="H27515" s="1" t="s">
        <v>98134</v>
      </c>
      <c r="I27515" s="1" t="s">
        <v>96632</v>
      </c>
      <c r="J27515" s="1" t="s">
        <v>98217</v>
      </c>
    </row>
    <row r="27516" spans="1:10" x14ac:dyDescent="0.35">
      <c r="A27516" s="1" t="s">
        <v>44277</v>
      </c>
      <c r="B27516" s="1" t="s">
        <v>96627</v>
      </c>
      <c r="C27516" s="1" t="s">
        <v>135</v>
      </c>
      <c r="D27516" s="1" t="s">
        <v>98218</v>
      </c>
      <c r="E27516" s="1" t="s">
        <v>98219</v>
      </c>
      <c r="F27516" s="1" t="s">
        <v>98220</v>
      </c>
      <c r="G27516" s="1" t="s">
        <v>98133</v>
      </c>
      <c r="H27516" s="1" t="s">
        <v>98134</v>
      </c>
      <c r="I27516" s="1" t="s">
        <v>96632</v>
      </c>
      <c r="J27516" s="1" t="s">
        <v>98221</v>
      </c>
    </row>
    <row r="27517" spans="1:10" x14ac:dyDescent="0.35">
      <c r="A27517" s="1" t="s">
        <v>44277</v>
      </c>
      <c r="B27517" s="1" t="s">
        <v>96627</v>
      </c>
      <c r="C27517" s="1" t="s">
        <v>140</v>
      </c>
      <c r="D27517" s="1" t="s">
        <v>23668</v>
      </c>
      <c r="E27517" s="1" t="s">
        <v>98222</v>
      </c>
      <c r="F27517" s="1" t="s">
        <v>98223</v>
      </c>
      <c r="G27517" s="1" t="s">
        <v>98133</v>
      </c>
      <c r="H27517" s="1" t="s">
        <v>98134</v>
      </c>
      <c r="I27517" s="1" t="s">
        <v>96632</v>
      </c>
      <c r="J27517" s="1" t="s">
        <v>98224</v>
      </c>
    </row>
    <row r="27518" spans="1:10" x14ac:dyDescent="0.35">
      <c r="A27518" s="1" t="s">
        <v>44277</v>
      </c>
      <c r="B27518" s="1" t="s">
        <v>96627</v>
      </c>
      <c r="C27518" s="1" t="s">
        <v>145</v>
      </c>
      <c r="D27518" s="1" t="s">
        <v>98225</v>
      </c>
      <c r="E27518" s="1" t="s">
        <v>98226</v>
      </c>
      <c r="F27518" s="1" t="s">
        <v>98227</v>
      </c>
      <c r="G27518" s="1" t="s">
        <v>98133</v>
      </c>
      <c r="H27518" s="1" t="s">
        <v>98134</v>
      </c>
      <c r="I27518" s="1" t="s">
        <v>96632</v>
      </c>
      <c r="J27518" s="1" t="s">
        <v>98228</v>
      </c>
    </row>
    <row r="27519" spans="1:10" x14ac:dyDescent="0.35">
      <c r="A27519" s="1" t="s">
        <v>44277</v>
      </c>
      <c r="B27519" s="1" t="s">
        <v>96627</v>
      </c>
      <c r="C27519" s="1" t="s">
        <v>150</v>
      </c>
      <c r="D27519" s="1" t="s">
        <v>98229</v>
      </c>
      <c r="E27519" s="1" t="s">
        <v>98230</v>
      </c>
      <c r="F27519" s="1" t="s">
        <v>98231</v>
      </c>
      <c r="G27519" s="1" t="s">
        <v>98133</v>
      </c>
      <c r="H27519" s="1" t="s">
        <v>98134</v>
      </c>
      <c r="I27519" s="1" t="s">
        <v>96632</v>
      </c>
      <c r="J27519" s="1" t="s">
        <v>98232</v>
      </c>
    </row>
    <row r="27520" spans="1:10" x14ac:dyDescent="0.35">
      <c r="A27520" s="1" t="s">
        <v>44277</v>
      </c>
      <c r="B27520" s="1" t="s">
        <v>96627</v>
      </c>
      <c r="C27520" s="1" t="s">
        <v>155</v>
      </c>
      <c r="D27520" s="1" t="s">
        <v>98233</v>
      </c>
      <c r="E27520" s="1" t="s">
        <v>98234</v>
      </c>
      <c r="F27520" s="1" t="s">
        <v>98235</v>
      </c>
      <c r="G27520" s="1" t="s">
        <v>98133</v>
      </c>
      <c r="H27520" s="1" t="s">
        <v>98134</v>
      </c>
      <c r="I27520" s="1" t="s">
        <v>96632</v>
      </c>
      <c r="J27520" s="1" t="s">
        <v>98236</v>
      </c>
    </row>
    <row r="27521" spans="1:10" x14ac:dyDescent="0.35">
      <c r="A27521" s="1" t="s">
        <v>44277</v>
      </c>
      <c r="B27521" s="1" t="s">
        <v>96627</v>
      </c>
      <c r="C27521" s="1" t="s">
        <v>160</v>
      </c>
      <c r="D27521" s="1" t="s">
        <v>98237</v>
      </c>
      <c r="E27521" s="1" t="s">
        <v>98238</v>
      </c>
      <c r="F27521" s="1" t="s">
        <v>98239</v>
      </c>
      <c r="G27521" s="1" t="s">
        <v>98133</v>
      </c>
      <c r="H27521" s="1" t="s">
        <v>98134</v>
      </c>
      <c r="I27521" s="1" t="s">
        <v>96632</v>
      </c>
      <c r="J27521" s="1" t="s">
        <v>98240</v>
      </c>
    </row>
    <row r="27522" spans="1:10" x14ac:dyDescent="0.35">
      <c r="A27522" s="1" t="s">
        <v>44277</v>
      </c>
      <c r="B27522" s="1" t="s">
        <v>96627</v>
      </c>
      <c r="C27522" s="1" t="s">
        <v>165</v>
      </c>
      <c r="D27522" s="1" t="s">
        <v>98241</v>
      </c>
      <c r="E27522" s="1" t="s">
        <v>98242</v>
      </c>
      <c r="F27522" s="1" t="s">
        <v>98243</v>
      </c>
      <c r="G27522" s="1" t="s">
        <v>98133</v>
      </c>
      <c r="H27522" s="1" t="s">
        <v>98134</v>
      </c>
      <c r="I27522" s="1" t="s">
        <v>96632</v>
      </c>
      <c r="J27522" s="1" t="s">
        <v>98244</v>
      </c>
    </row>
    <row r="27523" spans="1:10" x14ac:dyDescent="0.35">
      <c r="A27523" s="1" t="s">
        <v>44277</v>
      </c>
      <c r="B27523" s="1" t="s">
        <v>96627</v>
      </c>
      <c r="C27523" s="1" t="s">
        <v>170</v>
      </c>
      <c r="D27523" s="1" t="s">
        <v>20058</v>
      </c>
      <c r="E27523" s="1" t="s">
        <v>98245</v>
      </c>
      <c r="F27523" s="1" t="s">
        <v>98246</v>
      </c>
      <c r="G27523" s="1" t="s">
        <v>98133</v>
      </c>
      <c r="H27523" s="1" t="s">
        <v>98134</v>
      </c>
      <c r="I27523" s="1" t="s">
        <v>96632</v>
      </c>
      <c r="J27523" s="1" t="s">
        <v>98247</v>
      </c>
    </row>
    <row r="27524" spans="1:10" x14ac:dyDescent="0.35">
      <c r="A27524" s="1" t="s">
        <v>98248</v>
      </c>
      <c r="B27524" s="1" t="s">
        <v>96627</v>
      </c>
      <c r="C27524" s="1" t="s">
        <v>8</v>
      </c>
      <c r="D27524" s="1" t="s">
        <v>98249</v>
      </c>
      <c r="E27524" s="1" t="s">
        <v>98250</v>
      </c>
      <c r="F27524" s="1" t="s">
        <v>98251</v>
      </c>
      <c r="G27524" s="1" t="s">
        <v>98252</v>
      </c>
      <c r="H27524" s="1" t="s">
        <v>98253</v>
      </c>
      <c r="I27524" s="1" t="s">
        <v>96632</v>
      </c>
      <c r="J27524" s="1" t="s">
        <v>13</v>
      </c>
    </row>
    <row r="27525" spans="1:10" x14ac:dyDescent="0.35">
      <c r="A27525" s="1" t="s">
        <v>98248</v>
      </c>
      <c r="B27525" s="1" t="s">
        <v>96627</v>
      </c>
      <c r="C27525" s="1" t="s">
        <v>15</v>
      </c>
      <c r="D27525" s="1" t="s">
        <v>53558</v>
      </c>
      <c r="E27525" s="1" t="s">
        <v>98254</v>
      </c>
      <c r="F27525" s="1" t="s">
        <v>98255</v>
      </c>
      <c r="G27525" s="1" t="s">
        <v>98252</v>
      </c>
      <c r="H27525" s="1" t="s">
        <v>98253</v>
      </c>
      <c r="I27525" s="1" t="s">
        <v>96632</v>
      </c>
      <c r="J27525" s="1" t="s">
        <v>98256</v>
      </c>
    </row>
    <row r="27526" spans="1:10" x14ac:dyDescent="0.35">
      <c r="A27526" s="1" t="s">
        <v>98248</v>
      </c>
      <c r="B27526" s="1" t="s">
        <v>96627</v>
      </c>
      <c r="C27526" s="1" t="s">
        <v>20</v>
      </c>
      <c r="D27526" s="1" t="s">
        <v>98257</v>
      </c>
      <c r="E27526" s="1" t="s">
        <v>98258</v>
      </c>
      <c r="F27526" s="1" t="s">
        <v>98259</v>
      </c>
      <c r="G27526" s="1" t="s">
        <v>98252</v>
      </c>
      <c r="H27526" s="1" t="s">
        <v>98253</v>
      </c>
      <c r="I27526" s="1" t="s">
        <v>96632</v>
      </c>
      <c r="J27526" s="1" t="s">
        <v>98260</v>
      </c>
    </row>
    <row r="27527" spans="1:10" x14ac:dyDescent="0.35">
      <c r="A27527" s="1" t="s">
        <v>98248</v>
      </c>
      <c r="B27527" s="1" t="s">
        <v>96627</v>
      </c>
      <c r="C27527" s="1" t="s">
        <v>25</v>
      </c>
      <c r="D27527" s="1" t="s">
        <v>98261</v>
      </c>
      <c r="E27527" s="1" t="s">
        <v>98262</v>
      </c>
      <c r="F27527" s="1" t="s">
        <v>98263</v>
      </c>
      <c r="G27527" s="1" t="s">
        <v>98252</v>
      </c>
      <c r="H27527" s="1" t="s">
        <v>98253</v>
      </c>
      <c r="I27527" s="1" t="s">
        <v>96632</v>
      </c>
      <c r="J27527" s="1" t="s">
        <v>98264</v>
      </c>
    </row>
    <row r="27528" spans="1:10" x14ac:dyDescent="0.35">
      <c r="A27528" s="1" t="s">
        <v>98248</v>
      </c>
      <c r="B27528" s="1" t="s">
        <v>96627</v>
      </c>
      <c r="C27528" s="1" t="s">
        <v>30</v>
      </c>
      <c r="D27528" s="1" t="s">
        <v>78775</v>
      </c>
      <c r="E27528" s="1" t="s">
        <v>98265</v>
      </c>
      <c r="F27528" s="1" t="s">
        <v>98266</v>
      </c>
      <c r="G27528" s="1" t="s">
        <v>98252</v>
      </c>
      <c r="H27528" s="1" t="s">
        <v>98253</v>
      </c>
      <c r="I27528" s="1" t="s">
        <v>96632</v>
      </c>
      <c r="J27528" s="1" t="s">
        <v>98267</v>
      </c>
    </row>
    <row r="27529" spans="1:10" x14ac:dyDescent="0.35">
      <c r="A27529" s="1" t="s">
        <v>98248</v>
      </c>
      <c r="B27529" s="1" t="s">
        <v>96627</v>
      </c>
      <c r="C27529" s="1" t="s">
        <v>35</v>
      </c>
      <c r="D27529" s="1" t="s">
        <v>98268</v>
      </c>
      <c r="E27529" s="1" t="s">
        <v>98269</v>
      </c>
      <c r="F27529" s="1" t="s">
        <v>98270</v>
      </c>
      <c r="G27529" s="1" t="s">
        <v>98252</v>
      </c>
      <c r="H27529" s="1" t="s">
        <v>98253</v>
      </c>
      <c r="I27529" s="1" t="s">
        <v>96632</v>
      </c>
      <c r="J27529" s="1" t="s">
        <v>98271</v>
      </c>
    </row>
    <row r="27530" spans="1:10" x14ac:dyDescent="0.35">
      <c r="A27530" s="1" t="s">
        <v>98248</v>
      </c>
      <c r="B27530" s="1" t="s">
        <v>96627</v>
      </c>
      <c r="C27530" s="1" t="s">
        <v>40</v>
      </c>
      <c r="D27530" s="1" t="s">
        <v>98272</v>
      </c>
      <c r="E27530" s="1" t="s">
        <v>98273</v>
      </c>
      <c r="F27530" s="1" t="s">
        <v>98274</v>
      </c>
      <c r="G27530" s="1" t="s">
        <v>98252</v>
      </c>
      <c r="H27530" s="1" t="s">
        <v>98253</v>
      </c>
      <c r="I27530" s="1" t="s">
        <v>96632</v>
      </c>
      <c r="J27530" s="1" t="s">
        <v>98275</v>
      </c>
    </row>
    <row r="27531" spans="1:10" x14ac:dyDescent="0.35">
      <c r="A27531" s="1" t="s">
        <v>98248</v>
      </c>
      <c r="B27531" s="1" t="s">
        <v>96627</v>
      </c>
      <c r="C27531" s="1" t="s">
        <v>45</v>
      </c>
      <c r="D27531" s="1" t="s">
        <v>98276</v>
      </c>
      <c r="E27531" s="1" t="s">
        <v>98277</v>
      </c>
      <c r="F27531" s="1" t="s">
        <v>98278</v>
      </c>
      <c r="G27531" s="1" t="s">
        <v>98252</v>
      </c>
      <c r="H27531" s="1" t="s">
        <v>98253</v>
      </c>
      <c r="I27531" s="1" t="s">
        <v>96632</v>
      </c>
      <c r="J27531" s="1" t="s">
        <v>98279</v>
      </c>
    </row>
    <row r="27532" spans="1:10" x14ac:dyDescent="0.35">
      <c r="A27532" s="1" t="s">
        <v>98248</v>
      </c>
      <c r="B27532" s="1" t="s">
        <v>96627</v>
      </c>
      <c r="C27532" s="1" t="s">
        <v>50</v>
      </c>
      <c r="D27532" s="1" t="s">
        <v>98280</v>
      </c>
      <c r="E27532" s="1" t="s">
        <v>98281</v>
      </c>
      <c r="F27532" s="1" t="s">
        <v>98282</v>
      </c>
      <c r="G27532" s="1" t="s">
        <v>98252</v>
      </c>
      <c r="H27532" s="1" t="s">
        <v>98253</v>
      </c>
      <c r="I27532" s="1" t="s">
        <v>96632</v>
      </c>
      <c r="J27532" s="1" t="s">
        <v>98283</v>
      </c>
    </row>
    <row r="27533" spans="1:10" x14ac:dyDescent="0.35">
      <c r="A27533" s="1" t="s">
        <v>98248</v>
      </c>
      <c r="B27533" s="1" t="s">
        <v>96627</v>
      </c>
      <c r="C27533" s="1" t="s">
        <v>55</v>
      </c>
      <c r="D27533" s="1" t="s">
        <v>98284</v>
      </c>
      <c r="E27533" s="1" t="s">
        <v>98285</v>
      </c>
      <c r="F27533" s="1" t="s">
        <v>98286</v>
      </c>
      <c r="G27533" s="1" t="s">
        <v>98252</v>
      </c>
      <c r="H27533" s="1" t="s">
        <v>98253</v>
      </c>
      <c r="I27533" s="1" t="s">
        <v>96632</v>
      </c>
      <c r="J27533" s="1" t="s">
        <v>98287</v>
      </c>
    </row>
    <row r="27534" spans="1:10" x14ac:dyDescent="0.35">
      <c r="A27534" s="1" t="s">
        <v>98248</v>
      </c>
      <c r="B27534" s="1" t="s">
        <v>96627</v>
      </c>
      <c r="C27534" s="1" t="s">
        <v>60</v>
      </c>
      <c r="D27534" s="1" t="s">
        <v>98288</v>
      </c>
      <c r="E27534" s="1" t="s">
        <v>98289</v>
      </c>
      <c r="F27534" s="1" t="s">
        <v>98290</v>
      </c>
      <c r="G27534" s="1" t="s">
        <v>98252</v>
      </c>
      <c r="H27534" s="1" t="s">
        <v>98253</v>
      </c>
      <c r="I27534" s="1" t="s">
        <v>96632</v>
      </c>
      <c r="J27534" s="1" t="s">
        <v>98291</v>
      </c>
    </row>
    <row r="27535" spans="1:10" x14ac:dyDescent="0.35">
      <c r="A27535" s="1" t="s">
        <v>98248</v>
      </c>
      <c r="B27535" s="1" t="s">
        <v>96627</v>
      </c>
      <c r="C27535" s="1" t="s">
        <v>65</v>
      </c>
      <c r="D27535" s="1" t="s">
        <v>88486</v>
      </c>
      <c r="E27535" s="1" t="s">
        <v>98292</v>
      </c>
      <c r="F27535" s="1" t="s">
        <v>98293</v>
      </c>
      <c r="G27535" s="1" t="s">
        <v>98252</v>
      </c>
      <c r="H27535" s="1" t="s">
        <v>98253</v>
      </c>
      <c r="I27535" s="1" t="s">
        <v>96632</v>
      </c>
      <c r="J27535" s="1" t="s">
        <v>98294</v>
      </c>
    </row>
    <row r="27536" spans="1:10" x14ac:dyDescent="0.35">
      <c r="A27536" s="1" t="s">
        <v>98248</v>
      </c>
      <c r="B27536" s="1" t="s">
        <v>96627</v>
      </c>
      <c r="C27536" s="1" t="s">
        <v>70</v>
      </c>
      <c r="D27536" s="1" t="s">
        <v>98295</v>
      </c>
      <c r="E27536" s="1" t="s">
        <v>98296</v>
      </c>
      <c r="F27536" s="1" t="s">
        <v>98297</v>
      </c>
      <c r="G27536" s="1" t="s">
        <v>98252</v>
      </c>
      <c r="H27536" s="1" t="s">
        <v>98253</v>
      </c>
      <c r="I27536" s="1" t="s">
        <v>96632</v>
      </c>
      <c r="J27536" s="1" t="s">
        <v>98298</v>
      </c>
    </row>
    <row r="27537" spans="1:10" x14ac:dyDescent="0.35">
      <c r="A27537" s="1" t="s">
        <v>98248</v>
      </c>
      <c r="B27537" s="1" t="s">
        <v>96627</v>
      </c>
      <c r="C27537" s="1" t="s">
        <v>75</v>
      </c>
      <c r="D27537" s="1" t="s">
        <v>15127</v>
      </c>
      <c r="E27537" s="1" t="s">
        <v>98299</v>
      </c>
      <c r="F27537" s="1" t="s">
        <v>98300</v>
      </c>
      <c r="G27537" s="1" t="s">
        <v>98252</v>
      </c>
      <c r="H27537" s="1" t="s">
        <v>98253</v>
      </c>
      <c r="I27537" s="1" t="s">
        <v>96632</v>
      </c>
      <c r="J27537" s="1" t="s">
        <v>98301</v>
      </c>
    </row>
    <row r="27538" spans="1:10" x14ac:dyDescent="0.35">
      <c r="A27538" s="1" t="s">
        <v>98248</v>
      </c>
      <c r="B27538" s="1" t="s">
        <v>96627</v>
      </c>
      <c r="C27538" s="1" t="s">
        <v>80</v>
      </c>
      <c r="D27538" s="1" t="s">
        <v>98302</v>
      </c>
      <c r="E27538" s="1" t="s">
        <v>98303</v>
      </c>
      <c r="F27538" s="1" t="s">
        <v>98304</v>
      </c>
      <c r="G27538" s="1" t="s">
        <v>98252</v>
      </c>
      <c r="H27538" s="1" t="s">
        <v>98253</v>
      </c>
      <c r="I27538" s="1" t="s">
        <v>96632</v>
      </c>
      <c r="J27538" s="1" t="s">
        <v>98305</v>
      </c>
    </row>
    <row r="27539" spans="1:10" x14ac:dyDescent="0.35">
      <c r="A27539" s="1" t="s">
        <v>98248</v>
      </c>
      <c r="B27539" s="1" t="s">
        <v>96627</v>
      </c>
      <c r="C27539" s="1" t="s">
        <v>85</v>
      </c>
      <c r="D27539" s="1" t="s">
        <v>98306</v>
      </c>
      <c r="E27539" s="1" t="s">
        <v>98307</v>
      </c>
      <c r="F27539" s="1" t="s">
        <v>98308</v>
      </c>
      <c r="G27539" s="1" t="s">
        <v>98252</v>
      </c>
      <c r="H27539" s="1" t="s">
        <v>98253</v>
      </c>
      <c r="I27539" s="1" t="s">
        <v>96632</v>
      </c>
      <c r="J27539" s="1" t="s">
        <v>98309</v>
      </c>
    </row>
    <row r="27540" spans="1:10" x14ac:dyDescent="0.35">
      <c r="A27540" s="1" t="s">
        <v>98248</v>
      </c>
      <c r="B27540" s="1" t="s">
        <v>96627</v>
      </c>
      <c r="C27540" s="1" t="s">
        <v>90</v>
      </c>
      <c r="D27540" s="1" t="s">
        <v>43103</v>
      </c>
      <c r="E27540" s="1" t="s">
        <v>98310</v>
      </c>
      <c r="F27540" s="1" t="s">
        <v>98311</v>
      </c>
      <c r="G27540" s="1" t="s">
        <v>98252</v>
      </c>
      <c r="H27540" s="1" t="s">
        <v>98253</v>
      </c>
      <c r="I27540" s="1" t="s">
        <v>96632</v>
      </c>
      <c r="J27540" s="1" t="s">
        <v>98312</v>
      </c>
    </row>
    <row r="27541" spans="1:10" x14ac:dyDescent="0.35">
      <c r="A27541" s="1" t="s">
        <v>98248</v>
      </c>
      <c r="B27541" s="1" t="s">
        <v>96627</v>
      </c>
      <c r="C27541" s="1" t="s">
        <v>95</v>
      </c>
      <c r="D27541" s="1" t="s">
        <v>93396</v>
      </c>
      <c r="E27541" s="1" t="s">
        <v>98313</v>
      </c>
      <c r="F27541" s="1" t="s">
        <v>98314</v>
      </c>
      <c r="G27541" s="1" t="s">
        <v>98252</v>
      </c>
      <c r="H27541" s="1" t="s">
        <v>98253</v>
      </c>
      <c r="I27541" s="1" t="s">
        <v>96632</v>
      </c>
      <c r="J27541" s="1" t="s">
        <v>98315</v>
      </c>
    </row>
    <row r="27542" spans="1:10" x14ac:dyDescent="0.35">
      <c r="A27542" s="1" t="s">
        <v>98248</v>
      </c>
      <c r="B27542" s="1" t="s">
        <v>96627</v>
      </c>
      <c r="C27542" s="1" t="s">
        <v>100</v>
      </c>
      <c r="D27542" s="1" t="s">
        <v>98316</v>
      </c>
      <c r="E27542" s="1" t="s">
        <v>98317</v>
      </c>
      <c r="F27542" s="1" t="s">
        <v>98318</v>
      </c>
      <c r="G27542" s="1" t="s">
        <v>98252</v>
      </c>
      <c r="H27542" s="1" t="s">
        <v>98253</v>
      </c>
      <c r="I27542" s="1" t="s">
        <v>96632</v>
      </c>
      <c r="J27542" s="1" t="s">
        <v>98319</v>
      </c>
    </row>
    <row r="27543" spans="1:10" x14ac:dyDescent="0.35">
      <c r="A27543" s="1" t="s">
        <v>98248</v>
      </c>
      <c r="B27543" s="1" t="s">
        <v>96627</v>
      </c>
      <c r="C27543" s="1" t="s">
        <v>105</v>
      </c>
      <c r="D27543" s="1" t="s">
        <v>86753</v>
      </c>
      <c r="E27543" s="1" t="s">
        <v>98320</v>
      </c>
      <c r="F27543" s="1" t="s">
        <v>98321</v>
      </c>
      <c r="G27543" s="1" t="s">
        <v>98252</v>
      </c>
      <c r="H27543" s="1" t="s">
        <v>98253</v>
      </c>
      <c r="I27543" s="1" t="s">
        <v>96632</v>
      </c>
      <c r="J27543" s="1" t="s">
        <v>98322</v>
      </c>
    </row>
    <row r="27544" spans="1:10" x14ac:dyDescent="0.35">
      <c r="A27544" s="1" t="s">
        <v>98248</v>
      </c>
      <c r="B27544" s="1" t="s">
        <v>96627</v>
      </c>
      <c r="C27544" s="1" t="s">
        <v>110</v>
      </c>
      <c r="D27544" s="1" t="s">
        <v>24425</v>
      </c>
      <c r="E27544" s="1" t="s">
        <v>98323</v>
      </c>
      <c r="F27544" s="1" t="s">
        <v>98324</v>
      </c>
      <c r="G27544" s="1" t="s">
        <v>98252</v>
      </c>
      <c r="H27544" s="1" t="s">
        <v>98253</v>
      </c>
      <c r="I27544" s="1" t="s">
        <v>96632</v>
      </c>
      <c r="J27544" s="1" t="s">
        <v>98325</v>
      </c>
    </row>
    <row r="27545" spans="1:10" x14ac:dyDescent="0.35">
      <c r="A27545" s="1" t="s">
        <v>98248</v>
      </c>
      <c r="B27545" s="1" t="s">
        <v>96627</v>
      </c>
      <c r="C27545" s="1" t="s">
        <v>115</v>
      </c>
      <c r="D27545" s="1" t="s">
        <v>64020</v>
      </c>
      <c r="E27545" s="1" t="s">
        <v>98326</v>
      </c>
      <c r="F27545" s="1" t="s">
        <v>98327</v>
      </c>
      <c r="G27545" s="1" t="s">
        <v>98252</v>
      </c>
      <c r="H27545" s="1" t="s">
        <v>98253</v>
      </c>
      <c r="I27545" s="1" t="s">
        <v>96632</v>
      </c>
      <c r="J27545" s="1" t="s">
        <v>98328</v>
      </c>
    </row>
    <row r="27546" spans="1:10" x14ac:dyDescent="0.35">
      <c r="A27546" s="1" t="s">
        <v>98248</v>
      </c>
      <c r="B27546" s="1" t="s">
        <v>96627</v>
      </c>
      <c r="C27546" s="1" t="s">
        <v>120</v>
      </c>
      <c r="D27546" s="1" t="s">
        <v>54382</v>
      </c>
      <c r="E27546" s="1" t="s">
        <v>98329</v>
      </c>
      <c r="F27546" s="1" t="s">
        <v>98330</v>
      </c>
      <c r="G27546" s="1" t="s">
        <v>98252</v>
      </c>
      <c r="H27546" s="1" t="s">
        <v>98253</v>
      </c>
      <c r="I27546" s="1" t="s">
        <v>96632</v>
      </c>
      <c r="J27546" s="1" t="s">
        <v>98331</v>
      </c>
    </row>
    <row r="27547" spans="1:10" x14ac:dyDescent="0.35">
      <c r="A27547" s="1" t="s">
        <v>98248</v>
      </c>
      <c r="B27547" s="1" t="s">
        <v>96627</v>
      </c>
      <c r="C27547" s="1" t="s">
        <v>125</v>
      </c>
      <c r="D27547" s="1" t="s">
        <v>66547</v>
      </c>
      <c r="E27547" s="1" t="s">
        <v>98332</v>
      </c>
      <c r="F27547" s="1" t="s">
        <v>98333</v>
      </c>
      <c r="G27547" s="1" t="s">
        <v>98252</v>
      </c>
      <c r="H27547" s="1" t="s">
        <v>98253</v>
      </c>
      <c r="I27547" s="1" t="s">
        <v>96632</v>
      </c>
      <c r="J27547" s="1" t="s">
        <v>98334</v>
      </c>
    </row>
    <row r="27548" spans="1:10" x14ac:dyDescent="0.35">
      <c r="A27548" s="1" t="s">
        <v>98248</v>
      </c>
      <c r="B27548" s="1" t="s">
        <v>96627</v>
      </c>
      <c r="C27548" s="1" t="s">
        <v>130</v>
      </c>
      <c r="D27548" s="1" t="s">
        <v>53807</v>
      </c>
      <c r="E27548" s="1" t="s">
        <v>98335</v>
      </c>
      <c r="F27548" s="1" t="s">
        <v>98336</v>
      </c>
      <c r="G27548" s="1" t="s">
        <v>98252</v>
      </c>
      <c r="H27548" s="1" t="s">
        <v>98253</v>
      </c>
      <c r="I27548" s="1" t="s">
        <v>96632</v>
      </c>
      <c r="J27548" s="1" t="s">
        <v>98337</v>
      </c>
    </row>
    <row r="27549" spans="1:10" x14ac:dyDescent="0.35">
      <c r="A27549" s="1" t="s">
        <v>98248</v>
      </c>
      <c r="B27549" s="1" t="s">
        <v>96627</v>
      </c>
      <c r="C27549" s="1" t="s">
        <v>135</v>
      </c>
      <c r="D27549" s="1" t="s">
        <v>98338</v>
      </c>
      <c r="E27549" s="1" t="s">
        <v>98339</v>
      </c>
      <c r="F27549" s="1" t="s">
        <v>98340</v>
      </c>
      <c r="G27549" s="1" t="s">
        <v>98252</v>
      </c>
      <c r="H27549" s="1" t="s">
        <v>98253</v>
      </c>
      <c r="I27549" s="1" t="s">
        <v>96632</v>
      </c>
      <c r="J27549" s="1" t="s">
        <v>98341</v>
      </c>
    </row>
    <row r="27550" spans="1:10" x14ac:dyDescent="0.35">
      <c r="A27550" s="1" t="s">
        <v>98248</v>
      </c>
      <c r="B27550" s="1" t="s">
        <v>96627</v>
      </c>
      <c r="C27550" s="1" t="s">
        <v>140</v>
      </c>
      <c r="D27550" s="1" t="s">
        <v>98342</v>
      </c>
      <c r="E27550" s="1" t="s">
        <v>98343</v>
      </c>
      <c r="F27550" s="1" t="s">
        <v>98344</v>
      </c>
      <c r="G27550" s="1" t="s">
        <v>98252</v>
      </c>
      <c r="H27550" s="1" t="s">
        <v>98253</v>
      </c>
      <c r="I27550" s="1" t="s">
        <v>96632</v>
      </c>
      <c r="J27550" s="1" t="s">
        <v>98345</v>
      </c>
    </row>
    <row r="27551" spans="1:10" x14ac:dyDescent="0.35">
      <c r="A27551" s="1" t="s">
        <v>98248</v>
      </c>
      <c r="B27551" s="1" t="s">
        <v>96627</v>
      </c>
      <c r="C27551" s="1" t="s">
        <v>145</v>
      </c>
      <c r="D27551" s="1" t="s">
        <v>98346</v>
      </c>
      <c r="E27551" s="1" t="s">
        <v>98347</v>
      </c>
      <c r="F27551" s="1" t="s">
        <v>98348</v>
      </c>
      <c r="G27551" s="1" t="s">
        <v>98252</v>
      </c>
      <c r="H27551" s="1" t="s">
        <v>98253</v>
      </c>
      <c r="I27551" s="1" t="s">
        <v>96632</v>
      </c>
      <c r="J27551" s="1" t="s">
        <v>98349</v>
      </c>
    </row>
    <row r="27552" spans="1:10" x14ac:dyDescent="0.35">
      <c r="A27552" s="1" t="s">
        <v>98248</v>
      </c>
      <c r="B27552" s="1" t="s">
        <v>96627</v>
      </c>
      <c r="C27552" s="1" t="s">
        <v>150</v>
      </c>
      <c r="D27552" s="1" t="s">
        <v>13470</v>
      </c>
      <c r="E27552" s="1" t="s">
        <v>98350</v>
      </c>
      <c r="F27552" s="1" t="s">
        <v>98351</v>
      </c>
      <c r="G27552" s="1" t="s">
        <v>98252</v>
      </c>
      <c r="H27552" s="1" t="s">
        <v>98253</v>
      </c>
      <c r="I27552" s="1" t="s">
        <v>96632</v>
      </c>
      <c r="J27552" s="1" t="s">
        <v>98352</v>
      </c>
    </row>
    <row r="27553" spans="1:10" x14ac:dyDescent="0.35">
      <c r="A27553" s="1" t="s">
        <v>98248</v>
      </c>
      <c r="B27553" s="1" t="s">
        <v>96627</v>
      </c>
      <c r="C27553" s="1" t="s">
        <v>155</v>
      </c>
      <c r="D27553" s="1" t="s">
        <v>78201</v>
      </c>
      <c r="E27553" s="1" t="s">
        <v>98353</v>
      </c>
      <c r="F27553" s="1" t="s">
        <v>98354</v>
      </c>
      <c r="G27553" s="1" t="s">
        <v>98252</v>
      </c>
      <c r="H27553" s="1" t="s">
        <v>98253</v>
      </c>
      <c r="I27553" s="1" t="s">
        <v>96632</v>
      </c>
      <c r="J27553" s="1" t="s">
        <v>98355</v>
      </c>
    </row>
    <row r="27554" spans="1:10" x14ac:dyDescent="0.35">
      <c r="A27554" s="1" t="s">
        <v>98248</v>
      </c>
      <c r="B27554" s="1" t="s">
        <v>96627</v>
      </c>
      <c r="C27554" s="1" t="s">
        <v>160</v>
      </c>
      <c r="D27554" s="1" t="s">
        <v>98295</v>
      </c>
      <c r="E27554" s="1" t="s">
        <v>98356</v>
      </c>
      <c r="F27554" s="1" t="s">
        <v>98357</v>
      </c>
      <c r="G27554" s="1" t="s">
        <v>98252</v>
      </c>
      <c r="H27554" s="1" t="s">
        <v>98253</v>
      </c>
      <c r="I27554" s="1" t="s">
        <v>96632</v>
      </c>
      <c r="J27554" s="1" t="s">
        <v>98358</v>
      </c>
    </row>
    <row r="27555" spans="1:10" x14ac:dyDescent="0.35">
      <c r="A27555" s="1" t="s">
        <v>98248</v>
      </c>
      <c r="B27555" s="1" t="s">
        <v>96627</v>
      </c>
      <c r="C27555" s="1" t="s">
        <v>165</v>
      </c>
      <c r="D27555" s="1" t="s">
        <v>53347</v>
      </c>
      <c r="E27555" s="1" t="s">
        <v>98313</v>
      </c>
      <c r="F27555" s="1" t="s">
        <v>98359</v>
      </c>
      <c r="G27555" s="1" t="s">
        <v>98252</v>
      </c>
      <c r="H27555" s="1" t="s">
        <v>98253</v>
      </c>
      <c r="I27555" s="1" t="s">
        <v>96632</v>
      </c>
      <c r="J27555" s="1" t="s">
        <v>98360</v>
      </c>
    </row>
    <row r="27556" spans="1:10" x14ac:dyDescent="0.35">
      <c r="A27556" s="1" t="s">
        <v>98248</v>
      </c>
      <c r="B27556" s="1" t="s">
        <v>96627</v>
      </c>
      <c r="C27556" s="1" t="s">
        <v>170</v>
      </c>
      <c r="D27556" s="1" t="s">
        <v>63343</v>
      </c>
      <c r="E27556" s="1" t="s">
        <v>98361</v>
      </c>
      <c r="F27556" s="1" t="s">
        <v>98362</v>
      </c>
      <c r="G27556" s="1" t="s">
        <v>98252</v>
      </c>
      <c r="H27556" s="1" t="s">
        <v>98253</v>
      </c>
      <c r="I27556" s="1" t="s">
        <v>96632</v>
      </c>
      <c r="J27556" s="1" t="s">
        <v>98363</v>
      </c>
    </row>
    <row r="27557" spans="1:10" x14ac:dyDescent="0.35">
      <c r="A27557" s="1" t="s">
        <v>12032</v>
      </c>
      <c r="B27557" s="1" t="s">
        <v>96627</v>
      </c>
      <c r="C27557" s="1" t="s">
        <v>8</v>
      </c>
      <c r="D27557" s="1" t="s">
        <v>98364</v>
      </c>
      <c r="E27557" s="1" t="s">
        <v>63887</v>
      </c>
      <c r="F27557" s="1" t="s">
        <v>98365</v>
      </c>
      <c r="G27557" s="1" t="s">
        <v>98366</v>
      </c>
      <c r="H27557" s="1" t="s">
        <v>98367</v>
      </c>
      <c r="I27557" s="1" t="s">
        <v>96632</v>
      </c>
      <c r="J27557" s="1" t="s">
        <v>13</v>
      </c>
    </row>
    <row r="27558" spans="1:10" x14ac:dyDescent="0.35">
      <c r="A27558" s="1" t="s">
        <v>12032</v>
      </c>
      <c r="B27558" s="1" t="s">
        <v>96627</v>
      </c>
      <c r="C27558" s="1" t="s">
        <v>15</v>
      </c>
      <c r="D27558" s="1" t="s">
        <v>98368</v>
      </c>
      <c r="E27558" s="1" t="s">
        <v>23114</v>
      </c>
      <c r="F27558" s="1" t="s">
        <v>98369</v>
      </c>
      <c r="G27558" s="1" t="s">
        <v>98366</v>
      </c>
      <c r="H27558" s="1" t="s">
        <v>98367</v>
      </c>
      <c r="I27558" s="1" t="s">
        <v>96632</v>
      </c>
      <c r="J27558" s="1" t="s">
        <v>98370</v>
      </c>
    </row>
    <row r="27559" spans="1:10" x14ac:dyDescent="0.35">
      <c r="A27559" s="1" t="s">
        <v>12032</v>
      </c>
      <c r="B27559" s="1" t="s">
        <v>96627</v>
      </c>
      <c r="C27559" s="1" t="s">
        <v>20</v>
      </c>
      <c r="D27559" s="1" t="s">
        <v>98371</v>
      </c>
      <c r="E27559" s="1" t="s">
        <v>98372</v>
      </c>
      <c r="F27559" s="1" t="s">
        <v>98373</v>
      </c>
      <c r="G27559" s="1" t="s">
        <v>98366</v>
      </c>
      <c r="H27559" s="1" t="s">
        <v>98367</v>
      </c>
      <c r="I27559" s="1" t="s">
        <v>96632</v>
      </c>
      <c r="J27559" s="1" t="s">
        <v>98374</v>
      </c>
    </row>
    <row r="27560" spans="1:10" x14ac:dyDescent="0.35">
      <c r="A27560" s="1" t="s">
        <v>12032</v>
      </c>
      <c r="B27560" s="1" t="s">
        <v>96627</v>
      </c>
      <c r="C27560" s="1" t="s">
        <v>25</v>
      </c>
      <c r="D27560" s="1" t="s">
        <v>66507</v>
      </c>
      <c r="E27560" s="1" t="s">
        <v>58170</v>
      </c>
      <c r="F27560" s="1" t="s">
        <v>98375</v>
      </c>
      <c r="G27560" s="1" t="s">
        <v>98366</v>
      </c>
      <c r="H27560" s="1" t="s">
        <v>98367</v>
      </c>
      <c r="I27560" s="1" t="s">
        <v>96632</v>
      </c>
      <c r="J27560" s="1" t="s">
        <v>98376</v>
      </c>
    </row>
    <row r="27561" spans="1:10" x14ac:dyDescent="0.35">
      <c r="A27561" s="1" t="s">
        <v>12032</v>
      </c>
      <c r="B27561" s="1" t="s">
        <v>96627</v>
      </c>
      <c r="C27561" s="1" t="s">
        <v>30</v>
      </c>
      <c r="D27561" s="1" t="s">
        <v>98377</v>
      </c>
      <c r="E27561" s="1" t="s">
        <v>55230</v>
      </c>
      <c r="F27561" s="1" t="s">
        <v>98378</v>
      </c>
      <c r="G27561" s="1" t="s">
        <v>98366</v>
      </c>
      <c r="H27561" s="1" t="s">
        <v>98367</v>
      </c>
      <c r="I27561" s="1" t="s">
        <v>96632</v>
      </c>
      <c r="J27561" s="1" t="s">
        <v>98379</v>
      </c>
    </row>
    <row r="27562" spans="1:10" x14ac:dyDescent="0.35">
      <c r="A27562" s="1" t="s">
        <v>12032</v>
      </c>
      <c r="B27562" s="1" t="s">
        <v>96627</v>
      </c>
      <c r="C27562" s="1" t="s">
        <v>35</v>
      </c>
      <c r="D27562" s="1" t="s">
        <v>98380</v>
      </c>
      <c r="E27562" s="1" t="s">
        <v>58534</v>
      </c>
      <c r="F27562" s="1" t="s">
        <v>98381</v>
      </c>
      <c r="G27562" s="1" t="s">
        <v>98366</v>
      </c>
      <c r="H27562" s="1" t="s">
        <v>98367</v>
      </c>
      <c r="I27562" s="1" t="s">
        <v>96632</v>
      </c>
      <c r="J27562" s="1" t="s">
        <v>98382</v>
      </c>
    </row>
    <row r="27563" spans="1:10" x14ac:dyDescent="0.35">
      <c r="A27563" s="1" t="s">
        <v>12032</v>
      </c>
      <c r="B27563" s="1" t="s">
        <v>96627</v>
      </c>
      <c r="C27563" s="1" t="s">
        <v>40</v>
      </c>
      <c r="D27563" s="1" t="s">
        <v>50073</v>
      </c>
      <c r="E27563" s="1" t="s">
        <v>21144</v>
      </c>
      <c r="F27563" s="1" t="s">
        <v>98383</v>
      </c>
      <c r="G27563" s="1" t="s">
        <v>98366</v>
      </c>
      <c r="H27563" s="1" t="s">
        <v>98367</v>
      </c>
      <c r="I27563" s="1" t="s">
        <v>96632</v>
      </c>
      <c r="J27563" s="1" t="s">
        <v>98384</v>
      </c>
    </row>
    <row r="27564" spans="1:10" x14ac:dyDescent="0.35">
      <c r="A27564" s="1" t="s">
        <v>12032</v>
      </c>
      <c r="B27564" s="1" t="s">
        <v>96627</v>
      </c>
      <c r="C27564" s="1" t="s">
        <v>45</v>
      </c>
      <c r="D27564" s="1" t="s">
        <v>98385</v>
      </c>
      <c r="E27564" s="1" t="s">
        <v>55227</v>
      </c>
      <c r="F27564" s="1" t="s">
        <v>98386</v>
      </c>
      <c r="G27564" s="1" t="s">
        <v>98366</v>
      </c>
      <c r="H27564" s="1" t="s">
        <v>98367</v>
      </c>
      <c r="I27564" s="1" t="s">
        <v>96632</v>
      </c>
      <c r="J27564" s="1" t="s">
        <v>98387</v>
      </c>
    </row>
    <row r="27565" spans="1:10" x14ac:dyDescent="0.35">
      <c r="A27565" s="1" t="s">
        <v>12032</v>
      </c>
      <c r="B27565" s="1" t="s">
        <v>96627</v>
      </c>
      <c r="C27565" s="1" t="s">
        <v>50</v>
      </c>
      <c r="D27565" s="1" t="s">
        <v>98388</v>
      </c>
      <c r="E27565" s="1" t="s">
        <v>58862</v>
      </c>
      <c r="F27565" s="1" t="s">
        <v>98389</v>
      </c>
      <c r="G27565" s="1" t="s">
        <v>98366</v>
      </c>
      <c r="H27565" s="1" t="s">
        <v>98367</v>
      </c>
      <c r="I27565" s="1" t="s">
        <v>96632</v>
      </c>
      <c r="J27565" s="1" t="s">
        <v>98390</v>
      </c>
    </row>
    <row r="27566" spans="1:10" x14ac:dyDescent="0.35">
      <c r="A27566" s="1" t="s">
        <v>12032</v>
      </c>
      <c r="B27566" s="1" t="s">
        <v>96627</v>
      </c>
      <c r="C27566" s="1" t="s">
        <v>55</v>
      </c>
      <c r="D27566" s="1" t="s">
        <v>98391</v>
      </c>
      <c r="E27566" s="1" t="s">
        <v>98392</v>
      </c>
      <c r="F27566" s="1" t="s">
        <v>98393</v>
      </c>
      <c r="G27566" s="1" t="s">
        <v>98366</v>
      </c>
      <c r="H27566" s="1" t="s">
        <v>98367</v>
      </c>
      <c r="I27566" s="1" t="s">
        <v>96632</v>
      </c>
      <c r="J27566" s="1" t="s">
        <v>98394</v>
      </c>
    </row>
    <row r="27567" spans="1:10" x14ac:dyDescent="0.35">
      <c r="A27567" s="1" t="s">
        <v>12032</v>
      </c>
      <c r="B27567" s="1" t="s">
        <v>96627</v>
      </c>
      <c r="C27567" s="1" t="s">
        <v>60</v>
      </c>
      <c r="D27567" s="1" t="s">
        <v>98395</v>
      </c>
      <c r="E27567" s="1" t="s">
        <v>58409</v>
      </c>
      <c r="F27567" s="1" t="s">
        <v>98396</v>
      </c>
      <c r="G27567" s="1" t="s">
        <v>98366</v>
      </c>
      <c r="H27567" s="1" t="s">
        <v>98367</v>
      </c>
      <c r="I27567" s="1" t="s">
        <v>96632</v>
      </c>
      <c r="J27567" s="1" t="s">
        <v>98397</v>
      </c>
    </row>
    <row r="27568" spans="1:10" x14ac:dyDescent="0.35">
      <c r="A27568" s="1" t="s">
        <v>12032</v>
      </c>
      <c r="B27568" s="1" t="s">
        <v>96627</v>
      </c>
      <c r="C27568" s="1" t="s">
        <v>65</v>
      </c>
      <c r="D27568" s="1" t="s">
        <v>98398</v>
      </c>
      <c r="E27568" s="1" t="s">
        <v>56311</v>
      </c>
      <c r="F27568" s="1" t="s">
        <v>98399</v>
      </c>
      <c r="G27568" s="1" t="s">
        <v>98366</v>
      </c>
      <c r="H27568" s="1" t="s">
        <v>98367</v>
      </c>
      <c r="I27568" s="1" t="s">
        <v>96632</v>
      </c>
      <c r="J27568" s="1" t="s">
        <v>98400</v>
      </c>
    </row>
    <row r="27569" spans="1:10" x14ac:dyDescent="0.35">
      <c r="A27569" s="1" t="s">
        <v>12032</v>
      </c>
      <c r="B27569" s="1" t="s">
        <v>96627</v>
      </c>
      <c r="C27569" s="1" t="s">
        <v>70</v>
      </c>
      <c r="D27569" s="1" t="s">
        <v>98401</v>
      </c>
      <c r="E27569" s="1" t="s">
        <v>66959</v>
      </c>
      <c r="F27569" s="1" t="s">
        <v>97061</v>
      </c>
      <c r="G27569" s="1" t="s">
        <v>98366</v>
      </c>
      <c r="H27569" s="1" t="s">
        <v>98367</v>
      </c>
      <c r="I27569" s="1" t="s">
        <v>96632</v>
      </c>
      <c r="J27569" s="1" t="s">
        <v>98402</v>
      </c>
    </row>
    <row r="27570" spans="1:10" x14ac:dyDescent="0.35">
      <c r="A27570" s="1" t="s">
        <v>12032</v>
      </c>
      <c r="B27570" s="1" t="s">
        <v>96627</v>
      </c>
      <c r="C27570" s="1" t="s">
        <v>75</v>
      </c>
      <c r="D27570" s="1" t="s">
        <v>68135</v>
      </c>
      <c r="E27570" s="1" t="s">
        <v>12766</v>
      </c>
      <c r="F27570" s="1" t="s">
        <v>98403</v>
      </c>
      <c r="G27570" s="1" t="s">
        <v>98366</v>
      </c>
      <c r="H27570" s="1" t="s">
        <v>98367</v>
      </c>
      <c r="I27570" s="1" t="s">
        <v>96632</v>
      </c>
      <c r="J27570" s="1" t="s">
        <v>98404</v>
      </c>
    </row>
    <row r="27571" spans="1:10" x14ac:dyDescent="0.35">
      <c r="A27571" s="1" t="s">
        <v>12032</v>
      </c>
      <c r="B27571" s="1" t="s">
        <v>96627</v>
      </c>
      <c r="C27571" s="1" t="s">
        <v>80</v>
      </c>
      <c r="D27571" s="1" t="s">
        <v>98405</v>
      </c>
      <c r="E27571" s="1" t="s">
        <v>15217</v>
      </c>
      <c r="F27571" s="1" t="s">
        <v>98406</v>
      </c>
      <c r="G27571" s="1" t="s">
        <v>98366</v>
      </c>
      <c r="H27571" s="1" t="s">
        <v>98367</v>
      </c>
      <c r="I27571" s="1" t="s">
        <v>96632</v>
      </c>
      <c r="J27571" s="1" t="s">
        <v>98407</v>
      </c>
    </row>
    <row r="27572" spans="1:10" x14ac:dyDescent="0.35">
      <c r="A27572" s="1" t="s">
        <v>12032</v>
      </c>
      <c r="B27572" s="1" t="s">
        <v>96627</v>
      </c>
      <c r="C27572" s="1" t="s">
        <v>85</v>
      </c>
      <c r="D27572" s="1" t="s">
        <v>98408</v>
      </c>
      <c r="E27572" s="1" t="s">
        <v>21811</v>
      </c>
      <c r="F27572" s="1" t="s">
        <v>98409</v>
      </c>
      <c r="G27572" s="1" t="s">
        <v>98366</v>
      </c>
      <c r="H27572" s="1" t="s">
        <v>98367</v>
      </c>
      <c r="I27572" s="1" t="s">
        <v>96632</v>
      </c>
      <c r="J27572" s="1" t="s">
        <v>98410</v>
      </c>
    </row>
    <row r="27573" spans="1:10" x14ac:dyDescent="0.35">
      <c r="A27573" s="1" t="s">
        <v>12032</v>
      </c>
      <c r="B27573" s="1" t="s">
        <v>96627</v>
      </c>
      <c r="C27573" s="1" t="s">
        <v>90</v>
      </c>
      <c r="D27573" s="1" t="s">
        <v>61851</v>
      </c>
      <c r="E27573" s="1" t="s">
        <v>32061</v>
      </c>
      <c r="F27573" s="1" t="s">
        <v>98411</v>
      </c>
      <c r="G27573" s="1" t="s">
        <v>98366</v>
      </c>
      <c r="H27573" s="1" t="s">
        <v>98367</v>
      </c>
      <c r="I27573" s="1" t="s">
        <v>96632</v>
      </c>
      <c r="J27573" s="1" t="s">
        <v>98412</v>
      </c>
    </row>
    <row r="27574" spans="1:10" x14ac:dyDescent="0.35">
      <c r="A27574" s="1" t="s">
        <v>12032</v>
      </c>
      <c r="B27574" s="1" t="s">
        <v>96627</v>
      </c>
      <c r="C27574" s="1" t="s">
        <v>95</v>
      </c>
      <c r="D27574" s="1" t="s">
        <v>98413</v>
      </c>
      <c r="E27574" s="1" t="s">
        <v>54433</v>
      </c>
      <c r="F27574" s="1" t="s">
        <v>98414</v>
      </c>
      <c r="G27574" s="1" t="s">
        <v>98366</v>
      </c>
      <c r="H27574" s="1" t="s">
        <v>98367</v>
      </c>
      <c r="I27574" s="1" t="s">
        <v>96632</v>
      </c>
      <c r="J27574" s="1" t="s">
        <v>98415</v>
      </c>
    </row>
    <row r="27575" spans="1:10" x14ac:dyDescent="0.35">
      <c r="A27575" s="1" t="s">
        <v>12032</v>
      </c>
      <c r="B27575" s="1" t="s">
        <v>96627</v>
      </c>
      <c r="C27575" s="1" t="s">
        <v>100</v>
      </c>
      <c r="D27575" s="1" t="s">
        <v>62825</v>
      </c>
      <c r="E27575" s="1" t="s">
        <v>22040</v>
      </c>
      <c r="F27575" s="1" t="s">
        <v>98416</v>
      </c>
      <c r="G27575" s="1" t="s">
        <v>98366</v>
      </c>
      <c r="H27575" s="1" t="s">
        <v>98367</v>
      </c>
      <c r="I27575" s="1" t="s">
        <v>96632</v>
      </c>
      <c r="J27575" s="1" t="s">
        <v>98417</v>
      </c>
    </row>
    <row r="27576" spans="1:10" x14ac:dyDescent="0.35">
      <c r="A27576" s="1" t="s">
        <v>12032</v>
      </c>
      <c r="B27576" s="1" t="s">
        <v>96627</v>
      </c>
      <c r="C27576" s="1" t="s">
        <v>105</v>
      </c>
      <c r="D27576" s="1" t="s">
        <v>5923</v>
      </c>
      <c r="E27576" s="1" t="s">
        <v>12782</v>
      </c>
      <c r="F27576" s="1" t="s">
        <v>98418</v>
      </c>
      <c r="G27576" s="1" t="s">
        <v>98366</v>
      </c>
      <c r="H27576" s="1" t="s">
        <v>98367</v>
      </c>
      <c r="I27576" s="1" t="s">
        <v>96632</v>
      </c>
      <c r="J27576" s="1" t="s">
        <v>98419</v>
      </c>
    </row>
    <row r="27577" spans="1:10" x14ac:dyDescent="0.35">
      <c r="A27577" s="1" t="s">
        <v>12032</v>
      </c>
      <c r="B27577" s="1" t="s">
        <v>96627</v>
      </c>
      <c r="C27577" s="1" t="s">
        <v>110</v>
      </c>
      <c r="D27577" s="1" t="s">
        <v>98420</v>
      </c>
      <c r="E27577" s="1" t="s">
        <v>62510</v>
      </c>
      <c r="F27577" s="1" t="s">
        <v>98421</v>
      </c>
      <c r="G27577" s="1" t="s">
        <v>98366</v>
      </c>
      <c r="H27577" s="1" t="s">
        <v>98367</v>
      </c>
      <c r="I27577" s="1" t="s">
        <v>96632</v>
      </c>
      <c r="J27577" s="1" t="s">
        <v>98422</v>
      </c>
    </row>
    <row r="27578" spans="1:10" x14ac:dyDescent="0.35">
      <c r="A27578" s="1" t="s">
        <v>12032</v>
      </c>
      <c r="B27578" s="1" t="s">
        <v>96627</v>
      </c>
      <c r="C27578" s="1" t="s">
        <v>115</v>
      </c>
      <c r="D27578" s="1" t="s">
        <v>98423</v>
      </c>
      <c r="E27578" s="1" t="s">
        <v>24377</v>
      </c>
      <c r="F27578" s="1" t="s">
        <v>98424</v>
      </c>
      <c r="G27578" s="1" t="s">
        <v>98366</v>
      </c>
      <c r="H27578" s="1" t="s">
        <v>98367</v>
      </c>
      <c r="I27578" s="1" t="s">
        <v>96632</v>
      </c>
      <c r="J27578" s="1" t="s">
        <v>98425</v>
      </c>
    </row>
    <row r="27579" spans="1:10" x14ac:dyDescent="0.35">
      <c r="A27579" s="1" t="s">
        <v>12032</v>
      </c>
      <c r="B27579" s="1" t="s">
        <v>96627</v>
      </c>
      <c r="C27579" s="1" t="s">
        <v>120</v>
      </c>
      <c r="D27579" s="1" t="s">
        <v>98426</v>
      </c>
      <c r="E27579" s="1" t="s">
        <v>59885</v>
      </c>
      <c r="F27579" s="1" t="s">
        <v>98427</v>
      </c>
      <c r="G27579" s="1" t="s">
        <v>98366</v>
      </c>
      <c r="H27579" s="1" t="s">
        <v>98367</v>
      </c>
      <c r="I27579" s="1" t="s">
        <v>96632</v>
      </c>
      <c r="J27579" s="1" t="s">
        <v>98428</v>
      </c>
    </row>
    <row r="27580" spans="1:10" x14ac:dyDescent="0.35">
      <c r="A27580" s="1" t="s">
        <v>12032</v>
      </c>
      <c r="B27580" s="1" t="s">
        <v>96627</v>
      </c>
      <c r="C27580" s="1" t="s">
        <v>125</v>
      </c>
      <c r="D27580" s="1" t="s">
        <v>98429</v>
      </c>
      <c r="E27580" s="1" t="s">
        <v>56585</v>
      </c>
      <c r="F27580" s="1" t="s">
        <v>98430</v>
      </c>
      <c r="G27580" s="1" t="s">
        <v>98366</v>
      </c>
      <c r="H27580" s="1" t="s">
        <v>98367</v>
      </c>
      <c r="I27580" s="1" t="s">
        <v>96632</v>
      </c>
      <c r="J27580" s="1" t="s">
        <v>98431</v>
      </c>
    </row>
    <row r="27581" spans="1:10" x14ac:dyDescent="0.35">
      <c r="A27581" s="1" t="s">
        <v>12032</v>
      </c>
      <c r="B27581" s="1" t="s">
        <v>96627</v>
      </c>
      <c r="C27581" s="1" t="s">
        <v>130</v>
      </c>
      <c r="D27581" s="1" t="s">
        <v>64470</v>
      </c>
      <c r="E27581" s="1" t="s">
        <v>58534</v>
      </c>
      <c r="F27581" s="1" t="s">
        <v>98432</v>
      </c>
      <c r="G27581" s="1" t="s">
        <v>98366</v>
      </c>
      <c r="H27581" s="1" t="s">
        <v>98367</v>
      </c>
      <c r="I27581" s="1" t="s">
        <v>96632</v>
      </c>
      <c r="J27581" s="1" t="s">
        <v>98433</v>
      </c>
    </row>
    <row r="27582" spans="1:10" x14ac:dyDescent="0.35">
      <c r="A27582" s="1" t="s">
        <v>12032</v>
      </c>
      <c r="B27582" s="1" t="s">
        <v>96627</v>
      </c>
      <c r="C27582" s="1" t="s">
        <v>135</v>
      </c>
      <c r="D27582" s="1" t="s">
        <v>98434</v>
      </c>
      <c r="E27582" s="1" t="s">
        <v>68252</v>
      </c>
      <c r="F27582" s="1" t="s">
        <v>98435</v>
      </c>
      <c r="G27582" s="1" t="s">
        <v>98366</v>
      </c>
      <c r="H27582" s="1" t="s">
        <v>98367</v>
      </c>
      <c r="I27582" s="1" t="s">
        <v>96632</v>
      </c>
      <c r="J27582" s="1" t="s">
        <v>98436</v>
      </c>
    </row>
    <row r="27583" spans="1:10" x14ac:dyDescent="0.35">
      <c r="A27583" s="1" t="s">
        <v>12032</v>
      </c>
      <c r="B27583" s="1" t="s">
        <v>96627</v>
      </c>
      <c r="C27583" s="1" t="s">
        <v>140</v>
      </c>
      <c r="D27583" s="1" t="s">
        <v>98437</v>
      </c>
      <c r="E27583" s="1" t="s">
        <v>41283</v>
      </c>
      <c r="F27583" s="1" t="s">
        <v>98438</v>
      </c>
      <c r="G27583" s="1" t="s">
        <v>98366</v>
      </c>
      <c r="H27583" s="1" t="s">
        <v>98367</v>
      </c>
      <c r="I27583" s="1" t="s">
        <v>96632</v>
      </c>
      <c r="J27583" s="1" t="s">
        <v>98439</v>
      </c>
    </row>
    <row r="27584" spans="1:10" x14ac:dyDescent="0.35">
      <c r="A27584" s="1" t="s">
        <v>12032</v>
      </c>
      <c r="B27584" s="1" t="s">
        <v>96627</v>
      </c>
      <c r="C27584" s="1" t="s">
        <v>145</v>
      </c>
      <c r="D27584" s="1" t="s">
        <v>98440</v>
      </c>
      <c r="E27584" s="1" t="s">
        <v>54046</v>
      </c>
      <c r="F27584" s="1" t="s">
        <v>98441</v>
      </c>
      <c r="G27584" s="1" t="s">
        <v>98366</v>
      </c>
      <c r="H27584" s="1" t="s">
        <v>98367</v>
      </c>
      <c r="I27584" s="1" t="s">
        <v>96632</v>
      </c>
      <c r="J27584" s="1" t="s">
        <v>98442</v>
      </c>
    </row>
    <row r="27585" spans="1:10" x14ac:dyDescent="0.35">
      <c r="A27585" s="1" t="s">
        <v>12032</v>
      </c>
      <c r="B27585" s="1" t="s">
        <v>96627</v>
      </c>
      <c r="C27585" s="1" t="s">
        <v>150</v>
      </c>
      <c r="D27585" s="1" t="s">
        <v>98443</v>
      </c>
      <c r="E27585" s="1" t="s">
        <v>53808</v>
      </c>
      <c r="F27585" s="1" t="s">
        <v>98444</v>
      </c>
      <c r="G27585" s="1" t="s">
        <v>98366</v>
      </c>
      <c r="H27585" s="1" t="s">
        <v>98367</v>
      </c>
      <c r="I27585" s="1" t="s">
        <v>96632</v>
      </c>
      <c r="J27585" s="1" t="s">
        <v>98445</v>
      </c>
    </row>
    <row r="27586" spans="1:10" x14ac:dyDescent="0.35">
      <c r="A27586" s="1" t="s">
        <v>12032</v>
      </c>
      <c r="B27586" s="1" t="s">
        <v>96627</v>
      </c>
      <c r="C27586" s="1" t="s">
        <v>155</v>
      </c>
      <c r="D27586" s="1" t="s">
        <v>98446</v>
      </c>
      <c r="E27586" s="1" t="s">
        <v>55968</v>
      </c>
      <c r="F27586" s="1" t="s">
        <v>98447</v>
      </c>
      <c r="G27586" s="1" t="s">
        <v>98366</v>
      </c>
      <c r="H27586" s="1" t="s">
        <v>98367</v>
      </c>
      <c r="I27586" s="1" t="s">
        <v>96632</v>
      </c>
      <c r="J27586" s="1" t="s">
        <v>98448</v>
      </c>
    </row>
    <row r="27587" spans="1:10" x14ac:dyDescent="0.35">
      <c r="A27587" s="1" t="s">
        <v>12032</v>
      </c>
      <c r="B27587" s="1" t="s">
        <v>96627</v>
      </c>
      <c r="C27587" s="1" t="s">
        <v>160</v>
      </c>
      <c r="D27587" s="1" t="s">
        <v>56220</v>
      </c>
      <c r="E27587" s="1" t="s">
        <v>57392</v>
      </c>
      <c r="F27587" s="1" t="s">
        <v>98449</v>
      </c>
      <c r="G27587" s="1" t="s">
        <v>98366</v>
      </c>
      <c r="H27587" s="1" t="s">
        <v>98367</v>
      </c>
      <c r="I27587" s="1" t="s">
        <v>96632</v>
      </c>
      <c r="J27587" s="1" t="s">
        <v>98450</v>
      </c>
    </row>
    <row r="27588" spans="1:10" x14ac:dyDescent="0.35">
      <c r="A27588" s="1" t="s">
        <v>12032</v>
      </c>
      <c r="B27588" s="1" t="s">
        <v>96627</v>
      </c>
      <c r="C27588" s="1" t="s">
        <v>165</v>
      </c>
      <c r="D27588" s="1" t="s">
        <v>53255</v>
      </c>
      <c r="E27588" s="1" t="s">
        <v>57638</v>
      </c>
      <c r="F27588" s="1" t="s">
        <v>98451</v>
      </c>
      <c r="G27588" s="1" t="s">
        <v>98366</v>
      </c>
      <c r="H27588" s="1" t="s">
        <v>98367</v>
      </c>
      <c r="I27588" s="1" t="s">
        <v>96632</v>
      </c>
      <c r="J27588" s="1" t="s">
        <v>98452</v>
      </c>
    </row>
    <row r="27589" spans="1:10" x14ac:dyDescent="0.35">
      <c r="A27589" s="1" t="s">
        <v>12032</v>
      </c>
      <c r="B27589" s="1" t="s">
        <v>96627</v>
      </c>
      <c r="C27589" s="1" t="s">
        <v>170</v>
      </c>
      <c r="D27589" s="1" t="s">
        <v>98453</v>
      </c>
      <c r="E27589" s="1" t="s">
        <v>56082</v>
      </c>
      <c r="F27589" s="1" t="s">
        <v>98454</v>
      </c>
      <c r="G27589" s="1" t="s">
        <v>98366</v>
      </c>
      <c r="H27589" s="1" t="s">
        <v>98367</v>
      </c>
      <c r="I27589" s="1" t="s">
        <v>96632</v>
      </c>
      <c r="J27589" s="1" t="s">
        <v>98455</v>
      </c>
    </row>
    <row r="27590" spans="1:10" x14ac:dyDescent="0.35">
      <c r="A27590" s="1" t="s">
        <v>98456</v>
      </c>
      <c r="B27590" s="1" t="s">
        <v>96627</v>
      </c>
      <c r="C27590" s="1" t="s">
        <v>8</v>
      </c>
      <c r="D27590" s="1" t="s">
        <v>98457</v>
      </c>
      <c r="E27590" s="1" t="s">
        <v>98458</v>
      </c>
      <c r="F27590" s="1" t="s">
        <v>98459</v>
      </c>
      <c r="G27590" s="1" t="s">
        <v>98460</v>
      </c>
      <c r="H27590" s="1" t="s">
        <v>98461</v>
      </c>
      <c r="I27590" s="1" t="s">
        <v>96632</v>
      </c>
      <c r="J27590" s="1" t="s">
        <v>13</v>
      </c>
    </row>
    <row r="27591" spans="1:10" x14ac:dyDescent="0.35">
      <c r="A27591" s="1" t="s">
        <v>98456</v>
      </c>
      <c r="B27591" s="1" t="s">
        <v>96627</v>
      </c>
      <c r="C27591" s="1" t="s">
        <v>15</v>
      </c>
      <c r="D27591" s="1" t="s">
        <v>98462</v>
      </c>
      <c r="E27591" s="1" t="s">
        <v>98463</v>
      </c>
      <c r="F27591" s="1" t="s">
        <v>98464</v>
      </c>
      <c r="G27591" s="1" t="s">
        <v>98460</v>
      </c>
      <c r="H27591" s="1" t="s">
        <v>98461</v>
      </c>
      <c r="I27591" s="1" t="s">
        <v>96632</v>
      </c>
      <c r="J27591" s="1" t="s">
        <v>98465</v>
      </c>
    </row>
    <row r="27592" spans="1:10" x14ac:dyDescent="0.35">
      <c r="A27592" s="1" t="s">
        <v>98456</v>
      </c>
      <c r="B27592" s="1" t="s">
        <v>96627</v>
      </c>
      <c r="C27592" s="1" t="s">
        <v>20</v>
      </c>
      <c r="D27592" s="1" t="s">
        <v>65893</v>
      </c>
      <c r="E27592" s="1" t="s">
        <v>98466</v>
      </c>
      <c r="F27592" s="1" t="s">
        <v>98467</v>
      </c>
      <c r="G27592" s="1" t="s">
        <v>98460</v>
      </c>
      <c r="H27592" s="1" t="s">
        <v>98461</v>
      </c>
      <c r="I27592" s="1" t="s">
        <v>96632</v>
      </c>
      <c r="J27592" s="1" t="s">
        <v>98468</v>
      </c>
    </row>
    <row r="27593" spans="1:10" x14ac:dyDescent="0.35">
      <c r="A27593" s="1" t="s">
        <v>98456</v>
      </c>
      <c r="B27593" s="1" t="s">
        <v>96627</v>
      </c>
      <c r="C27593" s="1" t="s">
        <v>25</v>
      </c>
      <c r="D27593" s="1" t="s">
        <v>61721</v>
      </c>
      <c r="E27593" s="1" t="s">
        <v>98469</v>
      </c>
      <c r="F27593" s="1" t="s">
        <v>98470</v>
      </c>
      <c r="G27593" s="1" t="s">
        <v>98460</v>
      </c>
      <c r="H27593" s="1" t="s">
        <v>98461</v>
      </c>
      <c r="I27593" s="1" t="s">
        <v>96632</v>
      </c>
      <c r="J27593" s="1" t="s">
        <v>98471</v>
      </c>
    </row>
    <row r="27594" spans="1:10" x14ac:dyDescent="0.35">
      <c r="A27594" s="1" t="s">
        <v>98456</v>
      </c>
      <c r="B27594" s="1" t="s">
        <v>96627</v>
      </c>
      <c r="C27594" s="1" t="s">
        <v>30</v>
      </c>
      <c r="D27594" s="1" t="s">
        <v>98472</v>
      </c>
      <c r="E27594" s="1" t="s">
        <v>98473</v>
      </c>
      <c r="F27594" s="1" t="s">
        <v>98474</v>
      </c>
      <c r="G27594" s="1" t="s">
        <v>98460</v>
      </c>
      <c r="H27594" s="1" t="s">
        <v>98461</v>
      </c>
      <c r="I27594" s="1" t="s">
        <v>96632</v>
      </c>
      <c r="J27594" s="1" t="s">
        <v>98475</v>
      </c>
    </row>
    <row r="27595" spans="1:10" x14ac:dyDescent="0.35">
      <c r="A27595" s="1" t="s">
        <v>98456</v>
      </c>
      <c r="B27595" s="1" t="s">
        <v>96627</v>
      </c>
      <c r="C27595" s="1" t="s">
        <v>35</v>
      </c>
      <c r="D27595" s="1" t="s">
        <v>98476</v>
      </c>
      <c r="E27595" s="1" t="s">
        <v>98477</v>
      </c>
      <c r="F27595" s="1" t="s">
        <v>98478</v>
      </c>
      <c r="G27595" s="1" t="s">
        <v>98460</v>
      </c>
      <c r="H27595" s="1" t="s">
        <v>98461</v>
      </c>
      <c r="I27595" s="1" t="s">
        <v>96632</v>
      </c>
      <c r="J27595" s="1" t="s">
        <v>98479</v>
      </c>
    </row>
    <row r="27596" spans="1:10" x14ac:dyDescent="0.35">
      <c r="A27596" s="1" t="s">
        <v>98456</v>
      </c>
      <c r="B27596" s="1" t="s">
        <v>96627</v>
      </c>
      <c r="C27596" s="1" t="s">
        <v>40</v>
      </c>
      <c r="D27596" s="1" t="s">
        <v>87298</v>
      </c>
      <c r="E27596" s="1" t="s">
        <v>98480</v>
      </c>
      <c r="F27596" s="1" t="s">
        <v>98481</v>
      </c>
      <c r="G27596" s="1" t="s">
        <v>98460</v>
      </c>
      <c r="H27596" s="1" t="s">
        <v>98461</v>
      </c>
      <c r="I27596" s="1" t="s">
        <v>96632</v>
      </c>
      <c r="J27596" s="1" t="s">
        <v>98482</v>
      </c>
    </row>
    <row r="27597" spans="1:10" x14ac:dyDescent="0.35">
      <c r="A27597" s="1" t="s">
        <v>98456</v>
      </c>
      <c r="B27597" s="1" t="s">
        <v>96627</v>
      </c>
      <c r="C27597" s="1" t="s">
        <v>45</v>
      </c>
      <c r="D27597" s="1" t="s">
        <v>98483</v>
      </c>
      <c r="E27597" s="1" t="s">
        <v>98484</v>
      </c>
      <c r="F27597" s="1" t="s">
        <v>98485</v>
      </c>
      <c r="G27597" s="1" t="s">
        <v>98460</v>
      </c>
      <c r="H27597" s="1" t="s">
        <v>98461</v>
      </c>
      <c r="I27597" s="1" t="s">
        <v>96632</v>
      </c>
      <c r="J27597" s="1" t="s">
        <v>98486</v>
      </c>
    </row>
    <row r="27598" spans="1:10" x14ac:dyDescent="0.35">
      <c r="A27598" s="1" t="s">
        <v>98456</v>
      </c>
      <c r="B27598" s="1" t="s">
        <v>96627</v>
      </c>
      <c r="C27598" s="1" t="s">
        <v>50</v>
      </c>
      <c r="D27598" s="1" t="s">
        <v>98487</v>
      </c>
      <c r="E27598" s="1" t="s">
        <v>98488</v>
      </c>
      <c r="F27598" s="1" t="s">
        <v>98489</v>
      </c>
      <c r="G27598" s="1" t="s">
        <v>98460</v>
      </c>
      <c r="H27598" s="1" t="s">
        <v>98461</v>
      </c>
      <c r="I27598" s="1" t="s">
        <v>96632</v>
      </c>
      <c r="J27598" s="1" t="s">
        <v>98490</v>
      </c>
    </row>
    <row r="27599" spans="1:10" x14ac:dyDescent="0.35">
      <c r="A27599" s="1" t="s">
        <v>98456</v>
      </c>
      <c r="B27599" s="1" t="s">
        <v>96627</v>
      </c>
      <c r="C27599" s="1" t="s">
        <v>55</v>
      </c>
      <c r="D27599" s="1" t="s">
        <v>98491</v>
      </c>
      <c r="E27599" s="1" t="s">
        <v>98492</v>
      </c>
      <c r="F27599" s="1" t="s">
        <v>98493</v>
      </c>
      <c r="G27599" s="1" t="s">
        <v>98460</v>
      </c>
      <c r="H27599" s="1" t="s">
        <v>98461</v>
      </c>
      <c r="I27599" s="1" t="s">
        <v>96632</v>
      </c>
      <c r="J27599" s="1" t="s">
        <v>98494</v>
      </c>
    </row>
    <row r="27600" spans="1:10" x14ac:dyDescent="0.35">
      <c r="A27600" s="1" t="s">
        <v>98456</v>
      </c>
      <c r="B27600" s="1" t="s">
        <v>96627</v>
      </c>
      <c r="C27600" s="1" t="s">
        <v>60</v>
      </c>
      <c r="D27600" s="1" t="s">
        <v>98495</v>
      </c>
      <c r="E27600" s="1" t="s">
        <v>98496</v>
      </c>
      <c r="F27600" s="1" t="s">
        <v>98497</v>
      </c>
      <c r="G27600" s="1" t="s">
        <v>98460</v>
      </c>
      <c r="H27600" s="1" t="s">
        <v>98461</v>
      </c>
      <c r="I27600" s="1" t="s">
        <v>96632</v>
      </c>
      <c r="J27600" s="1" t="s">
        <v>98498</v>
      </c>
    </row>
    <row r="27601" spans="1:10" x14ac:dyDescent="0.35">
      <c r="A27601" s="1" t="s">
        <v>98456</v>
      </c>
      <c r="B27601" s="1" t="s">
        <v>96627</v>
      </c>
      <c r="C27601" s="1" t="s">
        <v>65</v>
      </c>
      <c r="D27601" s="1" t="s">
        <v>98499</v>
      </c>
      <c r="E27601" s="1" t="s">
        <v>98500</v>
      </c>
      <c r="F27601" s="1" t="s">
        <v>98501</v>
      </c>
      <c r="G27601" s="1" t="s">
        <v>98460</v>
      </c>
      <c r="H27601" s="1" t="s">
        <v>98461</v>
      </c>
      <c r="I27601" s="1" t="s">
        <v>96632</v>
      </c>
      <c r="J27601" s="1" t="s">
        <v>98502</v>
      </c>
    </row>
    <row r="27602" spans="1:10" x14ac:dyDescent="0.35">
      <c r="A27602" s="1" t="s">
        <v>98456</v>
      </c>
      <c r="B27602" s="1" t="s">
        <v>96627</v>
      </c>
      <c r="C27602" s="1" t="s">
        <v>70</v>
      </c>
      <c r="D27602" s="1" t="s">
        <v>98503</v>
      </c>
      <c r="E27602" s="1" t="s">
        <v>98504</v>
      </c>
      <c r="F27602" s="1" t="s">
        <v>98505</v>
      </c>
      <c r="G27602" s="1" t="s">
        <v>98460</v>
      </c>
      <c r="H27602" s="1" t="s">
        <v>98461</v>
      </c>
      <c r="I27602" s="1" t="s">
        <v>96632</v>
      </c>
      <c r="J27602" s="1" t="s">
        <v>98506</v>
      </c>
    </row>
    <row r="27603" spans="1:10" x14ac:dyDescent="0.35">
      <c r="A27603" s="1" t="s">
        <v>98456</v>
      </c>
      <c r="B27603" s="1" t="s">
        <v>96627</v>
      </c>
      <c r="C27603" s="1" t="s">
        <v>75</v>
      </c>
      <c r="D27603" s="1" t="s">
        <v>98507</v>
      </c>
      <c r="E27603" s="1" t="s">
        <v>98508</v>
      </c>
      <c r="F27603" s="1" t="s">
        <v>98509</v>
      </c>
      <c r="G27603" s="1" t="s">
        <v>98460</v>
      </c>
      <c r="H27603" s="1" t="s">
        <v>98461</v>
      </c>
      <c r="I27603" s="1" t="s">
        <v>96632</v>
      </c>
      <c r="J27603" s="1" t="s">
        <v>98510</v>
      </c>
    </row>
    <row r="27604" spans="1:10" x14ac:dyDescent="0.35">
      <c r="A27604" s="1" t="s">
        <v>98456</v>
      </c>
      <c r="B27604" s="1" t="s">
        <v>96627</v>
      </c>
      <c r="C27604" s="1" t="s">
        <v>80</v>
      </c>
      <c r="D27604" s="1" t="s">
        <v>39253</v>
      </c>
      <c r="E27604" s="1" t="s">
        <v>98511</v>
      </c>
      <c r="F27604" s="1" t="s">
        <v>98512</v>
      </c>
      <c r="G27604" s="1" t="s">
        <v>98460</v>
      </c>
      <c r="H27604" s="1" t="s">
        <v>98461</v>
      </c>
      <c r="I27604" s="1" t="s">
        <v>96632</v>
      </c>
      <c r="J27604" s="1" t="s">
        <v>98513</v>
      </c>
    </row>
    <row r="27605" spans="1:10" x14ac:dyDescent="0.35">
      <c r="A27605" s="1" t="s">
        <v>98456</v>
      </c>
      <c r="B27605" s="1" t="s">
        <v>96627</v>
      </c>
      <c r="C27605" s="1" t="s">
        <v>85</v>
      </c>
      <c r="D27605" s="1" t="s">
        <v>98514</v>
      </c>
      <c r="E27605" s="1" t="s">
        <v>98515</v>
      </c>
      <c r="F27605" s="1" t="s">
        <v>98516</v>
      </c>
      <c r="G27605" s="1" t="s">
        <v>98460</v>
      </c>
      <c r="H27605" s="1" t="s">
        <v>98461</v>
      </c>
      <c r="I27605" s="1" t="s">
        <v>96632</v>
      </c>
      <c r="J27605" s="1" t="s">
        <v>98517</v>
      </c>
    </row>
    <row r="27606" spans="1:10" x14ac:dyDescent="0.35">
      <c r="A27606" s="1" t="s">
        <v>98456</v>
      </c>
      <c r="B27606" s="1" t="s">
        <v>96627</v>
      </c>
      <c r="C27606" s="1" t="s">
        <v>90</v>
      </c>
      <c r="D27606" s="1" t="s">
        <v>70176</v>
      </c>
      <c r="E27606" s="1" t="s">
        <v>98518</v>
      </c>
      <c r="F27606" s="1" t="s">
        <v>98519</v>
      </c>
      <c r="G27606" s="1" t="s">
        <v>98460</v>
      </c>
      <c r="H27606" s="1" t="s">
        <v>98461</v>
      </c>
      <c r="I27606" s="1" t="s">
        <v>96632</v>
      </c>
      <c r="J27606" s="1" t="s">
        <v>98520</v>
      </c>
    </row>
    <row r="27607" spans="1:10" x14ac:dyDescent="0.35">
      <c r="A27607" s="1" t="s">
        <v>98456</v>
      </c>
      <c r="B27607" s="1" t="s">
        <v>96627</v>
      </c>
      <c r="C27607" s="1" t="s">
        <v>95</v>
      </c>
      <c r="D27607" s="1" t="s">
        <v>98521</v>
      </c>
      <c r="E27607" s="1" t="s">
        <v>98522</v>
      </c>
      <c r="F27607" s="1" t="s">
        <v>98523</v>
      </c>
      <c r="G27607" s="1" t="s">
        <v>98460</v>
      </c>
      <c r="H27607" s="1" t="s">
        <v>98461</v>
      </c>
      <c r="I27607" s="1" t="s">
        <v>96632</v>
      </c>
      <c r="J27607" s="1" t="s">
        <v>98524</v>
      </c>
    </row>
    <row r="27608" spans="1:10" x14ac:dyDescent="0.35">
      <c r="A27608" s="1" t="s">
        <v>98456</v>
      </c>
      <c r="B27608" s="1" t="s">
        <v>96627</v>
      </c>
      <c r="C27608" s="1" t="s">
        <v>100</v>
      </c>
      <c r="D27608" s="1" t="s">
        <v>98525</v>
      </c>
      <c r="E27608" s="1" t="s">
        <v>98526</v>
      </c>
      <c r="F27608" s="1" t="s">
        <v>98527</v>
      </c>
      <c r="G27608" s="1" t="s">
        <v>98460</v>
      </c>
      <c r="H27608" s="1" t="s">
        <v>98461</v>
      </c>
      <c r="I27608" s="1" t="s">
        <v>96632</v>
      </c>
      <c r="J27608" s="1" t="s">
        <v>98528</v>
      </c>
    </row>
    <row r="27609" spans="1:10" x14ac:dyDescent="0.35">
      <c r="A27609" s="1" t="s">
        <v>98456</v>
      </c>
      <c r="B27609" s="1" t="s">
        <v>96627</v>
      </c>
      <c r="C27609" s="1" t="s">
        <v>105</v>
      </c>
      <c r="D27609" s="1" t="s">
        <v>54696</v>
      </c>
      <c r="E27609" s="1" t="s">
        <v>98529</v>
      </c>
      <c r="F27609" s="1" t="s">
        <v>98530</v>
      </c>
      <c r="G27609" s="1" t="s">
        <v>98460</v>
      </c>
      <c r="H27609" s="1" t="s">
        <v>98461</v>
      </c>
      <c r="I27609" s="1" t="s">
        <v>96632</v>
      </c>
      <c r="J27609" s="1" t="s">
        <v>98531</v>
      </c>
    </row>
    <row r="27610" spans="1:10" x14ac:dyDescent="0.35">
      <c r="A27610" s="1" t="s">
        <v>98456</v>
      </c>
      <c r="B27610" s="1" t="s">
        <v>96627</v>
      </c>
      <c r="C27610" s="1" t="s">
        <v>110</v>
      </c>
      <c r="D27610" s="1" t="s">
        <v>98532</v>
      </c>
      <c r="E27610" s="1" t="s">
        <v>98533</v>
      </c>
      <c r="F27610" s="1" t="s">
        <v>98534</v>
      </c>
      <c r="G27610" s="1" t="s">
        <v>98460</v>
      </c>
      <c r="H27610" s="1" t="s">
        <v>98461</v>
      </c>
      <c r="I27610" s="1" t="s">
        <v>96632</v>
      </c>
      <c r="J27610" s="1" t="s">
        <v>98535</v>
      </c>
    </row>
    <row r="27611" spans="1:10" x14ac:dyDescent="0.35">
      <c r="A27611" s="1" t="s">
        <v>98456</v>
      </c>
      <c r="B27611" s="1" t="s">
        <v>96627</v>
      </c>
      <c r="C27611" s="1" t="s">
        <v>115</v>
      </c>
      <c r="D27611" s="1" t="s">
        <v>70247</v>
      </c>
      <c r="E27611" s="1" t="s">
        <v>98536</v>
      </c>
      <c r="F27611" s="1" t="s">
        <v>98537</v>
      </c>
      <c r="G27611" s="1" t="s">
        <v>98460</v>
      </c>
      <c r="H27611" s="1" t="s">
        <v>98461</v>
      </c>
      <c r="I27611" s="1" t="s">
        <v>96632</v>
      </c>
      <c r="J27611" s="1" t="s">
        <v>98538</v>
      </c>
    </row>
    <row r="27612" spans="1:10" x14ac:dyDescent="0.35">
      <c r="A27612" s="1" t="s">
        <v>98456</v>
      </c>
      <c r="B27612" s="1" t="s">
        <v>96627</v>
      </c>
      <c r="C27612" s="1" t="s">
        <v>120</v>
      </c>
      <c r="D27612" s="1" t="s">
        <v>98539</v>
      </c>
      <c r="E27612" s="1" t="s">
        <v>98540</v>
      </c>
      <c r="F27612" s="1" t="s">
        <v>98541</v>
      </c>
      <c r="G27612" s="1" t="s">
        <v>98460</v>
      </c>
      <c r="H27612" s="1" t="s">
        <v>98461</v>
      </c>
      <c r="I27612" s="1" t="s">
        <v>96632</v>
      </c>
      <c r="J27612" s="1" t="s">
        <v>98542</v>
      </c>
    </row>
    <row r="27613" spans="1:10" x14ac:dyDescent="0.35">
      <c r="A27613" s="1" t="s">
        <v>98456</v>
      </c>
      <c r="B27613" s="1" t="s">
        <v>96627</v>
      </c>
      <c r="C27613" s="1" t="s">
        <v>125</v>
      </c>
      <c r="D27613" s="1" t="s">
        <v>85167</v>
      </c>
      <c r="E27613" s="1" t="s">
        <v>98543</v>
      </c>
      <c r="F27613" s="1" t="s">
        <v>98544</v>
      </c>
      <c r="G27613" s="1" t="s">
        <v>98460</v>
      </c>
      <c r="H27613" s="1" t="s">
        <v>98461</v>
      </c>
      <c r="I27613" s="1" t="s">
        <v>96632</v>
      </c>
      <c r="J27613" s="1" t="s">
        <v>98545</v>
      </c>
    </row>
    <row r="27614" spans="1:10" x14ac:dyDescent="0.35">
      <c r="A27614" s="1" t="s">
        <v>98456</v>
      </c>
      <c r="B27614" s="1" t="s">
        <v>96627</v>
      </c>
      <c r="C27614" s="1" t="s">
        <v>130</v>
      </c>
      <c r="D27614" s="1" t="s">
        <v>98546</v>
      </c>
      <c r="E27614" s="1" t="s">
        <v>98547</v>
      </c>
      <c r="F27614" s="1" t="s">
        <v>98548</v>
      </c>
      <c r="G27614" s="1" t="s">
        <v>98460</v>
      </c>
      <c r="H27614" s="1" t="s">
        <v>98461</v>
      </c>
      <c r="I27614" s="1" t="s">
        <v>96632</v>
      </c>
      <c r="J27614" s="1" t="s">
        <v>98549</v>
      </c>
    </row>
    <row r="27615" spans="1:10" x14ac:dyDescent="0.35">
      <c r="A27615" s="1" t="s">
        <v>98456</v>
      </c>
      <c r="B27615" s="1" t="s">
        <v>96627</v>
      </c>
      <c r="C27615" s="1" t="s">
        <v>135</v>
      </c>
      <c r="D27615" s="1" t="s">
        <v>98550</v>
      </c>
      <c r="E27615" s="1" t="s">
        <v>98551</v>
      </c>
      <c r="F27615" s="1" t="s">
        <v>98552</v>
      </c>
      <c r="G27615" s="1" t="s">
        <v>98460</v>
      </c>
      <c r="H27615" s="1" t="s">
        <v>98461</v>
      </c>
      <c r="I27615" s="1" t="s">
        <v>96632</v>
      </c>
      <c r="J27615" s="1" t="s">
        <v>98553</v>
      </c>
    </row>
    <row r="27616" spans="1:10" x14ac:dyDescent="0.35">
      <c r="A27616" s="1" t="s">
        <v>98456</v>
      </c>
      <c r="B27616" s="1" t="s">
        <v>96627</v>
      </c>
      <c r="C27616" s="1" t="s">
        <v>140</v>
      </c>
      <c r="D27616" s="1" t="s">
        <v>98554</v>
      </c>
      <c r="E27616" s="1" t="s">
        <v>98555</v>
      </c>
      <c r="F27616" s="1" t="s">
        <v>98556</v>
      </c>
      <c r="G27616" s="1" t="s">
        <v>98460</v>
      </c>
      <c r="H27616" s="1" t="s">
        <v>98461</v>
      </c>
      <c r="I27616" s="1" t="s">
        <v>96632</v>
      </c>
      <c r="J27616" s="1" t="s">
        <v>98557</v>
      </c>
    </row>
    <row r="27617" spans="1:10" x14ac:dyDescent="0.35">
      <c r="A27617" s="1" t="s">
        <v>98456</v>
      </c>
      <c r="B27617" s="1" t="s">
        <v>96627</v>
      </c>
      <c r="C27617" s="1" t="s">
        <v>145</v>
      </c>
      <c r="D27617" s="1" t="s">
        <v>98558</v>
      </c>
      <c r="E27617" s="1" t="s">
        <v>98559</v>
      </c>
      <c r="F27617" s="1" t="s">
        <v>98560</v>
      </c>
      <c r="G27617" s="1" t="s">
        <v>98460</v>
      </c>
      <c r="H27617" s="1" t="s">
        <v>98461</v>
      </c>
      <c r="I27617" s="1" t="s">
        <v>96632</v>
      </c>
      <c r="J27617" s="1" t="s">
        <v>98561</v>
      </c>
    </row>
    <row r="27618" spans="1:10" x14ac:dyDescent="0.35">
      <c r="A27618" s="1" t="s">
        <v>98456</v>
      </c>
      <c r="B27618" s="1" t="s">
        <v>96627</v>
      </c>
      <c r="C27618" s="1" t="s">
        <v>150</v>
      </c>
      <c r="D27618" s="1" t="s">
        <v>76534</v>
      </c>
      <c r="E27618" s="1" t="s">
        <v>98562</v>
      </c>
      <c r="F27618" s="1" t="s">
        <v>98563</v>
      </c>
      <c r="G27618" s="1" t="s">
        <v>98460</v>
      </c>
      <c r="H27618" s="1" t="s">
        <v>98461</v>
      </c>
      <c r="I27618" s="1" t="s">
        <v>96632</v>
      </c>
      <c r="J27618" s="1" t="s">
        <v>98564</v>
      </c>
    </row>
    <row r="27619" spans="1:10" x14ac:dyDescent="0.35">
      <c r="A27619" s="1" t="s">
        <v>98456</v>
      </c>
      <c r="B27619" s="1" t="s">
        <v>96627</v>
      </c>
      <c r="C27619" s="1" t="s">
        <v>155</v>
      </c>
      <c r="D27619" s="1" t="s">
        <v>98565</v>
      </c>
      <c r="E27619" s="1" t="s">
        <v>98566</v>
      </c>
      <c r="F27619" s="1" t="s">
        <v>98567</v>
      </c>
      <c r="G27619" s="1" t="s">
        <v>98460</v>
      </c>
      <c r="H27619" s="1" t="s">
        <v>98461</v>
      </c>
      <c r="I27619" s="1" t="s">
        <v>96632</v>
      </c>
      <c r="J27619" s="1" t="s">
        <v>98568</v>
      </c>
    </row>
    <row r="27620" spans="1:10" x14ac:dyDescent="0.35">
      <c r="A27620" s="1" t="s">
        <v>98456</v>
      </c>
      <c r="B27620" s="1" t="s">
        <v>96627</v>
      </c>
      <c r="C27620" s="1" t="s">
        <v>160</v>
      </c>
      <c r="D27620" s="1" t="s">
        <v>98569</v>
      </c>
      <c r="E27620" s="1" t="s">
        <v>98570</v>
      </c>
      <c r="F27620" s="1" t="s">
        <v>98571</v>
      </c>
      <c r="G27620" s="1" t="s">
        <v>98460</v>
      </c>
      <c r="H27620" s="1" t="s">
        <v>98461</v>
      </c>
      <c r="I27620" s="1" t="s">
        <v>96632</v>
      </c>
      <c r="J27620" s="1" t="s">
        <v>98572</v>
      </c>
    </row>
    <row r="27621" spans="1:10" x14ac:dyDescent="0.35">
      <c r="A27621" s="1" t="s">
        <v>98456</v>
      </c>
      <c r="B27621" s="1" t="s">
        <v>96627</v>
      </c>
      <c r="C27621" s="1" t="s">
        <v>165</v>
      </c>
      <c r="D27621" s="1" t="s">
        <v>98573</v>
      </c>
      <c r="E27621" s="1" t="s">
        <v>98574</v>
      </c>
      <c r="F27621" s="1" t="s">
        <v>98575</v>
      </c>
      <c r="G27621" s="1" t="s">
        <v>98460</v>
      </c>
      <c r="H27621" s="1" t="s">
        <v>98461</v>
      </c>
      <c r="I27621" s="1" t="s">
        <v>96632</v>
      </c>
      <c r="J27621" s="1" t="s">
        <v>98576</v>
      </c>
    </row>
    <row r="27622" spans="1:10" x14ac:dyDescent="0.35">
      <c r="A27622" s="1" t="s">
        <v>98456</v>
      </c>
      <c r="B27622" s="1" t="s">
        <v>96627</v>
      </c>
      <c r="C27622" s="1" t="s">
        <v>170</v>
      </c>
      <c r="D27622" s="1" t="s">
        <v>98577</v>
      </c>
      <c r="E27622" s="1" t="s">
        <v>98578</v>
      </c>
      <c r="F27622" s="1" t="s">
        <v>98579</v>
      </c>
      <c r="G27622" s="1" t="s">
        <v>98460</v>
      </c>
      <c r="H27622" s="1" t="s">
        <v>98461</v>
      </c>
      <c r="I27622" s="1" t="s">
        <v>96632</v>
      </c>
      <c r="J27622" s="1" t="s">
        <v>98580</v>
      </c>
    </row>
    <row r="27623" spans="1:10" x14ac:dyDescent="0.35">
      <c r="A27623" s="1" t="s">
        <v>25096</v>
      </c>
      <c r="B27623" s="1" t="s">
        <v>96627</v>
      </c>
      <c r="C27623" s="1" t="s">
        <v>8</v>
      </c>
      <c r="D27623" s="1" t="s">
        <v>98581</v>
      </c>
      <c r="E27623" s="1" t="s">
        <v>98582</v>
      </c>
      <c r="F27623" s="1" t="s">
        <v>98583</v>
      </c>
      <c r="G27623" s="1" t="s">
        <v>98584</v>
      </c>
      <c r="H27623" s="1" t="s">
        <v>98585</v>
      </c>
      <c r="I27623" s="1" t="s">
        <v>96632</v>
      </c>
      <c r="J27623" s="1" t="s">
        <v>13</v>
      </c>
    </row>
    <row r="27624" spans="1:10" x14ac:dyDescent="0.35">
      <c r="A27624" s="1" t="s">
        <v>25096</v>
      </c>
      <c r="B27624" s="1" t="s">
        <v>96627</v>
      </c>
      <c r="C27624" s="1" t="s">
        <v>15</v>
      </c>
      <c r="D27624" s="1" t="s">
        <v>98586</v>
      </c>
      <c r="E27624" s="1" t="s">
        <v>98587</v>
      </c>
      <c r="F27624" s="1" t="s">
        <v>54233</v>
      </c>
      <c r="G27624" s="1" t="s">
        <v>98584</v>
      </c>
      <c r="H27624" s="1" t="s">
        <v>98585</v>
      </c>
      <c r="I27624" s="1" t="s">
        <v>96632</v>
      </c>
      <c r="J27624" s="1" t="s">
        <v>98588</v>
      </c>
    </row>
    <row r="27625" spans="1:10" x14ac:dyDescent="0.35">
      <c r="A27625" s="1" t="s">
        <v>25096</v>
      </c>
      <c r="B27625" s="1" t="s">
        <v>96627</v>
      </c>
      <c r="C27625" s="1" t="s">
        <v>20</v>
      </c>
      <c r="D27625" s="1" t="s">
        <v>98280</v>
      </c>
      <c r="E27625" s="1" t="s">
        <v>55586</v>
      </c>
      <c r="F27625" s="1" t="s">
        <v>98589</v>
      </c>
      <c r="G27625" s="1" t="s">
        <v>98584</v>
      </c>
      <c r="H27625" s="1" t="s">
        <v>98585</v>
      </c>
      <c r="I27625" s="1" t="s">
        <v>96632</v>
      </c>
      <c r="J27625" s="1" t="s">
        <v>98590</v>
      </c>
    </row>
    <row r="27626" spans="1:10" x14ac:dyDescent="0.35">
      <c r="A27626" s="1" t="s">
        <v>25096</v>
      </c>
      <c r="B27626" s="1" t="s">
        <v>96627</v>
      </c>
      <c r="C27626" s="1" t="s">
        <v>25</v>
      </c>
      <c r="D27626" s="1" t="s">
        <v>98591</v>
      </c>
      <c r="E27626" s="1" t="s">
        <v>63887</v>
      </c>
      <c r="F27626" s="1" t="s">
        <v>98592</v>
      </c>
      <c r="G27626" s="1" t="s">
        <v>98584</v>
      </c>
      <c r="H27626" s="1" t="s">
        <v>98585</v>
      </c>
      <c r="I27626" s="1" t="s">
        <v>96632</v>
      </c>
      <c r="J27626" s="1" t="s">
        <v>98593</v>
      </c>
    </row>
    <row r="27627" spans="1:10" x14ac:dyDescent="0.35">
      <c r="A27627" s="1" t="s">
        <v>25096</v>
      </c>
      <c r="B27627" s="1" t="s">
        <v>96627</v>
      </c>
      <c r="C27627" s="1" t="s">
        <v>30</v>
      </c>
      <c r="D27627" s="1" t="s">
        <v>98594</v>
      </c>
      <c r="E27627" s="1" t="s">
        <v>26552</v>
      </c>
      <c r="F27627" s="1" t="s">
        <v>68890</v>
      </c>
      <c r="G27627" s="1" t="s">
        <v>98584</v>
      </c>
      <c r="H27627" s="1" t="s">
        <v>98585</v>
      </c>
      <c r="I27627" s="1" t="s">
        <v>96632</v>
      </c>
      <c r="J27627" s="1" t="s">
        <v>98595</v>
      </c>
    </row>
    <row r="27628" spans="1:10" x14ac:dyDescent="0.35">
      <c r="A27628" s="1" t="s">
        <v>25096</v>
      </c>
      <c r="B27628" s="1" t="s">
        <v>96627</v>
      </c>
      <c r="C27628" s="1" t="s">
        <v>35</v>
      </c>
      <c r="D27628" s="1" t="s">
        <v>56685</v>
      </c>
      <c r="E27628" s="1" t="s">
        <v>66425</v>
      </c>
      <c r="F27628" s="1" t="s">
        <v>98596</v>
      </c>
      <c r="G27628" s="1" t="s">
        <v>98584</v>
      </c>
      <c r="H27628" s="1" t="s">
        <v>98585</v>
      </c>
      <c r="I27628" s="1" t="s">
        <v>96632</v>
      </c>
      <c r="J27628" s="1" t="s">
        <v>98597</v>
      </c>
    </row>
    <row r="27629" spans="1:10" x14ac:dyDescent="0.35">
      <c r="A27629" s="1" t="s">
        <v>25096</v>
      </c>
      <c r="B27629" s="1" t="s">
        <v>96627</v>
      </c>
      <c r="C27629" s="1" t="s">
        <v>40</v>
      </c>
      <c r="D27629" s="1" t="s">
        <v>98598</v>
      </c>
      <c r="E27629" s="1" t="s">
        <v>21201</v>
      </c>
      <c r="F27629" s="1" t="s">
        <v>68691</v>
      </c>
      <c r="G27629" s="1" t="s">
        <v>98584</v>
      </c>
      <c r="H27629" s="1" t="s">
        <v>98585</v>
      </c>
      <c r="I27629" s="1" t="s">
        <v>96632</v>
      </c>
      <c r="J27629" s="1" t="s">
        <v>98599</v>
      </c>
    </row>
    <row r="27630" spans="1:10" x14ac:dyDescent="0.35">
      <c r="A27630" s="1" t="s">
        <v>25096</v>
      </c>
      <c r="B27630" s="1" t="s">
        <v>96627</v>
      </c>
      <c r="C27630" s="1" t="s">
        <v>45</v>
      </c>
      <c r="D27630" s="1" t="s">
        <v>39318</v>
      </c>
      <c r="E27630" s="1" t="s">
        <v>23164</v>
      </c>
      <c r="F27630" s="1" t="s">
        <v>65732</v>
      </c>
      <c r="G27630" s="1" t="s">
        <v>98584</v>
      </c>
      <c r="H27630" s="1" t="s">
        <v>98585</v>
      </c>
      <c r="I27630" s="1" t="s">
        <v>96632</v>
      </c>
      <c r="J27630" s="1" t="s">
        <v>98600</v>
      </c>
    </row>
    <row r="27631" spans="1:10" x14ac:dyDescent="0.35">
      <c r="A27631" s="1" t="s">
        <v>25096</v>
      </c>
      <c r="B27631" s="1" t="s">
        <v>96627</v>
      </c>
      <c r="C27631" s="1" t="s">
        <v>50</v>
      </c>
      <c r="D27631" s="1" t="s">
        <v>77355</v>
      </c>
      <c r="E27631" s="1" t="s">
        <v>21834</v>
      </c>
      <c r="F27631" s="1" t="s">
        <v>98601</v>
      </c>
      <c r="G27631" s="1" t="s">
        <v>98584</v>
      </c>
      <c r="H27631" s="1" t="s">
        <v>98585</v>
      </c>
      <c r="I27631" s="1" t="s">
        <v>96632</v>
      </c>
      <c r="J27631" s="1" t="s">
        <v>98602</v>
      </c>
    </row>
    <row r="27632" spans="1:10" x14ac:dyDescent="0.35">
      <c r="A27632" s="1" t="s">
        <v>25096</v>
      </c>
      <c r="B27632" s="1" t="s">
        <v>96627</v>
      </c>
      <c r="C27632" s="1" t="s">
        <v>55</v>
      </c>
      <c r="D27632" s="1" t="s">
        <v>93378</v>
      </c>
      <c r="E27632" s="1" t="s">
        <v>32076</v>
      </c>
      <c r="F27632" s="1" t="s">
        <v>98603</v>
      </c>
      <c r="G27632" s="1" t="s">
        <v>98584</v>
      </c>
      <c r="H27632" s="1" t="s">
        <v>98585</v>
      </c>
      <c r="I27632" s="1" t="s">
        <v>96632</v>
      </c>
      <c r="J27632" s="1" t="s">
        <v>98604</v>
      </c>
    </row>
    <row r="27633" spans="1:10" x14ac:dyDescent="0.35">
      <c r="A27633" s="1" t="s">
        <v>25096</v>
      </c>
      <c r="B27633" s="1" t="s">
        <v>96627</v>
      </c>
      <c r="C27633" s="1" t="s">
        <v>60</v>
      </c>
      <c r="D27633" s="1" t="s">
        <v>98605</v>
      </c>
      <c r="E27633" s="1" t="s">
        <v>22103</v>
      </c>
      <c r="F27633" s="1" t="s">
        <v>98606</v>
      </c>
      <c r="G27633" s="1" t="s">
        <v>98584</v>
      </c>
      <c r="H27633" s="1" t="s">
        <v>98585</v>
      </c>
      <c r="I27633" s="1" t="s">
        <v>96632</v>
      </c>
      <c r="J27633" s="1" t="s">
        <v>98607</v>
      </c>
    </row>
    <row r="27634" spans="1:10" x14ac:dyDescent="0.35">
      <c r="A27634" s="1" t="s">
        <v>25096</v>
      </c>
      <c r="B27634" s="1" t="s">
        <v>96627</v>
      </c>
      <c r="C27634" s="1" t="s">
        <v>65</v>
      </c>
      <c r="D27634" s="1" t="s">
        <v>98608</v>
      </c>
      <c r="E27634" s="1" t="s">
        <v>15340</v>
      </c>
      <c r="F27634" s="1" t="s">
        <v>56518</v>
      </c>
      <c r="G27634" s="1" t="s">
        <v>98584</v>
      </c>
      <c r="H27634" s="1" t="s">
        <v>98585</v>
      </c>
      <c r="I27634" s="1" t="s">
        <v>96632</v>
      </c>
      <c r="J27634" s="1" t="s">
        <v>98609</v>
      </c>
    </row>
    <row r="27635" spans="1:10" x14ac:dyDescent="0.35">
      <c r="A27635" s="1" t="s">
        <v>25096</v>
      </c>
      <c r="B27635" s="1" t="s">
        <v>96627</v>
      </c>
      <c r="C27635" s="1" t="s">
        <v>70</v>
      </c>
      <c r="D27635" s="1" t="s">
        <v>98610</v>
      </c>
      <c r="E27635" s="1" t="s">
        <v>56090</v>
      </c>
      <c r="F27635" s="1" t="s">
        <v>57107</v>
      </c>
      <c r="G27635" s="1" t="s">
        <v>98584</v>
      </c>
      <c r="H27635" s="1" t="s">
        <v>98585</v>
      </c>
      <c r="I27635" s="1" t="s">
        <v>96632</v>
      </c>
      <c r="J27635" s="1" t="s">
        <v>98611</v>
      </c>
    </row>
    <row r="27636" spans="1:10" x14ac:dyDescent="0.35">
      <c r="A27636" s="1" t="s">
        <v>25096</v>
      </c>
      <c r="B27636" s="1" t="s">
        <v>96627</v>
      </c>
      <c r="C27636" s="1" t="s">
        <v>75</v>
      </c>
      <c r="D27636" s="1" t="s">
        <v>98612</v>
      </c>
      <c r="E27636" s="1" t="s">
        <v>23450</v>
      </c>
      <c r="F27636" s="1" t="s">
        <v>68858</v>
      </c>
      <c r="G27636" s="1" t="s">
        <v>98584</v>
      </c>
      <c r="H27636" s="1" t="s">
        <v>98585</v>
      </c>
      <c r="I27636" s="1" t="s">
        <v>96632</v>
      </c>
      <c r="J27636" s="1" t="s">
        <v>98613</v>
      </c>
    </row>
    <row r="27637" spans="1:10" x14ac:dyDescent="0.35">
      <c r="A27637" s="1" t="s">
        <v>25096</v>
      </c>
      <c r="B27637" s="1" t="s">
        <v>96627</v>
      </c>
      <c r="C27637" s="1" t="s">
        <v>80</v>
      </c>
      <c r="D27637" s="1" t="s">
        <v>86212</v>
      </c>
      <c r="E27637" s="1" t="s">
        <v>15293</v>
      </c>
      <c r="F27637" s="1" t="s">
        <v>98614</v>
      </c>
      <c r="G27637" s="1" t="s">
        <v>98584</v>
      </c>
      <c r="H27637" s="1" t="s">
        <v>98585</v>
      </c>
      <c r="I27637" s="1" t="s">
        <v>96632</v>
      </c>
      <c r="J27637" s="1" t="s">
        <v>98615</v>
      </c>
    </row>
    <row r="27638" spans="1:10" x14ac:dyDescent="0.35">
      <c r="A27638" s="1" t="s">
        <v>25096</v>
      </c>
      <c r="B27638" s="1" t="s">
        <v>96627</v>
      </c>
      <c r="C27638" s="1" t="s">
        <v>85</v>
      </c>
      <c r="D27638" s="1" t="s">
        <v>98616</v>
      </c>
      <c r="E27638" s="1" t="s">
        <v>57384</v>
      </c>
      <c r="F27638" s="1" t="s">
        <v>21914</v>
      </c>
      <c r="G27638" s="1" t="s">
        <v>98584</v>
      </c>
      <c r="H27638" s="1" t="s">
        <v>98585</v>
      </c>
      <c r="I27638" s="1" t="s">
        <v>96632</v>
      </c>
      <c r="J27638" s="1" t="s">
        <v>98617</v>
      </c>
    </row>
    <row r="27639" spans="1:10" x14ac:dyDescent="0.35">
      <c r="A27639" s="1" t="s">
        <v>25096</v>
      </c>
      <c r="B27639" s="1" t="s">
        <v>96627</v>
      </c>
      <c r="C27639" s="1" t="s">
        <v>90</v>
      </c>
      <c r="D27639" s="1" t="s">
        <v>98618</v>
      </c>
      <c r="E27639" s="1" t="s">
        <v>26478</v>
      </c>
      <c r="F27639" s="1" t="s">
        <v>60815</v>
      </c>
      <c r="G27639" s="1" t="s">
        <v>98584</v>
      </c>
      <c r="H27639" s="1" t="s">
        <v>98585</v>
      </c>
      <c r="I27639" s="1" t="s">
        <v>96632</v>
      </c>
      <c r="J27639" s="1" t="s">
        <v>98619</v>
      </c>
    </row>
    <row r="27640" spans="1:10" x14ac:dyDescent="0.35">
      <c r="A27640" s="1" t="s">
        <v>25096</v>
      </c>
      <c r="B27640" s="1" t="s">
        <v>96627</v>
      </c>
      <c r="C27640" s="1" t="s">
        <v>95</v>
      </c>
      <c r="D27640" s="1" t="s">
        <v>61934</v>
      </c>
      <c r="E27640" s="1" t="s">
        <v>15861</v>
      </c>
      <c r="F27640" s="1" t="s">
        <v>98620</v>
      </c>
      <c r="G27640" s="1" t="s">
        <v>98584</v>
      </c>
      <c r="H27640" s="1" t="s">
        <v>98585</v>
      </c>
      <c r="I27640" s="1" t="s">
        <v>96632</v>
      </c>
      <c r="J27640" s="1" t="s">
        <v>98621</v>
      </c>
    </row>
    <row r="27641" spans="1:10" x14ac:dyDescent="0.35">
      <c r="A27641" s="1" t="s">
        <v>25096</v>
      </c>
      <c r="B27641" s="1" t="s">
        <v>96627</v>
      </c>
      <c r="C27641" s="1" t="s">
        <v>100</v>
      </c>
      <c r="D27641" s="1" t="s">
        <v>98622</v>
      </c>
      <c r="E27641" s="1" t="s">
        <v>56032</v>
      </c>
      <c r="F27641" s="1" t="s">
        <v>98623</v>
      </c>
      <c r="G27641" s="1" t="s">
        <v>98584</v>
      </c>
      <c r="H27641" s="1" t="s">
        <v>98585</v>
      </c>
      <c r="I27641" s="1" t="s">
        <v>96632</v>
      </c>
      <c r="J27641" s="1" t="s">
        <v>98624</v>
      </c>
    </row>
    <row r="27642" spans="1:10" x14ac:dyDescent="0.35">
      <c r="A27642" s="1" t="s">
        <v>25096</v>
      </c>
      <c r="B27642" s="1" t="s">
        <v>96627</v>
      </c>
      <c r="C27642" s="1" t="s">
        <v>105</v>
      </c>
      <c r="D27642" s="1" t="s">
        <v>26571</v>
      </c>
      <c r="E27642" s="1" t="s">
        <v>12790</v>
      </c>
      <c r="F27642" s="1" t="s">
        <v>98625</v>
      </c>
      <c r="G27642" s="1" t="s">
        <v>98584</v>
      </c>
      <c r="H27642" s="1" t="s">
        <v>98585</v>
      </c>
      <c r="I27642" s="1" t="s">
        <v>96632</v>
      </c>
      <c r="J27642" s="1" t="s">
        <v>98626</v>
      </c>
    </row>
    <row r="27643" spans="1:10" x14ac:dyDescent="0.35">
      <c r="A27643" s="1" t="s">
        <v>25096</v>
      </c>
      <c r="B27643" s="1" t="s">
        <v>96627</v>
      </c>
      <c r="C27643" s="1" t="s">
        <v>110</v>
      </c>
      <c r="D27643" s="1" t="s">
        <v>24077</v>
      </c>
      <c r="E27643" s="1" t="s">
        <v>56311</v>
      </c>
      <c r="F27643" s="1" t="s">
        <v>32029</v>
      </c>
      <c r="G27643" s="1" t="s">
        <v>98584</v>
      </c>
      <c r="H27643" s="1" t="s">
        <v>98585</v>
      </c>
      <c r="I27643" s="1" t="s">
        <v>96632</v>
      </c>
      <c r="J27643" s="1" t="s">
        <v>51485</v>
      </c>
    </row>
    <row r="27644" spans="1:10" x14ac:dyDescent="0.35">
      <c r="A27644" s="1" t="s">
        <v>25096</v>
      </c>
      <c r="B27644" s="1" t="s">
        <v>96627</v>
      </c>
      <c r="C27644" s="1" t="s">
        <v>115</v>
      </c>
      <c r="D27644" s="1" t="s">
        <v>22539</v>
      </c>
      <c r="E27644" s="1" t="s">
        <v>12883</v>
      </c>
      <c r="F27644" s="1" t="s">
        <v>56410</v>
      </c>
      <c r="G27644" s="1" t="s">
        <v>98584</v>
      </c>
      <c r="H27644" s="1" t="s">
        <v>98585</v>
      </c>
      <c r="I27644" s="1" t="s">
        <v>96632</v>
      </c>
      <c r="J27644" s="1" t="s">
        <v>98627</v>
      </c>
    </row>
    <row r="27645" spans="1:10" x14ac:dyDescent="0.35">
      <c r="A27645" s="1" t="s">
        <v>25096</v>
      </c>
      <c r="B27645" s="1" t="s">
        <v>96627</v>
      </c>
      <c r="C27645" s="1" t="s">
        <v>120</v>
      </c>
      <c r="D27645" s="1" t="s">
        <v>98628</v>
      </c>
      <c r="E27645" s="1" t="s">
        <v>21925</v>
      </c>
      <c r="F27645" s="1" t="s">
        <v>98629</v>
      </c>
      <c r="G27645" s="1" t="s">
        <v>98584</v>
      </c>
      <c r="H27645" s="1" t="s">
        <v>98585</v>
      </c>
      <c r="I27645" s="1" t="s">
        <v>96632</v>
      </c>
      <c r="J27645" s="1" t="s">
        <v>98630</v>
      </c>
    </row>
    <row r="27646" spans="1:10" x14ac:dyDescent="0.35">
      <c r="A27646" s="1" t="s">
        <v>25096</v>
      </c>
      <c r="B27646" s="1" t="s">
        <v>96627</v>
      </c>
      <c r="C27646" s="1" t="s">
        <v>125</v>
      </c>
      <c r="D27646" s="1" t="s">
        <v>98631</v>
      </c>
      <c r="E27646" s="1" t="s">
        <v>54092</v>
      </c>
      <c r="F27646" s="1" t="s">
        <v>98632</v>
      </c>
      <c r="G27646" s="1" t="s">
        <v>98584</v>
      </c>
      <c r="H27646" s="1" t="s">
        <v>98585</v>
      </c>
      <c r="I27646" s="1" t="s">
        <v>96632</v>
      </c>
      <c r="J27646" s="1" t="s">
        <v>98633</v>
      </c>
    </row>
    <row r="27647" spans="1:10" x14ac:dyDescent="0.35">
      <c r="A27647" s="1" t="s">
        <v>25096</v>
      </c>
      <c r="B27647" s="1" t="s">
        <v>96627</v>
      </c>
      <c r="C27647" s="1" t="s">
        <v>130</v>
      </c>
      <c r="D27647" s="1" t="s">
        <v>98634</v>
      </c>
      <c r="E27647" s="1" t="s">
        <v>15857</v>
      </c>
      <c r="F27647" s="1" t="s">
        <v>98635</v>
      </c>
      <c r="G27647" s="1" t="s">
        <v>98584</v>
      </c>
      <c r="H27647" s="1" t="s">
        <v>98585</v>
      </c>
      <c r="I27647" s="1" t="s">
        <v>96632</v>
      </c>
      <c r="J27647" s="1" t="s">
        <v>98636</v>
      </c>
    </row>
    <row r="27648" spans="1:10" x14ac:dyDescent="0.35">
      <c r="A27648" s="1" t="s">
        <v>25096</v>
      </c>
      <c r="B27648" s="1" t="s">
        <v>96627</v>
      </c>
      <c r="C27648" s="1" t="s">
        <v>135</v>
      </c>
      <c r="D27648" s="1" t="s">
        <v>66569</v>
      </c>
      <c r="E27648" s="1" t="s">
        <v>65214</v>
      </c>
      <c r="F27648" s="1" t="s">
        <v>98637</v>
      </c>
      <c r="G27648" s="1" t="s">
        <v>98584</v>
      </c>
      <c r="H27648" s="1" t="s">
        <v>98585</v>
      </c>
      <c r="I27648" s="1" t="s">
        <v>96632</v>
      </c>
      <c r="J27648" s="1" t="s">
        <v>98638</v>
      </c>
    </row>
    <row r="27649" spans="1:10" x14ac:dyDescent="0.35">
      <c r="A27649" s="1" t="s">
        <v>25096</v>
      </c>
      <c r="B27649" s="1" t="s">
        <v>96627</v>
      </c>
      <c r="C27649" s="1" t="s">
        <v>140</v>
      </c>
      <c r="D27649" s="1" t="s">
        <v>67276</v>
      </c>
      <c r="E27649" s="1" t="s">
        <v>56698</v>
      </c>
      <c r="F27649" s="1" t="s">
        <v>59313</v>
      </c>
      <c r="G27649" s="1" t="s">
        <v>98584</v>
      </c>
      <c r="H27649" s="1" t="s">
        <v>98585</v>
      </c>
      <c r="I27649" s="1" t="s">
        <v>96632</v>
      </c>
      <c r="J27649" s="1" t="s">
        <v>98639</v>
      </c>
    </row>
    <row r="27650" spans="1:10" x14ac:dyDescent="0.35">
      <c r="A27650" s="1" t="s">
        <v>25096</v>
      </c>
      <c r="B27650" s="1" t="s">
        <v>96627</v>
      </c>
      <c r="C27650" s="1" t="s">
        <v>145</v>
      </c>
      <c r="D27650" s="1" t="s">
        <v>64306</v>
      </c>
      <c r="E27650" s="1" t="s">
        <v>23491</v>
      </c>
      <c r="F27650" s="1" t="s">
        <v>98640</v>
      </c>
      <c r="G27650" s="1" t="s">
        <v>98584</v>
      </c>
      <c r="H27650" s="1" t="s">
        <v>98585</v>
      </c>
      <c r="I27650" s="1" t="s">
        <v>96632</v>
      </c>
      <c r="J27650" s="1" t="s">
        <v>98641</v>
      </c>
    </row>
    <row r="27651" spans="1:10" x14ac:dyDescent="0.35">
      <c r="A27651" s="1" t="s">
        <v>25096</v>
      </c>
      <c r="B27651" s="1" t="s">
        <v>96627</v>
      </c>
      <c r="C27651" s="1" t="s">
        <v>150</v>
      </c>
      <c r="D27651" s="1" t="s">
        <v>24453</v>
      </c>
      <c r="E27651" s="1" t="s">
        <v>32359</v>
      </c>
      <c r="F27651" s="1" t="s">
        <v>98642</v>
      </c>
      <c r="G27651" s="1" t="s">
        <v>98584</v>
      </c>
      <c r="H27651" s="1" t="s">
        <v>98585</v>
      </c>
      <c r="I27651" s="1" t="s">
        <v>96632</v>
      </c>
      <c r="J27651" s="1" t="s">
        <v>98643</v>
      </c>
    </row>
    <row r="27652" spans="1:10" x14ac:dyDescent="0.35">
      <c r="A27652" s="1" t="s">
        <v>25096</v>
      </c>
      <c r="B27652" s="1" t="s">
        <v>96627</v>
      </c>
      <c r="C27652" s="1" t="s">
        <v>155</v>
      </c>
      <c r="D27652" s="1" t="s">
        <v>98644</v>
      </c>
      <c r="E27652" s="1" t="s">
        <v>16186</v>
      </c>
      <c r="F27652" s="1" t="s">
        <v>98645</v>
      </c>
      <c r="G27652" s="1" t="s">
        <v>98584</v>
      </c>
      <c r="H27652" s="1" t="s">
        <v>98585</v>
      </c>
      <c r="I27652" s="1" t="s">
        <v>96632</v>
      </c>
      <c r="J27652" s="1" t="s">
        <v>98646</v>
      </c>
    </row>
    <row r="27653" spans="1:10" x14ac:dyDescent="0.35">
      <c r="A27653" s="1" t="s">
        <v>25096</v>
      </c>
      <c r="B27653" s="1" t="s">
        <v>96627</v>
      </c>
      <c r="C27653" s="1" t="s">
        <v>160</v>
      </c>
      <c r="D27653" s="1" t="s">
        <v>84868</v>
      </c>
      <c r="E27653" s="1" t="s">
        <v>26614</v>
      </c>
      <c r="F27653" s="1" t="s">
        <v>98647</v>
      </c>
      <c r="G27653" s="1" t="s">
        <v>98584</v>
      </c>
      <c r="H27653" s="1" t="s">
        <v>98585</v>
      </c>
      <c r="I27653" s="1" t="s">
        <v>96632</v>
      </c>
      <c r="J27653" s="1" t="s">
        <v>98648</v>
      </c>
    </row>
    <row r="27654" spans="1:10" x14ac:dyDescent="0.35">
      <c r="A27654" s="1" t="s">
        <v>25096</v>
      </c>
      <c r="B27654" s="1" t="s">
        <v>96627</v>
      </c>
      <c r="C27654" s="1" t="s">
        <v>165</v>
      </c>
      <c r="D27654" s="1" t="s">
        <v>70033</v>
      </c>
      <c r="E27654" s="1" t="s">
        <v>26492</v>
      </c>
      <c r="F27654" s="1" t="s">
        <v>22279</v>
      </c>
      <c r="G27654" s="1" t="s">
        <v>98584</v>
      </c>
      <c r="H27654" s="1" t="s">
        <v>98585</v>
      </c>
      <c r="I27654" s="1" t="s">
        <v>96632</v>
      </c>
      <c r="J27654" s="1" t="s">
        <v>98649</v>
      </c>
    </row>
    <row r="27655" spans="1:10" x14ac:dyDescent="0.35">
      <c r="A27655" s="1" t="s">
        <v>25096</v>
      </c>
      <c r="B27655" s="1" t="s">
        <v>96627</v>
      </c>
      <c r="C27655" s="1" t="s">
        <v>170</v>
      </c>
      <c r="D27655" s="1" t="s">
        <v>76685</v>
      </c>
      <c r="E27655" s="1" t="s">
        <v>15903</v>
      </c>
      <c r="F27655" s="1" t="s">
        <v>98650</v>
      </c>
      <c r="G27655" s="1" t="s">
        <v>98584</v>
      </c>
      <c r="H27655" s="1" t="s">
        <v>98585</v>
      </c>
      <c r="I27655" s="1" t="s">
        <v>96632</v>
      </c>
      <c r="J27655" s="1" t="s">
        <v>98651</v>
      </c>
    </row>
    <row r="27656" spans="1:10" x14ac:dyDescent="0.35">
      <c r="A27656" s="1" t="s">
        <v>98652</v>
      </c>
      <c r="B27656" s="1" t="s">
        <v>96627</v>
      </c>
      <c r="C27656" s="1" t="s">
        <v>8</v>
      </c>
      <c r="D27656" s="1" t="s">
        <v>2505</v>
      </c>
      <c r="E27656" s="1" t="s">
        <v>60289</v>
      </c>
      <c r="F27656" s="1" t="s">
        <v>98653</v>
      </c>
      <c r="G27656" s="1" t="s">
        <v>98654</v>
      </c>
      <c r="H27656" s="1" t="s">
        <v>98655</v>
      </c>
      <c r="I27656" s="1" t="s">
        <v>96632</v>
      </c>
      <c r="J27656" s="1" t="s">
        <v>13</v>
      </c>
    </row>
    <row r="27657" spans="1:10" x14ac:dyDescent="0.35">
      <c r="A27657" s="1" t="s">
        <v>98652</v>
      </c>
      <c r="B27657" s="1" t="s">
        <v>96627</v>
      </c>
      <c r="C27657" s="1" t="s">
        <v>15</v>
      </c>
      <c r="D27657" s="1" t="s">
        <v>98656</v>
      </c>
      <c r="E27657" s="1" t="s">
        <v>83445</v>
      </c>
      <c r="F27657" s="1" t="s">
        <v>98657</v>
      </c>
      <c r="G27657" s="1" t="s">
        <v>98654</v>
      </c>
      <c r="H27657" s="1" t="s">
        <v>98655</v>
      </c>
      <c r="I27657" s="1" t="s">
        <v>96632</v>
      </c>
      <c r="J27657" s="1" t="s">
        <v>98658</v>
      </c>
    </row>
    <row r="27658" spans="1:10" x14ac:dyDescent="0.35">
      <c r="A27658" s="1" t="s">
        <v>98652</v>
      </c>
      <c r="B27658" s="1" t="s">
        <v>96627</v>
      </c>
      <c r="C27658" s="1" t="s">
        <v>20</v>
      </c>
      <c r="D27658" s="1" t="s">
        <v>98659</v>
      </c>
      <c r="E27658" s="1" t="s">
        <v>62994</v>
      </c>
      <c r="F27658" s="1" t="s">
        <v>98660</v>
      </c>
      <c r="G27658" s="1" t="s">
        <v>98654</v>
      </c>
      <c r="H27658" s="1" t="s">
        <v>98655</v>
      </c>
      <c r="I27658" s="1" t="s">
        <v>96632</v>
      </c>
      <c r="J27658" s="1" t="s">
        <v>98661</v>
      </c>
    </row>
    <row r="27659" spans="1:10" x14ac:dyDescent="0.35">
      <c r="A27659" s="1" t="s">
        <v>98652</v>
      </c>
      <c r="B27659" s="1" t="s">
        <v>96627</v>
      </c>
      <c r="C27659" s="1" t="s">
        <v>25</v>
      </c>
      <c r="D27659" s="1" t="s">
        <v>98662</v>
      </c>
      <c r="E27659" s="1" t="s">
        <v>98663</v>
      </c>
      <c r="F27659" s="1" t="s">
        <v>98664</v>
      </c>
      <c r="G27659" s="1" t="s">
        <v>98654</v>
      </c>
      <c r="H27659" s="1" t="s">
        <v>98655</v>
      </c>
      <c r="I27659" s="1" t="s">
        <v>96632</v>
      </c>
      <c r="J27659" s="1" t="s">
        <v>98665</v>
      </c>
    </row>
    <row r="27660" spans="1:10" x14ac:dyDescent="0.35">
      <c r="A27660" s="1" t="s">
        <v>98652</v>
      </c>
      <c r="B27660" s="1" t="s">
        <v>96627</v>
      </c>
      <c r="C27660" s="1" t="s">
        <v>30</v>
      </c>
      <c r="D27660" s="1" t="s">
        <v>98666</v>
      </c>
      <c r="E27660" s="1" t="s">
        <v>58485</v>
      </c>
      <c r="F27660" s="1" t="s">
        <v>98667</v>
      </c>
      <c r="G27660" s="1" t="s">
        <v>98654</v>
      </c>
      <c r="H27660" s="1" t="s">
        <v>98655</v>
      </c>
      <c r="I27660" s="1" t="s">
        <v>96632</v>
      </c>
      <c r="J27660" s="1" t="s">
        <v>98668</v>
      </c>
    </row>
    <row r="27661" spans="1:10" x14ac:dyDescent="0.35">
      <c r="A27661" s="1" t="s">
        <v>98652</v>
      </c>
      <c r="B27661" s="1" t="s">
        <v>96627</v>
      </c>
      <c r="C27661" s="1" t="s">
        <v>35</v>
      </c>
      <c r="D27661" s="1" t="s">
        <v>98669</v>
      </c>
      <c r="E27661" s="1" t="s">
        <v>23796</v>
      </c>
      <c r="F27661" s="1" t="s">
        <v>98670</v>
      </c>
      <c r="G27661" s="1" t="s">
        <v>98654</v>
      </c>
      <c r="H27661" s="1" t="s">
        <v>98655</v>
      </c>
      <c r="I27661" s="1" t="s">
        <v>96632</v>
      </c>
      <c r="J27661" s="1" t="s">
        <v>98671</v>
      </c>
    </row>
    <row r="27662" spans="1:10" x14ac:dyDescent="0.35">
      <c r="A27662" s="1" t="s">
        <v>98652</v>
      </c>
      <c r="B27662" s="1" t="s">
        <v>96627</v>
      </c>
      <c r="C27662" s="1" t="s">
        <v>40</v>
      </c>
      <c r="D27662" s="1" t="s">
        <v>98672</v>
      </c>
      <c r="E27662" s="1" t="s">
        <v>83460</v>
      </c>
      <c r="F27662" s="1" t="s">
        <v>98673</v>
      </c>
      <c r="G27662" s="1" t="s">
        <v>98654</v>
      </c>
      <c r="H27662" s="1" t="s">
        <v>98655</v>
      </c>
      <c r="I27662" s="1" t="s">
        <v>96632</v>
      </c>
      <c r="J27662" s="1" t="s">
        <v>98674</v>
      </c>
    </row>
    <row r="27663" spans="1:10" x14ac:dyDescent="0.35">
      <c r="A27663" s="1" t="s">
        <v>98652</v>
      </c>
      <c r="B27663" s="1" t="s">
        <v>96627</v>
      </c>
      <c r="C27663" s="1" t="s">
        <v>45</v>
      </c>
      <c r="D27663" s="1" t="s">
        <v>98675</v>
      </c>
      <c r="E27663" s="1" t="s">
        <v>23866</v>
      </c>
      <c r="F27663" s="1" t="s">
        <v>98676</v>
      </c>
      <c r="G27663" s="1" t="s">
        <v>98654</v>
      </c>
      <c r="H27663" s="1" t="s">
        <v>98655</v>
      </c>
      <c r="I27663" s="1" t="s">
        <v>96632</v>
      </c>
      <c r="J27663" s="1" t="s">
        <v>98677</v>
      </c>
    </row>
    <row r="27664" spans="1:10" x14ac:dyDescent="0.35">
      <c r="A27664" s="1" t="s">
        <v>98652</v>
      </c>
      <c r="B27664" s="1" t="s">
        <v>96627</v>
      </c>
      <c r="C27664" s="1" t="s">
        <v>50</v>
      </c>
      <c r="D27664" s="1" t="s">
        <v>98678</v>
      </c>
      <c r="E27664" s="1" t="s">
        <v>41563</v>
      </c>
      <c r="F27664" s="1" t="s">
        <v>98679</v>
      </c>
      <c r="G27664" s="1" t="s">
        <v>98654</v>
      </c>
      <c r="H27664" s="1" t="s">
        <v>98655</v>
      </c>
      <c r="I27664" s="1" t="s">
        <v>96632</v>
      </c>
      <c r="J27664" s="1" t="s">
        <v>98680</v>
      </c>
    </row>
    <row r="27665" spans="1:10" x14ac:dyDescent="0.35">
      <c r="A27665" s="1" t="s">
        <v>98652</v>
      </c>
      <c r="B27665" s="1" t="s">
        <v>96627</v>
      </c>
      <c r="C27665" s="1" t="s">
        <v>55</v>
      </c>
      <c r="D27665" s="1" t="s">
        <v>57415</v>
      </c>
      <c r="E27665" s="1" t="s">
        <v>21113</v>
      </c>
      <c r="F27665" s="1" t="s">
        <v>98681</v>
      </c>
      <c r="G27665" s="1" t="s">
        <v>98654</v>
      </c>
      <c r="H27665" s="1" t="s">
        <v>98655</v>
      </c>
      <c r="I27665" s="1" t="s">
        <v>96632</v>
      </c>
      <c r="J27665" s="1" t="s">
        <v>98682</v>
      </c>
    </row>
    <row r="27666" spans="1:10" x14ac:dyDescent="0.35">
      <c r="A27666" s="1" t="s">
        <v>98652</v>
      </c>
      <c r="B27666" s="1" t="s">
        <v>96627</v>
      </c>
      <c r="C27666" s="1" t="s">
        <v>60</v>
      </c>
      <c r="D27666" s="1" t="s">
        <v>98683</v>
      </c>
      <c r="E27666" s="1" t="s">
        <v>62800</v>
      </c>
      <c r="F27666" s="1" t="s">
        <v>98684</v>
      </c>
      <c r="G27666" s="1" t="s">
        <v>98654</v>
      </c>
      <c r="H27666" s="1" t="s">
        <v>98655</v>
      </c>
      <c r="I27666" s="1" t="s">
        <v>96632</v>
      </c>
      <c r="J27666" s="1" t="s">
        <v>98685</v>
      </c>
    </row>
    <row r="27667" spans="1:10" x14ac:dyDescent="0.35">
      <c r="A27667" s="1" t="s">
        <v>98652</v>
      </c>
      <c r="B27667" s="1" t="s">
        <v>96627</v>
      </c>
      <c r="C27667" s="1" t="s">
        <v>65</v>
      </c>
      <c r="D27667" s="1" t="s">
        <v>98686</v>
      </c>
      <c r="E27667" s="1" t="s">
        <v>98687</v>
      </c>
      <c r="F27667" s="1" t="s">
        <v>98688</v>
      </c>
      <c r="G27667" s="1" t="s">
        <v>98654</v>
      </c>
      <c r="H27667" s="1" t="s">
        <v>98655</v>
      </c>
      <c r="I27667" s="1" t="s">
        <v>96632</v>
      </c>
      <c r="J27667" s="1" t="s">
        <v>98689</v>
      </c>
    </row>
    <row r="27668" spans="1:10" x14ac:dyDescent="0.35">
      <c r="A27668" s="1" t="s">
        <v>98652</v>
      </c>
      <c r="B27668" s="1" t="s">
        <v>96627</v>
      </c>
      <c r="C27668" s="1" t="s">
        <v>70</v>
      </c>
      <c r="D27668" s="1" t="s">
        <v>98690</v>
      </c>
      <c r="E27668" s="1" t="s">
        <v>22958</v>
      </c>
      <c r="F27668" s="1" t="s">
        <v>98691</v>
      </c>
      <c r="G27668" s="1" t="s">
        <v>98654</v>
      </c>
      <c r="H27668" s="1" t="s">
        <v>98655</v>
      </c>
      <c r="I27668" s="1" t="s">
        <v>96632</v>
      </c>
      <c r="J27668" s="1" t="s">
        <v>98692</v>
      </c>
    </row>
    <row r="27669" spans="1:10" x14ac:dyDescent="0.35">
      <c r="A27669" s="1" t="s">
        <v>98652</v>
      </c>
      <c r="B27669" s="1" t="s">
        <v>96627</v>
      </c>
      <c r="C27669" s="1" t="s">
        <v>75</v>
      </c>
      <c r="D27669" s="1" t="s">
        <v>98693</v>
      </c>
      <c r="E27669" s="1" t="s">
        <v>62839</v>
      </c>
      <c r="F27669" s="1" t="s">
        <v>98694</v>
      </c>
      <c r="G27669" s="1" t="s">
        <v>98654</v>
      </c>
      <c r="H27669" s="1" t="s">
        <v>98655</v>
      </c>
      <c r="I27669" s="1" t="s">
        <v>96632</v>
      </c>
      <c r="J27669" s="1" t="s">
        <v>98695</v>
      </c>
    </row>
    <row r="27670" spans="1:10" x14ac:dyDescent="0.35">
      <c r="A27670" s="1" t="s">
        <v>98652</v>
      </c>
      <c r="B27670" s="1" t="s">
        <v>96627</v>
      </c>
      <c r="C27670" s="1" t="s">
        <v>80</v>
      </c>
      <c r="D27670" s="1" t="s">
        <v>98696</v>
      </c>
      <c r="E27670" s="1" t="s">
        <v>21870</v>
      </c>
      <c r="F27670" s="1" t="s">
        <v>98697</v>
      </c>
      <c r="G27670" s="1" t="s">
        <v>98654</v>
      </c>
      <c r="H27670" s="1" t="s">
        <v>98655</v>
      </c>
      <c r="I27670" s="1" t="s">
        <v>96632</v>
      </c>
      <c r="J27670" s="1" t="s">
        <v>98698</v>
      </c>
    </row>
    <row r="27671" spans="1:10" x14ac:dyDescent="0.35">
      <c r="A27671" s="1" t="s">
        <v>98652</v>
      </c>
      <c r="B27671" s="1" t="s">
        <v>96627</v>
      </c>
      <c r="C27671" s="1" t="s">
        <v>85</v>
      </c>
      <c r="D27671" s="1" t="s">
        <v>77260</v>
      </c>
      <c r="E27671" s="1" t="s">
        <v>98699</v>
      </c>
      <c r="F27671" s="1" t="s">
        <v>98700</v>
      </c>
      <c r="G27671" s="1" t="s">
        <v>98654</v>
      </c>
      <c r="H27671" s="1" t="s">
        <v>98655</v>
      </c>
      <c r="I27671" s="1" t="s">
        <v>96632</v>
      </c>
      <c r="J27671" s="1" t="s">
        <v>98701</v>
      </c>
    </row>
    <row r="27672" spans="1:10" x14ac:dyDescent="0.35">
      <c r="A27672" s="1" t="s">
        <v>98652</v>
      </c>
      <c r="B27672" s="1" t="s">
        <v>96627</v>
      </c>
      <c r="C27672" s="1" t="s">
        <v>90</v>
      </c>
      <c r="D27672" s="1" t="s">
        <v>98702</v>
      </c>
      <c r="E27672" s="1" t="s">
        <v>21086</v>
      </c>
      <c r="F27672" s="1" t="s">
        <v>98703</v>
      </c>
      <c r="G27672" s="1" t="s">
        <v>98654</v>
      </c>
      <c r="H27672" s="1" t="s">
        <v>98655</v>
      </c>
      <c r="I27672" s="1" t="s">
        <v>96632</v>
      </c>
      <c r="J27672" s="1" t="s">
        <v>98704</v>
      </c>
    </row>
    <row r="27673" spans="1:10" x14ac:dyDescent="0.35">
      <c r="A27673" s="1" t="s">
        <v>98652</v>
      </c>
      <c r="B27673" s="1" t="s">
        <v>96627</v>
      </c>
      <c r="C27673" s="1" t="s">
        <v>95</v>
      </c>
      <c r="D27673" s="1" t="s">
        <v>98705</v>
      </c>
      <c r="E27673" s="1" t="s">
        <v>69613</v>
      </c>
      <c r="F27673" s="1" t="s">
        <v>98706</v>
      </c>
      <c r="G27673" s="1" t="s">
        <v>98654</v>
      </c>
      <c r="H27673" s="1" t="s">
        <v>98655</v>
      </c>
      <c r="I27673" s="1" t="s">
        <v>96632</v>
      </c>
      <c r="J27673" s="1" t="s">
        <v>98707</v>
      </c>
    </row>
    <row r="27674" spans="1:10" x14ac:dyDescent="0.35">
      <c r="A27674" s="1" t="s">
        <v>98652</v>
      </c>
      <c r="B27674" s="1" t="s">
        <v>96627</v>
      </c>
      <c r="C27674" s="1" t="s">
        <v>100</v>
      </c>
      <c r="D27674" s="1" t="s">
        <v>98708</v>
      </c>
      <c r="E27674" s="1" t="s">
        <v>98709</v>
      </c>
      <c r="F27674" s="1" t="s">
        <v>98710</v>
      </c>
      <c r="G27674" s="1" t="s">
        <v>98654</v>
      </c>
      <c r="H27674" s="1" t="s">
        <v>98655</v>
      </c>
      <c r="I27674" s="1" t="s">
        <v>96632</v>
      </c>
      <c r="J27674" s="1" t="s">
        <v>98711</v>
      </c>
    </row>
    <row r="27675" spans="1:10" x14ac:dyDescent="0.35">
      <c r="A27675" s="1" t="s">
        <v>98652</v>
      </c>
      <c r="B27675" s="1" t="s">
        <v>96627</v>
      </c>
      <c r="C27675" s="1" t="s">
        <v>105</v>
      </c>
      <c r="D27675" s="1" t="s">
        <v>50870</v>
      </c>
      <c r="E27675" s="1" t="s">
        <v>66902</v>
      </c>
      <c r="F27675" s="1" t="s">
        <v>98712</v>
      </c>
      <c r="G27675" s="1" t="s">
        <v>98654</v>
      </c>
      <c r="H27675" s="1" t="s">
        <v>98655</v>
      </c>
      <c r="I27675" s="1" t="s">
        <v>96632</v>
      </c>
      <c r="J27675" s="1" t="s">
        <v>98713</v>
      </c>
    </row>
    <row r="27676" spans="1:10" x14ac:dyDescent="0.35">
      <c r="A27676" s="1" t="s">
        <v>98652</v>
      </c>
      <c r="B27676" s="1" t="s">
        <v>96627</v>
      </c>
      <c r="C27676" s="1" t="s">
        <v>110</v>
      </c>
      <c r="D27676" s="1" t="s">
        <v>98714</v>
      </c>
      <c r="E27676" s="1" t="s">
        <v>24751</v>
      </c>
      <c r="F27676" s="1" t="s">
        <v>98715</v>
      </c>
      <c r="G27676" s="1" t="s">
        <v>98654</v>
      </c>
      <c r="H27676" s="1" t="s">
        <v>98655</v>
      </c>
      <c r="I27676" s="1" t="s">
        <v>96632</v>
      </c>
      <c r="J27676" s="1" t="s">
        <v>98716</v>
      </c>
    </row>
    <row r="27677" spans="1:10" x14ac:dyDescent="0.35">
      <c r="A27677" s="1" t="s">
        <v>98652</v>
      </c>
      <c r="B27677" s="1" t="s">
        <v>96627</v>
      </c>
      <c r="C27677" s="1" t="s">
        <v>115</v>
      </c>
      <c r="D27677" s="1" t="s">
        <v>90225</v>
      </c>
      <c r="E27677" s="1" t="s">
        <v>23314</v>
      </c>
      <c r="F27677" s="1" t="s">
        <v>98717</v>
      </c>
      <c r="G27677" s="1" t="s">
        <v>98654</v>
      </c>
      <c r="H27677" s="1" t="s">
        <v>98655</v>
      </c>
      <c r="I27677" s="1" t="s">
        <v>96632</v>
      </c>
      <c r="J27677" s="1" t="s">
        <v>98718</v>
      </c>
    </row>
    <row r="27678" spans="1:10" x14ac:dyDescent="0.35">
      <c r="A27678" s="1" t="s">
        <v>98652</v>
      </c>
      <c r="B27678" s="1" t="s">
        <v>96627</v>
      </c>
      <c r="C27678" s="1" t="s">
        <v>120</v>
      </c>
      <c r="D27678" s="1" t="s">
        <v>91144</v>
      </c>
      <c r="E27678" s="1" t="s">
        <v>83467</v>
      </c>
      <c r="F27678" s="1" t="s">
        <v>98719</v>
      </c>
      <c r="G27678" s="1" t="s">
        <v>98654</v>
      </c>
      <c r="H27678" s="1" t="s">
        <v>98655</v>
      </c>
      <c r="I27678" s="1" t="s">
        <v>96632</v>
      </c>
      <c r="J27678" s="1" t="s">
        <v>98720</v>
      </c>
    </row>
    <row r="27679" spans="1:10" x14ac:dyDescent="0.35">
      <c r="A27679" s="1" t="s">
        <v>98652</v>
      </c>
      <c r="B27679" s="1" t="s">
        <v>96627</v>
      </c>
      <c r="C27679" s="1" t="s">
        <v>125</v>
      </c>
      <c r="D27679" s="1" t="s">
        <v>98721</v>
      </c>
      <c r="E27679" s="1" t="s">
        <v>22934</v>
      </c>
      <c r="F27679" s="1" t="s">
        <v>98722</v>
      </c>
      <c r="G27679" s="1" t="s">
        <v>98654</v>
      </c>
      <c r="H27679" s="1" t="s">
        <v>98655</v>
      </c>
      <c r="I27679" s="1" t="s">
        <v>96632</v>
      </c>
      <c r="J27679" s="1" t="s">
        <v>98723</v>
      </c>
    </row>
    <row r="27680" spans="1:10" x14ac:dyDescent="0.35">
      <c r="A27680" s="1" t="s">
        <v>98652</v>
      </c>
      <c r="B27680" s="1" t="s">
        <v>96627</v>
      </c>
      <c r="C27680" s="1" t="s">
        <v>130</v>
      </c>
      <c r="D27680" s="1" t="s">
        <v>98724</v>
      </c>
      <c r="E27680" s="1" t="s">
        <v>23847</v>
      </c>
      <c r="F27680" s="1" t="s">
        <v>98725</v>
      </c>
      <c r="G27680" s="1" t="s">
        <v>98654</v>
      </c>
      <c r="H27680" s="1" t="s">
        <v>98655</v>
      </c>
      <c r="I27680" s="1" t="s">
        <v>96632</v>
      </c>
      <c r="J27680" s="1" t="s">
        <v>98726</v>
      </c>
    </row>
    <row r="27681" spans="1:10" x14ac:dyDescent="0.35">
      <c r="A27681" s="1" t="s">
        <v>98652</v>
      </c>
      <c r="B27681" s="1" t="s">
        <v>96627</v>
      </c>
      <c r="C27681" s="1" t="s">
        <v>135</v>
      </c>
      <c r="D27681" s="1" t="s">
        <v>98727</v>
      </c>
      <c r="E27681" s="1" t="s">
        <v>57908</v>
      </c>
      <c r="F27681" s="1" t="s">
        <v>98728</v>
      </c>
      <c r="G27681" s="1" t="s">
        <v>98654</v>
      </c>
      <c r="H27681" s="1" t="s">
        <v>98655</v>
      </c>
      <c r="I27681" s="1" t="s">
        <v>96632</v>
      </c>
      <c r="J27681" s="1" t="s">
        <v>98729</v>
      </c>
    </row>
    <row r="27682" spans="1:10" x14ac:dyDescent="0.35">
      <c r="A27682" s="1" t="s">
        <v>98652</v>
      </c>
      <c r="B27682" s="1" t="s">
        <v>96627</v>
      </c>
      <c r="C27682" s="1" t="s">
        <v>140</v>
      </c>
      <c r="D27682" s="1" t="s">
        <v>98730</v>
      </c>
      <c r="E27682" s="1" t="s">
        <v>56897</v>
      </c>
      <c r="F27682" s="1" t="s">
        <v>98731</v>
      </c>
      <c r="G27682" s="1" t="s">
        <v>98654</v>
      </c>
      <c r="H27682" s="1" t="s">
        <v>98655</v>
      </c>
      <c r="I27682" s="1" t="s">
        <v>96632</v>
      </c>
      <c r="J27682" s="1" t="s">
        <v>98732</v>
      </c>
    </row>
    <row r="27683" spans="1:10" x14ac:dyDescent="0.35">
      <c r="A27683" s="1" t="s">
        <v>98652</v>
      </c>
      <c r="B27683" s="1" t="s">
        <v>96627</v>
      </c>
      <c r="C27683" s="1" t="s">
        <v>145</v>
      </c>
      <c r="D27683" s="1" t="s">
        <v>56716</v>
      </c>
      <c r="E27683" s="1" t="s">
        <v>98733</v>
      </c>
      <c r="F27683" s="1" t="s">
        <v>98734</v>
      </c>
      <c r="G27683" s="1" t="s">
        <v>98654</v>
      </c>
      <c r="H27683" s="1" t="s">
        <v>98655</v>
      </c>
      <c r="I27683" s="1" t="s">
        <v>96632</v>
      </c>
      <c r="J27683" s="1" t="s">
        <v>98735</v>
      </c>
    </row>
    <row r="27684" spans="1:10" x14ac:dyDescent="0.35">
      <c r="A27684" s="1" t="s">
        <v>98652</v>
      </c>
      <c r="B27684" s="1" t="s">
        <v>96627</v>
      </c>
      <c r="C27684" s="1" t="s">
        <v>150</v>
      </c>
      <c r="D27684" s="1" t="s">
        <v>26429</v>
      </c>
      <c r="E27684" s="1" t="s">
        <v>21128</v>
      </c>
      <c r="F27684" s="1" t="s">
        <v>98736</v>
      </c>
      <c r="G27684" s="1" t="s">
        <v>98654</v>
      </c>
      <c r="H27684" s="1" t="s">
        <v>98655</v>
      </c>
      <c r="I27684" s="1" t="s">
        <v>96632</v>
      </c>
      <c r="J27684" s="1" t="s">
        <v>98737</v>
      </c>
    </row>
    <row r="27685" spans="1:10" x14ac:dyDescent="0.35">
      <c r="A27685" s="1" t="s">
        <v>98652</v>
      </c>
      <c r="B27685" s="1" t="s">
        <v>96627</v>
      </c>
      <c r="C27685" s="1" t="s">
        <v>155</v>
      </c>
      <c r="D27685" s="1" t="s">
        <v>98738</v>
      </c>
      <c r="E27685" s="1" t="s">
        <v>54989</v>
      </c>
      <c r="F27685" s="1" t="s">
        <v>98739</v>
      </c>
      <c r="G27685" s="1" t="s">
        <v>98654</v>
      </c>
      <c r="H27685" s="1" t="s">
        <v>98655</v>
      </c>
      <c r="I27685" s="1" t="s">
        <v>96632</v>
      </c>
      <c r="J27685" s="1" t="s">
        <v>98740</v>
      </c>
    </row>
    <row r="27686" spans="1:10" x14ac:dyDescent="0.35">
      <c r="A27686" s="1" t="s">
        <v>98652</v>
      </c>
      <c r="B27686" s="1" t="s">
        <v>96627</v>
      </c>
      <c r="C27686" s="1" t="s">
        <v>160</v>
      </c>
      <c r="D27686" s="1" t="s">
        <v>96200</v>
      </c>
      <c r="E27686" s="1" t="s">
        <v>66902</v>
      </c>
      <c r="F27686" s="1" t="s">
        <v>98741</v>
      </c>
      <c r="G27686" s="1" t="s">
        <v>98654</v>
      </c>
      <c r="H27686" s="1" t="s">
        <v>98655</v>
      </c>
      <c r="I27686" s="1" t="s">
        <v>96632</v>
      </c>
      <c r="J27686" s="1" t="s">
        <v>98742</v>
      </c>
    </row>
    <row r="27687" spans="1:10" x14ac:dyDescent="0.35">
      <c r="A27687" s="1" t="s">
        <v>98652</v>
      </c>
      <c r="B27687" s="1" t="s">
        <v>96627</v>
      </c>
      <c r="C27687" s="1" t="s">
        <v>165</v>
      </c>
      <c r="D27687" s="1" t="s">
        <v>86616</v>
      </c>
      <c r="E27687" s="1" t="s">
        <v>21995</v>
      </c>
      <c r="F27687" s="1" t="s">
        <v>98743</v>
      </c>
      <c r="G27687" s="1" t="s">
        <v>98654</v>
      </c>
      <c r="H27687" s="1" t="s">
        <v>98655</v>
      </c>
      <c r="I27687" s="1" t="s">
        <v>96632</v>
      </c>
      <c r="J27687" s="1" t="s">
        <v>98744</v>
      </c>
    </row>
    <row r="27688" spans="1:10" x14ac:dyDescent="0.35">
      <c r="A27688" s="1" t="s">
        <v>98652</v>
      </c>
      <c r="B27688" s="1" t="s">
        <v>96627</v>
      </c>
      <c r="C27688" s="1" t="s">
        <v>170</v>
      </c>
      <c r="D27688" s="1" t="s">
        <v>98745</v>
      </c>
      <c r="E27688" s="1" t="s">
        <v>98746</v>
      </c>
      <c r="F27688" s="1" t="s">
        <v>98747</v>
      </c>
      <c r="G27688" s="1" t="s">
        <v>98654</v>
      </c>
      <c r="H27688" s="1" t="s">
        <v>98655</v>
      </c>
      <c r="I27688" s="1" t="s">
        <v>96632</v>
      </c>
      <c r="J27688" s="1" t="s">
        <v>98748</v>
      </c>
    </row>
    <row r="27689" spans="1:10" x14ac:dyDescent="0.35">
      <c r="A27689" s="1" t="s">
        <v>44507</v>
      </c>
      <c r="B27689" s="1" t="s">
        <v>96627</v>
      </c>
      <c r="C27689" s="1" t="s">
        <v>8</v>
      </c>
      <c r="D27689" s="1" t="s">
        <v>98749</v>
      </c>
      <c r="E27689" s="1" t="s">
        <v>23240</v>
      </c>
      <c r="F27689" s="1" t="s">
        <v>98750</v>
      </c>
      <c r="G27689" s="1" t="s">
        <v>98751</v>
      </c>
      <c r="H27689" s="1" t="s">
        <v>98752</v>
      </c>
      <c r="I27689" s="1" t="s">
        <v>96632</v>
      </c>
      <c r="J27689" s="1" t="s">
        <v>13</v>
      </c>
    </row>
    <row r="27690" spans="1:10" x14ac:dyDescent="0.35">
      <c r="A27690" s="1" t="s">
        <v>44507</v>
      </c>
      <c r="B27690" s="1" t="s">
        <v>96627</v>
      </c>
      <c r="C27690" s="1" t="s">
        <v>15</v>
      </c>
      <c r="D27690" s="1" t="s">
        <v>98753</v>
      </c>
      <c r="E27690" s="1" t="s">
        <v>26614</v>
      </c>
      <c r="F27690" s="1" t="s">
        <v>59723</v>
      </c>
      <c r="G27690" s="1" t="s">
        <v>98751</v>
      </c>
      <c r="H27690" s="1" t="s">
        <v>98752</v>
      </c>
      <c r="I27690" s="1" t="s">
        <v>96632</v>
      </c>
      <c r="J27690" s="1" t="s">
        <v>98754</v>
      </c>
    </row>
    <row r="27691" spans="1:10" x14ac:dyDescent="0.35">
      <c r="A27691" s="1" t="s">
        <v>44507</v>
      </c>
      <c r="B27691" s="1" t="s">
        <v>96627</v>
      </c>
      <c r="C27691" s="1" t="s">
        <v>20</v>
      </c>
      <c r="D27691" s="1" t="s">
        <v>98755</v>
      </c>
      <c r="E27691" s="1" t="s">
        <v>23252</v>
      </c>
      <c r="F27691" s="1" t="s">
        <v>98756</v>
      </c>
      <c r="G27691" s="1" t="s">
        <v>98751</v>
      </c>
      <c r="H27691" s="1" t="s">
        <v>98752</v>
      </c>
      <c r="I27691" s="1" t="s">
        <v>96632</v>
      </c>
      <c r="J27691" s="1" t="s">
        <v>98757</v>
      </c>
    </row>
    <row r="27692" spans="1:10" x14ac:dyDescent="0.35">
      <c r="A27692" s="1" t="s">
        <v>44507</v>
      </c>
      <c r="B27692" s="1" t="s">
        <v>96627</v>
      </c>
      <c r="C27692" s="1" t="s">
        <v>25</v>
      </c>
      <c r="D27692" s="1" t="s">
        <v>98758</v>
      </c>
      <c r="E27692" s="1" t="s">
        <v>16168</v>
      </c>
      <c r="F27692" s="1" t="s">
        <v>65224</v>
      </c>
      <c r="G27692" s="1" t="s">
        <v>98751</v>
      </c>
      <c r="H27692" s="1" t="s">
        <v>98752</v>
      </c>
      <c r="I27692" s="1" t="s">
        <v>96632</v>
      </c>
      <c r="J27692" s="1" t="s">
        <v>98759</v>
      </c>
    </row>
    <row r="27693" spans="1:10" x14ac:dyDescent="0.35">
      <c r="A27693" s="1" t="s">
        <v>44507</v>
      </c>
      <c r="B27693" s="1" t="s">
        <v>96627</v>
      </c>
      <c r="C27693" s="1" t="s">
        <v>30</v>
      </c>
      <c r="D27693" s="1" t="s">
        <v>98760</v>
      </c>
      <c r="E27693" s="1" t="s">
        <v>32919</v>
      </c>
      <c r="F27693" s="1" t="s">
        <v>98761</v>
      </c>
      <c r="G27693" s="1" t="s">
        <v>98751</v>
      </c>
      <c r="H27693" s="1" t="s">
        <v>98752</v>
      </c>
      <c r="I27693" s="1" t="s">
        <v>96632</v>
      </c>
      <c r="J27693" s="1" t="s">
        <v>98762</v>
      </c>
    </row>
    <row r="27694" spans="1:10" x14ac:dyDescent="0.35">
      <c r="A27694" s="1" t="s">
        <v>44507</v>
      </c>
      <c r="B27694" s="1" t="s">
        <v>96627</v>
      </c>
      <c r="C27694" s="1" t="s">
        <v>35</v>
      </c>
      <c r="D27694" s="1" t="s">
        <v>98763</v>
      </c>
      <c r="E27694" s="1" t="s">
        <v>22282</v>
      </c>
      <c r="F27694" s="1" t="s">
        <v>98764</v>
      </c>
      <c r="G27694" s="1" t="s">
        <v>98751</v>
      </c>
      <c r="H27694" s="1" t="s">
        <v>98752</v>
      </c>
      <c r="I27694" s="1" t="s">
        <v>96632</v>
      </c>
      <c r="J27694" s="1" t="s">
        <v>98765</v>
      </c>
    </row>
    <row r="27695" spans="1:10" x14ac:dyDescent="0.35">
      <c r="A27695" s="1" t="s">
        <v>44507</v>
      </c>
      <c r="B27695" s="1" t="s">
        <v>96627</v>
      </c>
      <c r="C27695" s="1" t="s">
        <v>40</v>
      </c>
      <c r="D27695" s="1" t="s">
        <v>98766</v>
      </c>
      <c r="E27695" s="1" t="s">
        <v>22056</v>
      </c>
      <c r="F27695" s="1" t="s">
        <v>61800</v>
      </c>
      <c r="G27695" s="1" t="s">
        <v>98751</v>
      </c>
      <c r="H27695" s="1" t="s">
        <v>98752</v>
      </c>
      <c r="I27695" s="1" t="s">
        <v>96632</v>
      </c>
      <c r="J27695" s="1" t="s">
        <v>98767</v>
      </c>
    </row>
    <row r="27696" spans="1:10" x14ac:dyDescent="0.35">
      <c r="A27696" s="1" t="s">
        <v>44507</v>
      </c>
      <c r="B27696" s="1" t="s">
        <v>96627</v>
      </c>
      <c r="C27696" s="1" t="s">
        <v>45</v>
      </c>
      <c r="D27696" s="1" t="s">
        <v>87245</v>
      </c>
      <c r="E27696" s="1" t="s">
        <v>55448</v>
      </c>
      <c r="F27696" s="1" t="s">
        <v>69341</v>
      </c>
      <c r="G27696" s="1" t="s">
        <v>98751</v>
      </c>
      <c r="H27696" s="1" t="s">
        <v>98752</v>
      </c>
      <c r="I27696" s="1" t="s">
        <v>96632</v>
      </c>
      <c r="J27696" s="1" t="s">
        <v>98768</v>
      </c>
    </row>
    <row r="27697" spans="1:10" x14ac:dyDescent="0.35">
      <c r="A27697" s="1" t="s">
        <v>44507</v>
      </c>
      <c r="B27697" s="1" t="s">
        <v>96627</v>
      </c>
      <c r="C27697" s="1" t="s">
        <v>50</v>
      </c>
      <c r="D27697" s="1" t="s">
        <v>98769</v>
      </c>
      <c r="E27697" s="1" t="s">
        <v>22282</v>
      </c>
      <c r="F27697" s="1" t="s">
        <v>98770</v>
      </c>
      <c r="G27697" s="1" t="s">
        <v>98751</v>
      </c>
      <c r="H27697" s="1" t="s">
        <v>98752</v>
      </c>
      <c r="I27697" s="1" t="s">
        <v>96632</v>
      </c>
      <c r="J27697" s="1" t="s">
        <v>98771</v>
      </c>
    </row>
    <row r="27698" spans="1:10" x14ac:dyDescent="0.35">
      <c r="A27698" s="1" t="s">
        <v>44507</v>
      </c>
      <c r="B27698" s="1" t="s">
        <v>96627</v>
      </c>
      <c r="C27698" s="1" t="s">
        <v>55</v>
      </c>
      <c r="D27698" s="1" t="s">
        <v>90230</v>
      </c>
      <c r="E27698" s="1" t="s">
        <v>24284</v>
      </c>
      <c r="F27698" s="1" t="s">
        <v>98772</v>
      </c>
      <c r="G27698" s="1" t="s">
        <v>98751</v>
      </c>
      <c r="H27698" s="1" t="s">
        <v>98752</v>
      </c>
      <c r="I27698" s="1" t="s">
        <v>96632</v>
      </c>
      <c r="J27698" s="1" t="s">
        <v>98773</v>
      </c>
    </row>
    <row r="27699" spans="1:10" x14ac:dyDescent="0.35">
      <c r="A27699" s="1" t="s">
        <v>44507</v>
      </c>
      <c r="B27699" s="1" t="s">
        <v>96627</v>
      </c>
      <c r="C27699" s="1" t="s">
        <v>60</v>
      </c>
      <c r="D27699" s="1" t="s">
        <v>98774</v>
      </c>
      <c r="E27699" s="1" t="s">
        <v>15911</v>
      </c>
      <c r="F27699" s="1" t="s">
        <v>54035</v>
      </c>
      <c r="G27699" s="1" t="s">
        <v>98751</v>
      </c>
      <c r="H27699" s="1" t="s">
        <v>98752</v>
      </c>
      <c r="I27699" s="1" t="s">
        <v>96632</v>
      </c>
      <c r="J27699" s="1" t="s">
        <v>98775</v>
      </c>
    </row>
    <row r="27700" spans="1:10" x14ac:dyDescent="0.35">
      <c r="A27700" s="1" t="s">
        <v>44507</v>
      </c>
      <c r="B27700" s="1" t="s">
        <v>96627</v>
      </c>
      <c r="C27700" s="1" t="s">
        <v>65</v>
      </c>
      <c r="D27700" s="1" t="s">
        <v>98776</v>
      </c>
      <c r="E27700" s="1" t="s">
        <v>26586</v>
      </c>
      <c r="F27700" s="1" t="s">
        <v>98777</v>
      </c>
      <c r="G27700" s="1" t="s">
        <v>98751</v>
      </c>
      <c r="H27700" s="1" t="s">
        <v>98752</v>
      </c>
      <c r="I27700" s="1" t="s">
        <v>96632</v>
      </c>
      <c r="J27700" s="1" t="s">
        <v>98778</v>
      </c>
    </row>
    <row r="27701" spans="1:10" x14ac:dyDescent="0.35">
      <c r="A27701" s="1" t="s">
        <v>44507</v>
      </c>
      <c r="B27701" s="1" t="s">
        <v>96627</v>
      </c>
      <c r="C27701" s="1" t="s">
        <v>70</v>
      </c>
      <c r="D27701" s="1" t="s">
        <v>98779</v>
      </c>
      <c r="E27701" s="1" t="s">
        <v>64479</v>
      </c>
      <c r="F27701" s="1" t="s">
        <v>65391</v>
      </c>
      <c r="G27701" s="1" t="s">
        <v>98751</v>
      </c>
      <c r="H27701" s="1" t="s">
        <v>98752</v>
      </c>
      <c r="I27701" s="1" t="s">
        <v>96632</v>
      </c>
      <c r="J27701" s="1" t="s">
        <v>98780</v>
      </c>
    </row>
    <row r="27702" spans="1:10" x14ac:dyDescent="0.35">
      <c r="A27702" s="1" t="s">
        <v>44507</v>
      </c>
      <c r="B27702" s="1" t="s">
        <v>96627</v>
      </c>
      <c r="C27702" s="1" t="s">
        <v>75</v>
      </c>
      <c r="D27702" s="1" t="s">
        <v>24334</v>
      </c>
      <c r="E27702" s="1" t="s">
        <v>15403</v>
      </c>
      <c r="F27702" s="1" t="s">
        <v>98781</v>
      </c>
      <c r="G27702" s="1" t="s">
        <v>98751</v>
      </c>
      <c r="H27702" s="1" t="s">
        <v>98752</v>
      </c>
      <c r="I27702" s="1" t="s">
        <v>96632</v>
      </c>
      <c r="J27702" s="1" t="s">
        <v>98782</v>
      </c>
    </row>
    <row r="27703" spans="1:10" x14ac:dyDescent="0.35">
      <c r="A27703" s="1" t="s">
        <v>44507</v>
      </c>
      <c r="B27703" s="1" t="s">
        <v>96627</v>
      </c>
      <c r="C27703" s="1" t="s">
        <v>80</v>
      </c>
      <c r="D27703" s="1" t="s">
        <v>98783</v>
      </c>
      <c r="E27703" s="1" t="s">
        <v>56560</v>
      </c>
      <c r="F27703" s="1" t="s">
        <v>98784</v>
      </c>
      <c r="G27703" s="1" t="s">
        <v>98751</v>
      </c>
      <c r="H27703" s="1" t="s">
        <v>98752</v>
      </c>
      <c r="I27703" s="1" t="s">
        <v>96632</v>
      </c>
      <c r="J27703" s="1" t="s">
        <v>98785</v>
      </c>
    </row>
    <row r="27704" spans="1:10" x14ac:dyDescent="0.35">
      <c r="A27704" s="1" t="s">
        <v>44507</v>
      </c>
      <c r="B27704" s="1" t="s">
        <v>96627</v>
      </c>
      <c r="C27704" s="1" t="s">
        <v>85</v>
      </c>
      <c r="D27704" s="1" t="s">
        <v>59926</v>
      </c>
      <c r="E27704" s="1" t="s">
        <v>57156</v>
      </c>
      <c r="F27704" s="1" t="s">
        <v>58961</v>
      </c>
      <c r="G27704" s="1" t="s">
        <v>98751</v>
      </c>
      <c r="H27704" s="1" t="s">
        <v>98752</v>
      </c>
      <c r="I27704" s="1" t="s">
        <v>96632</v>
      </c>
      <c r="J27704" s="1" t="s">
        <v>98786</v>
      </c>
    </row>
    <row r="27705" spans="1:10" x14ac:dyDescent="0.35">
      <c r="A27705" s="1" t="s">
        <v>44507</v>
      </c>
      <c r="B27705" s="1" t="s">
        <v>96627</v>
      </c>
      <c r="C27705" s="1" t="s">
        <v>90</v>
      </c>
      <c r="D27705" s="1" t="s">
        <v>68851</v>
      </c>
      <c r="E27705" s="1" t="s">
        <v>57145</v>
      </c>
      <c r="F27705" s="1" t="s">
        <v>58371</v>
      </c>
      <c r="G27705" s="1" t="s">
        <v>98751</v>
      </c>
      <c r="H27705" s="1" t="s">
        <v>98752</v>
      </c>
      <c r="I27705" s="1" t="s">
        <v>96632</v>
      </c>
      <c r="J27705" s="1" t="s">
        <v>98787</v>
      </c>
    </row>
    <row r="27706" spans="1:10" x14ac:dyDescent="0.35">
      <c r="A27706" s="1" t="s">
        <v>44507</v>
      </c>
      <c r="B27706" s="1" t="s">
        <v>96627</v>
      </c>
      <c r="C27706" s="1" t="s">
        <v>95</v>
      </c>
      <c r="D27706" s="1" t="s">
        <v>52273</v>
      </c>
      <c r="E27706" s="1" t="s">
        <v>54200</v>
      </c>
      <c r="F27706" s="1" t="s">
        <v>53809</v>
      </c>
      <c r="G27706" s="1" t="s">
        <v>98751</v>
      </c>
      <c r="H27706" s="1" t="s">
        <v>98752</v>
      </c>
      <c r="I27706" s="1" t="s">
        <v>96632</v>
      </c>
      <c r="J27706" s="1" t="s">
        <v>98788</v>
      </c>
    </row>
    <row r="27707" spans="1:10" x14ac:dyDescent="0.35">
      <c r="A27707" s="1" t="s">
        <v>44507</v>
      </c>
      <c r="B27707" s="1" t="s">
        <v>96627</v>
      </c>
      <c r="C27707" s="1" t="s">
        <v>100</v>
      </c>
      <c r="D27707" s="1" t="s">
        <v>98789</v>
      </c>
      <c r="E27707" s="1" t="s">
        <v>27122</v>
      </c>
      <c r="F27707" s="1" t="s">
        <v>98790</v>
      </c>
      <c r="G27707" s="1" t="s">
        <v>98751</v>
      </c>
      <c r="H27707" s="1" t="s">
        <v>98752</v>
      </c>
      <c r="I27707" s="1" t="s">
        <v>96632</v>
      </c>
      <c r="J27707" s="1" t="s">
        <v>98791</v>
      </c>
    </row>
    <row r="27708" spans="1:10" x14ac:dyDescent="0.35">
      <c r="A27708" s="1" t="s">
        <v>44507</v>
      </c>
      <c r="B27708" s="1" t="s">
        <v>96627</v>
      </c>
      <c r="C27708" s="1" t="s">
        <v>105</v>
      </c>
      <c r="D27708" s="1" t="s">
        <v>98792</v>
      </c>
      <c r="E27708" s="1" t="s">
        <v>15595</v>
      </c>
      <c r="F27708" s="1" t="s">
        <v>98793</v>
      </c>
      <c r="G27708" s="1" t="s">
        <v>98751</v>
      </c>
      <c r="H27708" s="1" t="s">
        <v>98752</v>
      </c>
      <c r="I27708" s="1" t="s">
        <v>96632</v>
      </c>
      <c r="J27708" s="1" t="s">
        <v>98794</v>
      </c>
    </row>
    <row r="27709" spans="1:10" x14ac:dyDescent="0.35">
      <c r="A27709" s="1" t="s">
        <v>44507</v>
      </c>
      <c r="B27709" s="1" t="s">
        <v>96627</v>
      </c>
      <c r="C27709" s="1" t="s">
        <v>110</v>
      </c>
      <c r="D27709" s="1" t="s">
        <v>26575</v>
      </c>
      <c r="E27709" s="1" t="s">
        <v>98795</v>
      </c>
      <c r="F27709" s="1" t="s">
        <v>53865</v>
      </c>
      <c r="G27709" s="1" t="s">
        <v>98751</v>
      </c>
      <c r="H27709" s="1" t="s">
        <v>98752</v>
      </c>
      <c r="I27709" s="1" t="s">
        <v>96632</v>
      </c>
      <c r="J27709" s="1" t="s">
        <v>98796</v>
      </c>
    </row>
    <row r="27710" spans="1:10" x14ac:dyDescent="0.35">
      <c r="A27710" s="1" t="s">
        <v>44507</v>
      </c>
      <c r="B27710" s="1" t="s">
        <v>96627</v>
      </c>
      <c r="C27710" s="1" t="s">
        <v>115</v>
      </c>
      <c r="D27710" s="1" t="s">
        <v>98797</v>
      </c>
      <c r="E27710" s="1" t="s">
        <v>57183</v>
      </c>
      <c r="F27710" s="1" t="s">
        <v>98798</v>
      </c>
      <c r="G27710" s="1" t="s">
        <v>98751</v>
      </c>
      <c r="H27710" s="1" t="s">
        <v>98752</v>
      </c>
      <c r="I27710" s="1" t="s">
        <v>96632</v>
      </c>
      <c r="J27710" s="1" t="s">
        <v>98799</v>
      </c>
    </row>
    <row r="27711" spans="1:10" x14ac:dyDescent="0.35">
      <c r="A27711" s="1" t="s">
        <v>44507</v>
      </c>
      <c r="B27711" s="1" t="s">
        <v>96627</v>
      </c>
      <c r="C27711" s="1" t="s">
        <v>120</v>
      </c>
      <c r="D27711" s="1" t="s">
        <v>98800</v>
      </c>
      <c r="E27711" s="1" t="s">
        <v>15336</v>
      </c>
      <c r="F27711" s="1" t="s">
        <v>98801</v>
      </c>
      <c r="G27711" s="1" t="s">
        <v>98751</v>
      </c>
      <c r="H27711" s="1" t="s">
        <v>98752</v>
      </c>
      <c r="I27711" s="1" t="s">
        <v>96632</v>
      </c>
      <c r="J27711" s="1" t="s">
        <v>98802</v>
      </c>
    </row>
    <row r="27712" spans="1:10" x14ac:dyDescent="0.35">
      <c r="A27712" s="1" t="s">
        <v>44507</v>
      </c>
      <c r="B27712" s="1" t="s">
        <v>96627</v>
      </c>
      <c r="C27712" s="1" t="s">
        <v>125</v>
      </c>
      <c r="D27712" s="1" t="s">
        <v>68171</v>
      </c>
      <c r="E27712" s="1" t="s">
        <v>57695</v>
      </c>
      <c r="F27712" s="1" t="s">
        <v>54475</v>
      </c>
      <c r="G27712" s="1" t="s">
        <v>98751</v>
      </c>
      <c r="H27712" s="1" t="s">
        <v>98752</v>
      </c>
      <c r="I27712" s="1" t="s">
        <v>96632</v>
      </c>
      <c r="J27712" s="1" t="s">
        <v>98803</v>
      </c>
    </row>
    <row r="27713" spans="1:10" x14ac:dyDescent="0.35">
      <c r="A27713" s="1" t="s">
        <v>44507</v>
      </c>
      <c r="B27713" s="1" t="s">
        <v>96627</v>
      </c>
      <c r="C27713" s="1" t="s">
        <v>130</v>
      </c>
      <c r="D27713" s="1" t="s">
        <v>98804</v>
      </c>
      <c r="E27713" s="1" t="s">
        <v>15919</v>
      </c>
      <c r="F27713" s="1" t="s">
        <v>98805</v>
      </c>
      <c r="G27713" s="1" t="s">
        <v>98751</v>
      </c>
      <c r="H27713" s="1" t="s">
        <v>98752</v>
      </c>
      <c r="I27713" s="1" t="s">
        <v>96632</v>
      </c>
      <c r="J27713" s="1" t="s">
        <v>98806</v>
      </c>
    </row>
    <row r="27714" spans="1:10" x14ac:dyDescent="0.35">
      <c r="A27714" s="1" t="s">
        <v>44507</v>
      </c>
      <c r="B27714" s="1" t="s">
        <v>96627</v>
      </c>
      <c r="C27714" s="1" t="s">
        <v>135</v>
      </c>
      <c r="D27714" s="1" t="s">
        <v>87302</v>
      </c>
      <c r="E27714" s="1" t="s">
        <v>31738</v>
      </c>
      <c r="F27714" s="1" t="s">
        <v>98807</v>
      </c>
      <c r="G27714" s="1" t="s">
        <v>98751</v>
      </c>
      <c r="H27714" s="1" t="s">
        <v>98752</v>
      </c>
      <c r="I27714" s="1" t="s">
        <v>96632</v>
      </c>
      <c r="J27714" s="1" t="s">
        <v>98808</v>
      </c>
    </row>
    <row r="27715" spans="1:10" x14ac:dyDescent="0.35">
      <c r="A27715" s="1" t="s">
        <v>44507</v>
      </c>
      <c r="B27715" s="1" t="s">
        <v>96627</v>
      </c>
      <c r="C27715" s="1" t="s">
        <v>140</v>
      </c>
      <c r="D27715" s="1" t="s">
        <v>98809</v>
      </c>
      <c r="E27715" s="1" t="s">
        <v>26218</v>
      </c>
      <c r="F27715" s="1" t="s">
        <v>98810</v>
      </c>
      <c r="G27715" s="1" t="s">
        <v>98751</v>
      </c>
      <c r="H27715" s="1" t="s">
        <v>98752</v>
      </c>
      <c r="I27715" s="1" t="s">
        <v>96632</v>
      </c>
      <c r="J27715" s="1" t="s">
        <v>98811</v>
      </c>
    </row>
    <row r="27716" spans="1:10" x14ac:dyDescent="0.35">
      <c r="A27716" s="1" t="s">
        <v>44507</v>
      </c>
      <c r="B27716" s="1" t="s">
        <v>96627</v>
      </c>
      <c r="C27716" s="1" t="s">
        <v>145</v>
      </c>
      <c r="D27716" s="1" t="s">
        <v>59458</v>
      </c>
      <c r="E27716" s="1" t="s">
        <v>96591</v>
      </c>
      <c r="F27716" s="1" t="s">
        <v>98812</v>
      </c>
      <c r="G27716" s="1" t="s">
        <v>98751</v>
      </c>
      <c r="H27716" s="1" t="s">
        <v>98752</v>
      </c>
      <c r="I27716" s="1" t="s">
        <v>96632</v>
      </c>
      <c r="J27716" s="1" t="s">
        <v>98813</v>
      </c>
    </row>
    <row r="27717" spans="1:10" x14ac:dyDescent="0.35">
      <c r="A27717" s="1" t="s">
        <v>44507</v>
      </c>
      <c r="B27717" s="1" t="s">
        <v>96627</v>
      </c>
      <c r="C27717" s="1" t="s">
        <v>150</v>
      </c>
      <c r="D27717" s="1" t="s">
        <v>75633</v>
      </c>
      <c r="E27717" s="1" t="s">
        <v>71182</v>
      </c>
      <c r="F27717" s="1" t="s">
        <v>58836</v>
      </c>
      <c r="G27717" s="1" t="s">
        <v>98751</v>
      </c>
      <c r="H27717" s="1" t="s">
        <v>98752</v>
      </c>
      <c r="I27717" s="1" t="s">
        <v>96632</v>
      </c>
      <c r="J27717" s="1" t="s">
        <v>98814</v>
      </c>
    </row>
    <row r="27718" spans="1:10" x14ac:dyDescent="0.35">
      <c r="A27718" s="1" t="s">
        <v>44507</v>
      </c>
      <c r="B27718" s="1" t="s">
        <v>96627</v>
      </c>
      <c r="C27718" s="1" t="s">
        <v>155</v>
      </c>
      <c r="D27718" s="1" t="s">
        <v>55665</v>
      </c>
      <c r="E27718" s="1" t="s">
        <v>58638</v>
      </c>
      <c r="F27718" s="1" t="s">
        <v>55130</v>
      </c>
      <c r="G27718" s="1" t="s">
        <v>98751</v>
      </c>
      <c r="H27718" s="1" t="s">
        <v>98752</v>
      </c>
      <c r="I27718" s="1" t="s">
        <v>96632</v>
      </c>
      <c r="J27718" s="1" t="s">
        <v>98815</v>
      </c>
    </row>
    <row r="27719" spans="1:10" x14ac:dyDescent="0.35">
      <c r="A27719" s="1" t="s">
        <v>44507</v>
      </c>
      <c r="B27719" s="1" t="s">
        <v>96627</v>
      </c>
      <c r="C27719" s="1" t="s">
        <v>160</v>
      </c>
      <c r="D27719" s="1" t="s">
        <v>98816</v>
      </c>
      <c r="E27719" s="1" t="s">
        <v>73342</v>
      </c>
      <c r="F27719" s="1" t="s">
        <v>98817</v>
      </c>
      <c r="G27719" s="1" t="s">
        <v>98751</v>
      </c>
      <c r="H27719" s="1" t="s">
        <v>98752</v>
      </c>
      <c r="I27719" s="1" t="s">
        <v>96632</v>
      </c>
      <c r="J27719" s="1" t="s">
        <v>98818</v>
      </c>
    </row>
    <row r="27720" spans="1:10" x14ac:dyDescent="0.35">
      <c r="A27720" s="1" t="s">
        <v>44507</v>
      </c>
      <c r="B27720" s="1" t="s">
        <v>96627</v>
      </c>
      <c r="C27720" s="1" t="s">
        <v>165</v>
      </c>
      <c r="D27720" s="1" t="s">
        <v>87783</v>
      </c>
      <c r="E27720" s="1" t="s">
        <v>22317</v>
      </c>
      <c r="F27720" s="1" t="s">
        <v>59882</v>
      </c>
      <c r="G27720" s="1" t="s">
        <v>98751</v>
      </c>
      <c r="H27720" s="1" t="s">
        <v>98752</v>
      </c>
      <c r="I27720" s="1" t="s">
        <v>96632</v>
      </c>
      <c r="J27720" s="1" t="s">
        <v>98819</v>
      </c>
    </row>
    <row r="27721" spans="1:10" x14ac:dyDescent="0.35">
      <c r="A27721" s="1" t="s">
        <v>44507</v>
      </c>
      <c r="B27721" s="1" t="s">
        <v>96627</v>
      </c>
      <c r="C27721" s="1" t="s">
        <v>170</v>
      </c>
      <c r="D27721" s="1" t="s">
        <v>95779</v>
      </c>
      <c r="E27721" s="1" t="s">
        <v>95765</v>
      </c>
      <c r="F27721" s="1" t="s">
        <v>98820</v>
      </c>
      <c r="G27721" s="1" t="s">
        <v>98751</v>
      </c>
      <c r="H27721" s="1" t="s">
        <v>98752</v>
      </c>
      <c r="I27721" s="1" t="s">
        <v>96632</v>
      </c>
      <c r="J27721" s="1" t="s">
        <v>98821</v>
      </c>
    </row>
    <row r="27722" spans="1:10" x14ac:dyDescent="0.35">
      <c r="A27722" s="1" t="s">
        <v>8426</v>
      </c>
      <c r="B27722" s="1" t="s">
        <v>96627</v>
      </c>
      <c r="C27722" s="1" t="s">
        <v>8</v>
      </c>
      <c r="D27722" s="1" t="s">
        <v>98822</v>
      </c>
      <c r="E27722" s="1" t="s">
        <v>55113</v>
      </c>
      <c r="F27722" s="1" t="s">
        <v>54417</v>
      </c>
      <c r="G27722" s="1" t="s">
        <v>98823</v>
      </c>
      <c r="H27722" s="1" t="s">
        <v>98824</v>
      </c>
      <c r="I27722" s="1" t="s">
        <v>96632</v>
      </c>
      <c r="J27722" s="1" t="s">
        <v>13</v>
      </c>
    </row>
    <row r="27723" spans="1:10" x14ac:dyDescent="0.35">
      <c r="A27723" s="1" t="s">
        <v>8426</v>
      </c>
      <c r="B27723" s="1" t="s">
        <v>96627</v>
      </c>
      <c r="C27723" s="1" t="s">
        <v>15</v>
      </c>
      <c r="D27723" s="1" t="s">
        <v>81350</v>
      </c>
      <c r="E27723" s="1" t="s">
        <v>60967</v>
      </c>
      <c r="F27723" s="1" t="s">
        <v>98825</v>
      </c>
      <c r="G27723" s="1" t="s">
        <v>98823</v>
      </c>
      <c r="H27723" s="1" t="s">
        <v>98824</v>
      </c>
      <c r="I27723" s="1" t="s">
        <v>96632</v>
      </c>
      <c r="J27723" s="1" t="s">
        <v>98826</v>
      </c>
    </row>
    <row r="27724" spans="1:10" x14ac:dyDescent="0.35">
      <c r="A27724" s="1" t="s">
        <v>8426</v>
      </c>
      <c r="B27724" s="1" t="s">
        <v>96627</v>
      </c>
      <c r="C27724" s="1" t="s">
        <v>20</v>
      </c>
      <c r="D27724" s="1" t="s">
        <v>98827</v>
      </c>
      <c r="E27724" s="1" t="s">
        <v>21894</v>
      </c>
      <c r="F27724" s="1" t="s">
        <v>98828</v>
      </c>
      <c r="G27724" s="1" t="s">
        <v>98823</v>
      </c>
      <c r="H27724" s="1" t="s">
        <v>98824</v>
      </c>
      <c r="I27724" s="1" t="s">
        <v>96632</v>
      </c>
      <c r="J27724" s="1" t="s">
        <v>98829</v>
      </c>
    </row>
    <row r="27725" spans="1:10" x14ac:dyDescent="0.35">
      <c r="A27725" s="1" t="s">
        <v>8426</v>
      </c>
      <c r="B27725" s="1" t="s">
        <v>96627</v>
      </c>
      <c r="C27725" s="1" t="s">
        <v>25</v>
      </c>
      <c r="D27725" s="1" t="s">
        <v>98830</v>
      </c>
      <c r="E27725" s="1" t="s">
        <v>21140</v>
      </c>
      <c r="F27725" s="1" t="s">
        <v>98831</v>
      </c>
      <c r="G27725" s="1" t="s">
        <v>98823</v>
      </c>
      <c r="H27725" s="1" t="s">
        <v>98824</v>
      </c>
      <c r="I27725" s="1" t="s">
        <v>96632</v>
      </c>
      <c r="J27725" s="1" t="s">
        <v>98832</v>
      </c>
    </row>
    <row r="27726" spans="1:10" x14ac:dyDescent="0.35">
      <c r="A27726" s="1" t="s">
        <v>8426</v>
      </c>
      <c r="B27726" s="1" t="s">
        <v>96627</v>
      </c>
      <c r="C27726" s="1" t="s">
        <v>30</v>
      </c>
      <c r="D27726" s="1" t="s">
        <v>98833</v>
      </c>
      <c r="E27726" s="1" t="s">
        <v>58359</v>
      </c>
      <c r="F27726" s="1" t="s">
        <v>23867</v>
      </c>
      <c r="G27726" s="1" t="s">
        <v>98823</v>
      </c>
      <c r="H27726" s="1" t="s">
        <v>98824</v>
      </c>
      <c r="I27726" s="1" t="s">
        <v>96632</v>
      </c>
      <c r="J27726" s="1" t="s">
        <v>98834</v>
      </c>
    </row>
    <row r="27727" spans="1:10" x14ac:dyDescent="0.35">
      <c r="A27727" s="1" t="s">
        <v>8426</v>
      </c>
      <c r="B27727" s="1" t="s">
        <v>96627</v>
      </c>
      <c r="C27727" s="1" t="s">
        <v>35</v>
      </c>
      <c r="D27727" s="1" t="s">
        <v>98835</v>
      </c>
      <c r="E27727" s="1" t="s">
        <v>22056</v>
      </c>
      <c r="F27727" s="1" t="s">
        <v>98836</v>
      </c>
      <c r="G27727" s="1" t="s">
        <v>98823</v>
      </c>
      <c r="H27727" s="1" t="s">
        <v>98824</v>
      </c>
      <c r="I27727" s="1" t="s">
        <v>96632</v>
      </c>
      <c r="J27727" s="1" t="s">
        <v>98837</v>
      </c>
    </row>
    <row r="27728" spans="1:10" x14ac:dyDescent="0.35">
      <c r="A27728" s="1" t="s">
        <v>8426</v>
      </c>
      <c r="B27728" s="1" t="s">
        <v>96627</v>
      </c>
      <c r="C27728" s="1" t="s">
        <v>40</v>
      </c>
      <c r="D27728" s="1" t="s">
        <v>52520</v>
      </c>
      <c r="E27728" s="1" t="s">
        <v>23030</v>
      </c>
      <c r="F27728" s="1" t="s">
        <v>98838</v>
      </c>
      <c r="G27728" s="1" t="s">
        <v>98823</v>
      </c>
      <c r="H27728" s="1" t="s">
        <v>98824</v>
      </c>
      <c r="I27728" s="1" t="s">
        <v>96632</v>
      </c>
      <c r="J27728" s="1" t="s">
        <v>98839</v>
      </c>
    </row>
    <row r="27729" spans="1:10" x14ac:dyDescent="0.35">
      <c r="A27729" s="1" t="s">
        <v>8426</v>
      </c>
      <c r="B27729" s="1" t="s">
        <v>96627</v>
      </c>
      <c r="C27729" s="1" t="s">
        <v>45</v>
      </c>
      <c r="D27729" s="1" t="s">
        <v>98840</v>
      </c>
      <c r="E27729" s="1" t="s">
        <v>54059</v>
      </c>
      <c r="F27729" s="1" t="s">
        <v>98841</v>
      </c>
      <c r="G27729" s="1" t="s">
        <v>98823</v>
      </c>
      <c r="H27729" s="1" t="s">
        <v>98824</v>
      </c>
      <c r="I27729" s="1" t="s">
        <v>96632</v>
      </c>
      <c r="J27729" s="1" t="s">
        <v>98842</v>
      </c>
    </row>
    <row r="27730" spans="1:10" x14ac:dyDescent="0.35">
      <c r="A27730" s="1" t="s">
        <v>8426</v>
      </c>
      <c r="B27730" s="1" t="s">
        <v>96627</v>
      </c>
      <c r="C27730" s="1" t="s">
        <v>50</v>
      </c>
      <c r="D27730" s="1" t="s">
        <v>98843</v>
      </c>
      <c r="E27730" s="1" t="s">
        <v>15252</v>
      </c>
      <c r="F27730" s="1" t="s">
        <v>98844</v>
      </c>
      <c r="G27730" s="1" t="s">
        <v>98823</v>
      </c>
      <c r="H27730" s="1" t="s">
        <v>98824</v>
      </c>
      <c r="I27730" s="1" t="s">
        <v>96632</v>
      </c>
      <c r="J27730" s="1" t="s">
        <v>98845</v>
      </c>
    </row>
    <row r="27731" spans="1:10" x14ac:dyDescent="0.35">
      <c r="A27731" s="1" t="s">
        <v>8426</v>
      </c>
      <c r="B27731" s="1" t="s">
        <v>96627</v>
      </c>
      <c r="C27731" s="1" t="s">
        <v>55</v>
      </c>
      <c r="D27731" s="1" t="s">
        <v>98846</v>
      </c>
      <c r="E27731" s="1" t="s">
        <v>58370</v>
      </c>
      <c r="F27731" s="1" t="s">
        <v>98847</v>
      </c>
      <c r="G27731" s="1" t="s">
        <v>98823</v>
      </c>
      <c r="H27731" s="1" t="s">
        <v>98824</v>
      </c>
      <c r="I27731" s="1" t="s">
        <v>96632</v>
      </c>
      <c r="J27731" s="1" t="s">
        <v>98848</v>
      </c>
    </row>
    <row r="27732" spans="1:10" x14ac:dyDescent="0.35">
      <c r="A27732" s="1" t="s">
        <v>8426</v>
      </c>
      <c r="B27732" s="1" t="s">
        <v>96627</v>
      </c>
      <c r="C27732" s="1" t="s">
        <v>60</v>
      </c>
      <c r="D27732" s="1" t="s">
        <v>98849</v>
      </c>
      <c r="E27732" s="1" t="s">
        <v>40717</v>
      </c>
      <c r="F27732" s="1" t="s">
        <v>98850</v>
      </c>
      <c r="G27732" s="1" t="s">
        <v>98823</v>
      </c>
      <c r="H27732" s="1" t="s">
        <v>98824</v>
      </c>
      <c r="I27732" s="1" t="s">
        <v>96632</v>
      </c>
      <c r="J27732" s="1" t="s">
        <v>98851</v>
      </c>
    </row>
    <row r="27733" spans="1:10" x14ac:dyDescent="0.35">
      <c r="A27733" s="1" t="s">
        <v>8426</v>
      </c>
      <c r="B27733" s="1" t="s">
        <v>96627</v>
      </c>
      <c r="C27733" s="1" t="s">
        <v>65</v>
      </c>
      <c r="D27733" s="1" t="s">
        <v>84635</v>
      </c>
      <c r="E27733" s="1" t="s">
        <v>21910</v>
      </c>
      <c r="F27733" s="1" t="s">
        <v>98852</v>
      </c>
      <c r="G27733" s="1" t="s">
        <v>98823</v>
      </c>
      <c r="H27733" s="1" t="s">
        <v>98824</v>
      </c>
      <c r="I27733" s="1" t="s">
        <v>96632</v>
      </c>
      <c r="J27733" s="1" t="s">
        <v>98853</v>
      </c>
    </row>
    <row r="27734" spans="1:10" x14ac:dyDescent="0.35">
      <c r="A27734" s="1" t="s">
        <v>8426</v>
      </c>
      <c r="B27734" s="1" t="s">
        <v>96627</v>
      </c>
      <c r="C27734" s="1" t="s">
        <v>70</v>
      </c>
      <c r="D27734" s="1" t="s">
        <v>17088</v>
      </c>
      <c r="E27734" s="1" t="s">
        <v>41316</v>
      </c>
      <c r="F27734" s="1" t="s">
        <v>98854</v>
      </c>
      <c r="G27734" s="1" t="s">
        <v>98823</v>
      </c>
      <c r="H27734" s="1" t="s">
        <v>98824</v>
      </c>
      <c r="I27734" s="1" t="s">
        <v>96632</v>
      </c>
      <c r="J27734" s="1" t="s">
        <v>98855</v>
      </c>
    </row>
    <row r="27735" spans="1:10" x14ac:dyDescent="0.35">
      <c r="A27735" s="1" t="s">
        <v>8426</v>
      </c>
      <c r="B27735" s="1" t="s">
        <v>96627</v>
      </c>
      <c r="C27735" s="1" t="s">
        <v>75</v>
      </c>
      <c r="D27735" s="1" t="s">
        <v>80881</v>
      </c>
      <c r="E27735" s="1" t="s">
        <v>41298</v>
      </c>
      <c r="F27735" s="1" t="s">
        <v>98856</v>
      </c>
      <c r="G27735" s="1" t="s">
        <v>98823</v>
      </c>
      <c r="H27735" s="1" t="s">
        <v>98824</v>
      </c>
      <c r="I27735" s="1" t="s">
        <v>96632</v>
      </c>
      <c r="J27735" s="1" t="s">
        <v>98857</v>
      </c>
    </row>
    <row r="27736" spans="1:10" x14ac:dyDescent="0.35">
      <c r="A27736" s="1" t="s">
        <v>8426</v>
      </c>
      <c r="B27736" s="1" t="s">
        <v>96627</v>
      </c>
      <c r="C27736" s="1" t="s">
        <v>80</v>
      </c>
      <c r="D27736" s="1" t="s">
        <v>21879</v>
      </c>
      <c r="E27736" s="1" t="s">
        <v>32372</v>
      </c>
      <c r="F27736" s="1" t="s">
        <v>98858</v>
      </c>
      <c r="G27736" s="1" t="s">
        <v>98823</v>
      </c>
      <c r="H27736" s="1" t="s">
        <v>98824</v>
      </c>
      <c r="I27736" s="1" t="s">
        <v>96632</v>
      </c>
      <c r="J27736" s="1" t="s">
        <v>98859</v>
      </c>
    </row>
    <row r="27737" spans="1:10" x14ac:dyDescent="0.35">
      <c r="A27737" s="1" t="s">
        <v>8426</v>
      </c>
      <c r="B27737" s="1" t="s">
        <v>96627</v>
      </c>
      <c r="C27737" s="1" t="s">
        <v>85</v>
      </c>
      <c r="D27737" s="1" t="s">
        <v>98860</v>
      </c>
      <c r="E27737" s="1" t="s">
        <v>54032</v>
      </c>
      <c r="F27737" s="1" t="s">
        <v>98861</v>
      </c>
      <c r="G27737" s="1" t="s">
        <v>98823</v>
      </c>
      <c r="H27737" s="1" t="s">
        <v>98824</v>
      </c>
      <c r="I27737" s="1" t="s">
        <v>96632</v>
      </c>
      <c r="J27737" s="1" t="s">
        <v>98862</v>
      </c>
    </row>
    <row r="27738" spans="1:10" x14ac:dyDescent="0.35">
      <c r="A27738" s="1" t="s">
        <v>8426</v>
      </c>
      <c r="B27738" s="1" t="s">
        <v>96627</v>
      </c>
      <c r="C27738" s="1" t="s">
        <v>90</v>
      </c>
      <c r="D27738" s="1" t="s">
        <v>80807</v>
      </c>
      <c r="E27738" s="1" t="s">
        <v>16090</v>
      </c>
      <c r="F27738" s="1" t="s">
        <v>98863</v>
      </c>
      <c r="G27738" s="1" t="s">
        <v>98823</v>
      </c>
      <c r="H27738" s="1" t="s">
        <v>98824</v>
      </c>
      <c r="I27738" s="1" t="s">
        <v>96632</v>
      </c>
      <c r="J27738" s="1" t="s">
        <v>98864</v>
      </c>
    </row>
    <row r="27739" spans="1:10" x14ac:dyDescent="0.35">
      <c r="A27739" s="1" t="s">
        <v>8426</v>
      </c>
      <c r="B27739" s="1" t="s">
        <v>96627</v>
      </c>
      <c r="C27739" s="1" t="s">
        <v>95</v>
      </c>
      <c r="D27739" s="1" t="s">
        <v>66008</v>
      </c>
      <c r="E27739" s="1" t="s">
        <v>55198</v>
      </c>
      <c r="F27739" s="1" t="s">
        <v>98865</v>
      </c>
      <c r="G27739" s="1" t="s">
        <v>98823</v>
      </c>
      <c r="H27739" s="1" t="s">
        <v>98824</v>
      </c>
      <c r="I27739" s="1" t="s">
        <v>96632</v>
      </c>
      <c r="J27739" s="1" t="s">
        <v>98866</v>
      </c>
    </row>
    <row r="27740" spans="1:10" x14ac:dyDescent="0.35">
      <c r="A27740" s="1" t="s">
        <v>8426</v>
      </c>
      <c r="B27740" s="1" t="s">
        <v>96627</v>
      </c>
      <c r="C27740" s="1" t="s">
        <v>100</v>
      </c>
      <c r="D27740" s="1" t="s">
        <v>22137</v>
      </c>
      <c r="E27740" s="1" t="s">
        <v>21768</v>
      </c>
      <c r="F27740" s="1" t="s">
        <v>98867</v>
      </c>
      <c r="G27740" s="1" t="s">
        <v>98823</v>
      </c>
      <c r="H27740" s="1" t="s">
        <v>98824</v>
      </c>
      <c r="I27740" s="1" t="s">
        <v>96632</v>
      </c>
      <c r="J27740" s="1" t="s">
        <v>98868</v>
      </c>
    </row>
    <row r="27741" spans="1:10" x14ac:dyDescent="0.35">
      <c r="A27741" s="1" t="s">
        <v>8426</v>
      </c>
      <c r="B27741" s="1" t="s">
        <v>96627</v>
      </c>
      <c r="C27741" s="1" t="s">
        <v>105</v>
      </c>
      <c r="D27741" s="1" t="s">
        <v>98869</v>
      </c>
      <c r="E27741" s="1" t="s">
        <v>41283</v>
      </c>
      <c r="F27741" s="1" t="s">
        <v>98870</v>
      </c>
      <c r="G27741" s="1" t="s">
        <v>98823</v>
      </c>
      <c r="H27741" s="1" t="s">
        <v>98824</v>
      </c>
      <c r="I27741" s="1" t="s">
        <v>96632</v>
      </c>
      <c r="J27741" s="1" t="s">
        <v>98871</v>
      </c>
    </row>
    <row r="27742" spans="1:10" x14ac:dyDescent="0.35">
      <c r="A27742" s="1" t="s">
        <v>8426</v>
      </c>
      <c r="B27742" s="1" t="s">
        <v>96627</v>
      </c>
      <c r="C27742" s="1" t="s">
        <v>110</v>
      </c>
      <c r="D27742" s="1" t="s">
        <v>98872</v>
      </c>
      <c r="E27742" s="1" t="s">
        <v>40691</v>
      </c>
      <c r="F27742" s="1" t="s">
        <v>98873</v>
      </c>
      <c r="G27742" s="1" t="s">
        <v>98823</v>
      </c>
      <c r="H27742" s="1" t="s">
        <v>98824</v>
      </c>
      <c r="I27742" s="1" t="s">
        <v>96632</v>
      </c>
      <c r="J27742" s="1" t="s">
        <v>98874</v>
      </c>
    </row>
    <row r="27743" spans="1:10" x14ac:dyDescent="0.35">
      <c r="A27743" s="1" t="s">
        <v>8426</v>
      </c>
      <c r="B27743" s="1" t="s">
        <v>96627</v>
      </c>
      <c r="C27743" s="1" t="s">
        <v>115</v>
      </c>
      <c r="D27743" s="1" t="s">
        <v>67584</v>
      </c>
      <c r="E27743" s="1" t="s">
        <v>55182</v>
      </c>
      <c r="F27743" s="1" t="s">
        <v>98875</v>
      </c>
      <c r="G27743" s="1" t="s">
        <v>98823</v>
      </c>
      <c r="H27743" s="1" t="s">
        <v>98824</v>
      </c>
      <c r="I27743" s="1" t="s">
        <v>96632</v>
      </c>
      <c r="J27743" s="1" t="s">
        <v>98876</v>
      </c>
    </row>
    <row r="27744" spans="1:10" x14ac:dyDescent="0.35">
      <c r="A27744" s="1" t="s">
        <v>8426</v>
      </c>
      <c r="B27744" s="1" t="s">
        <v>96627</v>
      </c>
      <c r="C27744" s="1" t="s">
        <v>120</v>
      </c>
      <c r="D27744" s="1" t="s">
        <v>12710</v>
      </c>
      <c r="E27744" s="1" t="s">
        <v>26572</v>
      </c>
      <c r="F27744" s="1" t="s">
        <v>98877</v>
      </c>
      <c r="G27744" s="1" t="s">
        <v>98823</v>
      </c>
      <c r="H27744" s="1" t="s">
        <v>98824</v>
      </c>
      <c r="I27744" s="1" t="s">
        <v>96632</v>
      </c>
      <c r="J27744" s="1" t="s">
        <v>98878</v>
      </c>
    </row>
    <row r="27745" spans="1:10" x14ac:dyDescent="0.35">
      <c r="A27745" s="1" t="s">
        <v>8426</v>
      </c>
      <c r="B27745" s="1" t="s">
        <v>96627</v>
      </c>
      <c r="C27745" s="1" t="s">
        <v>125</v>
      </c>
      <c r="D27745" s="1" t="s">
        <v>86259</v>
      </c>
      <c r="E27745" s="1" t="s">
        <v>41294</v>
      </c>
      <c r="F27745" s="1" t="s">
        <v>98879</v>
      </c>
      <c r="G27745" s="1" t="s">
        <v>98823</v>
      </c>
      <c r="H27745" s="1" t="s">
        <v>98824</v>
      </c>
      <c r="I27745" s="1" t="s">
        <v>96632</v>
      </c>
      <c r="J27745" s="1" t="s">
        <v>98880</v>
      </c>
    </row>
    <row r="27746" spans="1:10" x14ac:dyDescent="0.35">
      <c r="A27746" s="1" t="s">
        <v>8426</v>
      </c>
      <c r="B27746" s="1" t="s">
        <v>96627</v>
      </c>
      <c r="C27746" s="1" t="s">
        <v>130</v>
      </c>
      <c r="D27746" s="1" t="s">
        <v>92599</v>
      </c>
      <c r="E27746" s="1" t="s">
        <v>56032</v>
      </c>
      <c r="F27746" s="1" t="s">
        <v>98881</v>
      </c>
      <c r="G27746" s="1" t="s">
        <v>98823</v>
      </c>
      <c r="H27746" s="1" t="s">
        <v>98824</v>
      </c>
      <c r="I27746" s="1" t="s">
        <v>96632</v>
      </c>
      <c r="J27746" s="1" t="s">
        <v>98882</v>
      </c>
    </row>
    <row r="27747" spans="1:10" x14ac:dyDescent="0.35">
      <c r="A27747" s="1" t="s">
        <v>8426</v>
      </c>
      <c r="B27747" s="1" t="s">
        <v>96627</v>
      </c>
      <c r="C27747" s="1" t="s">
        <v>135</v>
      </c>
      <c r="D27747" s="1" t="s">
        <v>98883</v>
      </c>
      <c r="E27747" s="1" t="s">
        <v>23016</v>
      </c>
      <c r="F27747" s="1" t="s">
        <v>98884</v>
      </c>
      <c r="G27747" s="1" t="s">
        <v>98823</v>
      </c>
      <c r="H27747" s="1" t="s">
        <v>98824</v>
      </c>
      <c r="I27747" s="1" t="s">
        <v>96632</v>
      </c>
      <c r="J27747" s="1" t="s">
        <v>98885</v>
      </c>
    </row>
    <row r="27748" spans="1:10" x14ac:dyDescent="0.35">
      <c r="A27748" s="1" t="s">
        <v>8426</v>
      </c>
      <c r="B27748" s="1" t="s">
        <v>96627</v>
      </c>
      <c r="C27748" s="1" t="s">
        <v>140</v>
      </c>
      <c r="D27748" s="1" t="s">
        <v>63362</v>
      </c>
      <c r="E27748" s="1" t="s">
        <v>16094</v>
      </c>
      <c r="F27748" s="1" t="s">
        <v>98886</v>
      </c>
      <c r="G27748" s="1" t="s">
        <v>98823</v>
      </c>
      <c r="H27748" s="1" t="s">
        <v>98824</v>
      </c>
      <c r="I27748" s="1" t="s">
        <v>96632</v>
      </c>
      <c r="J27748" s="1" t="s">
        <v>98887</v>
      </c>
    </row>
    <row r="27749" spans="1:10" x14ac:dyDescent="0.35">
      <c r="A27749" s="1" t="s">
        <v>8426</v>
      </c>
      <c r="B27749" s="1" t="s">
        <v>96627</v>
      </c>
      <c r="C27749" s="1" t="s">
        <v>145</v>
      </c>
      <c r="D27749" s="1" t="s">
        <v>40164</v>
      </c>
      <c r="E27749" s="1" t="s">
        <v>41298</v>
      </c>
      <c r="F27749" s="1" t="s">
        <v>98888</v>
      </c>
      <c r="G27749" s="1" t="s">
        <v>98823</v>
      </c>
      <c r="H27749" s="1" t="s">
        <v>98824</v>
      </c>
      <c r="I27749" s="1" t="s">
        <v>96632</v>
      </c>
      <c r="J27749" s="1" t="s">
        <v>98889</v>
      </c>
    </row>
    <row r="27750" spans="1:10" x14ac:dyDescent="0.35">
      <c r="A27750" s="1" t="s">
        <v>8426</v>
      </c>
      <c r="B27750" s="1" t="s">
        <v>96627</v>
      </c>
      <c r="C27750" s="1" t="s">
        <v>150</v>
      </c>
      <c r="D27750" s="1" t="s">
        <v>98890</v>
      </c>
      <c r="E27750" s="1" t="s">
        <v>63878</v>
      </c>
      <c r="F27750" s="1" t="s">
        <v>98891</v>
      </c>
      <c r="G27750" s="1" t="s">
        <v>98823</v>
      </c>
      <c r="H27750" s="1" t="s">
        <v>98824</v>
      </c>
      <c r="I27750" s="1" t="s">
        <v>96632</v>
      </c>
      <c r="J27750" s="1" t="s">
        <v>98892</v>
      </c>
    </row>
    <row r="27751" spans="1:10" x14ac:dyDescent="0.35">
      <c r="A27751" s="1" t="s">
        <v>8426</v>
      </c>
      <c r="B27751" s="1" t="s">
        <v>96627</v>
      </c>
      <c r="C27751" s="1" t="s">
        <v>155</v>
      </c>
      <c r="D27751" s="1" t="s">
        <v>98893</v>
      </c>
      <c r="E27751" s="1" t="s">
        <v>54038</v>
      </c>
      <c r="F27751" s="1" t="s">
        <v>98894</v>
      </c>
      <c r="G27751" s="1" t="s">
        <v>98823</v>
      </c>
      <c r="H27751" s="1" t="s">
        <v>98824</v>
      </c>
      <c r="I27751" s="1" t="s">
        <v>96632</v>
      </c>
      <c r="J27751" s="1" t="s">
        <v>98895</v>
      </c>
    </row>
    <row r="27752" spans="1:10" x14ac:dyDescent="0.35">
      <c r="A27752" s="1" t="s">
        <v>8426</v>
      </c>
      <c r="B27752" s="1" t="s">
        <v>96627</v>
      </c>
      <c r="C27752" s="1" t="s">
        <v>160</v>
      </c>
      <c r="D27752" s="1" t="s">
        <v>98896</v>
      </c>
      <c r="E27752" s="1" t="s">
        <v>41262</v>
      </c>
      <c r="F27752" s="1" t="s">
        <v>98897</v>
      </c>
      <c r="G27752" s="1" t="s">
        <v>98823</v>
      </c>
      <c r="H27752" s="1" t="s">
        <v>98824</v>
      </c>
      <c r="I27752" s="1" t="s">
        <v>96632</v>
      </c>
      <c r="J27752" s="1" t="s">
        <v>98898</v>
      </c>
    </row>
    <row r="27753" spans="1:10" x14ac:dyDescent="0.35">
      <c r="A27753" s="1" t="s">
        <v>8426</v>
      </c>
      <c r="B27753" s="1" t="s">
        <v>96627</v>
      </c>
      <c r="C27753" s="1" t="s">
        <v>165</v>
      </c>
      <c r="D27753" s="1" t="s">
        <v>98899</v>
      </c>
      <c r="E27753" s="1" t="s">
        <v>57256</v>
      </c>
      <c r="F27753" s="1" t="s">
        <v>98900</v>
      </c>
      <c r="G27753" s="1" t="s">
        <v>98823</v>
      </c>
      <c r="H27753" s="1" t="s">
        <v>98824</v>
      </c>
      <c r="I27753" s="1" t="s">
        <v>96632</v>
      </c>
      <c r="J27753" s="1" t="s">
        <v>98901</v>
      </c>
    </row>
    <row r="27754" spans="1:10" x14ac:dyDescent="0.35">
      <c r="A27754" s="1" t="s">
        <v>8426</v>
      </c>
      <c r="B27754" s="1" t="s">
        <v>96627</v>
      </c>
      <c r="C27754" s="1" t="s">
        <v>170</v>
      </c>
      <c r="D27754" s="1" t="s">
        <v>98902</v>
      </c>
      <c r="E27754" s="1" t="s">
        <v>53965</v>
      </c>
      <c r="F27754" s="1" t="s">
        <v>98903</v>
      </c>
      <c r="G27754" s="1" t="s">
        <v>98823</v>
      </c>
      <c r="H27754" s="1" t="s">
        <v>98824</v>
      </c>
      <c r="I27754" s="1" t="s">
        <v>96632</v>
      </c>
      <c r="J27754" s="1" t="s">
        <v>98904</v>
      </c>
    </row>
    <row r="27755" spans="1:10" x14ac:dyDescent="0.35">
      <c r="A27755" s="1" t="s">
        <v>7350</v>
      </c>
      <c r="B27755" s="1" t="s">
        <v>96627</v>
      </c>
      <c r="C27755" s="1" t="s">
        <v>8</v>
      </c>
      <c r="D27755" s="1" t="s">
        <v>98905</v>
      </c>
      <c r="E27755" s="1" t="s">
        <v>98906</v>
      </c>
      <c r="F27755" s="1" t="s">
        <v>98907</v>
      </c>
      <c r="G27755" s="1" t="s">
        <v>98908</v>
      </c>
      <c r="H27755" s="1" t="s">
        <v>98909</v>
      </c>
      <c r="I27755" s="1" t="s">
        <v>96632</v>
      </c>
      <c r="J27755" s="1" t="s">
        <v>13</v>
      </c>
    </row>
    <row r="27756" spans="1:10" x14ac:dyDescent="0.35">
      <c r="A27756" s="1" t="s">
        <v>7350</v>
      </c>
      <c r="B27756" s="1" t="s">
        <v>96627</v>
      </c>
      <c r="C27756" s="1" t="s">
        <v>15</v>
      </c>
      <c r="D27756" s="1" t="s">
        <v>24301</v>
      </c>
      <c r="E27756" s="1" t="s">
        <v>98910</v>
      </c>
      <c r="F27756" s="1" t="s">
        <v>98911</v>
      </c>
      <c r="G27756" s="1" t="s">
        <v>98908</v>
      </c>
      <c r="H27756" s="1" t="s">
        <v>98909</v>
      </c>
      <c r="I27756" s="1" t="s">
        <v>96632</v>
      </c>
      <c r="J27756" s="1" t="s">
        <v>98912</v>
      </c>
    </row>
    <row r="27757" spans="1:10" x14ac:dyDescent="0.35">
      <c r="A27757" s="1" t="s">
        <v>7350</v>
      </c>
      <c r="B27757" s="1" t="s">
        <v>96627</v>
      </c>
      <c r="C27757" s="1" t="s">
        <v>20</v>
      </c>
      <c r="D27757" s="1" t="s">
        <v>78036</v>
      </c>
      <c r="E27757" s="1" t="s">
        <v>98913</v>
      </c>
      <c r="F27757" s="1" t="s">
        <v>98914</v>
      </c>
      <c r="G27757" s="1" t="s">
        <v>98908</v>
      </c>
      <c r="H27757" s="1" t="s">
        <v>98909</v>
      </c>
      <c r="I27757" s="1" t="s">
        <v>96632</v>
      </c>
      <c r="J27757" s="1" t="s">
        <v>98915</v>
      </c>
    </row>
    <row r="27758" spans="1:10" x14ac:dyDescent="0.35">
      <c r="A27758" s="1" t="s">
        <v>7350</v>
      </c>
      <c r="B27758" s="1" t="s">
        <v>96627</v>
      </c>
      <c r="C27758" s="1" t="s">
        <v>25</v>
      </c>
      <c r="D27758" s="1" t="s">
        <v>98916</v>
      </c>
      <c r="E27758" s="1" t="s">
        <v>98917</v>
      </c>
      <c r="F27758" s="1" t="s">
        <v>98918</v>
      </c>
      <c r="G27758" s="1" t="s">
        <v>98908</v>
      </c>
      <c r="H27758" s="1" t="s">
        <v>98909</v>
      </c>
      <c r="I27758" s="1" t="s">
        <v>96632</v>
      </c>
      <c r="J27758" s="1" t="s">
        <v>98919</v>
      </c>
    </row>
    <row r="27759" spans="1:10" x14ac:dyDescent="0.35">
      <c r="A27759" s="1" t="s">
        <v>7350</v>
      </c>
      <c r="B27759" s="1" t="s">
        <v>96627</v>
      </c>
      <c r="C27759" s="1" t="s">
        <v>30</v>
      </c>
      <c r="D27759" s="1" t="s">
        <v>98920</v>
      </c>
      <c r="E27759" s="1" t="s">
        <v>98921</v>
      </c>
      <c r="F27759" s="1" t="s">
        <v>98922</v>
      </c>
      <c r="G27759" s="1" t="s">
        <v>98908</v>
      </c>
      <c r="H27759" s="1" t="s">
        <v>98909</v>
      </c>
      <c r="I27759" s="1" t="s">
        <v>96632</v>
      </c>
      <c r="J27759" s="1" t="s">
        <v>98923</v>
      </c>
    </row>
    <row r="27760" spans="1:10" x14ac:dyDescent="0.35">
      <c r="A27760" s="1" t="s">
        <v>7350</v>
      </c>
      <c r="B27760" s="1" t="s">
        <v>96627</v>
      </c>
      <c r="C27760" s="1" t="s">
        <v>35</v>
      </c>
      <c r="D27760" s="1" t="s">
        <v>98924</v>
      </c>
      <c r="E27760" s="1" t="s">
        <v>98925</v>
      </c>
      <c r="F27760" s="1" t="s">
        <v>98926</v>
      </c>
      <c r="G27760" s="1" t="s">
        <v>98908</v>
      </c>
      <c r="H27760" s="1" t="s">
        <v>98909</v>
      </c>
      <c r="I27760" s="1" t="s">
        <v>96632</v>
      </c>
      <c r="J27760" s="1" t="s">
        <v>98927</v>
      </c>
    </row>
    <row r="27761" spans="1:10" x14ac:dyDescent="0.35">
      <c r="A27761" s="1" t="s">
        <v>7350</v>
      </c>
      <c r="B27761" s="1" t="s">
        <v>96627</v>
      </c>
      <c r="C27761" s="1" t="s">
        <v>40</v>
      </c>
      <c r="D27761" s="1" t="s">
        <v>98928</v>
      </c>
      <c r="E27761" s="1" t="s">
        <v>98929</v>
      </c>
      <c r="F27761" s="1" t="s">
        <v>98930</v>
      </c>
      <c r="G27761" s="1" t="s">
        <v>98908</v>
      </c>
      <c r="H27761" s="1" t="s">
        <v>98909</v>
      </c>
      <c r="I27761" s="1" t="s">
        <v>96632</v>
      </c>
      <c r="J27761" s="1" t="s">
        <v>98931</v>
      </c>
    </row>
    <row r="27762" spans="1:10" x14ac:dyDescent="0.35">
      <c r="A27762" s="1" t="s">
        <v>7350</v>
      </c>
      <c r="B27762" s="1" t="s">
        <v>96627</v>
      </c>
      <c r="C27762" s="1" t="s">
        <v>45</v>
      </c>
      <c r="D27762" s="1" t="s">
        <v>94890</v>
      </c>
      <c r="E27762" s="1" t="s">
        <v>98932</v>
      </c>
      <c r="F27762" s="1" t="s">
        <v>98933</v>
      </c>
      <c r="G27762" s="1" t="s">
        <v>98908</v>
      </c>
      <c r="H27762" s="1" t="s">
        <v>98909</v>
      </c>
      <c r="I27762" s="1" t="s">
        <v>96632</v>
      </c>
      <c r="J27762" s="1" t="s">
        <v>98934</v>
      </c>
    </row>
    <row r="27763" spans="1:10" x14ac:dyDescent="0.35">
      <c r="A27763" s="1" t="s">
        <v>7350</v>
      </c>
      <c r="B27763" s="1" t="s">
        <v>96627</v>
      </c>
      <c r="C27763" s="1" t="s">
        <v>50</v>
      </c>
      <c r="D27763" s="1" t="s">
        <v>55493</v>
      </c>
      <c r="E27763" s="1" t="s">
        <v>98935</v>
      </c>
      <c r="F27763" s="1" t="s">
        <v>98936</v>
      </c>
      <c r="G27763" s="1" t="s">
        <v>98908</v>
      </c>
      <c r="H27763" s="1" t="s">
        <v>98909</v>
      </c>
      <c r="I27763" s="1" t="s">
        <v>96632</v>
      </c>
      <c r="J27763" s="1" t="s">
        <v>98937</v>
      </c>
    </row>
    <row r="27764" spans="1:10" x14ac:dyDescent="0.35">
      <c r="A27764" s="1" t="s">
        <v>7350</v>
      </c>
      <c r="B27764" s="1" t="s">
        <v>96627</v>
      </c>
      <c r="C27764" s="1" t="s">
        <v>55</v>
      </c>
      <c r="D27764" s="1" t="s">
        <v>91847</v>
      </c>
      <c r="E27764" s="1" t="s">
        <v>98938</v>
      </c>
      <c r="F27764" s="1" t="s">
        <v>98939</v>
      </c>
      <c r="G27764" s="1" t="s">
        <v>98908</v>
      </c>
      <c r="H27764" s="1" t="s">
        <v>98909</v>
      </c>
      <c r="I27764" s="1" t="s">
        <v>96632</v>
      </c>
      <c r="J27764" s="1" t="s">
        <v>98940</v>
      </c>
    </row>
    <row r="27765" spans="1:10" x14ac:dyDescent="0.35">
      <c r="A27765" s="1" t="s">
        <v>7350</v>
      </c>
      <c r="B27765" s="1" t="s">
        <v>96627</v>
      </c>
      <c r="C27765" s="1" t="s">
        <v>60</v>
      </c>
      <c r="D27765" s="1" t="s">
        <v>26441</v>
      </c>
      <c r="E27765" s="1" t="s">
        <v>98941</v>
      </c>
      <c r="F27765" s="1" t="s">
        <v>98942</v>
      </c>
      <c r="G27765" s="1" t="s">
        <v>98908</v>
      </c>
      <c r="H27765" s="1" t="s">
        <v>98909</v>
      </c>
      <c r="I27765" s="1" t="s">
        <v>96632</v>
      </c>
      <c r="J27765" s="1" t="s">
        <v>98943</v>
      </c>
    </row>
    <row r="27766" spans="1:10" x14ac:dyDescent="0.35">
      <c r="A27766" s="1" t="s">
        <v>7350</v>
      </c>
      <c r="B27766" s="1" t="s">
        <v>96627</v>
      </c>
      <c r="C27766" s="1" t="s">
        <v>65</v>
      </c>
      <c r="D27766" s="1" t="s">
        <v>54828</v>
      </c>
      <c r="E27766" s="1" t="s">
        <v>98944</v>
      </c>
      <c r="F27766" s="1" t="s">
        <v>98945</v>
      </c>
      <c r="G27766" s="1" t="s">
        <v>98908</v>
      </c>
      <c r="H27766" s="1" t="s">
        <v>98909</v>
      </c>
      <c r="I27766" s="1" t="s">
        <v>96632</v>
      </c>
      <c r="J27766" s="1" t="s">
        <v>98946</v>
      </c>
    </row>
    <row r="27767" spans="1:10" x14ac:dyDescent="0.35">
      <c r="A27767" s="1" t="s">
        <v>7350</v>
      </c>
      <c r="B27767" s="1" t="s">
        <v>96627</v>
      </c>
      <c r="C27767" s="1" t="s">
        <v>70</v>
      </c>
      <c r="D27767" s="1" t="s">
        <v>98947</v>
      </c>
      <c r="E27767" s="1" t="s">
        <v>98948</v>
      </c>
      <c r="F27767" s="1" t="s">
        <v>98949</v>
      </c>
      <c r="G27767" s="1" t="s">
        <v>98908</v>
      </c>
      <c r="H27767" s="1" t="s">
        <v>98909</v>
      </c>
      <c r="I27767" s="1" t="s">
        <v>96632</v>
      </c>
      <c r="J27767" s="1" t="s">
        <v>98950</v>
      </c>
    </row>
    <row r="27768" spans="1:10" x14ac:dyDescent="0.35">
      <c r="A27768" s="1" t="s">
        <v>7350</v>
      </c>
      <c r="B27768" s="1" t="s">
        <v>96627</v>
      </c>
      <c r="C27768" s="1" t="s">
        <v>75</v>
      </c>
      <c r="D27768" s="1" t="s">
        <v>98951</v>
      </c>
      <c r="E27768" s="1" t="s">
        <v>98952</v>
      </c>
      <c r="F27768" s="1" t="s">
        <v>98953</v>
      </c>
      <c r="G27768" s="1" t="s">
        <v>98908</v>
      </c>
      <c r="H27768" s="1" t="s">
        <v>98909</v>
      </c>
      <c r="I27768" s="1" t="s">
        <v>96632</v>
      </c>
      <c r="J27768" s="1" t="s">
        <v>98954</v>
      </c>
    </row>
    <row r="27769" spans="1:10" x14ac:dyDescent="0.35">
      <c r="A27769" s="1" t="s">
        <v>7350</v>
      </c>
      <c r="B27769" s="1" t="s">
        <v>96627</v>
      </c>
      <c r="C27769" s="1" t="s">
        <v>80</v>
      </c>
      <c r="D27769" s="1" t="s">
        <v>15156</v>
      </c>
      <c r="E27769" s="1" t="s">
        <v>98955</v>
      </c>
      <c r="F27769" s="1" t="s">
        <v>98956</v>
      </c>
      <c r="G27769" s="1" t="s">
        <v>98908</v>
      </c>
      <c r="H27769" s="1" t="s">
        <v>98909</v>
      </c>
      <c r="I27769" s="1" t="s">
        <v>96632</v>
      </c>
      <c r="J27769" s="1" t="s">
        <v>98957</v>
      </c>
    </row>
    <row r="27770" spans="1:10" x14ac:dyDescent="0.35">
      <c r="A27770" s="1" t="s">
        <v>7350</v>
      </c>
      <c r="B27770" s="1" t="s">
        <v>96627</v>
      </c>
      <c r="C27770" s="1" t="s">
        <v>85</v>
      </c>
      <c r="D27770" s="1" t="s">
        <v>81139</v>
      </c>
      <c r="E27770" s="1" t="s">
        <v>98958</v>
      </c>
      <c r="F27770" s="1" t="s">
        <v>98959</v>
      </c>
      <c r="G27770" s="1" t="s">
        <v>98908</v>
      </c>
      <c r="H27770" s="1" t="s">
        <v>98909</v>
      </c>
      <c r="I27770" s="1" t="s">
        <v>96632</v>
      </c>
      <c r="J27770" s="1" t="s">
        <v>98960</v>
      </c>
    </row>
    <row r="27771" spans="1:10" x14ac:dyDescent="0.35">
      <c r="A27771" s="1" t="s">
        <v>7350</v>
      </c>
      <c r="B27771" s="1" t="s">
        <v>96627</v>
      </c>
      <c r="C27771" s="1" t="s">
        <v>90</v>
      </c>
      <c r="D27771" s="1" t="s">
        <v>94968</v>
      </c>
      <c r="E27771" s="1" t="s">
        <v>98961</v>
      </c>
      <c r="F27771" s="1" t="s">
        <v>98962</v>
      </c>
      <c r="G27771" s="1" t="s">
        <v>98908</v>
      </c>
      <c r="H27771" s="1" t="s">
        <v>98909</v>
      </c>
      <c r="I27771" s="1" t="s">
        <v>96632</v>
      </c>
      <c r="J27771" s="1" t="s">
        <v>98963</v>
      </c>
    </row>
    <row r="27772" spans="1:10" x14ac:dyDescent="0.35">
      <c r="A27772" s="1" t="s">
        <v>7350</v>
      </c>
      <c r="B27772" s="1" t="s">
        <v>96627</v>
      </c>
      <c r="C27772" s="1" t="s">
        <v>95</v>
      </c>
      <c r="D27772" s="1" t="s">
        <v>98964</v>
      </c>
      <c r="E27772" s="1" t="s">
        <v>98965</v>
      </c>
      <c r="F27772" s="1" t="s">
        <v>98966</v>
      </c>
      <c r="G27772" s="1" t="s">
        <v>98908</v>
      </c>
      <c r="H27772" s="1" t="s">
        <v>98909</v>
      </c>
      <c r="I27772" s="1" t="s">
        <v>96632</v>
      </c>
      <c r="J27772" s="1" t="s">
        <v>98967</v>
      </c>
    </row>
    <row r="27773" spans="1:10" x14ac:dyDescent="0.35">
      <c r="A27773" s="1" t="s">
        <v>7350</v>
      </c>
      <c r="B27773" s="1" t="s">
        <v>96627</v>
      </c>
      <c r="C27773" s="1" t="s">
        <v>100</v>
      </c>
      <c r="D27773" s="1" t="s">
        <v>68225</v>
      </c>
      <c r="E27773" s="1" t="s">
        <v>98968</v>
      </c>
      <c r="F27773" s="1" t="s">
        <v>98969</v>
      </c>
      <c r="G27773" s="1" t="s">
        <v>98908</v>
      </c>
      <c r="H27773" s="1" t="s">
        <v>98909</v>
      </c>
      <c r="I27773" s="1" t="s">
        <v>96632</v>
      </c>
      <c r="J27773" s="1" t="s">
        <v>98970</v>
      </c>
    </row>
    <row r="27774" spans="1:10" x14ac:dyDescent="0.35">
      <c r="A27774" s="1" t="s">
        <v>7350</v>
      </c>
      <c r="B27774" s="1" t="s">
        <v>96627</v>
      </c>
      <c r="C27774" s="1" t="s">
        <v>105</v>
      </c>
      <c r="D27774" s="1" t="s">
        <v>98971</v>
      </c>
      <c r="E27774" s="1" t="s">
        <v>98972</v>
      </c>
      <c r="F27774" s="1" t="s">
        <v>98973</v>
      </c>
      <c r="G27774" s="1" t="s">
        <v>98908</v>
      </c>
      <c r="H27774" s="1" t="s">
        <v>98909</v>
      </c>
      <c r="I27774" s="1" t="s">
        <v>96632</v>
      </c>
      <c r="J27774" s="1" t="s">
        <v>98974</v>
      </c>
    </row>
    <row r="27775" spans="1:10" x14ac:dyDescent="0.35">
      <c r="A27775" s="1" t="s">
        <v>7350</v>
      </c>
      <c r="B27775" s="1" t="s">
        <v>96627</v>
      </c>
      <c r="C27775" s="1" t="s">
        <v>110</v>
      </c>
      <c r="D27775" s="1" t="s">
        <v>98975</v>
      </c>
      <c r="E27775" s="1" t="s">
        <v>98976</v>
      </c>
      <c r="F27775" s="1" t="s">
        <v>98977</v>
      </c>
      <c r="G27775" s="1" t="s">
        <v>98908</v>
      </c>
      <c r="H27775" s="1" t="s">
        <v>98909</v>
      </c>
      <c r="I27775" s="1" t="s">
        <v>96632</v>
      </c>
      <c r="J27775" s="1" t="s">
        <v>98978</v>
      </c>
    </row>
    <row r="27776" spans="1:10" x14ac:dyDescent="0.35">
      <c r="A27776" s="1" t="s">
        <v>7350</v>
      </c>
      <c r="B27776" s="1" t="s">
        <v>96627</v>
      </c>
      <c r="C27776" s="1" t="s">
        <v>115</v>
      </c>
      <c r="D27776" s="1" t="s">
        <v>98979</v>
      </c>
      <c r="E27776" s="1" t="s">
        <v>98980</v>
      </c>
      <c r="F27776" s="1" t="s">
        <v>98981</v>
      </c>
      <c r="G27776" s="1" t="s">
        <v>98908</v>
      </c>
      <c r="H27776" s="1" t="s">
        <v>98909</v>
      </c>
      <c r="I27776" s="1" t="s">
        <v>96632</v>
      </c>
      <c r="J27776" s="1" t="s">
        <v>98982</v>
      </c>
    </row>
    <row r="27777" spans="1:10" x14ac:dyDescent="0.35">
      <c r="A27777" s="1" t="s">
        <v>7350</v>
      </c>
      <c r="B27777" s="1" t="s">
        <v>96627</v>
      </c>
      <c r="C27777" s="1" t="s">
        <v>120</v>
      </c>
      <c r="D27777" s="1" t="s">
        <v>68687</v>
      </c>
      <c r="E27777" s="1" t="s">
        <v>98983</v>
      </c>
      <c r="F27777" s="1" t="s">
        <v>98984</v>
      </c>
      <c r="G27777" s="1" t="s">
        <v>98908</v>
      </c>
      <c r="H27777" s="1" t="s">
        <v>98909</v>
      </c>
      <c r="I27777" s="1" t="s">
        <v>96632</v>
      </c>
      <c r="J27777" s="1" t="s">
        <v>98985</v>
      </c>
    </row>
    <row r="27778" spans="1:10" x14ac:dyDescent="0.35">
      <c r="A27778" s="1" t="s">
        <v>7350</v>
      </c>
      <c r="B27778" s="1" t="s">
        <v>96627</v>
      </c>
      <c r="C27778" s="1" t="s">
        <v>125</v>
      </c>
      <c r="D27778" s="1" t="s">
        <v>64538</v>
      </c>
      <c r="E27778" s="1" t="s">
        <v>98986</v>
      </c>
      <c r="F27778" s="1" t="s">
        <v>98987</v>
      </c>
      <c r="G27778" s="1" t="s">
        <v>98908</v>
      </c>
      <c r="H27778" s="1" t="s">
        <v>98909</v>
      </c>
      <c r="I27778" s="1" t="s">
        <v>96632</v>
      </c>
      <c r="J27778" s="1" t="s">
        <v>98988</v>
      </c>
    </row>
    <row r="27779" spans="1:10" x14ac:dyDescent="0.35">
      <c r="A27779" s="1" t="s">
        <v>7350</v>
      </c>
      <c r="B27779" s="1" t="s">
        <v>96627</v>
      </c>
      <c r="C27779" s="1" t="s">
        <v>130</v>
      </c>
      <c r="D27779" s="1" t="s">
        <v>7365</v>
      </c>
      <c r="E27779" s="1" t="s">
        <v>98989</v>
      </c>
      <c r="F27779" s="1" t="s">
        <v>98990</v>
      </c>
      <c r="G27779" s="1" t="s">
        <v>98908</v>
      </c>
      <c r="H27779" s="1" t="s">
        <v>98909</v>
      </c>
      <c r="I27779" s="1" t="s">
        <v>96632</v>
      </c>
      <c r="J27779" s="1" t="s">
        <v>98991</v>
      </c>
    </row>
    <row r="27780" spans="1:10" x14ac:dyDescent="0.35">
      <c r="A27780" s="1" t="s">
        <v>7350</v>
      </c>
      <c r="B27780" s="1" t="s">
        <v>96627</v>
      </c>
      <c r="C27780" s="1" t="s">
        <v>135</v>
      </c>
      <c r="D27780" s="1" t="s">
        <v>69047</v>
      </c>
      <c r="E27780" s="1" t="s">
        <v>98992</v>
      </c>
      <c r="F27780" s="1" t="s">
        <v>98993</v>
      </c>
      <c r="G27780" s="1" t="s">
        <v>98908</v>
      </c>
      <c r="H27780" s="1" t="s">
        <v>98909</v>
      </c>
      <c r="I27780" s="1" t="s">
        <v>96632</v>
      </c>
      <c r="J27780" s="1" t="s">
        <v>98994</v>
      </c>
    </row>
    <row r="27781" spans="1:10" x14ac:dyDescent="0.35">
      <c r="A27781" s="1" t="s">
        <v>7350</v>
      </c>
      <c r="B27781" s="1" t="s">
        <v>96627</v>
      </c>
      <c r="C27781" s="1" t="s">
        <v>140</v>
      </c>
      <c r="D27781" s="1" t="s">
        <v>89782</v>
      </c>
      <c r="E27781" s="1" t="s">
        <v>98995</v>
      </c>
      <c r="F27781" s="1" t="s">
        <v>98996</v>
      </c>
      <c r="G27781" s="1" t="s">
        <v>98908</v>
      </c>
      <c r="H27781" s="1" t="s">
        <v>98909</v>
      </c>
      <c r="I27781" s="1" t="s">
        <v>96632</v>
      </c>
      <c r="J27781" s="1" t="s">
        <v>98997</v>
      </c>
    </row>
    <row r="27782" spans="1:10" x14ac:dyDescent="0.35">
      <c r="A27782" s="1" t="s">
        <v>7350</v>
      </c>
      <c r="B27782" s="1" t="s">
        <v>96627</v>
      </c>
      <c r="C27782" s="1" t="s">
        <v>145</v>
      </c>
      <c r="D27782" s="1" t="s">
        <v>98998</v>
      </c>
      <c r="E27782" s="1" t="s">
        <v>98999</v>
      </c>
      <c r="F27782" s="1" t="s">
        <v>99000</v>
      </c>
      <c r="G27782" s="1" t="s">
        <v>98908</v>
      </c>
      <c r="H27782" s="1" t="s">
        <v>98909</v>
      </c>
      <c r="I27782" s="1" t="s">
        <v>96632</v>
      </c>
      <c r="J27782" s="1" t="s">
        <v>99001</v>
      </c>
    </row>
    <row r="27783" spans="1:10" x14ac:dyDescent="0.35">
      <c r="A27783" s="1" t="s">
        <v>7350</v>
      </c>
      <c r="B27783" s="1" t="s">
        <v>96627</v>
      </c>
      <c r="C27783" s="1" t="s">
        <v>150</v>
      </c>
      <c r="D27783" s="1" t="s">
        <v>99002</v>
      </c>
      <c r="E27783" s="1" t="s">
        <v>98995</v>
      </c>
      <c r="F27783" s="1" t="s">
        <v>99003</v>
      </c>
      <c r="G27783" s="1" t="s">
        <v>98908</v>
      </c>
      <c r="H27783" s="1" t="s">
        <v>98909</v>
      </c>
      <c r="I27783" s="1" t="s">
        <v>96632</v>
      </c>
      <c r="J27783" s="1" t="s">
        <v>99004</v>
      </c>
    </row>
    <row r="27784" spans="1:10" x14ac:dyDescent="0.35">
      <c r="A27784" s="1" t="s">
        <v>7350</v>
      </c>
      <c r="B27784" s="1" t="s">
        <v>96627</v>
      </c>
      <c r="C27784" s="1" t="s">
        <v>155</v>
      </c>
      <c r="D27784" s="1" t="s">
        <v>99005</v>
      </c>
      <c r="E27784" s="1" t="s">
        <v>99006</v>
      </c>
      <c r="F27784" s="1" t="s">
        <v>99007</v>
      </c>
      <c r="G27784" s="1" t="s">
        <v>98908</v>
      </c>
      <c r="H27784" s="1" t="s">
        <v>98909</v>
      </c>
      <c r="I27784" s="1" t="s">
        <v>96632</v>
      </c>
      <c r="J27784" s="1" t="s">
        <v>99008</v>
      </c>
    </row>
    <row r="27785" spans="1:10" x14ac:dyDescent="0.35">
      <c r="A27785" s="1" t="s">
        <v>7350</v>
      </c>
      <c r="B27785" s="1" t="s">
        <v>96627</v>
      </c>
      <c r="C27785" s="1" t="s">
        <v>160</v>
      </c>
      <c r="D27785" s="1" t="s">
        <v>40376</v>
      </c>
      <c r="E27785" s="1" t="s">
        <v>99009</v>
      </c>
      <c r="F27785" s="1" t="s">
        <v>99010</v>
      </c>
      <c r="G27785" s="1" t="s">
        <v>98908</v>
      </c>
      <c r="H27785" s="1" t="s">
        <v>98909</v>
      </c>
      <c r="I27785" s="1" t="s">
        <v>96632</v>
      </c>
      <c r="J27785" s="1" t="s">
        <v>99011</v>
      </c>
    </row>
    <row r="27786" spans="1:10" x14ac:dyDescent="0.35">
      <c r="A27786" s="1" t="s">
        <v>7350</v>
      </c>
      <c r="B27786" s="1" t="s">
        <v>96627</v>
      </c>
      <c r="C27786" s="1" t="s">
        <v>165</v>
      </c>
      <c r="D27786" s="1" t="s">
        <v>99012</v>
      </c>
      <c r="E27786" s="1" t="s">
        <v>99013</v>
      </c>
      <c r="F27786" s="1" t="s">
        <v>99014</v>
      </c>
      <c r="G27786" s="1" t="s">
        <v>98908</v>
      </c>
      <c r="H27786" s="1" t="s">
        <v>98909</v>
      </c>
      <c r="I27786" s="1" t="s">
        <v>96632</v>
      </c>
      <c r="J27786" s="1" t="s">
        <v>99015</v>
      </c>
    </row>
    <row r="27787" spans="1:10" x14ac:dyDescent="0.35">
      <c r="A27787" s="1" t="s">
        <v>7350</v>
      </c>
      <c r="B27787" s="1" t="s">
        <v>96627</v>
      </c>
      <c r="C27787" s="1" t="s">
        <v>170</v>
      </c>
      <c r="D27787" s="1" t="s">
        <v>7488</v>
      </c>
      <c r="E27787" s="1" t="s">
        <v>99016</v>
      </c>
      <c r="F27787" s="1" t="s">
        <v>99017</v>
      </c>
      <c r="G27787" s="1" t="s">
        <v>98908</v>
      </c>
      <c r="H27787" s="1" t="s">
        <v>98909</v>
      </c>
      <c r="I27787" s="1" t="s">
        <v>96632</v>
      </c>
      <c r="J27787" s="1" t="s">
        <v>99018</v>
      </c>
    </row>
    <row r="27788" spans="1:10" x14ac:dyDescent="0.35">
      <c r="A27788" s="1" t="s">
        <v>99019</v>
      </c>
      <c r="B27788" s="1" t="s">
        <v>96627</v>
      </c>
      <c r="C27788" s="1" t="s">
        <v>8</v>
      </c>
      <c r="D27788" s="1" t="s">
        <v>20202</v>
      </c>
      <c r="E27788" s="1" t="s">
        <v>59099</v>
      </c>
      <c r="F27788" s="1" t="s">
        <v>99020</v>
      </c>
      <c r="G27788" s="1" t="s">
        <v>99021</v>
      </c>
      <c r="H27788" s="1" t="s">
        <v>99022</v>
      </c>
      <c r="I27788" s="1" t="s">
        <v>96632</v>
      </c>
      <c r="J27788" s="1" t="s">
        <v>13</v>
      </c>
    </row>
    <row r="27789" spans="1:10" x14ac:dyDescent="0.35">
      <c r="A27789" s="1" t="s">
        <v>99019</v>
      </c>
      <c r="B27789" s="1" t="s">
        <v>96627</v>
      </c>
      <c r="C27789" s="1" t="s">
        <v>15</v>
      </c>
      <c r="D27789" s="1" t="s">
        <v>19654</v>
      </c>
      <c r="E27789" s="1" t="s">
        <v>26247</v>
      </c>
      <c r="F27789" s="1" t="s">
        <v>66834</v>
      </c>
      <c r="G27789" s="1" t="s">
        <v>99021</v>
      </c>
      <c r="H27789" s="1" t="s">
        <v>99022</v>
      </c>
      <c r="I27789" s="1" t="s">
        <v>96632</v>
      </c>
      <c r="J27789" s="1" t="s">
        <v>99023</v>
      </c>
    </row>
    <row r="27790" spans="1:10" x14ac:dyDescent="0.35">
      <c r="A27790" s="1" t="s">
        <v>99019</v>
      </c>
      <c r="B27790" s="1" t="s">
        <v>96627</v>
      </c>
      <c r="C27790" s="1" t="s">
        <v>20</v>
      </c>
      <c r="D27790" s="1" t="s">
        <v>84081</v>
      </c>
      <c r="E27790" s="1" t="s">
        <v>24182</v>
      </c>
      <c r="F27790" s="1" t="s">
        <v>99024</v>
      </c>
      <c r="G27790" s="1" t="s">
        <v>99021</v>
      </c>
      <c r="H27790" s="1" t="s">
        <v>99022</v>
      </c>
      <c r="I27790" s="1" t="s">
        <v>96632</v>
      </c>
      <c r="J27790" s="1" t="s">
        <v>99025</v>
      </c>
    </row>
    <row r="27791" spans="1:10" x14ac:dyDescent="0.35">
      <c r="A27791" s="1" t="s">
        <v>99019</v>
      </c>
      <c r="B27791" s="1" t="s">
        <v>96627</v>
      </c>
      <c r="C27791" s="1" t="s">
        <v>25</v>
      </c>
      <c r="D27791" s="1" t="s">
        <v>23321</v>
      </c>
      <c r="E27791" s="1" t="s">
        <v>54783</v>
      </c>
      <c r="F27791" s="1" t="s">
        <v>99026</v>
      </c>
      <c r="G27791" s="1" t="s">
        <v>99021</v>
      </c>
      <c r="H27791" s="1" t="s">
        <v>99022</v>
      </c>
      <c r="I27791" s="1" t="s">
        <v>96632</v>
      </c>
      <c r="J27791" s="1" t="s">
        <v>99027</v>
      </c>
    </row>
    <row r="27792" spans="1:10" x14ac:dyDescent="0.35">
      <c r="A27792" s="1" t="s">
        <v>99019</v>
      </c>
      <c r="B27792" s="1" t="s">
        <v>96627</v>
      </c>
      <c r="C27792" s="1" t="s">
        <v>30</v>
      </c>
      <c r="D27792" s="1" t="s">
        <v>99028</v>
      </c>
      <c r="E27792" s="1" t="s">
        <v>26556</v>
      </c>
      <c r="F27792" s="1" t="s">
        <v>99029</v>
      </c>
      <c r="G27792" s="1" t="s">
        <v>99021</v>
      </c>
      <c r="H27792" s="1" t="s">
        <v>99022</v>
      </c>
      <c r="I27792" s="1" t="s">
        <v>96632</v>
      </c>
      <c r="J27792" s="1" t="s">
        <v>99030</v>
      </c>
    </row>
    <row r="27793" spans="1:10" x14ac:dyDescent="0.35">
      <c r="A27793" s="1" t="s">
        <v>99019</v>
      </c>
      <c r="B27793" s="1" t="s">
        <v>96627</v>
      </c>
      <c r="C27793" s="1" t="s">
        <v>35</v>
      </c>
      <c r="D27793" s="1" t="s">
        <v>99031</v>
      </c>
      <c r="E27793" s="1" t="s">
        <v>15384</v>
      </c>
      <c r="F27793" s="1" t="s">
        <v>99032</v>
      </c>
      <c r="G27793" s="1" t="s">
        <v>99021</v>
      </c>
      <c r="H27793" s="1" t="s">
        <v>99022</v>
      </c>
      <c r="I27793" s="1" t="s">
        <v>96632</v>
      </c>
      <c r="J27793" s="1" t="s">
        <v>99033</v>
      </c>
    </row>
    <row r="27794" spans="1:10" x14ac:dyDescent="0.35">
      <c r="A27794" s="1" t="s">
        <v>99019</v>
      </c>
      <c r="B27794" s="1" t="s">
        <v>96627</v>
      </c>
      <c r="C27794" s="1" t="s">
        <v>40</v>
      </c>
      <c r="D27794" s="1" t="s">
        <v>99034</v>
      </c>
      <c r="E27794" s="1" t="s">
        <v>23168</v>
      </c>
      <c r="F27794" s="1" t="s">
        <v>99035</v>
      </c>
      <c r="G27794" s="1" t="s">
        <v>99021</v>
      </c>
      <c r="H27794" s="1" t="s">
        <v>99022</v>
      </c>
      <c r="I27794" s="1" t="s">
        <v>96632</v>
      </c>
      <c r="J27794" s="1" t="s">
        <v>99036</v>
      </c>
    </row>
    <row r="27795" spans="1:10" x14ac:dyDescent="0.35">
      <c r="A27795" s="1" t="s">
        <v>99019</v>
      </c>
      <c r="B27795" s="1" t="s">
        <v>96627</v>
      </c>
      <c r="C27795" s="1" t="s">
        <v>45</v>
      </c>
      <c r="D27795" s="1" t="s">
        <v>99037</v>
      </c>
      <c r="E27795" s="1" t="s">
        <v>57103</v>
      </c>
      <c r="F27795" s="1" t="s">
        <v>99038</v>
      </c>
      <c r="G27795" s="1" t="s">
        <v>99021</v>
      </c>
      <c r="H27795" s="1" t="s">
        <v>99022</v>
      </c>
      <c r="I27795" s="1" t="s">
        <v>96632</v>
      </c>
      <c r="J27795" s="1" t="s">
        <v>99039</v>
      </c>
    </row>
    <row r="27796" spans="1:10" x14ac:dyDescent="0.35">
      <c r="A27796" s="1" t="s">
        <v>99019</v>
      </c>
      <c r="B27796" s="1" t="s">
        <v>96627</v>
      </c>
      <c r="C27796" s="1" t="s">
        <v>50</v>
      </c>
      <c r="D27796" s="1" t="s">
        <v>99040</v>
      </c>
      <c r="E27796" s="1" t="s">
        <v>24254</v>
      </c>
      <c r="F27796" s="1" t="s">
        <v>99041</v>
      </c>
      <c r="G27796" s="1" t="s">
        <v>99021</v>
      </c>
      <c r="H27796" s="1" t="s">
        <v>99022</v>
      </c>
      <c r="I27796" s="1" t="s">
        <v>96632</v>
      </c>
      <c r="J27796" s="1" t="s">
        <v>99042</v>
      </c>
    </row>
    <row r="27797" spans="1:10" x14ac:dyDescent="0.35">
      <c r="A27797" s="1" t="s">
        <v>99019</v>
      </c>
      <c r="B27797" s="1" t="s">
        <v>96627</v>
      </c>
      <c r="C27797" s="1" t="s">
        <v>55</v>
      </c>
      <c r="D27797" s="1" t="s">
        <v>99043</v>
      </c>
      <c r="E27797" s="1" t="s">
        <v>56164</v>
      </c>
      <c r="F27797" s="1" t="s">
        <v>32941</v>
      </c>
      <c r="G27797" s="1" t="s">
        <v>99021</v>
      </c>
      <c r="H27797" s="1" t="s">
        <v>99022</v>
      </c>
      <c r="I27797" s="1" t="s">
        <v>96632</v>
      </c>
      <c r="J27797" s="1" t="s">
        <v>99044</v>
      </c>
    </row>
    <row r="27798" spans="1:10" x14ac:dyDescent="0.35">
      <c r="A27798" s="1" t="s">
        <v>99019</v>
      </c>
      <c r="B27798" s="1" t="s">
        <v>96627</v>
      </c>
      <c r="C27798" s="1" t="s">
        <v>60</v>
      </c>
      <c r="D27798" s="1" t="s">
        <v>99045</v>
      </c>
      <c r="E27798" s="1" t="s">
        <v>15576</v>
      </c>
      <c r="F27798" s="1" t="s">
        <v>54039</v>
      </c>
      <c r="G27798" s="1" t="s">
        <v>99021</v>
      </c>
      <c r="H27798" s="1" t="s">
        <v>99022</v>
      </c>
      <c r="I27798" s="1" t="s">
        <v>96632</v>
      </c>
      <c r="J27798" s="1" t="s">
        <v>99046</v>
      </c>
    </row>
    <row r="27799" spans="1:10" x14ac:dyDescent="0.35">
      <c r="A27799" s="1" t="s">
        <v>99019</v>
      </c>
      <c r="B27799" s="1" t="s">
        <v>96627</v>
      </c>
      <c r="C27799" s="1" t="s">
        <v>65</v>
      </c>
      <c r="D27799" s="1" t="s">
        <v>99047</v>
      </c>
      <c r="E27799" s="1" t="s">
        <v>15884</v>
      </c>
      <c r="F27799" s="1" t="s">
        <v>99048</v>
      </c>
      <c r="G27799" s="1" t="s">
        <v>99021</v>
      </c>
      <c r="H27799" s="1" t="s">
        <v>99022</v>
      </c>
      <c r="I27799" s="1" t="s">
        <v>96632</v>
      </c>
      <c r="J27799" s="1" t="s">
        <v>99049</v>
      </c>
    </row>
    <row r="27800" spans="1:10" x14ac:dyDescent="0.35">
      <c r="A27800" s="1" t="s">
        <v>99019</v>
      </c>
      <c r="B27800" s="1" t="s">
        <v>96627</v>
      </c>
      <c r="C27800" s="1" t="s">
        <v>70</v>
      </c>
      <c r="D27800" s="1" t="s">
        <v>99050</v>
      </c>
      <c r="E27800" s="1" t="s">
        <v>22302</v>
      </c>
      <c r="F27800" s="1" t="s">
        <v>99051</v>
      </c>
      <c r="G27800" s="1" t="s">
        <v>99021</v>
      </c>
      <c r="H27800" s="1" t="s">
        <v>99022</v>
      </c>
      <c r="I27800" s="1" t="s">
        <v>96632</v>
      </c>
      <c r="J27800" s="1" t="s">
        <v>99052</v>
      </c>
    </row>
    <row r="27801" spans="1:10" x14ac:dyDescent="0.35">
      <c r="A27801" s="1" t="s">
        <v>99019</v>
      </c>
      <c r="B27801" s="1" t="s">
        <v>96627</v>
      </c>
      <c r="C27801" s="1" t="s">
        <v>75</v>
      </c>
      <c r="D27801" s="1" t="s">
        <v>99053</v>
      </c>
      <c r="E27801" s="1" t="s">
        <v>23187</v>
      </c>
      <c r="F27801" s="1" t="s">
        <v>68306</v>
      </c>
      <c r="G27801" s="1" t="s">
        <v>99021</v>
      </c>
      <c r="H27801" s="1" t="s">
        <v>99022</v>
      </c>
      <c r="I27801" s="1" t="s">
        <v>96632</v>
      </c>
      <c r="J27801" s="1" t="s">
        <v>99054</v>
      </c>
    </row>
    <row r="27802" spans="1:10" x14ac:dyDescent="0.35">
      <c r="A27802" s="1" t="s">
        <v>99019</v>
      </c>
      <c r="B27802" s="1" t="s">
        <v>96627</v>
      </c>
      <c r="C27802" s="1" t="s">
        <v>80</v>
      </c>
      <c r="D27802" s="1" t="s">
        <v>99055</v>
      </c>
      <c r="E27802" s="1" t="s">
        <v>15392</v>
      </c>
      <c r="F27802" s="1" t="s">
        <v>32947</v>
      </c>
      <c r="G27802" s="1" t="s">
        <v>99021</v>
      </c>
      <c r="H27802" s="1" t="s">
        <v>99022</v>
      </c>
      <c r="I27802" s="1" t="s">
        <v>96632</v>
      </c>
      <c r="J27802" s="1" t="s">
        <v>99056</v>
      </c>
    </row>
    <row r="27803" spans="1:10" x14ac:dyDescent="0.35">
      <c r="A27803" s="1" t="s">
        <v>99019</v>
      </c>
      <c r="B27803" s="1" t="s">
        <v>96627</v>
      </c>
      <c r="C27803" s="1" t="s">
        <v>85</v>
      </c>
      <c r="D27803" s="1" t="s">
        <v>99057</v>
      </c>
      <c r="E27803" s="1" t="s">
        <v>27122</v>
      </c>
      <c r="F27803" s="1" t="s">
        <v>62444</v>
      </c>
      <c r="G27803" s="1" t="s">
        <v>99021</v>
      </c>
      <c r="H27803" s="1" t="s">
        <v>99022</v>
      </c>
      <c r="I27803" s="1" t="s">
        <v>96632</v>
      </c>
      <c r="J27803" s="1" t="s">
        <v>99058</v>
      </c>
    </row>
    <row r="27804" spans="1:10" x14ac:dyDescent="0.35">
      <c r="A27804" s="1" t="s">
        <v>99019</v>
      </c>
      <c r="B27804" s="1" t="s">
        <v>96627</v>
      </c>
      <c r="C27804" s="1" t="s">
        <v>90</v>
      </c>
      <c r="D27804" s="1" t="s">
        <v>99059</v>
      </c>
      <c r="E27804" s="1" t="s">
        <v>59120</v>
      </c>
      <c r="F27804" s="1" t="s">
        <v>55911</v>
      </c>
      <c r="G27804" s="1" t="s">
        <v>99021</v>
      </c>
      <c r="H27804" s="1" t="s">
        <v>99022</v>
      </c>
      <c r="I27804" s="1" t="s">
        <v>96632</v>
      </c>
      <c r="J27804" s="1" t="s">
        <v>99060</v>
      </c>
    </row>
    <row r="27805" spans="1:10" x14ac:dyDescent="0.35">
      <c r="A27805" s="1" t="s">
        <v>99019</v>
      </c>
      <c r="B27805" s="1" t="s">
        <v>96627</v>
      </c>
      <c r="C27805" s="1" t="s">
        <v>95</v>
      </c>
      <c r="D27805" s="1" t="s">
        <v>99061</v>
      </c>
      <c r="E27805" s="1" t="s">
        <v>15927</v>
      </c>
      <c r="F27805" s="1" t="s">
        <v>55931</v>
      </c>
      <c r="G27805" s="1" t="s">
        <v>99021</v>
      </c>
      <c r="H27805" s="1" t="s">
        <v>99022</v>
      </c>
      <c r="I27805" s="1" t="s">
        <v>96632</v>
      </c>
      <c r="J27805" s="1" t="s">
        <v>99062</v>
      </c>
    </row>
    <row r="27806" spans="1:10" x14ac:dyDescent="0.35">
      <c r="A27806" s="1" t="s">
        <v>99019</v>
      </c>
      <c r="B27806" s="1" t="s">
        <v>96627</v>
      </c>
      <c r="C27806" s="1" t="s">
        <v>100</v>
      </c>
      <c r="D27806" s="1" t="s">
        <v>99063</v>
      </c>
      <c r="E27806" s="1" t="s">
        <v>54474</v>
      </c>
      <c r="F27806" s="1" t="s">
        <v>56024</v>
      </c>
      <c r="G27806" s="1" t="s">
        <v>99021</v>
      </c>
      <c r="H27806" s="1" t="s">
        <v>99022</v>
      </c>
      <c r="I27806" s="1" t="s">
        <v>96632</v>
      </c>
      <c r="J27806" s="1" t="s">
        <v>99064</v>
      </c>
    </row>
    <row r="27807" spans="1:10" x14ac:dyDescent="0.35">
      <c r="A27807" s="1" t="s">
        <v>99019</v>
      </c>
      <c r="B27807" s="1" t="s">
        <v>96627</v>
      </c>
      <c r="C27807" s="1" t="s">
        <v>105</v>
      </c>
      <c r="D27807" s="1" t="s">
        <v>99065</v>
      </c>
      <c r="E27807" s="1" t="s">
        <v>15884</v>
      </c>
      <c r="F27807" s="1" t="s">
        <v>99066</v>
      </c>
      <c r="G27807" s="1" t="s">
        <v>99021</v>
      </c>
      <c r="H27807" s="1" t="s">
        <v>99022</v>
      </c>
      <c r="I27807" s="1" t="s">
        <v>96632</v>
      </c>
      <c r="J27807" s="1" t="s">
        <v>99067</v>
      </c>
    </row>
    <row r="27808" spans="1:10" x14ac:dyDescent="0.35">
      <c r="A27808" s="1" t="s">
        <v>99019</v>
      </c>
      <c r="B27808" s="1" t="s">
        <v>96627</v>
      </c>
      <c r="C27808" s="1" t="s">
        <v>110</v>
      </c>
      <c r="D27808" s="1" t="s">
        <v>99068</v>
      </c>
      <c r="E27808" s="1" t="s">
        <v>56448</v>
      </c>
      <c r="F27808" s="1" t="s">
        <v>56044</v>
      </c>
      <c r="G27808" s="1" t="s">
        <v>99021</v>
      </c>
      <c r="H27808" s="1" t="s">
        <v>99022</v>
      </c>
      <c r="I27808" s="1" t="s">
        <v>96632</v>
      </c>
      <c r="J27808" s="1" t="s">
        <v>99069</v>
      </c>
    </row>
    <row r="27809" spans="1:10" x14ac:dyDescent="0.35">
      <c r="A27809" s="1" t="s">
        <v>99019</v>
      </c>
      <c r="B27809" s="1" t="s">
        <v>96627</v>
      </c>
      <c r="C27809" s="1" t="s">
        <v>115</v>
      </c>
      <c r="D27809" s="1" t="s">
        <v>99070</v>
      </c>
      <c r="E27809" s="1" t="s">
        <v>55448</v>
      </c>
      <c r="F27809" s="1" t="s">
        <v>32119</v>
      </c>
      <c r="G27809" s="1" t="s">
        <v>99021</v>
      </c>
      <c r="H27809" s="1" t="s">
        <v>99022</v>
      </c>
      <c r="I27809" s="1" t="s">
        <v>96632</v>
      </c>
      <c r="J27809" s="1" t="s">
        <v>99071</v>
      </c>
    </row>
    <row r="27810" spans="1:10" x14ac:dyDescent="0.35">
      <c r="A27810" s="1" t="s">
        <v>99019</v>
      </c>
      <c r="B27810" s="1" t="s">
        <v>96627</v>
      </c>
      <c r="C27810" s="1" t="s">
        <v>120</v>
      </c>
      <c r="D27810" s="1" t="s">
        <v>99072</v>
      </c>
      <c r="E27810" s="1" t="s">
        <v>55251</v>
      </c>
      <c r="F27810" s="1" t="s">
        <v>99073</v>
      </c>
      <c r="G27810" s="1" t="s">
        <v>99021</v>
      </c>
      <c r="H27810" s="1" t="s">
        <v>99022</v>
      </c>
      <c r="I27810" s="1" t="s">
        <v>96632</v>
      </c>
      <c r="J27810" s="1" t="s">
        <v>99074</v>
      </c>
    </row>
    <row r="27811" spans="1:10" x14ac:dyDescent="0.35">
      <c r="A27811" s="1" t="s">
        <v>99019</v>
      </c>
      <c r="B27811" s="1" t="s">
        <v>96627</v>
      </c>
      <c r="C27811" s="1" t="s">
        <v>125</v>
      </c>
      <c r="D27811" s="1" t="s">
        <v>99075</v>
      </c>
      <c r="E27811" s="1" t="s">
        <v>16186</v>
      </c>
      <c r="F27811" s="1" t="s">
        <v>99076</v>
      </c>
      <c r="G27811" s="1" t="s">
        <v>99021</v>
      </c>
      <c r="H27811" s="1" t="s">
        <v>99022</v>
      </c>
      <c r="I27811" s="1" t="s">
        <v>96632</v>
      </c>
      <c r="J27811" s="1" t="s">
        <v>99077</v>
      </c>
    </row>
    <row r="27812" spans="1:10" x14ac:dyDescent="0.35">
      <c r="A27812" s="1" t="s">
        <v>99019</v>
      </c>
      <c r="B27812" s="1" t="s">
        <v>96627</v>
      </c>
      <c r="C27812" s="1" t="s">
        <v>130</v>
      </c>
      <c r="D27812" s="1" t="s">
        <v>99078</v>
      </c>
      <c r="E27812" s="1" t="s">
        <v>26251</v>
      </c>
      <c r="F27812" s="1" t="s">
        <v>26630</v>
      </c>
      <c r="G27812" s="1" t="s">
        <v>99021</v>
      </c>
      <c r="H27812" s="1" t="s">
        <v>99022</v>
      </c>
      <c r="I27812" s="1" t="s">
        <v>96632</v>
      </c>
      <c r="J27812" s="1" t="s">
        <v>99079</v>
      </c>
    </row>
    <row r="27813" spans="1:10" x14ac:dyDescent="0.35">
      <c r="A27813" s="1" t="s">
        <v>99019</v>
      </c>
      <c r="B27813" s="1" t="s">
        <v>96627</v>
      </c>
      <c r="C27813" s="1" t="s">
        <v>135</v>
      </c>
      <c r="D27813" s="1" t="s">
        <v>20885</v>
      </c>
      <c r="E27813" s="1" t="s">
        <v>54154</v>
      </c>
      <c r="F27813" s="1" t="s">
        <v>69501</v>
      </c>
      <c r="G27813" s="1" t="s">
        <v>99021</v>
      </c>
      <c r="H27813" s="1" t="s">
        <v>99022</v>
      </c>
      <c r="I27813" s="1" t="s">
        <v>96632</v>
      </c>
      <c r="J27813" s="1" t="s">
        <v>99080</v>
      </c>
    </row>
    <row r="27814" spans="1:10" x14ac:dyDescent="0.35">
      <c r="A27814" s="1" t="s">
        <v>99019</v>
      </c>
      <c r="B27814" s="1" t="s">
        <v>96627</v>
      </c>
      <c r="C27814" s="1" t="s">
        <v>140</v>
      </c>
      <c r="D27814" s="1" t="s">
        <v>99081</v>
      </c>
      <c r="E27814" s="1" t="s">
        <v>41226</v>
      </c>
      <c r="F27814" s="1" t="s">
        <v>62664</v>
      </c>
      <c r="G27814" s="1" t="s">
        <v>99021</v>
      </c>
      <c r="H27814" s="1" t="s">
        <v>99022</v>
      </c>
      <c r="I27814" s="1" t="s">
        <v>96632</v>
      </c>
      <c r="J27814" s="1" t="s">
        <v>16968</v>
      </c>
    </row>
    <row r="27815" spans="1:10" x14ac:dyDescent="0.35">
      <c r="A27815" s="1" t="s">
        <v>99019</v>
      </c>
      <c r="B27815" s="1" t="s">
        <v>96627</v>
      </c>
      <c r="C27815" s="1" t="s">
        <v>145</v>
      </c>
      <c r="D27815" s="1" t="s">
        <v>99082</v>
      </c>
      <c r="E27815" s="1" t="s">
        <v>15580</v>
      </c>
      <c r="F27815" s="1" t="s">
        <v>99083</v>
      </c>
      <c r="G27815" s="1" t="s">
        <v>99021</v>
      </c>
      <c r="H27815" s="1" t="s">
        <v>99022</v>
      </c>
      <c r="I27815" s="1" t="s">
        <v>96632</v>
      </c>
      <c r="J27815" s="1" t="s">
        <v>99084</v>
      </c>
    </row>
    <row r="27816" spans="1:10" x14ac:dyDescent="0.35">
      <c r="A27816" s="1" t="s">
        <v>99019</v>
      </c>
      <c r="B27816" s="1" t="s">
        <v>96627</v>
      </c>
      <c r="C27816" s="1" t="s">
        <v>150</v>
      </c>
      <c r="D27816" s="1" t="s">
        <v>99085</v>
      </c>
      <c r="E27816" s="1" t="s">
        <v>22320</v>
      </c>
      <c r="F27816" s="1" t="s">
        <v>99086</v>
      </c>
      <c r="G27816" s="1" t="s">
        <v>99021</v>
      </c>
      <c r="H27816" s="1" t="s">
        <v>99022</v>
      </c>
      <c r="I27816" s="1" t="s">
        <v>96632</v>
      </c>
      <c r="J27816" s="1" t="s">
        <v>99087</v>
      </c>
    </row>
    <row r="27817" spans="1:10" x14ac:dyDescent="0.35">
      <c r="A27817" s="1" t="s">
        <v>99019</v>
      </c>
      <c r="B27817" s="1" t="s">
        <v>96627</v>
      </c>
      <c r="C27817" s="1" t="s">
        <v>155</v>
      </c>
      <c r="D27817" s="1" t="s">
        <v>99088</v>
      </c>
      <c r="E27817" s="1" t="s">
        <v>32133</v>
      </c>
      <c r="F27817" s="1" t="s">
        <v>65680</v>
      </c>
      <c r="G27817" s="1" t="s">
        <v>99021</v>
      </c>
      <c r="H27817" s="1" t="s">
        <v>99022</v>
      </c>
      <c r="I27817" s="1" t="s">
        <v>96632</v>
      </c>
      <c r="J27817" s="1" t="s">
        <v>99089</v>
      </c>
    </row>
    <row r="27818" spans="1:10" x14ac:dyDescent="0.35">
      <c r="A27818" s="1" t="s">
        <v>99019</v>
      </c>
      <c r="B27818" s="1" t="s">
        <v>96627</v>
      </c>
      <c r="C27818" s="1" t="s">
        <v>160</v>
      </c>
      <c r="D27818" s="1" t="s">
        <v>79411</v>
      </c>
      <c r="E27818" s="1" t="s">
        <v>24209</v>
      </c>
      <c r="F27818" s="1" t="s">
        <v>69519</v>
      </c>
      <c r="G27818" s="1" t="s">
        <v>99021</v>
      </c>
      <c r="H27818" s="1" t="s">
        <v>99022</v>
      </c>
      <c r="I27818" s="1" t="s">
        <v>96632</v>
      </c>
      <c r="J27818" s="1" t="s">
        <v>99090</v>
      </c>
    </row>
    <row r="27819" spans="1:10" x14ac:dyDescent="0.35">
      <c r="A27819" s="1" t="s">
        <v>99019</v>
      </c>
      <c r="B27819" s="1" t="s">
        <v>96627</v>
      </c>
      <c r="C27819" s="1" t="s">
        <v>165</v>
      </c>
      <c r="D27819" s="1" t="s">
        <v>99091</v>
      </c>
      <c r="E27819" s="1" t="s">
        <v>99092</v>
      </c>
      <c r="F27819" s="1" t="s">
        <v>99093</v>
      </c>
      <c r="G27819" s="1" t="s">
        <v>99021</v>
      </c>
      <c r="H27819" s="1" t="s">
        <v>99022</v>
      </c>
      <c r="I27819" s="1" t="s">
        <v>96632</v>
      </c>
      <c r="J27819" s="1" t="s">
        <v>99094</v>
      </c>
    </row>
    <row r="27820" spans="1:10" x14ac:dyDescent="0.35">
      <c r="A27820" s="1" t="s">
        <v>99019</v>
      </c>
      <c r="B27820" s="1" t="s">
        <v>96627</v>
      </c>
      <c r="C27820" s="1" t="s">
        <v>170</v>
      </c>
      <c r="D27820" s="1" t="s">
        <v>99095</v>
      </c>
      <c r="E27820" s="1" t="s">
        <v>30601</v>
      </c>
      <c r="F27820" s="1" t="s">
        <v>99096</v>
      </c>
      <c r="G27820" s="1" t="s">
        <v>99021</v>
      </c>
      <c r="H27820" s="1" t="s">
        <v>99022</v>
      </c>
      <c r="I27820" s="1" t="s">
        <v>96632</v>
      </c>
      <c r="J27820" s="1" t="s">
        <v>99097</v>
      </c>
    </row>
    <row r="27821" spans="1:10" x14ac:dyDescent="0.35">
      <c r="A27821" s="1" t="s">
        <v>99098</v>
      </c>
      <c r="B27821" s="1" t="s">
        <v>96627</v>
      </c>
      <c r="C27821" s="1" t="s">
        <v>8</v>
      </c>
      <c r="D27821" s="1" t="s">
        <v>99099</v>
      </c>
      <c r="E27821" s="1" t="s">
        <v>99100</v>
      </c>
      <c r="F27821" s="1" t="s">
        <v>64264</v>
      </c>
      <c r="G27821" s="1" t="s">
        <v>99101</v>
      </c>
      <c r="H27821" s="1" t="s">
        <v>99102</v>
      </c>
      <c r="I27821" s="1" t="s">
        <v>96632</v>
      </c>
      <c r="J27821" s="1" t="s">
        <v>13</v>
      </c>
    </row>
    <row r="27822" spans="1:10" x14ac:dyDescent="0.35">
      <c r="A27822" s="1" t="s">
        <v>99098</v>
      </c>
      <c r="B27822" s="1" t="s">
        <v>96627</v>
      </c>
      <c r="C27822" s="1" t="s">
        <v>15</v>
      </c>
      <c r="D27822" s="1" t="s">
        <v>16312</v>
      </c>
      <c r="E27822" s="1" t="s">
        <v>24201</v>
      </c>
      <c r="F27822" s="1" t="s">
        <v>99103</v>
      </c>
      <c r="G27822" s="1" t="s">
        <v>99101</v>
      </c>
      <c r="H27822" s="1" t="s">
        <v>99102</v>
      </c>
      <c r="I27822" s="1" t="s">
        <v>96632</v>
      </c>
      <c r="J27822" s="1" t="s">
        <v>99104</v>
      </c>
    </row>
    <row r="27823" spans="1:10" x14ac:dyDescent="0.35">
      <c r="A27823" s="1" t="s">
        <v>99098</v>
      </c>
      <c r="B27823" s="1" t="s">
        <v>96627</v>
      </c>
      <c r="C27823" s="1" t="s">
        <v>20</v>
      </c>
      <c r="D27823" s="1" t="s">
        <v>78782</v>
      </c>
      <c r="E27823" s="1" t="s">
        <v>57615</v>
      </c>
      <c r="F27823" s="1" t="s">
        <v>99105</v>
      </c>
      <c r="G27823" s="1" t="s">
        <v>99101</v>
      </c>
      <c r="H27823" s="1" t="s">
        <v>99102</v>
      </c>
      <c r="I27823" s="1" t="s">
        <v>96632</v>
      </c>
      <c r="J27823" s="1" t="s">
        <v>99106</v>
      </c>
    </row>
    <row r="27824" spans="1:10" x14ac:dyDescent="0.35">
      <c r="A27824" s="1" t="s">
        <v>99098</v>
      </c>
      <c r="B27824" s="1" t="s">
        <v>96627</v>
      </c>
      <c r="C27824" s="1" t="s">
        <v>25</v>
      </c>
      <c r="D27824" s="1" t="s">
        <v>99107</v>
      </c>
      <c r="E27824" s="1" t="s">
        <v>57621</v>
      </c>
      <c r="F27824" s="1" t="s">
        <v>55207</v>
      </c>
      <c r="G27824" s="1" t="s">
        <v>99101</v>
      </c>
      <c r="H27824" s="1" t="s">
        <v>99102</v>
      </c>
      <c r="I27824" s="1" t="s">
        <v>96632</v>
      </c>
      <c r="J27824" s="1" t="s">
        <v>99108</v>
      </c>
    </row>
    <row r="27825" spans="1:10" x14ac:dyDescent="0.35">
      <c r="A27825" s="1" t="s">
        <v>99098</v>
      </c>
      <c r="B27825" s="1" t="s">
        <v>96627</v>
      </c>
      <c r="C27825" s="1" t="s">
        <v>30</v>
      </c>
      <c r="D27825" s="1" t="s">
        <v>99109</v>
      </c>
      <c r="E27825" s="1" t="s">
        <v>99110</v>
      </c>
      <c r="F27825" s="1" t="s">
        <v>15333</v>
      </c>
      <c r="G27825" s="1" t="s">
        <v>99101</v>
      </c>
      <c r="H27825" s="1" t="s">
        <v>99102</v>
      </c>
      <c r="I27825" s="1" t="s">
        <v>96632</v>
      </c>
      <c r="J27825" s="1" t="s">
        <v>99111</v>
      </c>
    </row>
    <row r="27826" spans="1:10" x14ac:dyDescent="0.35">
      <c r="A27826" s="1" t="s">
        <v>99098</v>
      </c>
      <c r="B27826" s="1" t="s">
        <v>96627</v>
      </c>
      <c r="C27826" s="1" t="s">
        <v>35</v>
      </c>
      <c r="D27826" s="1" t="s">
        <v>66169</v>
      </c>
      <c r="E27826" s="1" t="s">
        <v>31472</v>
      </c>
      <c r="F27826" s="1" t="s">
        <v>99112</v>
      </c>
      <c r="G27826" s="1" t="s">
        <v>99101</v>
      </c>
      <c r="H27826" s="1" t="s">
        <v>99102</v>
      </c>
      <c r="I27826" s="1" t="s">
        <v>96632</v>
      </c>
      <c r="J27826" s="1" t="s">
        <v>99113</v>
      </c>
    </row>
    <row r="27827" spans="1:10" x14ac:dyDescent="0.35">
      <c r="A27827" s="1" t="s">
        <v>99098</v>
      </c>
      <c r="B27827" s="1" t="s">
        <v>96627</v>
      </c>
      <c r="C27827" s="1" t="s">
        <v>40</v>
      </c>
      <c r="D27827" s="1" t="s">
        <v>99114</v>
      </c>
      <c r="E27827" s="1" t="s">
        <v>57284</v>
      </c>
      <c r="F27827" s="1" t="s">
        <v>99115</v>
      </c>
      <c r="G27827" s="1" t="s">
        <v>99101</v>
      </c>
      <c r="H27827" s="1" t="s">
        <v>99102</v>
      </c>
      <c r="I27827" s="1" t="s">
        <v>96632</v>
      </c>
      <c r="J27827" s="1" t="s">
        <v>99116</v>
      </c>
    </row>
    <row r="27828" spans="1:10" x14ac:dyDescent="0.35">
      <c r="A27828" s="1" t="s">
        <v>99098</v>
      </c>
      <c r="B27828" s="1" t="s">
        <v>96627</v>
      </c>
      <c r="C27828" s="1" t="s">
        <v>45</v>
      </c>
      <c r="D27828" s="1" t="s">
        <v>99117</v>
      </c>
      <c r="E27828" s="1" t="s">
        <v>31972</v>
      </c>
      <c r="F27828" s="1" t="s">
        <v>57322</v>
      </c>
      <c r="G27828" s="1" t="s">
        <v>99101</v>
      </c>
      <c r="H27828" s="1" t="s">
        <v>99102</v>
      </c>
      <c r="I27828" s="1" t="s">
        <v>96632</v>
      </c>
      <c r="J27828" s="1" t="s">
        <v>99118</v>
      </c>
    </row>
    <row r="27829" spans="1:10" x14ac:dyDescent="0.35">
      <c r="A27829" s="1" t="s">
        <v>99098</v>
      </c>
      <c r="B27829" s="1" t="s">
        <v>96627</v>
      </c>
      <c r="C27829" s="1" t="s">
        <v>50</v>
      </c>
      <c r="D27829" s="1" t="s">
        <v>18764</v>
      </c>
      <c r="E27829" s="1" t="s">
        <v>26564</v>
      </c>
      <c r="F27829" s="1" t="s">
        <v>99119</v>
      </c>
      <c r="G27829" s="1" t="s">
        <v>99101</v>
      </c>
      <c r="H27829" s="1" t="s">
        <v>99102</v>
      </c>
      <c r="I27829" s="1" t="s">
        <v>96632</v>
      </c>
      <c r="J27829" s="1" t="s">
        <v>99120</v>
      </c>
    </row>
    <row r="27830" spans="1:10" x14ac:dyDescent="0.35">
      <c r="A27830" s="1" t="s">
        <v>99098</v>
      </c>
      <c r="B27830" s="1" t="s">
        <v>96627</v>
      </c>
      <c r="C27830" s="1" t="s">
        <v>55</v>
      </c>
      <c r="D27830" s="1" t="s">
        <v>99121</v>
      </c>
      <c r="E27830" s="1" t="s">
        <v>27089</v>
      </c>
      <c r="F27830" s="1" t="s">
        <v>99122</v>
      </c>
      <c r="G27830" s="1" t="s">
        <v>99101</v>
      </c>
      <c r="H27830" s="1" t="s">
        <v>99102</v>
      </c>
      <c r="I27830" s="1" t="s">
        <v>96632</v>
      </c>
      <c r="J27830" s="1" t="s">
        <v>99123</v>
      </c>
    </row>
    <row r="27831" spans="1:10" x14ac:dyDescent="0.35">
      <c r="A27831" s="1" t="s">
        <v>99098</v>
      </c>
      <c r="B27831" s="1" t="s">
        <v>96627</v>
      </c>
      <c r="C27831" s="1" t="s">
        <v>60</v>
      </c>
      <c r="D27831" s="1" t="s">
        <v>69616</v>
      </c>
      <c r="E27831" s="1" t="s">
        <v>26235</v>
      </c>
      <c r="F27831" s="1" t="s">
        <v>99124</v>
      </c>
      <c r="G27831" s="1" t="s">
        <v>99101</v>
      </c>
      <c r="H27831" s="1" t="s">
        <v>99102</v>
      </c>
      <c r="I27831" s="1" t="s">
        <v>96632</v>
      </c>
      <c r="J27831" s="1" t="s">
        <v>99125</v>
      </c>
    </row>
    <row r="27832" spans="1:10" x14ac:dyDescent="0.35">
      <c r="A27832" s="1" t="s">
        <v>99098</v>
      </c>
      <c r="B27832" s="1" t="s">
        <v>96627</v>
      </c>
      <c r="C27832" s="1" t="s">
        <v>65</v>
      </c>
      <c r="D27832" s="1" t="s">
        <v>99126</v>
      </c>
      <c r="E27832" s="1" t="s">
        <v>22335</v>
      </c>
      <c r="F27832" s="1" t="s">
        <v>99127</v>
      </c>
      <c r="G27832" s="1" t="s">
        <v>99101</v>
      </c>
      <c r="H27832" s="1" t="s">
        <v>99102</v>
      </c>
      <c r="I27832" s="1" t="s">
        <v>96632</v>
      </c>
      <c r="J27832" s="1" t="s">
        <v>99128</v>
      </c>
    </row>
    <row r="27833" spans="1:10" x14ac:dyDescent="0.35">
      <c r="A27833" s="1" t="s">
        <v>99098</v>
      </c>
      <c r="B27833" s="1" t="s">
        <v>96627</v>
      </c>
      <c r="C27833" s="1" t="s">
        <v>70</v>
      </c>
      <c r="D27833" s="1" t="s">
        <v>96412</v>
      </c>
      <c r="E27833" s="1" t="s">
        <v>32576</v>
      </c>
      <c r="F27833" s="1" t="s">
        <v>99129</v>
      </c>
      <c r="G27833" s="1" t="s">
        <v>99101</v>
      </c>
      <c r="H27833" s="1" t="s">
        <v>99102</v>
      </c>
      <c r="I27833" s="1" t="s">
        <v>96632</v>
      </c>
      <c r="J27833" s="1" t="s">
        <v>99130</v>
      </c>
    </row>
    <row r="27834" spans="1:10" x14ac:dyDescent="0.35">
      <c r="A27834" s="1" t="s">
        <v>99098</v>
      </c>
      <c r="B27834" s="1" t="s">
        <v>96627</v>
      </c>
      <c r="C27834" s="1" t="s">
        <v>75</v>
      </c>
      <c r="D27834" s="1" t="s">
        <v>99131</v>
      </c>
      <c r="E27834" s="1" t="s">
        <v>23240</v>
      </c>
      <c r="F27834" s="1" t="s">
        <v>99132</v>
      </c>
      <c r="G27834" s="1" t="s">
        <v>99101</v>
      </c>
      <c r="H27834" s="1" t="s">
        <v>99102</v>
      </c>
      <c r="I27834" s="1" t="s">
        <v>96632</v>
      </c>
      <c r="J27834" s="1" t="s">
        <v>99133</v>
      </c>
    </row>
    <row r="27835" spans="1:10" x14ac:dyDescent="0.35">
      <c r="A27835" s="1" t="s">
        <v>99098</v>
      </c>
      <c r="B27835" s="1" t="s">
        <v>96627</v>
      </c>
      <c r="C27835" s="1" t="s">
        <v>80</v>
      </c>
      <c r="D27835" s="1" t="s">
        <v>86556</v>
      </c>
      <c r="E27835" s="1" t="s">
        <v>22335</v>
      </c>
      <c r="F27835" s="1" t="s">
        <v>99134</v>
      </c>
      <c r="G27835" s="1" t="s">
        <v>99101</v>
      </c>
      <c r="H27835" s="1" t="s">
        <v>99102</v>
      </c>
      <c r="I27835" s="1" t="s">
        <v>96632</v>
      </c>
      <c r="J27835" s="1" t="s">
        <v>99135</v>
      </c>
    </row>
    <row r="27836" spans="1:10" x14ac:dyDescent="0.35">
      <c r="A27836" s="1" t="s">
        <v>99098</v>
      </c>
      <c r="B27836" s="1" t="s">
        <v>96627</v>
      </c>
      <c r="C27836" s="1" t="s">
        <v>85</v>
      </c>
      <c r="D27836" s="1" t="s">
        <v>39309</v>
      </c>
      <c r="E27836" s="1" t="s">
        <v>56046</v>
      </c>
      <c r="F27836" s="1" t="s">
        <v>99136</v>
      </c>
      <c r="G27836" s="1" t="s">
        <v>99101</v>
      </c>
      <c r="H27836" s="1" t="s">
        <v>99102</v>
      </c>
      <c r="I27836" s="1" t="s">
        <v>96632</v>
      </c>
      <c r="J27836" s="1" t="s">
        <v>99137</v>
      </c>
    </row>
    <row r="27837" spans="1:10" x14ac:dyDescent="0.35">
      <c r="A27837" s="1" t="s">
        <v>99098</v>
      </c>
      <c r="B27837" s="1" t="s">
        <v>96627</v>
      </c>
      <c r="C27837" s="1" t="s">
        <v>90</v>
      </c>
      <c r="D27837" s="1" t="s">
        <v>99138</v>
      </c>
      <c r="E27837" s="1" t="s">
        <v>60831</v>
      </c>
      <c r="F27837" s="1" t="s">
        <v>99139</v>
      </c>
      <c r="G27837" s="1" t="s">
        <v>99101</v>
      </c>
      <c r="H27837" s="1" t="s">
        <v>99102</v>
      </c>
      <c r="I27837" s="1" t="s">
        <v>96632</v>
      </c>
      <c r="J27837" s="1" t="s">
        <v>99140</v>
      </c>
    </row>
    <row r="27838" spans="1:10" x14ac:dyDescent="0.35">
      <c r="A27838" s="1" t="s">
        <v>99098</v>
      </c>
      <c r="B27838" s="1" t="s">
        <v>96627</v>
      </c>
      <c r="C27838" s="1" t="s">
        <v>95</v>
      </c>
      <c r="D27838" s="1" t="s">
        <v>80620</v>
      </c>
      <c r="E27838" s="1" t="s">
        <v>99141</v>
      </c>
      <c r="F27838" s="1" t="s">
        <v>99142</v>
      </c>
      <c r="G27838" s="1" t="s">
        <v>99101</v>
      </c>
      <c r="H27838" s="1" t="s">
        <v>99102</v>
      </c>
      <c r="I27838" s="1" t="s">
        <v>96632</v>
      </c>
      <c r="J27838" s="1" t="s">
        <v>99143</v>
      </c>
    </row>
    <row r="27839" spans="1:10" x14ac:dyDescent="0.35">
      <c r="A27839" s="1" t="s">
        <v>99098</v>
      </c>
      <c r="B27839" s="1" t="s">
        <v>96627</v>
      </c>
      <c r="C27839" s="1" t="s">
        <v>100</v>
      </c>
      <c r="D27839" s="1" t="s">
        <v>99144</v>
      </c>
      <c r="E27839" s="1" t="s">
        <v>31510</v>
      </c>
      <c r="F27839" s="1" t="s">
        <v>99145</v>
      </c>
      <c r="G27839" s="1" t="s">
        <v>99101</v>
      </c>
      <c r="H27839" s="1" t="s">
        <v>99102</v>
      </c>
      <c r="I27839" s="1" t="s">
        <v>96632</v>
      </c>
      <c r="J27839" s="1" t="s">
        <v>99146</v>
      </c>
    </row>
    <row r="27840" spans="1:10" x14ac:dyDescent="0.35">
      <c r="A27840" s="1" t="s">
        <v>99098</v>
      </c>
      <c r="B27840" s="1" t="s">
        <v>96627</v>
      </c>
      <c r="C27840" s="1" t="s">
        <v>105</v>
      </c>
      <c r="D27840" s="1" t="s">
        <v>99147</v>
      </c>
      <c r="E27840" s="1" t="s">
        <v>59099</v>
      </c>
      <c r="F27840" s="1" t="s">
        <v>99148</v>
      </c>
      <c r="G27840" s="1" t="s">
        <v>99101</v>
      </c>
      <c r="H27840" s="1" t="s">
        <v>99102</v>
      </c>
      <c r="I27840" s="1" t="s">
        <v>96632</v>
      </c>
      <c r="J27840" s="1" t="s">
        <v>99149</v>
      </c>
    </row>
    <row r="27841" spans="1:10" x14ac:dyDescent="0.35">
      <c r="A27841" s="1" t="s">
        <v>99098</v>
      </c>
      <c r="B27841" s="1" t="s">
        <v>96627</v>
      </c>
      <c r="C27841" s="1" t="s">
        <v>110</v>
      </c>
      <c r="D27841" s="1" t="s">
        <v>86951</v>
      </c>
      <c r="E27841" s="1" t="s">
        <v>12879</v>
      </c>
      <c r="F27841" s="1" t="s">
        <v>56586</v>
      </c>
      <c r="G27841" s="1" t="s">
        <v>99101</v>
      </c>
      <c r="H27841" s="1" t="s">
        <v>99102</v>
      </c>
      <c r="I27841" s="1" t="s">
        <v>96632</v>
      </c>
      <c r="J27841" s="1" t="s">
        <v>70967</v>
      </c>
    </row>
    <row r="27842" spans="1:10" x14ac:dyDescent="0.35">
      <c r="A27842" s="1" t="s">
        <v>99098</v>
      </c>
      <c r="B27842" s="1" t="s">
        <v>96627</v>
      </c>
      <c r="C27842" s="1" t="s">
        <v>115</v>
      </c>
      <c r="D27842" s="1" t="s">
        <v>95135</v>
      </c>
      <c r="E27842" s="1" t="s">
        <v>72841</v>
      </c>
      <c r="F27842" s="1" t="s">
        <v>23526</v>
      </c>
      <c r="G27842" s="1" t="s">
        <v>99101</v>
      </c>
      <c r="H27842" s="1" t="s">
        <v>99102</v>
      </c>
      <c r="I27842" s="1" t="s">
        <v>96632</v>
      </c>
      <c r="J27842" s="1" t="s">
        <v>99150</v>
      </c>
    </row>
    <row r="27843" spans="1:10" x14ac:dyDescent="0.35">
      <c r="A27843" s="1" t="s">
        <v>99098</v>
      </c>
      <c r="B27843" s="1" t="s">
        <v>96627</v>
      </c>
      <c r="C27843" s="1" t="s">
        <v>120</v>
      </c>
      <c r="D27843" s="1" t="s">
        <v>99151</v>
      </c>
      <c r="E27843" s="1" t="s">
        <v>56039</v>
      </c>
      <c r="F27843" s="1" t="s">
        <v>99152</v>
      </c>
      <c r="G27843" s="1" t="s">
        <v>99101</v>
      </c>
      <c r="H27843" s="1" t="s">
        <v>99102</v>
      </c>
      <c r="I27843" s="1" t="s">
        <v>96632</v>
      </c>
      <c r="J27843" s="1" t="s">
        <v>99153</v>
      </c>
    </row>
    <row r="27844" spans="1:10" x14ac:dyDescent="0.35">
      <c r="A27844" s="1" t="s">
        <v>99098</v>
      </c>
      <c r="B27844" s="1" t="s">
        <v>96627</v>
      </c>
      <c r="C27844" s="1" t="s">
        <v>125</v>
      </c>
      <c r="D27844" s="1" t="s">
        <v>99154</v>
      </c>
      <c r="E27844" s="1" t="s">
        <v>15353</v>
      </c>
      <c r="F27844" s="1" t="s">
        <v>99155</v>
      </c>
      <c r="G27844" s="1" t="s">
        <v>99101</v>
      </c>
      <c r="H27844" s="1" t="s">
        <v>99102</v>
      </c>
      <c r="I27844" s="1" t="s">
        <v>96632</v>
      </c>
      <c r="J27844" s="1" t="s">
        <v>99156</v>
      </c>
    </row>
    <row r="27845" spans="1:10" x14ac:dyDescent="0.35">
      <c r="A27845" s="1" t="s">
        <v>99098</v>
      </c>
      <c r="B27845" s="1" t="s">
        <v>96627</v>
      </c>
      <c r="C27845" s="1" t="s">
        <v>130</v>
      </c>
      <c r="D27845" s="1" t="s">
        <v>99157</v>
      </c>
      <c r="E27845" s="1" t="s">
        <v>31976</v>
      </c>
      <c r="F27845" s="1" t="s">
        <v>99158</v>
      </c>
      <c r="G27845" s="1" t="s">
        <v>99101</v>
      </c>
      <c r="H27845" s="1" t="s">
        <v>99102</v>
      </c>
      <c r="I27845" s="1" t="s">
        <v>96632</v>
      </c>
      <c r="J27845" s="1" t="s">
        <v>99159</v>
      </c>
    </row>
    <row r="27846" spans="1:10" x14ac:dyDescent="0.35">
      <c r="A27846" s="1" t="s">
        <v>99098</v>
      </c>
      <c r="B27846" s="1" t="s">
        <v>96627</v>
      </c>
      <c r="C27846" s="1" t="s">
        <v>135</v>
      </c>
      <c r="D27846" s="1" t="s">
        <v>43095</v>
      </c>
      <c r="E27846" s="1" t="s">
        <v>32133</v>
      </c>
      <c r="F27846" s="1" t="s">
        <v>99160</v>
      </c>
      <c r="G27846" s="1" t="s">
        <v>99101</v>
      </c>
      <c r="H27846" s="1" t="s">
        <v>99102</v>
      </c>
      <c r="I27846" s="1" t="s">
        <v>96632</v>
      </c>
      <c r="J27846" s="1" t="s">
        <v>99161</v>
      </c>
    </row>
    <row r="27847" spans="1:10" x14ac:dyDescent="0.35">
      <c r="A27847" s="1" t="s">
        <v>99098</v>
      </c>
      <c r="B27847" s="1" t="s">
        <v>96627</v>
      </c>
      <c r="C27847" s="1" t="s">
        <v>140</v>
      </c>
      <c r="D27847" s="1" t="s">
        <v>99162</v>
      </c>
      <c r="E27847" s="1" t="s">
        <v>62963</v>
      </c>
      <c r="F27847" s="1" t="s">
        <v>99163</v>
      </c>
      <c r="G27847" s="1" t="s">
        <v>99101</v>
      </c>
      <c r="H27847" s="1" t="s">
        <v>99102</v>
      </c>
      <c r="I27847" s="1" t="s">
        <v>96632</v>
      </c>
      <c r="J27847" s="1" t="s">
        <v>99164</v>
      </c>
    </row>
    <row r="27848" spans="1:10" x14ac:dyDescent="0.35">
      <c r="A27848" s="1" t="s">
        <v>99098</v>
      </c>
      <c r="B27848" s="1" t="s">
        <v>96627</v>
      </c>
      <c r="C27848" s="1" t="s">
        <v>145</v>
      </c>
      <c r="D27848" s="1" t="s">
        <v>62333</v>
      </c>
      <c r="E27848" s="1" t="s">
        <v>15571</v>
      </c>
      <c r="F27848" s="1" t="s">
        <v>99165</v>
      </c>
      <c r="G27848" s="1" t="s">
        <v>99101</v>
      </c>
      <c r="H27848" s="1" t="s">
        <v>99102</v>
      </c>
      <c r="I27848" s="1" t="s">
        <v>96632</v>
      </c>
      <c r="J27848" s="1" t="s">
        <v>99166</v>
      </c>
    </row>
    <row r="27849" spans="1:10" x14ac:dyDescent="0.35">
      <c r="A27849" s="1" t="s">
        <v>99098</v>
      </c>
      <c r="B27849" s="1" t="s">
        <v>96627</v>
      </c>
      <c r="C27849" s="1" t="s">
        <v>150</v>
      </c>
      <c r="D27849" s="1" t="s">
        <v>22395</v>
      </c>
      <c r="E27849" s="1" t="s">
        <v>31761</v>
      </c>
      <c r="F27849" s="1" t="s">
        <v>99167</v>
      </c>
      <c r="G27849" s="1" t="s">
        <v>99101</v>
      </c>
      <c r="H27849" s="1" t="s">
        <v>99102</v>
      </c>
      <c r="I27849" s="1" t="s">
        <v>96632</v>
      </c>
      <c r="J27849" s="1" t="s">
        <v>99168</v>
      </c>
    </row>
    <row r="27850" spans="1:10" x14ac:dyDescent="0.35">
      <c r="A27850" s="1" t="s">
        <v>99098</v>
      </c>
      <c r="B27850" s="1" t="s">
        <v>96627</v>
      </c>
      <c r="C27850" s="1" t="s">
        <v>155</v>
      </c>
      <c r="D27850" s="1" t="s">
        <v>98872</v>
      </c>
      <c r="E27850" s="1" t="s">
        <v>30608</v>
      </c>
      <c r="F27850" s="1" t="s">
        <v>99169</v>
      </c>
      <c r="G27850" s="1" t="s">
        <v>99101</v>
      </c>
      <c r="H27850" s="1" t="s">
        <v>99102</v>
      </c>
      <c r="I27850" s="1" t="s">
        <v>96632</v>
      </c>
      <c r="J27850" s="1" t="s">
        <v>99170</v>
      </c>
    </row>
    <row r="27851" spans="1:10" x14ac:dyDescent="0.35">
      <c r="A27851" s="1" t="s">
        <v>99098</v>
      </c>
      <c r="B27851" s="1" t="s">
        <v>96627</v>
      </c>
      <c r="C27851" s="1" t="s">
        <v>160</v>
      </c>
      <c r="D27851" s="1" t="s">
        <v>99171</v>
      </c>
      <c r="E27851" s="1" t="s">
        <v>99172</v>
      </c>
      <c r="F27851" s="1" t="s">
        <v>99173</v>
      </c>
      <c r="G27851" s="1" t="s">
        <v>99101</v>
      </c>
      <c r="H27851" s="1" t="s">
        <v>99102</v>
      </c>
      <c r="I27851" s="1" t="s">
        <v>96632</v>
      </c>
      <c r="J27851" s="1" t="s">
        <v>99174</v>
      </c>
    </row>
    <row r="27852" spans="1:10" x14ac:dyDescent="0.35">
      <c r="A27852" s="1" t="s">
        <v>99098</v>
      </c>
      <c r="B27852" s="1" t="s">
        <v>96627</v>
      </c>
      <c r="C27852" s="1" t="s">
        <v>165</v>
      </c>
      <c r="D27852" s="1" t="s">
        <v>99175</v>
      </c>
      <c r="E27852" s="1" t="s">
        <v>31842</v>
      </c>
      <c r="F27852" s="1" t="s">
        <v>63773</v>
      </c>
      <c r="G27852" s="1" t="s">
        <v>99101</v>
      </c>
      <c r="H27852" s="1" t="s">
        <v>99102</v>
      </c>
      <c r="I27852" s="1" t="s">
        <v>96632</v>
      </c>
      <c r="J27852" s="1" t="s">
        <v>99176</v>
      </c>
    </row>
    <row r="27853" spans="1:10" x14ac:dyDescent="0.35">
      <c r="A27853" s="1" t="s">
        <v>99098</v>
      </c>
      <c r="B27853" s="1" t="s">
        <v>96627</v>
      </c>
      <c r="C27853" s="1" t="s">
        <v>170</v>
      </c>
      <c r="D27853" s="1" t="s">
        <v>99177</v>
      </c>
      <c r="E27853" s="1" t="s">
        <v>22367</v>
      </c>
      <c r="F27853" s="1" t="s">
        <v>99178</v>
      </c>
      <c r="G27853" s="1" t="s">
        <v>99101</v>
      </c>
      <c r="H27853" s="1" t="s">
        <v>99102</v>
      </c>
      <c r="I27853" s="1" t="s">
        <v>96632</v>
      </c>
      <c r="J27853" s="1" t="s">
        <v>99179</v>
      </c>
    </row>
    <row r="27854" spans="1:10" x14ac:dyDescent="0.35">
      <c r="A27854" s="1" t="s">
        <v>9194</v>
      </c>
      <c r="B27854" s="1" t="s">
        <v>96627</v>
      </c>
      <c r="C27854" s="1" t="s">
        <v>8</v>
      </c>
      <c r="D27854" s="1" t="s">
        <v>99180</v>
      </c>
      <c r="E27854" s="1" t="s">
        <v>99181</v>
      </c>
      <c r="F27854" s="1" t="s">
        <v>99182</v>
      </c>
      <c r="G27854" s="1" t="s">
        <v>99183</v>
      </c>
      <c r="H27854" s="1" t="s">
        <v>99184</v>
      </c>
      <c r="I27854" s="1" t="s">
        <v>96632</v>
      </c>
      <c r="J27854" s="1" t="s">
        <v>13</v>
      </c>
    </row>
    <row r="27855" spans="1:10" x14ac:dyDescent="0.35">
      <c r="A27855" s="1" t="s">
        <v>9194</v>
      </c>
      <c r="B27855" s="1" t="s">
        <v>96627</v>
      </c>
      <c r="C27855" s="1" t="s">
        <v>15</v>
      </c>
      <c r="D27855" s="1" t="s">
        <v>99185</v>
      </c>
      <c r="E27855" s="1" t="s">
        <v>99186</v>
      </c>
      <c r="F27855" s="1" t="s">
        <v>99187</v>
      </c>
      <c r="G27855" s="1" t="s">
        <v>99183</v>
      </c>
      <c r="H27855" s="1" t="s">
        <v>99184</v>
      </c>
      <c r="I27855" s="1" t="s">
        <v>96632</v>
      </c>
      <c r="J27855" s="1" t="s">
        <v>99188</v>
      </c>
    </row>
    <row r="27856" spans="1:10" x14ac:dyDescent="0.35">
      <c r="A27856" s="1" t="s">
        <v>9194</v>
      </c>
      <c r="B27856" s="1" t="s">
        <v>96627</v>
      </c>
      <c r="C27856" s="1" t="s">
        <v>20</v>
      </c>
      <c r="D27856" s="1" t="s">
        <v>99189</v>
      </c>
      <c r="E27856" s="1" t="s">
        <v>99190</v>
      </c>
      <c r="F27856" s="1" t="s">
        <v>99191</v>
      </c>
      <c r="G27856" s="1" t="s">
        <v>99183</v>
      </c>
      <c r="H27856" s="1" t="s">
        <v>99184</v>
      </c>
      <c r="I27856" s="1" t="s">
        <v>96632</v>
      </c>
      <c r="J27856" s="1" t="s">
        <v>99192</v>
      </c>
    </row>
    <row r="27857" spans="1:10" x14ac:dyDescent="0.35">
      <c r="A27857" s="1" t="s">
        <v>9194</v>
      </c>
      <c r="B27857" s="1" t="s">
        <v>96627</v>
      </c>
      <c r="C27857" s="1" t="s">
        <v>25</v>
      </c>
      <c r="D27857" s="1" t="s">
        <v>46061</v>
      </c>
      <c r="E27857" s="1" t="s">
        <v>99193</v>
      </c>
      <c r="F27857" s="1" t="s">
        <v>99194</v>
      </c>
      <c r="G27857" s="1" t="s">
        <v>99183</v>
      </c>
      <c r="H27857" s="1" t="s">
        <v>99184</v>
      </c>
      <c r="I27857" s="1" t="s">
        <v>96632</v>
      </c>
      <c r="J27857" s="1" t="s">
        <v>99195</v>
      </c>
    </row>
    <row r="27858" spans="1:10" x14ac:dyDescent="0.35">
      <c r="A27858" s="1" t="s">
        <v>9194</v>
      </c>
      <c r="B27858" s="1" t="s">
        <v>96627</v>
      </c>
      <c r="C27858" s="1" t="s">
        <v>30</v>
      </c>
      <c r="D27858" s="1" t="s">
        <v>99196</v>
      </c>
      <c r="E27858" s="1" t="s">
        <v>99197</v>
      </c>
      <c r="F27858" s="1" t="s">
        <v>99198</v>
      </c>
      <c r="G27858" s="1" t="s">
        <v>99183</v>
      </c>
      <c r="H27858" s="1" t="s">
        <v>99184</v>
      </c>
      <c r="I27858" s="1" t="s">
        <v>96632</v>
      </c>
      <c r="J27858" s="1" t="s">
        <v>99199</v>
      </c>
    </row>
    <row r="27859" spans="1:10" x14ac:dyDescent="0.35">
      <c r="A27859" s="1" t="s">
        <v>9194</v>
      </c>
      <c r="B27859" s="1" t="s">
        <v>96627</v>
      </c>
      <c r="C27859" s="1" t="s">
        <v>35</v>
      </c>
      <c r="D27859" s="1" t="s">
        <v>99200</v>
      </c>
      <c r="E27859" s="1" t="s">
        <v>99201</v>
      </c>
      <c r="F27859" s="1" t="s">
        <v>99202</v>
      </c>
      <c r="G27859" s="1" t="s">
        <v>99183</v>
      </c>
      <c r="H27859" s="1" t="s">
        <v>99184</v>
      </c>
      <c r="I27859" s="1" t="s">
        <v>96632</v>
      </c>
      <c r="J27859" s="1" t="s">
        <v>99203</v>
      </c>
    </row>
    <row r="27860" spans="1:10" x14ac:dyDescent="0.35">
      <c r="A27860" s="1" t="s">
        <v>9194</v>
      </c>
      <c r="B27860" s="1" t="s">
        <v>96627</v>
      </c>
      <c r="C27860" s="1" t="s">
        <v>40</v>
      </c>
      <c r="D27860" s="1" t="s">
        <v>99204</v>
      </c>
      <c r="E27860" s="1" t="s">
        <v>99205</v>
      </c>
      <c r="F27860" s="1" t="s">
        <v>99206</v>
      </c>
      <c r="G27860" s="1" t="s">
        <v>99183</v>
      </c>
      <c r="H27860" s="1" t="s">
        <v>99184</v>
      </c>
      <c r="I27860" s="1" t="s">
        <v>96632</v>
      </c>
      <c r="J27860" s="1" t="s">
        <v>99207</v>
      </c>
    </row>
    <row r="27861" spans="1:10" x14ac:dyDescent="0.35">
      <c r="A27861" s="1" t="s">
        <v>9194</v>
      </c>
      <c r="B27861" s="1" t="s">
        <v>96627</v>
      </c>
      <c r="C27861" s="1" t="s">
        <v>45</v>
      </c>
      <c r="D27861" s="1" t="s">
        <v>99208</v>
      </c>
      <c r="E27861" s="1" t="s">
        <v>99209</v>
      </c>
      <c r="F27861" s="1" t="s">
        <v>99210</v>
      </c>
      <c r="G27861" s="1" t="s">
        <v>99183</v>
      </c>
      <c r="H27861" s="1" t="s">
        <v>99184</v>
      </c>
      <c r="I27861" s="1" t="s">
        <v>96632</v>
      </c>
      <c r="J27861" s="1" t="s">
        <v>99211</v>
      </c>
    </row>
    <row r="27862" spans="1:10" x14ac:dyDescent="0.35">
      <c r="A27862" s="1" t="s">
        <v>9194</v>
      </c>
      <c r="B27862" s="1" t="s">
        <v>96627</v>
      </c>
      <c r="C27862" s="1" t="s">
        <v>50</v>
      </c>
      <c r="D27862" s="1" t="s">
        <v>99212</v>
      </c>
      <c r="E27862" s="1" t="s">
        <v>99213</v>
      </c>
      <c r="F27862" s="1" t="s">
        <v>99214</v>
      </c>
      <c r="G27862" s="1" t="s">
        <v>99183</v>
      </c>
      <c r="H27862" s="1" t="s">
        <v>99184</v>
      </c>
      <c r="I27862" s="1" t="s">
        <v>96632</v>
      </c>
      <c r="J27862" s="1" t="s">
        <v>99215</v>
      </c>
    </row>
    <row r="27863" spans="1:10" x14ac:dyDescent="0.35">
      <c r="A27863" s="1" t="s">
        <v>9194</v>
      </c>
      <c r="B27863" s="1" t="s">
        <v>96627</v>
      </c>
      <c r="C27863" s="1" t="s">
        <v>55</v>
      </c>
      <c r="D27863" s="1" t="s">
        <v>99216</v>
      </c>
      <c r="E27863" s="1" t="s">
        <v>99217</v>
      </c>
      <c r="F27863" s="1" t="s">
        <v>99218</v>
      </c>
      <c r="G27863" s="1" t="s">
        <v>99183</v>
      </c>
      <c r="H27863" s="1" t="s">
        <v>99184</v>
      </c>
      <c r="I27863" s="1" t="s">
        <v>96632</v>
      </c>
      <c r="J27863" s="1" t="s">
        <v>99219</v>
      </c>
    </row>
    <row r="27864" spans="1:10" x14ac:dyDescent="0.35">
      <c r="A27864" s="1" t="s">
        <v>9194</v>
      </c>
      <c r="B27864" s="1" t="s">
        <v>96627</v>
      </c>
      <c r="C27864" s="1" t="s">
        <v>60</v>
      </c>
      <c r="D27864" s="1" t="s">
        <v>59900</v>
      </c>
      <c r="E27864" s="1" t="s">
        <v>99220</v>
      </c>
      <c r="F27864" s="1" t="s">
        <v>99221</v>
      </c>
      <c r="G27864" s="1" t="s">
        <v>99183</v>
      </c>
      <c r="H27864" s="1" t="s">
        <v>99184</v>
      </c>
      <c r="I27864" s="1" t="s">
        <v>96632</v>
      </c>
      <c r="J27864" s="1" t="s">
        <v>99222</v>
      </c>
    </row>
    <row r="27865" spans="1:10" x14ac:dyDescent="0.35">
      <c r="A27865" s="1" t="s">
        <v>9194</v>
      </c>
      <c r="B27865" s="1" t="s">
        <v>96627</v>
      </c>
      <c r="C27865" s="1" t="s">
        <v>65</v>
      </c>
      <c r="D27865" s="1" t="s">
        <v>99223</v>
      </c>
      <c r="E27865" s="1" t="s">
        <v>99224</v>
      </c>
      <c r="F27865" s="1" t="s">
        <v>99225</v>
      </c>
      <c r="G27865" s="1" t="s">
        <v>99183</v>
      </c>
      <c r="H27865" s="1" t="s">
        <v>99184</v>
      </c>
      <c r="I27865" s="1" t="s">
        <v>96632</v>
      </c>
      <c r="J27865" s="1" t="s">
        <v>99226</v>
      </c>
    </row>
    <row r="27866" spans="1:10" x14ac:dyDescent="0.35">
      <c r="A27866" s="1" t="s">
        <v>9194</v>
      </c>
      <c r="B27866" s="1" t="s">
        <v>96627</v>
      </c>
      <c r="C27866" s="1" t="s">
        <v>70</v>
      </c>
      <c r="D27866" s="1" t="s">
        <v>61644</v>
      </c>
      <c r="E27866" s="1" t="s">
        <v>99227</v>
      </c>
      <c r="F27866" s="1" t="s">
        <v>99228</v>
      </c>
      <c r="G27866" s="1" t="s">
        <v>99183</v>
      </c>
      <c r="H27866" s="1" t="s">
        <v>99184</v>
      </c>
      <c r="I27866" s="1" t="s">
        <v>96632</v>
      </c>
      <c r="J27866" s="1" t="s">
        <v>99229</v>
      </c>
    </row>
    <row r="27867" spans="1:10" x14ac:dyDescent="0.35">
      <c r="A27867" s="1" t="s">
        <v>9194</v>
      </c>
      <c r="B27867" s="1" t="s">
        <v>96627</v>
      </c>
      <c r="C27867" s="1" t="s">
        <v>75</v>
      </c>
      <c r="D27867" s="1" t="s">
        <v>2710</v>
      </c>
      <c r="E27867" s="1" t="s">
        <v>99230</v>
      </c>
      <c r="F27867" s="1" t="s">
        <v>99231</v>
      </c>
      <c r="G27867" s="1" t="s">
        <v>99183</v>
      </c>
      <c r="H27867" s="1" t="s">
        <v>99184</v>
      </c>
      <c r="I27867" s="1" t="s">
        <v>96632</v>
      </c>
      <c r="J27867" s="1" t="s">
        <v>99232</v>
      </c>
    </row>
    <row r="27868" spans="1:10" x14ac:dyDescent="0.35">
      <c r="A27868" s="1" t="s">
        <v>9194</v>
      </c>
      <c r="B27868" s="1" t="s">
        <v>96627</v>
      </c>
      <c r="C27868" s="1" t="s">
        <v>80</v>
      </c>
      <c r="D27868" s="1" t="s">
        <v>99233</v>
      </c>
      <c r="E27868" s="1" t="s">
        <v>99234</v>
      </c>
      <c r="F27868" s="1" t="s">
        <v>99235</v>
      </c>
      <c r="G27868" s="1" t="s">
        <v>99183</v>
      </c>
      <c r="H27868" s="1" t="s">
        <v>99184</v>
      </c>
      <c r="I27868" s="1" t="s">
        <v>96632</v>
      </c>
      <c r="J27868" s="1" t="s">
        <v>99236</v>
      </c>
    </row>
    <row r="27869" spans="1:10" x14ac:dyDescent="0.35">
      <c r="A27869" s="1" t="s">
        <v>9194</v>
      </c>
      <c r="B27869" s="1" t="s">
        <v>96627</v>
      </c>
      <c r="C27869" s="1" t="s">
        <v>85</v>
      </c>
      <c r="D27869" s="1" t="s">
        <v>60110</v>
      </c>
      <c r="E27869" s="1" t="s">
        <v>99237</v>
      </c>
      <c r="F27869" s="1" t="s">
        <v>99238</v>
      </c>
      <c r="G27869" s="1" t="s">
        <v>99183</v>
      </c>
      <c r="H27869" s="1" t="s">
        <v>99184</v>
      </c>
      <c r="I27869" s="1" t="s">
        <v>96632</v>
      </c>
      <c r="J27869" s="1" t="s">
        <v>99239</v>
      </c>
    </row>
    <row r="27870" spans="1:10" x14ac:dyDescent="0.35">
      <c r="A27870" s="1" t="s">
        <v>9194</v>
      </c>
      <c r="B27870" s="1" t="s">
        <v>96627</v>
      </c>
      <c r="C27870" s="1" t="s">
        <v>90</v>
      </c>
      <c r="D27870" s="1" t="s">
        <v>99240</v>
      </c>
      <c r="E27870" s="1" t="s">
        <v>99241</v>
      </c>
      <c r="F27870" s="1" t="s">
        <v>99242</v>
      </c>
      <c r="G27870" s="1" t="s">
        <v>99183</v>
      </c>
      <c r="H27870" s="1" t="s">
        <v>99184</v>
      </c>
      <c r="I27870" s="1" t="s">
        <v>96632</v>
      </c>
      <c r="J27870" s="1" t="s">
        <v>99243</v>
      </c>
    </row>
    <row r="27871" spans="1:10" x14ac:dyDescent="0.35">
      <c r="A27871" s="1" t="s">
        <v>9194</v>
      </c>
      <c r="B27871" s="1" t="s">
        <v>96627</v>
      </c>
      <c r="C27871" s="1" t="s">
        <v>95</v>
      </c>
      <c r="D27871" s="1" t="s">
        <v>99244</v>
      </c>
      <c r="E27871" s="1" t="s">
        <v>99245</v>
      </c>
      <c r="F27871" s="1" t="s">
        <v>99246</v>
      </c>
      <c r="G27871" s="1" t="s">
        <v>99183</v>
      </c>
      <c r="H27871" s="1" t="s">
        <v>99184</v>
      </c>
      <c r="I27871" s="1" t="s">
        <v>96632</v>
      </c>
      <c r="J27871" s="1" t="s">
        <v>99247</v>
      </c>
    </row>
    <row r="27872" spans="1:10" x14ac:dyDescent="0.35">
      <c r="A27872" s="1" t="s">
        <v>9194</v>
      </c>
      <c r="B27872" s="1" t="s">
        <v>96627</v>
      </c>
      <c r="C27872" s="1" t="s">
        <v>100</v>
      </c>
      <c r="D27872" s="1" t="s">
        <v>99248</v>
      </c>
      <c r="E27872" s="1" t="s">
        <v>99249</v>
      </c>
      <c r="F27872" s="1" t="s">
        <v>99250</v>
      </c>
      <c r="G27872" s="1" t="s">
        <v>99183</v>
      </c>
      <c r="H27872" s="1" t="s">
        <v>99184</v>
      </c>
      <c r="I27872" s="1" t="s">
        <v>96632</v>
      </c>
      <c r="J27872" s="1" t="s">
        <v>99251</v>
      </c>
    </row>
    <row r="27873" spans="1:10" x14ac:dyDescent="0.35">
      <c r="A27873" s="1" t="s">
        <v>9194</v>
      </c>
      <c r="B27873" s="1" t="s">
        <v>96627</v>
      </c>
      <c r="C27873" s="1" t="s">
        <v>105</v>
      </c>
      <c r="D27873" s="1" t="s">
        <v>99252</v>
      </c>
      <c r="E27873" s="1" t="s">
        <v>99253</v>
      </c>
      <c r="F27873" s="1" t="s">
        <v>99254</v>
      </c>
      <c r="G27873" s="1" t="s">
        <v>99183</v>
      </c>
      <c r="H27873" s="1" t="s">
        <v>99184</v>
      </c>
      <c r="I27873" s="1" t="s">
        <v>96632</v>
      </c>
      <c r="J27873" s="1" t="s">
        <v>99255</v>
      </c>
    </row>
    <row r="27874" spans="1:10" x14ac:dyDescent="0.35">
      <c r="A27874" s="1" t="s">
        <v>9194</v>
      </c>
      <c r="B27874" s="1" t="s">
        <v>96627</v>
      </c>
      <c r="C27874" s="1" t="s">
        <v>110</v>
      </c>
      <c r="D27874" s="1" t="s">
        <v>64243</v>
      </c>
      <c r="E27874" s="1" t="s">
        <v>99256</v>
      </c>
      <c r="F27874" s="1" t="s">
        <v>99257</v>
      </c>
      <c r="G27874" s="1" t="s">
        <v>99183</v>
      </c>
      <c r="H27874" s="1" t="s">
        <v>99184</v>
      </c>
      <c r="I27874" s="1" t="s">
        <v>96632</v>
      </c>
      <c r="J27874" s="1" t="s">
        <v>99258</v>
      </c>
    </row>
    <row r="27875" spans="1:10" x14ac:dyDescent="0.35">
      <c r="A27875" s="1" t="s">
        <v>9194</v>
      </c>
      <c r="B27875" s="1" t="s">
        <v>96627</v>
      </c>
      <c r="C27875" s="1" t="s">
        <v>115</v>
      </c>
      <c r="D27875" s="1" t="s">
        <v>99259</v>
      </c>
      <c r="E27875" s="1" t="s">
        <v>99260</v>
      </c>
      <c r="F27875" s="1" t="s">
        <v>99261</v>
      </c>
      <c r="G27875" s="1" t="s">
        <v>99183</v>
      </c>
      <c r="H27875" s="1" t="s">
        <v>99184</v>
      </c>
      <c r="I27875" s="1" t="s">
        <v>96632</v>
      </c>
      <c r="J27875" s="1" t="s">
        <v>99262</v>
      </c>
    </row>
    <row r="27876" spans="1:10" x14ac:dyDescent="0.35">
      <c r="A27876" s="1" t="s">
        <v>9194</v>
      </c>
      <c r="B27876" s="1" t="s">
        <v>96627</v>
      </c>
      <c r="C27876" s="1" t="s">
        <v>120</v>
      </c>
      <c r="D27876" s="1" t="s">
        <v>99263</v>
      </c>
      <c r="E27876" s="1" t="s">
        <v>99264</v>
      </c>
      <c r="F27876" s="1" t="s">
        <v>99265</v>
      </c>
      <c r="G27876" s="1" t="s">
        <v>99183</v>
      </c>
      <c r="H27876" s="1" t="s">
        <v>99184</v>
      </c>
      <c r="I27876" s="1" t="s">
        <v>96632</v>
      </c>
      <c r="J27876" s="1" t="s">
        <v>99266</v>
      </c>
    </row>
    <row r="27877" spans="1:10" x14ac:dyDescent="0.35">
      <c r="A27877" s="1" t="s">
        <v>9194</v>
      </c>
      <c r="B27877" s="1" t="s">
        <v>96627</v>
      </c>
      <c r="C27877" s="1" t="s">
        <v>125</v>
      </c>
      <c r="D27877" s="1" t="s">
        <v>99267</v>
      </c>
      <c r="E27877" s="1" t="s">
        <v>99268</v>
      </c>
      <c r="F27877" s="1" t="s">
        <v>99269</v>
      </c>
      <c r="G27877" s="1" t="s">
        <v>99183</v>
      </c>
      <c r="H27877" s="1" t="s">
        <v>99184</v>
      </c>
      <c r="I27877" s="1" t="s">
        <v>96632</v>
      </c>
      <c r="J27877" s="1" t="s">
        <v>99270</v>
      </c>
    </row>
    <row r="27878" spans="1:10" x14ac:dyDescent="0.35">
      <c r="A27878" s="1" t="s">
        <v>9194</v>
      </c>
      <c r="B27878" s="1" t="s">
        <v>96627</v>
      </c>
      <c r="C27878" s="1" t="s">
        <v>130</v>
      </c>
      <c r="D27878" s="1" t="s">
        <v>66380</v>
      </c>
      <c r="E27878" s="1" t="s">
        <v>99271</v>
      </c>
      <c r="F27878" s="1" t="s">
        <v>99272</v>
      </c>
      <c r="G27878" s="1" t="s">
        <v>99183</v>
      </c>
      <c r="H27878" s="1" t="s">
        <v>99184</v>
      </c>
      <c r="I27878" s="1" t="s">
        <v>96632</v>
      </c>
      <c r="J27878" s="1" t="s">
        <v>99273</v>
      </c>
    </row>
    <row r="27879" spans="1:10" x14ac:dyDescent="0.35">
      <c r="A27879" s="1" t="s">
        <v>9194</v>
      </c>
      <c r="B27879" s="1" t="s">
        <v>96627</v>
      </c>
      <c r="C27879" s="1" t="s">
        <v>135</v>
      </c>
      <c r="D27879" s="1" t="s">
        <v>99274</v>
      </c>
      <c r="E27879" s="1" t="s">
        <v>99275</v>
      </c>
      <c r="F27879" s="1" t="s">
        <v>99276</v>
      </c>
      <c r="G27879" s="1" t="s">
        <v>99183</v>
      </c>
      <c r="H27879" s="1" t="s">
        <v>99184</v>
      </c>
      <c r="I27879" s="1" t="s">
        <v>96632</v>
      </c>
      <c r="J27879" s="1" t="s">
        <v>99277</v>
      </c>
    </row>
    <row r="27880" spans="1:10" x14ac:dyDescent="0.35">
      <c r="A27880" s="1" t="s">
        <v>9194</v>
      </c>
      <c r="B27880" s="1" t="s">
        <v>96627</v>
      </c>
      <c r="C27880" s="1" t="s">
        <v>140</v>
      </c>
      <c r="D27880" s="1" t="s">
        <v>98622</v>
      </c>
      <c r="E27880" s="1" t="s">
        <v>99278</v>
      </c>
      <c r="F27880" s="1" t="s">
        <v>99279</v>
      </c>
      <c r="G27880" s="1" t="s">
        <v>99183</v>
      </c>
      <c r="H27880" s="1" t="s">
        <v>99184</v>
      </c>
      <c r="I27880" s="1" t="s">
        <v>96632</v>
      </c>
      <c r="J27880" s="1" t="s">
        <v>99280</v>
      </c>
    </row>
    <row r="27881" spans="1:10" x14ac:dyDescent="0.35">
      <c r="A27881" s="1" t="s">
        <v>9194</v>
      </c>
      <c r="B27881" s="1" t="s">
        <v>96627</v>
      </c>
      <c r="C27881" s="1" t="s">
        <v>145</v>
      </c>
      <c r="D27881" s="1" t="s">
        <v>62834</v>
      </c>
      <c r="E27881" s="1" t="s">
        <v>99281</v>
      </c>
      <c r="F27881" s="1" t="s">
        <v>99282</v>
      </c>
      <c r="G27881" s="1" t="s">
        <v>99183</v>
      </c>
      <c r="H27881" s="1" t="s">
        <v>99184</v>
      </c>
      <c r="I27881" s="1" t="s">
        <v>96632</v>
      </c>
      <c r="J27881" s="1" t="s">
        <v>99283</v>
      </c>
    </row>
    <row r="27882" spans="1:10" x14ac:dyDescent="0.35">
      <c r="A27882" s="1" t="s">
        <v>9194</v>
      </c>
      <c r="B27882" s="1" t="s">
        <v>96627</v>
      </c>
      <c r="C27882" s="1" t="s">
        <v>150</v>
      </c>
      <c r="D27882" s="1" t="s">
        <v>99284</v>
      </c>
      <c r="E27882" s="1" t="s">
        <v>99285</v>
      </c>
      <c r="F27882" s="1" t="s">
        <v>99286</v>
      </c>
      <c r="G27882" s="1" t="s">
        <v>99183</v>
      </c>
      <c r="H27882" s="1" t="s">
        <v>99184</v>
      </c>
      <c r="I27882" s="1" t="s">
        <v>96632</v>
      </c>
      <c r="J27882" s="1" t="s">
        <v>99287</v>
      </c>
    </row>
    <row r="27883" spans="1:10" x14ac:dyDescent="0.35">
      <c r="A27883" s="1" t="s">
        <v>9194</v>
      </c>
      <c r="B27883" s="1" t="s">
        <v>96627</v>
      </c>
      <c r="C27883" s="1" t="s">
        <v>155</v>
      </c>
      <c r="D27883" s="1" t="s">
        <v>99288</v>
      </c>
      <c r="E27883" s="1" t="s">
        <v>99289</v>
      </c>
      <c r="F27883" s="1" t="s">
        <v>99290</v>
      </c>
      <c r="G27883" s="1" t="s">
        <v>99183</v>
      </c>
      <c r="H27883" s="1" t="s">
        <v>99184</v>
      </c>
      <c r="I27883" s="1" t="s">
        <v>96632</v>
      </c>
      <c r="J27883" s="1" t="s">
        <v>99291</v>
      </c>
    </row>
    <row r="27884" spans="1:10" x14ac:dyDescent="0.35">
      <c r="A27884" s="1" t="s">
        <v>9194</v>
      </c>
      <c r="B27884" s="1" t="s">
        <v>96627</v>
      </c>
      <c r="C27884" s="1" t="s">
        <v>160</v>
      </c>
      <c r="D27884" s="1" t="s">
        <v>55868</v>
      </c>
      <c r="E27884" s="1" t="s">
        <v>99292</v>
      </c>
      <c r="F27884" s="1" t="s">
        <v>99293</v>
      </c>
      <c r="G27884" s="1" t="s">
        <v>99183</v>
      </c>
      <c r="H27884" s="1" t="s">
        <v>99184</v>
      </c>
      <c r="I27884" s="1" t="s">
        <v>96632</v>
      </c>
      <c r="J27884" s="1" t="s">
        <v>99294</v>
      </c>
    </row>
    <row r="27885" spans="1:10" x14ac:dyDescent="0.35">
      <c r="A27885" s="1" t="s">
        <v>9194</v>
      </c>
      <c r="B27885" s="1" t="s">
        <v>96627</v>
      </c>
      <c r="C27885" s="1" t="s">
        <v>165</v>
      </c>
      <c r="D27885" s="1" t="s">
        <v>99295</v>
      </c>
      <c r="E27885" s="1" t="s">
        <v>99296</v>
      </c>
      <c r="F27885" s="1" t="s">
        <v>99297</v>
      </c>
      <c r="G27885" s="1" t="s">
        <v>99183</v>
      </c>
      <c r="H27885" s="1" t="s">
        <v>99184</v>
      </c>
      <c r="I27885" s="1" t="s">
        <v>96632</v>
      </c>
      <c r="J27885" s="1" t="s">
        <v>99298</v>
      </c>
    </row>
    <row r="27886" spans="1:10" x14ac:dyDescent="0.35">
      <c r="A27886" s="1" t="s">
        <v>9194</v>
      </c>
      <c r="B27886" s="1" t="s">
        <v>96627</v>
      </c>
      <c r="C27886" s="1" t="s">
        <v>170</v>
      </c>
      <c r="D27886" s="1" t="s">
        <v>99299</v>
      </c>
      <c r="E27886" s="1" t="s">
        <v>99300</v>
      </c>
      <c r="F27886" s="1" t="s">
        <v>99301</v>
      </c>
      <c r="G27886" s="1" t="s">
        <v>99183</v>
      </c>
      <c r="H27886" s="1" t="s">
        <v>99184</v>
      </c>
      <c r="I27886" s="1" t="s">
        <v>96632</v>
      </c>
      <c r="J27886" s="1" t="s">
        <v>99302</v>
      </c>
    </row>
    <row r="27887" spans="1:10" x14ac:dyDescent="0.35">
      <c r="A27887" s="1" t="s">
        <v>10492</v>
      </c>
      <c r="B27887" s="1" t="s">
        <v>96627</v>
      </c>
      <c r="C27887" s="1" t="s">
        <v>8</v>
      </c>
      <c r="D27887" s="1" t="s">
        <v>66240</v>
      </c>
      <c r="E27887" s="1" t="s">
        <v>99303</v>
      </c>
      <c r="F27887" s="1" t="s">
        <v>66107</v>
      </c>
      <c r="G27887" s="1" t="s">
        <v>99304</v>
      </c>
      <c r="H27887" s="1" t="s">
        <v>99305</v>
      </c>
      <c r="I27887" s="1" t="s">
        <v>96632</v>
      </c>
      <c r="J27887" s="1" t="s">
        <v>13</v>
      </c>
    </row>
    <row r="27888" spans="1:10" x14ac:dyDescent="0.35">
      <c r="A27888" s="1" t="s">
        <v>10492</v>
      </c>
      <c r="B27888" s="1" t="s">
        <v>96627</v>
      </c>
      <c r="C27888" s="1" t="s">
        <v>15</v>
      </c>
      <c r="D27888" s="1" t="s">
        <v>90490</v>
      </c>
      <c r="E27888" s="1" t="s">
        <v>57305</v>
      </c>
      <c r="F27888" s="1" t="s">
        <v>23233</v>
      </c>
      <c r="G27888" s="1" t="s">
        <v>99304</v>
      </c>
      <c r="H27888" s="1" t="s">
        <v>99305</v>
      </c>
      <c r="I27888" s="1" t="s">
        <v>96632</v>
      </c>
      <c r="J27888" s="1" t="s">
        <v>99306</v>
      </c>
    </row>
    <row r="27889" spans="1:10" x14ac:dyDescent="0.35">
      <c r="A27889" s="1" t="s">
        <v>10492</v>
      </c>
      <c r="B27889" s="1" t="s">
        <v>96627</v>
      </c>
      <c r="C27889" s="1" t="s">
        <v>20</v>
      </c>
      <c r="D27889" s="1" t="s">
        <v>99307</v>
      </c>
      <c r="E27889" s="1" t="s">
        <v>15252</v>
      </c>
      <c r="F27889" s="1" t="s">
        <v>99308</v>
      </c>
      <c r="G27889" s="1" t="s">
        <v>99304</v>
      </c>
      <c r="H27889" s="1" t="s">
        <v>99305</v>
      </c>
      <c r="I27889" s="1" t="s">
        <v>96632</v>
      </c>
      <c r="J27889" s="1" t="s">
        <v>99309</v>
      </c>
    </row>
    <row r="27890" spans="1:10" x14ac:dyDescent="0.35">
      <c r="A27890" s="1" t="s">
        <v>10492</v>
      </c>
      <c r="B27890" s="1" t="s">
        <v>96627</v>
      </c>
      <c r="C27890" s="1" t="s">
        <v>25</v>
      </c>
      <c r="D27890" s="1" t="s">
        <v>99310</v>
      </c>
      <c r="E27890" s="1" t="s">
        <v>62867</v>
      </c>
      <c r="F27890" s="1" t="s">
        <v>99311</v>
      </c>
      <c r="G27890" s="1" t="s">
        <v>99304</v>
      </c>
      <c r="H27890" s="1" t="s">
        <v>99305</v>
      </c>
      <c r="I27890" s="1" t="s">
        <v>96632</v>
      </c>
      <c r="J27890" s="1" t="s">
        <v>99312</v>
      </c>
    </row>
    <row r="27891" spans="1:10" x14ac:dyDescent="0.35">
      <c r="A27891" s="1" t="s">
        <v>10492</v>
      </c>
      <c r="B27891" s="1" t="s">
        <v>96627</v>
      </c>
      <c r="C27891" s="1" t="s">
        <v>30</v>
      </c>
      <c r="D27891" s="1" t="s">
        <v>99313</v>
      </c>
      <c r="E27891" s="1" t="s">
        <v>54032</v>
      </c>
      <c r="F27891" s="1" t="s">
        <v>99314</v>
      </c>
      <c r="G27891" s="1" t="s">
        <v>99304</v>
      </c>
      <c r="H27891" s="1" t="s">
        <v>99305</v>
      </c>
      <c r="I27891" s="1" t="s">
        <v>96632</v>
      </c>
      <c r="J27891" s="1" t="s">
        <v>99315</v>
      </c>
    </row>
    <row r="27892" spans="1:10" x14ac:dyDescent="0.35">
      <c r="A27892" s="1" t="s">
        <v>10492</v>
      </c>
      <c r="B27892" s="1" t="s">
        <v>96627</v>
      </c>
      <c r="C27892" s="1" t="s">
        <v>35</v>
      </c>
      <c r="D27892" s="1" t="s">
        <v>68690</v>
      </c>
      <c r="E27892" s="1" t="s">
        <v>24384</v>
      </c>
      <c r="F27892" s="1" t="s">
        <v>66343</v>
      </c>
      <c r="G27892" s="1" t="s">
        <v>99304</v>
      </c>
      <c r="H27892" s="1" t="s">
        <v>99305</v>
      </c>
      <c r="I27892" s="1" t="s">
        <v>96632</v>
      </c>
      <c r="J27892" s="1" t="s">
        <v>99316</v>
      </c>
    </row>
    <row r="27893" spans="1:10" x14ac:dyDescent="0.35">
      <c r="A27893" s="1" t="s">
        <v>10492</v>
      </c>
      <c r="B27893" s="1" t="s">
        <v>96627</v>
      </c>
      <c r="C27893" s="1" t="s">
        <v>40</v>
      </c>
      <c r="D27893" s="1" t="s">
        <v>89508</v>
      </c>
      <c r="E27893" s="1" t="s">
        <v>41309</v>
      </c>
      <c r="F27893" s="1" t="s">
        <v>69621</v>
      </c>
      <c r="G27893" s="1" t="s">
        <v>99304</v>
      </c>
      <c r="H27893" s="1" t="s">
        <v>99305</v>
      </c>
      <c r="I27893" s="1" t="s">
        <v>96632</v>
      </c>
      <c r="J27893" s="1" t="s">
        <v>99317</v>
      </c>
    </row>
    <row r="27894" spans="1:10" x14ac:dyDescent="0.35">
      <c r="A27894" s="1" t="s">
        <v>10492</v>
      </c>
      <c r="B27894" s="1" t="s">
        <v>96627</v>
      </c>
      <c r="C27894" s="1" t="s">
        <v>45</v>
      </c>
      <c r="D27894" s="1" t="s">
        <v>99318</v>
      </c>
      <c r="E27894" s="1" t="s">
        <v>21970</v>
      </c>
      <c r="F27894" s="1" t="s">
        <v>99319</v>
      </c>
      <c r="G27894" s="1" t="s">
        <v>99304</v>
      </c>
      <c r="H27894" s="1" t="s">
        <v>99305</v>
      </c>
      <c r="I27894" s="1" t="s">
        <v>96632</v>
      </c>
      <c r="J27894" s="1" t="s">
        <v>99320</v>
      </c>
    </row>
    <row r="27895" spans="1:10" x14ac:dyDescent="0.35">
      <c r="A27895" s="1" t="s">
        <v>10492</v>
      </c>
      <c r="B27895" s="1" t="s">
        <v>96627</v>
      </c>
      <c r="C27895" s="1" t="s">
        <v>50</v>
      </c>
      <c r="D27895" s="1" t="s">
        <v>64058</v>
      </c>
      <c r="E27895" s="1" t="s">
        <v>12757</v>
      </c>
      <c r="F27895" s="1" t="s">
        <v>99321</v>
      </c>
      <c r="G27895" s="1" t="s">
        <v>99304</v>
      </c>
      <c r="H27895" s="1" t="s">
        <v>99305</v>
      </c>
      <c r="I27895" s="1" t="s">
        <v>96632</v>
      </c>
      <c r="J27895" s="1" t="s">
        <v>99322</v>
      </c>
    </row>
    <row r="27896" spans="1:10" x14ac:dyDescent="0.35">
      <c r="A27896" s="1" t="s">
        <v>10492</v>
      </c>
      <c r="B27896" s="1" t="s">
        <v>96627</v>
      </c>
      <c r="C27896" s="1" t="s">
        <v>55</v>
      </c>
      <c r="D27896" s="1" t="s">
        <v>99323</v>
      </c>
      <c r="E27896" s="1" t="s">
        <v>23191</v>
      </c>
      <c r="F27896" s="1" t="s">
        <v>99324</v>
      </c>
      <c r="G27896" s="1" t="s">
        <v>99304</v>
      </c>
      <c r="H27896" s="1" t="s">
        <v>99305</v>
      </c>
      <c r="I27896" s="1" t="s">
        <v>96632</v>
      </c>
      <c r="J27896" s="1" t="s">
        <v>99325</v>
      </c>
    </row>
    <row r="27897" spans="1:10" x14ac:dyDescent="0.35">
      <c r="A27897" s="1" t="s">
        <v>10492</v>
      </c>
      <c r="B27897" s="1" t="s">
        <v>96627</v>
      </c>
      <c r="C27897" s="1" t="s">
        <v>60</v>
      </c>
      <c r="D27897" s="1" t="s">
        <v>99326</v>
      </c>
      <c r="E27897" s="1" t="s">
        <v>41262</v>
      </c>
      <c r="F27897" s="1" t="s">
        <v>99327</v>
      </c>
      <c r="G27897" s="1" t="s">
        <v>99304</v>
      </c>
      <c r="H27897" s="1" t="s">
        <v>99305</v>
      </c>
      <c r="I27897" s="1" t="s">
        <v>96632</v>
      </c>
      <c r="J27897" s="1" t="s">
        <v>99328</v>
      </c>
    </row>
    <row r="27898" spans="1:10" x14ac:dyDescent="0.35">
      <c r="A27898" s="1" t="s">
        <v>10492</v>
      </c>
      <c r="B27898" s="1" t="s">
        <v>96627</v>
      </c>
      <c r="C27898" s="1" t="s">
        <v>65</v>
      </c>
      <c r="D27898" s="1" t="s">
        <v>99329</v>
      </c>
      <c r="E27898" s="1" t="s">
        <v>54433</v>
      </c>
      <c r="F27898" s="1" t="s">
        <v>99330</v>
      </c>
      <c r="G27898" s="1" t="s">
        <v>99304</v>
      </c>
      <c r="H27898" s="1" t="s">
        <v>99305</v>
      </c>
      <c r="I27898" s="1" t="s">
        <v>96632</v>
      </c>
      <c r="J27898" s="1" t="s">
        <v>99331</v>
      </c>
    </row>
    <row r="27899" spans="1:10" x14ac:dyDescent="0.35">
      <c r="A27899" s="1" t="s">
        <v>10492</v>
      </c>
      <c r="B27899" s="1" t="s">
        <v>96627</v>
      </c>
      <c r="C27899" s="1" t="s">
        <v>70</v>
      </c>
      <c r="D27899" s="1" t="s">
        <v>99332</v>
      </c>
      <c r="E27899" s="1" t="s">
        <v>55315</v>
      </c>
      <c r="F27899" s="1" t="s">
        <v>99333</v>
      </c>
      <c r="G27899" s="1" t="s">
        <v>99304</v>
      </c>
      <c r="H27899" s="1" t="s">
        <v>99305</v>
      </c>
      <c r="I27899" s="1" t="s">
        <v>96632</v>
      </c>
      <c r="J27899" s="1" t="s">
        <v>99334</v>
      </c>
    </row>
    <row r="27900" spans="1:10" x14ac:dyDescent="0.35">
      <c r="A27900" s="1" t="s">
        <v>10492</v>
      </c>
      <c r="B27900" s="1" t="s">
        <v>96627</v>
      </c>
      <c r="C27900" s="1" t="s">
        <v>75</v>
      </c>
      <c r="D27900" s="1" t="s">
        <v>7456</v>
      </c>
      <c r="E27900" s="1" t="s">
        <v>26435</v>
      </c>
      <c r="F27900" s="1" t="s">
        <v>99335</v>
      </c>
      <c r="G27900" s="1" t="s">
        <v>99304</v>
      </c>
      <c r="H27900" s="1" t="s">
        <v>99305</v>
      </c>
      <c r="I27900" s="1" t="s">
        <v>96632</v>
      </c>
      <c r="J27900" s="1" t="s">
        <v>99336</v>
      </c>
    </row>
    <row r="27901" spans="1:10" x14ac:dyDescent="0.35">
      <c r="A27901" s="1" t="s">
        <v>10492</v>
      </c>
      <c r="B27901" s="1" t="s">
        <v>96627</v>
      </c>
      <c r="C27901" s="1" t="s">
        <v>80</v>
      </c>
      <c r="D27901" s="1" t="s">
        <v>20834</v>
      </c>
      <c r="E27901" s="1" t="s">
        <v>21960</v>
      </c>
      <c r="F27901" s="1" t="s">
        <v>99337</v>
      </c>
      <c r="G27901" s="1" t="s">
        <v>99304</v>
      </c>
      <c r="H27901" s="1" t="s">
        <v>99305</v>
      </c>
      <c r="I27901" s="1" t="s">
        <v>96632</v>
      </c>
      <c r="J27901" s="1" t="s">
        <v>99338</v>
      </c>
    </row>
    <row r="27902" spans="1:10" x14ac:dyDescent="0.35">
      <c r="A27902" s="1" t="s">
        <v>10492</v>
      </c>
      <c r="B27902" s="1" t="s">
        <v>96627</v>
      </c>
      <c r="C27902" s="1" t="s">
        <v>85</v>
      </c>
      <c r="D27902" s="1" t="s">
        <v>99339</v>
      </c>
      <c r="E27902" s="1" t="s">
        <v>55325</v>
      </c>
      <c r="F27902" s="1" t="s">
        <v>62842</v>
      </c>
      <c r="G27902" s="1" t="s">
        <v>99304</v>
      </c>
      <c r="H27902" s="1" t="s">
        <v>99305</v>
      </c>
      <c r="I27902" s="1" t="s">
        <v>96632</v>
      </c>
      <c r="J27902" s="1" t="s">
        <v>99340</v>
      </c>
    </row>
    <row r="27903" spans="1:10" x14ac:dyDescent="0.35">
      <c r="A27903" s="1" t="s">
        <v>10492</v>
      </c>
      <c r="B27903" s="1" t="s">
        <v>96627</v>
      </c>
      <c r="C27903" s="1" t="s">
        <v>90</v>
      </c>
      <c r="D27903" s="1" t="s">
        <v>24662</v>
      </c>
      <c r="E27903" s="1" t="s">
        <v>22080</v>
      </c>
      <c r="F27903" s="1" t="s">
        <v>99341</v>
      </c>
      <c r="G27903" s="1" t="s">
        <v>99304</v>
      </c>
      <c r="H27903" s="1" t="s">
        <v>99305</v>
      </c>
      <c r="I27903" s="1" t="s">
        <v>96632</v>
      </c>
      <c r="J27903" s="1" t="s">
        <v>99342</v>
      </c>
    </row>
    <row r="27904" spans="1:10" x14ac:dyDescent="0.35">
      <c r="A27904" s="1" t="s">
        <v>10492</v>
      </c>
      <c r="B27904" s="1" t="s">
        <v>96627</v>
      </c>
      <c r="C27904" s="1" t="s">
        <v>95</v>
      </c>
      <c r="D27904" s="1" t="s">
        <v>99343</v>
      </c>
      <c r="E27904" s="1" t="s">
        <v>31394</v>
      </c>
      <c r="F27904" s="1" t="s">
        <v>65195</v>
      </c>
      <c r="G27904" s="1" t="s">
        <v>99304</v>
      </c>
      <c r="H27904" s="1" t="s">
        <v>99305</v>
      </c>
      <c r="I27904" s="1" t="s">
        <v>96632</v>
      </c>
      <c r="J27904" s="1" t="s">
        <v>99344</v>
      </c>
    </row>
    <row r="27905" spans="1:10" x14ac:dyDescent="0.35">
      <c r="A27905" s="1" t="s">
        <v>10492</v>
      </c>
      <c r="B27905" s="1" t="s">
        <v>96627</v>
      </c>
      <c r="C27905" s="1" t="s">
        <v>100</v>
      </c>
      <c r="D27905" s="1" t="s">
        <v>14473</v>
      </c>
      <c r="E27905" s="1" t="s">
        <v>21822</v>
      </c>
      <c r="F27905" s="1" t="s">
        <v>99345</v>
      </c>
      <c r="G27905" s="1" t="s">
        <v>99304</v>
      </c>
      <c r="H27905" s="1" t="s">
        <v>99305</v>
      </c>
      <c r="I27905" s="1" t="s">
        <v>96632</v>
      </c>
      <c r="J27905" s="1" t="s">
        <v>99346</v>
      </c>
    </row>
    <row r="27906" spans="1:10" x14ac:dyDescent="0.35">
      <c r="A27906" s="1" t="s">
        <v>10492</v>
      </c>
      <c r="B27906" s="1" t="s">
        <v>96627</v>
      </c>
      <c r="C27906" s="1" t="s">
        <v>105</v>
      </c>
      <c r="D27906" s="1" t="s">
        <v>99347</v>
      </c>
      <c r="E27906" s="1" t="s">
        <v>24178</v>
      </c>
      <c r="F27906" s="1" t="s">
        <v>55348</v>
      </c>
      <c r="G27906" s="1" t="s">
        <v>99304</v>
      </c>
      <c r="H27906" s="1" t="s">
        <v>99305</v>
      </c>
      <c r="I27906" s="1" t="s">
        <v>96632</v>
      </c>
      <c r="J27906" s="1" t="s">
        <v>99348</v>
      </c>
    </row>
    <row r="27907" spans="1:10" x14ac:dyDescent="0.35">
      <c r="A27907" s="1" t="s">
        <v>10492</v>
      </c>
      <c r="B27907" s="1" t="s">
        <v>96627</v>
      </c>
      <c r="C27907" s="1" t="s">
        <v>110</v>
      </c>
      <c r="D27907" s="1" t="s">
        <v>63797</v>
      </c>
      <c r="E27907" s="1" t="s">
        <v>99349</v>
      </c>
      <c r="F27907" s="1" t="s">
        <v>99350</v>
      </c>
      <c r="G27907" s="1" t="s">
        <v>99304</v>
      </c>
      <c r="H27907" s="1" t="s">
        <v>99305</v>
      </c>
      <c r="I27907" s="1" t="s">
        <v>96632</v>
      </c>
      <c r="J27907" s="1" t="s">
        <v>99351</v>
      </c>
    </row>
    <row r="27908" spans="1:10" x14ac:dyDescent="0.35">
      <c r="A27908" s="1" t="s">
        <v>10492</v>
      </c>
      <c r="B27908" s="1" t="s">
        <v>96627</v>
      </c>
      <c r="C27908" s="1" t="s">
        <v>115</v>
      </c>
      <c r="D27908" s="1" t="s">
        <v>40324</v>
      </c>
      <c r="E27908" s="1" t="s">
        <v>60418</v>
      </c>
      <c r="F27908" s="1" t="s">
        <v>99352</v>
      </c>
      <c r="G27908" s="1" t="s">
        <v>99304</v>
      </c>
      <c r="H27908" s="1" t="s">
        <v>99305</v>
      </c>
      <c r="I27908" s="1" t="s">
        <v>96632</v>
      </c>
      <c r="J27908" s="1" t="s">
        <v>99353</v>
      </c>
    </row>
    <row r="27909" spans="1:10" x14ac:dyDescent="0.35">
      <c r="A27909" s="1" t="s">
        <v>10492</v>
      </c>
      <c r="B27909" s="1" t="s">
        <v>96627</v>
      </c>
      <c r="C27909" s="1" t="s">
        <v>120</v>
      </c>
      <c r="D27909" s="1" t="s">
        <v>99354</v>
      </c>
      <c r="E27909" s="1" t="s">
        <v>21865</v>
      </c>
      <c r="F27909" s="1" t="s">
        <v>99355</v>
      </c>
      <c r="G27909" s="1" t="s">
        <v>99304</v>
      </c>
      <c r="H27909" s="1" t="s">
        <v>99305</v>
      </c>
      <c r="I27909" s="1" t="s">
        <v>96632</v>
      </c>
      <c r="J27909" s="1" t="s">
        <v>99356</v>
      </c>
    </row>
    <row r="27910" spans="1:10" x14ac:dyDescent="0.35">
      <c r="A27910" s="1" t="s">
        <v>10492</v>
      </c>
      <c r="B27910" s="1" t="s">
        <v>96627</v>
      </c>
      <c r="C27910" s="1" t="s">
        <v>125</v>
      </c>
      <c r="D27910" s="1" t="s">
        <v>99357</v>
      </c>
      <c r="E27910" s="1" t="s">
        <v>24178</v>
      </c>
      <c r="F27910" s="1" t="s">
        <v>99358</v>
      </c>
      <c r="G27910" s="1" t="s">
        <v>99304</v>
      </c>
      <c r="H27910" s="1" t="s">
        <v>99305</v>
      </c>
      <c r="I27910" s="1" t="s">
        <v>96632</v>
      </c>
      <c r="J27910" s="1" t="s">
        <v>99359</v>
      </c>
    </row>
    <row r="27911" spans="1:10" x14ac:dyDescent="0.35">
      <c r="A27911" s="1" t="s">
        <v>10492</v>
      </c>
      <c r="B27911" s="1" t="s">
        <v>96627</v>
      </c>
      <c r="C27911" s="1" t="s">
        <v>130</v>
      </c>
      <c r="D27911" s="1" t="s">
        <v>97439</v>
      </c>
      <c r="E27911" s="1" t="s">
        <v>26560</v>
      </c>
      <c r="F27911" s="1" t="s">
        <v>99360</v>
      </c>
      <c r="G27911" s="1" t="s">
        <v>99304</v>
      </c>
      <c r="H27911" s="1" t="s">
        <v>99305</v>
      </c>
      <c r="I27911" s="1" t="s">
        <v>96632</v>
      </c>
      <c r="J27911" s="1" t="s">
        <v>99361</v>
      </c>
    </row>
    <row r="27912" spans="1:10" x14ac:dyDescent="0.35">
      <c r="A27912" s="1" t="s">
        <v>10492</v>
      </c>
      <c r="B27912" s="1" t="s">
        <v>96627</v>
      </c>
      <c r="C27912" s="1" t="s">
        <v>135</v>
      </c>
      <c r="D27912" s="1" t="s">
        <v>90749</v>
      </c>
      <c r="E27912" s="1" t="s">
        <v>41262</v>
      </c>
      <c r="F27912" s="1" t="s">
        <v>99362</v>
      </c>
      <c r="G27912" s="1" t="s">
        <v>99304</v>
      </c>
      <c r="H27912" s="1" t="s">
        <v>99305</v>
      </c>
      <c r="I27912" s="1" t="s">
        <v>96632</v>
      </c>
      <c r="J27912" s="1" t="s">
        <v>99363</v>
      </c>
    </row>
    <row r="27913" spans="1:10" x14ac:dyDescent="0.35">
      <c r="A27913" s="1" t="s">
        <v>10492</v>
      </c>
      <c r="B27913" s="1" t="s">
        <v>96627</v>
      </c>
      <c r="C27913" s="1" t="s">
        <v>140</v>
      </c>
      <c r="D27913" s="1" t="s">
        <v>99364</v>
      </c>
      <c r="E27913" s="1" t="s">
        <v>54059</v>
      </c>
      <c r="F27913" s="1" t="s">
        <v>56332</v>
      </c>
      <c r="G27913" s="1" t="s">
        <v>99304</v>
      </c>
      <c r="H27913" s="1" t="s">
        <v>99305</v>
      </c>
      <c r="I27913" s="1" t="s">
        <v>96632</v>
      </c>
      <c r="J27913" s="1" t="s">
        <v>99365</v>
      </c>
    </row>
    <row r="27914" spans="1:10" x14ac:dyDescent="0.35">
      <c r="A27914" s="1" t="s">
        <v>10492</v>
      </c>
      <c r="B27914" s="1" t="s">
        <v>96627</v>
      </c>
      <c r="C27914" s="1" t="s">
        <v>145</v>
      </c>
      <c r="D27914" s="1" t="s">
        <v>56855</v>
      </c>
      <c r="E27914" s="1" t="s">
        <v>57544</v>
      </c>
      <c r="F27914" s="1" t="s">
        <v>99366</v>
      </c>
      <c r="G27914" s="1" t="s">
        <v>99304</v>
      </c>
      <c r="H27914" s="1" t="s">
        <v>99305</v>
      </c>
      <c r="I27914" s="1" t="s">
        <v>96632</v>
      </c>
      <c r="J27914" s="1" t="s">
        <v>99367</v>
      </c>
    </row>
    <row r="27915" spans="1:10" x14ac:dyDescent="0.35">
      <c r="A27915" s="1" t="s">
        <v>10492</v>
      </c>
      <c r="B27915" s="1" t="s">
        <v>96627</v>
      </c>
      <c r="C27915" s="1" t="s">
        <v>150</v>
      </c>
      <c r="D27915" s="1" t="s">
        <v>99368</v>
      </c>
      <c r="E27915" s="1" t="s">
        <v>41202</v>
      </c>
      <c r="F27915" s="1" t="s">
        <v>99369</v>
      </c>
      <c r="G27915" s="1" t="s">
        <v>99304</v>
      </c>
      <c r="H27915" s="1" t="s">
        <v>99305</v>
      </c>
      <c r="I27915" s="1" t="s">
        <v>96632</v>
      </c>
      <c r="J27915" s="1" t="s">
        <v>99370</v>
      </c>
    </row>
    <row r="27916" spans="1:10" x14ac:dyDescent="0.35">
      <c r="A27916" s="1" t="s">
        <v>10492</v>
      </c>
      <c r="B27916" s="1" t="s">
        <v>96627</v>
      </c>
      <c r="C27916" s="1" t="s">
        <v>155</v>
      </c>
      <c r="D27916" s="1" t="s">
        <v>99371</v>
      </c>
      <c r="E27916" s="1" t="s">
        <v>16090</v>
      </c>
      <c r="F27916" s="1" t="s">
        <v>99372</v>
      </c>
      <c r="G27916" s="1" t="s">
        <v>99304</v>
      </c>
      <c r="H27916" s="1" t="s">
        <v>99305</v>
      </c>
      <c r="I27916" s="1" t="s">
        <v>96632</v>
      </c>
      <c r="J27916" s="1" t="s">
        <v>99373</v>
      </c>
    </row>
    <row r="27917" spans="1:10" x14ac:dyDescent="0.35">
      <c r="A27917" s="1" t="s">
        <v>10492</v>
      </c>
      <c r="B27917" s="1" t="s">
        <v>96627</v>
      </c>
      <c r="C27917" s="1" t="s">
        <v>160</v>
      </c>
      <c r="D27917" s="1" t="s">
        <v>99374</v>
      </c>
      <c r="E27917" s="1" t="s">
        <v>41159</v>
      </c>
      <c r="F27917" s="1" t="s">
        <v>99375</v>
      </c>
      <c r="G27917" s="1" t="s">
        <v>99304</v>
      </c>
      <c r="H27917" s="1" t="s">
        <v>99305</v>
      </c>
      <c r="I27917" s="1" t="s">
        <v>96632</v>
      </c>
      <c r="J27917" s="1" t="s">
        <v>99376</v>
      </c>
    </row>
    <row r="27918" spans="1:10" x14ac:dyDescent="0.35">
      <c r="A27918" s="1" t="s">
        <v>10492</v>
      </c>
      <c r="B27918" s="1" t="s">
        <v>96627</v>
      </c>
      <c r="C27918" s="1" t="s">
        <v>165</v>
      </c>
      <c r="D27918" s="1" t="s">
        <v>66042</v>
      </c>
      <c r="E27918" s="1" t="s">
        <v>31368</v>
      </c>
      <c r="F27918" s="1" t="s">
        <v>65643</v>
      </c>
      <c r="G27918" s="1" t="s">
        <v>99304</v>
      </c>
      <c r="H27918" s="1" t="s">
        <v>99305</v>
      </c>
      <c r="I27918" s="1" t="s">
        <v>96632</v>
      </c>
      <c r="J27918" s="1" t="s">
        <v>99377</v>
      </c>
    </row>
    <row r="27919" spans="1:10" x14ac:dyDescent="0.35">
      <c r="A27919" s="1" t="s">
        <v>10492</v>
      </c>
      <c r="B27919" s="1" t="s">
        <v>96627</v>
      </c>
      <c r="C27919" s="1" t="s">
        <v>170</v>
      </c>
      <c r="D27919" s="1" t="s">
        <v>99378</v>
      </c>
      <c r="E27919" s="1" t="s">
        <v>57982</v>
      </c>
      <c r="F27919" s="1" t="s">
        <v>99379</v>
      </c>
      <c r="G27919" s="1" t="s">
        <v>99304</v>
      </c>
      <c r="H27919" s="1" t="s">
        <v>99305</v>
      </c>
      <c r="I27919" s="1" t="s">
        <v>96632</v>
      </c>
      <c r="J27919" s="1" t="s">
        <v>99380</v>
      </c>
    </row>
    <row r="27920" spans="1:10" x14ac:dyDescent="0.35">
      <c r="A27920" s="1" t="s">
        <v>13735</v>
      </c>
      <c r="B27920" s="1" t="s">
        <v>96627</v>
      </c>
      <c r="C27920" s="1" t="s">
        <v>8</v>
      </c>
      <c r="D27920" s="1" t="s">
        <v>56340</v>
      </c>
      <c r="E27920" s="1" t="s">
        <v>99381</v>
      </c>
      <c r="F27920" s="1" t="s">
        <v>99382</v>
      </c>
      <c r="G27920" s="1" t="s">
        <v>99383</v>
      </c>
      <c r="H27920" s="1" t="s">
        <v>99384</v>
      </c>
      <c r="I27920" s="1" t="s">
        <v>96632</v>
      </c>
      <c r="J27920" s="1" t="s">
        <v>13</v>
      </c>
    </row>
    <row r="27921" spans="1:10" x14ac:dyDescent="0.35">
      <c r="A27921" s="1" t="s">
        <v>13735</v>
      </c>
      <c r="B27921" s="1" t="s">
        <v>96627</v>
      </c>
      <c r="C27921" s="1" t="s">
        <v>15</v>
      </c>
      <c r="D27921" s="1" t="s">
        <v>99385</v>
      </c>
      <c r="E27921" s="1" t="s">
        <v>99386</v>
      </c>
      <c r="F27921" s="1" t="s">
        <v>99387</v>
      </c>
      <c r="G27921" s="1" t="s">
        <v>99383</v>
      </c>
      <c r="H27921" s="1" t="s">
        <v>99384</v>
      </c>
      <c r="I27921" s="1" t="s">
        <v>96632</v>
      </c>
      <c r="J27921" s="1" t="s">
        <v>99388</v>
      </c>
    </row>
    <row r="27922" spans="1:10" x14ac:dyDescent="0.35">
      <c r="A27922" s="1" t="s">
        <v>13735</v>
      </c>
      <c r="B27922" s="1" t="s">
        <v>96627</v>
      </c>
      <c r="C27922" s="1" t="s">
        <v>20</v>
      </c>
      <c r="D27922" s="1" t="s">
        <v>62473</v>
      </c>
      <c r="E27922" s="1" t="s">
        <v>99389</v>
      </c>
      <c r="F27922" s="1" t="s">
        <v>99390</v>
      </c>
      <c r="G27922" s="1" t="s">
        <v>99383</v>
      </c>
      <c r="H27922" s="1" t="s">
        <v>99384</v>
      </c>
      <c r="I27922" s="1" t="s">
        <v>96632</v>
      </c>
      <c r="J27922" s="1" t="s">
        <v>99391</v>
      </c>
    </row>
    <row r="27923" spans="1:10" x14ac:dyDescent="0.35">
      <c r="A27923" s="1" t="s">
        <v>13735</v>
      </c>
      <c r="B27923" s="1" t="s">
        <v>96627</v>
      </c>
      <c r="C27923" s="1" t="s">
        <v>25</v>
      </c>
      <c r="D27923" s="1" t="s">
        <v>99392</v>
      </c>
      <c r="E27923" s="1" t="s">
        <v>99393</v>
      </c>
      <c r="F27923" s="1" t="s">
        <v>99394</v>
      </c>
      <c r="G27923" s="1" t="s">
        <v>99383</v>
      </c>
      <c r="H27923" s="1" t="s">
        <v>99384</v>
      </c>
      <c r="I27923" s="1" t="s">
        <v>96632</v>
      </c>
      <c r="J27923" s="1" t="s">
        <v>99395</v>
      </c>
    </row>
    <row r="27924" spans="1:10" x14ac:dyDescent="0.35">
      <c r="A27924" s="1" t="s">
        <v>13735</v>
      </c>
      <c r="B27924" s="1" t="s">
        <v>96627</v>
      </c>
      <c r="C27924" s="1" t="s">
        <v>30</v>
      </c>
      <c r="D27924" s="1" t="s">
        <v>24117</v>
      </c>
      <c r="E27924" s="1" t="s">
        <v>99396</v>
      </c>
      <c r="F27924" s="1" t="s">
        <v>99397</v>
      </c>
      <c r="G27924" s="1" t="s">
        <v>99383</v>
      </c>
      <c r="H27924" s="1" t="s">
        <v>99384</v>
      </c>
      <c r="I27924" s="1" t="s">
        <v>96632</v>
      </c>
      <c r="J27924" s="1" t="s">
        <v>99398</v>
      </c>
    </row>
    <row r="27925" spans="1:10" x14ac:dyDescent="0.35">
      <c r="A27925" s="1" t="s">
        <v>13735</v>
      </c>
      <c r="B27925" s="1" t="s">
        <v>96627</v>
      </c>
      <c r="C27925" s="1" t="s">
        <v>35</v>
      </c>
      <c r="D27925" s="1" t="s">
        <v>99399</v>
      </c>
      <c r="E27925" s="1" t="s">
        <v>99400</v>
      </c>
      <c r="F27925" s="1" t="s">
        <v>99401</v>
      </c>
      <c r="G27925" s="1" t="s">
        <v>99383</v>
      </c>
      <c r="H27925" s="1" t="s">
        <v>99384</v>
      </c>
      <c r="I27925" s="1" t="s">
        <v>96632</v>
      </c>
      <c r="J27925" s="1" t="s">
        <v>99402</v>
      </c>
    </row>
    <row r="27926" spans="1:10" x14ac:dyDescent="0.35">
      <c r="A27926" s="1" t="s">
        <v>13735</v>
      </c>
      <c r="B27926" s="1" t="s">
        <v>96627</v>
      </c>
      <c r="C27926" s="1" t="s">
        <v>40</v>
      </c>
      <c r="D27926" s="1" t="s">
        <v>99403</v>
      </c>
      <c r="E27926" s="1" t="s">
        <v>99404</v>
      </c>
      <c r="F27926" s="1" t="s">
        <v>99405</v>
      </c>
      <c r="G27926" s="1" t="s">
        <v>99383</v>
      </c>
      <c r="H27926" s="1" t="s">
        <v>99384</v>
      </c>
      <c r="I27926" s="1" t="s">
        <v>96632</v>
      </c>
      <c r="J27926" s="1" t="s">
        <v>99406</v>
      </c>
    </row>
    <row r="27927" spans="1:10" x14ac:dyDescent="0.35">
      <c r="A27927" s="1" t="s">
        <v>13735</v>
      </c>
      <c r="B27927" s="1" t="s">
        <v>96627</v>
      </c>
      <c r="C27927" s="1" t="s">
        <v>45</v>
      </c>
      <c r="D27927" s="1" t="s">
        <v>99407</v>
      </c>
      <c r="E27927" s="1" t="s">
        <v>99408</v>
      </c>
      <c r="F27927" s="1" t="s">
        <v>99409</v>
      </c>
      <c r="G27927" s="1" t="s">
        <v>99383</v>
      </c>
      <c r="H27927" s="1" t="s">
        <v>99384</v>
      </c>
      <c r="I27927" s="1" t="s">
        <v>96632</v>
      </c>
      <c r="J27927" s="1" t="s">
        <v>99410</v>
      </c>
    </row>
    <row r="27928" spans="1:10" x14ac:dyDescent="0.35">
      <c r="A27928" s="1" t="s">
        <v>13735</v>
      </c>
      <c r="B27928" s="1" t="s">
        <v>96627</v>
      </c>
      <c r="C27928" s="1" t="s">
        <v>50</v>
      </c>
      <c r="D27928" s="1" t="s">
        <v>99411</v>
      </c>
      <c r="E27928" s="1" t="s">
        <v>99412</v>
      </c>
      <c r="F27928" s="1" t="s">
        <v>99413</v>
      </c>
      <c r="G27928" s="1" t="s">
        <v>99383</v>
      </c>
      <c r="H27928" s="1" t="s">
        <v>99384</v>
      </c>
      <c r="I27928" s="1" t="s">
        <v>96632</v>
      </c>
      <c r="J27928" s="1" t="s">
        <v>99414</v>
      </c>
    </row>
    <row r="27929" spans="1:10" x14ac:dyDescent="0.35">
      <c r="A27929" s="1" t="s">
        <v>13735</v>
      </c>
      <c r="B27929" s="1" t="s">
        <v>96627</v>
      </c>
      <c r="C27929" s="1" t="s">
        <v>55</v>
      </c>
      <c r="D27929" s="1" t="s">
        <v>99415</v>
      </c>
      <c r="E27929" s="1" t="s">
        <v>99416</v>
      </c>
      <c r="F27929" s="1" t="s">
        <v>99417</v>
      </c>
      <c r="G27929" s="1" t="s">
        <v>99383</v>
      </c>
      <c r="H27929" s="1" t="s">
        <v>99384</v>
      </c>
      <c r="I27929" s="1" t="s">
        <v>96632</v>
      </c>
      <c r="J27929" s="1" t="s">
        <v>99418</v>
      </c>
    </row>
    <row r="27930" spans="1:10" x14ac:dyDescent="0.35">
      <c r="A27930" s="1" t="s">
        <v>13735</v>
      </c>
      <c r="B27930" s="1" t="s">
        <v>96627</v>
      </c>
      <c r="C27930" s="1" t="s">
        <v>60</v>
      </c>
      <c r="D27930" s="1" t="s">
        <v>99419</v>
      </c>
      <c r="E27930" s="1" t="s">
        <v>99420</v>
      </c>
      <c r="F27930" s="1" t="s">
        <v>99421</v>
      </c>
      <c r="G27930" s="1" t="s">
        <v>99383</v>
      </c>
      <c r="H27930" s="1" t="s">
        <v>99384</v>
      </c>
      <c r="I27930" s="1" t="s">
        <v>96632</v>
      </c>
      <c r="J27930" s="1" t="s">
        <v>99422</v>
      </c>
    </row>
    <row r="27931" spans="1:10" x14ac:dyDescent="0.35">
      <c r="A27931" s="1" t="s">
        <v>13735</v>
      </c>
      <c r="B27931" s="1" t="s">
        <v>96627</v>
      </c>
      <c r="C27931" s="1" t="s">
        <v>65</v>
      </c>
      <c r="D27931" s="1" t="s">
        <v>99423</v>
      </c>
      <c r="E27931" s="1" t="s">
        <v>99424</v>
      </c>
      <c r="F27931" s="1" t="s">
        <v>99425</v>
      </c>
      <c r="G27931" s="1" t="s">
        <v>99383</v>
      </c>
      <c r="H27931" s="1" t="s">
        <v>99384</v>
      </c>
      <c r="I27931" s="1" t="s">
        <v>96632</v>
      </c>
      <c r="J27931" s="1" t="s">
        <v>99426</v>
      </c>
    </row>
    <row r="27932" spans="1:10" x14ac:dyDescent="0.35">
      <c r="A27932" s="1" t="s">
        <v>13735</v>
      </c>
      <c r="B27932" s="1" t="s">
        <v>96627</v>
      </c>
      <c r="C27932" s="1" t="s">
        <v>70</v>
      </c>
      <c r="D27932" s="1" t="s">
        <v>8165</v>
      </c>
      <c r="E27932" s="1" t="s">
        <v>99427</v>
      </c>
      <c r="F27932" s="1" t="s">
        <v>99428</v>
      </c>
      <c r="G27932" s="1" t="s">
        <v>99383</v>
      </c>
      <c r="H27932" s="1" t="s">
        <v>99384</v>
      </c>
      <c r="I27932" s="1" t="s">
        <v>96632</v>
      </c>
      <c r="J27932" s="1" t="s">
        <v>99429</v>
      </c>
    </row>
    <row r="27933" spans="1:10" x14ac:dyDescent="0.35">
      <c r="A27933" s="1" t="s">
        <v>13735</v>
      </c>
      <c r="B27933" s="1" t="s">
        <v>96627</v>
      </c>
      <c r="C27933" s="1" t="s">
        <v>75</v>
      </c>
      <c r="D27933" s="1" t="s">
        <v>99430</v>
      </c>
      <c r="E27933" s="1" t="s">
        <v>99431</v>
      </c>
      <c r="F27933" s="1" t="s">
        <v>99432</v>
      </c>
      <c r="G27933" s="1" t="s">
        <v>99383</v>
      </c>
      <c r="H27933" s="1" t="s">
        <v>99384</v>
      </c>
      <c r="I27933" s="1" t="s">
        <v>96632</v>
      </c>
      <c r="J27933" s="1" t="s">
        <v>99433</v>
      </c>
    </row>
    <row r="27934" spans="1:10" x14ac:dyDescent="0.35">
      <c r="A27934" s="1" t="s">
        <v>13735</v>
      </c>
      <c r="B27934" s="1" t="s">
        <v>96627</v>
      </c>
      <c r="C27934" s="1" t="s">
        <v>80</v>
      </c>
      <c r="D27934" s="1" t="s">
        <v>99434</v>
      </c>
      <c r="E27934" s="1" t="s">
        <v>99435</v>
      </c>
      <c r="F27934" s="1" t="s">
        <v>99436</v>
      </c>
      <c r="G27934" s="1" t="s">
        <v>99383</v>
      </c>
      <c r="H27934" s="1" t="s">
        <v>99384</v>
      </c>
      <c r="I27934" s="1" t="s">
        <v>96632</v>
      </c>
      <c r="J27934" s="1" t="s">
        <v>99437</v>
      </c>
    </row>
    <row r="27935" spans="1:10" x14ac:dyDescent="0.35">
      <c r="A27935" s="1" t="s">
        <v>13735</v>
      </c>
      <c r="B27935" s="1" t="s">
        <v>96627</v>
      </c>
      <c r="C27935" s="1" t="s">
        <v>85</v>
      </c>
      <c r="D27935" s="1" t="s">
        <v>99438</v>
      </c>
      <c r="E27935" s="1" t="s">
        <v>99439</v>
      </c>
      <c r="F27935" s="1" t="s">
        <v>99440</v>
      </c>
      <c r="G27935" s="1" t="s">
        <v>99383</v>
      </c>
      <c r="H27935" s="1" t="s">
        <v>99384</v>
      </c>
      <c r="I27935" s="1" t="s">
        <v>96632</v>
      </c>
      <c r="J27935" s="1" t="s">
        <v>99441</v>
      </c>
    </row>
    <row r="27936" spans="1:10" x14ac:dyDescent="0.35">
      <c r="A27936" s="1" t="s">
        <v>13735</v>
      </c>
      <c r="B27936" s="1" t="s">
        <v>96627</v>
      </c>
      <c r="C27936" s="1" t="s">
        <v>90</v>
      </c>
      <c r="D27936" s="1" t="s">
        <v>99442</v>
      </c>
      <c r="E27936" s="1" t="s">
        <v>99443</v>
      </c>
      <c r="F27936" s="1" t="s">
        <v>99444</v>
      </c>
      <c r="G27936" s="1" t="s">
        <v>99383</v>
      </c>
      <c r="H27936" s="1" t="s">
        <v>99384</v>
      </c>
      <c r="I27936" s="1" t="s">
        <v>96632</v>
      </c>
      <c r="J27936" s="1" t="s">
        <v>99445</v>
      </c>
    </row>
    <row r="27937" spans="1:10" x14ac:dyDescent="0.35">
      <c r="A27937" s="1" t="s">
        <v>13735</v>
      </c>
      <c r="B27937" s="1" t="s">
        <v>96627</v>
      </c>
      <c r="C27937" s="1" t="s">
        <v>95</v>
      </c>
      <c r="D27937" s="1" t="s">
        <v>99446</v>
      </c>
      <c r="E27937" s="1" t="s">
        <v>99447</v>
      </c>
      <c r="F27937" s="1" t="s">
        <v>99448</v>
      </c>
      <c r="G27937" s="1" t="s">
        <v>99383</v>
      </c>
      <c r="H27937" s="1" t="s">
        <v>99384</v>
      </c>
      <c r="I27937" s="1" t="s">
        <v>96632</v>
      </c>
      <c r="J27937" s="1" t="s">
        <v>99449</v>
      </c>
    </row>
    <row r="27938" spans="1:10" x14ac:dyDescent="0.35">
      <c r="A27938" s="1" t="s">
        <v>13735</v>
      </c>
      <c r="B27938" s="1" t="s">
        <v>96627</v>
      </c>
      <c r="C27938" s="1" t="s">
        <v>100</v>
      </c>
      <c r="D27938" s="1" t="s">
        <v>99450</v>
      </c>
      <c r="E27938" s="1" t="s">
        <v>99451</v>
      </c>
      <c r="F27938" s="1" t="s">
        <v>99452</v>
      </c>
      <c r="G27938" s="1" t="s">
        <v>99383</v>
      </c>
      <c r="H27938" s="1" t="s">
        <v>99384</v>
      </c>
      <c r="I27938" s="1" t="s">
        <v>96632</v>
      </c>
      <c r="J27938" s="1" t="s">
        <v>99453</v>
      </c>
    </row>
    <row r="27939" spans="1:10" x14ac:dyDescent="0.35">
      <c r="A27939" s="1" t="s">
        <v>13735</v>
      </c>
      <c r="B27939" s="1" t="s">
        <v>96627</v>
      </c>
      <c r="C27939" s="1" t="s">
        <v>105</v>
      </c>
      <c r="D27939" s="1" t="s">
        <v>60022</v>
      </c>
      <c r="E27939" s="1" t="s">
        <v>99454</v>
      </c>
      <c r="F27939" s="1" t="s">
        <v>99455</v>
      </c>
      <c r="G27939" s="1" t="s">
        <v>99383</v>
      </c>
      <c r="H27939" s="1" t="s">
        <v>99384</v>
      </c>
      <c r="I27939" s="1" t="s">
        <v>96632</v>
      </c>
      <c r="J27939" s="1" t="s">
        <v>99456</v>
      </c>
    </row>
    <row r="27940" spans="1:10" x14ac:dyDescent="0.35">
      <c r="A27940" s="1" t="s">
        <v>13735</v>
      </c>
      <c r="B27940" s="1" t="s">
        <v>96627</v>
      </c>
      <c r="C27940" s="1" t="s">
        <v>110</v>
      </c>
      <c r="D27940" s="1" t="s">
        <v>99457</v>
      </c>
      <c r="E27940" s="1" t="s">
        <v>99458</v>
      </c>
      <c r="F27940" s="1" t="s">
        <v>99459</v>
      </c>
      <c r="G27940" s="1" t="s">
        <v>99383</v>
      </c>
      <c r="H27940" s="1" t="s">
        <v>99384</v>
      </c>
      <c r="I27940" s="1" t="s">
        <v>96632</v>
      </c>
      <c r="J27940" s="1" t="s">
        <v>99460</v>
      </c>
    </row>
    <row r="27941" spans="1:10" x14ac:dyDescent="0.35">
      <c r="A27941" s="1" t="s">
        <v>13735</v>
      </c>
      <c r="B27941" s="1" t="s">
        <v>96627</v>
      </c>
      <c r="C27941" s="1" t="s">
        <v>115</v>
      </c>
      <c r="D27941" s="1" t="s">
        <v>99461</v>
      </c>
      <c r="E27941" s="1" t="s">
        <v>99462</v>
      </c>
      <c r="F27941" s="1" t="s">
        <v>99463</v>
      </c>
      <c r="G27941" s="1" t="s">
        <v>99383</v>
      </c>
      <c r="H27941" s="1" t="s">
        <v>99384</v>
      </c>
      <c r="I27941" s="1" t="s">
        <v>96632</v>
      </c>
      <c r="J27941" s="1" t="s">
        <v>99464</v>
      </c>
    </row>
    <row r="27942" spans="1:10" x14ac:dyDescent="0.35">
      <c r="A27942" s="1" t="s">
        <v>13735</v>
      </c>
      <c r="B27942" s="1" t="s">
        <v>96627</v>
      </c>
      <c r="C27942" s="1" t="s">
        <v>120</v>
      </c>
      <c r="D27942" s="1" t="s">
        <v>99465</v>
      </c>
      <c r="E27942" s="1" t="s">
        <v>99466</v>
      </c>
      <c r="F27942" s="1" t="s">
        <v>99467</v>
      </c>
      <c r="G27942" s="1" t="s">
        <v>99383</v>
      </c>
      <c r="H27942" s="1" t="s">
        <v>99384</v>
      </c>
      <c r="I27942" s="1" t="s">
        <v>96632</v>
      </c>
      <c r="J27942" s="1" t="s">
        <v>99468</v>
      </c>
    </row>
    <row r="27943" spans="1:10" x14ac:dyDescent="0.35">
      <c r="A27943" s="1" t="s">
        <v>13735</v>
      </c>
      <c r="B27943" s="1" t="s">
        <v>96627</v>
      </c>
      <c r="C27943" s="1" t="s">
        <v>125</v>
      </c>
      <c r="D27943" s="1" t="s">
        <v>99469</v>
      </c>
      <c r="E27943" s="1" t="s">
        <v>99470</v>
      </c>
      <c r="F27943" s="1" t="s">
        <v>99471</v>
      </c>
      <c r="G27943" s="1" t="s">
        <v>99383</v>
      </c>
      <c r="H27943" s="1" t="s">
        <v>99384</v>
      </c>
      <c r="I27943" s="1" t="s">
        <v>96632</v>
      </c>
      <c r="J27943" s="1" t="s">
        <v>99472</v>
      </c>
    </row>
    <row r="27944" spans="1:10" x14ac:dyDescent="0.35">
      <c r="A27944" s="1" t="s">
        <v>13735</v>
      </c>
      <c r="B27944" s="1" t="s">
        <v>96627</v>
      </c>
      <c r="C27944" s="1" t="s">
        <v>130</v>
      </c>
      <c r="D27944" s="1" t="s">
        <v>65177</v>
      </c>
      <c r="E27944" s="1" t="s">
        <v>99473</v>
      </c>
      <c r="F27944" s="1" t="s">
        <v>99474</v>
      </c>
      <c r="G27944" s="1" t="s">
        <v>99383</v>
      </c>
      <c r="H27944" s="1" t="s">
        <v>99384</v>
      </c>
      <c r="I27944" s="1" t="s">
        <v>96632</v>
      </c>
      <c r="J27944" s="1" t="s">
        <v>99475</v>
      </c>
    </row>
    <row r="27945" spans="1:10" x14ac:dyDescent="0.35">
      <c r="A27945" s="1" t="s">
        <v>13735</v>
      </c>
      <c r="B27945" s="1" t="s">
        <v>96627</v>
      </c>
      <c r="C27945" s="1" t="s">
        <v>135</v>
      </c>
      <c r="D27945" s="1" t="s">
        <v>99476</v>
      </c>
      <c r="E27945" s="1" t="s">
        <v>99477</v>
      </c>
      <c r="F27945" s="1" t="s">
        <v>99478</v>
      </c>
      <c r="G27945" s="1" t="s">
        <v>99383</v>
      </c>
      <c r="H27945" s="1" t="s">
        <v>99384</v>
      </c>
      <c r="I27945" s="1" t="s">
        <v>96632</v>
      </c>
      <c r="J27945" s="1" t="s">
        <v>99479</v>
      </c>
    </row>
    <row r="27946" spans="1:10" x14ac:dyDescent="0.35">
      <c r="A27946" s="1" t="s">
        <v>13735</v>
      </c>
      <c r="B27946" s="1" t="s">
        <v>96627</v>
      </c>
      <c r="C27946" s="1" t="s">
        <v>140</v>
      </c>
      <c r="D27946" s="1" t="s">
        <v>99480</v>
      </c>
      <c r="E27946" s="1" t="s">
        <v>99481</v>
      </c>
      <c r="F27946" s="1" t="s">
        <v>99482</v>
      </c>
      <c r="G27946" s="1" t="s">
        <v>99383</v>
      </c>
      <c r="H27946" s="1" t="s">
        <v>99384</v>
      </c>
      <c r="I27946" s="1" t="s">
        <v>96632</v>
      </c>
      <c r="J27946" s="1" t="s">
        <v>99483</v>
      </c>
    </row>
    <row r="27947" spans="1:10" x14ac:dyDescent="0.35">
      <c r="A27947" s="1" t="s">
        <v>13735</v>
      </c>
      <c r="B27947" s="1" t="s">
        <v>96627</v>
      </c>
      <c r="C27947" s="1" t="s">
        <v>145</v>
      </c>
      <c r="D27947" s="1" t="s">
        <v>99484</v>
      </c>
      <c r="E27947" s="1" t="s">
        <v>99485</v>
      </c>
      <c r="F27947" s="1" t="s">
        <v>99486</v>
      </c>
      <c r="G27947" s="1" t="s">
        <v>99383</v>
      </c>
      <c r="H27947" s="1" t="s">
        <v>99384</v>
      </c>
      <c r="I27947" s="1" t="s">
        <v>96632</v>
      </c>
      <c r="J27947" s="1" t="s">
        <v>99487</v>
      </c>
    </row>
    <row r="27948" spans="1:10" x14ac:dyDescent="0.35">
      <c r="A27948" s="1" t="s">
        <v>13735</v>
      </c>
      <c r="B27948" s="1" t="s">
        <v>96627</v>
      </c>
      <c r="C27948" s="1" t="s">
        <v>150</v>
      </c>
      <c r="D27948" s="1" t="s">
        <v>99488</v>
      </c>
      <c r="E27948" s="1" t="s">
        <v>99489</v>
      </c>
      <c r="F27948" s="1" t="s">
        <v>99490</v>
      </c>
      <c r="G27948" s="1" t="s">
        <v>99383</v>
      </c>
      <c r="H27948" s="1" t="s">
        <v>99384</v>
      </c>
      <c r="I27948" s="1" t="s">
        <v>96632</v>
      </c>
      <c r="J27948" s="1" t="s">
        <v>99491</v>
      </c>
    </row>
    <row r="27949" spans="1:10" x14ac:dyDescent="0.35">
      <c r="A27949" s="1" t="s">
        <v>13735</v>
      </c>
      <c r="B27949" s="1" t="s">
        <v>96627</v>
      </c>
      <c r="C27949" s="1" t="s">
        <v>155</v>
      </c>
      <c r="D27949" s="1" t="s">
        <v>99492</v>
      </c>
      <c r="E27949" s="1" t="s">
        <v>99493</v>
      </c>
      <c r="F27949" s="1" t="s">
        <v>99494</v>
      </c>
      <c r="G27949" s="1" t="s">
        <v>99383</v>
      </c>
      <c r="H27949" s="1" t="s">
        <v>99384</v>
      </c>
      <c r="I27949" s="1" t="s">
        <v>96632</v>
      </c>
      <c r="J27949" s="1" t="s">
        <v>99495</v>
      </c>
    </row>
    <row r="27950" spans="1:10" x14ac:dyDescent="0.35">
      <c r="A27950" s="1" t="s">
        <v>13735</v>
      </c>
      <c r="B27950" s="1" t="s">
        <v>96627</v>
      </c>
      <c r="C27950" s="1" t="s">
        <v>160</v>
      </c>
      <c r="D27950" s="1" t="s">
        <v>87432</v>
      </c>
      <c r="E27950" s="1" t="s">
        <v>99496</v>
      </c>
      <c r="F27950" s="1" t="s">
        <v>99497</v>
      </c>
      <c r="G27950" s="1" t="s">
        <v>99383</v>
      </c>
      <c r="H27950" s="1" t="s">
        <v>99384</v>
      </c>
      <c r="I27950" s="1" t="s">
        <v>96632</v>
      </c>
      <c r="J27950" s="1" t="s">
        <v>99498</v>
      </c>
    </row>
    <row r="27951" spans="1:10" x14ac:dyDescent="0.35">
      <c r="A27951" s="1" t="s">
        <v>13735</v>
      </c>
      <c r="B27951" s="1" t="s">
        <v>96627</v>
      </c>
      <c r="C27951" s="1" t="s">
        <v>165</v>
      </c>
      <c r="D27951" s="1" t="s">
        <v>99499</v>
      </c>
      <c r="E27951" s="1" t="s">
        <v>99500</v>
      </c>
      <c r="F27951" s="1" t="s">
        <v>99501</v>
      </c>
      <c r="G27951" s="1" t="s">
        <v>99383</v>
      </c>
      <c r="H27951" s="1" t="s">
        <v>99384</v>
      </c>
      <c r="I27951" s="1" t="s">
        <v>96632</v>
      </c>
      <c r="J27951" s="1" t="s">
        <v>99502</v>
      </c>
    </row>
    <row r="27952" spans="1:10" x14ac:dyDescent="0.35">
      <c r="A27952" s="1" t="s">
        <v>13735</v>
      </c>
      <c r="B27952" s="1" t="s">
        <v>96627</v>
      </c>
      <c r="C27952" s="1" t="s">
        <v>170</v>
      </c>
      <c r="D27952" s="1" t="s">
        <v>99503</v>
      </c>
      <c r="E27952" s="1" t="s">
        <v>99504</v>
      </c>
      <c r="F27952" s="1" t="s">
        <v>99505</v>
      </c>
      <c r="G27952" s="1" t="s">
        <v>99383</v>
      </c>
      <c r="H27952" s="1" t="s">
        <v>99384</v>
      </c>
      <c r="I27952" s="1" t="s">
        <v>96632</v>
      </c>
      <c r="J27952" s="1" t="s">
        <v>99506</v>
      </c>
    </row>
    <row r="27953" spans="1:10" x14ac:dyDescent="0.35">
      <c r="A27953" s="1" t="s">
        <v>99507</v>
      </c>
      <c r="B27953" s="1" t="s">
        <v>96627</v>
      </c>
      <c r="C27953" s="1" t="s">
        <v>8</v>
      </c>
      <c r="D27953" s="1" t="s">
        <v>99508</v>
      </c>
      <c r="E27953" s="1" t="s">
        <v>24377</v>
      </c>
      <c r="F27953" s="1" t="s">
        <v>99509</v>
      </c>
      <c r="G27953" s="1" t="s">
        <v>99510</v>
      </c>
      <c r="H27953" s="1" t="s">
        <v>99511</v>
      </c>
      <c r="I27953" s="1" t="s">
        <v>96632</v>
      </c>
      <c r="J27953" s="1" t="s">
        <v>13</v>
      </c>
    </row>
    <row r="27954" spans="1:10" x14ac:dyDescent="0.35">
      <c r="A27954" s="1" t="s">
        <v>99507</v>
      </c>
      <c r="B27954" s="1" t="s">
        <v>96627</v>
      </c>
      <c r="C27954" s="1" t="s">
        <v>15</v>
      </c>
      <c r="D27954" s="1" t="s">
        <v>99512</v>
      </c>
      <c r="E27954" s="1" t="s">
        <v>56177</v>
      </c>
      <c r="F27954" s="1" t="s">
        <v>99513</v>
      </c>
      <c r="G27954" s="1" t="s">
        <v>99510</v>
      </c>
      <c r="H27954" s="1" t="s">
        <v>99511</v>
      </c>
      <c r="I27954" s="1" t="s">
        <v>96632</v>
      </c>
      <c r="J27954" s="1" t="s">
        <v>99514</v>
      </c>
    </row>
    <row r="27955" spans="1:10" x14ac:dyDescent="0.35">
      <c r="A27955" s="1" t="s">
        <v>99507</v>
      </c>
      <c r="B27955" s="1" t="s">
        <v>96627</v>
      </c>
      <c r="C27955" s="1" t="s">
        <v>20</v>
      </c>
      <c r="D27955" s="1" t="s">
        <v>11671</v>
      </c>
      <c r="E27955" s="1" t="s">
        <v>64791</v>
      </c>
      <c r="F27955" s="1" t="s">
        <v>99515</v>
      </c>
      <c r="G27955" s="1" t="s">
        <v>99510</v>
      </c>
      <c r="H27955" s="1" t="s">
        <v>99511</v>
      </c>
      <c r="I27955" s="1" t="s">
        <v>96632</v>
      </c>
      <c r="J27955" s="1" t="s">
        <v>99516</v>
      </c>
    </row>
    <row r="27956" spans="1:10" x14ac:dyDescent="0.35">
      <c r="A27956" s="1" t="s">
        <v>99507</v>
      </c>
      <c r="B27956" s="1" t="s">
        <v>96627</v>
      </c>
      <c r="C27956" s="1" t="s">
        <v>25</v>
      </c>
      <c r="D27956" s="1" t="s">
        <v>99517</v>
      </c>
      <c r="E27956" s="1" t="s">
        <v>22018</v>
      </c>
      <c r="F27956" s="1" t="s">
        <v>99518</v>
      </c>
      <c r="G27956" s="1" t="s">
        <v>99510</v>
      </c>
      <c r="H27956" s="1" t="s">
        <v>99511</v>
      </c>
      <c r="I27956" s="1" t="s">
        <v>96632</v>
      </c>
      <c r="J27956" s="1" t="s">
        <v>99519</v>
      </c>
    </row>
    <row r="27957" spans="1:10" x14ac:dyDescent="0.35">
      <c r="A27957" s="1" t="s">
        <v>99507</v>
      </c>
      <c r="B27957" s="1" t="s">
        <v>96627</v>
      </c>
      <c r="C27957" s="1" t="s">
        <v>30</v>
      </c>
      <c r="D27957" s="1" t="s">
        <v>99520</v>
      </c>
      <c r="E27957" s="1" t="s">
        <v>21937</v>
      </c>
      <c r="F27957" s="1" t="s">
        <v>99521</v>
      </c>
      <c r="G27957" s="1" t="s">
        <v>99510</v>
      </c>
      <c r="H27957" s="1" t="s">
        <v>99511</v>
      </c>
      <c r="I27957" s="1" t="s">
        <v>96632</v>
      </c>
      <c r="J27957" s="1" t="s">
        <v>99522</v>
      </c>
    </row>
    <row r="27958" spans="1:10" x14ac:dyDescent="0.35">
      <c r="A27958" s="1" t="s">
        <v>99507</v>
      </c>
      <c r="B27958" s="1" t="s">
        <v>96627</v>
      </c>
      <c r="C27958" s="1" t="s">
        <v>35</v>
      </c>
      <c r="D27958" s="1" t="s">
        <v>99523</v>
      </c>
      <c r="E27958" s="1" t="s">
        <v>21753</v>
      </c>
      <c r="F27958" s="1" t="s">
        <v>99524</v>
      </c>
      <c r="G27958" s="1" t="s">
        <v>99510</v>
      </c>
      <c r="H27958" s="1" t="s">
        <v>99511</v>
      </c>
      <c r="I27958" s="1" t="s">
        <v>96632</v>
      </c>
      <c r="J27958" s="1" t="s">
        <v>99525</v>
      </c>
    </row>
    <row r="27959" spans="1:10" x14ac:dyDescent="0.35">
      <c r="A27959" s="1" t="s">
        <v>99507</v>
      </c>
      <c r="B27959" s="1" t="s">
        <v>96627</v>
      </c>
      <c r="C27959" s="1" t="s">
        <v>40</v>
      </c>
      <c r="D27959" s="1" t="s">
        <v>99526</v>
      </c>
      <c r="E27959" s="1" t="s">
        <v>57856</v>
      </c>
      <c r="F27959" s="1" t="s">
        <v>99527</v>
      </c>
      <c r="G27959" s="1" t="s">
        <v>99510</v>
      </c>
      <c r="H27959" s="1" t="s">
        <v>99511</v>
      </c>
      <c r="I27959" s="1" t="s">
        <v>96632</v>
      </c>
      <c r="J27959" s="1" t="s">
        <v>99528</v>
      </c>
    </row>
    <row r="27960" spans="1:10" x14ac:dyDescent="0.35">
      <c r="A27960" s="1" t="s">
        <v>99507</v>
      </c>
      <c r="B27960" s="1" t="s">
        <v>96627</v>
      </c>
      <c r="C27960" s="1" t="s">
        <v>45</v>
      </c>
      <c r="D27960" s="1" t="s">
        <v>99529</v>
      </c>
      <c r="E27960" s="1" t="s">
        <v>22091</v>
      </c>
      <c r="F27960" s="1" t="s">
        <v>99530</v>
      </c>
      <c r="G27960" s="1" t="s">
        <v>99510</v>
      </c>
      <c r="H27960" s="1" t="s">
        <v>99511</v>
      </c>
      <c r="I27960" s="1" t="s">
        <v>96632</v>
      </c>
      <c r="J27960" s="1" t="s">
        <v>99531</v>
      </c>
    </row>
    <row r="27961" spans="1:10" x14ac:dyDescent="0.35">
      <c r="A27961" s="1" t="s">
        <v>99507</v>
      </c>
      <c r="B27961" s="1" t="s">
        <v>96627</v>
      </c>
      <c r="C27961" s="1" t="s">
        <v>50</v>
      </c>
      <c r="D27961" s="1" t="s">
        <v>43060</v>
      </c>
      <c r="E27961" s="1" t="s">
        <v>54059</v>
      </c>
      <c r="F27961" s="1" t="s">
        <v>99532</v>
      </c>
      <c r="G27961" s="1" t="s">
        <v>99510</v>
      </c>
      <c r="H27961" s="1" t="s">
        <v>99511</v>
      </c>
      <c r="I27961" s="1" t="s">
        <v>96632</v>
      </c>
      <c r="J27961" s="1" t="s">
        <v>99533</v>
      </c>
    </row>
    <row r="27962" spans="1:10" x14ac:dyDescent="0.35">
      <c r="A27962" s="1" t="s">
        <v>99507</v>
      </c>
      <c r="B27962" s="1" t="s">
        <v>96627</v>
      </c>
      <c r="C27962" s="1" t="s">
        <v>55</v>
      </c>
      <c r="D27962" s="1" t="s">
        <v>99534</v>
      </c>
      <c r="E27962" s="1" t="s">
        <v>12875</v>
      </c>
      <c r="F27962" s="1" t="s">
        <v>99535</v>
      </c>
      <c r="G27962" s="1" t="s">
        <v>99510</v>
      </c>
      <c r="H27962" s="1" t="s">
        <v>99511</v>
      </c>
      <c r="I27962" s="1" t="s">
        <v>96632</v>
      </c>
      <c r="J27962" s="1" t="s">
        <v>99536</v>
      </c>
    </row>
    <row r="27963" spans="1:10" x14ac:dyDescent="0.35">
      <c r="A27963" s="1" t="s">
        <v>99507</v>
      </c>
      <c r="B27963" s="1" t="s">
        <v>96627</v>
      </c>
      <c r="C27963" s="1" t="s">
        <v>60</v>
      </c>
      <c r="D27963" s="1" t="s">
        <v>99537</v>
      </c>
      <c r="E27963" s="1" t="s">
        <v>31401</v>
      </c>
      <c r="F27963" s="1" t="s">
        <v>99538</v>
      </c>
      <c r="G27963" s="1" t="s">
        <v>99510</v>
      </c>
      <c r="H27963" s="1" t="s">
        <v>99511</v>
      </c>
      <c r="I27963" s="1" t="s">
        <v>96632</v>
      </c>
      <c r="J27963" s="1" t="s">
        <v>99539</v>
      </c>
    </row>
    <row r="27964" spans="1:10" x14ac:dyDescent="0.35">
      <c r="A27964" s="1" t="s">
        <v>99507</v>
      </c>
      <c r="B27964" s="1" t="s">
        <v>96627</v>
      </c>
      <c r="C27964" s="1" t="s">
        <v>65</v>
      </c>
      <c r="D27964" s="1" t="s">
        <v>99540</v>
      </c>
      <c r="E27964" s="1" t="s">
        <v>58534</v>
      </c>
      <c r="F27964" s="1" t="s">
        <v>99541</v>
      </c>
      <c r="G27964" s="1" t="s">
        <v>99510</v>
      </c>
      <c r="H27964" s="1" t="s">
        <v>99511</v>
      </c>
      <c r="I27964" s="1" t="s">
        <v>96632</v>
      </c>
      <c r="J27964" s="1" t="s">
        <v>99542</v>
      </c>
    </row>
    <row r="27965" spans="1:10" x14ac:dyDescent="0.35">
      <c r="A27965" s="1" t="s">
        <v>99507</v>
      </c>
      <c r="B27965" s="1" t="s">
        <v>96627</v>
      </c>
      <c r="C27965" s="1" t="s">
        <v>70</v>
      </c>
      <c r="D27965" s="1" t="s">
        <v>99543</v>
      </c>
      <c r="E27965" s="1" t="s">
        <v>58204</v>
      </c>
      <c r="F27965" s="1" t="s">
        <v>99544</v>
      </c>
      <c r="G27965" s="1" t="s">
        <v>99510</v>
      </c>
      <c r="H27965" s="1" t="s">
        <v>99511</v>
      </c>
      <c r="I27965" s="1" t="s">
        <v>96632</v>
      </c>
      <c r="J27965" s="1" t="s">
        <v>99545</v>
      </c>
    </row>
    <row r="27966" spans="1:10" x14ac:dyDescent="0.35">
      <c r="A27966" s="1" t="s">
        <v>99507</v>
      </c>
      <c r="B27966" s="1" t="s">
        <v>96627</v>
      </c>
      <c r="C27966" s="1" t="s">
        <v>75</v>
      </c>
      <c r="D27966" s="1" t="s">
        <v>85812</v>
      </c>
      <c r="E27966" s="1" t="s">
        <v>15834</v>
      </c>
      <c r="F27966" s="1" t="s">
        <v>99546</v>
      </c>
      <c r="G27966" s="1" t="s">
        <v>99510</v>
      </c>
      <c r="H27966" s="1" t="s">
        <v>99511</v>
      </c>
      <c r="I27966" s="1" t="s">
        <v>96632</v>
      </c>
      <c r="J27966" s="1" t="s">
        <v>99547</v>
      </c>
    </row>
    <row r="27967" spans="1:10" x14ac:dyDescent="0.35">
      <c r="A27967" s="1" t="s">
        <v>99507</v>
      </c>
      <c r="B27967" s="1" t="s">
        <v>96627</v>
      </c>
      <c r="C27967" s="1" t="s">
        <v>80</v>
      </c>
      <c r="D27967" s="1" t="s">
        <v>99548</v>
      </c>
      <c r="E27967" s="1" t="s">
        <v>54747</v>
      </c>
      <c r="F27967" s="1" t="s">
        <v>99549</v>
      </c>
      <c r="G27967" s="1" t="s">
        <v>99510</v>
      </c>
      <c r="H27967" s="1" t="s">
        <v>99511</v>
      </c>
      <c r="I27967" s="1" t="s">
        <v>96632</v>
      </c>
      <c r="J27967" s="1" t="s">
        <v>99550</v>
      </c>
    </row>
    <row r="27968" spans="1:10" x14ac:dyDescent="0.35">
      <c r="A27968" s="1" t="s">
        <v>99507</v>
      </c>
      <c r="B27968" s="1" t="s">
        <v>96627</v>
      </c>
      <c r="C27968" s="1" t="s">
        <v>85</v>
      </c>
      <c r="D27968" s="1" t="s">
        <v>84746</v>
      </c>
      <c r="E27968" s="1" t="s">
        <v>58217</v>
      </c>
      <c r="F27968" s="1" t="s">
        <v>99551</v>
      </c>
      <c r="G27968" s="1" t="s">
        <v>99510</v>
      </c>
      <c r="H27968" s="1" t="s">
        <v>99511</v>
      </c>
      <c r="I27968" s="1" t="s">
        <v>96632</v>
      </c>
      <c r="J27968" s="1" t="s">
        <v>99552</v>
      </c>
    </row>
    <row r="27969" spans="1:10" x14ac:dyDescent="0.35">
      <c r="A27969" s="1" t="s">
        <v>99507</v>
      </c>
      <c r="B27969" s="1" t="s">
        <v>96627</v>
      </c>
      <c r="C27969" s="1" t="s">
        <v>90</v>
      </c>
      <c r="D27969" s="1" t="s">
        <v>99553</v>
      </c>
      <c r="E27969" s="1" t="s">
        <v>99554</v>
      </c>
      <c r="F27969" s="1" t="s">
        <v>99555</v>
      </c>
      <c r="G27969" s="1" t="s">
        <v>99510</v>
      </c>
      <c r="H27969" s="1" t="s">
        <v>99511</v>
      </c>
      <c r="I27969" s="1" t="s">
        <v>96632</v>
      </c>
      <c r="J27969" s="1" t="s">
        <v>99556</v>
      </c>
    </row>
    <row r="27970" spans="1:10" x14ac:dyDescent="0.35">
      <c r="A27970" s="1" t="s">
        <v>99507</v>
      </c>
      <c r="B27970" s="1" t="s">
        <v>96627</v>
      </c>
      <c r="C27970" s="1" t="s">
        <v>95</v>
      </c>
      <c r="D27970" s="1" t="s">
        <v>99557</v>
      </c>
      <c r="E27970" s="1" t="s">
        <v>60645</v>
      </c>
      <c r="F27970" s="1" t="s">
        <v>99558</v>
      </c>
      <c r="G27970" s="1" t="s">
        <v>99510</v>
      </c>
      <c r="H27970" s="1" t="s">
        <v>99511</v>
      </c>
      <c r="I27970" s="1" t="s">
        <v>96632</v>
      </c>
      <c r="J27970" s="1" t="s">
        <v>99559</v>
      </c>
    </row>
    <row r="27971" spans="1:10" x14ac:dyDescent="0.35">
      <c r="A27971" s="1" t="s">
        <v>99507</v>
      </c>
      <c r="B27971" s="1" t="s">
        <v>96627</v>
      </c>
      <c r="C27971" s="1" t="s">
        <v>100</v>
      </c>
      <c r="D27971" s="1" t="s">
        <v>99560</v>
      </c>
      <c r="E27971" s="1" t="s">
        <v>16094</v>
      </c>
      <c r="F27971" s="1" t="s">
        <v>99561</v>
      </c>
      <c r="G27971" s="1" t="s">
        <v>99510</v>
      </c>
      <c r="H27971" s="1" t="s">
        <v>99511</v>
      </c>
      <c r="I27971" s="1" t="s">
        <v>96632</v>
      </c>
      <c r="J27971" s="1" t="s">
        <v>99562</v>
      </c>
    </row>
    <row r="27972" spans="1:10" x14ac:dyDescent="0.35">
      <c r="A27972" s="1" t="s">
        <v>99507</v>
      </c>
      <c r="B27972" s="1" t="s">
        <v>96627</v>
      </c>
      <c r="C27972" s="1" t="s">
        <v>105</v>
      </c>
      <c r="D27972" s="1" t="s">
        <v>77225</v>
      </c>
      <c r="E27972" s="1" t="s">
        <v>57060</v>
      </c>
      <c r="F27972" s="1" t="s">
        <v>99563</v>
      </c>
      <c r="G27972" s="1" t="s">
        <v>99510</v>
      </c>
      <c r="H27972" s="1" t="s">
        <v>99511</v>
      </c>
      <c r="I27972" s="1" t="s">
        <v>96632</v>
      </c>
      <c r="J27972" s="1" t="s">
        <v>99564</v>
      </c>
    </row>
    <row r="27973" spans="1:10" x14ac:dyDescent="0.35">
      <c r="A27973" s="1" t="s">
        <v>99507</v>
      </c>
      <c r="B27973" s="1" t="s">
        <v>96627</v>
      </c>
      <c r="C27973" s="1" t="s">
        <v>110</v>
      </c>
      <c r="D27973" s="1" t="s">
        <v>99565</v>
      </c>
      <c r="E27973" s="1" t="s">
        <v>57355</v>
      </c>
      <c r="F27973" s="1" t="s">
        <v>99566</v>
      </c>
      <c r="G27973" s="1" t="s">
        <v>99510</v>
      </c>
      <c r="H27973" s="1" t="s">
        <v>99511</v>
      </c>
      <c r="I27973" s="1" t="s">
        <v>96632</v>
      </c>
      <c r="J27973" s="1" t="s">
        <v>99567</v>
      </c>
    </row>
    <row r="27974" spans="1:10" x14ac:dyDescent="0.35">
      <c r="A27974" s="1" t="s">
        <v>99507</v>
      </c>
      <c r="B27974" s="1" t="s">
        <v>96627</v>
      </c>
      <c r="C27974" s="1" t="s">
        <v>115</v>
      </c>
      <c r="D27974" s="1" t="s">
        <v>99568</v>
      </c>
      <c r="E27974" s="1" t="s">
        <v>21960</v>
      </c>
      <c r="F27974" s="1" t="s">
        <v>99569</v>
      </c>
      <c r="G27974" s="1" t="s">
        <v>99510</v>
      </c>
      <c r="H27974" s="1" t="s">
        <v>99511</v>
      </c>
      <c r="I27974" s="1" t="s">
        <v>96632</v>
      </c>
      <c r="J27974" s="1" t="s">
        <v>99570</v>
      </c>
    </row>
    <row r="27975" spans="1:10" x14ac:dyDescent="0.35">
      <c r="A27975" s="1" t="s">
        <v>99507</v>
      </c>
      <c r="B27975" s="1" t="s">
        <v>96627</v>
      </c>
      <c r="C27975" s="1" t="s">
        <v>120</v>
      </c>
      <c r="D27975" s="1" t="s">
        <v>99571</v>
      </c>
      <c r="E27975" s="1" t="s">
        <v>41144</v>
      </c>
      <c r="F27975" s="1" t="s">
        <v>99572</v>
      </c>
      <c r="G27975" s="1" t="s">
        <v>99510</v>
      </c>
      <c r="H27975" s="1" t="s">
        <v>99511</v>
      </c>
      <c r="I27975" s="1" t="s">
        <v>96632</v>
      </c>
      <c r="J27975" s="1" t="s">
        <v>99573</v>
      </c>
    </row>
    <row r="27976" spans="1:10" x14ac:dyDescent="0.35">
      <c r="A27976" s="1" t="s">
        <v>99507</v>
      </c>
      <c r="B27976" s="1" t="s">
        <v>96627</v>
      </c>
      <c r="C27976" s="1" t="s">
        <v>125</v>
      </c>
      <c r="D27976" s="1" t="s">
        <v>99574</v>
      </c>
      <c r="E27976" s="1" t="s">
        <v>21981</v>
      </c>
      <c r="F27976" s="1" t="s">
        <v>99575</v>
      </c>
      <c r="G27976" s="1" t="s">
        <v>99510</v>
      </c>
      <c r="H27976" s="1" t="s">
        <v>99511</v>
      </c>
      <c r="I27976" s="1" t="s">
        <v>96632</v>
      </c>
      <c r="J27976" s="1" t="s">
        <v>99576</v>
      </c>
    </row>
    <row r="27977" spans="1:10" x14ac:dyDescent="0.35">
      <c r="A27977" s="1" t="s">
        <v>99507</v>
      </c>
      <c r="B27977" s="1" t="s">
        <v>96627</v>
      </c>
      <c r="C27977" s="1" t="s">
        <v>130</v>
      </c>
      <c r="D27977" s="1" t="s">
        <v>99577</v>
      </c>
      <c r="E27977" s="1" t="s">
        <v>15274</v>
      </c>
      <c r="F27977" s="1" t="s">
        <v>99578</v>
      </c>
      <c r="G27977" s="1" t="s">
        <v>99510</v>
      </c>
      <c r="H27977" s="1" t="s">
        <v>99511</v>
      </c>
      <c r="I27977" s="1" t="s">
        <v>96632</v>
      </c>
      <c r="J27977" s="1" t="s">
        <v>99579</v>
      </c>
    </row>
    <row r="27978" spans="1:10" x14ac:dyDescent="0.35">
      <c r="A27978" s="1" t="s">
        <v>99507</v>
      </c>
      <c r="B27978" s="1" t="s">
        <v>96627</v>
      </c>
      <c r="C27978" s="1" t="s">
        <v>135</v>
      </c>
      <c r="D27978" s="1" t="s">
        <v>53467</v>
      </c>
      <c r="E27978" s="1" t="s">
        <v>54448</v>
      </c>
      <c r="F27978" s="1" t="s">
        <v>99580</v>
      </c>
      <c r="G27978" s="1" t="s">
        <v>99510</v>
      </c>
      <c r="H27978" s="1" t="s">
        <v>99511</v>
      </c>
      <c r="I27978" s="1" t="s">
        <v>96632</v>
      </c>
      <c r="J27978" s="1" t="s">
        <v>99581</v>
      </c>
    </row>
    <row r="27979" spans="1:10" x14ac:dyDescent="0.35">
      <c r="A27979" s="1" t="s">
        <v>99507</v>
      </c>
      <c r="B27979" s="1" t="s">
        <v>96627</v>
      </c>
      <c r="C27979" s="1" t="s">
        <v>140</v>
      </c>
      <c r="D27979" s="1" t="s">
        <v>17076</v>
      </c>
      <c r="E27979" s="1" t="s">
        <v>55234</v>
      </c>
      <c r="F27979" s="1" t="s">
        <v>99582</v>
      </c>
      <c r="G27979" s="1" t="s">
        <v>99510</v>
      </c>
      <c r="H27979" s="1" t="s">
        <v>99511</v>
      </c>
      <c r="I27979" s="1" t="s">
        <v>96632</v>
      </c>
      <c r="J27979" s="1" t="s">
        <v>99583</v>
      </c>
    </row>
    <row r="27980" spans="1:10" x14ac:dyDescent="0.35">
      <c r="A27980" s="1" t="s">
        <v>99507</v>
      </c>
      <c r="B27980" s="1" t="s">
        <v>96627</v>
      </c>
      <c r="C27980" s="1" t="s">
        <v>145</v>
      </c>
      <c r="D27980" s="1" t="s">
        <v>99584</v>
      </c>
      <c r="E27980" s="1" t="s">
        <v>15345</v>
      </c>
      <c r="F27980" s="1" t="s">
        <v>99585</v>
      </c>
      <c r="G27980" s="1" t="s">
        <v>99510</v>
      </c>
      <c r="H27980" s="1" t="s">
        <v>99511</v>
      </c>
      <c r="I27980" s="1" t="s">
        <v>96632</v>
      </c>
      <c r="J27980" s="1" t="s">
        <v>99586</v>
      </c>
    </row>
    <row r="27981" spans="1:10" x14ac:dyDescent="0.35">
      <c r="A27981" s="1" t="s">
        <v>99507</v>
      </c>
      <c r="B27981" s="1" t="s">
        <v>96627</v>
      </c>
      <c r="C27981" s="1" t="s">
        <v>150</v>
      </c>
      <c r="D27981" s="1" t="s">
        <v>57471</v>
      </c>
      <c r="E27981" s="1" t="s">
        <v>53969</v>
      </c>
      <c r="F27981" s="1" t="s">
        <v>99587</v>
      </c>
      <c r="G27981" s="1" t="s">
        <v>99510</v>
      </c>
      <c r="H27981" s="1" t="s">
        <v>99511</v>
      </c>
      <c r="I27981" s="1" t="s">
        <v>96632</v>
      </c>
      <c r="J27981" s="1" t="s">
        <v>99588</v>
      </c>
    </row>
    <row r="27982" spans="1:10" x14ac:dyDescent="0.35">
      <c r="A27982" s="1" t="s">
        <v>99507</v>
      </c>
      <c r="B27982" s="1" t="s">
        <v>96627</v>
      </c>
      <c r="C27982" s="1" t="s">
        <v>155</v>
      </c>
      <c r="D27982" s="1" t="s">
        <v>64472</v>
      </c>
      <c r="E27982" s="1" t="s">
        <v>41184</v>
      </c>
      <c r="F27982" s="1" t="s">
        <v>99589</v>
      </c>
      <c r="G27982" s="1" t="s">
        <v>99510</v>
      </c>
      <c r="H27982" s="1" t="s">
        <v>99511</v>
      </c>
      <c r="I27982" s="1" t="s">
        <v>96632</v>
      </c>
      <c r="J27982" s="1" t="s">
        <v>99590</v>
      </c>
    </row>
    <row r="27983" spans="1:10" x14ac:dyDescent="0.35">
      <c r="A27983" s="1" t="s">
        <v>99507</v>
      </c>
      <c r="B27983" s="1" t="s">
        <v>96627</v>
      </c>
      <c r="C27983" s="1" t="s">
        <v>160</v>
      </c>
      <c r="D27983" s="1" t="s">
        <v>57889</v>
      </c>
      <c r="E27983" s="1" t="s">
        <v>56846</v>
      </c>
      <c r="F27983" s="1" t="s">
        <v>99591</v>
      </c>
      <c r="G27983" s="1" t="s">
        <v>99510</v>
      </c>
      <c r="H27983" s="1" t="s">
        <v>99511</v>
      </c>
      <c r="I27983" s="1" t="s">
        <v>96632</v>
      </c>
      <c r="J27983" s="1" t="s">
        <v>99592</v>
      </c>
    </row>
    <row r="27984" spans="1:10" x14ac:dyDescent="0.35">
      <c r="A27984" s="1" t="s">
        <v>99507</v>
      </c>
      <c r="B27984" s="1" t="s">
        <v>96627</v>
      </c>
      <c r="C27984" s="1" t="s">
        <v>165</v>
      </c>
      <c r="D27984" s="1" t="s">
        <v>99593</v>
      </c>
      <c r="E27984" s="1" t="s">
        <v>12790</v>
      </c>
      <c r="F27984" s="1" t="s">
        <v>99594</v>
      </c>
      <c r="G27984" s="1" t="s">
        <v>99510</v>
      </c>
      <c r="H27984" s="1" t="s">
        <v>99511</v>
      </c>
      <c r="I27984" s="1" t="s">
        <v>96632</v>
      </c>
      <c r="J27984" s="1" t="s">
        <v>99595</v>
      </c>
    </row>
    <row r="27985" spans="1:10" x14ac:dyDescent="0.35">
      <c r="A27985" s="1" t="s">
        <v>99507</v>
      </c>
      <c r="B27985" s="1" t="s">
        <v>96627</v>
      </c>
      <c r="C27985" s="1" t="s">
        <v>170</v>
      </c>
      <c r="D27985" s="1" t="s">
        <v>62457</v>
      </c>
      <c r="E27985" s="1" t="s">
        <v>41148</v>
      </c>
      <c r="F27985" s="1" t="s">
        <v>99596</v>
      </c>
      <c r="G27985" s="1" t="s">
        <v>99510</v>
      </c>
      <c r="H27985" s="1" t="s">
        <v>99511</v>
      </c>
      <c r="I27985" s="1" t="s">
        <v>96632</v>
      </c>
      <c r="J27985" s="1" t="s">
        <v>99597</v>
      </c>
    </row>
    <row r="27986" spans="1:10" x14ac:dyDescent="0.35">
      <c r="A27986" s="1" t="s">
        <v>99598</v>
      </c>
      <c r="B27986" s="1" t="s">
        <v>96627</v>
      </c>
      <c r="C27986" s="1" t="s">
        <v>8</v>
      </c>
      <c r="D27986" s="1" t="s">
        <v>57435</v>
      </c>
      <c r="E27986" s="1" t="s">
        <v>55916</v>
      </c>
      <c r="F27986" s="1" t="s">
        <v>99599</v>
      </c>
      <c r="G27986" s="1" t="s">
        <v>99600</v>
      </c>
      <c r="H27986" s="1" t="s">
        <v>99601</v>
      </c>
      <c r="I27986" s="1" t="s">
        <v>96632</v>
      </c>
      <c r="J27986" s="1" t="s">
        <v>13</v>
      </c>
    </row>
    <row r="27987" spans="1:10" x14ac:dyDescent="0.35">
      <c r="A27987" s="1" t="s">
        <v>99598</v>
      </c>
      <c r="B27987" s="1" t="s">
        <v>96627</v>
      </c>
      <c r="C27987" s="1" t="s">
        <v>15</v>
      </c>
      <c r="D27987" s="1" t="s">
        <v>99602</v>
      </c>
      <c r="E27987" s="1" t="s">
        <v>62510</v>
      </c>
      <c r="F27987" s="1" t="s">
        <v>99603</v>
      </c>
      <c r="G27987" s="1" t="s">
        <v>99600</v>
      </c>
      <c r="H27987" s="1" t="s">
        <v>99601</v>
      </c>
      <c r="I27987" s="1" t="s">
        <v>96632</v>
      </c>
      <c r="J27987" s="1" t="s">
        <v>99604</v>
      </c>
    </row>
    <row r="27988" spans="1:10" x14ac:dyDescent="0.35">
      <c r="A27988" s="1" t="s">
        <v>99598</v>
      </c>
      <c r="B27988" s="1" t="s">
        <v>96627</v>
      </c>
      <c r="C27988" s="1" t="s">
        <v>20</v>
      </c>
      <c r="D27988" s="1" t="s">
        <v>99605</v>
      </c>
      <c r="E27988" s="1" t="s">
        <v>99606</v>
      </c>
      <c r="F27988" s="1" t="s">
        <v>99607</v>
      </c>
      <c r="G27988" s="1" t="s">
        <v>99600</v>
      </c>
      <c r="H27988" s="1" t="s">
        <v>99601</v>
      </c>
      <c r="I27988" s="1" t="s">
        <v>96632</v>
      </c>
      <c r="J27988" s="1" t="s">
        <v>99608</v>
      </c>
    </row>
    <row r="27989" spans="1:10" x14ac:dyDescent="0.35">
      <c r="A27989" s="1" t="s">
        <v>99598</v>
      </c>
      <c r="B27989" s="1" t="s">
        <v>96627</v>
      </c>
      <c r="C27989" s="1" t="s">
        <v>25</v>
      </c>
      <c r="D27989" s="1" t="s">
        <v>52481</v>
      </c>
      <c r="E27989" s="1" t="s">
        <v>24785</v>
      </c>
      <c r="F27989" s="1" t="s">
        <v>99609</v>
      </c>
      <c r="G27989" s="1" t="s">
        <v>99600</v>
      </c>
      <c r="H27989" s="1" t="s">
        <v>99601</v>
      </c>
      <c r="I27989" s="1" t="s">
        <v>96632</v>
      </c>
      <c r="J27989" s="1" t="s">
        <v>99610</v>
      </c>
    </row>
    <row r="27990" spans="1:10" x14ac:dyDescent="0.35">
      <c r="A27990" s="1" t="s">
        <v>99598</v>
      </c>
      <c r="B27990" s="1" t="s">
        <v>96627</v>
      </c>
      <c r="C27990" s="1" t="s">
        <v>30</v>
      </c>
      <c r="D27990" s="1" t="s">
        <v>99611</v>
      </c>
      <c r="E27990" s="1" t="s">
        <v>21093</v>
      </c>
      <c r="F27990" s="1" t="s">
        <v>99612</v>
      </c>
      <c r="G27990" s="1" t="s">
        <v>99600</v>
      </c>
      <c r="H27990" s="1" t="s">
        <v>99601</v>
      </c>
      <c r="I27990" s="1" t="s">
        <v>96632</v>
      </c>
      <c r="J27990" s="1" t="s">
        <v>99613</v>
      </c>
    </row>
    <row r="27991" spans="1:10" x14ac:dyDescent="0.35">
      <c r="A27991" s="1" t="s">
        <v>99598</v>
      </c>
      <c r="B27991" s="1" t="s">
        <v>96627</v>
      </c>
      <c r="C27991" s="1" t="s">
        <v>35</v>
      </c>
      <c r="D27991" s="1" t="s">
        <v>99614</v>
      </c>
      <c r="E27991" s="1" t="s">
        <v>21917</v>
      </c>
      <c r="F27991" s="1" t="s">
        <v>99615</v>
      </c>
      <c r="G27991" s="1" t="s">
        <v>99600</v>
      </c>
      <c r="H27991" s="1" t="s">
        <v>99601</v>
      </c>
      <c r="I27991" s="1" t="s">
        <v>96632</v>
      </c>
      <c r="J27991" s="1" t="s">
        <v>99616</v>
      </c>
    </row>
    <row r="27992" spans="1:10" x14ac:dyDescent="0.35">
      <c r="A27992" s="1" t="s">
        <v>99598</v>
      </c>
      <c r="B27992" s="1" t="s">
        <v>96627</v>
      </c>
      <c r="C27992" s="1" t="s">
        <v>40</v>
      </c>
      <c r="D27992" s="1" t="s">
        <v>60409</v>
      </c>
      <c r="E27992" s="1" t="s">
        <v>99617</v>
      </c>
      <c r="F27992" s="1" t="s">
        <v>99618</v>
      </c>
      <c r="G27992" s="1" t="s">
        <v>99600</v>
      </c>
      <c r="H27992" s="1" t="s">
        <v>99601</v>
      </c>
      <c r="I27992" s="1" t="s">
        <v>96632</v>
      </c>
      <c r="J27992" s="1" t="s">
        <v>99619</v>
      </c>
    </row>
    <row r="27993" spans="1:10" x14ac:dyDescent="0.35">
      <c r="A27993" s="1" t="s">
        <v>99598</v>
      </c>
      <c r="B27993" s="1" t="s">
        <v>96627</v>
      </c>
      <c r="C27993" s="1" t="s">
        <v>45</v>
      </c>
      <c r="D27993" s="1" t="s">
        <v>99620</v>
      </c>
      <c r="E27993" s="1" t="s">
        <v>32329</v>
      </c>
      <c r="F27993" s="1" t="s">
        <v>99621</v>
      </c>
      <c r="G27993" s="1" t="s">
        <v>99600</v>
      </c>
      <c r="H27993" s="1" t="s">
        <v>99601</v>
      </c>
      <c r="I27993" s="1" t="s">
        <v>96632</v>
      </c>
      <c r="J27993" s="1" t="s">
        <v>99622</v>
      </c>
    </row>
    <row r="27994" spans="1:10" x14ac:dyDescent="0.35">
      <c r="A27994" s="1" t="s">
        <v>99598</v>
      </c>
      <c r="B27994" s="1" t="s">
        <v>96627</v>
      </c>
      <c r="C27994" s="1" t="s">
        <v>50</v>
      </c>
      <c r="D27994" s="1" t="s">
        <v>99623</v>
      </c>
      <c r="E27994" s="1" t="s">
        <v>23006</v>
      </c>
      <c r="F27994" s="1" t="s">
        <v>99624</v>
      </c>
      <c r="G27994" s="1" t="s">
        <v>99600</v>
      </c>
      <c r="H27994" s="1" t="s">
        <v>99601</v>
      </c>
      <c r="I27994" s="1" t="s">
        <v>96632</v>
      </c>
      <c r="J27994" s="1" t="s">
        <v>99625</v>
      </c>
    </row>
    <row r="27995" spans="1:10" x14ac:dyDescent="0.35">
      <c r="A27995" s="1" t="s">
        <v>99598</v>
      </c>
      <c r="B27995" s="1" t="s">
        <v>96627</v>
      </c>
      <c r="C27995" s="1" t="s">
        <v>55</v>
      </c>
      <c r="D27995" s="1" t="s">
        <v>79164</v>
      </c>
      <c r="E27995" s="1" t="s">
        <v>23114</v>
      </c>
      <c r="F27995" s="1" t="s">
        <v>99626</v>
      </c>
      <c r="G27995" s="1" t="s">
        <v>99600</v>
      </c>
      <c r="H27995" s="1" t="s">
        <v>99601</v>
      </c>
      <c r="I27995" s="1" t="s">
        <v>96632</v>
      </c>
      <c r="J27995" s="1" t="s">
        <v>99627</v>
      </c>
    </row>
    <row r="27996" spans="1:10" x14ac:dyDescent="0.35">
      <c r="A27996" s="1" t="s">
        <v>99598</v>
      </c>
      <c r="B27996" s="1" t="s">
        <v>96627</v>
      </c>
      <c r="C27996" s="1" t="s">
        <v>60</v>
      </c>
      <c r="D27996" s="1" t="s">
        <v>78701</v>
      </c>
      <c r="E27996" s="1" t="s">
        <v>55930</v>
      </c>
      <c r="F27996" s="1" t="s">
        <v>99628</v>
      </c>
      <c r="G27996" s="1" t="s">
        <v>99600</v>
      </c>
      <c r="H27996" s="1" t="s">
        <v>99601</v>
      </c>
      <c r="I27996" s="1" t="s">
        <v>96632</v>
      </c>
      <c r="J27996" s="1" t="s">
        <v>99629</v>
      </c>
    </row>
    <row r="27997" spans="1:10" x14ac:dyDescent="0.35">
      <c r="A27997" s="1" t="s">
        <v>99598</v>
      </c>
      <c r="B27997" s="1" t="s">
        <v>96627</v>
      </c>
      <c r="C27997" s="1" t="s">
        <v>65</v>
      </c>
      <c r="D27997" s="1" t="s">
        <v>78838</v>
      </c>
      <c r="E27997" s="1" t="s">
        <v>32323</v>
      </c>
      <c r="F27997" s="1" t="s">
        <v>99630</v>
      </c>
      <c r="G27997" s="1" t="s">
        <v>99600</v>
      </c>
      <c r="H27997" s="1" t="s">
        <v>99601</v>
      </c>
      <c r="I27997" s="1" t="s">
        <v>96632</v>
      </c>
      <c r="J27997" s="1" t="s">
        <v>99631</v>
      </c>
    </row>
    <row r="27998" spans="1:10" x14ac:dyDescent="0.35">
      <c r="A27998" s="1" t="s">
        <v>99598</v>
      </c>
      <c r="B27998" s="1" t="s">
        <v>96627</v>
      </c>
      <c r="C27998" s="1" t="s">
        <v>70</v>
      </c>
      <c r="D27998" s="1" t="s">
        <v>99632</v>
      </c>
      <c r="E27998" s="1" t="s">
        <v>23129</v>
      </c>
      <c r="F27998" s="1" t="s">
        <v>99633</v>
      </c>
      <c r="G27998" s="1" t="s">
        <v>99600</v>
      </c>
      <c r="H27998" s="1" t="s">
        <v>99601</v>
      </c>
      <c r="I27998" s="1" t="s">
        <v>96632</v>
      </c>
      <c r="J27998" s="1" t="s">
        <v>99634</v>
      </c>
    </row>
    <row r="27999" spans="1:10" x14ac:dyDescent="0.35">
      <c r="A27999" s="1" t="s">
        <v>99598</v>
      </c>
      <c r="B27999" s="1" t="s">
        <v>96627</v>
      </c>
      <c r="C27999" s="1" t="s">
        <v>75</v>
      </c>
      <c r="D27999" s="1" t="s">
        <v>83759</v>
      </c>
      <c r="E27999" s="1" t="s">
        <v>54405</v>
      </c>
      <c r="F27999" s="1" t="s">
        <v>99635</v>
      </c>
      <c r="G27999" s="1" t="s">
        <v>99600</v>
      </c>
      <c r="H27999" s="1" t="s">
        <v>99601</v>
      </c>
      <c r="I27999" s="1" t="s">
        <v>96632</v>
      </c>
      <c r="J27999" s="1" t="s">
        <v>99636</v>
      </c>
    </row>
    <row r="28000" spans="1:10" x14ac:dyDescent="0.35">
      <c r="A28000" s="1" t="s">
        <v>99598</v>
      </c>
      <c r="B28000" s="1" t="s">
        <v>96627</v>
      </c>
      <c r="C28000" s="1" t="s">
        <v>80</v>
      </c>
      <c r="D28000" s="1" t="s">
        <v>86722</v>
      </c>
      <c r="E28000" s="1" t="s">
        <v>21749</v>
      </c>
      <c r="F28000" s="1" t="s">
        <v>99637</v>
      </c>
      <c r="G28000" s="1" t="s">
        <v>99600</v>
      </c>
      <c r="H28000" s="1" t="s">
        <v>99601</v>
      </c>
      <c r="I28000" s="1" t="s">
        <v>96632</v>
      </c>
      <c r="J28000" s="1" t="s">
        <v>99638</v>
      </c>
    </row>
    <row r="28001" spans="1:10" x14ac:dyDescent="0.35">
      <c r="A28001" s="1" t="s">
        <v>99598</v>
      </c>
      <c r="B28001" s="1" t="s">
        <v>96627</v>
      </c>
      <c r="C28001" s="1" t="s">
        <v>85</v>
      </c>
      <c r="D28001" s="1" t="s">
        <v>99639</v>
      </c>
      <c r="E28001" s="1" t="s">
        <v>41578</v>
      </c>
      <c r="F28001" s="1" t="s">
        <v>99640</v>
      </c>
      <c r="G28001" s="1" t="s">
        <v>99600</v>
      </c>
      <c r="H28001" s="1" t="s">
        <v>99601</v>
      </c>
      <c r="I28001" s="1" t="s">
        <v>96632</v>
      </c>
      <c r="J28001" s="1" t="s">
        <v>99641</v>
      </c>
    </row>
    <row r="28002" spans="1:10" x14ac:dyDescent="0.35">
      <c r="A28002" s="1" t="s">
        <v>99598</v>
      </c>
      <c r="B28002" s="1" t="s">
        <v>96627</v>
      </c>
      <c r="C28002" s="1" t="s">
        <v>90</v>
      </c>
      <c r="D28002" s="1" t="s">
        <v>79253</v>
      </c>
      <c r="E28002" s="1" t="s">
        <v>56177</v>
      </c>
      <c r="F28002" s="1" t="s">
        <v>99642</v>
      </c>
      <c r="G28002" s="1" t="s">
        <v>99600</v>
      </c>
      <c r="H28002" s="1" t="s">
        <v>99601</v>
      </c>
      <c r="I28002" s="1" t="s">
        <v>96632</v>
      </c>
      <c r="J28002" s="1" t="s">
        <v>99643</v>
      </c>
    </row>
    <row r="28003" spans="1:10" x14ac:dyDescent="0.35">
      <c r="A28003" s="1" t="s">
        <v>99598</v>
      </c>
      <c r="B28003" s="1" t="s">
        <v>96627</v>
      </c>
      <c r="C28003" s="1" t="s">
        <v>95</v>
      </c>
      <c r="D28003" s="1" t="s">
        <v>56273</v>
      </c>
      <c r="E28003" s="1" t="s">
        <v>56304</v>
      </c>
      <c r="F28003" s="1" t="s">
        <v>99644</v>
      </c>
      <c r="G28003" s="1" t="s">
        <v>99600</v>
      </c>
      <c r="H28003" s="1" t="s">
        <v>99601</v>
      </c>
      <c r="I28003" s="1" t="s">
        <v>96632</v>
      </c>
      <c r="J28003" s="1" t="s">
        <v>99645</v>
      </c>
    </row>
    <row r="28004" spans="1:10" x14ac:dyDescent="0.35">
      <c r="A28004" s="1" t="s">
        <v>99598</v>
      </c>
      <c r="B28004" s="1" t="s">
        <v>96627</v>
      </c>
      <c r="C28004" s="1" t="s">
        <v>100</v>
      </c>
      <c r="D28004" s="1" t="s">
        <v>99646</v>
      </c>
      <c r="E28004" s="1" t="s">
        <v>21883</v>
      </c>
      <c r="F28004" s="1" t="s">
        <v>99647</v>
      </c>
      <c r="G28004" s="1" t="s">
        <v>99600</v>
      </c>
      <c r="H28004" s="1" t="s">
        <v>99601</v>
      </c>
      <c r="I28004" s="1" t="s">
        <v>96632</v>
      </c>
      <c r="J28004" s="1" t="s">
        <v>99648</v>
      </c>
    </row>
    <row r="28005" spans="1:10" x14ac:dyDescent="0.35">
      <c r="A28005" s="1" t="s">
        <v>99598</v>
      </c>
      <c r="B28005" s="1" t="s">
        <v>96627</v>
      </c>
      <c r="C28005" s="1" t="s">
        <v>105</v>
      </c>
      <c r="D28005" s="1" t="s">
        <v>99649</v>
      </c>
      <c r="E28005" s="1" t="s">
        <v>21883</v>
      </c>
      <c r="F28005" s="1" t="s">
        <v>99650</v>
      </c>
      <c r="G28005" s="1" t="s">
        <v>99600</v>
      </c>
      <c r="H28005" s="1" t="s">
        <v>99601</v>
      </c>
      <c r="I28005" s="1" t="s">
        <v>96632</v>
      </c>
      <c r="J28005" s="1" t="s">
        <v>99651</v>
      </c>
    </row>
    <row r="28006" spans="1:10" x14ac:dyDescent="0.35">
      <c r="A28006" s="1" t="s">
        <v>99598</v>
      </c>
      <c r="B28006" s="1" t="s">
        <v>96627</v>
      </c>
      <c r="C28006" s="1" t="s">
        <v>110</v>
      </c>
      <c r="D28006" s="1" t="s">
        <v>96799</v>
      </c>
      <c r="E28006" s="1" t="s">
        <v>58318</v>
      </c>
      <c r="F28006" s="1" t="s">
        <v>99652</v>
      </c>
      <c r="G28006" s="1" t="s">
        <v>99600</v>
      </c>
      <c r="H28006" s="1" t="s">
        <v>99601</v>
      </c>
      <c r="I28006" s="1" t="s">
        <v>96632</v>
      </c>
      <c r="J28006" s="1" t="s">
        <v>99653</v>
      </c>
    </row>
    <row r="28007" spans="1:10" x14ac:dyDescent="0.35">
      <c r="A28007" s="1" t="s">
        <v>99598</v>
      </c>
      <c r="B28007" s="1" t="s">
        <v>96627</v>
      </c>
      <c r="C28007" s="1" t="s">
        <v>115</v>
      </c>
      <c r="D28007" s="1" t="s">
        <v>99654</v>
      </c>
      <c r="E28007" s="1" t="s">
        <v>41586</v>
      </c>
      <c r="F28007" s="1" t="s">
        <v>99655</v>
      </c>
      <c r="G28007" s="1" t="s">
        <v>99600</v>
      </c>
      <c r="H28007" s="1" t="s">
        <v>99601</v>
      </c>
      <c r="I28007" s="1" t="s">
        <v>96632</v>
      </c>
      <c r="J28007" s="1" t="s">
        <v>99656</v>
      </c>
    </row>
    <row r="28008" spans="1:10" x14ac:dyDescent="0.35">
      <c r="A28008" s="1" t="s">
        <v>99598</v>
      </c>
      <c r="B28008" s="1" t="s">
        <v>96627</v>
      </c>
      <c r="C28008" s="1" t="s">
        <v>120</v>
      </c>
      <c r="D28008" s="1" t="s">
        <v>69708</v>
      </c>
      <c r="E28008" s="1" t="s">
        <v>59855</v>
      </c>
      <c r="F28008" s="1" t="s">
        <v>99657</v>
      </c>
      <c r="G28008" s="1" t="s">
        <v>99600</v>
      </c>
      <c r="H28008" s="1" t="s">
        <v>99601</v>
      </c>
      <c r="I28008" s="1" t="s">
        <v>96632</v>
      </c>
      <c r="J28008" s="1" t="s">
        <v>99658</v>
      </c>
    </row>
    <row r="28009" spans="1:10" x14ac:dyDescent="0.35">
      <c r="A28009" s="1" t="s">
        <v>99598</v>
      </c>
      <c r="B28009" s="1" t="s">
        <v>96627</v>
      </c>
      <c r="C28009" s="1" t="s">
        <v>125</v>
      </c>
      <c r="D28009" s="1" t="s">
        <v>99659</v>
      </c>
      <c r="E28009" s="1" t="s">
        <v>21883</v>
      </c>
      <c r="F28009" s="1" t="s">
        <v>99660</v>
      </c>
      <c r="G28009" s="1" t="s">
        <v>99600</v>
      </c>
      <c r="H28009" s="1" t="s">
        <v>99601</v>
      </c>
      <c r="I28009" s="1" t="s">
        <v>96632</v>
      </c>
      <c r="J28009" s="1" t="s">
        <v>99661</v>
      </c>
    </row>
    <row r="28010" spans="1:10" x14ac:dyDescent="0.35">
      <c r="A28010" s="1" t="s">
        <v>99598</v>
      </c>
      <c r="B28010" s="1" t="s">
        <v>96627</v>
      </c>
      <c r="C28010" s="1" t="s">
        <v>130</v>
      </c>
      <c r="D28010" s="1" t="s">
        <v>99662</v>
      </c>
      <c r="E28010" s="1" t="s">
        <v>55230</v>
      </c>
      <c r="F28010" s="1" t="s">
        <v>99663</v>
      </c>
      <c r="G28010" s="1" t="s">
        <v>99600</v>
      </c>
      <c r="H28010" s="1" t="s">
        <v>99601</v>
      </c>
      <c r="I28010" s="1" t="s">
        <v>96632</v>
      </c>
      <c r="J28010" s="1" t="s">
        <v>99664</v>
      </c>
    </row>
    <row r="28011" spans="1:10" x14ac:dyDescent="0.35">
      <c r="A28011" s="1" t="s">
        <v>99598</v>
      </c>
      <c r="B28011" s="1" t="s">
        <v>96627</v>
      </c>
      <c r="C28011" s="1" t="s">
        <v>135</v>
      </c>
      <c r="D28011" s="1" t="s">
        <v>91897</v>
      </c>
      <c r="E28011" s="1" t="s">
        <v>54426</v>
      </c>
      <c r="F28011" s="1" t="s">
        <v>99665</v>
      </c>
      <c r="G28011" s="1" t="s">
        <v>99600</v>
      </c>
      <c r="H28011" s="1" t="s">
        <v>99601</v>
      </c>
      <c r="I28011" s="1" t="s">
        <v>96632</v>
      </c>
      <c r="J28011" s="1" t="s">
        <v>99666</v>
      </c>
    </row>
    <row r="28012" spans="1:10" x14ac:dyDescent="0.35">
      <c r="A28012" s="1" t="s">
        <v>99598</v>
      </c>
      <c r="B28012" s="1" t="s">
        <v>96627</v>
      </c>
      <c r="C28012" s="1" t="s">
        <v>140</v>
      </c>
      <c r="D28012" s="1" t="s">
        <v>92588</v>
      </c>
      <c r="E28012" s="1" t="s">
        <v>99667</v>
      </c>
      <c r="F28012" s="1" t="s">
        <v>99668</v>
      </c>
      <c r="G28012" s="1" t="s">
        <v>99600</v>
      </c>
      <c r="H28012" s="1" t="s">
        <v>99601</v>
      </c>
      <c r="I28012" s="1" t="s">
        <v>96632</v>
      </c>
      <c r="J28012" s="1" t="s">
        <v>99669</v>
      </c>
    </row>
    <row r="28013" spans="1:10" x14ac:dyDescent="0.35">
      <c r="A28013" s="1" t="s">
        <v>99598</v>
      </c>
      <c r="B28013" s="1" t="s">
        <v>96627</v>
      </c>
      <c r="C28013" s="1" t="s">
        <v>145</v>
      </c>
      <c r="D28013" s="1" t="s">
        <v>99670</v>
      </c>
      <c r="E28013" s="1" t="s">
        <v>41385</v>
      </c>
      <c r="F28013" s="1" t="s">
        <v>99671</v>
      </c>
      <c r="G28013" s="1" t="s">
        <v>99600</v>
      </c>
      <c r="H28013" s="1" t="s">
        <v>99601</v>
      </c>
      <c r="I28013" s="1" t="s">
        <v>96632</v>
      </c>
      <c r="J28013" s="1" t="s">
        <v>99672</v>
      </c>
    </row>
    <row r="28014" spans="1:10" x14ac:dyDescent="0.35">
      <c r="A28014" s="1" t="s">
        <v>99598</v>
      </c>
      <c r="B28014" s="1" t="s">
        <v>96627</v>
      </c>
      <c r="C28014" s="1" t="s">
        <v>150</v>
      </c>
      <c r="D28014" s="1" t="s">
        <v>99673</v>
      </c>
      <c r="E28014" s="1" t="s">
        <v>22044</v>
      </c>
      <c r="F28014" s="1" t="s">
        <v>99674</v>
      </c>
      <c r="G28014" s="1" t="s">
        <v>99600</v>
      </c>
      <c r="H28014" s="1" t="s">
        <v>99601</v>
      </c>
      <c r="I28014" s="1" t="s">
        <v>96632</v>
      </c>
      <c r="J28014" s="1" t="s">
        <v>99675</v>
      </c>
    </row>
    <row r="28015" spans="1:10" x14ac:dyDescent="0.35">
      <c r="A28015" s="1" t="s">
        <v>99598</v>
      </c>
      <c r="B28015" s="1" t="s">
        <v>96627</v>
      </c>
      <c r="C28015" s="1" t="s">
        <v>155</v>
      </c>
      <c r="D28015" s="1" t="s">
        <v>99676</v>
      </c>
      <c r="E28015" s="1" t="s">
        <v>41414</v>
      </c>
      <c r="F28015" s="1" t="s">
        <v>99677</v>
      </c>
      <c r="G28015" s="1" t="s">
        <v>99600</v>
      </c>
      <c r="H28015" s="1" t="s">
        <v>99601</v>
      </c>
      <c r="I28015" s="1" t="s">
        <v>96632</v>
      </c>
      <c r="J28015" s="1" t="s">
        <v>99678</v>
      </c>
    </row>
    <row r="28016" spans="1:10" x14ac:dyDescent="0.35">
      <c r="A28016" s="1" t="s">
        <v>99598</v>
      </c>
      <c r="B28016" s="1" t="s">
        <v>96627</v>
      </c>
      <c r="C28016" s="1" t="s">
        <v>160</v>
      </c>
      <c r="D28016" s="1" t="s">
        <v>24257</v>
      </c>
      <c r="E28016" s="1" t="s">
        <v>23172</v>
      </c>
      <c r="F28016" s="1" t="s">
        <v>99679</v>
      </c>
      <c r="G28016" s="1" t="s">
        <v>99600</v>
      </c>
      <c r="H28016" s="1" t="s">
        <v>99601</v>
      </c>
      <c r="I28016" s="1" t="s">
        <v>96632</v>
      </c>
      <c r="J28016" s="1" t="s">
        <v>99680</v>
      </c>
    </row>
    <row r="28017" spans="1:10" x14ac:dyDescent="0.35">
      <c r="A28017" s="1" t="s">
        <v>99598</v>
      </c>
      <c r="B28017" s="1" t="s">
        <v>96627</v>
      </c>
      <c r="C28017" s="1" t="s">
        <v>165</v>
      </c>
      <c r="D28017" s="1" t="s">
        <v>93545</v>
      </c>
      <c r="E28017" s="1" t="s">
        <v>21772</v>
      </c>
      <c r="F28017" s="1" t="s">
        <v>99681</v>
      </c>
      <c r="G28017" s="1" t="s">
        <v>99600</v>
      </c>
      <c r="H28017" s="1" t="s">
        <v>99601</v>
      </c>
      <c r="I28017" s="1" t="s">
        <v>96632</v>
      </c>
      <c r="J28017" s="1" t="s">
        <v>99682</v>
      </c>
    </row>
    <row r="28018" spans="1:10" x14ac:dyDescent="0.35">
      <c r="A28018" s="1" t="s">
        <v>99598</v>
      </c>
      <c r="B28018" s="1" t="s">
        <v>96627</v>
      </c>
      <c r="C28018" s="1" t="s">
        <v>170</v>
      </c>
      <c r="D28018" s="1" t="s">
        <v>99683</v>
      </c>
      <c r="E28018" s="1" t="s">
        <v>70205</v>
      </c>
      <c r="F28018" s="1" t="s">
        <v>99684</v>
      </c>
      <c r="G28018" s="1" t="s">
        <v>99600</v>
      </c>
      <c r="H28018" s="1" t="s">
        <v>99601</v>
      </c>
      <c r="I28018" s="1" t="s">
        <v>96632</v>
      </c>
      <c r="J28018" s="1" t="s">
        <v>99685</v>
      </c>
    </row>
    <row r="28019" spans="1:10" x14ac:dyDescent="0.35">
      <c r="A28019" s="1" t="s">
        <v>1240</v>
      </c>
      <c r="B28019" s="1" t="s">
        <v>96627</v>
      </c>
      <c r="C28019" s="1" t="s">
        <v>8</v>
      </c>
      <c r="D28019" s="1" t="s">
        <v>99686</v>
      </c>
      <c r="E28019" s="1" t="s">
        <v>22363</v>
      </c>
      <c r="F28019" s="1" t="s">
        <v>78861</v>
      </c>
      <c r="G28019" s="1" t="s">
        <v>99687</v>
      </c>
      <c r="H28019" s="1" t="s">
        <v>99688</v>
      </c>
      <c r="I28019" s="1" t="s">
        <v>96632</v>
      </c>
      <c r="J28019" s="1" t="s">
        <v>13</v>
      </c>
    </row>
    <row r="28020" spans="1:10" x14ac:dyDescent="0.35">
      <c r="A28020" s="1" t="s">
        <v>1240</v>
      </c>
      <c r="B28020" s="1" t="s">
        <v>96627</v>
      </c>
      <c r="C28020" s="1" t="s">
        <v>15</v>
      </c>
      <c r="D28020" s="1" t="s">
        <v>92209</v>
      </c>
      <c r="E28020" s="1" t="s">
        <v>54455</v>
      </c>
      <c r="F28020" s="1" t="s">
        <v>99689</v>
      </c>
      <c r="G28020" s="1" t="s">
        <v>99687</v>
      </c>
      <c r="H28020" s="1" t="s">
        <v>99688</v>
      </c>
      <c r="I28020" s="1" t="s">
        <v>96632</v>
      </c>
      <c r="J28020" s="1" t="s">
        <v>99690</v>
      </c>
    </row>
    <row r="28021" spans="1:10" x14ac:dyDescent="0.35">
      <c r="A28021" s="1" t="s">
        <v>1240</v>
      </c>
      <c r="B28021" s="1" t="s">
        <v>96627</v>
      </c>
      <c r="C28021" s="1" t="s">
        <v>20</v>
      </c>
      <c r="D28021" s="1" t="s">
        <v>59011</v>
      </c>
      <c r="E28021" s="1" t="s">
        <v>99110</v>
      </c>
      <c r="F28021" s="1" t="s">
        <v>99691</v>
      </c>
      <c r="G28021" s="1" t="s">
        <v>99687</v>
      </c>
      <c r="H28021" s="1" t="s">
        <v>99688</v>
      </c>
      <c r="I28021" s="1" t="s">
        <v>96632</v>
      </c>
      <c r="J28021" s="1" t="s">
        <v>99692</v>
      </c>
    </row>
    <row r="28022" spans="1:10" x14ac:dyDescent="0.35">
      <c r="A28022" s="1" t="s">
        <v>1240</v>
      </c>
      <c r="B28022" s="1" t="s">
        <v>96627</v>
      </c>
      <c r="C28022" s="1" t="s">
        <v>25</v>
      </c>
      <c r="D28022" s="1" t="s">
        <v>99693</v>
      </c>
      <c r="E28022" s="1" t="s">
        <v>57082</v>
      </c>
      <c r="F28022" s="1" t="s">
        <v>32619</v>
      </c>
      <c r="G28022" s="1" t="s">
        <v>99687</v>
      </c>
      <c r="H28022" s="1" t="s">
        <v>99688</v>
      </c>
      <c r="I28022" s="1" t="s">
        <v>96632</v>
      </c>
      <c r="J28022" s="1" t="s">
        <v>99694</v>
      </c>
    </row>
    <row r="28023" spans="1:10" x14ac:dyDescent="0.35">
      <c r="A28023" s="1" t="s">
        <v>1240</v>
      </c>
      <c r="B28023" s="1" t="s">
        <v>96627</v>
      </c>
      <c r="C28023" s="1" t="s">
        <v>30</v>
      </c>
      <c r="D28023" s="1" t="s">
        <v>99695</v>
      </c>
      <c r="E28023" s="1" t="s">
        <v>15829</v>
      </c>
      <c r="F28023" s="1" t="s">
        <v>99696</v>
      </c>
      <c r="G28023" s="1" t="s">
        <v>99687</v>
      </c>
      <c r="H28023" s="1" t="s">
        <v>99688</v>
      </c>
      <c r="I28023" s="1" t="s">
        <v>96632</v>
      </c>
      <c r="J28023" s="1" t="s">
        <v>99697</v>
      </c>
    </row>
    <row r="28024" spans="1:10" x14ac:dyDescent="0.35">
      <c r="A28024" s="1" t="s">
        <v>1240</v>
      </c>
      <c r="B28024" s="1" t="s">
        <v>96627</v>
      </c>
      <c r="C28024" s="1" t="s">
        <v>35</v>
      </c>
      <c r="D28024" s="1" t="s">
        <v>99698</v>
      </c>
      <c r="E28024" s="1" t="s">
        <v>16138</v>
      </c>
      <c r="F28024" s="1" t="s">
        <v>99699</v>
      </c>
      <c r="G28024" s="1" t="s">
        <v>99687</v>
      </c>
      <c r="H28024" s="1" t="s">
        <v>99688</v>
      </c>
      <c r="I28024" s="1" t="s">
        <v>96632</v>
      </c>
      <c r="J28024" s="1" t="s">
        <v>99700</v>
      </c>
    </row>
    <row r="28025" spans="1:10" x14ac:dyDescent="0.35">
      <c r="A28025" s="1" t="s">
        <v>1240</v>
      </c>
      <c r="B28025" s="1" t="s">
        <v>96627</v>
      </c>
      <c r="C28025" s="1" t="s">
        <v>40</v>
      </c>
      <c r="D28025" s="1" t="s">
        <v>99701</v>
      </c>
      <c r="E28025" s="1" t="s">
        <v>99702</v>
      </c>
      <c r="F28025" s="1" t="s">
        <v>99703</v>
      </c>
      <c r="G28025" s="1" t="s">
        <v>99687</v>
      </c>
      <c r="H28025" s="1" t="s">
        <v>99688</v>
      </c>
      <c r="I28025" s="1" t="s">
        <v>96632</v>
      </c>
      <c r="J28025" s="1" t="s">
        <v>99704</v>
      </c>
    </row>
    <row r="28026" spans="1:10" x14ac:dyDescent="0.35">
      <c r="A28026" s="1" t="s">
        <v>1240</v>
      </c>
      <c r="B28026" s="1" t="s">
        <v>96627</v>
      </c>
      <c r="C28026" s="1" t="s">
        <v>45</v>
      </c>
      <c r="D28026" s="1" t="s">
        <v>99705</v>
      </c>
      <c r="E28026" s="1" t="s">
        <v>27089</v>
      </c>
      <c r="F28026" s="1" t="s">
        <v>54824</v>
      </c>
      <c r="G28026" s="1" t="s">
        <v>99687</v>
      </c>
      <c r="H28026" s="1" t="s">
        <v>99688</v>
      </c>
      <c r="I28026" s="1" t="s">
        <v>96632</v>
      </c>
      <c r="J28026" s="1" t="s">
        <v>99706</v>
      </c>
    </row>
    <row r="28027" spans="1:10" x14ac:dyDescent="0.35">
      <c r="A28027" s="1" t="s">
        <v>1240</v>
      </c>
      <c r="B28027" s="1" t="s">
        <v>96627</v>
      </c>
      <c r="C28027" s="1" t="s">
        <v>50</v>
      </c>
      <c r="D28027" s="1" t="s">
        <v>63377</v>
      </c>
      <c r="E28027" s="1" t="s">
        <v>26576</v>
      </c>
      <c r="F28027" s="1" t="s">
        <v>66002</v>
      </c>
      <c r="G28027" s="1" t="s">
        <v>99687</v>
      </c>
      <c r="H28027" s="1" t="s">
        <v>99688</v>
      </c>
      <c r="I28027" s="1" t="s">
        <v>96632</v>
      </c>
      <c r="J28027" s="1" t="s">
        <v>99707</v>
      </c>
    </row>
    <row r="28028" spans="1:10" x14ac:dyDescent="0.35">
      <c r="A28028" s="1" t="s">
        <v>1240</v>
      </c>
      <c r="B28028" s="1" t="s">
        <v>96627</v>
      </c>
      <c r="C28028" s="1" t="s">
        <v>55</v>
      </c>
      <c r="D28028" s="1" t="s">
        <v>84891</v>
      </c>
      <c r="E28028" s="1" t="s">
        <v>64743</v>
      </c>
      <c r="F28028" s="1" t="s">
        <v>67049</v>
      </c>
      <c r="G28028" s="1" t="s">
        <v>99687</v>
      </c>
      <c r="H28028" s="1" t="s">
        <v>99688</v>
      </c>
      <c r="I28028" s="1" t="s">
        <v>96632</v>
      </c>
      <c r="J28028" s="1" t="s">
        <v>99708</v>
      </c>
    </row>
    <row r="28029" spans="1:10" x14ac:dyDescent="0.35">
      <c r="A28029" s="1" t="s">
        <v>1240</v>
      </c>
      <c r="B28029" s="1" t="s">
        <v>96627</v>
      </c>
      <c r="C28029" s="1" t="s">
        <v>60</v>
      </c>
      <c r="D28029" s="1" t="s">
        <v>69257</v>
      </c>
      <c r="E28029" s="1" t="s">
        <v>26637</v>
      </c>
      <c r="F28029" s="1" t="s">
        <v>53894</v>
      </c>
      <c r="G28029" s="1" t="s">
        <v>99687</v>
      </c>
      <c r="H28029" s="1" t="s">
        <v>99688</v>
      </c>
      <c r="I28029" s="1" t="s">
        <v>96632</v>
      </c>
      <c r="J28029" s="1" t="s">
        <v>99709</v>
      </c>
    </row>
    <row r="28030" spans="1:10" x14ac:dyDescent="0.35">
      <c r="A28030" s="1" t="s">
        <v>1240</v>
      </c>
      <c r="B28030" s="1" t="s">
        <v>96627</v>
      </c>
      <c r="C28030" s="1" t="s">
        <v>65</v>
      </c>
      <c r="D28030" s="1" t="s">
        <v>40343</v>
      </c>
      <c r="E28030" s="1" t="s">
        <v>31472</v>
      </c>
      <c r="F28030" s="1" t="s">
        <v>99710</v>
      </c>
      <c r="G28030" s="1" t="s">
        <v>99687</v>
      </c>
      <c r="H28030" s="1" t="s">
        <v>99688</v>
      </c>
      <c r="I28030" s="1" t="s">
        <v>96632</v>
      </c>
      <c r="J28030" s="1" t="s">
        <v>99711</v>
      </c>
    </row>
    <row r="28031" spans="1:10" x14ac:dyDescent="0.35">
      <c r="A28031" s="1" t="s">
        <v>1240</v>
      </c>
      <c r="B28031" s="1" t="s">
        <v>96627</v>
      </c>
      <c r="C28031" s="1" t="s">
        <v>70</v>
      </c>
      <c r="D28031" s="1" t="s">
        <v>99712</v>
      </c>
      <c r="E28031" s="1" t="s">
        <v>27066</v>
      </c>
      <c r="F28031" s="1" t="s">
        <v>26573</v>
      </c>
      <c r="G28031" s="1" t="s">
        <v>99687</v>
      </c>
      <c r="H28031" s="1" t="s">
        <v>99688</v>
      </c>
      <c r="I28031" s="1" t="s">
        <v>96632</v>
      </c>
      <c r="J28031" s="1" t="s">
        <v>99713</v>
      </c>
    </row>
    <row r="28032" spans="1:10" x14ac:dyDescent="0.35">
      <c r="A28032" s="1" t="s">
        <v>1240</v>
      </c>
      <c r="B28032" s="1" t="s">
        <v>96627</v>
      </c>
      <c r="C28032" s="1" t="s">
        <v>75</v>
      </c>
      <c r="D28032" s="1" t="s">
        <v>99714</v>
      </c>
      <c r="E28032" s="1" t="s">
        <v>32924</v>
      </c>
      <c r="F28032" s="1" t="s">
        <v>99715</v>
      </c>
      <c r="G28032" s="1" t="s">
        <v>99687</v>
      </c>
      <c r="H28032" s="1" t="s">
        <v>99688</v>
      </c>
      <c r="I28032" s="1" t="s">
        <v>96632</v>
      </c>
      <c r="J28032" s="1" t="s">
        <v>99716</v>
      </c>
    </row>
    <row r="28033" spans="1:10" x14ac:dyDescent="0.35">
      <c r="A28033" s="1" t="s">
        <v>1240</v>
      </c>
      <c r="B28033" s="1" t="s">
        <v>96627</v>
      </c>
      <c r="C28033" s="1" t="s">
        <v>80</v>
      </c>
      <c r="D28033" s="1" t="s">
        <v>78345</v>
      </c>
      <c r="E28033" s="1" t="s">
        <v>31459</v>
      </c>
      <c r="F28033" s="1" t="s">
        <v>99717</v>
      </c>
      <c r="G28033" s="1" t="s">
        <v>99687</v>
      </c>
      <c r="H28033" s="1" t="s">
        <v>99688</v>
      </c>
      <c r="I28033" s="1" t="s">
        <v>96632</v>
      </c>
      <c r="J28033" s="1" t="s">
        <v>99718</v>
      </c>
    </row>
    <row r="28034" spans="1:10" x14ac:dyDescent="0.35">
      <c r="A28034" s="1" t="s">
        <v>1240</v>
      </c>
      <c r="B28034" s="1" t="s">
        <v>96627</v>
      </c>
      <c r="C28034" s="1" t="s">
        <v>85</v>
      </c>
      <c r="D28034" s="1" t="s">
        <v>41353</v>
      </c>
      <c r="E28034" s="1" t="s">
        <v>15903</v>
      </c>
      <c r="F28034" s="1" t="s">
        <v>99719</v>
      </c>
      <c r="G28034" s="1" t="s">
        <v>99687</v>
      </c>
      <c r="H28034" s="1" t="s">
        <v>99688</v>
      </c>
      <c r="I28034" s="1" t="s">
        <v>96632</v>
      </c>
      <c r="J28034" s="1" t="s">
        <v>99720</v>
      </c>
    </row>
    <row r="28035" spans="1:10" x14ac:dyDescent="0.35">
      <c r="A28035" s="1" t="s">
        <v>1240</v>
      </c>
      <c r="B28035" s="1" t="s">
        <v>96627</v>
      </c>
      <c r="C28035" s="1" t="s">
        <v>90</v>
      </c>
      <c r="D28035" s="1" t="s">
        <v>98565</v>
      </c>
      <c r="E28035" s="1" t="s">
        <v>31761</v>
      </c>
      <c r="F28035" s="1" t="s">
        <v>67049</v>
      </c>
      <c r="G28035" s="1" t="s">
        <v>99687</v>
      </c>
      <c r="H28035" s="1" t="s">
        <v>99688</v>
      </c>
      <c r="I28035" s="1" t="s">
        <v>96632</v>
      </c>
      <c r="J28035" s="1" t="s">
        <v>99721</v>
      </c>
    </row>
    <row r="28036" spans="1:10" x14ac:dyDescent="0.35">
      <c r="A28036" s="1" t="s">
        <v>1240</v>
      </c>
      <c r="B28036" s="1" t="s">
        <v>96627</v>
      </c>
      <c r="C28036" s="1" t="s">
        <v>95</v>
      </c>
      <c r="D28036" s="1" t="s">
        <v>26997</v>
      </c>
      <c r="E28036" s="1" t="s">
        <v>15357</v>
      </c>
      <c r="F28036" s="1" t="s">
        <v>99696</v>
      </c>
      <c r="G28036" s="1" t="s">
        <v>99687</v>
      </c>
      <c r="H28036" s="1" t="s">
        <v>99688</v>
      </c>
      <c r="I28036" s="1" t="s">
        <v>96632</v>
      </c>
      <c r="J28036" s="1" t="s">
        <v>99722</v>
      </c>
    </row>
    <row r="28037" spans="1:10" x14ac:dyDescent="0.35">
      <c r="A28037" s="1" t="s">
        <v>1240</v>
      </c>
      <c r="B28037" s="1" t="s">
        <v>96627</v>
      </c>
      <c r="C28037" s="1" t="s">
        <v>100</v>
      </c>
      <c r="D28037" s="1" t="s">
        <v>40354</v>
      </c>
      <c r="E28037" s="1" t="s">
        <v>15857</v>
      </c>
      <c r="F28037" s="1" t="s">
        <v>99723</v>
      </c>
      <c r="G28037" s="1" t="s">
        <v>99687</v>
      </c>
      <c r="H28037" s="1" t="s">
        <v>99688</v>
      </c>
      <c r="I28037" s="1" t="s">
        <v>96632</v>
      </c>
      <c r="J28037" s="1" t="s">
        <v>99724</v>
      </c>
    </row>
    <row r="28038" spans="1:10" x14ac:dyDescent="0.35">
      <c r="A28038" s="1" t="s">
        <v>1240</v>
      </c>
      <c r="B28038" s="1" t="s">
        <v>96627</v>
      </c>
      <c r="C28038" s="1" t="s">
        <v>105</v>
      </c>
      <c r="D28038" s="1" t="s">
        <v>99725</v>
      </c>
      <c r="E28038" s="1" t="s">
        <v>26576</v>
      </c>
      <c r="F28038" s="1" t="s">
        <v>99726</v>
      </c>
      <c r="G28038" s="1" t="s">
        <v>99687</v>
      </c>
      <c r="H28038" s="1" t="s">
        <v>99688</v>
      </c>
      <c r="I28038" s="1" t="s">
        <v>96632</v>
      </c>
      <c r="J28038" s="1" t="s">
        <v>99727</v>
      </c>
    </row>
    <row r="28039" spans="1:10" x14ac:dyDescent="0.35">
      <c r="A28039" s="1" t="s">
        <v>1240</v>
      </c>
      <c r="B28039" s="1" t="s">
        <v>96627</v>
      </c>
      <c r="C28039" s="1" t="s">
        <v>110</v>
      </c>
      <c r="D28039" s="1" t="s">
        <v>99728</v>
      </c>
      <c r="E28039" s="1" t="s">
        <v>56822</v>
      </c>
      <c r="F28039" s="1" t="s">
        <v>90238</v>
      </c>
      <c r="G28039" s="1" t="s">
        <v>99687</v>
      </c>
      <c r="H28039" s="1" t="s">
        <v>99688</v>
      </c>
      <c r="I28039" s="1" t="s">
        <v>96632</v>
      </c>
      <c r="J28039" s="1" t="s">
        <v>99729</v>
      </c>
    </row>
    <row r="28040" spans="1:10" x14ac:dyDescent="0.35">
      <c r="A28040" s="1" t="s">
        <v>1240</v>
      </c>
      <c r="B28040" s="1" t="s">
        <v>96627</v>
      </c>
      <c r="C28040" s="1" t="s">
        <v>115</v>
      </c>
      <c r="D28040" s="1" t="s">
        <v>61186</v>
      </c>
      <c r="E28040" s="1" t="s">
        <v>32622</v>
      </c>
      <c r="F28040" s="1" t="s">
        <v>99730</v>
      </c>
      <c r="G28040" s="1" t="s">
        <v>99687</v>
      </c>
      <c r="H28040" s="1" t="s">
        <v>99688</v>
      </c>
      <c r="I28040" s="1" t="s">
        <v>96632</v>
      </c>
      <c r="J28040" s="1" t="s">
        <v>99731</v>
      </c>
    </row>
    <row r="28041" spans="1:10" x14ac:dyDescent="0.35">
      <c r="A28041" s="1" t="s">
        <v>1240</v>
      </c>
      <c r="B28041" s="1" t="s">
        <v>96627</v>
      </c>
      <c r="C28041" s="1" t="s">
        <v>120</v>
      </c>
      <c r="D28041" s="1" t="s">
        <v>23838</v>
      </c>
      <c r="E28041" s="1" t="s">
        <v>24258</v>
      </c>
      <c r="F28041" s="1" t="s">
        <v>99732</v>
      </c>
      <c r="G28041" s="1" t="s">
        <v>99687</v>
      </c>
      <c r="H28041" s="1" t="s">
        <v>99688</v>
      </c>
      <c r="I28041" s="1" t="s">
        <v>96632</v>
      </c>
      <c r="J28041" s="1" t="s">
        <v>99733</v>
      </c>
    </row>
    <row r="28042" spans="1:10" x14ac:dyDescent="0.35">
      <c r="A28042" s="1" t="s">
        <v>1240</v>
      </c>
      <c r="B28042" s="1" t="s">
        <v>96627</v>
      </c>
      <c r="C28042" s="1" t="s">
        <v>125</v>
      </c>
      <c r="D28042" s="1" t="s">
        <v>59580</v>
      </c>
      <c r="E28042" s="1" t="s">
        <v>24258</v>
      </c>
      <c r="F28042" s="1" t="s">
        <v>99734</v>
      </c>
      <c r="G28042" s="1" t="s">
        <v>99687</v>
      </c>
      <c r="H28042" s="1" t="s">
        <v>99688</v>
      </c>
      <c r="I28042" s="1" t="s">
        <v>96632</v>
      </c>
      <c r="J28042" s="1" t="s">
        <v>99735</v>
      </c>
    </row>
    <row r="28043" spans="1:10" x14ac:dyDescent="0.35">
      <c r="A28043" s="1" t="s">
        <v>1240</v>
      </c>
      <c r="B28043" s="1" t="s">
        <v>96627</v>
      </c>
      <c r="C28043" s="1" t="s">
        <v>130</v>
      </c>
      <c r="D28043" s="1" t="s">
        <v>41783</v>
      </c>
      <c r="E28043" s="1" t="s">
        <v>65615</v>
      </c>
      <c r="F28043" s="1" t="s">
        <v>82938</v>
      </c>
      <c r="G28043" s="1" t="s">
        <v>99687</v>
      </c>
      <c r="H28043" s="1" t="s">
        <v>99688</v>
      </c>
      <c r="I28043" s="1" t="s">
        <v>96632</v>
      </c>
      <c r="J28043" s="1" t="s">
        <v>99736</v>
      </c>
    </row>
    <row r="28044" spans="1:10" x14ac:dyDescent="0.35">
      <c r="A28044" s="1" t="s">
        <v>1240</v>
      </c>
      <c r="B28044" s="1" t="s">
        <v>96627</v>
      </c>
      <c r="C28044" s="1" t="s">
        <v>135</v>
      </c>
      <c r="D28044" s="1" t="s">
        <v>99737</v>
      </c>
      <c r="E28044" s="1" t="s">
        <v>61793</v>
      </c>
      <c r="F28044" s="1" t="s">
        <v>99738</v>
      </c>
      <c r="G28044" s="1" t="s">
        <v>99687</v>
      </c>
      <c r="H28044" s="1" t="s">
        <v>99688</v>
      </c>
      <c r="I28044" s="1" t="s">
        <v>96632</v>
      </c>
      <c r="J28044" s="1" t="s">
        <v>99739</v>
      </c>
    </row>
    <row r="28045" spans="1:10" x14ac:dyDescent="0.35">
      <c r="A28045" s="1" t="s">
        <v>1240</v>
      </c>
      <c r="B28045" s="1" t="s">
        <v>96627</v>
      </c>
      <c r="C28045" s="1" t="s">
        <v>140</v>
      </c>
      <c r="D28045" s="1" t="s">
        <v>99740</v>
      </c>
      <c r="E28045" s="1" t="s">
        <v>26461</v>
      </c>
      <c r="F28045" s="1" t="s">
        <v>99741</v>
      </c>
      <c r="G28045" s="1" t="s">
        <v>99687</v>
      </c>
      <c r="H28045" s="1" t="s">
        <v>99688</v>
      </c>
      <c r="I28045" s="1" t="s">
        <v>96632</v>
      </c>
      <c r="J28045" s="1" t="s">
        <v>99742</v>
      </c>
    </row>
    <row r="28046" spans="1:10" x14ac:dyDescent="0.35">
      <c r="A28046" s="1" t="s">
        <v>1240</v>
      </c>
      <c r="B28046" s="1" t="s">
        <v>96627</v>
      </c>
      <c r="C28046" s="1" t="s">
        <v>145</v>
      </c>
      <c r="D28046" s="1" t="s">
        <v>99743</v>
      </c>
      <c r="E28046" s="1" t="s">
        <v>31761</v>
      </c>
      <c r="F28046" s="1" t="s">
        <v>99744</v>
      </c>
      <c r="G28046" s="1" t="s">
        <v>99687</v>
      </c>
      <c r="H28046" s="1" t="s">
        <v>99688</v>
      </c>
      <c r="I28046" s="1" t="s">
        <v>96632</v>
      </c>
      <c r="J28046" s="1" t="s">
        <v>99745</v>
      </c>
    </row>
    <row r="28047" spans="1:10" x14ac:dyDescent="0.35">
      <c r="A28047" s="1" t="s">
        <v>1240</v>
      </c>
      <c r="B28047" s="1" t="s">
        <v>96627</v>
      </c>
      <c r="C28047" s="1" t="s">
        <v>150</v>
      </c>
      <c r="D28047" s="1" t="s">
        <v>58430</v>
      </c>
      <c r="E28047" s="1" t="s">
        <v>32615</v>
      </c>
      <c r="F28047" s="1" t="s">
        <v>99746</v>
      </c>
      <c r="G28047" s="1" t="s">
        <v>99687</v>
      </c>
      <c r="H28047" s="1" t="s">
        <v>99688</v>
      </c>
      <c r="I28047" s="1" t="s">
        <v>96632</v>
      </c>
      <c r="J28047" s="1" t="s">
        <v>99747</v>
      </c>
    </row>
    <row r="28048" spans="1:10" x14ac:dyDescent="0.35">
      <c r="A28048" s="1" t="s">
        <v>1240</v>
      </c>
      <c r="B28048" s="1" t="s">
        <v>96627</v>
      </c>
      <c r="C28048" s="1" t="s">
        <v>155</v>
      </c>
      <c r="D28048" s="1" t="s">
        <v>99748</v>
      </c>
      <c r="E28048" s="1" t="s">
        <v>94822</v>
      </c>
      <c r="F28048" s="1" t="s">
        <v>59483</v>
      </c>
      <c r="G28048" s="1" t="s">
        <v>99687</v>
      </c>
      <c r="H28048" s="1" t="s">
        <v>99688</v>
      </c>
      <c r="I28048" s="1" t="s">
        <v>96632</v>
      </c>
      <c r="J28048" s="1" t="s">
        <v>99749</v>
      </c>
    </row>
    <row r="28049" spans="1:10" x14ac:dyDescent="0.35">
      <c r="A28049" s="1" t="s">
        <v>1240</v>
      </c>
      <c r="B28049" s="1" t="s">
        <v>96627</v>
      </c>
      <c r="C28049" s="1" t="s">
        <v>160</v>
      </c>
      <c r="D28049" s="1" t="s">
        <v>99750</v>
      </c>
      <c r="E28049" s="1" t="s">
        <v>27160</v>
      </c>
      <c r="F28049" s="1" t="s">
        <v>99751</v>
      </c>
      <c r="G28049" s="1" t="s">
        <v>99687</v>
      </c>
      <c r="H28049" s="1" t="s">
        <v>99688</v>
      </c>
      <c r="I28049" s="1" t="s">
        <v>96632</v>
      </c>
      <c r="J28049" s="1" t="s">
        <v>99752</v>
      </c>
    </row>
    <row r="28050" spans="1:10" x14ac:dyDescent="0.35">
      <c r="A28050" s="1" t="s">
        <v>1240</v>
      </c>
      <c r="B28050" s="1" t="s">
        <v>96627</v>
      </c>
      <c r="C28050" s="1" t="s">
        <v>165</v>
      </c>
      <c r="D28050" s="1" t="s">
        <v>99753</v>
      </c>
      <c r="E28050" s="1" t="s">
        <v>56012</v>
      </c>
      <c r="F28050" s="1" t="s">
        <v>99754</v>
      </c>
      <c r="G28050" s="1" t="s">
        <v>99687</v>
      </c>
      <c r="H28050" s="1" t="s">
        <v>99688</v>
      </c>
      <c r="I28050" s="1" t="s">
        <v>96632</v>
      </c>
      <c r="J28050" s="1" t="s">
        <v>99755</v>
      </c>
    </row>
    <row r="28051" spans="1:10" x14ac:dyDescent="0.35">
      <c r="A28051" s="1" t="s">
        <v>1240</v>
      </c>
      <c r="B28051" s="1" t="s">
        <v>96627</v>
      </c>
      <c r="C28051" s="1" t="s">
        <v>170</v>
      </c>
      <c r="D28051" s="1" t="s">
        <v>99756</v>
      </c>
      <c r="E28051" s="1" t="s">
        <v>32160</v>
      </c>
      <c r="F28051" s="1" t="s">
        <v>99757</v>
      </c>
      <c r="G28051" s="1" t="s">
        <v>99687</v>
      </c>
      <c r="H28051" s="1" t="s">
        <v>99688</v>
      </c>
      <c r="I28051" s="1" t="s">
        <v>96632</v>
      </c>
      <c r="J28051" s="1" t="s">
        <v>99758</v>
      </c>
    </row>
    <row r="28052" spans="1:10" x14ac:dyDescent="0.35">
      <c r="A28052" s="1" t="s">
        <v>99759</v>
      </c>
      <c r="B28052" s="1" t="s">
        <v>96627</v>
      </c>
      <c r="C28052" s="1" t="s">
        <v>8</v>
      </c>
      <c r="D28052" s="1" t="s">
        <v>99760</v>
      </c>
      <c r="E28052" s="1" t="s">
        <v>41184</v>
      </c>
      <c r="F28052" s="1" t="s">
        <v>32394</v>
      </c>
      <c r="G28052" s="1" t="s">
        <v>99761</v>
      </c>
      <c r="H28052" s="1" t="s">
        <v>99762</v>
      </c>
      <c r="I28052" s="1" t="s">
        <v>96632</v>
      </c>
      <c r="J28052" s="1" t="s">
        <v>13</v>
      </c>
    </row>
    <row r="28053" spans="1:10" x14ac:dyDescent="0.35">
      <c r="A28053" s="1" t="s">
        <v>99759</v>
      </c>
      <c r="B28053" s="1" t="s">
        <v>96627</v>
      </c>
      <c r="C28053" s="1" t="s">
        <v>15</v>
      </c>
      <c r="D28053" s="1" t="s">
        <v>87754</v>
      </c>
      <c r="E28053" s="1" t="s">
        <v>57923</v>
      </c>
      <c r="F28053" s="1" t="s">
        <v>58387</v>
      </c>
      <c r="G28053" s="1" t="s">
        <v>99761</v>
      </c>
      <c r="H28053" s="1" t="s">
        <v>99762</v>
      </c>
      <c r="I28053" s="1" t="s">
        <v>96632</v>
      </c>
      <c r="J28053" s="1" t="s">
        <v>99763</v>
      </c>
    </row>
    <row r="28054" spans="1:10" x14ac:dyDescent="0.35">
      <c r="A28054" s="1" t="s">
        <v>99759</v>
      </c>
      <c r="B28054" s="1" t="s">
        <v>96627</v>
      </c>
      <c r="C28054" s="1" t="s">
        <v>20</v>
      </c>
      <c r="D28054" s="1" t="s">
        <v>99764</v>
      </c>
      <c r="E28054" s="1" t="s">
        <v>58204</v>
      </c>
      <c r="F28054" s="1" t="s">
        <v>99765</v>
      </c>
      <c r="G28054" s="1" t="s">
        <v>99761</v>
      </c>
      <c r="H28054" s="1" t="s">
        <v>99762</v>
      </c>
      <c r="I28054" s="1" t="s">
        <v>96632</v>
      </c>
      <c r="J28054" s="1" t="s">
        <v>99766</v>
      </c>
    </row>
    <row r="28055" spans="1:10" x14ac:dyDescent="0.35">
      <c r="A28055" s="1" t="s">
        <v>99759</v>
      </c>
      <c r="B28055" s="1" t="s">
        <v>96627</v>
      </c>
      <c r="C28055" s="1" t="s">
        <v>25</v>
      </c>
      <c r="D28055" s="1" t="s">
        <v>76843</v>
      </c>
      <c r="E28055" s="1" t="s">
        <v>23016</v>
      </c>
      <c r="F28055" s="1" t="s">
        <v>61035</v>
      </c>
      <c r="G28055" s="1" t="s">
        <v>99761</v>
      </c>
      <c r="H28055" s="1" t="s">
        <v>99762</v>
      </c>
      <c r="I28055" s="1" t="s">
        <v>96632</v>
      </c>
      <c r="J28055" s="1" t="s">
        <v>99767</v>
      </c>
    </row>
    <row r="28056" spans="1:10" x14ac:dyDescent="0.35">
      <c r="A28056" s="1" t="s">
        <v>99759</v>
      </c>
      <c r="B28056" s="1" t="s">
        <v>96627</v>
      </c>
      <c r="C28056" s="1" t="s">
        <v>30</v>
      </c>
      <c r="D28056" s="1" t="s">
        <v>99768</v>
      </c>
      <c r="E28056" s="1" t="s">
        <v>31361</v>
      </c>
      <c r="F28056" s="1" t="s">
        <v>99769</v>
      </c>
      <c r="G28056" s="1" t="s">
        <v>99761</v>
      </c>
      <c r="H28056" s="1" t="s">
        <v>99762</v>
      </c>
      <c r="I28056" s="1" t="s">
        <v>96632</v>
      </c>
      <c r="J28056" s="1" t="s">
        <v>99770</v>
      </c>
    </row>
    <row r="28057" spans="1:10" x14ac:dyDescent="0.35">
      <c r="A28057" s="1" t="s">
        <v>99759</v>
      </c>
      <c r="B28057" s="1" t="s">
        <v>96627</v>
      </c>
      <c r="C28057" s="1" t="s">
        <v>35</v>
      </c>
      <c r="D28057" s="1" t="s">
        <v>99771</v>
      </c>
      <c r="E28057" s="1" t="s">
        <v>56404</v>
      </c>
      <c r="F28057" s="1" t="s">
        <v>31362</v>
      </c>
      <c r="G28057" s="1" t="s">
        <v>99761</v>
      </c>
      <c r="H28057" s="1" t="s">
        <v>99762</v>
      </c>
      <c r="I28057" s="1" t="s">
        <v>96632</v>
      </c>
      <c r="J28057" s="1" t="s">
        <v>99772</v>
      </c>
    </row>
    <row r="28058" spans="1:10" x14ac:dyDescent="0.35">
      <c r="A28058" s="1" t="s">
        <v>99759</v>
      </c>
      <c r="B28058" s="1" t="s">
        <v>96627</v>
      </c>
      <c r="C28058" s="1" t="s">
        <v>40</v>
      </c>
      <c r="D28058" s="1" t="s">
        <v>23943</v>
      </c>
      <c r="E28058" s="1" t="s">
        <v>23206</v>
      </c>
      <c r="F28058" s="1" t="s">
        <v>99773</v>
      </c>
      <c r="G28058" s="1" t="s">
        <v>99761</v>
      </c>
      <c r="H28058" s="1" t="s">
        <v>99762</v>
      </c>
      <c r="I28058" s="1" t="s">
        <v>96632</v>
      </c>
      <c r="J28058" s="1" t="s">
        <v>99774</v>
      </c>
    </row>
    <row r="28059" spans="1:10" x14ac:dyDescent="0.35">
      <c r="A28059" s="1" t="s">
        <v>99759</v>
      </c>
      <c r="B28059" s="1" t="s">
        <v>96627</v>
      </c>
      <c r="C28059" s="1" t="s">
        <v>45</v>
      </c>
      <c r="D28059" s="1" t="s">
        <v>64230</v>
      </c>
      <c r="E28059" s="1" t="s">
        <v>23450</v>
      </c>
      <c r="F28059" s="1" t="s">
        <v>99775</v>
      </c>
      <c r="G28059" s="1" t="s">
        <v>99761</v>
      </c>
      <c r="H28059" s="1" t="s">
        <v>99762</v>
      </c>
      <c r="I28059" s="1" t="s">
        <v>96632</v>
      </c>
      <c r="J28059" s="1" t="s">
        <v>99776</v>
      </c>
    </row>
    <row r="28060" spans="1:10" x14ac:dyDescent="0.35">
      <c r="A28060" s="1" t="s">
        <v>99759</v>
      </c>
      <c r="B28060" s="1" t="s">
        <v>96627</v>
      </c>
      <c r="C28060" s="1" t="s">
        <v>50</v>
      </c>
      <c r="D28060" s="1" t="s">
        <v>99777</v>
      </c>
      <c r="E28060" s="1" t="s">
        <v>26247</v>
      </c>
      <c r="F28060" s="1" t="s">
        <v>76376</v>
      </c>
      <c r="G28060" s="1" t="s">
        <v>99761</v>
      </c>
      <c r="H28060" s="1" t="s">
        <v>99762</v>
      </c>
      <c r="I28060" s="1" t="s">
        <v>96632</v>
      </c>
      <c r="J28060" s="1" t="s">
        <v>99778</v>
      </c>
    </row>
    <row r="28061" spans="1:10" x14ac:dyDescent="0.35">
      <c r="A28061" s="1" t="s">
        <v>99759</v>
      </c>
      <c r="B28061" s="1" t="s">
        <v>96627</v>
      </c>
      <c r="C28061" s="1" t="s">
        <v>55</v>
      </c>
      <c r="D28061" s="1" t="s">
        <v>84364</v>
      </c>
      <c r="E28061" s="1" t="s">
        <v>23149</v>
      </c>
      <c r="F28061" s="1" t="s">
        <v>64871</v>
      </c>
      <c r="G28061" s="1" t="s">
        <v>99761</v>
      </c>
      <c r="H28061" s="1" t="s">
        <v>99762</v>
      </c>
      <c r="I28061" s="1" t="s">
        <v>96632</v>
      </c>
      <c r="J28061" s="1" t="s">
        <v>99779</v>
      </c>
    </row>
    <row r="28062" spans="1:10" x14ac:dyDescent="0.35">
      <c r="A28062" s="1" t="s">
        <v>99759</v>
      </c>
      <c r="B28062" s="1" t="s">
        <v>96627</v>
      </c>
      <c r="C28062" s="1" t="s">
        <v>60</v>
      </c>
      <c r="D28062" s="1" t="s">
        <v>99780</v>
      </c>
      <c r="E28062" s="1" t="s">
        <v>55198</v>
      </c>
      <c r="F28062" s="1" t="s">
        <v>99781</v>
      </c>
      <c r="G28062" s="1" t="s">
        <v>99761</v>
      </c>
      <c r="H28062" s="1" t="s">
        <v>99762</v>
      </c>
      <c r="I28062" s="1" t="s">
        <v>96632</v>
      </c>
      <c r="J28062" s="1" t="s">
        <v>99782</v>
      </c>
    </row>
    <row r="28063" spans="1:10" x14ac:dyDescent="0.35">
      <c r="A28063" s="1" t="s">
        <v>99759</v>
      </c>
      <c r="B28063" s="1" t="s">
        <v>96627</v>
      </c>
      <c r="C28063" s="1" t="s">
        <v>65</v>
      </c>
      <c r="D28063" s="1" t="s">
        <v>99783</v>
      </c>
      <c r="E28063" s="1" t="s">
        <v>15853</v>
      </c>
      <c r="F28063" s="1" t="s">
        <v>55199</v>
      </c>
      <c r="G28063" s="1" t="s">
        <v>99761</v>
      </c>
      <c r="H28063" s="1" t="s">
        <v>99762</v>
      </c>
      <c r="I28063" s="1" t="s">
        <v>96632</v>
      </c>
      <c r="J28063" s="1" t="s">
        <v>99784</v>
      </c>
    </row>
    <row r="28064" spans="1:10" x14ac:dyDescent="0.35">
      <c r="A28064" s="1" t="s">
        <v>99759</v>
      </c>
      <c r="B28064" s="1" t="s">
        <v>96627</v>
      </c>
      <c r="C28064" s="1" t="s">
        <v>70</v>
      </c>
      <c r="D28064" s="1" t="s">
        <v>56317</v>
      </c>
      <c r="E28064" s="1" t="s">
        <v>32080</v>
      </c>
      <c r="F28064" s="1" t="s">
        <v>99785</v>
      </c>
      <c r="G28064" s="1" t="s">
        <v>99761</v>
      </c>
      <c r="H28064" s="1" t="s">
        <v>99762</v>
      </c>
      <c r="I28064" s="1" t="s">
        <v>96632</v>
      </c>
      <c r="J28064" s="1" t="s">
        <v>99786</v>
      </c>
    </row>
    <row r="28065" spans="1:10" x14ac:dyDescent="0.35">
      <c r="A28065" s="1" t="s">
        <v>99759</v>
      </c>
      <c r="B28065" s="1" t="s">
        <v>96627</v>
      </c>
      <c r="C28065" s="1" t="s">
        <v>75</v>
      </c>
      <c r="D28065" s="1" t="s">
        <v>99787</v>
      </c>
      <c r="E28065" s="1" t="s">
        <v>21830</v>
      </c>
      <c r="F28065" s="1" t="s">
        <v>66434</v>
      </c>
      <c r="G28065" s="1" t="s">
        <v>99761</v>
      </c>
      <c r="H28065" s="1" t="s">
        <v>99762</v>
      </c>
      <c r="I28065" s="1" t="s">
        <v>96632</v>
      </c>
      <c r="J28065" s="1" t="s">
        <v>99788</v>
      </c>
    </row>
    <row r="28066" spans="1:10" x14ac:dyDescent="0.35">
      <c r="A28066" s="1" t="s">
        <v>99759</v>
      </c>
      <c r="B28066" s="1" t="s">
        <v>96627</v>
      </c>
      <c r="C28066" s="1" t="s">
        <v>80</v>
      </c>
      <c r="D28066" s="1" t="s">
        <v>94264</v>
      </c>
      <c r="E28066" s="1" t="s">
        <v>12786</v>
      </c>
      <c r="F28066" s="1" t="s">
        <v>58805</v>
      </c>
      <c r="G28066" s="1" t="s">
        <v>99761</v>
      </c>
      <c r="H28066" s="1" t="s">
        <v>99762</v>
      </c>
      <c r="I28066" s="1" t="s">
        <v>96632</v>
      </c>
      <c r="J28066" s="1" t="s">
        <v>99789</v>
      </c>
    </row>
    <row r="28067" spans="1:10" x14ac:dyDescent="0.35">
      <c r="A28067" s="1" t="s">
        <v>99759</v>
      </c>
      <c r="B28067" s="1" t="s">
        <v>96627</v>
      </c>
      <c r="C28067" s="1" t="s">
        <v>85</v>
      </c>
      <c r="D28067" s="1" t="s">
        <v>88753</v>
      </c>
      <c r="E28067" s="1" t="s">
        <v>15340</v>
      </c>
      <c r="F28067" s="1" t="s">
        <v>66896</v>
      </c>
      <c r="G28067" s="1" t="s">
        <v>99761</v>
      </c>
      <c r="H28067" s="1" t="s">
        <v>99762</v>
      </c>
      <c r="I28067" s="1" t="s">
        <v>96632</v>
      </c>
      <c r="J28067" s="1" t="s">
        <v>99790</v>
      </c>
    </row>
    <row r="28068" spans="1:10" x14ac:dyDescent="0.35">
      <c r="A28068" s="1" t="s">
        <v>99759</v>
      </c>
      <c r="B28068" s="1" t="s">
        <v>96627</v>
      </c>
      <c r="C28068" s="1" t="s">
        <v>90</v>
      </c>
      <c r="D28068" s="1" t="s">
        <v>75802</v>
      </c>
      <c r="E28068" s="1" t="s">
        <v>56842</v>
      </c>
      <c r="F28068" s="1" t="s">
        <v>99791</v>
      </c>
      <c r="G28068" s="1" t="s">
        <v>99761</v>
      </c>
      <c r="H28068" s="1" t="s">
        <v>99762</v>
      </c>
      <c r="I28068" s="1" t="s">
        <v>96632</v>
      </c>
      <c r="J28068" s="1" t="s">
        <v>99792</v>
      </c>
    </row>
    <row r="28069" spans="1:10" x14ac:dyDescent="0.35">
      <c r="A28069" s="1" t="s">
        <v>99759</v>
      </c>
      <c r="B28069" s="1" t="s">
        <v>96627</v>
      </c>
      <c r="C28069" s="1" t="s">
        <v>95</v>
      </c>
      <c r="D28069" s="1" t="s">
        <v>99793</v>
      </c>
      <c r="E28069" s="1" t="s">
        <v>15369</v>
      </c>
      <c r="F28069" s="1" t="s">
        <v>99794</v>
      </c>
      <c r="G28069" s="1" t="s">
        <v>99761</v>
      </c>
      <c r="H28069" s="1" t="s">
        <v>99762</v>
      </c>
      <c r="I28069" s="1" t="s">
        <v>96632</v>
      </c>
      <c r="J28069" s="1" t="s">
        <v>99795</v>
      </c>
    </row>
    <row r="28070" spans="1:10" x14ac:dyDescent="0.35">
      <c r="A28070" s="1" t="s">
        <v>99759</v>
      </c>
      <c r="B28070" s="1" t="s">
        <v>96627</v>
      </c>
      <c r="C28070" s="1" t="s">
        <v>100</v>
      </c>
      <c r="D28070" s="1" t="s">
        <v>54962</v>
      </c>
      <c r="E28070" s="1" t="s">
        <v>54092</v>
      </c>
      <c r="F28070" s="1" t="s">
        <v>99796</v>
      </c>
      <c r="G28070" s="1" t="s">
        <v>99761</v>
      </c>
      <c r="H28070" s="1" t="s">
        <v>99762</v>
      </c>
      <c r="I28070" s="1" t="s">
        <v>96632</v>
      </c>
      <c r="J28070" s="1" t="s">
        <v>99797</v>
      </c>
    </row>
    <row r="28071" spans="1:10" x14ac:dyDescent="0.35">
      <c r="A28071" s="1" t="s">
        <v>99759</v>
      </c>
      <c r="B28071" s="1" t="s">
        <v>96627</v>
      </c>
      <c r="C28071" s="1" t="s">
        <v>105</v>
      </c>
      <c r="D28071" s="1" t="s">
        <v>84861</v>
      </c>
      <c r="E28071" s="1" t="s">
        <v>62981</v>
      </c>
      <c r="F28071" s="1" t="s">
        <v>99798</v>
      </c>
      <c r="G28071" s="1" t="s">
        <v>99761</v>
      </c>
      <c r="H28071" s="1" t="s">
        <v>99762</v>
      </c>
      <c r="I28071" s="1" t="s">
        <v>96632</v>
      </c>
      <c r="J28071" s="1" t="s">
        <v>99799</v>
      </c>
    </row>
    <row r="28072" spans="1:10" x14ac:dyDescent="0.35">
      <c r="A28072" s="1" t="s">
        <v>99759</v>
      </c>
      <c r="B28072" s="1" t="s">
        <v>96627</v>
      </c>
      <c r="C28072" s="1" t="s">
        <v>110</v>
      </c>
      <c r="D28072" s="1" t="s">
        <v>99800</v>
      </c>
      <c r="E28072" s="1" t="s">
        <v>57392</v>
      </c>
      <c r="F28072" s="1" t="s">
        <v>55423</v>
      </c>
      <c r="G28072" s="1" t="s">
        <v>99761</v>
      </c>
      <c r="H28072" s="1" t="s">
        <v>99762</v>
      </c>
      <c r="I28072" s="1" t="s">
        <v>96632</v>
      </c>
      <c r="J28072" s="1" t="s">
        <v>99801</v>
      </c>
    </row>
    <row r="28073" spans="1:10" x14ac:dyDescent="0.35">
      <c r="A28073" s="1" t="s">
        <v>99759</v>
      </c>
      <c r="B28073" s="1" t="s">
        <v>96627</v>
      </c>
      <c r="C28073" s="1" t="s">
        <v>115</v>
      </c>
      <c r="D28073" s="1" t="s">
        <v>99802</v>
      </c>
      <c r="E28073" s="1" t="s">
        <v>60824</v>
      </c>
      <c r="F28073" s="1" t="s">
        <v>99803</v>
      </c>
      <c r="G28073" s="1" t="s">
        <v>99761</v>
      </c>
      <c r="H28073" s="1" t="s">
        <v>99762</v>
      </c>
      <c r="I28073" s="1" t="s">
        <v>96632</v>
      </c>
      <c r="J28073" s="1" t="s">
        <v>99804</v>
      </c>
    </row>
    <row r="28074" spans="1:10" x14ac:dyDescent="0.35">
      <c r="A28074" s="1" t="s">
        <v>99759</v>
      </c>
      <c r="B28074" s="1" t="s">
        <v>96627</v>
      </c>
      <c r="C28074" s="1" t="s">
        <v>120</v>
      </c>
      <c r="D28074" s="1" t="s">
        <v>61863</v>
      </c>
      <c r="E28074" s="1" t="s">
        <v>22052</v>
      </c>
      <c r="F28074" s="1" t="s">
        <v>99805</v>
      </c>
      <c r="G28074" s="1" t="s">
        <v>99761</v>
      </c>
      <c r="H28074" s="1" t="s">
        <v>99762</v>
      </c>
      <c r="I28074" s="1" t="s">
        <v>96632</v>
      </c>
      <c r="J28074" s="1" t="s">
        <v>99806</v>
      </c>
    </row>
    <row r="28075" spans="1:10" x14ac:dyDescent="0.35">
      <c r="A28075" s="1" t="s">
        <v>99759</v>
      </c>
      <c r="B28075" s="1" t="s">
        <v>96627</v>
      </c>
      <c r="C28075" s="1" t="s">
        <v>125</v>
      </c>
      <c r="D28075" s="1" t="s">
        <v>99807</v>
      </c>
      <c r="E28075" s="1" t="s">
        <v>58204</v>
      </c>
      <c r="F28075" s="1" t="s">
        <v>99808</v>
      </c>
      <c r="G28075" s="1" t="s">
        <v>99761</v>
      </c>
      <c r="H28075" s="1" t="s">
        <v>99762</v>
      </c>
      <c r="I28075" s="1" t="s">
        <v>96632</v>
      </c>
      <c r="J28075" s="1" t="s">
        <v>99809</v>
      </c>
    </row>
    <row r="28076" spans="1:10" x14ac:dyDescent="0.35">
      <c r="A28076" s="1" t="s">
        <v>99759</v>
      </c>
      <c r="B28076" s="1" t="s">
        <v>96627</v>
      </c>
      <c r="C28076" s="1" t="s">
        <v>130</v>
      </c>
      <c r="D28076" s="1" t="s">
        <v>78091</v>
      </c>
      <c r="E28076" s="1" t="s">
        <v>22267</v>
      </c>
      <c r="F28076" s="1" t="s">
        <v>99810</v>
      </c>
      <c r="G28076" s="1" t="s">
        <v>99761</v>
      </c>
      <c r="H28076" s="1" t="s">
        <v>99762</v>
      </c>
      <c r="I28076" s="1" t="s">
        <v>96632</v>
      </c>
      <c r="J28076" s="1" t="s">
        <v>99811</v>
      </c>
    </row>
    <row r="28077" spans="1:10" x14ac:dyDescent="0.35">
      <c r="A28077" s="1" t="s">
        <v>99759</v>
      </c>
      <c r="B28077" s="1" t="s">
        <v>96627</v>
      </c>
      <c r="C28077" s="1" t="s">
        <v>135</v>
      </c>
      <c r="D28077" s="1" t="s">
        <v>92624</v>
      </c>
      <c r="E28077" s="1" t="s">
        <v>56032</v>
      </c>
      <c r="F28077" s="1" t="s">
        <v>99812</v>
      </c>
      <c r="G28077" s="1" t="s">
        <v>99761</v>
      </c>
      <c r="H28077" s="1" t="s">
        <v>99762</v>
      </c>
      <c r="I28077" s="1" t="s">
        <v>96632</v>
      </c>
      <c r="J28077" s="1" t="s">
        <v>99813</v>
      </c>
    </row>
    <row r="28078" spans="1:10" x14ac:dyDescent="0.35">
      <c r="A28078" s="1" t="s">
        <v>99759</v>
      </c>
      <c r="B28078" s="1" t="s">
        <v>96627</v>
      </c>
      <c r="C28078" s="1" t="s">
        <v>140</v>
      </c>
      <c r="D28078" s="1" t="s">
        <v>99787</v>
      </c>
      <c r="E28078" s="1" t="s">
        <v>15340</v>
      </c>
      <c r="F28078" s="1" t="s">
        <v>99814</v>
      </c>
      <c r="G28078" s="1" t="s">
        <v>99761</v>
      </c>
      <c r="H28078" s="1" t="s">
        <v>99762</v>
      </c>
      <c r="I28078" s="1" t="s">
        <v>96632</v>
      </c>
      <c r="J28078" s="1" t="s">
        <v>99815</v>
      </c>
    </row>
    <row r="28079" spans="1:10" x14ac:dyDescent="0.35">
      <c r="A28079" s="1" t="s">
        <v>99759</v>
      </c>
      <c r="B28079" s="1" t="s">
        <v>96627</v>
      </c>
      <c r="C28079" s="1" t="s">
        <v>145</v>
      </c>
      <c r="D28079" s="1" t="s">
        <v>93477</v>
      </c>
      <c r="E28079" s="1" t="s">
        <v>12786</v>
      </c>
      <c r="F28079" s="1" t="s">
        <v>99816</v>
      </c>
      <c r="G28079" s="1" t="s">
        <v>99761</v>
      </c>
      <c r="H28079" s="1" t="s">
        <v>99762</v>
      </c>
      <c r="I28079" s="1" t="s">
        <v>96632</v>
      </c>
      <c r="J28079" s="1" t="s">
        <v>99817</v>
      </c>
    </row>
    <row r="28080" spans="1:10" x14ac:dyDescent="0.35">
      <c r="A28080" s="1" t="s">
        <v>99759</v>
      </c>
      <c r="B28080" s="1" t="s">
        <v>96627</v>
      </c>
      <c r="C28080" s="1" t="s">
        <v>150</v>
      </c>
      <c r="D28080" s="1" t="s">
        <v>99818</v>
      </c>
      <c r="E28080" s="1" t="s">
        <v>12809</v>
      </c>
      <c r="F28080" s="1" t="s">
        <v>56135</v>
      </c>
      <c r="G28080" s="1" t="s">
        <v>99761</v>
      </c>
      <c r="H28080" s="1" t="s">
        <v>99762</v>
      </c>
      <c r="I28080" s="1" t="s">
        <v>96632</v>
      </c>
      <c r="J28080" s="1" t="s">
        <v>99819</v>
      </c>
    </row>
    <row r="28081" spans="1:10" x14ac:dyDescent="0.35">
      <c r="A28081" s="1" t="s">
        <v>99759</v>
      </c>
      <c r="B28081" s="1" t="s">
        <v>96627</v>
      </c>
      <c r="C28081" s="1" t="s">
        <v>155</v>
      </c>
      <c r="D28081" s="1" t="s">
        <v>63461</v>
      </c>
      <c r="E28081" s="1" t="s">
        <v>15293</v>
      </c>
      <c r="F28081" s="1" t="s">
        <v>99820</v>
      </c>
      <c r="G28081" s="1" t="s">
        <v>99761</v>
      </c>
      <c r="H28081" s="1" t="s">
        <v>99762</v>
      </c>
      <c r="I28081" s="1" t="s">
        <v>96632</v>
      </c>
      <c r="J28081" s="1" t="s">
        <v>99821</v>
      </c>
    </row>
    <row r="28082" spans="1:10" x14ac:dyDescent="0.35">
      <c r="A28082" s="1" t="s">
        <v>99759</v>
      </c>
      <c r="B28082" s="1" t="s">
        <v>96627</v>
      </c>
      <c r="C28082" s="1" t="s">
        <v>160</v>
      </c>
      <c r="D28082" s="1" t="s">
        <v>36279</v>
      </c>
      <c r="E28082" s="1" t="s">
        <v>26247</v>
      </c>
      <c r="F28082" s="1" t="s">
        <v>99822</v>
      </c>
      <c r="G28082" s="1" t="s">
        <v>99761</v>
      </c>
      <c r="H28082" s="1" t="s">
        <v>99762</v>
      </c>
      <c r="I28082" s="1" t="s">
        <v>96632</v>
      </c>
      <c r="J28082" s="1" t="s">
        <v>99823</v>
      </c>
    </row>
    <row r="28083" spans="1:10" x14ac:dyDescent="0.35">
      <c r="A28083" s="1" t="s">
        <v>99759</v>
      </c>
      <c r="B28083" s="1" t="s">
        <v>96627</v>
      </c>
      <c r="C28083" s="1" t="s">
        <v>165</v>
      </c>
      <c r="D28083" s="1" t="s">
        <v>99824</v>
      </c>
      <c r="E28083" s="1" t="s">
        <v>23232</v>
      </c>
      <c r="F28083" s="1" t="s">
        <v>61751</v>
      </c>
      <c r="G28083" s="1" t="s">
        <v>99761</v>
      </c>
      <c r="H28083" s="1" t="s">
        <v>99762</v>
      </c>
      <c r="I28083" s="1" t="s">
        <v>96632</v>
      </c>
      <c r="J28083" s="1" t="s">
        <v>99825</v>
      </c>
    </row>
    <row r="28084" spans="1:10" x14ac:dyDescent="0.35">
      <c r="A28084" s="1" t="s">
        <v>99759</v>
      </c>
      <c r="B28084" s="1" t="s">
        <v>96627</v>
      </c>
      <c r="C28084" s="1" t="s">
        <v>170</v>
      </c>
      <c r="D28084" s="1" t="s">
        <v>99826</v>
      </c>
      <c r="E28084" s="1" t="s">
        <v>24217</v>
      </c>
      <c r="F28084" s="1" t="s">
        <v>99827</v>
      </c>
      <c r="G28084" s="1" t="s">
        <v>99761</v>
      </c>
      <c r="H28084" s="1" t="s">
        <v>99762</v>
      </c>
      <c r="I28084" s="1" t="s">
        <v>96632</v>
      </c>
      <c r="J28084" s="1" t="s">
        <v>99828</v>
      </c>
    </row>
    <row r="28085" spans="1:10" x14ac:dyDescent="0.35">
      <c r="A28085" s="1" t="s">
        <v>25210</v>
      </c>
      <c r="B28085" s="1" t="s">
        <v>96627</v>
      </c>
      <c r="C28085" s="1" t="s">
        <v>8</v>
      </c>
      <c r="D28085" s="1" t="s">
        <v>63772</v>
      </c>
      <c r="E28085" s="1" t="s">
        <v>56046</v>
      </c>
      <c r="F28085" s="1" t="s">
        <v>99829</v>
      </c>
      <c r="G28085" s="1" t="s">
        <v>99830</v>
      </c>
      <c r="H28085" s="1" t="s">
        <v>99831</v>
      </c>
      <c r="I28085" s="1" t="s">
        <v>96632</v>
      </c>
      <c r="J28085" s="1" t="s">
        <v>13</v>
      </c>
    </row>
    <row r="28086" spans="1:10" x14ac:dyDescent="0.35">
      <c r="A28086" s="1" t="s">
        <v>25210</v>
      </c>
      <c r="B28086" s="1" t="s">
        <v>96627</v>
      </c>
      <c r="C28086" s="1" t="s">
        <v>15</v>
      </c>
      <c r="D28086" s="1" t="s">
        <v>99832</v>
      </c>
      <c r="E28086" s="1" t="s">
        <v>27130</v>
      </c>
      <c r="F28086" s="1" t="s">
        <v>99833</v>
      </c>
      <c r="G28086" s="1" t="s">
        <v>99830</v>
      </c>
      <c r="H28086" s="1" t="s">
        <v>99831</v>
      </c>
      <c r="I28086" s="1" t="s">
        <v>96632</v>
      </c>
      <c r="J28086" s="1" t="s">
        <v>99834</v>
      </c>
    </row>
    <row r="28087" spans="1:10" x14ac:dyDescent="0.35">
      <c r="A28087" s="1" t="s">
        <v>25210</v>
      </c>
      <c r="B28087" s="1" t="s">
        <v>96627</v>
      </c>
      <c r="C28087" s="1" t="s">
        <v>20</v>
      </c>
      <c r="D28087" s="1" t="s">
        <v>62646</v>
      </c>
      <c r="E28087" s="1" t="s">
        <v>23476</v>
      </c>
      <c r="F28087" s="1" t="s">
        <v>99835</v>
      </c>
      <c r="G28087" s="1" t="s">
        <v>99830</v>
      </c>
      <c r="H28087" s="1" t="s">
        <v>99831</v>
      </c>
      <c r="I28087" s="1" t="s">
        <v>96632</v>
      </c>
      <c r="J28087" s="1" t="s">
        <v>99836</v>
      </c>
    </row>
    <row r="28088" spans="1:10" x14ac:dyDescent="0.35">
      <c r="A28088" s="1" t="s">
        <v>25210</v>
      </c>
      <c r="B28088" s="1" t="s">
        <v>96627</v>
      </c>
      <c r="C28088" s="1" t="s">
        <v>25</v>
      </c>
      <c r="D28088" s="1" t="s">
        <v>99837</v>
      </c>
      <c r="E28088" s="1" t="s">
        <v>15245</v>
      </c>
      <c r="F28088" s="1" t="s">
        <v>99838</v>
      </c>
      <c r="G28088" s="1" t="s">
        <v>99830</v>
      </c>
      <c r="H28088" s="1" t="s">
        <v>99831</v>
      </c>
      <c r="I28088" s="1" t="s">
        <v>96632</v>
      </c>
      <c r="J28088" s="1" t="s">
        <v>99839</v>
      </c>
    </row>
    <row r="28089" spans="1:10" x14ac:dyDescent="0.35">
      <c r="A28089" s="1" t="s">
        <v>25210</v>
      </c>
      <c r="B28089" s="1" t="s">
        <v>96627</v>
      </c>
      <c r="C28089" s="1" t="s">
        <v>30</v>
      </c>
      <c r="D28089" s="1" t="s">
        <v>26657</v>
      </c>
      <c r="E28089" s="1" t="s">
        <v>69425</v>
      </c>
      <c r="F28089" s="1" t="s">
        <v>60481</v>
      </c>
      <c r="G28089" s="1" t="s">
        <v>99830</v>
      </c>
      <c r="H28089" s="1" t="s">
        <v>99831</v>
      </c>
      <c r="I28089" s="1" t="s">
        <v>96632</v>
      </c>
      <c r="J28089" s="1" t="s">
        <v>99840</v>
      </c>
    </row>
    <row r="28090" spans="1:10" x14ac:dyDescent="0.35">
      <c r="A28090" s="1" t="s">
        <v>25210</v>
      </c>
      <c r="B28090" s="1" t="s">
        <v>96627</v>
      </c>
      <c r="C28090" s="1" t="s">
        <v>35</v>
      </c>
      <c r="D28090" s="1" t="s">
        <v>99841</v>
      </c>
      <c r="E28090" s="1" t="s">
        <v>15235</v>
      </c>
      <c r="F28090" s="1" t="s">
        <v>99842</v>
      </c>
      <c r="G28090" s="1" t="s">
        <v>99830</v>
      </c>
      <c r="H28090" s="1" t="s">
        <v>99831</v>
      </c>
      <c r="I28090" s="1" t="s">
        <v>96632</v>
      </c>
      <c r="J28090" s="1" t="s">
        <v>99843</v>
      </c>
    </row>
    <row r="28091" spans="1:10" x14ac:dyDescent="0.35">
      <c r="A28091" s="1" t="s">
        <v>25210</v>
      </c>
      <c r="B28091" s="1" t="s">
        <v>96627</v>
      </c>
      <c r="C28091" s="1" t="s">
        <v>40</v>
      </c>
      <c r="D28091" s="1" t="s">
        <v>90749</v>
      </c>
      <c r="E28091" s="1" t="s">
        <v>41159</v>
      </c>
      <c r="F28091" s="1" t="s">
        <v>56773</v>
      </c>
      <c r="G28091" s="1" t="s">
        <v>99830</v>
      </c>
      <c r="H28091" s="1" t="s">
        <v>99831</v>
      </c>
      <c r="I28091" s="1" t="s">
        <v>96632</v>
      </c>
      <c r="J28091" s="1" t="s">
        <v>99844</v>
      </c>
    </row>
    <row r="28092" spans="1:10" x14ac:dyDescent="0.35">
      <c r="A28092" s="1" t="s">
        <v>25210</v>
      </c>
      <c r="B28092" s="1" t="s">
        <v>96627</v>
      </c>
      <c r="C28092" s="1" t="s">
        <v>45</v>
      </c>
      <c r="D28092" s="1" t="s">
        <v>99845</v>
      </c>
      <c r="E28092" s="1" t="s">
        <v>31779</v>
      </c>
      <c r="F28092" s="1" t="s">
        <v>99846</v>
      </c>
      <c r="G28092" s="1" t="s">
        <v>99830</v>
      </c>
      <c r="H28092" s="1" t="s">
        <v>99831</v>
      </c>
      <c r="I28092" s="1" t="s">
        <v>96632</v>
      </c>
      <c r="J28092" s="1" t="s">
        <v>99847</v>
      </c>
    </row>
    <row r="28093" spans="1:10" x14ac:dyDescent="0.35">
      <c r="A28093" s="1" t="s">
        <v>25210</v>
      </c>
      <c r="B28093" s="1" t="s">
        <v>96627</v>
      </c>
      <c r="C28093" s="1" t="s">
        <v>50</v>
      </c>
      <c r="D28093" s="1" t="s">
        <v>99848</v>
      </c>
      <c r="E28093" s="1" t="s">
        <v>26556</v>
      </c>
      <c r="F28093" s="1" t="s">
        <v>23263</v>
      </c>
      <c r="G28093" s="1" t="s">
        <v>99830</v>
      </c>
      <c r="H28093" s="1" t="s">
        <v>99831</v>
      </c>
      <c r="I28093" s="1" t="s">
        <v>96632</v>
      </c>
      <c r="J28093" s="1" t="s">
        <v>99849</v>
      </c>
    </row>
    <row r="28094" spans="1:10" x14ac:dyDescent="0.35">
      <c r="A28094" s="1" t="s">
        <v>25210</v>
      </c>
      <c r="B28094" s="1" t="s">
        <v>96627</v>
      </c>
      <c r="C28094" s="1" t="s">
        <v>55</v>
      </c>
      <c r="D28094" s="1" t="s">
        <v>99850</v>
      </c>
      <c r="E28094" s="1" t="s">
        <v>31834</v>
      </c>
      <c r="F28094" s="1" t="s">
        <v>11793</v>
      </c>
      <c r="G28094" s="1" t="s">
        <v>99830</v>
      </c>
      <c r="H28094" s="1" t="s">
        <v>99831</v>
      </c>
      <c r="I28094" s="1" t="s">
        <v>96632</v>
      </c>
      <c r="J28094" s="1" t="s">
        <v>99851</v>
      </c>
    </row>
    <row r="28095" spans="1:10" x14ac:dyDescent="0.35">
      <c r="A28095" s="1" t="s">
        <v>25210</v>
      </c>
      <c r="B28095" s="1" t="s">
        <v>96627</v>
      </c>
      <c r="C28095" s="1" t="s">
        <v>60</v>
      </c>
      <c r="D28095" s="1" t="s">
        <v>99852</v>
      </c>
      <c r="E28095" s="1" t="s">
        <v>99853</v>
      </c>
      <c r="F28095" s="1" t="s">
        <v>99854</v>
      </c>
      <c r="G28095" s="1" t="s">
        <v>99830</v>
      </c>
      <c r="H28095" s="1" t="s">
        <v>99831</v>
      </c>
      <c r="I28095" s="1" t="s">
        <v>96632</v>
      </c>
      <c r="J28095" s="1" t="s">
        <v>99855</v>
      </c>
    </row>
    <row r="28096" spans="1:10" x14ac:dyDescent="0.35">
      <c r="A28096" s="1" t="s">
        <v>25210</v>
      </c>
      <c r="B28096" s="1" t="s">
        <v>96627</v>
      </c>
      <c r="C28096" s="1" t="s">
        <v>65</v>
      </c>
      <c r="D28096" s="1" t="s">
        <v>99856</v>
      </c>
      <c r="E28096" s="1" t="s">
        <v>59501</v>
      </c>
      <c r="F28096" s="1" t="s">
        <v>99857</v>
      </c>
      <c r="G28096" s="1" t="s">
        <v>99830</v>
      </c>
      <c r="H28096" s="1" t="s">
        <v>99831</v>
      </c>
      <c r="I28096" s="1" t="s">
        <v>96632</v>
      </c>
      <c r="J28096" s="1" t="s">
        <v>99858</v>
      </c>
    </row>
    <row r="28097" spans="1:10" x14ac:dyDescent="0.35">
      <c r="A28097" s="1" t="s">
        <v>25210</v>
      </c>
      <c r="B28097" s="1" t="s">
        <v>96627</v>
      </c>
      <c r="C28097" s="1" t="s">
        <v>70</v>
      </c>
      <c r="D28097" s="1" t="s">
        <v>99859</v>
      </c>
      <c r="E28097" s="1" t="s">
        <v>31996</v>
      </c>
      <c r="F28097" s="1" t="s">
        <v>71167</v>
      </c>
      <c r="G28097" s="1" t="s">
        <v>99830</v>
      </c>
      <c r="H28097" s="1" t="s">
        <v>99831</v>
      </c>
      <c r="I28097" s="1" t="s">
        <v>96632</v>
      </c>
      <c r="J28097" s="1" t="s">
        <v>99860</v>
      </c>
    </row>
    <row r="28098" spans="1:10" x14ac:dyDescent="0.35">
      <c r="A28098" s="1" t="s">
        <v>25210</v>
      </c>
      <c r="B28098" s="1" t="s">
        <v>96627</v>
      </c>
      <c r="C28098" s="1" t="s">
        <v>75</v>
      </c>
      <c r="D28098" s="1" t="s">
        <v>99861</v>
      </c>
      <c r="E28098" s="1" t="s">
        <v>32113</v>
      </c>
      <c r="F28098" s="1" t="s">
        <v>66300</v>
      </c>
      <c r="G28098" s="1" t="s">
        <v>99830</v>
      </c>
      <c r="H28098" s="1" t="s">
        <v>99831</v>
      </c>
      <c r="I28098" s="1" t="s">
        <v>96632</v>
      </c>
      <c r="J28098" s="1" t="s">
        <v>99862</v>
      </c>
    </row>
    <row r="28099" spans="1:10" x14ac:dyDescent="0.35">
      <c r="A28099" s="1" t="s">
        <v>25210</v>
      </c>
      <c r="B28099" s="1" t="s">
        <v>96627</v>
      </c>
      <c r="C28099" s="1" t="s">
        <v>80</v>
      </c>
      <c r="D28099" s="1" t="s">
        <v>99863</v>
      </c>
      <c r="E28099" s="1" t="s">
        <v>15417</v>
      </c>
      <c r="F28099" s="1" t="s">
        <v>99864</v>
      </c>
      <c r="G28099" s="1" t="s">
        <v>99830</v>
      </c>
      <c r="H28099" s="1" t="s">
        <v>99831</v>
      </c>
      <c r="I28099" s="1" t="s">
        <v>96632</v>
      </c>
      <c r="J28099" s="1" t="s">
        <v>99865</v>
      </c>
    </row>
    <row r="28100" spans="1:10" x14ac:dyDescent="0.35">
      <c r="A28100" s="1" t="s">
        <v>25210</v>
      </c>
      <c r="B28100" s="1" t="s">
        <v>96627</v>
      </c>
      <c r="C28100" s="1" t="s">
        <v>85</v>
      </c>
      <c r="D28100" s="1" t="s">
        <v>99866</v>
      </c>
      <c r="E28100" s="1" t="s">
        <v>69425</v>
      </c>
      <c r="F28100" s="1" t="s">
        <v>99867</v>
      </c>
      <c r="G28100" s="1" t="s">
        <v>99830</v>
      </c>
      <c r="H28100" s="1" t="s">
        <v>99831</v>
      </c>
      <c r="I28100" s="1" t="s">
        <v>96632</v>
      </c>
      <c r="J28100" s="1" t="s">
        <v>99868</v>
      </c>
    </row>
    <row r="28101" spans="1:10" x14ac:dyDescent="0.35">
      <c r="A28101" s="1" t="s">
        <v>25210</v>
      </c>
      <c r="B28101" s="1" t="s">
        <v>96627</v>
      </c>
      <c r="C28101" s="1" t="s">
        <v>90</v>
      </c>
      <c r="D28101" s="1" t="s">
        <v>99869</v>
      </c>
      <c r="E28101" s="1" t="s">
        <v>99870</v>
      </c>
      <c r="F28101" s="1" t="s">
        <v>99871</v>
      </c>
      <c r="G28101" s="1" t="s">
        <v>99830</v>
      </c>
      <c r="H28101" s="1" t="s">
        <v>99831</v>
      </c>
      <c r="I28101" s="1" t="s">
        <v>96632</v>
      </c>
      <c r="J28101" s="1" t="s">
        <v>99872</v>
      </c>
    </row>
    <row r="28102" spans="1:10" x14ac:dyDescent="0.35">
      <c r="A28102" s="1" t="s">
        <v>25210</v>
      </c>
      <c r="B28102" s="1" t="s">
        <v>96627</v>
      </c>
      <c r="C28102" s="1" t="s">
        <v>95</v>
      </c>
      <c r="D28102" s="1" t="s">
        <v>99873</v>
      </c>
      <c r="E28102" s="1" t="s">
        <v>26474</v>
      </c>
      <c r="F28102" s="1" t="s">
        <v>66040</v>
      </c>
      <c r="G28102" s="1" t="s">
        <v>99830</v>
      </c>
      <c r="H28102" s="1" t="s">
        <v>99831</v>
      </c>
      <c r="I28102" s="1" t="s">
        <v>96632</v>
      </c>
      <c r="J28102" s="1" t="s">
        <v>99874</v>
      </c>
    </row>
    <row r="28103" spans="1:10" x14ac:dyDescent="0.35">
      <c r="A28103" s="1" t="s">
        <v>25210</v>
      </c>
      <c r="B28103" s="1" t="s">
        <v>96627</v>
      </c>
      <c r="C28103" s="1" t="s">
        <v>100</v>
      </c>
      <c r="D28103" s="1" t="s">
        <v>99875</v>
      </c>
      <c r="E28103" s="1" t="s">
        <v>23521</v>
      </c>
      <c r="F28103" s="1" t="s">
        <v>21903</v>
      </c>
      <c r="G28103" s="1" t="s">
        <v>99830</v>
      </c>
      <c r="H28103" s="1" t="s">
        <v>99831</v>
      </c>
      <c r="I28103" s="1" t="s">
        <v>96632</v>
      </c>
      <c r="J28103" s="1" t="s">
        <v>99876</v>
      </c>
    </row>
    <row r="28104" spans="1:10" x14ac:dyDescent="0.35">
      <c r="A28104" s="1" t="s">
        <v>25210</v>
      </c>
      <c r="B28104" s="1" t="s">
        <v>96627</v>
      </c>
      <c r="C28104" s="1" t="s">
        <v>105</v>
      </c>
      <c r="D28104" s="1" t="s">
        <v>99877</v>
      </c>
      <c r="E28104" s="1" t="s">
        <v>15289</v>
      </c>
      <c r="F28104" s="1" t="s">
        <v>99878</v>
      </c>
      <c r="G28104" s="1" t="s">
        <v>99830</v>
      </c>
      <c r="H28104" s="1" t="s">
        <v>99831</v>
      </c>
      <c r="I28104" s="1" t="s">
        <v>96632</v>
      </c>
      <c r="J28104" s="1" t="s">
        <v>99879</v>
      </c>
    </row>
    <row r="28105" spans="1:10" x14ac:dyDescent="0.35">
      <c r="A28105" s="1" t="s">
        <v>25210</v>
      </c>
      <c r="B28105" s="1" t="s">
        <v>96627</v>
      </c>
      <c r="C28105" s="1" t="s">
        <v>110</v>
      </c>
      <c r="D28105" s="1" t="s">
        <v>99880</v>
      </c>
      <c r="E28105" s="1" t="s">
        <v>54387</v>
      </c>
      <c r="F28105" s="1" t="s">
        <v>99881</v>
      </c>
      <c r="G28105" s="1" t="s">
        <v>99830</v>
      </c>
      <c r="H28105" s="1" t="s">
        <v>99831</v>
      </c>
      <c r="I28105" s="1" t="s">
        <v>96632</v>
      </c>
      <c r="J28105" s="1" t="s">
        <v>99882</v>
      </c>
    </row>
    <row r="28106" spans="1:10" x14ac:dyDescent="0.35">
      <c r="A28106" s="1" t="s">
        <v>25210</v>
      </c>
      <c r="B28106" s="1" t="s">
        <v>96627</v>
      </c>
      <c r="C28106" s="1" t="s">
        <v>115</v>
      </c>
      <c r="D28106" s="1" t="s">
        <v>99883</v>
      </c>
      <c r="E28106" s="1" t="s">
        <v>15845</v>
      </c>
      <c r="F28106" s="1" t="s">
        <v>61800</v>
      </c>
      <c r="G28106" s="1" t="s">
        <v>99830</v>
      </c>
      <c r="H28106" s="1" t="s">
        <v>99831</v>
      </c>
      <c r="I28106" s="1" t="s">
        <v>96632</v>
      </c>
      <c r="J28106" s="1" t="s">
        <v>99884</v>
      </c>
    </row>
    <row r="28107" spans="1:10" x14ac:dyDescent="0.35">
      <c r="A28107" s="1" t="s">
        <v>25210</v>
      </c>
      <c r="B28107" s="1" t="s">
        <v>96627</v>
      </c>
      <c r="C28107" s="1" t="s">
        <v>120</v>
      </c>
      <c r="D28107" s="1" t="s">
        <v>97233</v>
      </c>
      <c r="E28107" s="1" t="s">
        <v>53876</v>
      </c>
      <c r="F28107" s="1" t="s">
        <v>99885</v>
      </c>
      <c r="G28107" s="1" t="s">
        <v>99830</v>
      </c>
      <c r="H28107" s="1" t="s">
        <v>99831</v>
      </c>
      <c r="I28107" s="1" t="s">
        <v>96632</v>
      </c>
      <c r="J28107" s="1" t="s">
        <v>99886</v>
      </c>
    </row>
    <row r="28108" spans="1:10" x14ac:dyDescent="0.35">
      <c r="A28108" s="1" t="s">
        <v>25210</v>
      </c>
      <c r="B28108" s="1" t="s">
        <v>96627</v>
      </c>
      <c r="C28108" s="1" t="s">
        <v>125</v>
      </c>
      <c r="D28108" s="1" t="s">
        <v>99887</v>
      </c>
      <c r="E28108" s="1" t="s">
        <v>54659</v>
      </c>
      <c r="F28108" s="1" t="s">
        <v>99888</v>
      </c>
      <c r="G28108" s="1" t="s">
        <v>99830</v>
      </c>
      <c r="H28108" s="1" t="s">
        <v>99831</v>
      </c>
      <c r="I28108" s="1" t="s">
        <v>96632</v>
      </c>
      <c r="J28108" s="1" t="s">
        <v>99889</v>
      </c>
    </row>
    <row r="28109" spans="1:10" x14ac:dyDescent="0.35">
      <c r="A28109" s="1" t="s">
        <v>25210</v>
      </c>
      <c r="B28109" s="1" t="s">
        <v>96627</v>
      </c>
      <c r="C28109" s="1" t="s">
        <v>130</v>
      </c>
      <c r="D28109" s="1" t="s">
        <v>63055</v>
      </c>
      <c r="E28109" s="1" t="s">
        <v>26647</v>
      </c>
      <c r="F28109" s="1" t="s">
        <v>99890</v>
      </c>
      <c r="G28109" s="1" t="s">
        <v>99830</v>
      </c>
      <c r="H28109" s="1" t="s">
        <v>99831</v>
      </c>
      <c r="I28109" s="1" t="s">
        <v>96632</v>
      </c>
      <c r="J28109" s="1" t="s">
        <v>99891</v>
      </c>
    </row>
    <row r="28110" spans="1:10" x14ac:dyDescent="0.35">
      <c r="A28110" s="1" t="s">
        <v>25210</v>
      </c>
      <c r="B28110" s="1" t="s">
        <v>96627</v>
      </c>
      <c r="C28110" s="1" t="s">
        <v>135</v>
      </c>
      <c r="D28110" s="1" t="s">
        <v>99892</v>
      </c>
      <c r="E28110" s="1" t="s">
        <v>15365</v>
      </c>
      <c r="F28110" s="1" t="s">
        <v>99893</v>
      </c>
      <c r="G28110" s="1" t="s">
        <v>99830</v>
      </c>
      <c r="H28110" s="1" t="s">
        <v>99831</v>
      </c>
      <c r="I28110" s="1" t="s">
        <v>96632</v>
      </c>
      <c r="J28110" s="1" t="s">
        <v>99894</v>
      </c>
    </row>
    <row r="28111" spans="1:10" x14ac:dyDescent="0.35">
      <c r="A28111" s="1" t="s">
        <v>25210</v>
      </c>
      <c r="B28111" s="1" t="s">
        <v>96627</v>
      </c>
      <c r="C28111" s="1" t="s">
        <v>140</v>
      </c>
      <c r="D28111" s="1" t="s">
        <v>99895</v>
      </c>
      <c r="E28111" s="1" t="s">
        <v>31828</v>
      </c>
      <c r="F28111" s="1" t="s">
        <v>99896</v>
      </c>
      <c r="G28111" s="1" t="s">
        <v>99830</v>
      </c>
      <c r="H28111" s="1" t="s">
        <v>99831</v>
      </c>
      <c r="I28111" s="1" t="s">
        <v>96632</v>
      </c>
      <c r="J28111" s="1" t="s">
        <v>99897</v>
      </c>
    </row>
    <row r="28112" spans="1:10" x14ac:dyDescent="0.35">
      <c r="A28112" s="1" t="s">
        <v>25210</v>
      </c>
      <c r="B28112" s="1" t="s">
        <v>96627</v>
      </c>
      <c r="C28112" s="1" t="s">
        <v>145</v>
      </c>
      <c r="D28112" s="1" t="s">
        <v>99898</v>
      </c>
      <c r="E28112" s="1" t="s">
        <v>15845</v>
      </c>
      <c r="F28112" s="1" t="s">
        <v>68421</v>
      </c>
      <c r="G28112" s="1" t="s">
        <v>99830</v>
      </c>
      <c r="H28112" s="1" t="s">
        <v>99831</v>
      </c>
      <c r="I28112" s="1" t="s">
        <v>96632</v>
      </c>
      <c r="J28112" s="1" t="s">
        <v>99899</v>
      </c>
    </row>
    <row r="28113" spans="1:10" x14ac:dyDescent="0.35">
      <c r="A28113" s="1" t="s">
        <v>25210</v>
      </c>
      <c r="B28113" s="1" t="s">
        <v>96627</v>
      </c>
      <c r="C28113" s="1" t="s">
        <v>150</v>
      </c>
      <c r="D28113" s="1" t="s">
        <v>99900</v>
      </c>
      <c r="E28113" s="1" t="s">
        <v>26488</v>
      </c>
      <c r="F28113" s="1" t="s">
        <v>65517</v>
      </c>
      <c r="G28113" s="1" t="s">
        <v>99830</v>
      </c>
      <c r="H28113" s="1" t="s">
        <v>99831</v>
      </c>
      <c r="I28113" s="1" t="s">
        <v>96632</v>
      </c>
      <c r="J28113" s="1" t="s">
        <v>99901</v>
      </c>
    </row>
    <row r="28114" spans="1:10" x14ac:dyDescent="0.35">
      <c r="A28114" s="1" t="s">
        <v>25210</v>
      </c>
      <c r="B28114" s="1" t="s">
        <v>96627</v>
      </c>
      <c r="C28114" s="1" t="s">
        <v>155</v>
      </c>
      <c r="D28114" s="1" t="s">
        <v>99902</v>
      </c>
      <c r="E28114" s="1" t="s">
        <v>27134</v>
      </c>
      <c r="F28114" s="1" t="s">
        <v>99903</v>
      </c>
      <c r="G28114" s="1" t="s">
        <v>99830</v>
      </c>
      <c r="H28114" s="1" t="s">
        <v>99831</v>
      </c>
      <c r="I28114" s="1" t="s">
        <v>96632</v>
      </c>
      <c r="J28114" s="1" t="s">
        <v>99904</v>
      </c>
    </row>
    <row r="28115" spans="1:10" x14ac:dyDescent="0.35">
      <c r="A28115" s="1" t="s">
        <v>25210</v>
      </c>
      <c r="B28115" s="1" t="s">
        <v>96627</v>
      </c>
      <c r="C28115" s="1" t="s">
        <v>160</v>
      </c>
      <c r="D28115" s="1" t="s">
        <v>79423</v>
      </c>
      <c r="E28115" s="1" t="s">
        <v>23269</v>
      </c>
      <c r="F28115" s="1" t="s">
        <v>99905</v>
      </c>
      <c r="G28115" s="1" t="s">
        <v>99830</v>
      </c>
      <c r="H28115" s="1" t="s">
        <v>99831</v>
      </c>
      <c r="I28115" s="1" t="s">
        <v>96632</v>
      </c>
      <c r="J28115" s="1" t="s">
        <v>99906</v>
      </c>
    </row>
    <row r="28116" spans="1:10" x14ac:dyDescent="0.35">
      <c r="A28116" s="1" t="s">
        <v>25210</v>
      </c>
      <c r="B28116" s="1" t="s">
        <v>96627</v>
      </c>
      <c r="C28116" s="1" t="s">
        <v>165</v>
      </c>
      <c r="D28116" s="1" t="s">
        <v>65580</v>
      </c>
      <c r="E28116" s="1" t="s">
        <v>23517</v>
      </c>
      <c r="F28116" s="1" t="s">
        <v>99907</v>
      </c>
      <c r="G28116" s="1" t="s">
        <v>99830</v>
      </c>
      <c r="H28116" s="1" t="s">
        <v>99831</v>
      </c>
      <c r="I28116" s="1" t="s">
        <v>96632</v>
      </c>
      <c r="J28116" s="1" t="s">
        <v>99908</v>
      </c>
    </row>
    <row r="28117" spans="1:10" x14ac:dyDescent="0.35">
      <c r="A28117" s="1" t="s">
        <v>25210</v>
      </c>
      <c r="B28117" s="1" t="s">
        <v>96627</v>
      </c>
      <c r="C28117" s="1" t="s">
        <v>170</v>
      </c>
      <c r="D28117" s="1" t="s">
        <v>99909</v>
      </c>
      <c r="E28117" s="1" t="s">
        <v>30601</v>
      </c>
      <c r="F28117" s="1" t="s">
        <v>52532</v>
      </c>
      <c r="G28117" s="1" t="s">
        <v>99830</v>
      </c>
      <c r="H28117" s="1" t="s">
        <v>99831</v>
      </c>
      <c r="I28117" s="1" t="s">
        <v>96632</v>
      </c>
      <c r="J28117" s="1" t="s">
        <v>99910</v>
      </c>
    </row>
    <row r="28118" spans="1:10" x14ac:dyDescent="0.35">
      <c r="A28118" s="1" t="s">
        <v>8422</v>
      </c>
      <c r="B28118" s="1" t="s">
        <v>96627</v>
      </c>
      <c r="C28118" s="1" t="s">
        <v>8</v>
      </c>
      <c r="D28118" s="1" t="s">
        <v>99911</v>
      </c>
      <c r="E28118" s="1" t="s">
        <v>55129</v>
      </c>
      <c r="F28118" s="1" t="s">
        <v>99912</v>
      </c>
      <c r="G28118" s="1" t="s">
        <v>99913</v>
      </c>
      <c r="H28118" s="1" t="s">
        <v>99914</v>
      </c>
      <c r="I28118" s="1" t="s">
        <v>96632</v>
      </c>
      <c r="J28118" s="1" t="s">
        <v>13</v>
      </c>
    </row>
    <row r="28119" spans="1:10" x14ac:dyDescent="0.35">
      <c r="A28119" s="1" t="s">
        <v>8422</v>
      </c>
      <c r="B28119" s="1" t="s">
        <v>96627</v>
      </c>
      <c r="C28119" s="1" t="s">
        <v>15</v>
      </c>
      <c r="D28119" s="1" t="s">
        <v>99915</v>
      </c>
      <c r="E28119" s="1" t="s">
        <v>99916</v>
      </c>
      <c r="F28119" s="1" t="s">
        <v>99917</v>
      </c>
      <c r="G28119" s="1" t="s">
        <v>99913</v>
      </c>
      <c r="H28119" s="1" t="s">
        <v>99914</v>
      </c>
      <c r="I28119" s="1" t="s">
        <v>96632</v>
      </c>
      <c r="J28119" s="1" t="s">
        <v>99918</v>
      </c>
    </row>
    <row r="28120" spans="1:10" x14ac:dyDescent="0.35">
      <c r="A28120" s="1" t="s">
        <v>8422</v>
      </c>
      <c r="B28120" s="1" t="s">
        <v>96627</v>
      </c>
      <c r="C28120" s="1" t="s">
        <v>20</v>
      </c>
      <c r="D28120" s="1" t="s">
        <v>14426</v>
      </c>
      <c r="E28120" s="1" t="s">
        <v>99919</v>
      </c>
      <c r="F28120" s="1" t="s">
        <v>99920</v>
      </c>
      <c r="G28120" s="1" t="s">
        <v>99913</v>
      </c>
      <c r="H28120" s="1" t="s">
        <v>99914</v>
      </c>
      <c r="I28120" s="1" t="s">
        <v>96632</v>
      </c>
      <c r="J28120" s="1" t="s">
        <v>99921</v>
      </c>
    </row>
    <row r="28121" spans="1:10" x14ac:dyDescent="0.35">
      <c r="A28121" s="1" t="s">
        <v>8422</v>
      </c>
      <c r="B28121" s="1" t="s">
        <v>96627</v>
      </c>
      <c r="C28121" s="1" t="s">
        <v>25</v>
      </c>
      <c r="D28121" s="1" t="s">
        <v>99922</v>
      </c>
      <c r="E28121" s="1" t="s">
        <v>21197</v>
      </c>
      <c r="F28121" s="1" t="s">
        <v>99923</v>
      </c>
      <c r="G28121" s="1" t="s">
        <v>99913</v>
      </c>
      <c r="H28121" s="1" t="s">
        <v>99914</v>
      </c>
      <c r="I28121" s="1" t="s">
        <v>96632</v>
      </c>
      <c r="J28121" s="1" t="s">
        <v>99924</v>
      </c>
    </row>
    <row r="28122" spans="1:10" x14ac:dyDescent="0.35">
      <c r="A28122" s="1" t="s">
        <v>8422</v>
      </c>
      <c r="B28122" s="1" t="s">
        <v>96627</v>
      </c>
      <c r="C28122" s="1" t="s">
        <v>30</v>
      </c>
      <c r="D28122" s="1" t="s">
        <v>99925</v>
      </c>
      <c r="E28122" s="1" t="s">
        <v>99919</v>
      </c>
      <c r="F28122" s="1" t="s">
        <v>99926</v>
      </c>
      <c r="G28122" s="1" t="s">
        <v>99913</v>
      </c>
      <c r="H28122" s="1" t="s">
        <v>99914</v>
      </c>
      <c r="I28122" s="1" t="s">
        <v>96632</v>
      </c>
      <c r="J28122" s="1" t="s">
        <v>99927</v>
      </c>
    </row>
    <row r="28123" spans="1:10" x14ac:dyDescent="0.35">
      <c r="A28123" s="1" t="s">
        <v>8422</v>
      </c>
      <c r="B28123" s="1" t="s">
        <v>96627</v>
      </c>
      <c r="C28123" s="1" t="s">
        <v>35</v>
      </c>
      <c r="D28123" s="1" t="s">
        <v>59699</v>
      </c>
      <c r="E28123" s="1" t="s">
        <v>21186</v>
      </c>
      <c r="F28123" s="1" t="s">
        <v>99928</v>
      </c>
      <c r="G28123" s="1" t="s">
        <v>99913</v>
      </c>
      <c r="H28123" s="1" t="s">
        <v>99914</v>
      </c>
      <c r="I28123" s="1" t="s">
        <v>96632</v>
      </c>
      <c r="J28123" s="1" t="s">
        <v>99929</v>
      </c>
    </row>
    <row r="28124" spans="1:10" x14ac:dyDescent="0.35">
      <c r="A28124" s="1" t="s">
        <v>8422</v>
      </c>
      <c r="B28124" s="1" t="s">
        <v>96627</v>
      </c>
      <c r="C28124" s="1" t="s">
        <v>40</v>
      </c>
      <c r="D28124" s="1" t="s">
        <v>99930</v>
      </c>
      <c r="E28124" s="1" t="s">
        <v>69716</v>
      </c>
      <c r="F28124" s="1" t="s">
        <v>99931</v>
      </c>
      <c r="G28124" s="1" t="s">
        <v>99913</v>
      </c>
      <c r="H28124" s="1" t="s">
        <v>99914</v>
      </c>
      <c r="I28124" s="1" t="s">
        <v>96632</v>
      </c>
      <c r="J28124" s="1" t="s">
        <v>99932</v>
      </c>
    </row>
    <row r="28125" spans="1:10" x14ac:dyDescent="0.35">
      <c r="A28125" s="1" t="s">
        <v>8422</v>
      </c>
      <c r="B28125" s="1" t="s">
        <v>96627</v>
      </c>
      <c r="C28125" s="1" t="s">
        <v>45</v>
      </c>
      <c r="D28125" s="1" t="s">
        <v>99933</v>
      </c>
      <c r="E28125" s="1" t="s">
        <v>21826</v>
      </c>
      <c r="F28125" s="1" t="s">
        <v>99934</v>
      </c>
      <c r="G28125" s="1" t="s">
        <v>99913</v>
      </c>
      <c r="H28125" s="1" t="s">
        <v>99914</v>
      </c>
      <c r="I28125" s="1" t="s">
        <v>96632</v>
      </c>
      <c r="J28125" s="1" t="s">
        <v>99935</v>
      </c>
    </row>
    <row r="28126" spans="1:10" x14ac:dyDescent="0.35">
      <c r="A28126" s="1" t="s">
        <v>8422</v>
      </c>
      <c r="B28126" s="1" t="s">
        <v>96627</v>
      </c>
      <c r="C28126" s="1" t="s">
        <v>50</v>
      </c>
      <c r="D28126" s="1" t="s">
        <v>64693</v>
      </c>
      <c r="E28126" s="1" t="s">
        <v>61061</v>
      </c>
      <c r="F28126" s="1" t="s">
        <v>99936</v>
      </c>
      <c r="G28126" s="1" t="s">
        <v>99913</v>
      </c>
      <c r="H28126" s="1" t="s">
        <v>99914</v>
      </c>
      <c r="I28126" s="1" t="s">
        <v>96632</v>
      </c>
      <c r="J28126" s="1" t="s">
        <v>99937</v>
      </c>
    </row>
    <row r="28127" spans="1:10" x14ac:dyDescent="0.35">
      <c r="A28127" s="1" t="s">
        <v>8422</v>
      </c>
      <c r="B28127" s="1" t="s">
        <v>96627</v>
      </c>
      <c r="C28127" s="1" t="s">
        <v>55</v>
      </c>
      <c r="D28127" s="1" t="s">
        <v>99938</v>
      </c>
      <c r="E28127" s="1" t="s">
        <v>21952</v>
      </c>
      <c r="F28127" s="1" t="s">
        <v>99939</v>
      </c>
      <c r="G28127" s="1" t="s">
        <v>99913</v>
      </c>
      <c r="H28127" s="1" t="s">
        <v>99914</v>
      </c>
      <c r="I28127" s="1" t="s">
        <v>96632</v>
      </c>
      <c r="J28127" s="1" t="s">
        <v>99940</v>
      </c>
    </row>
    <row r="28128" spans="1:10" x14ac:dyDescent="0.35">
      <c r="A28128" s="1" t="s">
        <v>8422</v>
      </c>
      <c r="B28128" s="1" t="s">
        <v>96627</v>
      </c>
      <c r="C28128" s="1" t="s">
        <v>60</v>
      </c>
      <c r="D28128" s="1" t="s">
        <v>97052</v>
      </c>
      <c r="E28128" s="1" t="s">
        <v>23010</v>
      </c>
      <c r="F28128" s="1" t="s">
        <v>12189</v>
      </c>
      <c r="G28128" s="1" t="s">
        <v>99913</v>
      </c>
      <c r="H28128" s="1" t="s">
        <v>99914</v>
      </c>
      <c r="I28128" s="1" t="s">
        <v>96632</v>
      </c>
      <c r="J28128" s="1" t="s">
        <v>99941</v>
      </c>
    </row>
    <row r="28129" spans="1:10" x14ac:dyDescent="0.35">
      <c r="A28129" s="1" t="s">
        <v>8422</v>
      </c>
      <c r="B28129" s="1" t="s">
        <v>96627</v>
      </c>
      <c r="C28129" s="1" t="s">
        <v>65</v>
      </c>
      <c r="D28129" s="1" t="s">
        <v>99942</v>
      </c>
      <c r="E28129" s="1" t="s">
        <v>99943</v>
      </c>
      <c r="F28129" s="1" t="s">
        <v>16261</v>
      </c>
      <c r="G28129" s="1" t="s">
        <v>99913</v>
      </c>
      <c r="H28129" s="1" t="s">
        <v>99914</v>
      </c>
      <c r="I28129" s="1" t="s">
        <v>96632</v>
      </c>
      <c r="J28129" s="1" t="s">
        <v>99944</v>
      </c>
    </row>
    <row r="28130" spans="1:10" x14ac:dyDescent="0.35">
      <c r="A28130" s="1" t="s">
        <v>8422</v>
      </c>
      <c r="B28130" s="1" t="s">
        <v>96627</v>
      </c>
      <c r="C28130" s="1" t="s">
        <v>70</v>
      </c>
      <c r="D28130" s="1" t="s">
        <v>99945</v>
      </c>
      <c r="E28130" s="1" t="s">
        <v>41192</v>
      </c>
      <c r="F28130" s="1" t="s">
        <v>99946</v>
      </c>
      <c r="G28130" s="1" t="s">
        <v>99913</v>
      </c>
      <c r="H28130" s="1" t="s">
        <v>99914</v>
      </c>
      <c r="I28130" s="1" t="s">
        <v>96632</v>
      </c>
      <c r="J28130" s="1" t="s">
        <v>99947</v>
      </c>
    </row>
    <row r="28131" spans="1:10" x14ac:dyDescent="0.35">
      <c r="A28131" s="1" t="s">
        <v>8422</v>
      </c>
      <c r="B28131" s="1" t="s">
        <v>96627</v>
      </c>
      <c r="C28131" s="1" t="s">
        <v>75</v>
      </c>
      <c r="D28131" s="1" t="s">
        <v>97083</v>
      </c>
      <c r="E28131" s="1" t="s">
        <v>66959</v>
      </c>
      <c r="F28131" s="1" t="s">
        <v>99948</v>
      </c>
      <c r="G28131" s="1" t="s">
        <v>99913</v>
      </c>
      <c r="H28131" s="1" t="s">
        <v>99914</v>
      </c>
      <c r="I28131" s="1" t="s">
        <v>96632</v>
      </c>
      <c r="J28131" s="1" t="s">
        <v>99949</v>
      </c>
    </row>
    <row r="28132" spans="1:10" x14ac:dyDescent="0.35">
      <c r="A28132" s="1" t="s">
        <v>8422</v>
      </c>
      <c r="B28132" s="1" t="s">
        <v>96627</v>
      </c>
      <c r="C28132" s="1" t="s">
        <v>80</v>
      </c>
      <c r="D28132" s="1" t="s">
        <v>54633</v>
      </c>
      <c r="E28132" s="1" t="s">
        <v>22072</v>
      </c>
      <c r="F28132" s="1" t="s">
        <v>99950</v>
      </c>
      <c r="G28132" s="1" t="s">
        <v>99913</v>
      </c>
      <c r="H28132" s="1" t="s">
        <v>99914</v>
      </c>
      <c r="I28132" s="1" t="s">
        <v>96632</v>
      </c>
      <c r="J28132" s="1" t="s">
        <v>99951</v>
      </c>
    </row>
    <row r="28133" spans="1:10" x14ac:dyDescent="0.35">
      <c r="A28133" s="1" t="s">
        <v>8422</v>
      </c>
      <c r="B28133" s="1" t="s">
        <v>96627</v>
      </c>
      <c r="C28133" s="1" t="s">
        <v>85</v>
      </c>
      <c r="D28133" s="1" t="s">
        <v>99952</v>
      </c>
      <c r="E28133" s="1" t="s">
        <v>55230</v>
      </c>
      <c r="F28133" s="1" t="s">
        <v>99953</v>
      </c>
      <c r="G28133" s="1" t="s">
        <v>99913</v>
      </c>
      <c r="H28133" s="1" t="s">
        <v>99914</v>
      </c>
      <c r="I28133" s="1" t="s">
        <v>96632</v>
      </c>
      <c r="J28133" s="1" t="s">
        <v>99954</v>
      </c>
    </row>
    <row r="28134" spans="1:10" x14ac:dyDescent="0.35">
      <c r="A28134" s="1" t="s">
        <v>8422</v>
      </c>
      <c r="B28134" s="1" t="s">
        <v>96627</v>
      </c>
      <c r="C28134" s="1" t="s">
        <v>90</v>
      </c>
      <c r="D28134" s="1" t="s">
        <v>77132</v>
      </c>
      <c r="E28134" s="1" t="s">
        <v>31397</v>
      </c>
      <c r="F28134" s="1" t="s">
        <v>99955</v>
      </c>
      <c r="G28134" s="1" t="s">
        <v>99913</v>
      </c>
      <c r="H28134" s="1" t="s">
        <v>99914</v>
      </c>
      <c r="I28134" s="1" t="s">
        <v>96632</v>
      </c>
      <c r="J28134" s="1" t="s">
        <v>99956</v>
      </c>
    </row>
    <row r="28135" spans="1:10" x14ac:dyDescent="0.35">
      <c r="A28135" s="1" t="s">
        <v>8422</v>
      </c>
      <c r="B28135" s="1" t="s">
        <v>96627</v>
      </c>
      <c r="C28135" s="1" t="s">
        <v>95</v>
      </c>
      <c r="D28135" s="1" t="s">
        <v>55673</v>
      </c>
      <c r="E28135" s="1" t="s">
        <v>41334</v>
      </c>
      <c r="F28135" s="1" t="s">
        <v>99957</v>
      </c>
      <c r="G28135" s="1" t="s">
        <v>99913</v>
      </c>
      <c r="H28135" s="1" t="s">
        <v>99914</v>
      </c>
      <c r="I28135" s="1" t="s">
        <v>96632</v>
      </c>
      <c r="J28135" s="1" t="s">
        <v>99958</v>
      </c>
    </row>
    <row r="28136" spans="1:10" x14ac:dyDescent="0.35">
      <c r="A28136" s="1" t="s">
        <v>8422</v>
      </c>
      <c r="B28136" s="1" t="s">
        <v>96627</v>
      </c>
      <c r="C28136" s="1" t="s">
        <v>100</v>
      </c>
      <c r="D28136" s="1" t="s">
        <v>93644</v>
      </c>
      <c r="E28136" s="1" t="s">
        <v>23102</v>
      </c>
      <c r="F28136" s="1" t="s">
        <v>41495</v>
      </c>
      <c r="G28136" s="1" t="s">
        <v>99913</v>
      </c>
      <c r="H28136" s="1" t="s">
        <v>99914</v>
      </c>
      <c r="I28136" s="1" t="s">
        <v>96632</v>
      </c>
      <c r="J28136" s="1" t="s">
        <v>99959</v>
      </c>
    </row>
    <row r="28137" spans="1:10" x14ac:dyDescent="0.35">
      <c r="A28137" s="1" t="s">
        <v>8422</v>
      </c>
      <c r="B28137" s="1" t="s">
        <v>96627</v>
      </c>
      <c r="C28137" s="1" t="s">
        <v>105</v>
      </c>
      <c r="D28137" s="1" t="s">
        <v>58056</v>
      </c>
      <c r="E28137" s="1" t="s">
        <v>58565</v>
      </c>
      <c r="F28137" s="1" t="s">
        <v>99960</v>
      </c>
      <c r="G28137" s="1" t="s">
        <v>99913</v>
      </c>
      <c r="H28137" s="1" t="s">
        <v>99914</v>
      </c>
      <c r="I28137" s="1" t="s">
        <v>96632</v>
      </c>
      <c r="J28137" s="1" t="s">
        <v>99961</v>
      </c>
    </row>
    <row r="28138" spans="1:10" x14ac:dyDescent="0.35">
      <c r="A28138" s="1" t="s">
        <v>8422</v>
      </c>
      <c r="B28138" s="1" t="s">
        <v>96627</v>
      </c>
      <c r="C28138" s="1" t="s">
        <v>110</v>
      </c>
      <c r="D28138" s="1" t="s">
        <v>99962</v>
      </c>
      <c r="E28138" s="1" t="s">
        <v>56705</v>
      </c>
      <c r="F28138" s="1" t="s">
        <v>96983</v>
      </c>
      <c r="G28138" s="1" t="s">
        <v>99913</v>
      </c>
      <c r="H28138" s="1" t="s">
        <v>99914</v>
      </c>
      <c r="I28138" s="1" t="s">
        <v>96632</v>
      </c>
      <c r="J28138" s="1" t="s">
        <v>99963</v>
      </c>
    </row>
    <row r="28139" spans="1:10" x14ac:dyDescent="0.35">
      <c r="A28139" s="1" t="s">
        <v>8422</v>
      </c>
      <c r="B28139" s="1" t="s">
        <v>96627</v>
      </c>
      <c r="C28139" s="1" t="s">
        <v>115</v>
      </c>
      <c r="D28139" s="1" t="s">
        <v>99964</v>
      </c>
      <c r="E28139" s="1" t="s">
        <v>41395</v>
      </c>
      <c r="F28139" s="1" t="s">
        <v>99965</v>
      </c>
      <c r="G28139" s="1" t="s">
        <v>99913</v>
      </c>
      <c r="H28139" s="1" t="s">
        <v>99914</v>
      </c>
      <c r="I28139" s="1" t="s">
        <v>96632</v>
      </c>
      <c r="J28139" s="1" t="s">
        <v>99966</v>
      </c>
    </row>
    <row r="28140" spans="1:10" x14ac:dyDescent="0.35">
      <c r="A28140" s="1" t="s">
        <v>8422</v>
      </c>
      <c r="B28140" s="1" t="s">
        <v>96627</v>
      </c>
      <c r="C28140" s="1" t="s">
        <v>120</v>
      </c>
      <c r="D28140" s="1" t="s">
        <v>99967</v>
      </c>
      <c r="E28140" s="1" t="s">
        <v>55930</v>
      </c>
      <c r="F28140" s="1" t="s">
        <v>99968</v>
      </c>
      <c r="G28140" s="1" t="s">
        <v>99913</v>
      </c>
      <c r="H28140" s="1" t="s">
        <v>99914</v>
      </c>
      <c r="I28140" s="1" t="s">
        <v>96632</v>
      </c>
      <c r="J28140" s="1" t="s">
        <v>99969</v>
      </c>
    </row>
    <row r="28141" spans="1:10" x14ac:dyDescent="0.35">
      <c r="A28141" s="1" t="s">
        <v>8422</v>
      </c>
      <c r="B28141" s="1" t="s">
        <v>96627</v>
      </c>
      <c r="C28141" s="1" t="s">
        <v>125</v>
      </c>
      <c r="D28141" s="1" t="s">
        <v>99970</v>
      </c>
      <c r="E28141" s="1" t="s">
        <v>55913</v>
      </c>
      <c r="F28141" s="1" t="s">
        <v>99971</v>
      </c>
      <c r="G28141" s="1" t="s">
        <v>99913</v>
      </c>
      <c r="H28141" s="1" t="s">
        <v>99914</v>
      </c>
      <c r="I28141" s="1" t="s">
        <v>96632</v>
      </c>
      <c r="J28141" s="1" t="s">
        <v>99972</v>
      </c>
    </row>
    <row r="28142" spans="1:10" x14ac:dyDescent="0.35">
      <c r="A28142" s="1" t="s">
        <v>8422</v>
      </c>
      <c r="B28142" s="1" t="s">
        <v>96627</v>
      </c>
      <c r="C28142" s="1" t="s">
        <v>130</v>
      </c>
      <c r="D28142" s="1" t="s">
        <v>99973</v>
      </c>
      <c r="E28142" s="1" t="s">
        <v>21981</v>
      </c>
      <c r="F28142" s="1" t="s">
        <v>99974</v>
      </c>
      <c r="G28142" s="1" t="s">
        <v>99913</v>
      </c>
      <c r="H28142" s="1" t="s">
        <v>99914</v>
      </c>
      <c r="I28142" s="1" t="s">
        <v>96632</v>
      </c>
      <c r="J28142" s="1" t="s">
        <v>99975</v>
      </c>
    </row>
    <row r="28143" spans="1:10" x14ac:dyDescent="0.35">
      <c r="A28143" s="1" t="s">
        <v>8422</v>
      </c>
      <c r="B28143" s="1" t="s">
        <v>96627</v>
      </c>
      <c r="C28143" s="1" t="s">
        <v>135</v>
      </c>
      <c r="D28143" s="1" t="s">
        <v>99780</v>
      </c>
      <c r="E28143" s="1" t="s">
        <v>22003</v>
      </c>
      <c r="F28143" s="1" t="s">
        <v>99976</v>
      </c>
      <c r="G28143" s="1" t="s">
        <v>99913</v>
      </c>
      <c r="H28143" s="1" t="s">
        <v>99914</v>
      </c>
      <c r="I28143" s="1" t="s">
        <v>96632</v>
      </c>
      <c r="J28143" s="1" t="s">
        <v>99977</v>
      </c>
    </row>
    <row r="28144" spans="1:10" x14ac:dyDescent="0.35">
      <c r="A28144" s="1" t="s">
        <v>8422</v>
      </c>
      <c r="B28144" s="1" t="s">
        <v>96627</v>
      </c>
      <c r="C28144" s="1" t="s">
        <v>140</v>
      </c>
      <c r="D28144" s="1" t="s">
        <v>24591</v>
      </c>
      <c r="E28144" s="1" t="s">
        <v>54383</v>
      </c>
      <c r="F28144" s="1" t="s">
        <v>99978</v>
      </c>
      <c r="G28144" s="1" t="s">
        <v>99913</v>
      </c>
      <c r="H28144" s="1" t="s">
        <v>99914</v>
      </c>
      <c r="I28144" s="1" t="s">
        <v>96632</v>
      </c>
      <c r="J28144" s="1" t="s">
        <v>99979</v>
      </c>
    </row>
    <row r="28145" spans="1:10" x14ac:dyDescent="0.35">
      <c r="A28145" s="1" t="s">
        <v>8422</v>
      </c>
      <c r="B28145" s="1" t="s">
        <v>96627</v>
      </c>
      <c r="C28145" s="1" t="s">
        <v>145</v>
      </c>
      <c r="D28145" s="1" t="s">
        <v>99980</v>
      </c>
      <c r="E28145" s="1" t="s">
        <v>57245</v>
      </c>
      <c r="F28145" s="1" t="s">
        <v>99981</v>
      </c>
      <c r="G28145" s="1" t="s">
        <v>99913</v>
      </c>
      <c r="H28145" s="1" t="s">
        <v>99914</v>
      </c>
      <c r="I28145" s="1" t="s">
        <v>96632</v>
      </c>
      <c r="J28145" s="1" t="s">
        <v>99982</v>
      </c>
    </row>
    <row r="28146" spans="1:10" x14ac:dyDescent="0.35">
      <c r="A28146" s="1" t="s">
        <v>8422</v>
      </c>
      <c r="B28146" s="1" t="s">
        <v>96627</v>
      </c>
      <c r="C28146" s="1" t="s">
        <v>150</v>
      </c>
      <c r="D28146" s="1" t="s">
        <v>99983</v>
      </c>
      <c r="E28146" s="1" t="s">
        <v>41414</v>
      </c>
      <c r="F28146" s="1" t="s">
        <v>99984</v>
      </c>
      <c r="G28146" s="1" t="s">
        <v>99913</v>
      </c>
      <c r="H28146" s="1" t="s">
        <v>99914</v>
      </c>
      <c r="I28146" s="1" t="s">
        <v>96632</v>
      </c>
      <c r="J28146" s="1" t="s">
        <v>99985</v>
      </c>
    </row>
    <row r="28147" spans="1:10" x14ac:dyDescent="0.35">
      <c r="A28147" s="1" t="s">
        <v>8422</v>
      </c>
      <c r="B28147" s="1" t="s">
        <v>96627</v>
      </c>
      <c r="C28147" s="1" t="s">
        <v>155</v>
      </c>
      <c r="D28147" s="1" t="s">
        <v>99986</v>
      </c>
      <c r="E28147" s="1" t="s">
        <v>54729</v>
      </c>
      <c r="F28147" s="1" t="s">
        <v>21510</v>
      </c>
      <c r="G28147" s="1" t="s">
        <v>99913</v>
      </c>
      <c r="H28147" s="1" t="s">
        <v>99914</v>
      </c>
      <c r="I28147" s="1" t="s">
        <v>96632</v>
      </c>
      <c r="J28147" s="1" t="s">
        <v>99987</v>
      </c>
    </row>
    <row r="28148" spans="1:10" x14ac:dyDescent="0.35">
      <c r="A28148" s="1" t="s">
        <v>8422</v>
      </c>
      <c r="B28148" s="1" t="s">
        <v>96627</v>
      </c>
      <c r="C28148" s="1" t="s">
        <v>160</v>
      </c>
      <c r="D28148" s="1" t="s">
        <v>99988</v>
      </c>
      <c r="E28148" s="1" t="s">
        <v>41578</v>
      </c>
      <c r="F28148" s="1" t="s">
        <v>99989</v>
      </c>
      <c r="G28148" s="1" t="s">
        <v>99913</v>
      </c>
      <c r="H28148" s="1" t="s">
        <v>99914</v>
      </c>
      <c r="I28148" s="1" t="s">
        <v>96632</v>
      </c>
      <c r="J28148" s="1" t="s">
        <v>99990</v>
      </c>
    </row>
    <row r="28149" spans="1:10" x14ac:dyDescent="0.35">
      <c r="A28149" s="1" t="s">
        <v>8422</v>
      </c>
      <c r="B28149" s="1" t="s">
        <v>96627</v>
      </c>
      <c r="C28149" s="1" t="s">
        <v>165</v>
      </c>
      <c r="D28149" s="1" t="s">
        <v>66008</v>
      </c>
      <c r="E28149" s="1" t="s">
        <v>21937</v>
      </c>
      <c r="F28149" s="1" t="s">
        <v>99991</v>
      </c>
      <c r="G28149" s="1" t="s">
        <v>99913</v>
      </c>
      <c r="H28149" s="1" t="s">
        <v>99914</v>
      </c>
      <c r="I28149" s="1" t="s">
        <v>96632</v>
      </c>
      <c r="J28149" s="1" t="s">
        <v>99992</v>
      </c>
    </row>
    <row r="28150" spans="1:10" x14ac:dyDescent="0.35">
      <c r="A28150" s="1" t="s">
        <v>8422</v>
      </c>
      <c r="B28150" s="1" t="s">
        <v>96627</v>
      </c>
      <c r="C28150" s="1" t="s">
        <v>170</v>
      </c>
      <c r="D28150" s="1" t="s">
        <v>99993</v>
      </c>
      <c r="E28150" s="1" t="s">
        <v>32333</v>
      </c>
      <c r="F28150" s="1" t="s">
        <v>99994</v>
      </c>
      <c r="G28150" s="1" t="s">
        <v>99913</v>
      </c>
      <c r="H28150" s="1" t="s">
        <v>99914</v>
      </c>
      <c r="I28150" s="1" t="s">
        <v>96632</v>
      </c>
      <c r="J28150" s="1" t="s">
        <v>99995</v>
      </c>
    </row>
    <row r="28151" spans="1:10" x14ac:dyDescent="0.35">
      <c r="A28151" s="1" t="s">
        <v>1520</v>
      </c>
      <c r="B28151" s="1" t="s">
        <v>96627</v>
      </c>
      <c r="C28151" s="1" t="s">
        <v>8</v>
      </c>
      <c r="D28151" s="1" t="s">
        <v>17104</v>
      </c>
      <c r="E28151" s="1" t="s">
        <v>99996</v>
      </c>
      <c r="F28151" s="1" t="s">
        <v>99997</v>
      </c>
      <c r="G28151" s="1" t="s">
        <v>99998</v>
      </c>
      <c r="H28151" s="1" t="s">
        <v>99999</v>
      </c>
      <c r="I28151" s="1" t="s">
        <v>96632</v>
      </c>
      <c r="J28151" s="1" t="s">
        <v>13</v>
      </c>
    </row>
    <row r="28152" spans="1:10" x14ac:dyDescent="0.35">
      <c r="A28152" s="1" t="s">
        <v>1520</v>
      </c>
      <c r="B28152" s="1" t="s">
        <v>96627</v>
      </c>
      <c r="C28152" s="1" t="s">
        <v>15</v>
      </c>
      <c r="D28152" s="1" t="s">
        <v>100000</v>
      </c>
      <c r="E28152" s="1" t="s">
        <v>100001</v>
      </c>
      <c r="F28152" s="1" t="s">
        <v>100002</v>
      </c>
      <c r="G28152" s="1" t="s">
        <v>99998</v>
      </c>
      <c r="H28152" s="1" t="s">
        <v>99999</v>
      </c>
      <c r="I28152" s="1" t="s">
        <v>96632</v>
      </c>
      <c r="J28152" s="1" t="s">
        <v>100003</v>
      </c>
    </row>
    <row r="28153" spans="1:10" x14ac:dyDescent="0.35">
      <c r="A28153" s="1" t="s">
        <v>1520</v>
      </c>
      <c r="B28153" s="1" t="s">
        <v>96627</v>
      </c>
      <c r="C28153" s="1" t="s">
        <v>20</v>
      </c>
      <c r="D28153" s="1" t="s">
        <v>64980</v>
      </c>
      <c r="E28153" s="1" t="s">
        <v>100004</v>
      </c>
      <c r="F28153" s="1" t="s">
        <v>100005</v>
      </c>
      <c r="G28153" s="1" t="s">
        <v>99998</v>
      </c>
      <c r="H28153" s="1" t="s">
        <v>99999</v>
      </c>
      <c r="I28153" s="1" t="s">
        <v>96632</v>
      </c>
      <c r="J28153" s="1" t="s">
        <v>100006</v>
      </c>
    </row>
    <row r="28154" spans="1:10" x14ac:dyDescent="0.35">
      <c r="A28154" s="1" t="s">
        <v>1520</v>
      </c>
      <c r="B28154" s="1" t="s">
        <v>96627</v>
      </c>
      <c r="C28154" s="1" t="s">
        <v>25</v>
      </c>
      <c r="D28154" s="1" t="s">
        <v>68681</v>
      </c>
      <c r="E28154" s="1" t="s">
        <v>100007</v>
      </c>
      <c r="F28154" s="1" t="s">
        <v>100008</v>
      </c>
      <c r="G28154" s="1" t="s">
        <v>99998</v>
      </c>
      <c r="H28154" s="1" t="s">
        <v>99999</v>
      </c>
      <c r="I28154" s="1" t="s">
        <v>96632</v>
      </c>
      <c r="J28154" s="1" t="s">
        <v>100009</v>
      </c>
    </row>
    <row r="28155" spans="1:10" x14ac:dyDescent="0.35">
      <c r="A28155" s="1" t="s">
        <v>1520</v>
      </c>
      <c r="B28155" s="1" t="s">
        <v>96627</v>
      </c>
      <c r="C28155" s="1" t="s">
        <v>30</v>
      </c>
      <c r="D28155" s="1" t="s">
        <v>81916</v>
      </c>
      <c r="E28155" s="1" t="s">
        <v>100010</v>
      </c>
      <c r="F28155" s="1" t="s">
        <v>100011</v>
      </c>
      <c r="G28155" s="1" t="s">
        <v>99998</v>
      </c>
      <c r="H28155" s="1" t="s">
        <v>99999</v>
      </c>
      <c r="I28155" s="1" t="s">
        <v>96632</v>
      </c>
      <c r="J28155" s="1" t="s">
        <v>100012</v>
      </c>
    </row>
    <row r="28156" spans="1:10" x14ac:dyDescent="0.35">
      <c r="A28156" s="1" t="s">
        <v>1520</v>
      </c>
      <c r="B28156" s="1" t="s">
        <v>96627</v>
      </c>
      <c r="C28156" s="1" t="s">
        <v>35</v>
      </c>
      <c r="D28156" s="1" t="s">
        <v>65734</v>
      </c>
      <c r="E28156" s="1" t="s">
        <v>100013</v>
      </c>
      <c r="F28156" s="1" t="s">
        <v>100014</v>
      </c>
      <c r="G28156" s="1" t="s">
        <v>99998</v>
      </c>
      <c r="H28156" s="1" t="s">
        <v>99999</v>
      </c>
      <c r="I28156" s="1" t="s">
        <v>96632</v>
      </c>
      <c r="J28156" s="1" t="s">
        <v>100015</v>
      </c>
    </row>
    <row r="28157" spans="1:10" x14ac:dyDescent="0.35">
      <c r="A28157" s="1" t="s">
        <v>1520</v>
      </c>
      <c r="B28157" s="1" t="s">
        <v>96627</v>
      </c>
      <c r="C28157" s="1" t="s">
        <v>40</v>
      </c>
      <c r="D28157" s="1" t="s">
        <v>66555</v>
      </c>
      <c r="E28157" s="1" t="s">
        <v>100016</v>
      </c>
      <c r="F28157" s="1" t="s">
        <v>100017</v>
      </c>
      <c r="G28157" s="1" t="s">
        <v>99998</v>
      </c>
      <c r="H28157" s="1" t="s">
        <v>99999</v>
      </c>
      <c r="I28157" s="1" t="s">
        <v>96632</v>
      </c>
      <c r="J28157" s="1" t="s">
        <v>100018</v>
      </c>
    </row>
    <row r="28158" spans="1:10" x14ac:dyDescent="0.35">
      <c r="A28158" s="1" t="s">
        <v>1520</v>
      </c>
      <c r="B28158" s="1" t="s">
        <v>96627</v>
      </c>
      <c r="C28158" s="1" t="s">
        <v>45</v>
      </c>
      <c r="D28158" s="1" t="s">
        <v>56803</v>
      </c>
      <c r="E28158" s="1" t="s">
        <v>100019</v>
      </c>
      <c r="F28158" s="1" t="s">
        <v>100020</v>
      </c>
      <c r="G28158" s="1" t="s">
        <v>99998</v>
      </c>
      <c r="H28158" s="1" t="s">
        <v>99999</v>
      </c>
      <c r="I28158" s="1" t="s">
        <v>96632</v>
      </c>
      <c r="J28158" s="1" t="s">
        <v>100021</v>
      </c>
    </row>
    <row r="28159" spans="1:10" x14ac:dyDescent="0.35">
      <c r="A28159" s="1" t="s">
        <v>1520</v>
      </c>
      <c r="B28159" s="1" t="s">
        <v>96627</v>
      </c>
      <c r="C28159" s="1" t="s">
        <v>50</v>
      </c>
      <c r="D28159" s="1" t="s">
        <v>100022</v>
      </c>
      <c r="E28159" s="1" t="s">
        <v>100023</v>
      </c>
      <c r="F28159" s="1" t="s">
        <v>100024</v>
      </c>
      <c r="G28159" s="1" t="s">
        <v>99998</v>
      </c>
      <c r="H28159" s="1" t="s">
        <v>99999</v>
      </c>
      <c r="I28159" s="1" t="s">
        <v>96632</v>
      </c>
      <c r="J28159" s="1" t="s">
        <v>100025</v>
      </c>
    </row>
    <row r="28160" spans="1:10" x14ac:dyDescent="0.35">
      <c r="A28160" s="1" t="s">
        <v>1520</v>
      </c>
      <c r="B28160" s="1" t="s">
        <v>96627</v>
      </c>
      <c r="C28160" s="1" t="s">
        <v>55</v>
      </c>
      <c r="D28160" s="1" t="s">
        <v>100026</v>
      </c>
      <c r="E28160" s="1" t="s">
        <v>100027</v>
      </c>
      <c r="F28160" s="1" t="s">
        <v>100028</v>
      </c>
      <c r="G28160" s="1" t="s">
        <v>99998</v>
      </c>
      <c r="H28160" s="1" t="s">
        <v>99999</v>
      </c>
      <c r="I28160" s="1" t="s">
        <v>96632</v>
      </c>
      <c r="J28160" s="1" t="s">
        <v>100029</v>
      </c>
    </row>
    <row r="28161" spans="1:10" x14ac:dyDescent="0.35">
      <c r="A28161" s="1" t="s">
        <v>1520</v>
      </c>
      <c r="B28161" s="1" t="s">
        <v>96627</v>
      </c>
      <c r="C28161" s="1" t="s">
        <v>60</v>
      </c>
      <c r="D28161" s="1" t="s">
        <v>80099</v>
      </c>
      <c r="E28161" s="1" t="s">
        <v>100030</v>
      </c>
      <c r="F28161" s="1" t="s">
        <v>100031</v>
      </c>
      <c r="G28161" s="1" t="s">
        <v>99998</v>
      </c>
      <c r="H28161" s="1" t="s">
        <v>99999</v>
      </c>
      <c r="I28161" s="1" t="s">
        <v>96632</v>
      </c>
      <c r="J28161" s="1" t="s">
        <v>100032</v>
      </c>
    </row>
    <row r="28162" spans="1:10" x14ac:dyDescent="0.35">
      <c r="A28162" s="1" t="s">
        <v>1520</v>
      </c>
      <c r="B28162" s="1" t="s">
        <v>96627</v>
      </c>
      <c r="C28162" s="1" t="s">
        <v>65</v>
      </c>
      <c r="D28162" s="1" t="s">
        <v>100033</v>
      </c>
      <c r="E28162" s="1" t="s">
        <v>100034</v>
      </c>
      <c r="F28162" s="1" t="s">
        <v>100035</v>
      </c>
      <c r="G28162" s="1" t="s">
        <v>99998</v>
      </c>
      <c r="H28162" s="1" t="s">
        <v>99999</v>
      </c>
      <c r="I28162" s="1" t="s">
        <v>96632</v>
      </c>
      <c r="J28162" s="1" t="s">
        <v>100036</v>
      </c>
    </row>
    <row r="28163" spans="1:10" x14ac:dyDescent="0.35">
      <c r="A28163" s="1" t="s">
        <v>1520</v>
      </c>
      <c r="B28163" s="1" t="s">
        <v>96627</v>
      </c>
      <c r="C28163" s="1" t="s">
        <v>70</v>
      </c>
      <c r="D28163" s="1" t="s">
        <v>67841</v>
      </c>
      <c r="E28163" s="1" t="s">
        <v>100037</v>
      </c>
      <c r="F28163" s="1" t="s">
        <v>100038</v>
      </c>
      <c r="G28163" s="1" t="s">
        <v>99998</v>
      </c>
      <c r="H28163" s="1" t="s">
        <v>99999</v>
      </c>
      <c r="I28163" s="1" t="s">
        <v>96632</v>
      </c>
      <c r="J28163" s="1" t="s">
        <v>100039</v>
      </c>
    </row>
    <row r="28164" spans="1:10" x14ac:dyDescent="0.35">
      <c r="A28164" s="1" t="s">
        <v>1520</v>
      </c>
      <c r="B28164" s="1" t="s">
        <v>96627</v>
      </c>
      <c r="C28164" s="1" t="s">
        <v>75</v>
      </c>
      <c r="D28164" s="1" t="s">
        <v>100040</v>
      </c>
      <c r="E28164" s="1" t="s">
        <v>100041</v>
      </c>
      <c r="F28164" s="1" t="s">
        <v>100042</v>
      </c>
      <c r="G28164" s="1" t="s">
        <v>99998</v>
      </c>
      <c r="H28164" s="1" t="s">
        <v>99999</v>
      </c>
      <c r="I28164" s="1" t="s">
        <v>96632</v>
      </c>
      <c r="J28164" s="1" t="s">
        <v>100043</v>
      </c>
    </row>
    <row r="28165" spans="1:10" x14ac:dyDescent="0.35">
      <c r="A28165" s="1" t="s">
        <v>1520</v>
      </c>
      <c r="B28165" s="1" t="s">
        <v>96627</v>
      </c>
      <c r="C28165" s="1" t="s">
        <v>80</v>
      </c>
      <c r="D28165" s="1" t="s">
        <v>100044</v>
      </c>
      <c r="E28165" s="1" t="s">
        <v>100045</v>
      </c>
      <c r="F28165" s="1" t="s">
        <v>100046</v>
      </c>
      <c r="G28165" s="1" t="s">
        <v>99998</v>
      </c>
      <c r="H28165" s="1" t="s">
        <v>99999</v>
      </c>
      <c r="I28165" s="1" t="s">
        <v>96632</v>
      </c>
      <c r="J28165" s="1" t="s">
        <v>100047</v>
      </c>
    </row>
    <row r="28166" spans="1:10" x14ac:dyDescent="0.35">
      <c r="A28166" s="1" t="s">
        <v>1520</v>
      </c>
      <c r="B28166" s="1" t="s">
        <v>96627</v>
      </c>
      <c r="C28166" s="1" t="s">
        <v>85</v>
      </c>
      <c r="D28166" s="1" t="s">
        <v>100048</v>
      </c>
      <c r="E28166" s="1" t="s">
        <v>100049</v>
      </c>
      <c r="F28166" s="1" t="s">
        <v>100050</v>
      </c>
      <c r="G28166" s="1" t="s">
        <v>99998</v>
      </c>
      <c r="H28166" s="1" t="s">
        <v>99999</v>
      </c>
      <c r="I28166" s="1" t="s">
        <v>96632</v>
      </c>
      <c r="J28166" s="1" t="s">
        <v>100051</v>
      </c>
    </row>
    <row r="28167" spans="1:10" x14ac:dyDescent="0.35">
      <c r="A28167" s="1" t="s">
        <v>1520</v>
      </c>
      <c r="B28167" s="1" t="s">
        <v>96627</v>
      </c>
      <c r="C28167" s="1" t="s">
        <v>90</v>
      </c>
      <c r="D28167" s="1" t="s">
        <v>100052</v>
      </c>
      <c r="E28167" s="1" t="s">
        <v>100053</v>
      </c>
      <c r="F28167" s="1" t="s">
        <v>100054</v>
      </c>
      <c r="G28167" s="1" t="s">
        <v>99998</v>
      </c>
      <c r="H28167" s="1" t="s">
        <v>99999</v>
      </c>
      <c r="I28167" s="1" t="s">
        <v>96632</v>
      </c>
      <c r="J28167" s="1" t="s">
        <v>100055</v>
      </c>
    </row>
    <row r="28168" spans="1:10" x14ac:dyDescent="0.35">
      <c r="A28168" s="1" t="s">
        <v>1520</v>
      </c>
      <c r="B28168" s="1" t="s">
        <v>96627</v>
      </c>
      <c r="C28168" s="1" t="s">
        <v>95</v>
      </c>
      <c r="D28168" s="1" t="s">
        <v>60887</v>
      </c>
      <c r="E28168" s="1" t="s">
        <v>100056</v>
      </c>
      <c r="F28168" s="1" t="s">
        <v>100057</v>
      </c>
      <c r="G28168" s="1" t="s">
        <v>99998</v>
      </c>
      <c r="H28168" s="1" t="s">
        <v>99999</v>
      </c>
      <c r="I28168" s="1" t="s">
        <v>96632</v>
      </c>
      <c r="J28168" s="1" t="s">
        <v>100058</v>
      </c>
    </row>
    <row r="28169" spans="1:10" x14ac:dyDescent="0.35">
      <c r="A28169" s="1" t="s">
        <v>1520</v>
      </c>
      <c r="B28169" s="1" t="s">
        <v>96627</v>
      </c>
      <c r="C28169" s="1" t="s">
        <v>100</v>
      </c>
      <c r="D28169" s="1" t="s">
        <v>100059</v>
      </c>
      <c r="E28169" s="1" t="s">
        <v>100060</v>
      </c>
      <c r="F28169" s="1" t="s">
        <v>100061</v>
      </c>
      <c r="G28169" s="1" t="s">
        <v>99998</v>
      </c>
      <c r="H28169" s="1" t="s">
        <v>99999</v>
      </c>
      <c r="I28169" s="1" t="s">
        <v>96632</v>
      </c>
      <c r="J28169" s="1" t="s">
        <v>100062</v>
      </c>
    </row>
    <row r="28170" spans="1:10" x14ac:dyDescent="0.35">
      <c r="A28170" s="1" t="s">
        <v>1520</v>
      </c>
      <c r="B28170" s="1" t="s">
        <v>96627</v>
      </c>
      <c r="C28170" s="1" t="s">
        <v>105</v>
      </c>
      <c r="D28170" s="1" t="s">
        <v>100063</v>
      </c>
      <c r="E28170" s="1" t="s">
        <v>100064</v>
      </c>
      <c r="F28170" s="1" t="s">
        <v>100065</v>
      </c>
      <c r="G28170" s="1" t="s">
        <v>99998</v>
      </c>
      <c r="H28170" s="1" t="s">
        <v>99999</v>
      </c>
      <c r="I28170" s="1" t="s">
        <v>96632</v>
      </c>
      <c r="J28170" s="1" t="s">
        <v>100066</v>
      </c>
    </row>
    <row r="28171" spans="1:10" x14ac:dyDescent="0.35">
      <c r="A28171" s="1" t="s">
        <v>1520</v>
      </c>
      <c r="B28171" s="1" t="s">
        <v>96627</v>
      </c>
      <c r="C28171" s="1" t="s">
        <v>110</v>
      </c>
      <c r="D28171" s="1" t="s">
        <v>100067</v>
      </c>
      <c r="E28171" s="1" t="s">
        <v>100068</v>
      </c>
      <c r="F28171" s="1" t="s">
        <v>100069</v>
      </c>
      <c r="G28171" s="1" t="s">
        <v>99998</v>
      </c>
      <c r="H28171" s="1" t="s">
        <v>99999</v>
      </c>
      <c r="I28171" s="1" t="s">
        <v>96632</v>
      </c>
      <c r="J28171" s="1" t="s">
        <v>100070</v>
      </c>
    </row>
    <row r="28172" spans="1:10" x14ac:dyDescent="0.35">
      <c r="A28172" s="1" t="s">
        <v>1520</v>
      </c>
      <c r="B28172" s="1" t="s">
        <v>96627</v>
      </c>
      <c r="C28172" s="1" t="s">
        <v>115</v>
      </c>
      <c r="D28172" s="1" t="s">
        <v>100071</v>
      </c>
      <c r="E28172" s="1" t="s">
        <v>100072</v>
      </c>
      <c r="F28172" s="1" t="s">
        <v>100073</v>
      </c>
      <c r="G28172" s="1" t="s">
        <v>99998</v>
      </c>
      <c r="H28172" s="1" t="s">
        <v>99999</v>
      </c>
      <c r="I28172" s="1" t="s">
        <v>96632</v>
      </c>
      <c r="J28172" s="1" t="s">
        <v>100074</v>
      </c>
    </row>
    <row r="28173" spans="1:10" x14ac:dyDescent="0.35">
      <c r="A28173" s="1" t="s">
        <v>1520</v>
      </c>
      <c r="B28173" s="1" t="s">
        <v>96627</v>
      </c>
      <c r="C28173" s="1" t="s">
        <v>120</v>
      </c>
      <c r="D28173" s="1" t="s">
        <v>97152</v>
      </c>
      <c r="E28173" s="1" t="s">
        <v>100075</v>
      </c>
      <c r="F28173" s="1" t="s">
        <v>100076</v>
      </c>
      <c r="G28173" s="1" t="s">
        <v>99998</v>
      </c>
      <c r="H28173" s="1" t="s">
        <v>99999</v>
      </c>
      <c r="I28173" s="1" t="s">
        <v>96632</v>
      </c>
      <c r="J28173" s="1" t="s">
        <v>100077</v>
      </c>
    </row>
    <row r="28174" spans="1:10" x14ac:dyDescent="0.35">
      <c r="A28174" s="1" t="s">
        <v>1520</v>
      </c>
      <c r="B28174" s="1" t="s">
        <v>96627</v>
      </c>
      <c r="C28174" s="1" t="s">
        <v>125</v>
      </c>
      <c r="D28174" s="1" t="s">
        <v>100078</v>
      </c>
      <c r="E28174" s="1" t="s">
        <v>100079</v>
      </c>
      <c r="F28174" s="1" t="s">
        <v>100080</v>
      </c>
      <c r="G28174" s="1" t="s">
        <v>99998</v>
      </c>
      <c r="H28174" s="1" t="s">
        <v>99999</v>
      </c>
      <c r="I28174" s="1" t="s">
        <v>96632</v>
      </c>
      <c r="J28174" s="1" t="s">
        <v>100081</v>
      </c>
    </row>
    <row r="28175" spans="1:10" x14ac:dyDescent="0.35">
      <c r="A28175" s="1" t="s">
        <v>1520</v>
      </c>
      <c r="B28175" s="1" t="s">
        <v>96627</v>
      </c>
      <c r="C28175" s="1" t="s">
        <v>130</v>
      </c>
      <c r="D28175" s="1" t="s">
        <v>100082</v>
      </c>
      <c r="E28175" s="1" t="s">
        <v>100083</v>
      </c>
      <c r="F28175" s="1" t="s">
        <v>100084</v>
      </c>
      <c r="G28175" s="1" t="s">
        <v>99998</v>
      </c>
      <c r="H28175" s="1" t="s">
        <v>99999</v>
      </c>
      <c r="I28175" s="1" t="s">
        <v>96632</v>
      </c>
      <c r="J28175" s="1" t="s">
        <v>100085</v>
      </c>
    </row>
    <row r="28176" spans="1:10" x14ac:dyDescent="0.35">
      <c r="A28176" s="1" t="s">
        <v>1520</v>
      </c>
      <c r="B28176" s="1" t="s">
        <v>96627</v>
      </c>
      <c r="C28176" s="1" t="s">
        <v>135</v>
      </c>
      <c r="D28176" s="1" t="s">
        <v>19915</v>
      </c>
      <c r="E28176" s="1" t="s">
        <v>100086</v>
      </c>
      <c r="F28176" s="1" t="s">
        <v>100087</v>
      </c>
      <c r="G28176" s="1" t="s">
        <v>99998</v>
      </c>
      <c r="H28176" s="1" t="s">
        <v>99999</v>
      </c>
      <c r="I28176" s="1" t="s">
        <v>96632</v>
      </c>
      <c r="J28176" s="1" t="s">
        <v>100088</v>
      </c>
    </row>
    <row r="28177" spans="1:10" x14ac:dyDescent="0.35">
      <c r="A28177" s="1" t="s">
        <v>1520</v>
      </c>
      <c r="B28177" s="1" t="s">
        <v>96627</v>
      </c>
      <c r="C28177" s="1" t="s">
        <v>140</v>
      </c>
      <c r="D28177" s="1" t="s">
        <v>79397</v>
      </c>
      <c r="E28177" s="1" t="s">
        <v>100089</v>
      </c>
      <c r="F28177" s="1" t="s">
        <v>100090</v>
      </c>
      <c r="G28177" s="1" t="s">
        <v>99998</v>
      </c>
      <c r="H28177" s="1" t="s">
        <v>99999</v>
      </c>
      <c r="I28177" s="1" t="s">
        <v>96632</v>
      </c>
      <c r="J28177" s="1" t="s">
        <v>100091</v>
      </c>
    </row>
    <row r="28178" spans="1:10" x14ac:dyDescent="0.35">
      <c r="A28178" s="1" t="s">
        <v>1520</v>
      </c>
      <c r="B28178" s="1" t="s">
        <v>96627</v>
      </c>
      <c r="C28178" s="1" t="s">
        <v>145</v>
      </c>
      <c r="D28178" s="1" t="s">
        <v>70011</v>
      </c>
      <c r="E28178" s="1" t="s">
        <v>100092</v>
      </c>
      <c r="F28178" s="1" t="s">
        <v>100093</v>
      </c>
      <c r="G28178" s="1" t="s">
        <v>99998</v>
      </c>
      <c r="H28178" s="1" t="s">
        <v>99999</v>
      </c>
      <c r="I28178" s="1" t="s">
        <v>96632</v>
      </c>
      <c r="J28178" s="1" t="s">
        <v>100094</v>
      </c>
    </row>
    <row r="28179" spans="1:10" x14ac:dyDescent="0.35">
      <c r="A28179" s="1" t="s">
        <v>1520</v>
      </c>
      <c r="B28179" s="1" t="s">
        <v>96627</v>
      </c>
      <c r="C28179" s="1" t="s">
        <v>150</v>
      </c>
      <c r="D28179" s="1" t="s">
        <v>62179</v>
      </c>
      <c r="E28179" s="1" t="s">
        <v>100095</v>
      </c>
      <c r="F28179" s="1" t="s">
        <v>100096</v>
      </c>
      <c r="G28179" s="1" t="s">
        <v>99998</v>
      </c>
      <c r="H28179" s="1" t="s">
        <v>99999</v>
      </c>
      <c r="I28179" s="1" t="s">
        <v>96632</v>
      </c>
      <c r="J28179" s="1" t="s">
        <v>100097</v>
      </c>
    </row>
    <row r="28180" spans="1:10" x14ac:dyDescent="0.35">
      <c r="A28180" s="1" t="s">
        <v>1520</v>
      </c>
      <c r="B28180" s="1" t="s">
        <v>96627</v>
      </c>
      <c r="C28180" s="1" t="s">
        <v>155</v>
      </c>
      <c r="D28180" s="1" t="s">
        <v>100098</v>
      </c>
      <c r="E28180" s="1" t="s">
        <v>100099</v>
      </c>
      <c r="F28180" s="1" t="s">
        <v>100100</v>
      </c>
      <c r="G28180" s="1" t="s">
        <v>99998</v>
      </c>
      <c r="H28180" s="1" t="s">
        <v>99999</v>
      </c>
      <c r="I28180" s="1" t="s">
        <v>96632</v>
      </c>
      <c r="J28180" s="1" t="s">
        <v>100101</v>
      </c>
    </row>
    <row r="28181" spans="1:10" x14ac:dyDescent="0.35">
      <c r="A28181" s="1" t="s">
        <v>1520</v>
      </c>
      <c r="B28181" s="1" t="s">
        <v>96627</v>
      </c>
      <c r="C28181" s="1" t="s">
        <v>160</v>
      </c>
      <c r="D28181" s="1" t="s">
        <v>77840</v>
      </c>
      <c r="E28181" s="1" t="s">
        <v>100102</v>
      </c>
      <c r="F28181" s="1" t="s">
        <v>100103</v>
      </c>
      <c r="G28181" s="1" t="s">
        <v>99998</v>
      </c>
      <c r="H28181" s="1" t="s">
        <v>99999</v>
      </c>
      <c r="I28181" s="1" t="s">
        <v>96632</v>
      </c>
      <c r="J28181" s="1" t="s">
        <v>100104</v>
      </c>
    </row>
    <row r="28182" spans="1:10" x14ac:dyDescent="0.35">
      <c r="A28182" s="1" t="s">
        <v>1520</v>
      </c>
      <c r="B28182" s="1" t="s">
        <v>96627</v>
      </c>
      <c r="C28182" s="1" t="s">
        <v>165</v>
      </c>
      <c r="D28182" s="1" t="s">
        <v>100105</v>
      </c>
      <c r="E28182" s="1" t="s">
        <v>100106</v>
      </c>
      <c r="F28182" s="1" t="s">
        <v>100107</v>
      </c>
      <c r="G28182" s="1" t="s">
        <v>99998</v>
      </c>
      <c r="H28182" s="1" t="s">
        <v>99999</v>
      </c>
      <c r="I28182" s="1" t="s">
        <v>96632</v>
      </c>
      <c r="J28182" s="1" t="s">
        <v>100108</v>
      </c>
    </row>
    <row r="28183" spans="1:10" x14ac:dyDescent="0.35">
      <c r="A28183" s="1" t="s">
        <v>1520</v>
      </c>
      <c r="B28183" s="1" t="s">
        <v>96627</v>
      </c>
      <c r="C28183" s="1" t="s">
        <v>170</v>
      </c>
      <c r="D28183" s="1" t="s">
        <v>100109</v>
      </c>
      <c r="E28183" s="1" t="s">
        <v>100110</v>
      </c>
      <c r="F28183" s="1" t="s">
        <v>100111</v>
      </c>
      <c r="G28183" s="1" t="s">
        <v>99998</v>
      </c>
      <c r="H28183" s="1" t="s">
        <v>99999</v>
      </c>
      <c r="I28183" s="1" t="s">
        <v>96632</v>
      </c>
      <c r="J28183" s="1" t="s">
        <v>100112</v>
      </c>
    </row>
    <row r="28184" spans="1:10" x14ac:dyDescent="0.35">
      <c r="A28184" s="1" t="s">
        <v>7346</v>
      </c>
      <c r="B28184" s="1" t="s">
        <v>96627</v>
      </c>
      <c r="C28184" s="1" t="s">
        <v>8</v>
      </c>
      <c r="D28184" s="1" t="s">
        <v>100113</v>
      </c>
      <c r="E28184" s="1" t="s">
        <v>26178</v>
      </c>
      <c r="F28184" s="1" t="s">
        <v>100114</v>
      </c>
      <c r="G28184" s="1" t="s">
        <v>100115</v>
      </c>
      <c r="H28184" s="1" t="s">
        <v>100116</v>
      </c>
      <c r="I28184" s="1" t="s">
        <v>96632</v>
      </c>
      <c r="J28184" s="1" t="s">
        <v>13</v>
      </c>
    </row>
    <row r="28185" spans="1:10" x14ac:dyDescent="0.35">
      <c r="A28185" s="1" t="s">
        <v>7346</v>
      </c>
      <c r="B28185" s="1" t="s">
        <v>96627</v>
      </c>
      <c r="C28185" s="1" t="s">
        <v>15</v>
      </c>
      <c r="D28185" s="1" t="s">
        <v>100117</v>
      </c>
      <c r="E28185" s="1" t="s">
        <v>23457</v>
      </c>
      <c r="F28185" s="1" t="s">
        <v>100118</v>
      </c>
      <c r="G28185" s="1" t="s">
        <v>100115</v>
      </c>
      <c r="H28185" s="1" t="s">
        <v>100116</v>
      </c>
      <c r="I28185" s="1" t="s">
        <v>96632</v>
      </c>
      <c r="J28185" s="1" t="s">
        <v>100119</v>
      </c>
    </row>
    <row r="28186" spans="1:10" x14ac:dyDescent="0.35">
      <c r="A28186" s="1" t="s">
        <v>7346</v>
      </c>
      <c r="B28186" s="1" t="s">
        <v>96627</v>
      </c>
      <c r="C28186" s="1" t="s">
        <v>20</v>
      </c>
      <c r="D28186" s="1" t="s">
        <v>100120</v>
      </c>
      <c r="E28186" s="1" t="s">
        <v>23202</v>
      </c>
      <c r="F28186" s="1" t="s">
        <v>100121</v>
      </c>
      <c r="G28186" s="1" t="s">
        <v>100115</v>
      </c>
      <c r="H28186" s="1" t="s">
        <v>100116</v>
      </c>
      <c r="I28186" s="1" t="s">
        <v>96632</v>
      </c>
      <c r="J28186" s="1" t="s">
        <v>100122</v>
      </c>
    </row>
    <row r="28187" spans="1:10" x14ac:dyDescent="0.35">
      <c r="A28187" s="1" t="s">
        <v>7346</v>
      </c>
      <c r="B28187" s="1" t="s">
        <v>96627</v>
      </c>
      <c r="C28187" s="1" t="s">
        <v>25</v>
      </c>
      <c r="D28187" s="1" t="s">
        <v>32326</v>
      </c>
      <c r="E28187" s="1" t="s">
        <v>55968</v>
      </c>
      <c r="F28187" s="1" t="s">
        <v>100123</v>
      </c>
      <c r="G28187" s="1" t="s">
        <v>100115</v>
      </c>
      <c r="H28187" s="1" t="s">
        <v>100116</v>
      </c>
      <c r="I28187" s="1" t="s">
        <v>96632</v>
      </c>
      <c r="J28187" s="1" t="s">
        <v>100124</v>
      </c>
    </row>
    <row r="28188" spans="1:10" x14ac:dyDescent="0.35">
      <c r="A28188" s="1" t="s">
        <v>7346</v>
      </c>
      <c r="B28188" s="1" t="s">
        <v>96627</v>
      </c>
      <c r="C28188" s="1" t="s">
        <v>30</v>
      </c>
      <c r="D28188" s="1" t="s">
        <v>77921</v>
      </c>
      <c r="E28188" s="1" t="s">
        <v>53928</v>
      </c>
      <c r="F28188" s="1" t="s">
        <v>100125</v>
      </c>
      <c r="G28188" s="1" t="s">
        <v>100115</v>
      </c>
      <c r="H28188" s="1" t="s">
        <v>100116</v>
      </c>
      <c r="I28188" s="1" t="s">
        <v>96632</v>
      </c>
      <c r="J28188" s="1" t="s">
        <v>100126</v>
      </c>
    </row>
    <row r="28189" spans="1:10" x14ac:dyDescent="0.35">
      <c r="A28189" s="1" t="s">
        <v>7346</v>
      </c>
      <c r="B28189" s="1" t="s">
        <v>96627</v>
      </c>
      <c r="C28189" s="1" t="s">
        <v>35</v>
      </c>
      <c r="D28189" s="1" t="s">
        <v>100127</v>
      </c>
      <c r="E28189" s="1" t="s">
        <v>54474</v>
      </c>
      <c r="F28189" s="1" t="s">
        <v>100128</v>
      </c>
      <c r="G28189" s="1" t="s">
        <v>100115</v>
      </c>
      <c r="H28189" s="1" t="s">
        <v>100116</v>
      </c>
      <c r="I28189" s="1" t="s">
        <v>96632</v>
      </c>
      <c r="J28189" s="1" t="s">
        <v>100129</v>
      </c>
    </row>
    <row r="28190" spans="1:10" x14ac:dyDescent="0.35">
      <c r="A28190" s="1" t="s">
        <v>7346</v>
      </c>
      <c r="B28190" s="1" t="s">
        <v>96627</v>
      </c>
      <c r="C28190" s="1" t="s">
        <v>40</v>
      </c>
      <c r="D28190" s="1" t="s">
        <v>100130</v>
      </c>
      <c r="E28190" s="1" t="s">
        <v>66359</v>
      </c>
      <c r="F28190" s="1" t="s">
        <v>100131</v>
      </c>
      <c r="G28190" s="1" t="s">
        <v>100115</v>
      </c>
      <c r="H28190" s="1" t="s">
        <v>100116</v>
      </c>
      <c r="I28190" s="1" t="s">
        <v>96632</v>
      </c>
      <c r="J28190" s="1" t="s">
        <v>100132</v>
      </c>
    </row>
    <row r="28191" spans="1:10" x14ac:dyDescent="0.35">
      <c r="A28191" s="1" t="s">
        <v>7346</v>
      </c>
      <c r="B28191" s="1" t="s">
        <v>96627</v>
      </c>
      <c r="C28191" s="1" t="s">
        <v>45</v>
      </c>
      <c r="D28191" s="1" t="s">
        <v>96878</v>
      </c>
      <c r="E28191" s="1" t="s">
        <v>54168</v>
      </c>
      <c r="F28191" s="1" t="s">
        <v>100133</v>
      </c>
      <c r="G28191" s="1" t="s">
        <v>100115</v>
      </c>
      <c r="H28191" s="1" t="s">
        <v>100116</v>
      </c>
      <c r="I28191" s="1" t="s">
        <v>96632</v>
      </c>
      <c r="J28191" s="1" t="s">
        <v>100134</v>
      </c>
    </row>
    <row r="28192" spans="1:10" x14ac:dyDescent="0.35">
      <c r="A28192" s="1" t="s">
        <v>7346</v>
      </c>
      <c r="B28192" s="1" t="s">
        <v>96627</v>
      </c>
      <c r="C28192" s="1" t="s">
        <v>50</v>
      </c>
      <c r="D28192" s="1" t="s">
        <v>100135</v>
      </c>
      <c r="E28192" s="1" t="s">
        <v>60824</v>
      </c>
      <c r="F28192" s="1" t="s">
        <v>100136</v>
      </c>
      <c r="G28192" s="1" t="s">
        <v>100115</v>
      </c>
      <c r="H28192" s="1" t="s">
        <v>100116</v>
      </c>
      <c r="I28192" s="1" t="s">
        <v>96632</v>
      </c>
      <c r="J28192" s="1" t="s">
        <v>100137</v>
      </c>
    </row>
    <row r="28193" spans="1:10" x14ac:dyDescent="0.35">
      <c r="A28193" s="1" t="s">
        <v>7346</v>
      </c>
      <c r="B28193" s="1" t="s">
        <v>96627</v>
      </c>
      <c r="C28193" s="1" t="s">
        <v>55</v>
      </c>
      <c r="D28193" s="1" t="s">
        <v>100138</v>
      </c>
      <c r="E28193" s="1" t="s">
        <v>15293</v>
      </c>
      <c r="F28193" s="1" t="s">
        <v>100139</v>
      </c>
      <c r="G28193" s="1" t="s">
        <v>100115</v>
      </c>
      <c r="H28193" s="1" t="s">
        <v>100116</v>
      </c>
      <c r="I28193" s="1" t="s">
        <v>96632</v>
      </c>
      <c r="J28193" s="1" t="s">
        <v>100140</v>
      </c>
    </row>
    <row r="28194" spans="1:10" x14ac:dyDescent="0.35">
      <c r="A28194" s="1" t="s">
        <v>7346</v>
      </c>
      <c r="B28194" s="1" t="s">
        <v>96627</v>
      </c>
      <c r="C28194" s="1" t="s">
        <v>60</v>
      </c>
      <c r="D28194" s="1" t="s">
        <v>81830</v>
      </c>
      <c r="E28194" s="1" t="s">
        <v>22091</v>
      </c>
      <c r="F28194" s="1" t="s">
        <v>100141</v>
      </c>
      <c r="G28194" s="1" t="s">
        <v>100115</v>
      </c>
      <c r="H28194" s="1" t="s">
        <v>100116</v>
      </c>
      <c r="I28194" s="1" t="s">
        <v>96632</v>
      </c>
      <c r="J28194" s="1" t="s">
        <v>100142</v>
      </c>
    </row>
    <row r="28195" spans="1:10" x14ac:dyDescent="0.35">
      <c r="A28195" s="1" t="s">
        <v>7346</v>
      </c>
      <c r="B28195" s="1" t="s">
        <v>96627</v>
      </c>
      <c r="C28195" s="1" t="s">
        <v>65</v>
      </c>
      <c r="D28195" s="1" t="s">
        <v>100143</v>
      </c>
      <c r="E28195" s="1" t="s">
        <v>21834</v>
      </c>
      <c r="F28195" s="1" t="s">
        <v>100144</v>
      </c>
      <c r="G28195" s="1" t="s">
        <v>100115</v>
      </c>
      <c r="H28195" s="1" t="s">
        <v>100116</v>
      </c>
      <c r="I28195" s="1" t="s">
        <v>96632</v>
      </c>
      <c r="J28195" s="1" t="s">
        <v>100145</v>
      </c>
    </row>
    <row r="28196" spans="1:10" x14ac:dyDescent="0.35">
      <c r="A28196" s="1" t="s">
        <v>7346</v>
      </c>
      <c r="B28196" s="1" t="s">
        <v>96627</v>
      </c>
      <c r="C28196" s="1" t="s">
        <v>70</v>
      </c>
      <c r="D28196" s="1" t="s">
        <v>100146</v>
      </c>
      <c r="E28196" s="1" t="s">
        <v>26614</v>
      </c>
      <c r="F28196" s="1" t="s">
        <v>100147</v>
      </c>
      <c r="G28196" s="1" t="s">
        <v>100115</v>
      </c>
      <c r="H28196" s="1" t="s">
        <v>100116</v>
      </c>
      <c r="I28196" s="1" t="s">
        <v>96632</v>
      </c>
      <c r="J28196" s="1" t="s">
        <v>100148</v>
      </c>
    </row>
    <row r="28197" spans="1:10" x14ac:dyDescent="0.35">
      <c r="A28197" s="1" t="s">
        <v>7346</v>
      </c>
      <c r="B28197" s="1" t="s">
        <v>96627</v>
      </c>
      <c r="C28197" s="1" t="s">
        <v>75</v>
      </c>
      <c r="D28197" s="1" t="s">
        <v>100149</v>
      </c>
      <c r="E28197" s="1" t="s">
        <v>15311</v>
      </c>
      <c r="F28197" s="1" t="s">
        <v>100150</v>
      </c>
      <c r="G28197" s="1" t="s">
        <v>100115</v>
      </c>
      <c r="H28197" s="1" t="s">
        <v>100116</v>
      </c>
      <c r="I28197" s="1" t="s">
        <v>96632</v>
      </c>
      <c r="J28197" s="1" t="s">
        <v>100151</v>
      </c>
    </row>
    <row r="28198" spans="1:10" x14ac:dyDescent="0.35">
      <c r="A28198" s="1" t="s">
        <v>7346</v>
      </c>
      <c r="B28198" s="1" t="s">
        <v>96627</v>
      </c>
      <c r="C28198" s="1" t="s">
        <v>80</v>
      </c>
      <c r="D28198" s="1" t="s">
        <v>100152</v>
      </c>
      <c r="E28198" s="1" t="s">
        <v>64929</v>
      </c>
      <c r="F28198" s="1" t="s">
        <v>100153</v>
      </c>
      <c r="G28198" s="1" t="s">
        <v>100115</v>
      </c>
      <c r="H28198" s="1" t="s">
        <v>100116</v>
      </c>
      <c r="I28198" s="1" t="s">
        <v>96632</v>
      </c>
      <c r="J28198" s="1" t="s">
        <v>100154</v>
      </c>
    </row>
    <row r="28199" spans="1:10" x14ac:dyDescent="0.35">
      <c r="A28199" s="1" t="s">
        <v>7346</v>
      </c>
      <c r="B28199" s="1" t="s">
        <v>96627</v>
      </c>
      <c r="C28199" s="1" t="s">
        <v>85</v>
      </c>
      <c r="D28199" s="1" t="s">
        <v>92654</v>
      </c>
      <c r="E28199" s="1" t="s">
        <v>69548</v>
      </c>
      <c r="F28199" s="1" t="s">
        <v>100155</v>
      </c>
      <c r="G28199" s="1" t="s">
        <v>100115</v>
      </c>
      <c r="H28199" s="1" t="s">
        <v>100116</v>
      </c>
      <c r="I28199" s="1" t="s">
        <v>96632</v>
      </c>
      <c r="J28199" s="1" t="s">
        <v>100156</v>
      </c>
    </row>
    <row r="28200" spans="1:10" x14ac:dyDescent="0.35">
      <c r="A28200" s="1" t="s">
        <v>7346</v>
      </c>
      <c r="B28200" s="1" t="s">
        <v>96627</v>
      </c>
      <c r="C28200" s="1" t="s">
        <v>90</v>
      </c>
      <c r="D28200" s="1" t="s">
        <v>86959</v>
      </c>
      <c r="E28200" s="1" t="s">
        <v>56842</v>
      </c>
      <c r="F28200" s="1" t="s">
        <v>100157</v>
      </c>
      <c r="G28200" s="1" t="s">
        <v>100115</v>
      </c>
      <c r="H28200" s="1" t="s">
        <v>100116</v>
      </c>
      <c r="I28200" s="1" t="s">
        <v>96632</v>
      </c>
      <c r="J28200" s="1" t="s">
        <v>100158</v>
      </c>
    </row>
    <row r="28201" spans="1:10" x14ac:dyDescent="0.35">
      <c r="A28201" s="1" t="s">
        <v>7346</v>
      </c>
      <c r="B28201" s="1" t="s">
        <v>96627</v>
      </c>
      <c r="C28201" s="1" t="s">
        <v>95</v>
      </c>
      <c r="D28201" s="1" t="s">
        <v>100159</v>
      </c>
      <c r="E28201" s="1" t="s">
        <v>21860</v>
      </c>
      <c r="F28201" s="1" t="s">
        <v>100160</v>
      </c>
      <c r="G28201" s="1" t="s">
        <v>100115</v>
      </c>
      <c r="H28201" s="1" t="s">
        <v>100116</v>
      </c>
      <c r="I28201" s="1" t="s">
        <v>96632</v>
      </c>
      <c r="J28201" s="1" t="s">
        <v>100161</v>
      </c>
    </row>
    <row r="28202" spans="1:10" x14ac:dyDescent="0.35">
      <c r="A28202" s="1" t="s">
        <v>7346</v>
      </c>
      <c r="B28202" s="1" t="s">
        <v>96627</v>
      </c>
      <c r="C28202" s="1" t="s">
        <v>100</v>
      </c>
      <c r="D28202" s="1" t="s">
        <v>100162</v>
      </c>
      <c r="E28202" s="1" t="s">
        <v>22095</v>
      </c>
      <c r="F28202" s="1" t="s">
        <v>100163</v>
      </c>
      <c r="G28202" s="1" t="s">
        <v>100115</v>
      </c>
      <c r="H28202" s="1" t="s">
        <v>100116</v>
      </c>
      <c r="I28202" s="1" t="s">
        <v>96632</v>
      </c>
      <c r="J28202" s="1" t="s">
        <v>100164</v>
      </c>
    </row>
    <row r="28203" spans="1:10" x14ac:dyDescent="0.35">
      <c r="A28203" s="1" t="s">
        <v>7346</v>
      </c>
      <c r="B28203" s="1" t="s">
        <v>96627</v>
      </c>
      <c r="C28203" s="1" t="s">
        <v>105</v>
      </c>
      <c r="D28203" s="1" t="s">
        <v>100165</v>
      </c>
      <c r="E28203" s="1" t="s">
        <v>24384</v>
      </c>
      <c r="F28203" s="1" t="s">
        <v>100166</v>
      </c>
      <c r="G28203" s="1" t="s">
        <v>100115</v>
      </c>
      <c r="H28203" s="1" t="s">
        <v>100116</v>
      </c>
      <c r="I28203" s="1" t="s">
        <v>96632</v>
      </c>
      <c r="J28203" s="1" t="s">
        <v>100167</v>
      </c>
    </row>
    <row r="28204" spans="1:10" x14ac:dyDescent="0.35">
      <c r="A28204" s="1" t="s">
        <v>7346</v>
      </c>
      <c r="B28204" s="1" t="s">
        <v>96627</v>
      </c>
      <c r="C28204" s="1" t="s">
        <v>110</v>
      </c>
      <c r="D28204" s="1" t="s">
        <v>100168</v>
      </c>
      <c r="E28204" s="1" t="s">
        <v>100169</v>
      </c>
      <c r="F28204" s="1" t="s">
        <v>100170</v>
      </c>
      <c r="G28204" s="1" t="s">
        <v>100115</v>
      </c>
      <c r="H28204" s="1" t="s">
        <v>100116</v>
      </c>
      <c r="I28204" s="1" t="s">
        <v>96632</v>
      </c>
      <c r="J28204" s="1" t="s">
        <v>100171</v>
      </c>
    </row>
    <row r="28205" spans="1:10" x14ac:dyDescent="0.35">
      <c r="A28205" s="1" t="s">
        <v>7346</v>
      </c>
      <c r="B28205" s="1" t="s">
        <v>96627</v>
      </c>
      <c r="C28205" s="1" t="s">
        <v>115</v>
      </c>
      <c r="D28205" s="1" t="s">
        <v>100172</v>
      </c>
      <c r="E28205" s="1" t="s">
        <v>15293</v>
      </c>
      <c r="F28205" s="1" t="s">
        <v>100173</v>
      </c>
      <c r="G28205" s="1" t="s">
        <v>100115</v>
      </c>
      <c r="H28205" s="1" t="s">
        <v>100116</v>
      </c>
      <c r="I28205" s="1" t="s">
        <v>96632</v>
      </c>
      <c r="J28205" s="1" t="s">
        <v>100174</v>
      </c>
    </row>
    <row r="28206" spans="1:10" x14ac:dyDescent="0.35">
      <c r="A28206" s="1" t="s">
        <v>7346</v>
      </c>
      <c r="B28206" s="1" t="s">
        <v>96627</v>
      </c>
      <c r="C28206" s="1" t="s">
        <v>120</v>
      </c>
      <c r="D28206" s="1" t="s">
        <v>100175</v>
      </c>
      <c r="E28206" s="1" t="s">
        <v>26552</v>
      </c>
      <c r="F28206" s="1" t="s">
        <v>100176</v>
      </c>
      <c r="G28206" s="1" t="s">
        <v>100115</v>
      </c>
      <c r="H28206" s="1" t="s">
        <v>100116</v>
      </c>
      <c r="I28206" s="1" t="s">
        <v>96632</v>
      </c>
      <c r="J28206" s="1" t="s">
        <v>100177</v>
      </c>
    </row>
    <row r="28207" spans="1:10" x14ac:dyDescent="0.35">
      <c r="A28207" s="1" t="s">
        <v>7346</v>
      </c>
      <c r="B28207" s="1" t="s">
        <v>96627</v>
      </c>
      <c r="C28207" s="1" t="s">
        <v>125</v>
      </c>
      <c r="D28207" s="1" t="s">
        <v>100178</v>
      </c>
      <c r="E28207" s="1" t="s">
        <v>41165</v>
      </c>
      <c r="F28207" s="1" t="s">
        <v>100179</v>
      </c>
      <c r="G28207" s="1" t="s">
        <v>100115</v>
      </c>
      <c r="H28207" s="1" t="s">
        <v>100116</v>
      </c>
      <c r="I28207" s="1" t="s">
        <v>96632</v>
      </c>
      <c r="J28207" s="1" t="s">
        <v>100180</v>
      </c>
    </row>
    <row r="28208" spans="1:10" x14ac:dyDescent="0.35">
      <c r="A28208" s="1" t="s">
        <v>7346</v>
      </c>
      <c r="B28208" s="1" t="s">
        <v>96627</v>
      </c>
      <c r="C28208" s="1" t="s">
        <v>130</v>
      </c>
      <c r="D28208" s="1" t="s">
        <v>100181</v>
      </c>
      <c r="E28208" s="1" t="s">
        <v>16186</v>
      </c>
      <c r="F28208" s="1" t="s">
        <v>100182</v>
      </c>
      <c r="G28208" s="1" t="s">
        <v>100115</v>
      </c>
      <c r="H28208" s="1" t="s">
        <v>100116</v>
      </c>
      <c r="I28208" s="1" t="s">
        <v>96632</v>
      </c>
      <c r="J28208" s="1" t="s">
        <v>100183</v>
      </c>
    </row>
    <row r="28209" spans="1:10" x14ac:dyDescent="0.35">
      <c r="A28209" s="1" t="s">
        <v>7346</v>
      </c>
      <c r="B28209" s="1" t="s">
        <v>96627</v>
      </c>
      <c r="C28209" s="1" t="s">
        <v>135</v>
      </c>
      <c r="D28209" s="1" t="s">
        <v>100184</v>
      </c>
      <c r="E28209" s="1" t="s">
        <v>15245</v>
      </c>
      <c r="F28209" s="1" t="s">
        <v>100185</v>
      </c>
      <c r="G28209" s="1" t="s">
        <v>100115</v>
      </c>
      <c r="H28209" s="1" t="s">
        <v>100116</v>
      </c>
      <c r="I28209" s="1" t="s">
        <v>96632</v>
      </c>
      <c r="J28209" s="1" t="s">
        <v>100186</v>
      </c>
    </row>
    <row r="28210" spans="1:10" x14ac:dyDescent="0.35">
      <c r="A28210" s="1" t="s">
        <v>7346</v>
      </c>
      <c r="B28210" s="1" t="s">
        <v>96627</v>
      </c>
      <c r="C28210" s="1" t="s">
        <v>140</v>
      </c>
      <c r="D28210" s="1" t="s">
        <v>100187</v>
      </c>
      <c r="E28210" s="1" t="s">
        <v>69465</v>
      </c>
      <c r="F28210" s="1" t="s">
        <v>100188</v>
      </c>
      <c r="G28210" s="1" t="s">
        <v>100115</v>
      </c>
      <c r="H28210" s="1" t="s">
        <v>100116</v>
      </c>
      <c r="I28210" s="1" t="s">
        <v>96632</v>
      </c>
      <c r="J28210" s="1" t="s">
        <v>100189</v>
      </c>
    </row>
    <row r="28211" spans="1:10" x14ac:dyDescent="0.35">
      <c r="A28211" s="1" t="s">
        <v>7346</v>
      </c>
      <c r="B28211" s="1" t="s">
        <v>96627</v>
      </c>
      <c r="C28211" s="1" t="s">
        <v>145</v>
      </c>
      <c r="D28211" s="1" t="s">
        <v>24232</v>
      </c>
      <c r="E28211" s="1" t="s">
        <v>21985</v>
      </c>
      <c r="F28211" s="1" t="s">
        <v>100190</v>
      </c>
      <c r="G28211" s="1" t="s">
        <v>100115</v>
      </c>
      <c r="H28211" s="1" t="s">
        <v>100116</v>
      </c>
      <c r="I28211" s="1" t="s">
        <v>96632</v>
      </c>
      <c r="J28211" s="1" t="s">
        <v>100191</v>
      </c>
    </row>
    <row r="28212" spans="1:10" x14ac:dyDescent="0.35">
      <c r="A28212" s="1" t="s">
        <v>7346</v>
      </c>
      <c r="B28212" s="1" t="s">
        <v>96627</v>
      </c>
      <c r="C28212" s="1" t="s">
        <v>150</v>
      </c>
      <c r="D28212" s="1" t="s">
        <v>39314</v>
      </c>
      <c r="E28212" s="1" t="s">
        <v>53936</v>
      </c>
      <c r="F28212" s="1" t="s">
        <v>22728</v>
      </c>
      <c r="G28212" s="1" t="s">
        <v>100115</v>
      </c>
      <c r="H28212" s="1" t="s">
        <v>100116</v>
      </c>
      <c r="I28212" s="1" t="s">
        <v>96632</v>
      </c>
      <c r="J28212" s="1" t="s">
        <v>100192</v>
      </c>
    </row>
    <row r="28213" spans="1:10" x14ac:dyDescent="0.35">
      <c r="A28213" s="1" t="s">
        <v>7346</v>
      </c>
      <c r="B28213" s="1" t="s">
        <v>96627</v>
      </c>
      <c r="C28213" s="1" t="s">
        <v>155</v>
      </c>
      <c r="D28213" s="1" t="s">
        <v>90479</v>
      </c>
      <c r="E28213" s="1" t="s">
        <v>62154</v>
      </c>
      <c r="F28213" s="1" t="s">
        <v>100193</v>
      </c>
      <c r="G28213" s="1" t="s">
        <v>100115</v>
      </c>
      <c r="H28213" s="1" t="s">
        <v>100116</v>
      </c>
      <c r="I28213" s="1" t="s">
        <v>96632</v>
      </c>
      <c r="J28213" s="1" t="s">
        <v>100194</v>
      </c>
    </row>
    <row r="28214" spans="1:10" x14ac:dyDescent="0.35">
      <c r="A28214" s="1" t="s">
        <v>7346</v>
      </c>
      <c r="B28214" s="1" t="s">
        <v>96627</v>
      </c>
      <c r="C28214" s="1" t="s">
        <v>160</v>
      </c>
      <c r="D28214" s="1" t="s">
        <v>57427</v>
      </c>
      <c r="E28214" s="1" t="s">
        <v>100195</v>
      </c>
      <c r="F28214" s="1" t="s">
        <v>100196</v>
      </c>
      <c r="G28214" s="1" t="s">
        <v>100115</v>
      </c>
      <c r="H28214" s="1" t="s">
        <v>100116</v>
      </c>
      <c r="I28214" s="1" t="s">
        <v>96632</v>
      </c>
      <c r="J28214" s="1" t="s">
        <v>100197</v>
      </c>
    </row>
    <row r="28215" spans="1:10" x14ac:dyDescent="0.35">
      <c r="A28215" s="1" t="s">
        <v>7346</v>
      </c>
      <c r="B28215" s="1" t="s">
        <v>96627</v>
      </c>
      <c r="C28215" s="1" t="s">
        <v>165</v>
      </c>
      <c r="D28215" s="1" t="s">
        <v>100198</v>
      </c>
      <c r="E28215" s="1" t="s">
        <v>55428</v>
      </c>
      <c r="F28215" s="1" t="s">
        <v>100199</v>
      </c>
      <c r="G28215" s="1" t="s">
        <v>100115</v>
      </c>
      <c r="H28215" s="1" t="s">
        <v>100116</v>
      </c>
      <c r="I28215" s="1" t="s">
        <v>96632</v>
      </c>
      <c r="J28215" s="1" t="s">
        <v>100200</v>
      </c>
    </row>
    <row r="28216" spans="1:10" x14ac:dyDescent="0.35">
      <c r="A28216" s="1" t="s">
        <v>7346</v>
      </c>
      <c r="B28216" s="1" t="s">
        <v>96627</v>
      </c>
      <c r="C28216" s="1" t="s">
        <v>170</v>
      </c>
      <c r="D28216" s="1" t="s">
        <v>77994</v>
      </c>
      <c r="E28216" s="1" t="s">
        <v>54110</v>
      </c>
      <c r="F28216" s="1" t="s">
        <v>100201</v>
      </c>
      <c r="G28216" s="1" t="s">
        <v>100115</v>
      </c>
      <c r="H28216" s="1" t="s">
        <v>100116</v>
      </c>
      <c r="I28216" s="1" t="s">
        <v>96632</v>
      </c>
      <c r="J28216" s="1" t="s">
        <v>100202</v>
      </c>
    </row>
    <row r="28217" spans="1:10" x14ac:dyDescent="0.35">
      <c r="A28217" s="1" t="s">
        <v>100203</v>
      </c>
      <c r="B28217" s="1" t="s">
        <v>96627</v>
      </c>
      <c r="C28217" s="1" t="s">
        <v>8</v>
      </c>
      <c r="D28217" s="1" t="s">
        <v>100204</v>
      </c>
      <c r="E28217" s="1" t="s">
        <v>15876</v>
      </c>
      <c r="F28217" s="1" t="s">
        <v>100205</v>
      </c>
      <c r="G28217" s="1" t="s">
        <v>100206</v>
      </c>
      <c r="H28217" s="1" t="s">
        <v>100207</v>
      </c>
      <c r="I28217" s="1" t="s">
        <v>96632</v>
      </c>
      <c r="J28217" s="1" t="s">
        <v>13</v>
      </c>
    </row>
    <row r="28218" spans="1:10" x14ac:dyDescent="0.35">
      <c r="A28218" s="1" t="s">
        <v>100203</v>
      </c>
      <c r="B28218" s="1" t="s">
        <v>96627</v>
      </c>
      <c r="C28218" s="1" t="s">
        <v>15</v>
      </c>
      <c r="D28218" s="1" t="s">
        <v>100208</v>
      </c>
      <c r="E28218" s="1" t="s">
        <v>16150</v>
      </c>
      <c r="F28218" s="1" t="s">
        <v>100209</v>
      </c>
      <c r="G28218" s="1" t="s">
        <v>100206</v>
      </c>
      <c r="H28218" s="1" t="s">
        <v>100207</v>
      </c>
      <c r="I28218" s="1" t="s">
        <v>96632</v>
      </c>
      <c r="J28218" s="1" t="s">
        <v>100210</v>
      </c>
    </row>
    <row r="28219" spans="1:10" x14ac:dyDescent="0.35">
      <c r="A28219" s="1" t="s">
        <v>100203</v>
      </c>
      <c r="B28219" s="1" t="s">
        <v>96627</v>
      </c>
      <c r="C28219" s="1" t="s">
        <v>20</v>
      </c>
      <c r="D28219" s="1" t="s">
        <v>100211</v>
      </c>
      <c r="E28219" s="1" t="s">
        <v>69349</v>
      </c>
      <c r="F28219" s="1" t="s">
        <v>100212</v>
      </c>
      <c r="G28219" s="1" t="s">
        <v>100206</v>
      </c>
      <c r="H28219" s="1" t="s">
        <v>100207</v>
      </c>
      <c r="I28219" s="1" t="s">
        <v>96632</v>
      </c>
      <c r="J28219" s="1" t="s">
        <v>100213</v>
      </c>
    </row>
    <row r="28220" spans="1:10" x14ac:dyDescent="0.35">
      <c r="A28220" s="1" t="s">
        <v>100203</v>
      </c>
      <c r="B28220" s="1" t="s">
        <v>96627</v>
      </c>
      <c r="C28220" s="1" t="s">
        <v>25</v>
      </c>
      <c r="D28220" s="1" t="s">
        <v>100214</v>
      </c>
      <c r="E28220" s="1" t="s">
        <v>57602</v>
      </c>
      <c r="F28220" s="1" t="s">
        <v>100215</v>
      </c>
      <c r="G28220" s="1" t="s">
        <v>100206</v>
      </c>
      <c r="H28220" s="1" t="s">
        <v>100207</v>
      </c>
      <c r="I28220" s="1" t="s">
        <v>96632</v>
      </c>
      <c r="J28220" s="1" t="s">
        <v>100216</v>
      </c>
    </row>
    <row r="28221" spans="1:10" x14ac:dyDescent="0.35">
      <c r="A28221" s="1" t="s">
        <v>100203</v>
      </c>
      <c r="B28221" s="1" t="s">
        <v>96627</v>
      </c>
      <c r="C28221" s="1" t="s">
        <v>30</v>
      </c>
      <c r="D28221" s="1" t="s">
        <v>100217</v>
      </c>
      <c r="E28221" s="1" t="s">
        <v>15315</v>
      </c>
      <c r="F28221" s="1" t="s">
        <v>90223</v>
      </c>
      <c r="G28221" s="1" t="s">
        <v>100206</v>
      </c>
      <c r="H28221" s="1" t="s">
        <v>100207</v>
      </c>
      <c r="I28221" s="1" t="s">
        <v>96632</v>
      </c>
      <c r="J28221" s="1" t="s">
        <v>100218</v>
      </c>
    </row>
    <row r="28222" spans="1:10" x14ac:dyDescent="0.35">
      <c r="A28222" s="1" t="s">
        <v>100203</v>
      </c>
      <c r="B28222" s="1" t="s">
        <v>96627</v>
      </c>
      <c r="C28222" s="1" t="s">
        <v>35</v>
      </c>
      <c r="D28222" s="1" t="s">
        <v>99107</v>
      </c>
      <c r="E28222" s="1" t="s">
        <v>22328</v>
      </c>
      <c r="F28222" s="1" t="s">
        <v>100219</v>
      </c>
      <c r="G28222" s="1" t="s">
        <v>100206</v>
      </c>
      <c r="H28222" s="1" t="s">
        <v>100207</v>
      </c>
      <c r="I28222" s="1" t="s">
        <v>96632</v>
      </c>
      <c r="J28222" s="1" t="s">
        <v>100220</v>
      </c>
    </row>
    <row r="28223" spans="1:10" x14ac:dyDescent="0.35">
      <c r="A28223" s="1" t="s">
        <v>100203</v>
      </c>
      <c r="B28223" s="1" t="s">
        <v>96627</v>
      </c>
      <c r="C28223" s="1" t="s">
        <v>40</v>
      </c>
      <c r="D28223" s="1" t="s">
        <v>77063</v>
      </c>
      <c r="E28223" s="1" t="s">
        <v>12879</v>
      </c>
      <c r="F28223" s="1" t="s">
        <v>100221</v>
      </c>
      <c r="G28223" s="1" t="s">
        <v>100206</v>
      </c>
      <c r="H28223" s="1" t="s">
        <v>100207</v>
      </c>
      <c r="I28223" s="1" t="s">
        <v>96632</v>
      </c>
      <c r="J28223" s="1" t="s">
        <v>100222</v>
      </c>
    </row>
    <row r="28224" spans="1:10" x14ac:dyDescent="0.35">
      <c r="A28224" s="1" t="s">
        <v>100203</v>
      </c>
      <c r="B28224" s="1" t="s">
        <v>96627</v>
      </c>
      <c r="C28224" s="1" t="s">
        <v>45</v>
      </c>
      <c r="D28224" s="1" t="s">
        <v>100223</v>
      </c>
      <c r="E28224" s="1" t="s">
        <v>15571</v>
      </c>
      <c r="F28224" s="1" t="s">
        <v>100224</v>
      </c>
      <c r="G28224" s="1" t="s">
        <v>100206</v>
      </c>
      <c r="H28224" s="1" t="s">
        <v>100207</v>
      </c>
      <c r="I28224" s="1" t="s">
        <v>96632</v>
      </c>
      <c r="J28224" s="1" t="s">
        <v>100225</v>
      </c>
    </row>
    <row r="28225" spans="1:10" x14ac:dyDescent="0.35">
      <c r="A28225" s="1" t="s">
        <v>100203</v>
      </c>
      <c r="B28225" s="1" t="s">
        <v>96627</v>
      </c>
      <c r="C28225" s="1" t="s">
        <v>50</v>
      </c>
      <c r="D28225" s="1" t="s">
        <v>100226</v>
      </c>
      <c r="E28225" s="1" t="s">
        <v>24284</v>
      </c>
      <c r="F28225" s="1" t="s">
        <v>100227</v>
      </c>
      <c r="G28225" s="1" t="s">
        <v>100206</v>
      </c>
      <c r="H28225" s="1" t="s">
        <v>100207</v>
      </c>
      <c r="I28225" s="1" t="s">
        <v>96632</v>
      </c>
      <c r="J28225" s="1" t="s">
        <v>100228</v>
      </c>
    </row>
    <row r="28226" spans="1:10" x14ac:dyDescent="0.35">
      <c r="A28226" s="1" t="s">
        <v>100203</v>
      </c>
      <c r="B28226" s="1" t="s">
        <v>96627</v>
      </c>
      <c r="C28226" s="1" t="s">
        <v>55</v>
      </c>
      <c r="D28226" s="1" t="s">
        <v>100229</v>
      </c>
      <c r="E28226" s="1" t="s">
        <v>96539</v>
      </c>
      <c r="F28226" s="1" t="s">
        <v>100230</v>
      </c>
      <c r="G28226" s="1" t="s">
        <v>100206</v>
      </c>
      <c r="H28226" s="1" t="s">
        <v>100207</v>
      </c>
      <c r="I28226" s="1" t="s">
        <v>96632</v>
      </c>
      <c r="J28226" s="1" t="s">
        <v>100231</v>
      </c>
    </row>
    <row r="28227" spans="1:10" x14ac:dyDescent="0.35">
      <c r="A28227" s="1" t="s">
        <v>100203</v>
      </c>
      <c r="B28227" s="1" t="s">
        <v>96627</v>
      </c>
      <c r="C28227" s="1" t="s">
        <v>60</v>
      </c>
      <c r="D28227" s="1" t="s">
        <v>100232</v>
      </c>
      <c r="E28227" s="1" t="s">
        <v>15315</v>
      </c>
      <c r="F28227" s="1" t="s">
        <v>22995</v>
      </c>
      <c r="G28227" s="1" t="s">
        <v>100206</v>
      </c>
      <c r="H28227" s="1" t="s">
        <v>100207</v>
      </c>
      <c r="I28227" s="1" t="s">
        <v>96632</v>
      </c>
      <c r="J28227" s="1" t="s">
        <v>100233</v>
      </c>
    </row>
    <row r="28228" spans="1:10" x14ac:dyDescent="0.35">
      <c r="A28228" s="1" t="s">
        <v>100203</v>
      </c>
      <c r="B28228" s="1" t="s">
        <v>96627</v>
      </c>
      <c r="C28228" s="1" t="s">
        <v>65</v>
      </c>
      <c r="D28228" s="1" t="s">
        <v>100234</v>
      </c>
      <c r="E28228" s="1" t="s">
        <v>22294</v>
      </c>
      <c r="F28228" s="1" t="s">
        <v>56682</v>
      </c>
      <c r="G28228" s="1" t="s">
        <v>100206</v>
      </c>
      <c r="H28228" s="1" t="s">
        <v>100207</v>
      </c>
      <c r="I28228" s="1" t="s">
        <v>96632</v>
      </c>
      <c r="J28228" s="1" t="s">
        <v>100235</v>
      </c>
    </row>
    <row r="28229" spans="1:10" x14ac:dyDescent="0.35">
      <c r="A28229" s="1" t="s">
        <v>100203</v>
      </c>
      <c r="B28229" s="1" t="s">
        <v>96627</v>
      </c>
      <c r="C28229" s="1" t="s">
        <v>70</v>
      </c>
      <c r="D28229" s="1" t="s">
        <v>100236</v>
      </c>
      <c r="E28229" s="1" t="s">
        <v>32622</v>
      </c>
      <c r="F28229" s="1" t="s">
        <v>100237</v>
      </c>
      <c r="G28229" s="1" t="s">
        <v>100206</v>
      </c>
      <c r="H28229" s="1" t="s">
        <v>100207</v>
      </c>
      <c r="I28229" s="1" t="s">
        <v>96632</v>
      </c>
      <c r="J28229" s="1" t="s">
        <v>100238</v>
      </c>
    </row>
    <row r="28230" spans="1:10" x14ac:dyDescent="0.35">
      <c r="A28230" s="1" t="s">
        <v>100203</v>
      </c>
      <c r="B28230" s="1" t="s">
        <v>96627</v>
      </c>
      <c r="C28230" s="1" t="s">
        <v>75</v>
      </c>
      <c r="D28230" s="1" t="s">
        <v>98014</v>
      </c>
      <c r="E28230" s="1" t="s">
        <v>31941</v>
      </c>
      <c r="F28230" s="1" t="s">
        <v>23150</v>
      </c>
      <c r="G28230" s="1" t="s">
        <v>100206</v>
      </c>
      <c r="H28230" s="1" t="s">
        <v>100207</v>
      </c>
      <c r="I28230" s="1" t="s">
        <v>96632</v>
      </c>
      <c r="J28230" s="1" t="s">
        <v>100239</v>
      </c>
    </row>
    <row r="28231" spans="1:10" x14ac:dyDescent="0.35">
      <c r="A28231" s="1" t="s">
        <v>100203</v>
      </c>
      <c r="B28231" s="1" t="s">
        <v>96627</v>
      </c>
      <c r="C28231" s="1" t="s">
        <v>80</v>
      </c>
      <c r="D28231" s="1" t="s">
        <v>100240</v>
      </c>
      <c r="E28231" s="1" t="s">
        <v>26647</v>
      </c>
      <c r="F28231" s="1" t="s">
        <v>100241</v>
      </c>
      <c r="G28231" s="1" t="s">
        <v>100206</v>
      </c>
      <c r="H28231" s="1" t="s">
        <v>100207</v>
      </c>
      <c r="I28231" s="1" t="s">
        <v>96632</v>
      </c>
      <c r="J28231" s="1" t="s">
        <v>100242</v>
      </c>
    </row>
    <row r="28232" spans="1:10" x14ac:dyDescent="0.35">
      <c r="A28232" s="1" t="s">
        <v>100203</v>
      </c>
      <c r="B28232" s="1" t="s">
        <v>96627</v>
      </c>
      <c r="C28232" s="1" t="s">
        <v>85</v>
      </c>
      <c r="D28232" s="1" t="s">
        <v>100243</v>
      </c>
      <c r="E28232" s="1" t="s">
        <v>60484</v>
      </c>
      <c r="F28232" s="1" t="s">
        <v>61772</v>
      </c>
      <c r="G28232" s="1" t="s">
        <v>100206</v>
      </c>
      <c r="H28232" s="1" t="s">
        <v>100207</v>
      </c>
      <c r="I28232" s="1" t="s">
        <v>96632</v>
      </c>
      <c r="J28232" s="1" t="s">
        <v>100244</v>
      </c>
    </row>
    <row r="28233" spans="1:10" x14ac:dyDescent="0.35">
      <c r="A28233" s="1" t="s">
        <v>100203</v>
      </c>
      <c r="B28233" s="1" t="s">
        <v>96627</v>
      </c>
      <c r="C28233" s="1" t="s">
        <v>90</v>
      </c>
      <c r="D28233" s="1" t="s">
        <v>100245</v>
      </c>
      <c r="E28233" s="1" t="s">
        <v>26156</v>
      </c>
      <c r="F28233" s="1" t="s">
        <v>55238</v>
      </c>
      <c r="G28233" s="1" t="s">
        <v>100206</v>
      </c>
      <c r="H28233" s="1" t="s">
        <v>100207</v>
      </c>
      <c r="I28233" s="1" t="s">
        <v>96632</v>
      </c>
      <c r="J28233" s="1" t="s">
        <v>100246</v>
      </c>
    </row>
    <row r="28234" spans="1:10" x14ac:dyDescent="0.35">
      <c r="A28234" s="1" t="s">
        <v>100203</v>
      </c>
      <c r="B28234" s="1" t="s">
        <v>96627</v>
      </c>
      <c r="C28234" s="1" t="s">
        <v>95</v>
      </c>
      <c r="D28234" s="1" t="s">
        <v>100247</v>
      </c>
      <c r="E28234" s="1" t="s">
        <v>31852</v>
      </c>
      <c r="F28234" s="1" t="s">
        <v>60799</v>
      </c>
      <c r="G28234" s="1" t="s">
        <v>100206</v>
      </c>
      <c r="H28234" s="1" t="s">
        <v>100207</v>
      </c>
      <c r="I28234" s="1" t="s">
        <v>96632</v>
      </c>
      <c r="J28234" s="1" t="s">
        <v>100248</v>
      </c>
    </row>
    <row r="28235" spans="1:10" x14ac:dyDescent="0.35">
      <c r="A28235" s="1" t="s">
        <v>100203</v>
      </c>
      <c r="B28235" s="1" t="s">
        <v>96627</v>
      </c>
      <c r="C28235" s="1" t="s">
        <v>100</v>
      </c>
      <c r="D28235" s="1" t="s">
        <v>98869</v>
      </c>
      <c r="E28235" s="1" t="s">
        <v>31459</v>
      </c>
      <c r="F28235" s="1" t="s">
        <v>100249</v>
      </c>
      <c r="G28235" s="1" t="s">
        <v>100206</v>
      </c>
      <c r="H28235" s="1" t="s">
        <v>100207</v>
      </c>
      <c r="I28235" s="1" t="s">
        <v>96632</v>
      </c>
      <c r="J28235" s="1" t="s">
        <v>100250</v>
      </c>
    </row>
    <row r="28236" spans="1:10" x14ac:dyDescent="0.35">
      <c r="A28236" s="1" t="s">
        <v>100203</v>
      </c>
      <c r="B28236" s="1" t="s">
        <v>96627</v>
      </c>
      <c r="C28236" s="1" t="s">
        <v>105</v>
      </c>
      <c r="D28236" s="1" t="s">
        <v>100251</v>
      </c>
      <c r="E28236" s="1" t="s">
        <v>23240</v>
      </c>
      <c r="F28236" s="1" t="s">
        <v>100252</v>
      </c>
      <c r="G28236" s="1" t="s">
        <v>100206</v>
      </c>
      <c r="H28236" s="1" t="s">
        <v>100207</v>
      </c>
      <c r="I28236" s="1" t="s">
        <v>96632</v>
      </c>
      <c r="J28236" s="1" t="s">
        <v>100253</v>
      </c>
    </row>
    <row r="28237" spans="1:10" x14ac:dyDescent="0.35">
      <c r="A28237" s="1" t="s">
        <v>100203</v>
      </c>
      <c r="B28237" s="1" t="s">
        <v>96627</v>
      </c>
      <c r="C28237" s="1" t="s">
        <v>110</v>
      </c>
      <c r="D28237" s="1" t="s">
        <v>100254</v>
      </c>
      <c r="E28237" s="1" t="s">
        <v>62764</v>
      </c>
      <c r="F28237" s="1" t="s">
        <v>100255</v>
      </c>
      <c r="G28237" s="1" t="s">
        <v>100206</v>
      </c>
      <c r="H28237" s="1" t="s">
        <v>100207</v>
      </c>
      <c r="I28237" s="1" t="s">
        <v>96632</v>
      </c>
      <c r="J28237" s="1" t="s">
        <v>100256</v>
      </c>
    </row>
    <row r="28238" spans="1:10" x14ac:dyDescent="0.35">
      <c r="A28238" s="1" t="s">
        <v>100203</v>
      </c>
      <c r="B28238" s="1" t="s">
        <v>96627</v>
      </c>
      <c r="C28238" s="1" t="s">
        <v>115</v>
      </c>
      <c r="D28238" s="1" t="s">
        <v>53807</v>
      </c>
      <c r="E28238" s="1" t="s">
        <v>95741</v>
      </c>
      <c r="F28238" s="1" t="s">
        <v>100257</v>
      </c>
      <c r="G28238" s="1" t="s">
        <v>100206</v>
      </c>
      <c r="H28238" s="1" t="s">
        <v>100207</v>
      </c>
      <c r="I28238" s="1" t="s">
        <v>96632</v>
      </c>
      <c r="J28238" s="1" t="s">
        <v>100258</v>
      </c>
    </row>
    <row r="28239" spans="1:10" x14ac:dyDescent="0.35">
      <c r="A28239" s="1" t="s">
        <v>100203</v>
      </c>
      <c r="B28239" s="1" t="s">
        <v>96627</v>
      </c>
      <c r="C28239" s="1" t="s">
        <v>120</v>
      </c>
      <c r="D28239" s="1" t="s">
        <v>100259</v>
      </c>
      <c r="E28239" s="1" t="s">
        <v>31449</v>
      </c>
      <c r="F28239" s="1" t="s">
        <v>100260</v>
      </c>
      <c r="G28239" s="1" t="s">
        <v>100206</v>
      </c>
      <c r="H28239" s="1" t="s">
        <v>100207</v>
      </c>
      <c r="I28239" s="1" t="s">
        <v>96632</v>
      </c>
      <c r="J28239" s="1" t="s">
        <v>100261</v>
      </c>
    </row>
    <row r="28240" spans="1:10" x14ac:dyDescent="0.35">
      <c r="A28240" s="1" t="s">
        <v>100203</v>
      </c>
      <c r="B28240" s="1" t="s">
        <v>96627</v>
      </c>
      <c r="C28240" s="1" t="s">
        <v>125</v>
      </c>
      <c r="D28240" s="1" t="s">
        <v>100262</v>
      </c>
      <c r="E28240" s="1" t="s">
        <v>26586</v>
      </c>
      <c r="F28240" s="1" t="s">
        <v>100263</v>
      </c>
      <c r="G28240" s="1" t="s">
        <v>100206</v>
      </c>
      <c r="H28240" s="1" t="s">
        <v>100207</v>
      </c>
      <c r="I28240" s="1" t="s">
        <v>96632</v>
      </c>
      <c r="J28240" s="1" t="s">
        <v>100264</v>
      </c>
    </row>
    <row r="28241" spans="1:10" x14ac:dyDescent="0.35">
      <c r="A28241" s="1" t="s">
        <v>100203</v>
      </c>
      <c r="B28241" s="1" t="s">
        <v>96627</v>
      </c>
      <c r="C28241" s="1" t="s">
        <v>130</v>
      </c>
      <c r="D28241" s="1" t="s">
        <v>5254</v>
      </c>
      <c r="E28241" s="1" t="s">
        <v>57172</v>
      </c>
      <c r="F28241" s="1" t="s">
        <v>100265</v>
      </c>
      <c r="G28241" s="1" t="s">
        <v>100206</v>
      </c>
      <c r="H28241" s="1" t="s">
        <v>100207</v>
      </c>
      <c r="I28241" s="1" t="s">
        <v>96632</v>
      </c>
      <c r="J28241" s="1" t="s">
        <v>100266</v>
      </c>
    </row>
    <row r="28242" spans="1:10" x14ac:dyDescent="0.35">
      <c r="A28242" s="1" t="s">
        <v>100203</v>
      </c>
      <c r="B28242" s="1" t="s">
        <v>96627</v>
      </c>
      <c r="C28242" s="1" t="s">
        <v>135</v>
      </c>
      <c r="D28242" s="1" t="s">
        <v>100267</v>
      </c>
      <c r="E28242" s="1" t="s">
        <v>31941</v>
      </c>
      <c r="F28242" s="1" t="s">
        <v>100268</v>
      </c>
      <c r="G28242" s="1" t="s">
        <v>100206</v>
      </c>
      <c r="H28242" s="1" t="s">
        <v>100207</v>
      </c>
      <c r="I28242" s="1" t="s">
        <v>96632</v>
      </c>
      <c r="J28242" s="1" t="s">
        <v>100269</v>
      </c>
    </row>
    <row r="28243" spans="1:10" x14ac:dyDescent="0.35">
      <c r="A28243" s="1" t="s">
        <v>100203</v>
      </c>
      <c r="B28243" s="1" t="s">
        <v>96627</v>
      </c>
      <c r="C28243" s="1" t="s">
        <v>140</v>
      </c>
      <c r="D28243" s="1" t="s">
        <v>100270</v>
      </c>
      <c r="E28243" s="1" t="s">
        <v>32595</v>
      </c>
      <c r="F28243" s="1" t="s">
        <v>60806</v>
      </c>
      <c r="G28243" s="1" t="s">
        <v>100206</v>
      </c>
      <c r="H28243" s="1" t="s">
        <v>100207</v>
      </c>
      <c r="I28243" s="1" t="s">
        <v>96632</v>
      </c>
      <c r="J28243" s="1" t="s">
        <v>100271</v>
      </c>
    </row>
    <row r="28244" spans="1:10" x14ac:dyDescent="0.35">
      <c r="A28244" s="1" t="s">
        <v>100203</v>
      </c>
      <c r="B28244" s="1" t="s">
        <v>96627</v>
      </c>
      <c r="C28244" s="1" t="s">
        <v>145</v>
      </c>
      <c r="D28244" s="1" t="s">
        <v>77128</v>
      </c>
      <c r="E28244" s="1" t="s">
        <v>100272</v>
      </c>
      <c r="F28244" s="1" t="s">
        <v>55231</v>
      </c>
      <c r="G28244" s="1" t="s">
        <v>100206</v>
      </c>
      <c r="H28244" s="1" t="s">
        <v>100207</v>
      </c>
      <c r="I28244" s="1" t="s">
        <v>96632</v>
      </c>
      <c r="J28244" s="1" t="s">
        <v>100273</v>
      </c>
    </row>
    <row r="28245" spans="1:10" x14ac:dyDescent="0.35">
      <c r="A28245" s="1" t="s">
        <v>100203</v>
      </c>
      <c r="B28245" s="1" t="s">
        <v>96627</v>
      </c>
      <c r="C28245" s="1" t="s">
        <v>150</v>
      </c>
      <c r="D28245" s="1" t="s">
        <v>15134</v>
      </c>
      <c r="E28245" s="1" t="s">
        <v>31761</v>
      </c>
      <c r="F28245" s="1" t="s">
        <v>100274</v>
      </c>
      <c r="G28245" s="1" t="s">
        <v>100206</v>
      </c>
      <c r="H28245" s="1" t="s">
        <v>100207</v>
      </c>
      <c r="I28245" s="1" t="s">
        <v>96632</v>
      </c>
      <c r="J28245" s="1" t="s">
        <v>100275</v>
      </c>
    </row>
    <row r="28246" spans="1:10" x14ac:dyDescent="0.35">
      <c r="A28246" s="1" t="s">
        <v>100203</v>
      </c>
      <c r="B28246" s="1" t="s">
        <v>96627</v>
      </c>
      <c r="C28246" s="1" t="s">
        <v>155</v>
      </c>
      <c r="D28246" s="1" t="s">
        <v>24587</v>
      </c>
      <c r="E28246" s="1" t="s">
        <v>57172</v>
      </c>
      <c r="F28246" s="1" t="s">
        <v>100276</v>
      </c>
      <c r="G28246" s="1" t="s">
        <v>100206</v>
      </c>
      <c r="H28246" s="1" t="s">
        <v>100207</v>
      </c>
      <c r="I28246" s="1" t="s">
        <v>96632</v>
      </c>
      <c r="J28246" s="1" t="s">
        <v>100277</v>
      </c>
    </row>
    <row r="28247" spans="1:10" x14ac:dyDescent="0.35">
      <c r="A28247" s="1" t="s">
        <v>100203</v>
      </c>
      <c r="B28247" s="1" t="s">
        <v>96627</v>
      </c>
      <c r="C28247" s="1" t="s">
        <v>160</v>
      </c>
      <c r="D28247" s="1" t="s">
        <v>75679</v>
      </c>
      <c r="E28247" s="1" t="s">
        <v>100278</v>
      </c>
      <c r="F28247" s="1" t="s">
        <v>100279</v>
      </c>
      <c r="G28247" s="1" t="s">
        <v>100206</v>
      </c>
      <c r="H28247" s="1" t="s">
        <v>100207</v>
      </c>
      <c r="I28247" s="1" t="s">
        <v>96632</v>
      </c>
      <c r="J28247" s="1" t="s">
        <v>100280</v>
      </c>
    </row>
    <row r="28248" spans="1:10" x14ac:dyDescent="0.35">
      <c r="A28248" s="1" t="s">
        <v>100203</v>
      </c>
      <c r="B28248" s="1" t="s">
        <v>96627</v>
      </c>
      <c r="C28248" s="1" t="s">
        <v>165</v>
      </c>
      <c r="D28248" s="1" t="s">
        <v>100281</v>
      </c>
      <c r="E28248" s="1" t="s">
        <v>26644</v>
      </c>
      <c r="F28248" s="1" t="s">
        <v>100282</v>
      </c>
      <c r="G28248" s="1" t="s">
        <v>100206</v>
      </c>
      <c r="H28248" s="1" t="s">
        <v>100207</v>
      </c>
      <c r="I28248" s="1" t="s">
        <v>96632</v>
      </c>
      <c r="J28248" s="1" t="s">
        <v>100283</v>
      </c>
    </row>
    <row r="28249" spans="1:10" x14ac:dyDescent="0.35">
      <c r="A28249" s="1" t="s">
        <v>100203</v>
      </c>
      <c r="B28249" s="1" t="s">
        <v>96627</v>
      </c>
      <c r="C28249" s="1" t="s">
        <v>170</v>
      </c>
      <c r="D28249" s="1" t="s">
        <v>100284</v>
      </c>
      <c r="E28249" s="1" t="s">
        <v>32984</v>
      </c>
      <c r="F28249" s="1" t="s">
        <v>23249</v>
      </c>
      <c r="G28249" s="1" t="s">
        <v>100206</v>
      </c>
      <c r="H28249" s="1" t="s">
        <v>100207</v>
      </c>
      <c r="I28249" s="1" t="s">
        <v>96632</v>
      </c>
      <c r="J28249" s="1" t="s">
        <v>100285</v>
      </c>
    </row>
    <row r="28250" spans="1:10" x14ac:dyDescent="0.35">
      <c r="A28250" s="1" t="s">
        <v>100286</v>
      </c>
      <c r="B28250" s="1" t="s">
        <v>96627</v>
      </c>
      <c r="C28250" s="1" t="s">
        <v>8</v>
      </c>
      <c r="D28250" s="1" t="s">
        <v>100287</v>
      </c>
      <c r="E28250" s="1" t="s">
        <v>100288</v>
      </c>
      <c r="F28250" s="1" t="s">
        <v>100289</v>
      </c>
      <c r="G28250" s="1" t="s">
        <v>100290</v>
      </c>
      <c r="H28250" s="1" t="s">
        <v>100291</v>
      </c>
      <c r="I28250" s="1" t="s">
        <v>96632</v>
      </c>
      <c r="J28250" s="1" t="s">
        <v>13</v>
      </c>
    </row>
    <row r="28251" spans="1:10" x14ac:dyDescent="0.35">
      <c r="A28251" s="1" t="s">
        <v>100286</v>
      </c>
      <c r="B28251" s="1" t="s">
        <v>96627</v>
      </c>
      <c r="C28251" s="1" t="s">
        <v>15</v>
      </c>
      <c r="D28251" s="1" t="s">
        <v>100292</v>
      </c>
      <c r="E28251" s="1" t="s">
        <v>100293</v>
      </c>
      <c r="F28251" s="1" t="s">
        <v>100294</v>
      </c>
      <c r="G28251" s="1" t="s">
        <v>100290</v>
      </c>
      <c r="H28251" s="1" t="s">
        <v>100291</v>
      </c>
      <c r="I28251" s="1" t="s">
        <v>96632</v>
      </c>
      <c r="J28251" s="1" t="s">
        <v>100295</v>
      </c>
    </row>
    <row r="28252" spans="1:10" x14ac:dyDescent="0.35">
      <c r="A28252" s="1" t="s">
        <v>100286</v>
      </c>
      <c r="B28252" s="1" t="s">
        <v>96627</v>
      </c>
      <c r="C28252" s="1" t="s">
        <v>20</v>
      </c>
      <c r="D28252" s="1" t="s">
        <v>96976</v>
      </c>
      <c r="E28252" s="1" t="s">
        <v>100296</v>
      </c>
      <c r="F28252" s="1" t="s">
        <v>100297</v>
      </c>
      <c r="G28252" s="1" t="s">
        <v>100290</v>
      </c>
      <c r="H28252" s="1" t="s">
        <v>100291</v>
      </c>
      <c r="I28252" s="1" t="s">
        <v>96632</v>
      </c>
      <c r="J28252" s="1" t="s">
        <v>100298</v>
      </c>
    </row>
    <row r="28253" spans="1:10" x14ac:dyDescent="0.35">
      <c r="A28253" s="1" t="s">
        <v>100286</v>
      </c>
      <c r="B28253" s="1" t="s">
        <v>96627</v>
      </c>
      <c r="C28253" s="1" t="s">
        <v>25</v>
      </c>
      <c r="D28253" s="1" t="s">
        <v>69698</v>
      </c>
      <c r="E28253" s="1" t="s">
        <v>100299</v>
      </c>
      <c r="F28253" s="1" t="s">
        <v>100300</v>
      </c>
      <c r="G28253" s="1" t="s">
        <v>100290</v>
      </c>
      <c r="H28253" s="1" t="s">
        <v>100291</v>
      </c>
      <c r="I28253" s="1" t="s">
        <v>96632</v>
      </c>
      <c r="J28253" s="1" t="s">
        <v>100301</v>
      </c>
    </row>
    <row r="28254" spans="1:10" x14ac:dyDescent="0.35">
      <c r="A28254" s="1" t="s">
        <v>100286</v>
      </c>
      <c r="B28254" s="1" t="s">
        <v>96627</v>
      </c>
      <c r="C28254" s="1" t="s">
        <v>30</v>
      </c>
      <c r="D28254" s="1" t="s">
        <v>100302</v>
      </c>
      <c r="E28254" s="1" t="s">
        <v>100303</v>
      </c>
      <c r="F28254" s="1" t="s">
        <v>100304</v>
      </c>
      <c r="G28254" s="1" t="s">
        <v>100290</v>
      </c>
      <c r="H28254" s="1" t="s">
        <v>100291</v>
      </c>
      <c r="I28254" s="1" t="s">
        <v>96632</v>
      </c>
      <c r="J28254" s="1" t="s">
        <v>100305</v>
      </c>
    </row>
    <row r="28255" spans="1:10" x14ac:dyDescent="0.35">
      <c r="A28255" s="1" t="s">
        <v>100286</v>
      </c>
      <c r="B28255" s="1" t="s">
        <v>96627</v>
      </c>
      <c r="C28255" s="1" t="s">
        <v>35</v>
      </c>
      <c r="D28255" s="1" t="s">
        <v>93079</v>
      </c>
      <c r="E28255" s="1" t="s">
        <v>100306</v>
      </c>
      <c r="F28255" s="1" t="s">
        <v>100307</v>
      </c>
      <c r="G28255" s="1" t="s">
        <v>100290</v>
      </c>
      <c r="H28255" s="1" t="s">
        <v>100291</v>
      </c>
      <c r="I28255" s="1" t="s">
        <v>96632</v>
      </c>
      <c r="J28255" s="1" t="s">
        <v>100308</v>
      </c>
    </row>
    <row r="28256" spans="1:10" x14ac:dyDescent="0.35">
      <c r="A28256" s="1" t="s">
        <v>100286</v>
      </c>
      <c r="B28256" s="1" t="s">
        <v>96627</v>
      </c>
      <c r="C28256" s="1" t="s">
        <v>40</v>
      </c>
      <c r="D28256" s="1" t="s">
        <v>100309</v>
      </c>
      <c r="E28256" s="1" t="s">
        <v>100310</v>
      </c>
      <c r="F28256" s="1" t="s">
        <v>100311</v>
      </c>
      <c r="G28256" s="1" t="s">
        <v>100290</v>
      </c>
      <c r="H28256" s="1" t="s">
        <v>100291</v>
      </c>
      <c r="I28256" s="1" t="s">
        <v>96632</v>
      </c>
      <c r="J28256" s="1" t="s">
        <v>100312</v>
      </c>
    </row>
    <row r="28257" spans="1:10" x14ac:dyDescent="0.35">
      <c r="A28257" s="1" t="s">
        <v>100286</v>
      </c>
      <c r="B28257" s="1" t="s">
        <v>96627</v>
      </c>
      <c r="C28257" s="1" t="s">
        <v>45</v>
      </c>
      <c r="D28257" s="1" t="s">
        <v>52384</v>
      </c>
      <c r="E28257" s="1" t="s">
        <v>100313</v>
      </c>
      <c r="F28257" s="1" t="s">
        <v>100314</v>
      </c>
      <c r="G28257" s="1" t="s">
        <v>100290</v>
      </c>
      <c r="H28257" s="1" t="s">
        <v>100291</v>
      </c>
      <c r="I28257" s="1" t="s">
        <v>96632</v>
      </c>
      <c r="J28257" s="1" t="s">
        <v>100315</v>
      </c>
    </row>
    <row r="28258" spans="1:10" x14ac:dyDescent="0.35">
      <c r="A28258" s="1" t="s">
        <v>100286</v>
      </c>
      <c r="B28258" s="1" t="s">
        <v>96627</v>
      </c>
      <c r="C28258" s="1" t="s">
        <v>50</v>
      </c>
      <c r="D28258" s="1" t="s">
        <v>66855</v>
      </c>
      <c r="E28258" s="1" t="s">
        <v>100316</v>
      </c>
      <c r="F28258" s="1" t="s">
        <v>100317</v>
      </c>
      <c r="G28258" s="1" t="s">
        <v>100290</v>
      </c>
      <c r="H28258" s="1" t="s">
        <v>100291</v>
      </c>
      <c r="I28258" s="1" t="s">
        <v>96632</v>
      </c>
      <c r="J28258" s="1" t="s">
        <v>100318</v>
      </c>
    </row>
    <row r="28259" spans="1:10" x14ac:dyDescent="0.35">
      <c r="A28259" s="1" t="s">
        <v>100286</v>
      </c>
      <c r="B28259" s="1" t="s">
        <v>96627</v>
      </c>
      <c r="C28259" s="1" t="s">
        <v>55</v>
      </c>
      <c r="D28259" s="1" t="s">
        <v>80354</v>
      </c>
      <c r="E28259" s="1" t="s">
        <v>100319</v>
      </c>
      <c r="F28259" s="1" t="s">
        <v>100320</v>
      </c>
      <c r="G28259" s="1" t="s">
        <v>100290</v>
      </c>
      <c r="H28259" s="1" t="s">
        <v>100291</v>
      </c>
      <c r="I28259" s="1" t="s">
        <v>96632</v>
      </c>
      <c r="J28259" s="1" t="s">
        <v>100321</v>
      </c>
    </row>
    <row r="28260" spans="1:10" x14ac:dyDescent="0.35">
      <c r="A28260" s="1" t="s">
        <v>100286</v>
      </c>
      <c r="B28260" s="1" t="s">
        <v>96627</v>
      </c>
      <c r="C28260" s="1" t="s">
        <v>60</v>
      </c>
      <c r="D28260" s="1" t="s">
        <v>100322</v>
      </c>
      <c r="E28260" s="1" t="s">
        <v>100323</v>
      </c>
      <c r="F28260" s="1" t="s">
        <v>100324</v>
      </c>
      <c r="G28260" s="1" t="s">
        <v>100290</v>
      </c>
      <c r="H28260" s="1" t="s">
        <v>100291</v>
      </c>
      <c r="I28260" s="1" t="s">
        <v>96632</v>
      </c>
      <c r="J28260" s="1" t="s">
        <v>100325</v>
      </c>
    </row>
    <row r="28261" spans="1:10" x14ac:dyDescent="0.35">
      <c r="A28261" s="1" t="s">
        <v>100286</v>
      </c>
      <c r="B28261" s="1" t="s">
        <v>96627</v>
      </c>
      <c r="C28261" s="1" t="s">
        <v>65</v>
      </c>
      <c r="D28261" s="1" t="s">
        <v>100326</v>
      </c>
      <c r="E28261" s="1" t="s">
        <v>100327</v>
      </c>
      <c r="F28261" s="1" t="s">
        <v>100328</v>
      </c>
      <c r="G28261" s="1" t="s">
        <v>100290</v>
      </c>
      <c r="H28261" s="1" t="s">
        <v>100291</v>
      </c>
      <c r="I28261" s="1" t="s">
        <v>96632</v>
      </c>
      <c r="J28261" s="1" t="s">
        <v>100329</v>
      </c>
    </row>
    <row r="28262" spans="1:10" x14ac:dyDescent="0.35">
      <c r="A28262" s="1" t="s">
        <v>100286</v>
      </c>
      <c r="B28262" s="1" t="s">
        <v>96627</v>
      </c>
      <c r="C28262" s="1" t="s">
        <v>70</v>
      </c>
      <c r="D28262" s="1" t="s">
        <v>100330</v>
      </c>
      <c r="E28262" s="1" t="s">
        <v>100331</v>
      </c>
      <c r="F28262" s="1" t="s">
        <v>100332</v>
      </c>
      <c r="G28262" s="1" t="s">
        <v>100290</v>
      </c>
      <c r="H28262" s="1" t="s">
        <v>100291</v>
      </c>
      <c r="I28262" s="1" t="s">
        <v>96632</v>
      </c>
      <c r="J28262" s="1" t="s">
        <v>100333</v>
      </c>
    </row>
    <row r="28263" spans="1:10" x14ac:dyDescent="0.35">
      <c r="A28263" s="1" t="s">
        <v>100286</v>
      </c>
      <c r="B28263" s="1" t="s">
        <v>96627</v>
      </c>
      <c r="C28263" s="1" t="s">
        <v>75</v>
      </c>
      <c r="D28263" s="1" t="s">
        <v>100334</v>
      </c>
      <c r="E28263" s="1" t="s">
        <v>100335</v>
      </c>
      <c r="F28263" s="1" t="s">
        <v>100336</v>
      </c>
      <c r="G28263" s="1" t="s">
        <v>100290</v>
      </c>
      <c r="H28263" s="1" t="s">
        <v>100291</v>
      </c>
      <c r="I28263" s="1" t="s">
        <v>96632</v>
      </c>
      <c r="J28263" s="1" t="s">
        <v>100337</v>
      </c>
    </row>
    <row r="28264" spans="1:10" x14ac:dyDescent="0.35">
      <c r="A28264" s="1" t="s">
        <v>100286</v>
      </c>
      <c r="B28264" s="1" t="s">
        <v>96627</v>
      </c>
      <c r="C28264" s="1" t="s">
        <v>80</v>
      </c>
      <c r="D28264" s="1" t="s">
        <v>100338</v>
      </c>
      <c r="E28264" s="1" t="s">
        <v>100339</v>
      </c>
      <c r="F28264" s="1" t="s">
        <v>100340</v>
      </c>
      <c r="G28264" s="1" t="s">
        <v>100290</v>
      </c>
      <c r="H28264" s="1" t="s">
        <v>100291</v>
      </c>
      <c r="I28264" s="1" t="s">
        <v>96632</v>
      </c>
      <c r="J28264" s="1" t="s">
        <v>100341</v>
      </c>
    </row>
    <row r="28265" spans="1:10" x14ac:dyDescent="0.35">
      <c r="A28265" s="1" t="s">
        <v>100286</v>
      </c>
      <c r="B28265" s="1" t="s">
        <v>96627</v>
      </c>
      <c r="C28265" s="1" t="s">
        <v>85</v>
      </c>
      <c r="D28265" s="1" t="s">
        <v>100342</v>
      </c>
      <c r="E28265" s="1" t="s">
        <v>100343</v>
      </c>
      <c r="F28265" s="1" t="s">
        <v>100344</v>
      </c>
      <c r="G28265" s="1" t="s">
        <v>100290</v>
      </c>
      <c r="H28265" s="1" t="s">
        <v>100291</v>
      </c>
      <c r="I28265" s="1" t="s">
        <v>96632</v>
      </c>
      <c r="J28265" s="1" t="s">
        <v>100345</v>
      </c>
    </row>
    <row r="28266" spans="1:10" x14ac:dyDescent="0.35">
      <c r="A28266" s="1" t="s">
        <v>100286</v>
      </c>
      <c r="B28266" s="1" t="s">
        <v>96627</v>
      </c>
      <c r="C28266" s="1" t="s">
        <v>90</v>
      </c>
      <c r="D28266" s="1" t="s">
        <v>100346</v>
      </c>
      <c r="E28266" s="1" t="s">
        <v>100347</v>
      </c>
      <c r="F28266" s="1" t="s">
        <v>100348</v>
      </c>
      <c r="G28266" s="1" t="s">
        <v>100290</v>
      </c>
      <c r="H28266" s="1" t="s">
        <v>100291</v>
      </c>
      <c r="I28266" s="1" t="s">
        <v>96632</v>
      </c>
      <c r="J28266" s="1" t="s">
        <v>100349</v>
      </c>
    </row>
    <row r="28267" spans="1:10" x14ac:dyDescent="0.35">
      <c r="A28267" s="1" t="s">
        <v>100286</v>
      </c>
      <c r="B28267" s="1" t="s">
        <v>96627</v>
      </c>
      <c r="C28267" s="1" t="s">
        <v>95</v>
      </c>
      <c r="D28267" s="1" t="s">
        <v>100350</v>
      </c>
      <c r="E28267" s="1" t="s">
        <v>100351</v>
      </c>
      <c r="F28267" s="1" t="s">
        <v>100352</v>
      </c>
      <c r="G28267" s="1" t="s">
        <v>100290</v>
      </c>
      <c r="H28267" s="1" t="s">
        <v>100291</v>
      </c>
      <c r="I28267" s="1" t="s">
        <v>96632</v>
      </c>
      <c r="J28267" s="1" t="s">
        <v>100353</v>
      </c>
    </row>
    <row r="28268" spans="1:10" x14ac:dyDescent="0.35">
      <c r="A28268" s="1" t="s">
        <v>100286</v>
      </c>
      <c r="B28268" s="1" t="s">
        <v>96627</v>
      </c>
      <c r="C28268" s="1" t="s">
        <v>100</v>
      </c>
      <c r="D28268" s="1" t="s">
        <v>96651</v>
      </c>
      <c r="E28268" s="1" t="s">
        <v>100354</v>
      </c>
      <c r="F28268" s="1" t="s">
        <v>100355</v>
      </c>
      <c r="G28268" s="1" t="s">
        <v>100290</v>
      </c>
      <c r="H28268" s="1" t="s">
        <v>100291</v>
      </c>
      <c r="I28268" s="1" t="s">
        <v>96632</v>
      </c>
      <c r="J28268" s="1" t="s">
        <v>100356</v>
      </c>
    </row>
    <row r="28269" spans="1:10" x14ac:dyDescent="0.35">
      <c r="A28269" s="1" t="s">
        <v>100286</v>
      </c>
      <c r="B28269" s="1" t="s">
        <v>96627</v>
      </c>
      <c r="C28269" s="1" t="s">
        <v>105</v>
      </c>
      <c r="D28269" s="1" t="s">
        <v>100357</v>
      </c>
      <c r="E28269" s="1" t="s">
        <v>100358</v>
      </c>
      <c r="F28269" s="1" t="s">
        <v>100359</v>
      </c>
      <c r="G28269" s="1" t="s">
        <v>100290</v>
      </c>
      <c r="H28269" s="1" t="s">
        <v>100291</v>
      </c>
      <c r="I28269" s="1" t="s">
        <v>96632</v>
      </c>
      <c r="J28269" s="1" t="s">
        <v>100360</v>
      </c>
    </row>
    <row r="28270" spans="1:10" x14ac:dyDescent="0.35">
      <c r="A28270" s="1" t="s">
        <v>100286</v>
      </c>
      <c r="B28270" s="1" t="s">
        <v>96627</v>
      </c>
      <c r="C28270" s="1" t="s">
        <v>110</v>
      </c>
      <c r="D28270" s="1" t="s">
        <v>24915</v>
      </c>
      <c r="E28270" s="1" t="s">
        <v>100361</v>
      </c>
      <c r="F28270" s="1" t="s">
        <v>100362</v>
      </c>
      <c r="G28270" s="1" t="s">
        <v>100290</v>
      </c>
      <c r="H28270" s="1" t="s">
        <v>100291</v>
      </c>
      <c r="I28270" s="1" t="s">
        <v>96632</v>
      </c>
      <c r="J28270" s="1" t="s">
        <v>100363</v>
      </c>
    </row>
    <row r="28271" spans="1:10" x14ac:dyDescent="0.35">
      <c r="A28271" s="1" t="s">
        <v>100286</v>
      </c>
      <c r="B28271" s="1" t="s">
        <v>96627</v>
      </c>
      <c r="C28271" s="1" t="s">
        <v>115</v>
      </c>
      <c r="D28271" s="1" t="s">
        <v>100364</v>
      </c>
      <c r="E28271" s="1" t="s">
        <v>100365</v>
      </c>
      <c r="F28271" s="1" t="s">
        <v>100366</v>
      </c>
      <c r="G28271" s="1" t="s">
        <v>100290</v>
      </c>
      <c r="H28271" s="1" t="s">
        <v>100291</v>
      </c>
      <c r="I28271" s="1" t="s">
        <v>96632</v>
      </c>
      <c r="J28271" s="1" t="s">
        <v>100367</v>
      </c>
    </row>
    <row r="28272" spans="1:10" x14ac:dyDescent="0.35">
      <c r="A28272" s="1" t="s">
        <v>100286</v>
      </c>
      <c r="B28272" s="1" t="s">
        <v>96627</v>
      </c>
      <c r="C28272" s="1" t="s">
        <v>120</v>
      </c>
      <c r="D28272" s="1" t="s">
        <v>22594</v>
      </c>
      <c r="E28272" s="1" t="s">
        <v>100368</v>
      </c>
      <c r="F28272" s="1" t="s">
        <v>100369</v>
      </c>
      <c r="G28272" s="1" t="s">
        <v>100290</v>
      </c>
      <c r="H28272" s="1" t="s">
        <v>100291</v>
      </c>
      <c r="I28272" s="1" t="s">
        <v>96632</v>
      </c>
      <c r="J28272" s="1" t="s">
        <v>100370</v>
      </c>
    </row>
    <row r="28273" spans="1:10" x14ac:dyDescent="0.35">
      <c r="A28273" s="1" t="s">
        <v>100286</v>
      </c>
      <c r="B28273" s="1" t="s">
        <v>96627</v>
      </c>
      <c r="C28273" s="1" t="s">
        <v>125</v>
      </c>
      <c r="D28273" s="1" t="s">
        <v>66925</v>
      </c>
      <c r="E28273" s="1" t="s">
        <v>100371</v>
      </c>
      <c r="F28273" s="1" t="s">
        <v>100372</v>
      </c>
      <c r="G28273" s="1" t="s">
        <v>100290</v>
      </c>
      <c r="H28273" s="1" t="s">
        <v>100291</v>
      </c>
      <c r="I28273" s="1" t="s">
        <v>96632</v>
      </c>
      <c r="J28273" s="1" t="s">
        <v>100373</v>
      </c>
    </row>
    <row r="28274" spans="1:10" x14ac:dyDescent="0.35">
      <c r="A28274" s="1" t="s">
        <v>100286</v>
      </c>
      <c r="B28274" s="1" t="s">
        <v>96627</v>
      </c>
      <c r="C28274" s="1" t="s">
        <v>130</v>
      </c>
      <c r="D28274" s="1" t="s">
        <v>100374</v>
      </c>
      <c r="E28274" s="1" t="s">
        <v>100375</v>
      </c>
      <c r="F28274" s="1" t="s">
        <v>100376</v>
      </c>
      <c r="G28274" s="1" t="s">
        <v>100290</v>
      </c>
      <c r="H28274" s="1" t="s">
        <v>100291</v>
      </c>
      <c r="I28274" s="1" t="s">
        <v>96632</v>
      </c>
      <c r="J28274" s="1" t="s">
        <v>100377</v>
      </c>
    </row>
    <row r="28275" spans="1:10" x14ac:dyDescent="0.35">
      <c r="A28275" s="1" t="s">
        <v>100286</v>
      </c>
      <c r="B28275" s="1" t="s">
        <v>96627</v>
      </c>
      <c r="C28275" s="1" t="s">
        <v>135</v>
      </c>
      <c r="D28275" s="1" t="s">
        <v>58903</v>
      </c>
      <c r="E28275" s="1" t="s">
        <v>100378</v>
      </c>
      <c r="F28275" s="1" t="s">
        <v>100379</v>
      </c>
      <c r="G28275" s="1" t="s">
        <v>100290</v>
      </c>
      <c r="H28275" s="1" t="s">
        <v>100291</v>
      </c>
      <c r="I28275" s="1" t="s">
        <v>96632</v>
      </c>
      <c r="J28275" s="1" t="s">
        <v>100380</v>
      </c>
    </row>
    <row r="28276" spans="1:10" x14ac:dyDescent="0.35">
      <c r="A28276" s="1" t="s">
        <v>100286</v>
      </c>
      <c r="B28276" s="1" t="s">
        <v>96627</v>
      </c>
      <c r="C28276" s="1" t="s">
        <v>140</v>
      </c>
      <c r="D28276" s="1" t="s">
        <v>100381</v>
      </c>
      <c r="E28276" s="1" t="s">
        <v>100382</v>
      </c>
      <c r="F28276" s="1" t="s">
        <v>100383</v>
      </c>
      <c r="G28276" s="1" t="s">
        <v>100290</v>
      </c>
      <c r="H28276" s="1" t="s">
        <v>100291</v>
      </c>
      <c r="I28276" s="1" t="s">
        <v>96632</v>
      </c>
      <c r="J28276" s="1" t="s">
        <v>100384</v>
      </c>
    </row>
    <row r="28277" spans="1:10" x14ac:dyDescent="0.35">
      <c r="A28277" s="1" t="s">
        <v>100286</v>
      </c>
      <c r="B28277" s="1" t="s">
        <v>96627</v>
      </c>
      <c r="C28277" s="1" t="s">
        <v>145</v>
      </c>
      <c r="D28277" s="1" t="s">
        <v>85395</v>
      </c>
      <c r="E28277" s="1" t="s">
        <v>100385</v>
      </c>
      <c r="F28277" s="1" t="s">
        <v>100386</v>
      </c>
      <c r="G28277" s="1" t="s">
        <v>100290</v>
      </c>
      <c r="H28277" s="1" t="s">
        <v>100291</v>
      </c>
      <c r="I28277" s="1" t="s">
        <v>96632</v>
      </c>
      <c r="J28277" s="1" t="s">
        <v>100387</v>
      </c>
    </row>
    <row r="28278" spans="1:10" x14ac:dyDescent="0.35">
      <c r="A28278" s="1" t="s">
        <v>100286</v>
      </c>
      <c r="B28278" s="1" t="s">
        <v>96627</v>
      </c>
      <c r="C28278" s="1" t="s">
        <v>150</v>
      </c>
      <c r="D28278" s="1" t="s">
        <v>100388</v>
      </c>
      <c r="E28278" s="1" t="s">
        <v>100389</v>
      </c>
      <c r="F28278" s="1" t="s">
        <v>100390</v>
      </c>
      <c r="G28278" s="1" t="s">
        <v>100290</v>
      </c>
      <c r="H28278" s="1" t="s">
        <v>100291</v>
      </c>
      <c r="I28278" s="1" t="s">
        <v>96632</v>
      </c>
      <c r="J28278" s="1" t="s">
        <v>100391</v>
      </c>
    </row>
    <row r="28279" spans="1:10" x14ac:dyDescent="0.35">
      <c r="A28279" s="1" t="s">
        <v>100286</v>
      </c>
      <c r="B28279" s="1" t="s">
        <v>96627</v>
      </c>
      <c r="C28279" s="1" t="s">
        <v>155</v>
      </c>
      <c r="D28279" s="1" t="s">
        <v>85483</v>
      </c>
      <c r="E28279" s="1" t="s">
        <v>100392</v>
      </c>
      <c r="F28279" s="1" t="s">
        <v>100393</v>
      </c>
      <c r="G28279" s="1" t="s">
        <v>100290</v>
      </c>
      <c r="H28279" s="1" t="s">
        <v>100291</v>
      </c>
      <c r="I28279" s="1" t="s">
        <v>96632</v>
      </c>
      <c r="J28279" s="1" t="s">
        <v>100394</v>
      </c>
    </row>
    <row r="28280" spans="1:10" x14ac:dyDescent="0.35">
      <c r="A28280" s="1" t="s">
        <v>100286</v>
      </c>
      <c r="B28280" s="1" t="s">
        <v>96627</v>
      </c>
      <c r="C28280" s="1" t="s">
        <v>160</v>
      </c>
      <c r="D28280" s="1" t="s">
        <v>76058</v>
      </c>
      <c r="E28280" s="1" t="s">
        <v>100395</v>
      </c>
      <c r="F28280" s="1" t="s">
        <v>100396</v>
      </c>
      <c r="G28280" s="1" t="s">
        <v>100290</v>
      </c>
      <c r="H28280" s="1" t="s">
        <v>100291</v>
      </c>
      <c r="I28280" s="1" t="s">
        <v>96632</v>
      </c>
      <c r="J28280" s="1" t="s">
        <v>100397</v>
      </c>
    </row>
    <row r="28281" spans="1:10" x14ac:dyDescent="0.35">
      <c r="A28281" s="1" t="s">
        <v>100286</v>
      </c>
      <c r="B28281" s="1" t="s">
        <v>96627</v>
      </c>
      <c r="C28281" s="1" t="s">
        <v>165</v>
      </c>
      <c r="D28281" s="1" t="s">
        <v>91060</v>
      </c>
      <c r="E28281" s="1" t="s">
        <v>100398</v>
      </c>
      <c r="F28281" s="1" t="s">
        <v>100399</v>
      </c>
      <c r="G28281" s="1" t="s">
        <v>100290</v>
      </c>
      <c r="H28281" s="1" t="s">
        <v>100291</v>
      </c>
      <c r="I28281" s="1" t="s">
        <v>96632</v>
      </c>
      <c r="J28281" s="1" t="s">
        <v>100400</v>
      </c>
    </row>
    <row r="28282" spans="1:10" x14ac:dyDescent="0.35">
      <c r="A28282" s="1" t="s">
        <v>100286</v>
      </c>
      <c r="B28282" s="1" t="s">
        <v>96627</v>
      </c>
      <c r="C28282" s="1" t="s">
        <v>170</v>
      </c>
      <c r="D28282" s="1" t="s">
        <v>100401</v>
      </c>
      <c r="E28282" s="1" t="s">
        <v>100402</v>
      </c>
      <c r="F28282" s="1" t="s">
        <v>100403</v>
      </c>
      <c r="G28282" s="1" t="s">
        <v>100290</v>
      </c>
      <c r="H28282" s="1" t="s">
        <v>100291</v>
      </c>
      <c r="I28282" s="1" t="s">
        <v>96632</v>
      </c>
      <c r="J28282" s="1" t="s">
        <v>100404</v>
      </c>
    </row>
    <row r="28283" spans="1:10" x14ac:dyDescent="0.35">
      <c r="A28283" s="1" t="s">
        <v>100405</v>
      </c>
      <c r="B28283" s="1" t="s">
        <v>96627</v>
      </c>
      <c r="C28283" s="1" t="s">
        <v>8</v>
      </c>
      <c r="D28283" s="1" t="s">
        <v>52346</v>
      </c>
      <c r="E28283" s="1" t="s">
        <v>100406</v>
      </c>
      <c r="F28283" s="1" t="s">
        <v>100407</v>
      </c>
      <c r="G28283" s="1" t="s">
        <v>100408</v>
      </c>
      <c r="H28283" s="1" t="s">
        <v>100409</v>
      </c>
      <c r="I28283" s="1" t="s">
        <v>96632</v>
      </c>
      <c r="J28283" s="1" t="s">
        <v>13</v>
      </c>
    </row>
    <row r="28284" spans="1:10" x14ac:dyDescent="0.35">
      <c r="A28284" s="1" t="s">
        <v>100405</v>
      </c>
      <c r="B28284" s="1" t="s">
        <v>96627</v>
      </c>
      <c r="C28284" s="1" t="s">
        <v>15</v>
      </c>
      <c r="D28284" s="1" t="s">
        <v>100410</v>
      </c>
      <c r="E28284" s="1" t="s">
        <v>100411</v>
      </c>
      <c r="F28284" s="1" t="s">
        <v>100412</v>
      </c>
      <c r="G28284" s="1" t="s">
        <v>100408</v>
      </c>
      <c r="H28284" s="1" t="s">
        <v>100409</v>
      </c>
      <c r="I28284" s="1" t="s">
        <v>96632</v>
      </c>
      <c r="J28284" s="1" t="s">
        <v>100413</v>
      </c>
    </row>
    <row r="28285" spans="1:10" x14ac:dyDescent="0.35">
      <c r="A28285" s="1" t="s">
        <v>100405</v>
      </c>
      <c r="B28285" s="1" t="s">
        <v>96627</v>
      </c>
      <c r="C28285" s="1" t="s">
        <v>20</v>
      </c>
      <c r="D28285" s="1" t="s">
        <v>77339</v>
      </c>
      <c r="E28285" s="1" t="s">
        <v>100414</v>
      </c>
      <c r="F28285" s="1" t="s">
        <v>100415</v>
      </c>
      <c r="G28285" s="1" t="s">
        <v>100408</v>
      </c>
      <c r="H28285" s="1" t="s">
        <v>100409</v>
      </c>
      <c r="I28285" s="1" t="s">
        <v>96632</v>
      </c>
      <c r="J28285" s="1" t="s">
        <v>100416</v>
      </c>
    </row>
    <row r="28286" spans="1:10" x14ac:dyDescent="0.35">
      <c r="A28286" s="1" t="s">
        <v>100405</v>
      </c>
      <c r="B28286" s="1" t="s">
        <v>96627</v>
      </c>
      <c r="C28286" s="1" t="s">
        <v>25</v>
      </c>
      <c r="D28286" s="1" t="s">
        <v>54139</v>
      </c>
      <c r="E28286" s="1" t="s">
        <v>100417</v>
      </c>
      <c r="F28286" s="1" t="s">
        <v>100418</v>
      </c>
      <c r="G28286" s="1" t="s">
        <v>100408</v>
      </c>
      <c r="H28286" s="1" t="s">
        <v>100409</v>
      </c>
      <c r="I28286" s="1" t="s">
        <v>96632</v>
      </c>
      <c r="J28286" s="1" t="s">
        <v>100419</v>
      </c>
    </row>
    <row r="28287" spans="1:10" x14ac:dyDescent="0.35">
      <c r="A28287" s="1" t="s">
        <v>100405</v>
      </c>
      <c r="B28287" s="1" t="s">
        <v>96627</v>
      </c>
      <c r="C28287" s="1" t="s">
        <v>30</v>
      </c>
      <c r="D28287" s="1" t="s">
        <v>100420</v>
      </c>
      <c r="E28287" s="1" t="s">
        <v>100421</v>
      </c>
      <c r="F28287" s="1" t="s">
        <v>100422</v>
      </c>
      <c r="G28287" s="1" t="s">
        <v>100408</v>
      </c>
      <c r="H28287" s="1" t="s">
        <v>100409</v>
      </c>
      <c r="I28287" s="1" t="s">
        <v>96632</v>
      </c>
      <c r="J28287" s="1" t="s">
        <v>100423</v>
      </c>
    </row>
    <row r="28288" spans="1:10" x14ac:dyDescent="0.35">
      <c r="A28288" s="1" t="s">
        <v>100405</v>
      </c>
      <c r="B28288" s="1" t="s">
        <v>96627</v>
      </c>
      <c r="C28288" s="1" t="s">
        <v>35</v>
      </c>
      <c r="D28288" s="1" t="s">
        <v>100424</v>
      </c>
      <c r="E28288" s="1" t="s">
        <v>100425</v>
      </c>
      <c r="F28288" s="1" t="s">
        <v>100426</v>
      </c>
      <c r="G28288" s="1" t="s">
        <v>100408</v>
      </c>
      <c r="H28288" s="1" t="s">
        <v>100409</v>
      </c>
      <c r="I28288" s="1" t="s">
        <v>96632</v>
      </c>
      <c r="J28288" s="1" t="s">
        <v>100427</v>
      </c>
    </row>
    <row r="28289" spans="1:10" x14ac:dyDescent="0.35">
      <c r="A28289" s="1" t="s">
        <v>100405</v>
      </c>
      <c r="B28289" s="1" t="s">
        <v>96627</v>
      </c>
      <c r="C28289" s="1" t="s">
        <v>40</v>
      </c>
      <c r="D28289" s="1" t="s">
        <v>92171</v>
      </c>
      <c r="E28289" s="1" t="s">
        <v>100428</v>
      </c>
      <c r="F28289" s="1" t="s">
        <v>100429</v>
      </c>
      <c r="G28289" s="1" t="s">
        <v>100408</v>
      </c>
      <c r="H28289" s="1" t="s">
        <v>100409</v>
      </c>
      <c r="I28289" s="1" t="s">
        <v>96632</v>
      </c>
      <c r="J28289" s="1" t="s">
        <v>100430</v>
      </c>
    </row>
    <row r="28290" spans="1:10" x14ac:dyDescent="0.35">
      <c r="A28290" s="1" t="s">
        <v>100405</v>
      </c>
      <c r="B28290" s="1" t="s">
        <v>96627</v>
      </c>
      <c r="C28290" s="1" t="s">
        <v>45</v>
      </c>
      <c r="D28290" s="1" t="s">
        <v>11107</v>
      </c>
      <c r="E28290" s="1" t="s">
        <v>100431</v>
      </c>
      <c r="F28290" s="1" t="s">
        <v>100432</v>
      </c>
      <c r="G28290" s="1" t="s">
        <v>100408</v>
      </c>
      <c r="H28290" s="1" t="s">
        <v>100409</v>
      </c>
      <c r="I28290" s="1" t="s">
        <v>96632</v>
      </c>
      <c r="J28290" s="1" t="s">
        <v>100433</v>
      </c>
    </row>
    <row r="28291" spans="1:10" x14ac:dyDescent="0.35">
      <c r="A28291" s="1" t="s">
        <v>100405</v>
      </c>
      <c r="B28291" s="1" t="s">
        <v>96627</v>
      </c>
      <c r="C28291" s="1" t="s">
        <v>50</v>
      </c>
      <c r="D28291" s="1" t="s">
        <v>75679</v>
      </c>
      <c r="E28291" s="1" t="s">
        <v>100434</v>
      </c>
      <c r="F28291" s="1" t="s">
        <v>100435</v>
      </c>
      <c r="G28291" s="1" t="s">
        <v>100408</v>
      </c>
      <c r="H28291" s="1" t="s">
        <v>100409</v>
      </c>
      <c r="I28291" s="1" t="s">
        <v>96632</v>
      </c>
      <c r="J28291" s="1" t="s">
        <v>100436</v>
      </c>
    </row>
    <row r="28292" spans="1:10" x14ac:dyDescent="0.35">
      <c r="A28292" s="1" t="s">
        <v>100405</v>
      </c>
      <c r="B28292" s="1" t="s">
        <v>96627</v>
      </c>
      <c r="C28292" s="1" t="s">
        <v>55</v>
      </c>
      <c r="D28292" s="1" t="s">
        <v>100437</v>
      </c>
      <c r="E28292" s="1" t="s">
        <v>100438</v>
      </c>
      <c r="F28292" s="1" t="s">
        <v>100439</v>
      </c>
      <c r="G28292" s="1" t="s">
        <v>100408</v>
      </c>
      <c r="H28292" s="1" t="s">
        <v>100409</v>
      </c>
      <c r="I28292" s="1" t="s">
        <v>96632</v>
      </c>
      <c r="J28292" s="1" t="s">
        <v>100440</v>
      </c>
    </row>
    <row r="28293" spans="1:10" x14ac:dyDescent="0.35">
      <c r="A28293" s="1" t="s">
        <v>100405</v>
      </c>
      <c r="B28293" s="1" t="s">
        <v>96627</v>
      </c>
      <c r="C28293" s="1" t="s">
        <v>60</v>
      </c>
      <c r="D28293" s="1" t="s">
        <v>89009</v>
      </c>
      <c r="E28293" s="1" t="s">
        <v>100441</v>
      </c>
      <c r="F28293" s="1" t="s">
        <v>100442</v>
      </c>
      <c r="G28293" s="1" t="s">
        <v>100408</v>
      </c>
      <c r="H28293" s="1" t="s">
        <v>100409</v>
      </c>
      <c r="I28293" s="1" t="s">
        <v>96632</v>
      </c>
      <c r="J28293" s="1" t="s">
        <v>100443</v>
      </c>
    </row>
    <row r="28294" spans="1:10" x14ac:dyDescent="0.35">
      <c r="A28294" s="1" t="s">
        <v>100405</v>
      </c>
      <c r="B28294" s="1" t="s">
        <v>96627</v>
      </c>
      <c r="C28294" s="1" t="s">
        <v>65</v>
      </c>
      <c r="D28294" s="1" t="s">
        <v>92860</v>
      </c>
      <c r="E28294" s="1" t="s">
        <v>100444</v>
      </c>
      <c r="F28294" s="1" t="s">
        <v>100445</v>
      </c>
      <c r="G28294" s="1" t="s">
        <v>100408</v>
      </c>
      <c r="H28294" s="1" t="s">
        <v>100409</v>
      </c>
      <c r="I28294" s="1" t="s">
        <v>96632</v>
      </c>
      <c r="J28294" s="1" t="s">
        <v>100446</v>
      </c>
    </row>
    <row r="28295" spans="1:10" x14ac:dyDescent="0.35">
      <c r="A28295" s="1" t="s">
        <v>100405</v>
      </c>
      <c r="B28295" s="1" t="s">
        <v>96627</v>
      </c>
      <c r="C28295" s="1" t="s">
        <v>70</v>
      </c>
      <c r="D28295" s="1" t="s">
        <v>100447</v>
      </c>
      <c r="E28295" s="1" t="s">
        <v>100448</v>
      </c>
      <c r="F28295" s="1" t="s">
        <v>100449</v>
      </c>
      <c r="G28295" s="1" t="s">
        <v>100408</v>
      </c>
      <c r="H28295" s="1" t="s">
        <v>100409</v>
      </c>
      <c r="I28295" s="1" t="s">
        <v>96632</v>
      </c>
      <c r="J28295" s="1" t="s">
        <v>100450</v>
      </c>
    </row>
    <row r="28296" spans="1:10" x14ac:dyDescent="0.35">
      <c r="A28296" s="1" t="s">
        <v>100405</v>
      </c>
      <c r="B28296" s="1" t="s">
        <v>96627</v>
      </c>
      <c r="C28296" s="1" t="s">
        <v>75</v>
      </c>
      <c r="D28296" s="1" t="s">
        <v>81135</v>
      </c>
      <c r="E28296" s="1" t="s">
        <v>100451</v>
      </c>
      <c r="F28296" s="1" t="s">
        <v>100452</v>
      </c>
      <c r="G28296" s="1" t="s">
        <v>100408</v>
      </c>
      <c r="H28296" s="1" t="s">
        <v>100409</v>
      </c>
      <c r="I28296" s="1" t="s">
        <v>96632</v>
      </c>
      <c r="J28296" s="1" t="s">
        <v>100453</v>
      </c>
    </row>
    <row r="28297" spans="1:10" x14ac:dyDescent="0.35">
      <c r="A28297" s="1" t="s">
        <v>100405</v>
      </c>
      <c r="B28297" s="1" t="s">
        <v>96627</v>
      </c>
      <c r="C28297" s="1" t="s">
        <v>80</v>
      </c>
      <c r="D28297" s="1" t="s">
        <v>100454</v>
      </c>
      <c r="E28297" s="1" t="s">
        <v>100455</v>
      </c>
      <c r="F28297" s="1" t="s">
        <v>100456</v>
      </c>
      <c r="G28297" s="1" t="s">
        <v>100408</v>
      </c>
      <c r="H28297" s="1" t="s">
        <v>100409</v>
      </c>
      <c r="I28297" s="1" t="s">
        <v>96632</v>
      </c>
      <c r="J28297" s="1" t="s">
        <v>100457</v>
      </c>
    </row>
    <row r="28298" spans="1:10" x14ac:dyDescent="0.35">
      <c r="A28298" s="1" t="s">
        <v>100405</v>
      </c>
      <c r="B28298" s="1" t="s">
        <v>96627</v>
      </c>
      <c r="C28298" s="1" t="s">
        <v>85</v>
      </c>
      <c r="D28298" s="1" t="s">
        <v>100458</v>
      </c>
      <c r="E28298" s="1" t="s">
        <v>100459</v>
      </c>
      <c r="F28298" s="1" t="s">
        <v>100460</v>
      </c>
      <c r="G28298" s="1" t="s">
        <v>100408</v>
      </c>
      <c r="H28298" s="1" t="s">
        <v>100409</v>
      </c>
      <c r="I28298" s="1" t="s">
        <v>96632</v>
      </c>
      <c r="J28298" s="1" t="s">
        <v>100461</v>
      </c>
    </row>
    <row r="28299" spans="1:10" x14ac:dyDescent="0.35">
      <c r="A28299" s="1" t="s">
        <v>100405</v>
      </c>
      <c r="B28299" s="1" t="s">
        <v>96627</v>
      </c>
      <c r="C28299" s="1" t="s">
        <v>90</v>
      </c>
      <c r="D28299" s="1" t="s">
        <v>57495</v>
      </c>
      <c r="E28299" s="1" t="s">
        <v>100462</v>
      </c>
      <c r="F28299" s="1" t="s">
        <v>100463</v>
      </c>
      <c r="G28299" s="1" t="s">
        <v>100408</v>
      </c>
      <c r="H28299" s="1" t="s">
        <v>100409</v>
      </c>
      <c r="I28299" s="1" t="s">
        <v>96632</v>
      </c>
      <c r="J28299" s="1" t="s">
        <v>100464</v>
      </c>
    </row>
    <row r="28300" spans="1:10" x14ac:dyDescent="0.35">
      <c r="A28300" s="1" t="s">
        <v>100405</v>
      </c>
      <c r="B28300" s="1" t="s">
        <v>96627</v>
      </c>
      <c r="C28300" s="1" t="s">
        <v>95</v>
      </c>
      <c r="D28300" s="1" t="s">
        <v>99318</v>
      </c>
      <c r="E28300" s="1" t="s">
        <v>100465</v>
      </c>
      <c r="F28300" s="1" t="s">
        <v>100466</v>
      </c>
      <c r="G28300" s="1" t="s">
        <v>100408</v>
      </c>
      <c r="H28300" s="1" t="s">
        <v>100409</v>
      </c>
      <c r="I28300" s="1" t="s">
        <v>96632</v>
      </c>
      <c r="J28300" s="1" t="s">
        <v>100467</v>
      </c>
    </row>
    <row r="28301" spans="1:10" x14ac:dyDescent="0.35">
      <c r="A28301" s="1" t="s">
        <v>100405</v>
      </c>
      <c r="B28301" s="1" t="s">
        <v>96627</v>
      </c>
      <c r="C28301" s="1" t="s">
        <v>100</v>
      </c>
      <c r="D28301" s="1" t="s">
        <v>80509</v>
      </c>
      <c r="E28301" s="1" t="s">
        <v>100468</v>
      </c>
      <c r="F28301" s="1" t="s">
        <v>100469</v>
      </c>
      <c r="G28301" s="1" t="s">
        <v>100408</v>
      </c>
      <c r="H28301" s="1" t="s">
        <v>100409</v>
      </c>
      <c r="I28301" s="1" t="s">
        <v>96632</v>
      </c>
      <c r="J28301" s="1" t="s">
        <v>100470</v>
      </c>
    </row>
    <row r="28302" spans="1:10" x14ac:dyDescent="0.35">
      <c r="A28302" s="1" t="s">
        <v>100405</v>
      </c>
      <c r="B28302" s="1" t="s">
        <v>96627</v>
      </c>
      <c r="C28302" s="1" t="s">
        <v>105</v>
      </c>
      <c r="D28302" s="1" t="s">
        <v>60670</v>
      </c>
      <c r="E28302" s="1" t="s">
        <v>100471</v>
      </c>
      <c r="F28302" s="1" t="s">
        <v>100472</v>
      </c>
      <c r="G28302" s="1" t="s">
        <v>100408</v>
      </c>
      <c r="H28302" s="1" t="s">
        <v>100409</v>
      </c>
      <c r="I28302" s="1" t="s">
        <v>96632</v>
      </c>
      <c r="J28302" s="1" t="s">
        <v>100473</v>
      </c>
    </row>
    <row r="28303" spans="1:10" x14ac:dyDescent="0.35">
      <c r="A28303" s="1" t="s">
        <v>100405</v>
      </c>
      <c r="B28303" s="1" t="s">
        <v>96627</v>
      </c>
      <c r="C28303" s="1" t="s">
        <v>110</v>
      </c>
      <c r="D28303" s="1" t="s">
        <v>100474</v>
      </c>
      <c r="E28303" s="1" t="s">
        <v>100475</v>
      </c>
      <c r="F28303" s="1" t="s">
        <v>100476</v>
      </c>
      <c r="G28303" s="1" t="s">
        <v>100408</v>
      </c>
      <c r="H28303" s="1" t="s">
        <v>100409</v>
      </c>
      <c r="I28303" s="1" t="s">
        <v>96632</v>
      </c>
      <c r="J28303" s="1" t="s">
        <v>100477</v>
      </c>
    </row>
    <row r="28304" spans="1:10" x14ac:dyDescent="0.35">
      <c r="A28304" s="1" t="s">
        <v>100405</v>
      </c>
      <c r="B28304" s="1" t="s">
        <v>96627</v>
      </c>
      <c r="C28304" s="1" t="s">
        <v>115</v>
      </c>
      <c r="D28304" s="1" t="s">
        <v>100478</v>
      </c>
      <c r="E28304" s="1" t="s">
        <v>100479</v>
      </c>
      <c r="F28304" s="1" t="s">
        <v>100480</v>
      </c>
      <c r="G28304" s="1" t="s">
        <v>100408</v>
      </c>
      <c r="H28304" s="1" t="s">
        <v>100409</v>
      </c>
      <c r="I28304" s="1" t="s">
        <v>96632</v>
      </c>
      <c r="J28304" s="1" t="s">
        <v>100481</v>
      </c>
    </row>
    <row r="28305" spans="1:10" x14ac:dyDescent="0.35">
      <c r="A28305" s="1" t="s">
        <v>100405</v>
      </c>
      <c r="B28305" s="1" t="s">
        <v>96627</v>
      </c>
      <c r="C28305" s="1" t="s">
        <v>120</v>
      </c>
      <c r="D28305" s="1" t="s">
        <v>77132</v>
      </c>
      <c r="E28305" s="1" t="s">
        <v>100482</v>
      </c>
      <c r="F28305" s="1" t="s">
        <v>100483</v>
      </c>
      <c r="G28305" s="1" t="s">
        <v>100408</v>
      </c>
      <c r="H28305" s="1" t="s">
        <v>100409</v>
      </c>
      <c r="I28305" s="1" t="s">
        <v>96632</v>
      </c>
      <c r="J28305" s="1" t="s">
        <v>100484</v>
      </c>
    </row>
    <row r="28306" spans="1:10" x14ac:dyDescent="0.35">
      <c r="A28306" s="1" t="s">
        <v>100405</v>
      </c>
      <c r="B28306" s="1" t="s">
        <v>96627</v>
      </c>
      <c r="C28306" s="1" t="s">
        <v>125</v>
      </c>
      <c r="D28306" s="1" t="s">
        <v>87859</v>
      </c>
      <c r="E28306" s="1" t="s">
        <v>87755</v>
      </c>
      <c r="F28306" s="1" t="s">
        <v>100485</v>
      </c>
      <c r="G28306" s="1" t="s">
        <v>100408</v>
      </c>
      <c r="H28306" s="1" t="s">
        <v>100409</v>
      </c>
      <c r="I28306" s="1" t="s">
        <v>96632</v>
      </c>
      <c r="J28306" s="1" t="s">
        <v>100486</v>
      </c>
    </row>
    <row r="28307" spans="1:10" x14ac:dyDescent="0.35">
      <c r="A28307" s="1" t="s">
        <v>100405</v>
      </c>
      <c r="B28307" s="1" t="s">
        <v>96627</v>
      </c>
      <c r="C28307" s="1" t="s">
        <v>130</v>
      </c>
      <c r="D28307" s="1" t="s">
        <v>100487</v>
      </c>
      <c r="E28307" s="1" t="s">
        <v>100488</v>
      </c>
      <c r="F28307" s="1" t="s">
        <v>100489</v>
      </c>
      <c r="G28307" s="1" t="s">
        <v>100408</v>
      </c>
      <c r="H28307" s="1" t="s">
        <v>100409</v>
      </c>
      <c r="I28307" s="1" t="s">
        <v>96632</v>
      </c>
      <c r="J28307" s="1" t="s">
        <v>100490</v>
      </c>
    </row>
    <row r="28308" spans="1:10" x14ac:dyDescent="0.35">
      <c r="A28308" s="1" t="s">
        <v>100405</v>
      </c>
      <c r="B28308" s="1" t="s">
        <v>96627</v>
      </c>
      <c r="C28308" s="1" t="s">
        <v>135</v>
      </c>
      <c r="D28308" s="1" t="s">
        <v>100491</v>
      </c>
      <c r="E28308" s="1" t="s">
        <v>100492</v>
      </c>
      <c r="F28308" s="1" t="s">
        <v>100493</v>
      </c>
      <c r="G28308" s="1" t="s">
        <v>100408</v>
      </c>
      <c r="H28308" s="1" t="s">
        <v>100409</v>
      </c>
      <c r="I28308" s="1" t="s">
        <v>96632</v>
      </c>
      <c r="J28308" s="1" t="s">
        <v>100494</v>
      </c>
    </row>
    <row r="28309" spans="1:10" x14ac:dyDescent="0.35">
      <c r="A28309" s="1" t="s">
        <v>100405</v>
      </c>
      <c r="B28309" s="1" t="s">
        <v>96627</v>
      </c>
      <c r="C28309" s="1" t="s">
        <v>140</v>
      </c>
      <c r="D28309" s="1" t="s">
        <v>55519</v>
      </c>
      <c r="E28309" s="1" t="s">
        <v>100495</v>
      </c>
      <c r="F28309" s="1" t="s">
        <v>100496</v>
      </c>
      <c r="G28309" s="1" t="s">
        <v>100408</v>
      </c>
      <c r="H28309" s="1" t="s">
        <v>100409</v>
      </c>
      <c r="I28309" s="1" t="s">
        <v>96632</v>
      </c>
      <c r="J28309" s="1" t="s">
        <v>100497</v>
      </c>
    </row>
    <row r="28310" spans="1:10" x14ac:dyDescent="0.35">
      <c r="A28310" s="1" t="s">
        <v>100405</v>
      </c>
      <c r="B28310" s="1" t="s">
        <v>96627</v>
      </c>
      <c r="C28310" s="1" t="s">
        <v>145</v>
      </c>
      <c r="D28310" s="1" t="s">
        <v>100498</v>
      </c>
      <c r="E28310" s="1" t="s">
        <v>100499</v>
      </c>
      <c r="F28310" s="1" t="s">
        <v>100500</v>
      </c>
      <c r="G28310" s="1" t="s">
        <v>100408</v>
      </c>
      <c r="H28310" s="1" t="s">
        <v>100409</v>
      </c>
      <c r="I28310" s="1" t="s">
        <v>96632</v>
      </c>
      <c r="J28310" s="1" t="s">
        <v>100501</v>
      </c>
    </row>
    <row r="28311" spans="1:10" x14ac:dyDescent="0.35">
      <c r="A28311" s="1" t="s">
        <v>100405</v>
      </c>
      <c r="B28311" s="1" t="s">
        <v>96627</v>
      </c>
      <c r="C28311" s="1" t="s">
        <v>150</v>
      </c>
      <c r="D28311" s="1" t="s">
        <v>100502</v>
      </c>
      <c r="E28311" s="1" t="s">
        <v>100503</v>
      </c>
      <c r="F28311" s="1" t="s">
        <v>100504</v>
      </c>
      <c r="G28311" s="1" t="s">
        <v>100408</v>
      </c>
      <c r="H28311" s="1" t="s">
        <v>100409</v>
      </c>
      <c r="I28311" s="1" t="s">
        <v>96632</v>
      </c>
      <c r="J28311" s="1" t="s">
        <v>100505</v>
      </c>
    </row>
    <row r="28312" spans="1:10" x14ac:dyDescent="0.35">
      <c r="A28312" s="1" t="s">
        <v>100405</v>
      </c>
      <c r="B28312" s="1" t="s">
        <v>96627</v>
      </c>
      <c r="C28312" s="1" t="s">
        <v>155</v>
      </c>
      <c r="D28312" s="1" t="s">
        <v>100506</v>
      </c>
      <c r="E28312" s="1" t="s">
        <v>100507</v>
      </c>
      <c r="F28312" s="1" t="s">
        <v>100508</v>
      </c>
      <c r="G28312" s="1" t="s">
        <v>100408</v>
      </c>
      <c r="H28312" s="1" t="s">
        <v>100409</v>
      </c>
      <c r="I28312" s="1" t="s">
        <v>96632</v>
      </c>
      <c r="J28312" s="1" t="s">
        <v>100509</v>
      </c>
    </row>
    <row r="28313" spans="1:10" x14ac:dyDescent="0.35">
      <c r="A28313" s="1" t="s">
        <v>100405</v>
      </c>
      <c r="B28313" s="1" t="s">
        <v>96627</v>
      </c>
      <c r="C28313" s="1" t="s">
        <v>160</v>
      </c>
      <c r="D28313" s="1" t="s">
        <v>56093</v>
      </c>
      <c r="E28313" s="1" t="s">
        <v>100510</v>
      </c>
      <c r="F28313" s="1" t="s">
        <v>100511</v>
      </c>
      <c r="G28313" s="1" t="s">
        <v>100408</v>
      </c>
      <c r="H28313" s="1" t="s">
        <v>100409</v>
      </c>
      <c r="I28313" s="1" t="s">
        <v>96632</v>
      </c>
      <c r="J28313" s="1" t="s">
        <v>100512</v>
      </c>
    </row>
    <row r="28314" spans="1:10" x14ac:dyDescent="0.35">
      <c r="A28314" s="1" t="s">
        <v>100405</v>
      </c>
      <c r="B28314" s="1" t="s">
        <v>96627</v>
      </c>
      <c r="C28314" s="1" t="s">
        <v>165</v>
      </c>
      <c r="D28314" s="1" t="s">
        <v>100513</v>
      </c>
      <c r="E28314" s="1" t="s">
        <v>100514</v>
      </c>
      <c r="F28314" s="1" t="s">
        <v>100515</v>
      </c>
      <c r="G28314" s="1" t="s">
        <v>100408</v>
      </c>
      <c r="H28314" s="1" t="s">
        <v>100409</v>
      </c>
      <c r="I28314" s="1" t="s">
        <v>96632</v>
      </c>
      <c r="J28314" s="1" t="s">
        <v>100516</v>
      </c>
    </row>
    <row r="28315" spans="1:10" x14ac:dyDescent="0.35">
      <c r="A28315" s="1" t="s">
        <v>100405</v>
      </c>
      <c r="B28315" s="1" t="s">
        <v>96627</v>
      </c>
      <c r="C28315" s="1" t="s">
        <v>170</v>
      </c>
      <c r="D28315" s="1" t="s">
        <v>87346</v>
      </c>
      <c r="E28315" s="1" t="s">
        <v>100517</v>
      </c>
      <c r="F28315" s="1" t="s">
        <v>100518</v>
      </c>
      <c r="G28315" s="1" t="s">
        <v>100408</v>
      </c>
      <c r="H28315" s="1" t="s">
        <v>100409</v>
      </c>
      <c r="I28315" s="1" t="s">
        <v>96632</v>
      </c>
      <c r="J28315" s="1" t="s">
        <v>100519</v>
      </c>
    </row>
    <row r="28316" spans="1:10" x14ac:dyDescent="0.35">
      <c r="A28316" s="1" t="s">
        <v>1134</v>
      </c>
      <c r="B28316" s="1" t="s">
        <v>96627</v>
      </c>
      <c r="C28316" s="1" t="s">
        <v>8</v>
      </c>
      <c r="D28316" s="1" t="s">
        <v>12549</v>
      </c>
      <c r="E28316" s="1" t="s">
        <v>100520</v>
      </c>
      <c r="F28316" s="1" t="s">
        <v>100521</v>
      </c>
      <c r="G28316" s="1" t="s">
        <v>100522</v>
      </c>
      <c r="H28316" s="1" t="s">
        <v>100523</v>
      </c>
      <c r="I28316" s="1" t="s">
        <v>96632</v>
      </c>
      <c r="J28316" s="1" t="s">
        <v>13</v>
      </c>
    </row>
    <row r="28317" spans="1:10" x14ac:dyDescent="0.35">
      <c r="A28317" s="1" t="s">
        <v>1134</v>
      </c>
      <c r="B28317" s="1" t="s">
        <v>96627</v>
      </c>
      <c r="C28317" s="1" t="s">
        <v>15</v>
      </c>
      <c r="D28317" s="1" t="s">
        <v>100524</v>
      </c>
      <c r="E28317" s="1" t="s">
        <v>100525</v>
      </c>
      <c r="F28317" s="1" t="s">
        <v>100526</v>
      </c>
      <c r="G28317" s="1" t="s">
        <v>100522</v>
      </c>
      <c r="H28317" s="1" t="s">
        <v>100523</v>
      </c>
      <c r="I28317" s="1" t="s">
        <v>96632</v>
      </c>
      <c r="J28317" s="1" t="s">
        <v>100527</v>
      </c>
    </row>
    <row r="28318" spans="1:10" x14ac:dyDescent="0.35">
      <c r="A28318" s="1" t="s">
        <v>1134</v>
      </c>
      <c r="B28318" s="1" t="s">
        <v>96627</v>
      </c>
      <c r="C28318" s="1" t="s">
        <v>20</v>
      </c>
      <c r="D28318" s="1" t="s">
        <v>100528</v>
      </c>
      <c r="E28318" s="1" t="s">
        <v>100529</v>
      </c>
      <c r="F28318" s="1" t="s">
        <v>100530</v>
      </c>
      <c r="G28318" s="1" t="s">
        <v>100522</v>
      </c>
      <c r="H28318" s="1" t="s">
        <v>100523</v>
      </c>
      <c r="I28318" s="1" t="s">
        <v>96632</v>
      </c>
      <c r="J28318" s="1" t="s">
        <v>100531</v>
      </c>
    </row>
    <row r="28319" spans="1:10" x14ac:dyDescent="0.35">
      <c r="A28319" s="1" t="s">
        <v>1134</v>
      </c>
      <c r="B28319" s="1" t="s">
        <v>96627</v>
      </c>
      <c r="C28319" s="1" t="s">
        <v>25</v>
      </c>
      <c r="D28319" s="1" t="s">
        <v>100532</v>
      </c>
      <c r="E28319" s="1" t="s">
        <v>100533</v>
      </c>
      <c r="F28319" s="1" t="s">
        <v>100534</v>
      </c>
      <c r="G28319" s="1" t="s">
        <v>100522</v>
      </c>
      <c r="H28319" s="1" t="s">
        <v>100523</v>
      </c>
      <c r="I28319" s="1" t="s">
        <v>96632</v>
      </c>
      <c r="J28319" s="1" t="s">
        <v>100535</v>
      </c>
    </row>
    <row r="28320" spans="1:10" x14ac:dyDescent="0.35">
      <c r="A28320" s="1" t="s">
        <v>1134</v>
      </c>
      <c r="B28320" s="1" t="s">
        <v>96627</v>
      </c>
      <c r="C28320" s="1" t="s">
        <v>30</v>
      </c>
      <c r="D28320" s="1" t="s">
        <v>64867</v>
      </c>
      <c r="E28320" s="1" t="s">
        <v>100536</v>
      </c>
      <c r="F28320" s="1" t="s">
        <v>100537</v>
      </c>
      <c r="G28320" s="1" t="s">
        <v>100522</v>
      </c>
      <c r="H28320" s="1" t="s">
        <v>100523</v>
      </c>
      <c r="I28320" s="1" t="s">
        <v>96632</v>
      </c>
      <c r="J28320" s="1" t="s">
        <v>100538</v>
      </c>
    </row>
    <row r="28321" spans="1:10" x14ac:dyDescent="0.35">
      <c r="A28321" s="1" t="s">
        <v>1134</v>
      </c>
      <c r="B28321" s="1" t="s">
        <v>96627</v>
      </c>
      <c r="C28321" s="1" t="s">
        <v>35</v>
      </c>
      <c r="D28321" s="1" t="s">
        <v>100539</v>
      </c>
      <c r="E28321" s="1" t="s">
        <v>100540</v>
      </c>
      <c r="F28321" s="1" t="s">
        <v>100541</v>
      </c>
      <c r="G28321" s="1" t="s">
        <v>100522</v>
      </c>
      <c r="H28321" s="1" t="s">
        <v>100523</v>
      </c>
      <c r="I28321" s="1" t="s">
        <v>96632</v>
      </c>
      <c r="J28321" s="1" t="s">
        <v>100542</v>
      </c>
    </row>
    <row r="28322" spans="1:10" x14ac:dyDescent="0.35">
      <c r="A28322" s="1" t="s">
        <v>1134</v>
      </c>
      <c r="B28322" s="1" t="s">
        <v>96627</v>
      </c>
      <c r="C28322" s="1" t="s">
        <v>40</v>
      </c>
      <c r="D28322" s="1" t="s">
        <v>100543</v>
      </c>
      <c r="E28322" s="1" t="s">
        <v>100544</v>
      </c>
      <c r="F28322" s="1" t="s">
        <v>100545</v>
      </c>
      <c r="G28322" s="1" t="s">
        <v>100522</v>
      </c>
      <c r="H28322" s="1" t="s">
        <v>100523</v>
      </c>
      <c r="I28322" s="1" t="s">
        <v>96632</v>
      </c>
      <c r="J28322" s="1" t="s">
        <v>100546</v>
      </c>
    </row>
    <row r="28323" spans="1:10" x14ac:dyDescent="0.35">
      <c r="A28323" s="1" t="s">
        <v>1134</v>
      </c>
      <c r="B28323" s="1" t="s">
        <v>96627</v>
      </c>
      <c r="C28323" s="1" t="s">
        <v>45</v>
      </c>
      <c r="D28323" s="1" t="s">
        <v>100547</v>
      </c>
      <c r="E28323" s="1" t="s">
        <v>100548</v>
      </c>
      <c r="F28323" s="1" t="s">
        <v>100549</v>
      </c>
      <c r="G28323" s="1" t="s">
        <v>100522</v>
      </c>
      <c r="H28323" s="1" t="s">
        <v>100523</v>
      </c>
      <c r="I28323" s="1" t="s">
        <v>96632</v>
      </c>
      <c r="J28323" s="1" t="s">
        <v>100550</v>
      </c>
    </row>
    <row r="28324" spans="1:10" x14ac:dyDescent="0.35">
      <c r="A28324" s="1" t="s">
        <v>1134</v>
      </c>
      <c r="B28324" s="1" t="s">
        <v>96627</v>
      </c>
      <c r="C28324" s="1" t="s">
        <v>50</v>
      </c>
      <c r="D28324" s="1" t="s">
        <v>78810</v>
      </c>
      <c r="E28324" s="1" t="s">
        <v>100551</v>
      </c>
      <c r="F28324" s="1" t="s">
        <v>100552</v>
      </c>
      <c r="G28324" s="1" t="s">
        <v>100522</v>
      </c>
      <c r="H28324" s="1" t="s">
        <v>100523</v>
      </c>
      <c r="I28324" s="1" t="s">
        <v>96632</v>
      </c>
      <c r="J28324" s="1" t="s">
        <v>100553</v>
      </c>
    </row>
    <row r="28325" spans="1:10" x14ac:dyDescent="0.35">
      <c r="A28325" s="1" t="s">
        <v>1134</v>
      </c>
      <c r="B28325" s="1" t="s">
        <v>96627</v>
      </c>
      <c r="C28325" s="1" t="s">
        <v>55</v>
      </c>
      <c r="D28325" s="1" t="s">
        <v>99988</v>
      </c>
      <c r="E28325" s="1" t="s">
        <v>100554</v>
      </c>
      <c r="F28325" s="1" t="s">
        <v>100555</v>
      </c>
      <c r="G28325" s="1" t="s">
        <v>100522</v>
      </c>
      <c r="H28325" s="1" t="s">
        <v>100523</v>
      </c>
      <c r="I28325" s="1" t="s">
        <v>96632</v>
      </c>
      <c r="J28325" s="1" t="s">
        <v>100556</v>
      </c>
    </row>
    <row r="28326" spans="1:10" x14ac:dyDescent="0.35">
      <c r="A28326" s="1" t="s">
        <v>1134</v>
      </c>
      <c r="B28326" s="1" t="s">
        <v>96627</v>
      </c>
      <c r="C28326" s="1" t="s">
        <v>60</v>
      </c>
      <c r="D28326" s="1" t="s">
        <v>100557</v>
      </c>
      <c r="E28326" s="1" t="s">
        <v>100558</v>
      </c>
      <c r="F28326" s="1" t="s">
        <v>100559</v>
      </c>
      <c r="G28326" s="1" t="s">
        <v>100522</v>
      </c>
      <c r="H28326" s="1" t="s">
        <v>100523</v>
      </c>
      <c r="I28326" s="1" t="s">
        <v>96632</v>
      </c>
      <c r="J28326" s="1" t="s">
        <v>100560</v>
      </c>
    </row>
    <row r="28327" spans="1:10" x14ac:dyDescent="0.35">
      <c r="A28327" s="1" t="s">
        <v>1134</v>
      </c>
      <c r="B28327" s="1" t="s">
        <v>96627</v>
      </c>
      <c r="C28327" s="1" t="s">
        <v>65</v>
      </c>
      <c r="D28327" s="1" t="s">
        <v>100561</v>
      </c>
      <c r="E28327" s="1" t="s">
        <v>100562</v>
      </c>
      <c r="F28327" s="1" t="s">
        <v>100563</v>
      </c>
      <c r="G28327" s="1" t="s">
        <v>100522</v>
      </c>
      <c r="H28327" s="1" t="s">
        <v>100523</v>
      </c>
      <c r="I28327" s="1" t="s">
        <v>96632</v>
      </c>
      <c r="J28327" s="1" t="s">
        <v>100564</v>
      </c>
    </row>
    <row r="28328" spans="1:10" x14ac:dyDescent="0.35">
      <c r="A28328" s="1" t="s">
        <v>1134</v>
      </c>
      <c r="B28328" s="1" t="s">
        <v>96627</v>
      </c>
      <c r="C28328" s="1" t="s">
        <v>70</v>
      </c>
      <c r="D28328" s="1" t="s">
        <v>100565</v>
      </c>
      <c r="E28328" s="1" t="s">
        <v>100566</v>
      </c>
      <c r="F28328" s="1" t="s">
        <v>100567</v>
      </c>
      <c r="G28328" s="1" t="s">
        <v>100522</v>
      </c>
      <c r="H28328" s="1" t="s">
        <v>100523</v>
      </c>
      <c r="I28328" s="1" t="s">
        <v>96632</v>
      </c>
      <c r="J28328" s="1" t="s">
        <v>100568</v>
      </c>
    </row>
    <row r="28329" spans="1:10" x14ac:dyDescent="0.35">
      <c r="A28329" s="1" t="s">
        <v>1134</v>
      </c>
      <c r="B28329" s="1" t="s">
        <v>96627</v>
      </c>
      <c r="C28329" s="1" t="s">
        <v>75</v>
      </c>
      <c r="D28329" s="1" t="s">
        <v>55541</v>
      </c>
      <c r="E28329" s="1" t="s">
        <v>100569</v>
      </c>
      <c r="F28329" s="1" t="s">
        <v>100570</v>
      </c>
      <c r="G28329" s="1" t="s">
        <v>100522</v>
      </c>
      <c r="H28329" s="1" t="s">
        <v>100523</v>
      </c>
      <c r="I28329" s="1" t="s">
        <v>96632</v>
      </c>
      <c r="J28329" s="1" t="s">
        <v>100571</v>
      </c>
    </row>
    <row r="28330" spans="1:10" x14ac:dyDescent="0.35">
      <c r="A28330" s="1" t="s">
        <v>1134</v>
      </c>
      <c r="B28330" s="1" t="s">
        <v>96627</v>
      </c>
      <c r="C28330" s="1" t="s">
        <v>80</v>
      </c>
      <c r="D28330" s="1" t="s">
        <v>100572</v>
      </c>
      <c r="E28330" s="1" t="s">
        <v>100573</v>
      </c>
      <c r="F28330" s="1" t="s">
        <v>100574</v>
      </c>
      <c r="G28330" s="1" t="s">
        <v>100522</v>
      </c>
      <c r="H28330" s="1" t="s">
        <v>100523</v>
      </c>
      <c r="I28330" s="1" t="s">
        <v>96632</v>
      </c>
      <c r="J28330" s="1" t="s">
        <v>100575</v>
      </c>
    </row>
    <row r="28331" spans="1:10" x14ac:dyDescent="0.35">
      <c r="A28331" s="1" t="s">
        <v>1134</v>
      </c>
      <c r="B28331" s="1" t="s">
        <v>96627</v>
      </c>
      <c r="C28331" s="1" t="s">
        <v>85</v>
      </c>
      <c r="D28331" s="1" t="s">
        <v>84332</v>
      </c>
      <c r="E28331" s="1" t="s">
        <v>100576</v>
      </c>
      <c r="F28331" s="1" t="s">
        <v>100577</v>
      </c>
      <c r="G28331" s="1" t="s">
        <v>100522</v>
      </c>
      <c r="H28331" s="1" t="s">
        <v>100523</v>
      </c>
      <c r="I28331" s="1" t="s">
        <v>96632</v>
      </c>
      <c r="J28331" s="1" t="s">
        <v>100578</v>
      </c>
    </row>
    <row r="28332" spans="1:10" x14ac:dyDescent="0.35">
      <c r="A28332" s="1" t="s">
        <v>1134</v>
      </c>
      <c r="B28332" s="1" t="s">
        <v>96627</v>
      </c>
      <c r="C28332" s="1" t="s">
        <v>90</v>
      </c>
      <c r="D28332" s="1" t="s">
        <v>20654</v>
      </c>
      <c r="E28332" s="1" t="s">
        <v>100579</v>
      </c>
      <c r="F28332" s="1" t="s">
        <v>100580</v>
      </c>
      <c r="G28332" s="1" t="s">
        <v>100522</v>
      </c>
      <c r="H28332" s="1" t="s">
        <v>100523</v>
      </c>
      <c r="I28332" s="1" t="s">
        <v>96632</v>
      </c>
      <c r="J28332" s="1" t="s">
        <v>100581</v>
      </c>
    </row>
    <row r="28333" spans="1:10" x14ac:dyDescent="0.35">
      <c r="A28333" s="1" t="s">
        <v>1134</v>
      </c>
      <c r="B28333" s="1" t="s">
        <v>96627</v>
      </c>
      <c r="C28333" s="1" t="s">
        <v>95</v>
      </c>
      <c r="D28333" s="1" t="s">
        <v>60477</v>
      </c>
      <c r="E28333" s="1" t="s">
        <v>100582</v>
      </c>
      <c r="F28333" s="1" t="s">
        <v>100583</v>
      </c>
      <c r="G28333" s="1" t="s">
        <v>100522</v>
      </c>
      <c r="H28333" s="1" t="s">
        <v>100523</v>
      </c>
      <c r="I28333" s="1" t="s">
        <v>96632</v>
      </c>
      <c r="J28333" s="1" t="s">
        <v>100584</v>
      </c>
    </row>
    <row r="28334" spans="1:10" x14ac:dyDescent="0.35">
      <c r="A28334" s="1" t="s">
        <v>1134</v>
      </c>
      <c r="B28334" s="1" t="s">
        <v>96627</v>
      </c>
      <c r="C28334" s="1" t="s">
        <v>100</v>
      </c>
      <c r="D28334" s="1" t="s">
        <v>100585</v>
      </c>
      <c r="E28334" s="1" t="s">
        <v>100586</v>
      </c>
      <c r="F28334" s="1" t="s">
        <v>100587</v>
      </c>
      <c r="G28334" s="1" t="s">
        <v>100522</v>
      </c>
      <c r="H28334" s="1" t="s">
        <v>100523</v>
      </c>
      <c r="I28334" s="1" t="s">
        <v>96632</v>
      </c>
      <c r="J28334" s="1" t="s">
        <v>100588</v>
      </c>
    </row>
    <row r="28335" spans="1:10" x14ac:dyDescent="0.35">
      <c r="A28335" s="1" t="s">
        <v>1134</v>
      </c>
      <c r="B28335" s="1" t="s">
        <v>96627</v>
      </c>
      <c r="C28335" s="1" t="s">
        <v>105</v>
      </c>
      <c r="D28335" s="1" t="s">
        <v>100589</v>
      </c>
      <c r="E28335" s="1" t="s">
        <v>100590</v>
      </c>
      <c r="F28335" s="1" t="s">
        <v>100591</v>
      </c>
      <c r="G28335" s="1" t="s">
        <v>100522</v>
      </c>
      <c r="H28335" s="1" t="s">
        <v>100523</v>
      </c>
      <c r="I28335" s="1" t="s">
        <v>96632</v>
      </c>
      <c r="J28335" s="1" t="s">
        <v>100592</v>
      </c>
    </row>
    <row r="28336" spans="1:10" x14ac:dyDescent="0.35">
      <c r="A28336" s="1" t="s">
        <v>1134</v>
      </c>
      <c r="B28336" s="1" t="s">
        <v>96627</v>
      </c>
      <c r="C28336" s="1" t="s">
        <v>110</v>
      </c>
      <c r="D28336" s="1" t="s">
        <v>65856</v>
      </c>
      <c r="E28336" s="1" t="s">
        <v>100593</v>
      </c>
      <c r="F28336" s="1" t="s">
        <v>100594</v>
      </c>
      <c r="G28336" s="1" t="s">
        <v>100522</v>
      </c>
      <c r="H28336" s="1" t="s">
        <v>100523</v>
      </c>
      <c r="I28336" s="1" t="s">
        <v>96632</v>
      </c>
      <c r="J28336" s="1" t="s">
        <v>100595</v>
      </c>
    </row>
    <row r="28337" spans="1:10" x14ac:dyDescent="0.35">
      <c r="A28337" s="1" t="s">
        <v>1134</v>
      </c>
      <c r="B28337" s="1" t="s">
        <v>96627</v>
      </c>
      <c r="C28337" s="1" t="s">
        <v>115</v>
      </c>
      <c r="D28337" s="1" t="s">
        <v>54668</v>
      </c>
      <c r="E28337" s="1" t="s">
        <v>100596</v>
      </c>
      <c r="F28337" s="1" t="s">
        <v>100597</v>
      </c>
      <c r="G28337" s="1" t="s">
        <v>100522</v>
      </c>
      <c r="H28337" s="1" t="s">
        <v>100523</v>
      </c>
      <c r="I28337" s="1" t="s">
        <v>96632</v>
      </c>
      <c r="J28337" s="1" t="s">
        <v>100598</v>
      </c>
    </row>
    <row r="28338" spans="1:10" x14ac:dyDescent="0.35">
      <c r="A28338" s="1" t="s">
        <v>1134</v>
      </c>
      <c r="B28338" s="1" t="s">
        <v>96627</v>
      </c>
      <c r="C28338" s="1" t="s">
        <v>120</v>
      </c>
      <c r="D28338" s="1" t="s">
        <v>43625</v>
      </c>
      <c r="E28338" s="1" t="s">
        <v>100599</v>
      </c>
      <c r="F28338" s="1" t="s">
        <v>100600</v>
      </c>
      <c r="G28338" s="1" t="s">
        <v>100522</v>
      </c>
      <c r="H28338" s="1" t="s">
        <v>100523</v>
      </c>
      <c r="I28338" s="1" t="s">
        <v>96632</v>
      </c>
      <c r="J28338" s="1" t="s">
        <v>100601</v>
      </c>
    </row>
    <row r="28339" spans="1:10" x14ac:dyDescent="0.35">
      <c r="A28339" s="1" t="s">
        <v>1134</v>
      </c>
      <c r="B28339" s="1" t="s">
        <v>96627</v>
      </c>
      <c r="C28339" s="1" t="s">
        <v>125</v>
      </c>
      <c r="D28339" s="1" t="s">
        <v>58857</v>
      </c>
      <c r="E28339" s="1" t="s">
        <v>100602</v>
      </c>
      <c r="F28339" s="1" t="s">
        <v>100603</v>
      </c>
      <c r="G28339" s="1" t="s">
        <v>100522</v>
      </c>
      <c r="H28339" s="1" t="s">
        <v>100523</v>
      </c>
      <c r="I28339" s="1" t="s">
        <v>96632</v>
      </c>
      <c r="J28339" s="1" t="s">
        <v>100604</v>
      </c>
    </row>
    <row r="28340" spans="1:10" x14ac:dyDescent="0.35">
      <c r="A28340" s="1" t="s">
        <v>1134</v>
      </c>
      <c r="B28340" s="1" t="s">
        <v>96627</v>
      </c>
      <c r="C28340" s="1" t="s">
        <v>130</v>
      </c>
      <c r="D28340" s="1" t="s">
        <v>39405</v>
      </c>
      <c r="E28340" s="1" t="s">
        <v>100605</v>
      </c>
      <c r="F28340" s="1" t="s">
        <v>100606</v>
      </c>
      <c r="G28340" s="1" t="s">
        <v>100522</v>
      </c>
      <c r="H28340" s="1" t="s">
        <v>100523</v>
      </c>
      <c r="I28340" s="1" t="s">
        <v>96632</v>
      </c>
      <c r="J28340" s="1" t="s">
        <v>100607</v>
      </c>
    </row>
    <row r="28341" spans="1:10" x14ac:dyDescent="0.35">
      <c r="A28341" s="1" t="s">
        <v>1134</v>
      </c>
      <c r="B28341" s="1" t="s">
        <v>96627</v>
      </c>
      <c r="C28341" s="1" t="s">
        <v>135</v>
      </c>
      <c r="D28341" s="1" t="s">
        <v>100608</v>
      </c>
      <c r="E28341" s="1" t="s">
        <v>100609</v>
      </c>
      <c r="F28341" s="1" t="s">
        <v>100610</v>
      </c>
      <c r="G28341" s="1" t="s">
        <v>100522</v>
      </c>
      <c r="H28341" s="1" t="s">
        <v>100523</v>
      </c>
      <c r="I28341" s="1" t="s">
        <v>96632</v>
      </c>
      <c r="J28341" s="1" t="s">
        <v>100611</v>
      </c>
    </row>
    <row r="28342" spans="1:10" x14ac:dyDescent="0.35">
      <c r="A28342" s="1" t="s">
        <v>1134</v>
      </c>
      <c r="B28342" s="1" t="s">
        <v>96627</v>
      </c>
      <c r="C28342" s="1" t="s">
        <v>140</v>
      </c>
      <c r="D28342" s="1" t="s">
        <v>55410</v>
      </c>
      <c r="E28342" s="1" t="s">
        <v>100612</v>
      </c>
      <c r="F28342" s="1" t="s">
        <v>100613</v>
      </c>
      <c r="G28342" s="1" t="s">
        <v>100522</v>
      </c>
      <c r="H28342" s="1" t="s">
        <v>100523</v>
      </c>
      <c r="I28342" s="1" t="s">
        <v>96632</v>
      </c>
      <c r="J28342" s="1" t="s">
        <v>100614</v>
      </c>
    </row>
    <row r="28343" spans="1:10" x14ac:dyDescent="0.35">
      <c r="A28343" s="1" t="s">
        <v>1134</v>
      </c>
      <c r="B28343" s="1" t="s">
        <v>96627</v>
      </c>
      <c r="C28343" s="1" t="s">
        <v>145</v>
      </c>
      <c r="D28343" s="1" t="s">
        <v>56761</v>
      </c>
      <c r="E28343" s="1" t="s">
        <v>100615</v>
      </c>
      <c r="F28343" s="1" t="s">
        <v>100616</v>
      </c>
      <c r="G28343" s="1" t="s">
        <v>100522</v>
      </c>
      <c r="H28343" s="1" t="s">
        <v>100523</v>
      </c>
      <c r="I28343" s="1" t="s">
        <v>96632</v>
      </c>
      <c r="J28343" s="1" t="s">
        <v>100617</v>
      </c>
    </row>
    <row r="28344" spans="1:10" x14ac:dyDescent="0.35">
      <c r="A28344" s="1" t="s">
        <v>1134</v>
      </c>
      <c r="B28344" s="1" t="s">
        <v>96627</v>
      </c>
      <c r="C28344" s="1" t="s">
        <v>150</v>
      </c>
      <c r="D28344" s="1" t="s">
        <v>100618</v>
      </c>
      <c r="E28344" s="1" t="s">
        <v>100619</v>
      </c>
      <c r="F28344" s="1" t="s">
        <v>100620</v>
      </c>
      <c r="G28344" s="1" t="s">
        <v>100522</v>
      </c>
      <c r="H28344" s="1" t="s">
        <v>100523</v>
      </c>
      <c r="I28344" s="1" t="s">
        <v>96632</v>
      </c>
      <c r="J28344" s="1" t="s">
        <v>100621</v>
      </c>
    </row>
    <row r="28345" spans="1:10" x14ac:dyDescent="0.35">
      <c r="A28345" s="1" t="s">
        <v>1134</v>
      </c>
      <c r="B28345" s="1" t="s">
        <v>96627</v>
      </c>
      <c r="C28345" s="1" t="s">
        <v>155</v>
      </c>
      <c r="D28345" s="1" t="s">
        <v>100622</v>
      </c>
      <c r="E28345" s="1" t="s">
        <v>100623</v>
      </c>
      <c r="F28345" s="1" t="s">
        <v>100624</v>
      </c>
      <c r="G28345" s="1" t="s">
        <v>100522</v>
      </c>
      <c r="H28345" s="1" t="s">
        <v>100523</v>
      </c>
      <c r="I28345" s="1" t="s">
        <v>96632</v>
      </c>
      <c r="J28345" s="1" t="s">
        <v>100625</v>
      </c>
    </row>
    <row r="28346" spans="1:10" x14ac:dyDescent="0.35">
      <c r="A28346" s="1" t="s">
        <v>1134</v>
      </c>
      <c r="B28346" s="1" t="s">
        <v>96627</v>
      </c>
      <c r="C28346" s="1" t="s">
        <v>160</v>
      </c>
      <c r="D28346" s="1" t="s">
        <v>100626</v>
      </c>
      <c r="E28346" s="1" t="s">
        <v>100627</v>
      </c>
      <c r="F28346" s="1" t="s">
        <v>100628</v>
      </c>
      <c r="G28346" s="1" t="s">
        <v>100522</v>
      </c>
      <c r="H28346" s="1" t="s">
        <v>100523</v>
      </c>
      <c r="I28346" s="1" t="s">
        <v>96632</v>
      </c>
      <c r="J28346" s="1" t="s">
        <v>100629</v>
      </c>
    </row>
    <row r="28347" spans="1:10" x14ac:dyDescent="0.35">
      <c r="A28347" s="1" t="s">
        <v>1134</v>
      </c>
      <c r="B28347" s="1" t="s">
        <v>96627</v>
      </c>
      <c r="C28347" s="1" t="s">
        <v>165</v>
      </c>
      <c r="D28347" s="1" t="s">
        <v>100630</v>
      </c>
      <c r="E28347" s="1" t="s">
        <v>100631</v>
      </c>
      <c r="F28347" s="1" t="s">
        <v>100632</v>
      </c>
      <c r="G28347" s="1" t="s">
        <v>100522</v>
      </c>
      <c r="H28347" s="1" t="s">
        <v>100523</v>
      </c>
      <c r="I28347" s="1" t="s">
        <v>96632</v>
      </c>
      <c r="J28347" s="1" t="s">
        <v>100633</v>
      </c>
    </row>
    <row r="28348" spans="1:10" x14ac:dyDescent="0.35">
      <c r="A28348" s="1" t="s">
        <v>1134</v>
      </c>
      <c r="B28348" s="1" t="s">
        <v>96627</v>
      </c>
      <c r="C28348" s="1" t="s">
        <v>170</v>
      </c>
      <c r="D28348" s="1" t="s">
        <v>100634</v>
      </c>
      <c r="E28348" s="1" t="s">
        <v>100635</v>
      </c>
      <c r="F28348" s="1" t="s">
        <v>100636</v>
      </c>
      <c r="G28348" s="1" t="s">
        <v>100522</v>
      </c>
      <c r="H28348" s="1" t="s">
        <v>100523</v>
      </c>
      <c r="I28348" s="1" t="s">
        <v>96632</v>
      </c>
      <c r="J28348" s="1" t="s">
        <v>100637</v>
      </c>
    </row>
    <row r="28349" spans="1:10" x14ac:dyDescent="0.35">
      <c r="A28349" s="1" t="s">
        <v>100638</v>
      </c>
      <c r="B28349" s="1" t="s">
        <v>96627</v>
      </c>
      <c r="C28349" s="1" t="s">
        <v>8</v>
      </c>
      <c r="D28349" s="1" t="s">
        <v>100639</v>
      </c>
      <c r="E28349" s="1" t="s">
        <v>67286</v>
      </c>
      <c r="F28349" s="1" t="s">
        <v>100640</v>
      </c>
      <c r="G28349" s="1" t="s">
        <v>100641</v>
      </c>
      <c r="H28349" s="1" t="s">
        <v>100642</v>
      </c>
      <c r="I28349" s="1" t="s">
        <v>96632</v>
      </c>
      <c r="J28349" s="1" t="s">
        <v>13</v>
      </c>
    </row>
    <row r="28350" spans="1:10" x14ac:dyDescent="0.35">
      <c r="A28350" s="1" t="s">
        <v>100638</v>
      </c>
      <c r="B28350" s="1" t="s">
        <v>96627</v>
      </c>
      <c r="C28350" s="1" t="s">
        <v>15</v>
      </c>
      <c r="D28350" s="1" t="s">
        <v>26575</v>
      </c>
      <c r="E28350" s="1" t="s">
        <v>21956</v>
      </c>
      <c r="F28350" s="1" t="s">
        <v>63713</v>
      </c>
      <c r="G28350" s="1" t="s">
        <v>100641</v>
      </c>
      <c r="H28350" s="1" t="s">
        <v>100642</v>
      </c>
      <c r="I28350" s="1" t="s">
        <v>96632</v>
      </c>
      <c r="J28350" s="1" t="s">
        <v>100643</v>
      </c>
    </row>
    <row r="28351" spans="1:10" x14ac:dyDescent="0.35">
      <c r="A28351" s="1" t="s">
        <v>100638</v>
      </c>
      <c r="B28351" s="1" t="s">
        <v>96627</v>
      </c>
      <c r="C28351" s="1" t="s">
        <v>20</v>
      </c>
      <c r="D28351" s="1" t="s">
        <v>66840</v>
      </c>
      <c r="E28351" s="1" t="s">
        <v>22363</v>
      </c>
      <c r="F28351" s="1" t="s">
        <v>100644</v>
      </c>
      <c r="G28351" s="1" t="s">
        <v>100641</v>
      </c>
      <c r="H28351" s="1" t="s">
        <v>100642</v>
      </c>
      <c r="I28351" s="1" t="s">
        <v>96632</v>
      </c>
      <c r="J28351" s="1" t="s">
        <v>100645</v>
      </c>
    </row>
    <row r="28352" spans="1:10" x14ac:dyDescent="0.35">
      <c r="A28352" s="1" t="s">
        <v>100638</v>
      </c>
      <c r="B28352" s="1" t="s">
        <v>96627</v>
      </c>
      <c r="C28352" s="1" t="s">
        <v>25</v>
      </c>
      <c r="D28352" s="1" t="s">
        <v>100646</v>
      </c>
      <c r="E28352" s="1" t="s">
        <v>57621</v>
      </c>
      <c r="F28352" s="1" t="s">
        <v>100647</v>
      </c>
      <c r="G28352" s="1" t="s">
        <v>100641</v>
      </c>
      <c r="H28352" s="1" t="s">
        <v>100642</v>
      </c>
      <c r="I28352" s="1" t="s">
        <v>96632</v>
      </c>
      <c r="J28352" s="1" t="s">
        <v>100648</v>
      </c>
    </row>
    <row r="28353" spans="1:10" x14ac:dyDescent="0.35">
      <c r="A28353" s="1" t="s">
        <v>100638</v>
      </c>
      <c r="B28353" s="1" t="s">
        <v>96627</v>
      </c>
      <c r="C28353" s="1" t="s">
        <v>30</v>
      </c>
      <c r="D28353" s="1" t="s">
        <v>68808</v>
      </c>
      <c r="E28353" s="1" t="s">
        <v>56012</v>
      </c>
      <c r="F28353" s="1" t="s">
        <v>100649</v>
      </c>
      <c r="G28353" s="1" t="s">
        <v>100641</v>
      </c>
      <c r="H28353" s="1" t="s">
        <v>100642</v>
      </c>
      <c r="I28353" s="1" t="s">
        <v>96632</v>
      </c>
      <c r="J28353" s="1" t="s">
        <v>100650</v>
      </c>
    </row>
    <row r="28354" spans="1:10" x14ac:dyDescent="0.35">
      <c r="A28354" s="1" t="s">
        <v>100638</v>
      </c>
      <c r="B28354" s="1" t="s">
        <v>96627</v>
      </c>
      <c r="C28354" s="1" t="s">
        <v>35</v>
      </c>
      <c r="D28354" s="1" t="s">
        <v>100651</v>
      </c>
      <c r="E28354" s="1" t="s">
        <v>100652</v>
      </c>
      <c r="F28354" s="1" t="s">
        <v>54669</v>
      </c>
      <c r="G28354" s="1" t="s">
        <v>100641</v>
      </c>
      <c r="H28354" s="1" t="s">
        <v>100642</v>
      </c>
      <c r="I28354" s="1" t="s">
        <v>96632</v>
      </c>
      <c r="J28354" s="1" t="s">
        <v>100653</v>
      </c>
    </row>
    <row r="28355" spans="1:10" x14ac:dyDescent="0.35">
      <c r="A28355" s="1" t="s">
        <v>100638</v>
      </c>
      <c r="B28355" s="1" t="s">
        <v>96627</v>
      </c>
      <c r="C28355" s="1" t="s">
        <v>40</v>
      </c>
      <c r="D28355" s="1" t="s">
        <v>100654</v>
      </c>
      <c r="E28355" s="1" t="s">
        <v>57060</v>
      </c>
      <c r="F28355" s="1" t="s">
        <v>68585</v>
      </c>
      <c r="G28355" s="1" t="s">
        <v>100641</v>
      </c>
      <c r="H28355" s="1" t="s">
        <v>100642</v>
      </c>
      <c r="I28355" s="1" t="s">
        <v>96632</v>
      </c>
      <c r="J28355" s="1" t="s">
        <v>100655</v>
      </c>
    </row>
    <row r="28356" spans="1:10" x14ac:dyDescent="0.35">
      <c r="A28356" s="1" t="s">
        <v>100638</v>
      </c>
      <c r="B28356" s="1" t="s">
        <v>96627</v>
      </c>
      <c r="C28356" s="1" t="s">
        <v>45</v>
      </c>
      <c r="D28356" s="1" t="s">
        <v>100656</v>
      </c>
      <c r="E28356" s="1" t="s">
        <v>100657</v>
      </c>
      <c r="F28356" s="1" t="s">
        <v>100658</v>
      </c>
      <c r="G28356" s="1" t="s">
        <v>100641</v>
      </c>
      <c r="H28356" s="1" t="s">
        <v>100642</v>
      </c>
      <c r="I28356" s="1" t="s">
        <v>96632</v>
      </c>
      <c r="J28356" s="1" t="s">
        <v>100659</v>
      </c>
    </row>
    <row r="28357" spans="1:10" x14ac:dyDescent="0.35">
      <c r="A28357" s="1" t="s">
        <v>100638</v>
      </c>
      <c r="B28357" s="1" t="s">
        <v>96627</v>
      </c>
      <c r="C28357" s="1" t="s">
        <v>50</v>
      </c>
      <c r="D28357" s="1" t="s">
        <v>11330</v>
      </c>
      <c r="E28357" s="1" t="s">
        <v>23244</v>
      </c>
      <c r="F28357" s="1" t="s">
        <v>100660</v>
      </c>
      <c r="G28357" s="1" t="s">
        <v>100641</v>
      </c>
      <c r="H28357" s="1" t="s">
        <v>100642</v>
      </c>
      <c r="I28357" s="1" t="s">
        <v>96632</v>
      </c>
      <c r="J28357" s="1" t="s">
        <v>100661</v>
      </c>
    </row>
    <row r="28358" spans="1:10" x14ac:dyDescent="0.35">
      <c r="A28358" s="1" t="s">
        <v>100638</v>
      </c>
      <c r="B28358" s="1" t="s">
        <v>96627</v>
      </c>
      <c r="C28358" s="1" t="s">
        <v>55</v>
      </c>
      <c r="D28358" s="1" t="s">
        <v>100662</v>
      </c>
      <c r="E28358" s="1" t="s">
        <v>27089</v>
      </c>
      <c r="F28358" s="1" t="s">
        <v>100663</v>
      </c>
      <c r="G28358" s="1" t="s">
        <v>100641</v>
      </c>
      <c r="H28358" s="1" t="s">
        <v>100642</v>
      </c>
      <c r="I28358" s="1" t="s">
        <v>96632</v>
      </c>
      <c r="J28358" s="1" t="s">
        <v>100664</v>
      </c>
    </row>
    <row r="28359" spans="1:10" x14ac:dyDescent="0.35">
      <c r="A28359" s="1" t="s">
        <v>100638</v>
      </c>
      <c r="B28359" s="1" t="s">
        <v>96627</v>
      </c>
      <c r="C28359" s="1" t="s">
        <v>60</v>
      </c>
      <c r="D28359" s="1" t="s">
        <v>62402</v>
      </c>
      <c r="E28359" s="1" t="s">
        <v>26235</v>
      </c>
      <c r="F28359" s="1" t="s">
        <v>100665</v>
      </c>
      <c r="G28359" s="1" t="s">
        <v>100641</v>
      </c>
      <c r="H28359" s="1" t="s">
        <v>100642</v>
      </c>
      <c r="I28359" s="1" t="s">
        <v>96632</v>
      </c>
      <c r="J28359" s="1" t="s">
        <v>100666</v>
      </c>
    </row>
    <row r="28360" spans="1:10" x14ac:dyDescent="0.35">
      <c r="A28360" s="1" t="s">
        <v>100638</v>
      </c>
      <c r="B28360" s="1" t="s">
        <v>96627</v>
      </c>
      <c r="C28360" s="1" t="s">
        <v>65</v>
      </c>
      <c r="D28360" s="1" t="s">
        <v>100667</v>
      </c>
      <c r="E28360" s="1" t="s">
        <v>15384</v>
      </c>
      <c r="F28360" s="1" t="s">
        <v>100668</v>
      </c>
      <c r="G28360" s="1" t="s">
        <v>100641</v>
      </c>
      <c r="H28360" s="1" t="s">
        <v>100642</v>
      </c>
      <c r="I28360" s="1" t="s">
        <v>96632</v>
      </c>
      <c r="J28360" s="1" t="s">
        <v>100669</v>
      </c>
    </row>
    <row r="28361" spans="1:10" x14ac:dyDescent="0.35">
      <c r="A28361" s="1" t="s">
        <v>100638</v>
      </c>
      <c r="B28361" s="1" t="s">
        <v>96627</v>
      </c>
      <c r="C28361" s="1" t="s">
        <v>70</v>
      </c>
      <c r="D28361" s="1" t="s">
        <v>100670</v>
      </c>
      <c r="E28361" s="1" t="s">
        <v>27058</v>
      </c>
      <c r="F28361" s="1" t="s">
        <v>100671</v>
      </c>
      <c r="G28361" s="1" t="s">
        <v>100641</v>
      </c>
      <c r="H28361" s="1" t="s">
        <v>100642</v>
      </c>
      <c r="I28361" s="1" t="s">
        <v>96632</v>
      </c>
      <c r="J28361" s="1" t="s">
        <v>100672</v>
      </c>
    </row>
    <row r="28362" spans="1:10" x14ac:dyDescent="0.35">
      <c r="A28362" s="1" t="s">
        <v>100638</v>
      </c>
      <c r="B28362" s="1" t="s">
        <v>96627</v>
      </c>
      <c r="C28362" s="1" t="s">
        <v>75</v>
      </c>
      <c r="D28362" s="1" t="s">
        <v>24631</v>
      </c>
      <c r="E28362" s="1" t="s">
        <v>32595</v>
      </c>
      <c r="F28362" s="1" t="s">
        <v>100673</v>
      </c>
      <c r="G28362" s="1" t="s">
        <v>100641</v>
      </c>
      <c r="H28362" s="1" t="s">
        <v>100642</v>
      </c>
      <c r="I28362" s="1" t="s">
        <v>96632</v>
      </c>
      <c r="J28362" s="1" t="s">
        <v>100674</v>
      </c>
    </row>
    <row r="28363" spans="1:10" x14ac:dyDescent="0.35">
      <c r="A28363" s="1" t="s">
        <v>100638</v>
      </c>
      <c r="B28363" s="1" t="s">
        <v>96627</v>
      </c>
      <c r="C28363" s="1" t="s">
        <v>80</v>
      </c>
      <c r="D28363" s="1" t="s">
        <v>22213</v>
      </c>
      <c r="E28363" s="1" t="s">
        <v>22335</v>
      </c>
      <c r="F28363" s="1" t="s">
        <v>63720</v>
      </c>
      <c r="G28363" s="1" t="s">
        <v>100641</v>
      </c>
      <c r="H28363" s="1" t="s">
        <v>100642</v>
      </c>
      <c r="I28363" s="1" t="s">
        <v>96632</v>
      </c>
      <c r="J28363" s="1" t="s">
        <v>100675</v>
      </c>
    </row>
    <row r="28364" spans="1:10" x14ac:dyDescent="0.35">
      <c r="A28364" s="1" t="s">
        <v>100638</v>
      </c>
      <c r="B28364" s="1" t="s">
        <v>96627</v>
      </c>
      <c r="C28364" s="1" t="s">
        <v>85</v>
      </c>
      <c r="D28364" s="1" t="s">
        <v>100676</v>
      </c>
      <c r="E28364" s="1" t="s">
        <v>57713</v>
      </c>
      <c r="F28364" s="1" t="s">
        <v>100677</v>
      </c>
      <c r="G28364" s="1" t="s">
        <v>100641</v>
      </c>
      <c r="H28364" s="1" t="s">
        <v>100642</v>
      </c>
      <c r="I28364" s="1" t="s">
        <v>96632</v>
      </c>
      <c r="J28364" s="1" t="s">
        <v>100678</v>
      </c>
    </row>
    <row r="28365" spans="1:10" x14ac:dyDescent="0.35">
      <c r="A28365" s="1" t="s">
        <v>100638</v>
      </c>
      <c r="B28365" s="1" t="s">
        <v>96627</v>
      </c>
      <c r="C28365" s="1" t="s">
        <v>90</v>
      </c>
      <c r="D28365" s="1" t="s">
        <v>94643</v>
      </c>
      <c r="E28365" s="1" t="s">
        <v>60831</v>
      </c>
      <c r="F28365" s="1" t="s">
        <v>97268</v>
      </c>
      <c r="G28365" s="1" t="s">
        <v>100641</v>
      </c>
      <c r="H28365" s="1" t="s">
        <v>100642</v>
      </c>
      <c r="I28365" s="1" t="s">
        <v>96632</v>
      </c>
      <c r="J28365" s="1" t="s">
        <v>100679</v>
      </c>
    </row>
    <row r="28366" spans="1:10" x14ac:dyDescent="0.35">
      <c r="A28366" s="1" t="s">
        <v>100638</v>
      </c>
      <c r="B28366" s="1" t="s">
        <v>96627</v>
      </c>
      <c r="C28366" s="1" t="s">
        <v>95</v>
      </c>
      <c r="D28366" s="1" t="s">
        <v>100680</v>
      </c>
      <c r="E28366" s="1" t="s">
        <v>32604</v>
      </c>
      <c r="F28366" s="1" t="s">
        <v>63660</v>
      </c>
      <c r="G28366" s="1" t="s">
        <v>100641</v>
      </c>
      <c r="H28366" s="1" t="s">
        <v>100642</v>
      </c>
      <c r="I28366" s="1" t="s">
        <v>96632</v>
      </c>
      <c r="J28366" s="1" t="s">
        <v>100681</v>
      </c>
    </row>
    <row r="28367" spans="1:10" x14ac:dyDescent="0.35">
      <c r="A28367" s="1" t="s">
        <v>100638</v>
      </c>
      <c r="B28367" s="1" t="s">
        <v>96627</v>
      </c>
      <c r="C28367" s="1" t="s">
        <v>100</v>
      </c>
      <c r="D28367" s="1" t="s">
        <v>100682</v>
      </c>
      <c r="E28367" s="1" t="s">
        <v>31441</v>
      </c>
      <c r="F28367" s="1" t="s">
        <v>100683</v>
      </c>
      <c r="G28367" s="1" t="s">
        <v>100641</v>
      </c>
      <c r="H28367" s="1" t="s">
        <v>100642</v>
      </c>
      <c r="I28367" s="1" t="s">
        <v>96632</v>
      </c>
      <c r="J28367" s="1" t="s">
        <v>100684</v>
      </c>
    </row>
    <row r="28368" spans="1:10" x14ac:dyDescent="0.35">
      <c r="A28368" s="1" t="s">
        <v>100638</v>
      </c>
      <c r="B28368" s="1" t="s">
        <v>96627</v>
      </c>
      <c r="C28368" s="1" t="s">
        <v>105</v>
      </c>
      <c r="D28368" s="1" t="s">
        <v>59971</v>
      </c>
      <c r="E28368" s="1" t="s">
        <v>23244</v>
      </c>
      <c r="F28368" s="1" t="s">
        <v>100685</v>
      </c>
      <c r="G28368" s="1" t="s">
        <v>100641</v>
      </c>
      <c r="H28368" s="1" t="s">
        <v>100642</v>
      </c>
      <c r="I28368" s="1" t="s">
        <v>96632</v>
      </c>
      <c r="J28368" s="1" t="s">
        <v>100686</v>
      </c>
    </row>
    <row r="28369" spans="1:10" x14ac:dyDescent="0.35">
      <c r="A28369" s="1" t="s">
        <v>100638</v>
      </c>
      <c r="B28369" s="1" t="s">
        <v>96627</v>
      </c>
      <c r="C28369" s="1" t="s">
        <v>110</v>
      </c>
      <c r="D28369" s="1" t="s">
        <v>84883</v>
      </c>
      <c r="E28369" s="1" t="s">
        <v>54478</v>
      </c>
      <c r="F28369" s="1" t="s">
        <v>59916</v>
      </c>
      <c r="G28369" s="1" t="s">
        <v>100641</v>
      </c>
      <c r="H28369" s="1" t="s">
        <v>100642</v>
      </c>
      <c r="I28369" s="1" t="s">
        <v>96632</v>
      </c>
      <c r="J28369" s="1" t="s">
        <v>100687</v>
      </c>
    </row>
    <row r="28370" spans="1:10" x14ac:dyDescent="0.35">
      <c r="A28370" s="1" t="s">
        <v>100638</v>
      </c>
      <c r="B28370" s="1" t="s">
        <v>96627</v>
      </c>
      <c r="C28370" s="1" t="s">
        <v>115</v>
      </c>
      <c r="D28370" s="1" t="s">
        <v>89279</v>
      </c>
      <c r="E28370" s="1" t="s">
        <v>58585</v>
      </c>
      <c r="F28370" s="1" t="s">
        <v>60655</v>
      </c>
      <c r="G28370" s="1" t="s">
        <v>100641</v>
      </c>
      <c r="H28370" s="1" t="s">
        <v>100642</v>
      </c>
      <c r="I28370" s="1" t="s">
        <v>96632</v>
      </c>
      <c r="J28370" s="1" t="s">
        <v>100688</v>
      </c>
    </row>
    <row r="28371" spans="1:10" x14ac:dyDescent="0.35">
      <c r="A28371" s="1" t="s">
        <v>100638</v>
      </c>
      <c r="B28371" s="1" t="s">
        <v>96627</v>
      </c>
      <c r="C28371" s="1" t="s">
        <v>120</v>
      </c>
      <c r="D28371" s="1" t="s">
        <v>100689</v>
      </c>
      <c r="E28371" s="1" t="s">
        <v>23421</v>
      </c>
      <c r="F28371" s="1" t="s">
        <v>100690</v>
      </c>
      <c r="G28371" s="1" t="s">
        <v>100641</v>
      </c>
      <c r="H28371" s="1" t="s">
        <v>100642</v>
      </c>
      <c r="I28371" s="1" t="s">
        <v>96632</v>
      </c>
      <c r="J28371" s="1" t="s">
        <v>100691</v>
      </c>
    </row>
    <row r="28372" spans="1:10" x14ac:dyDescent="0.35">
      <c r="A28372" s="1" t="s">
        <v>100638</v>
      </c>
      <c r="B28372" s="1" t="s">
        <v>96627</v>
      </c>
      <c r="C28372" s="1" t="s">
        <v>125</v>
      </c>
      <c r="D28372" s="1" t="s">
        <v>23153</v>
      </c>
      <c r="E28372" s="1" t="s">
        <v>23421</v>
      </c>
      <c r="F28372" s="1" t="s">
        <v>100692</v>
      </c>
      <c r="G28372" s="1" t="s">
        <v>100641</v>
      </c>
      <c r="H28372" s="1" t="s">
        <v>100642</v>
      </c>
      <c r="I28372" s="1" t="s">
        <v>96632</v>
      </c>
      <c r="J28372" s="1" t="s">
        <v>100693</v>
      </c>
    </row>
    <row r="28373" spans="1:10" x14ac:dyDescent="0.35">
      <c r="A28373" s="1" t="s">
        <v>100638</v>
      </c>
      <c r="B28373" s="1" t="s">
        <v>96627</v>
      </c>
      <c r="C28373" s="1" t="s">
        <v>130</v>
      </c>
      <c r="D28373" s="1" t="s">
        <v>64600</v>
      </c>
      <c r="E28373" s="1" t="s">
        <v>19908</v>
      </c>
      <c r="F28373" s="1" t="s">
        <v>69402</v>
      </c>
      <c r="G28373" s="1" t="s">
        <v>100641</v>
      </c>
      <c r="H28373" s="1" t="s">
        <v>100642</v>
      </c>
      <c r="I28373" s="1" t="s">
        <v>96632</v>
      </c>
      <c r="J28373" s="1" t="s">
        <v>100694</v>
      </c>
    </row>
    <row r="28374" spans="1:10" x14ac:dyDescent="0.35">
      <c r="A28374" s="1" t="s">
        <v>100638</v>
      </c>
      <c r="B28374" s="1" t="s">
        <v>96627</v>
      </c>
      <c r="C28374" s="1" t="s">
        <v>135</v>
      </c>
      <c r="D28374" s="1" t="s">
        <v>99354</v>
      </c>
      <c r="E28374" s="1" t="s">
        <v>27134</v>
      </c>
      <c r="F28374" s="1" t="s">
        <v>100695</v>
      </c>
      <c r="G28374" s="1" t="s">
        <v>100641</v>
      </c>
      <c r="H28374" s="1" t="s">
        <v>100642</v>
      </c>
      <c r="I28374" s="1" t="s">
        <v>96632</v>
      </c>
      <c r="J28374" s="1" t="s">
        <v>100696</v>
      </c>
    </row>
    <row r="28375" spans="1:10" x14ac:dyDescent="0.35">
      <c r="A28375" s="1" t="s">
        <v>100638</v>
      </c>
      <c r="B28375" s="1" t="s">
        <v>96627</v>
      </c>
      <c r="C28375" s="1" t="s">
        <v>140</v>
      </c>
      <c r="D28375" s="1" t="s">
        <v>100697</v>
      </c>
      <c r="E28375" s="1" t="s">
        <v>100698</v>
      </c>
      <c r="F28375" s="1" t="s">
        <v>100699</v>
      </c>
      <c r="G28375" s="1" t="s">
        <v>100641</v>
      </c>
      <c r="H28375" s="1" t="s">
        <v>100642</v>
      </c>
      <c r="I28375" s="1" t="s">
        <v>96632</v>
      </c>
      <c r="J28375" s="1" t="s">
        <v>100700</v>
      </c>
    </row>
    <row r="28376" spans="1:10" x14ac:dyDescent="0.35">
      <c r="A28376" s="1" t="s">
        <v>100638</v>
      </c>
      <c r="B28376" s="1" t="s">
        <v>96627</v>
      </c>
      <c r="C28376" s="1" t="s">
        <v>145</v>
      </c>
      <c r="D28376" s="1" t="s">
        <v>98507</v>
      </c>
      <c r="E28376" s="1" t="s">
        <v>100701</v>
      </c>
      <c r="F28376" s="1" t="s">
        <v>53914</v>
      </c>
      <c r="G28376" s="1" t="s">
        <v>100641</v>
      </c>
      <c r="H28376" s="1" t="s">
        <v>100642</v>
      </c>
      <c r="I28376" s="1" t="s">
        <v>96632</v>
      </c>
      <c r="J28376" s="1" t="s">
        <v>100702</v>
      </c>
    </row>
    <row r="28377" spans="1:10" x14ac:dyDescent="0.35">
      <c r="A28377" s="1" t="s">
        <v>100638</v>
      </c>
      <c r="B28377" s="1" t="s">
        <v>96627</v>
      </c>
      <c r="C28377" s="1" t="s">
        <v>150</v>
      </c>
      <c r="D28377" s="1" t="s">
        <v>100703</v>
      </c>
      <c r="E28377" s="1" t="s">
        <v>31761</v>
      </c>
      <c r="F28377" s="1" t="s">
        <v>100704</v>
      </c>
      <c r="G28377" s="1" t="s">
        <v>100641</v>
      </c>
      <c r="H28377" s="1" t="s">
        <v>100642</v>
      </c>
      <c r="I28377" s="1" t="s">
        <v>96632</v>
      </c>
      <c r="J28377" s="1" t="s">
        <v>100705</v>
      </c>
    </row>
    <row r="28378" spans="1:10" x14ac:dyDescent="0.35">
      <c r="A28378" s="1" t="s">
        <v>100638</v>
      </c>
      <c r="B28378" s="1" t="s">
        <v>96627</v>
      </c>
      <c r="C28378" s="1" t="s">
        <v>155</v>
      </c>
      <c r="D28378" s="1" t="s">
        <v>100706</v>
      </c>
      <c r="E28378" s="1" t="s">
        <v>31500</v>
      </c>
      <c r="F28378" s="1" t="s">
        <v>100707</v>
      </c>
      <c r="G28378" s="1" t="s">
        <v>100641</v>
      </c>
      <c r="H28378" s="1" t="s">
        <v>100642</v>
      </c>
      <c r="I28378" s="1" t="s">
        <v>96632</v>
      </c>
      <c r="J28378" s="1" t="s">
        <v>100708</v>
      </c>
    </row>
    <row r="28379" spans="1:10" x14ac:dyDescent="0.35">
      <c r="A28379" s="1" t="s">
        <v>100638</v>
      </c>
      <c r="B28379" s="1" t="s">
        <v>96627</v>
      </c>
      <c r="C28379" s="1" t="s">
        <v>160</v>
      </c>
      <c r="D28379" s="1" t="s">
        <v>100709</v>
      </c>
      <c r="E28379" s="1" t="s">
        <v>100710</v>
      </c>
      <c r="F28379" s="1" t="s">
        <v>26229</v>
      </c>
      <c r="G28379" s="1" t="s">
        <v>100641</v>
      </c>
      <c r="H28379" s="1" t="s">
        <v>100642</v>
      </c>
      <c r="I28379" s="1" t="s">
        <v>96632</v>
      </c>
      <c r="J28379" s="1" t="s">
        <v>100711</v>
      </c>
    </row>
    <row r="28380" spans="1:10" x14ac:dyDescent="0.35">
      <c r="A28380" s="1" t="s">
        <v>100638</v>
      </c>
      <c r="B28380" s="1" t="s">
        <v>96627</v>
      </c>
      <c r="C28380" s="1" t="s">
        <v>165</v>
      </c>
      <c r="D28380" s="1" t="s">
        <v>100712</v>
      </c>
      <c r="E28380" s="1" t="s">
        <v>31842</v>
      </c>
      <c r="F28380" s="1" t="s">
        <v>61132</v>
      </c>
      <c r="G28380" s="1" t="s">
        <v>100641</v>
      </c>
      <c r="H28380" s="1" t="s">
        <v>100642</v>
      </c>
      <c r="I28380" s="1" t="s">
        <v>96632</v>
      </c>
      <c r="J28380" s="1" t="s">
        <v>100713</v>
      </c>
    </row>
    <row r="28381" spans="1:10" x14ac:dyDescent="0.35">
      <c r="A28381" s="1" t="s">
        <v>100638</v>
      </c>
      <c r="B28381" s="1" t="s">
        <v>96627</v>
      </c>
      <c r="C28381" s="1" t="s">
        <v>170</v>
      </c>
      <c r="D28381" s="1" t="s">
        <v>100714</v>
      </c>
      <c r="E28381" s="1" t="s">
        <v>100715</v>
      </c>
      <c r="F28381" s="1" t="s">
        <v>100716</v>
      </c>
      <c r="G28381" s="1" t="s">
        <v>100641</v>
      </c>
      <c r="H28381" s="1" t="s">
        <v>100642</v>
      </c>
      <c r="I28381" s="1" t="s">
        <v>96632</v>
      </c>
      <c r="J28381" s="1" t="s">
        <v>100717</v>
      </c>
    </row>
    <row r="28382" spans="1:10" x14ac:dyDescent="0.35">
      <c r="A28382" s="1" t="s">
        <v>100718</v>
      </c>
      <c r="B28382" s="1" t="s">
        <v>96627</v>
      </c>
      <c r="C28382" s="1" t="s">
        <v>8</v>
      </c>
      <c r="D28382" s="1" t="s">
        <v>100719</v>
      </c>
      <c r="E28382" s="1" t="s">
        <v>55227</v>
      </c>
      <c r="F28382" s="1" t="s">
        <v>100720</v>
      </c>
      <c r="G28382" s="1" t="s">
        <v>100721</v>
      </c>
      <c r="H28382" s="1" t="s">
        <v>100722</v>
      </c>
      <c r="I28382" s="1" t="s">
        <v>96632</v>
      </c>
      <c r="J28382" s="1" t="s">
        <v>13</v>
      </c>
    </row>
    <row r="28383" spans="1:10" x14ac:dyDescent="0.35">
      <c r="A28383" s="1" t="s">
        <v>100718</v>
      </c>
      <c r="B28383" s="1" t="s">
        <v>96627</v>
      </c>
      <c r="C28383" s="1" t="s">
        <v>15</v>
      </c>
      <c r="D28383" s="1" t="s">
        <v>100723</v>
      </c>
      <c r="E28383" s="1" t="s">
        <v>16129</v>
      </c>
      <c r="F28383" s="1" t="s">
        <v>66823</v>
      </c>
      <c r="G28383" s="1" t="s">
        <v>100721</v>
      </c>
      <c r="H28383" s="1" t="s">
        <v>100722</v>
      </c>
      <c r="I28383" s="1" t="s">
        <v>96632</v>
      </c>
      <c r="J28383" s="1" t="s">
        <v>100724</v>
      </c>
    </row>
    <row r="28384" spans="1:10" x14ac:dyDescent="0.35">
      <c r="A28384" s="1" t="s">
        <v>100718</v>
      </c>
      <c r="B28384" s="1" t="s">
        <v>96627</v>
      </c>
      <c r="C28384" s="1" t="s">
        <v>20</v>
      </c>
      <c r="D28384" s="1" t="s">
        <v>100725</v>
      </c>
      <c r="E28384" s="1" t="s">
        <v>41159</v>
      </c>
      <c r="F28384" s="1" t="s">
        <v>100726</v>
      </c>
      <c r="G28384" s="1" t="s">
        <v>100721</v>
      </c>
      <c r="H28384" s="1" t="s">
        <v>100722</v>
      </c>
      <c r="I28384" s="1" t="s">
        <v>96632</v>
      </c>
      <c r="J28384" s="1" t="s">
        <v>100727</v>
      </c>
    </row>
    <row r="28385" spans="1:10" x14ac:dyDescent="0.35">
      <c r="A28385" s="1" t="s">
        <v>100718</v>
      </c>
      <c r="B28385" s="1" t="s">
        <v>96627</v>
      </c>
      <c r="C28385" s="1" t="s">
        <v>25</v>
      </c>
      <c r="D28385" s="1" t="s">
        <v>100728</v>
      </c>
      <c r="E28385" s="1" t="s">
        <v>55133</v>
      </c>
      <c r="F28385" s="1" t="s">
        <v>22037</v>
      </c>
      <c r="G28385" s="1" t="s">
        <v>100721</v>
      </c>
      <c r="H28385" s="1" t="s">
        <v>100722</v>
      </c>
      <c r="I28385" s="1" t="s">
        <v>96632</v>
      </c>
      <c r="J28385" s="1" t="s">
        <v>100729</v>
      </c>
    </row>
    <row r="28386" spans="1:10" x14ac:dyDescent="0.35">
      <c r="A28386" s="1" t="s">
        <v>100718</v>
      </c>
      <c r="B28386" s="1" t="s">
        <v>96627</v>
      </c>
      <c r="C28386" s="1" t="s">
        <v>30</v>
      </c>
      <c r="D28386" s="1" t="s">
        <v>100730</v>
      </c>
      <c r="E28386" s="1" t="s">
        <v>41188</v>
      </c>
      <c r="F28386" s="1" t="s">
        <v>100731</v>
      </c>
      <c r="G28386" s="1" t="s">
        <v>100721</v>
      </c>
      <c r="H28386" s="1" t="s">
        <v>100722</v>
      </c>
      <c r="I28386" s="1" t="s">
        <v>96632</v>
      </c>
      <c r="J28386" s="1" t="s">
        <v>100732</v>
      </c>
    </row>
    <row r="28387" spans="1:10" x14ac:dyDescent="0.35">
      <c r="A28387" s="1" t="s">
        <v>100718</v>
      </c>
      <c r="B28387" s="1" t="s">
        <v>96627</v>
      </c>
      <c r="C28387" s="1" t="s">
        <v>35</v>
      </c>
      <c r="D28387" s="1" t="s">
        <v>100733</v>
      </c>
      <c r="E28387" s="1" t="s">
        <v>54197</v>
      </c>
      <c r="F28387" s="1" t="s">
        <v>57900</v>
      </c>
      <c r="G28387" s="1" t="s">
        <v>100721</v>
      </c>
      <c r="H28387" s="1" t="s">
        <v>100722</v>
      </c>
      <c r="I28387" s="1" t="s">
        <v>96632</v>
      </c>
      <c r="J28387" s="1" t="s">
        <v>100734</v>
      </c>
    </row>
    <row r="28388" spans="1:10" x14ac:dyDescent="0.35">
      <c r="A28388" s="1" t="s">
        <v>100718</v>
      </c>
      <c r="B28388" s="1" t="s">
        <v>96627</v>
      </c>
      <c r="C28388" s="1" t="s">
        <v>40</v>
      </c>
      <c r="D28388" s="1" t="s">
        <v>100735</v>
      </c>
      <c r="E28388" s="1" t="s">
        <v>41273</v>
      </c>
      <c r="F28388" s="1" t="s">
        <v>100736</v>
      </c>
      <c r="G28388" s="1" t="s">
        <v>100721</v>
      </c>
      <c r="H28388" s="1" t="s">
        <v>100722</v>
      </c>
      <c r="I28388" s="1" t="s">
        <v>96632</v>
      </c>
      <c r="J28388" s="1" t="s">
        <v>100737</v>
      </c>
    </row>
    <row r="28389" spans="1:10" x14ac:dyDescent="0.35">
      <c r="A28389" s="1" t="s">
        <v>100718</v>
      </c>
      <c r="B28389" s="1" t="s">
        <v>96627</v>
      </c>
      <c r="C28389" s="1" t="s">
        <v>45</v>
      </c>
      <c r="D28389" s="1" t="s">
        <v>100738</v>
      </c>
      <c r="E28389" s="1" t="s">
        <v>54650</v>
      </c>
      <c r="F28389" s="1" t="s">
        <v>100739</v>
      </c>
      <c r="G28389" s="1" t="s">
        <v>100721</v>
      </c>
      <c r="H28389" s="1" t="s">
        <v>100722</v>
      </c>
      <c r="I28389" s="1" t="s">
        <v>96632</v>
      </c>
      <c r="J28389" s="1" t="s">
        <v>100740</v>
      </c>
    </row>
    <row r="28390" spans="1:10" x14ac:dyDescent="0.35">
      <c r="A28390" s="1" t="s">
        <v>100718</v>
      </c>
      <c r="B28390" s="1" t="s">
        <v>96627</v>
      </c>
      <c r="C28390" s="1" t="s">
        <v>50</v>
      </c>
      <c r="D28390" s="1" t="s">
        <v>93179</v>
      </c>
      <c r="E28390" s="1" t="s">
        <v>63935</v>
      </c>
      <c r="F28390" s="1" t="s">
        <v>100741</v>
      </c>
      <c r="G28390" s="1" t="s">
        <v>100721</v>
      </c>
      <c r="H28390" s="1" t="s">
        <v>100722</v>
      </c>
      <c r="I28390" s="1" t="s">
        <v>96632</v>
      </c>
      <c r="J28390" s="1" t="s">
        <v>100742</v>
      </c>
    </row>
    <row r="28391" spans="1:10" x14ac:dyDescent="0.35">
      <c r="A28391" s="1" t="s">
        <v>100718</v>
      </c>
      <c r="B28391" s="1" t="s">
        <v>96627</v>
      </c>
      <c r="C28391" s="1" t="s">
        <v>55</v>
      </c>
      <c r="D28391" s="1" t="s">
        <v>100743</v>
      </c>
      <c r="E28391" s="1" t="s">
        <v>12841</v>
      </c>
      <c r="F28391" s="1" t="s">
        <v>41404</v>
      </c>
      <c r="G28391" s="1" t="s">
        <v>100721</v>
      </c>
      <c r="H28391" s="1" t="s">
        <v>100722</v>
      </c>
      <c r="I28391" s="1" t="s">
        <v>96632</v>
      </c>
      <c r="J28391" s="1" t="s">
        <v>100744</v>
      </c>
    </row>
    <row r="28392" spans="1:10" x14ac:dyDescent="0.35">
      <c r="A28392" s="1" t="s">
        <v>100718</v>
      </c>
      <c r="B28392" s="1" t="s">
        <v>96627</v>
      </c>
      <c r="C28392" s="1" t="s">
        <v>60</v>
      </c>
      <c r="D28392" s="1" t="s">
        <v>41441</v>
      </c>
      <c r="E28392" s="1" t="s">
        <v>54799</v>
      </c>
      <c r="F28392" s="1" t="s">
        <v>100745</v>
      </c>
      <c r="G28392" s="1" t="s">
        <v>100721</v>
      </c>
      <c r="H28392" s="1" t="s">
        <v>100722</v>
      </c>
      <c r="I28392" s="1" t="s">
        <v>96632</v>
      </c>
      <c r="J28392" s="1" t="s">
        <v>100746</v>
      </c>
    </row>
    <row r="28393" spans="1:10" x14ac:dyDescent="0.35">
      <c r="A28393" s="1" t="s">
        <v>100718</v>
      </c>
      <c r="B28393" s="1" t="s">
        <v>96627</v>
      </c>
      <c r="C28393" s="1" t="s">
        <v>65</v>
      </c>
      <c r="D28393" s="1" t="s">
        <v>100747</v>
      </c>
      <c r="E28393" s="1" t="s">
        <v>23446</v>
      </c>
      <c r="F28393" s="1" t="s">
        <v>100748</v>
      </c>
      <c r="G28393" s="1" t="s">
        <v>100721</v>
      </c>
      <c r="H28393" s="1" t="s">
        <v>100722</v>
      </c>
      <c r="I28393" s="1" t="s">
        <v>96632</v>
      </c>
      <c r="J28393" s="1" t="s">
        <v>100749</v>
      </c>
    </row>
    <row r="28394" spans="1:10" x14ac:dyDescent="0.35">
      <c r="A28394" s="1" t="s">
        <v>100718</v>
      </c>
      <c r="B28394" s="1" t="s">
        <v>96627</v>
      </c>
      <c r="C28394" s="1" t="s">
        <v>70</v>
      </c>
      <c r="D28394" s="1" t="s">
        <v>100750</v>
      </c>
      <c r="E28394" s="1" t="s">
        <v>12841</v>
      </c>
      <c r="F28394" s="1" t="s">
        <v>100751</v>
      </c>
      <c r="G28394" s="1" t="s">
        <v>100721</v>
      </c>
      <c r="H28394" s="1" t="s">
        <v>100722</v>
      </c>
      <c r="I28394" s="1" t="s">
        <v>96632</v>
      </c>
      <c r="J28394" s="1" t="s">
        <v>100752</v>
      </c>
    </row>
    <row r="28395" spans="1:10" x14ac:dyDescent="0.35">
      <c r="A28395" s="1" t="s">
        <v>100718</v>
      </c>
      <c r="B28395" s="1" t="s">
        <v>96627</v>
      </c>
      <c r="C28395" s="1" t="s">
        <v>75</v>
      </c>
      <c r="D28395" s="1" t="s">
        <v>100753</v>
      </c>
      <c r="E28395" s="1" t="s">
        <v>12821</v>
      </c>
      <c r="F28395" s="1" t="s">
        <v>100754</v>
      </c>
      <c r="G28395" s="1" t="s">
        <v>100721</v>
      </c>
      <c r="H28395" s="1" t="s">
        <v>100722</v>
      </c>
      <c r="I28395" s="1" t="s">
        <v>96632</v>
      </c>
      <c r="J28395" s="1" t="s">
        <v>100755</v>
      </c>
    </row>
    <row r="28396" spans="1:10" x14ac:dyDescent="0.35">
      <c r="A28396" s="1" t="s">
        <v>100718</v>
      </c>
      <c r="B28396" s="1" t="s">
        <v>96627</v>
      </c>
      <c r="C28396" s="1" t="s">
        <v>80</v>
      </c>
      <c r="D28396" s="1" t="s">
        <v>100756</v>
      </c>
      <c r="E28396" s="1" t="s">
        <v>21841</v>
      </c>
      <c r="F28396" s="1" t="s">
        <v>100757</v>
      </c>
      <c r="G28396" s="1" t="s">
        <v>100721</v>
      </c>
      <c r="H28396" s="1" t="s">
        <v>100722</v>
      </c>
      <c r="I28396" s="1" t="s">
        <v>96632</v>
      </c>
      <c r="J28396" s="1" t="s">
        <v>100758</v>
      </c>
    </row>
    <row r="28397" spans="1:10" x14ac:dyDescent="0.35">
      <c r="A28397" s="1" t="s">
        <v>100718</v>
      </c>
      <c r="B28397" s="1" t="s">
        <v>96627</v>
      </c>
      <c r="C28397" s="1" t="s">
        <v>85</v>
      </c>
      <c r="D28397" s="1" t="s">
        <v>100759</v>
      </c>
      <c r="E28397" s="1" t="s">
        <v>55377</v>
      </c>
      <c r="F28397" s="1" t="s">
        <v>100760</v>
      </c>
      <c r="G28397" s="1" t="s">
        <v>100721</v>
      </c>
      <c r="H28397" s="1" t="s">
        <v>100722</v>
      </c>
      <c r="I28397" s="1" t="s">
        <v>96632</v>
      </c>
      <c r="J28397" s="1" t="s">
        <v>100761</v>
      </c>
    </row>
    <row r="28398" spans="1:10" x14ac:dyDescent="0.35">
      <c r="A28398" s="1" t="s">
        <v>100718</v>
      </c>
      <c r="B28398" s="1" t="s">
        <v>96627</v>
      </c>
      <c r="C28398" s="1" t="s">
        <v>90</v>
      </c>
      <c r="D28398" s="1" t="s">
        <v>100762</v>
      </c>
      <c r="E28398" s="1" t="s">
        <v>23164</v>
      </c>
      <c r="F28398" s="1" t="s">
        <v>100763</v>
      </c>
      <c r="G28398" s="1" t="s">
        <v>100721</v>
      </c>
      <c r="H28398" s="1" t="s">
        <v>100722</v>
      </c>
      <c r="I28398" s="1" t="s">
        <v>96632</v>
      </c>
      <c r="J28398" s="1" t="s">
        <v>100764</v>
      </c>
    </row>
    <row r="28399" spans="1:10" x14ac:dyDescent="0.35">
      <c r="A28399" s="1" t="s">
        <v>100718</v>
      </c>
      <c r="B28399" s="1" t="s">
        <v>96627</v>
      </c>
      <c r="C28399" s="1" t="s">
        <v>95</v>
      </c>
      <c r="D28399" s="1" t="s">
        <v>100765</v>
      </c>
      <c r="E28399" s="1" t="s">
        <v>23521</v>
      </c>
      <c r="F28399" s="1" t="s">
        <v>100766</v>
      </c>
      <c r="G28399" s="1" t="s">
        <v>100721</v>
      </c>
      <c r="H28399" s="1" t="s">
        <v>100722</v>
      </c>
      <c r="I28399" s="1" t="s">
        <v>96632</v>
      </c>
      <c r="J28399" s="1" t="s">
        <v>100767</v>
      </c>
    </row>
    <row r="28400" spans="1:10" x14ac:dyDescent="0.35">
      <c r="A28400" s="1" t="s">
        <v>100718</v>
      </c>
      <c r="B28400" s="1" t="s">
        <v>96627</v>
      </c>
      <c r="C28400" s="1" t="s">
        <v>100</v>
      </c>
      <c r="D28400" s="1" t="s">
        <v>100768</v>
      </c>
      <c r="E28400" s="1" t="s">
        <v>63475</v>
      </c>
      <c r="F28400" s="1" t="s">
        <v>100769</v>
      </c>
      <c r="G28400" s="1" t="s">
        <v>100721</v>
      </c>
      <c r="H28400" s="1" t="s">
        <v>100722</v>
      </c>
      <c r="I28400" s="1" t="s">
        <v>96632</v>
      </c>
      <c r="J28400" s="1" t="s">
        <v>100770</v>
      </c>
    </row>
    <row r="28401" spans="1:10" x14ac:dyDescent="0.35">
      <c r="A28401" s="1" t="s">
        <v>100718</v>
      </c>
      <c r="B28401" s="1" t="s">
        <v>96627</v>
      </c>
      <c r="C28401" s="1" t="s">
        <v>105</v>
      </c>
      <c r="D28401" s="1" t="s">
        <v>100771</v>
      </c>
      <c r="E28401" s="1" t="s">
        <v>12875</v>
      </c>
      <c r="F28401" s="1" t="s">
        <v>100772</v>
      </c>
      <c r="G28401" s="1" t="s">
        <v>100721</v>
      </c>
      <c r="H28401" s="1" t="s">
        <v>100722</v>
      </c>
      <c r="I28401" s="1" t="s">
        <v>96632</v>
      </c>
      <c r="J28401" s="1" t="s">
        <v>100773</v>
      </c>
    </row>
    <row r="28402" spans="1:10" x14ac:dyDescent="0.35">
      <c r="A28402" s="1" t="s">
        <v>100718</v>
      </c>
      <c r="B28402" s="1" t="s">
        <v>96627</v>
      </c>
      <c r="C28402" s="1" t="s">
        <v>110</v>
      </c>
      <c r="D28402" s="1" t="s">
        <v>100774</v>
      </c>
      <c r="E28402" s="1" t="s">
        <v>21764</v>
      </c>
      <c r="F28402" s="1" t="s">
        <v>100775</v>
      </c>
      <c r="G28402" s="1" t="s">
        <v>100721</v>
      </c>
      <c r="H28402" s="1" t="s">
        <v>100722</v>
      </c>
      <c r="I28402" s="1" t="s">
        <v>96632</v>
      </c>
      <c r="J28402" s="1" t="s">
        <v>100776</v>
      </c>
    </row>
    <row r="28403" spans="1:10" x14ac:dyDescent="0.35">
      <c r="A28403" s="1" t="s">
        <v>100718</v>
      </c>
      <c r="B28403" s="1" t="s">
        <v>96627</v>
      </c>
      <c r="C28403" s="1" t="s">
        <v>115</v>
      </c>
      <c r="D28403" s="1" t="s">
        <v>100777</v>
      </c>
      <c r="E28403" s="1" t="s">
        <v>32076</v>
      </c>
      <c r="F28403" s="1" t="s">
        <v>100778</v>
      </c>
      <c r="G28403" s="1" t="s">
        <v>100721</v>
      </c>
      <c r="H28403" s="1" t="s">
        <v>100722</v>
      </c>
      <c r="I28403" s="1" t="s">
        <v>96632</v>
      </c>
      <c r="J28403" s="1" t="s">
        <v>100779</v>
      </c>
    </row>
    <row r="28404" spans="1:10" x14ac:dyDescent="0.35">
      <c r="A28404" s="1" t="s">
        <v>100718</v>
      </c>
      <c r="B28404" s="1" t="s">
        <v>96627</v>
      </c>
      <c r="C28404" s="1" t="s">
        <v>120</v>
      </c>
      <c r="D28404" s="1" t="s">
        <v>100780</v>
      </c>
      <c r="E28404" s="1" t="s">
        <v>56389</v>
      </c>
      <c r="F28404" s="1" t="s">
        <v>100781</v>
      </c>
      <c r="G28404" s="1" t="s">
        <v>100721</v>
      </c>
      <c r="H28404" s="1" t="s">
        <v>100722</v>
      </c>
      <c r="I28404" s="1" t="s">
        <v>96632</v>
      </c>
      <c r="J28404" s="1" t="s">
        <v>100782</v>
      </c>
    </row>
    <row r="28405" spans="1:10" x14ac:dyDescent="0.35">
      <c r="A28405" s="1" t="s">
        <v>100718</v>
      </c>
      <c r="B28405" s="1" t="s">
        <v>96627</v>
      </c>
      <c r="C28405" s="1" t="s">
        <v>125</v>
      </c>
      <c r="D28405" s="1" t="s">
        <v>100783</v>
      </c>
      <c r="E28405" s="1" t="s">
        <v>12798</v>
      </c>
      <c r="F28405" s="1" t="s">
        <v>100784</v>
      </c>
      <c r="G28405" s="1" t="s">
        <v>100721</v>
      </c>
      <c r="H28405" s="1" t="s">
        <v>100722</v>
      </c>
      <c r="I28405" s="1" t="s">
        <v>96632</v>
      </c>
      <c r="J28405" s="1" t="s">
        <v>100785</v>
      </c>
    </row>
    <row r="28406" spans="1:10" x14ac:dyDescent="0.35">
      <c r="A28406" s="1" t="s">
        <v>100718</v>
      </c>
      <c r="B28406" s="1" t="s">
        <v>96627</v>
      </c>
      <c r="C28406" s="1" t="s">
        <v>130</v>
      </c>
      <c r="D28406" s="1" t="s">
        <v>8249</v>
      </c>
      <c r="E28406" s="1" t="s">
        <v>54474</v>
      </c>
      <c r="F28406" s="1" t="s">
        <v>100786</v>
      </c>
      <c r="G28406" s="1" t="s">
        <v>100721</v>
      </c>
      <c r="H28406" s="1" t="s">
        <v>100722</v>
      </c>
      <c r="I28406" s="1" t="s">
        <v>96632</v>
      </c>
      <c r="J28406" s="1" t="s">
        <v>100787</v>
      </c>
    </row>
    <row r="28407" spans="1:10" x14ac:dyDescent="0.35">
      <c r="A28407" s="1" t="s">
        <v>100718</v>
      </c>
      <c r="B28407" s="1" t="s">
        <v>96627</v>
      </c>
      <c r="C28407" s="1" t="s">
        <v>135</v>
      </c>
      <c r="D28407" s="1" t="s">
        <v>100788</v>
      </c>
      <c r="E28407" s="1" t="s">
        <v>56032</v>
      </c>
      <c r="F28407" s="1" t="s">
        <v>100789</v>
      </c>
      <c r="G28407" s="1" t="s">
        <v>100721</v>
      </c>
      <c r="H28407" s="1" t="s">
        <v>100722</v>
      </c>
      <c r="I28407" s="1" t="s">
        <v>96632</v>
      </c>
      <c r="J28407" s="1" t="s">
        <v>100790</v>
      </c>
    </row>
    <row r="28408" spans="1:10" x14ac:dyDescent="0.35">
      <c r="A28408" s="1" t="s">
        <v>100718</v>
      </c>
      <c r="B28408" s="1" t="s">
        <v>96627</v>
      </c>
      <c r="C28408" s="1" t="s">
        <v>140</v>
      </c>
      <c r="D28408" s="1" t="s">
        <v>100791</v>
      </c>
      <c r="E28408" s="1" t="s">
        <v>54387</v>
      </c>
      <c r="F28408" s="1" t="s">
        <v>60228</v>
      </c>
      <c r="G28408" s="1" t="s">
        <v>100721</v>
      </c>
      <c r="H28408" s="1" t="s">
        <v>100722</v>
      </c>
      <c r="I28408" s="1" t="s">
        <v>96632</v>
      </c>
      <c r="J28408" s="1" t="s">
        <v>100792</v>
      </c>
    </row>
    <row r="28409" spans="1:10" x14ac:dyDescent="0.35">
      <c r="A28409" s="1" t="s">
        <v>100718</v>
      </c>
      <c r="B28409" s="1" t="s">
        <v>96627</v>
      </c>
      <c r="C28409" s="1" t="s">
        <v>145</v>
      </c>
      <c r="D28409" s="1" t="s">
        <v>100793</v>
      </c>
      <c r="E28409" s="1" t="s">
        <v>26614</v>
      </c>
      <c r="F28409" s="1" t="s">
        <v>100794</v>
      </c>
      <c r="G28409" s="1" t="s">
        <v>100721</v>
      </c>
      <c r="H28409" s="1" t="s">
        <v>100722</v>
      </c>
      <c r="I28409" s="1" t="s">
        <v>96632</v>
      </c>
      <c r="J28409" s="1" t="s">
        <v>100795</v>
      </c>
    </row>
    <row r="28410" spans="1:10" x14ac:dyDescent="0.35">
      <c r="A28410" s="1" t="s">
        <v>100718</v>
      </c>
      <c r="B28410" s="1" t="s">
        <v>96627</v>
      </c>
      <c r="C28410" s="1" t="s">
        <v>150</v>
      </c>
      <c r="D28410" s="1" t="s">
        <v>100796</v>
      </c>
      <c r="E28410" s="1" t="s">
        <v>12841</v>
      </c>
      <c r="F28410" s="1" t="s">
        <v>100797</v>
      </c>
      <c r="G28410" s="1" t="s">
        <v>100721</v>
      </c>
      <c r="H28410" s="1" t="s">
        <v>100722</v>
      </c>
      <c r="I28410" s="1" t="s">
        <v>96632</v>
      </c>
      <c r="J28410" s="1" t="s">
        <v>100798</v>
      </c>
    </row>
    <row r="28411" spans="1:10" x14ac:dyDescent="0.35">
      <c r="A28411" s="1" t="s">
        <v>100718</v>
      </c>
      <c r="B28411" s="1" t="s">
        <v>96627</v>
      </c>
      <c r="C28411" s="1" t="s">
        <v>155</v>
      </c>
      <c r="D28411" s="1" t="s">
        <v>97581</v>
      </c>
      <c r="E28411" s="1" t="s">
        <v>56254</v>
      </c>
      <c r="F28411" s="1" t="s">
        <v>100799</v>
      </c>
      <c r="G28411" s="1" t="s">
        <v>100721</v>
      </c>
      <c r="H28411" s="1" t="s">
        <v>100722</v>
      </c>
      <c r="I28411" s="1" t="s">
        <v>96632</v>
      </c>
      <c r="J28411" s="1" t="s">
        <v>100800</v>
      </c>
    </row>
    <row r="28412" spans="1:10" x14ac:dyDescent="0.35">
      <c r="A28412" s="1" t="s">
        <v>100718</v>
      </c>
      <c r="B28412" s="1" t="s">
        <v>96627</v>
      </c>
      <c r="C28412" s="1" t="s">
        <v>160</v>
      </c>
      <c r="D28412" s="1" t="s">
        <v>100801</v>
      </c>
      <c r="E28412" s="1" t="s">
        <v>58783</v>
      </c>
      <c r="F28412" s="1" t="s">
        <v>100802</v>
      </c>
      <c r="G28412" s="1" t="s">
        <v>100721</v>
      </c>
      <c r="H28412" s="1" t="s">
        <v>100722</v>
      </c>
      <c r="I28412" s="1" t="s">
        <v>96632</v>
      </c>
      <c r="J28412" s="1" t="s">
        <v>100803</v>
      </c>
    </row>
    <row r="28413" spans="1:10" x14ac:dyDescent="0.35">
      <c r="A28413" s="1" t="s">
        <v>100718</v>
      </c>
      <c r="B28413" s="1" t="s">
        <v>96627</v>
      </c>
      <c r="C28413" s="1" t="s">
        <v>165</v>
      </c>
      <c r="D28413" s="1" t="s">
        <v>100804</v>
      </c>
      <c r="E28413" s="1" t="s">
        <v>54070</v>
      </c>
      <c r="F28413" s="1" t="s">
        <v>100805</v>
      </c>
      <c r="G28413" s="1" t="s">
        <v>100721</v>
      </c>
      <c r="H28413" s="1" t="s">
        <v>100722</v>
      </c>
      <c r="I28413" s="1" t="s">
        <v>96632</v>
      </c>
      <c r="J28413" s="1" t="s">
        <v>100806</v>
      </c>
    </row>
    <row r="28414" spans="1:10" x14ac:dyDescent="0.35">
      <c r="A28414" s="1" t="s">
        <v>100718</v>
      </c>
      <c r="B28414" s="1" t="s">
        <v>96627</v>
      </c>
      <c r="C28414" s="1" t="s">
        <v>170</v>
      </c>
      <c r="D28414" s="1" t="s">
        <v>100807</v>
      </c>
      <c r="E28414" s="1" t="s">
        <v>31510</v>
      </c>
      <c r="F28414" s="1" t="s">
        <v>100808</v>
      </c>
      <c r="G28414" s="1" t="s">
        <v>100721</v>
      </c>
      <c r="H28414" s="1" t="s">
        <v>100722</v>
      </c>
      <c r="I28414" s="1" t="s">
        <v>96632</v>
      </c>
      <c r="J28414" s="1" t="s">
        <v>100809</v>
      </c>
    </row>
    <row r="28415" spans="1:10" x14ac:dyDescent="0.35">
      <c r="A28415" s="1" t="s">
        <v>3561</v>
      </c>
      <c r="B28415" s="1" t="s">
        <v>96627</v>
      </c>
      <c r="C28415" s="1" t="s">
        <v>8</v>
      </c>
      <c r="D28415" s="1" t="s">
        <v>100810</v>
      </c>
      <c r="E28415" s="1" t="s">
        <v>54659</v>
      </c>
      <c r="F28415" s="1" t="s">
        <v>100811</v>
      </c>
      <c r="G28415" s="1" t="s">
        <v>100812</v>
      </c>
      <c r="H28415" s="1" t="s">
        <v>100813</v>
      </c>
      <c r="I28415" s="1" t="s">
        <v>96632</v>
      </c>
      <c r="J28415" s="1" t="s">
        <v>13</v>
      </c>
    </row>
    <row r="28416" spans="1:10" x14ac:dyDescent="0.35">
      <c r="A28416" s="1" t="s">
        <v>3561</v>
      </c>
      <c r="B28416" s="1" t="s">
        <v>96627</v>
      </c>
      <c r="C28416" s="1" t="s">
        <v>15</v>
      </c>
      <c r="D28416" s="1" t="s">
        <v>83748</v>
      </c>
      <c r="E28416" s="1" t="s">
        <v>41206</v>
      </c>
      <c r="F28416" s="1" t="s">
        <v>100814</v>
      </c>
      <c r="G28416" s="1" t="s">
        <v>100812</v>
      </c>
      <c r="H28416" s="1" t="s">
        <v>100813</v>
      </c>
      <c r="I28416" s="1" t="s">
        <v>96632</v>
      </c>
      <c r="J28416" s="1" t="s">
        <v>100815</v>
      </c>
    </row>
    <row r="28417" spans="1:10" x14ac:dyDescent="0.35">
      <c r="A28417" s="1" t="s">
        <v>3561</v>
      </c>
      <c r="B28417" s="1" t="s">
        <v>96627</v>
      </c>
      <c r="C28417" s="1" t="s">
        <v>20</v>
      </c>
      <c r="D28417" s="1" t="s">
        <v>100816</v>
      </c>
      <c r="E28417" s="1" t="s">
        <v>12853</v>
      </c>
      <c r="F28417" s="1" t="s">
        <v>100817</v>
      </c>
      <c r="G28417" s="1" t="s">
        <v>100812</v>
      </c>
      <c r="H28417" s="1" t="s">
        <v>100813</v>
      </c>
      <c r="I28417" s="1" t="s">
        <v>96632</v>
      </c>
      <c r="J28417" s="1" t="s">
        <v>100818</v>
      </c>
    </row>
    <row r="28418" spans="1:10" x14ac:dyDescent="0.35">
      <c r="A28418" s="1" t="s">
        <v>3561</v>
      </c>
      <c r="B28418" s="1" t="s">
        <v>96627</v>
      </c>
      <c r="C28418" s="1" t="s">
        <v>25</v>
      </c>
      <c r="D28418" s="1" t="s">
        <v>100819</v>
      </c>
      <c r="E28418" s="1" t="s">
        <v>21925</v>
      </c>
      <c r="F28418" s="1" t="s">
        <v>100820</v>
      </c>
      <c r="G28418" s="1" t="s">
        <v>100812</v>
      </c>
      <c r="H28418" s="1" t="s">
        <v>100813</v>
      </c>
      <c r="I28418" s="1" t="s">
        <v>96632</v>
      </c>
      <c r="J28418" s="1" t="s">
        <v>100821</v>
      </c>
    </row>
    <row r="28419" spans="1:10" x14ac:dyDescent="0.35">
      <c r="A28419" s="1" t="s">
        <v>3561</v>
      </c>
      <c r="B28419" s="1" t="s">
        <v>96627</v>
      </c>
      <c r="C28419" s="1" t="s">
        <v>30</v>
      </c>
      <c r="D28419" s="1" t="s">
        <v>79176</v>
      </c>
      <c r="E28419" s="1" t="s">
        <v>54650</v>
      </c>
      <c r="F28419" s="1" t="s">
        <v>100822</v>
      </c>
      <c r="G28419" s="1" t="s">
        <v>100812</v>
      </c>
      <c r="H28419" s="1" t="s">
        <v>100813</v>
      </c>
      <c r="I28419" s="1" t="s">
        <v>96632</v>
      </c>
      <c r="J28419" s="1" t="s">
        <v>100823</v>
      </c>
    </row>
    <row r="28420" spans="1:10" x14ac:dyDescent="0.35">
      <c r="A28420" s="1" t="s">
        <v>3561</v>
      </c>
      <c r="B28420" s="1" t="s">
        <v>96627</v>
      </c>
      <c r="C28420" s="1" t="s">
        <v>35</v>
      </c>
      <c r="D28420" s="1" t="s">
        <v>67096</v>
      </c>
      <c r="E28420" s="1" t="s">
        <v>69425</v>
      </c>
      <c r="F28420" s="1" t="s">
        <v>65280</v>
      </c>
      <c r="G28420" s="1" t="s">
        <v>100812</v>
      </c>
      <c r="H28420" s="1" t="s">
        <v>100813</v>
      </c>
      <c r="I28420" s="1" t="s">
        <v>96632</v>
      </c>
      <c r="J28420" s="1" t="s">
        <v>100824</v>
      </c>
    </row>
    <row r="28421" spans="1:10" x14ac:dyDescent="0.35">
      <c r="A28421" s="1" t="s">
        <v>3561</v>
      </c>
      <c r="B28421" s="1" t="s">
        <v>96627</v>
      </c>
      <c r="C28421" s="1" t="s">
        <v>40</v>
      </c>
      <c r="D28421" s="1" t="s">
        <v>100825</v>
      </c>
      <c r="E28421" s="1" t="s">
        <v>58370</v>
      </c>
      <c r="F28421" s="1" t="s">
        <v>31883</v>
      </c>
      <c r="G28421" s="1" t="s">
        <v>100812</v>
      </c>
      <c r="H28421" s="1" t="s">
        <v>100813</v>
      </c>
      <c r="I28421" s="1" t="s">
        <v>96632</v>
      </c>
      <c r="J28421" s="1" t="s">
        <v>100826</v>
      </c>
    </row>
    <row r="28422" spans="1:10" x14ac:dyDescent="0.35">
      <c r="A28422" s="1" t="s">
        <v>3561</v>
      </c>
      <c r="B28422" s="1" t="s">
        <v>96627</v>
      </c>
      <c r="C28422" s="1" t="s">
        <v>45</v>
      </c>
      <c r="D28422" s="1" t="s">
        <v>67414</v>
      </c>
      <c r="E28422" s="1" t="s">
        <v>15417</v>
      </c>
      <c r="F28422" s="1" t="s">
        <v>100827</v>
      </c>
      <c r="G28422" s="1" t="s">
        <v>100812</v>
      </c>
      <c r="H28422" s="1" t="s">
        <v>100813</v>
      </c>
      <c r="I28422" s="1" t="s">
        <v>96632</v>
      </c>
      <c r="J28422" s="1" t="s">
        <v>100828</v>
      </c>
    </row>
    <row r="28423" spans="1:10" x14ac:dyDescent="0.35">
      <c r="A28423" s="1" t="s">
        <v>3561</v>
      </c>
      <c r="B28423" s="1" t="s">
        <v>96627</v>
      </c>
      <c r="C28423" s="1" t="s">
        <v>50</v>
      </c>
      <c r="D28423" s="1" t="s">
        <v>99780</v>
      </c>
      <c r="E28423" s="1" t="s">
        <v>15319</v>
      </c>
      <c r="F28423" s="1" t="s">
        <v>100829</v>
      </c>
      <c r="G28423" s="1" t="s">
        <v>100812</v>
      </c>
      <c r="H28423" s="1" t="s">
        <v>100813</v>
      </c>
      <c r="I28423" s="1" t="s">
        <v>96632</v>
      </c>
      <c r="J28423" s="1" t="s">
        <v>100830</v>
      </c>
    </row>
    <row r="28424" spans="1:10" x14ac:dyDescent="0.35">
      <c r="A28424" s="1" t="s">
        <v>3561</v>
      </c>
      <c r="B28424" s="1" t="s">
        <v>96627</v>
      </c>
      <c r="C28424" s="1" t="s">
        <v>55</v>
      </c>
      <c r="D28424" s="1" t="s">
        <v>67113</v>
      </c>
      <c r="E28424" s="1" t="s">
        <v>31828</v>
      </c>
      <c r="F28424" s="1" t="s">
        <v>64761</v>
      </c>
      <c r="G28424" s="1" t="s">
        <v>100812</v>
      </c>
      <c r="H28424" s="1" t="s">
        <v>100813</v>
      </c>
      <c r="I28424" s="1" t="s">
        <v>96632</v>
      </c>
      <c r="J28424" s="1" t="s">
        <v>100831</v>
      </c>
    </row>
    <row r="28425" spans="1:10" x14ac:dyDescent="0.35">
      <c r="A28425" s="1" t="s">
        <v>3561</v>
      </c>
      <c r="B28425" s="1" t="s">
        <v>96627</v>
      </c>
      <c r="C28425" s="1" t="s">
        <v>60</v>
      </c>
      <c r="D28425" s="1" t="s">
        <v>88830</v>
      </c>
      <c r="E28425" s="1" t="s">
        <v>15293</v>
      </c>
      <c r="F28425" s="1" t="s">
        <v>100832</v>
      </c>
      <c r="G28425" s="1" t="s">
        <v>100812</v>
      </c>
      <c r="H28425" s="1" t="s">
        <v>100813</v>
      </c>
      <c r="I28425" s="1" t="s">
        <v>96632</v>
      </c>
      <c r="J28425" s="1" t="s">
        <v>100833</v>
      </c>
    </row>
    <row r="28426" spans="1:10" x14ac:dyDescent="0.35">
      <c r="A28426" s="1" t="s">
        <v>3561</v>
      </c>
      <c r="B28426" s="1" t="s">
        <v>96627</v>
      </c>
      <c r="C28426" s="1" t="s">
        <v>65</v>
      </c>
      <c r="D28426" s="1" t="s">
        <v>60873</v>
      </c>
      <c r="E28426" s="1" t="s">
        <v>65706</v>
      </c>
      <c r="F28426" s="1" t="s">
        <v>100834</v>
      </c>
      <c r="G28426" s="1" t="s">
        <v>100812</v>
      </c>
      <c r="H28426" s="1" t="s">
        <v>100813</v>
      </c>
      <c r="I28426" s="1" t="s">
        <v>96632</v>
      </c>
      <c r="J28426" s="1" t="s">
        <v>100835</v>
      </c>
    </row>
    <row r="28427" spans="1:10" x14ac:dyDescent="0.35">
      <c r="A28427" s="1" t="s">
        <v>3561</v>
      </c>
      <c r="B28427" s="1" t="s">
        <v>96627</v>
      </c>
      <c r="C28427" s="1" t="s">
        <v>70</v>
      </c>
      <c r="D28427" s="1" t="s">
        <v>100836</v>
      </c>
      <c r="E28427" s="1" t="s">
        <v>56842</v>
      </c>
      <c r="F28427" s="1" t="s">
        <v>100837</v>
      </c>
      <c r="G28427" s="1" t="s">
        <v>100812</v>
      </c>
      <c r="H28427" s="1" t="s">
        <v>100813</v>
      </c>
      <c r="I28427" s="1" t="s">
        <v>96632</v>
      </c>
      <c r="J28427" s="1" t="s">
        <v>100838</v>
      </c>
    </row>
    <row r="28428" spans="1:10" x14ac:dyDescent="0.35">
      <c r="A28428" s="1" t="s">
        <v>3561</v>
      </c>
      <c r="B28428" s="1" t="s">
        <v>96627</v>
      </c>
      <c r="C28428" s="1" t="s">
        <v>75</v>
      </c>
      <c r="D28428" s="1" t="s">
        <v>100839</v>
      </c>
      <c r="E28428" s="1" t="s">
        <v>56134</v>
      </c>
      <c r="F28428" s="1" t="s">
        <v>58238</v>
      </c>
      <c r="G28428" s="1" t="s">
        <v>100812</v>
      </c>
      <c r="H28428" s="1" t="s">
        <v>100813</v>
      </c>
      <c r="I28428" s="1" t="s">
        <v>96632</v>
      </c>
      <c r="J28428" s="1" t="s">
        <v>100840</v>
      </c>
    </row>
    <row r="28429" spans="1:10" x14ac:dyDescent="0.35">
      <c r="A28429" s="1" t="s">
        <v>3561</v>
      </c>
      <c r="B28429" s="1" t="s">
        <v>96627</v>
      </c>
      <c r="C28429" s="1" t="s">
        <v>80</v>
      </c>
      <c r="D28429" s="1" t="s">
        <v>85297</v>
      </c>
      <c r="E28429" s="1" t="s">
        <v>32557</v>
      </c>
      <c r="F28429" s="1" t="s">
        <v>100841</v>
      </c>
      <c r="G28429" s="1" t="s">
        <v>100812</v>
      </c>
      <c r="H28429" s="1" t="s">
        <v>100813</v>
      </c>
      <c r="I28429" s="1" t="s">
        <v>96632</v>
      </c>
      <c r="J28429" s="1" t="s">
        <v>100842</v>
      </c>
    </row>
    <row r="28430" spans="1:10" x14ac:dyDescent="0.35">
      <c r="A28430" s="1" t="s">
        <v>3561</v>
      </c>
      <c r="B28430" s="1" t="s">
        <v>96627</v>
      </c>
      <c r="C28430" s="1" t="s">
        <v>85</v>
      </c>
      <c r="D28430" s="1" t="s">
        <v>100843</v>
      </c>
      <c r="E28430" s="1" t="s">
        <v>23221</v>
      </c>
      <c r="F28430" s="1" t="s">
        <v>100844</v>
      </c>
      <c r="G28430" s="1" t="s">
        <v>100812</v>
      </c>
      <c r="H28430" s="1" t="s">
        <v>100813</v>
      </c>
      <c r="I28430" s="1" t="s">
        <v>96632</v>
      </c>
      <c r="J28430" s="1" t="s">
        <v>100845</v>
      </c>
    </row>
    <row r="28431" spans="1:10" x14ac:dyDescent="0.35">
      <c r="A28431" s="1" t="s">
        <v>3561</v>
      </c>
      <c r="B28431" s="1" t="s">
        <v>96627</v>
      </c>
      <c r="C28431" s="1" t="s">
        <v>90</v>
      </c>
      <c r="D28431" s="1" t="s">
        <v>60995</v>
      </c>
      <c r="E28431" s="1" t="s">
        <v>55373</v>
      </c>
      <c r="F28431" s="1" t="s">
        <v>100846</v>
      </c>
      <c r="G28431" s="1" t="s">
        <v>100812</v>
      </c>
      <c r="H28431" s="1" t="s">
        <v>100813</v>
      </c>
      <c r="I28431" s="1" t="s">
        <v>96632</v>
      </c>
      <c r="J28431" s="1" t="s">
        <v>100847</v>
      </c>
    </row>
    <row r="28432" spans="1:10" x14ac:dyDescent="0.35">
      <c r="A28432" s="1" t="s">
        <v>3561</v>
      </c>
      <c r="B28432" s="1" t="s">
        <v>96627</v>
      </c>
      <c r="C28432" s="1" t="s">
        <v>95</v>
      </c>
      <c r="D28432" s="1" t="s">
        <v>100848</v>
      </c>
      <c r="E28432" s="1" t="s">
        <v>100849</v>
      </c>
      <c r="F28432" s="1" t="s">
        <v>100850</v>
      </c>
      <c r="G28432" s="1" t="s">
        <v>100812</v>
      </c>
      <c r="H28432" s="1" t="s">
        <v>100813</v>
      </c>
      <c r="I28432" s="1" t="s">
        <v>96632</v>
      </c>
      <c r="J28432" s="1" t="s">
        <v>100851</v>
      </c>
    </row>
    <row r="28433" spans="1:10" x14ac:dyDescent="0.35">
      <c r="A28433" s="1" t="s">
        <v>3561</v>
      </c>
      <c r="B28433" s="1" t="s">
        <v>96627</v>
      </c>
      <c r="C28433" s="1" t="s">
        <v>100</v>
      </c>
      <c r="D28433" s="1" t="s">
        <v>56907</v>
      </c>
      <c r="E28433" s="1" t="s">
        <v>12864</v>
      </c>
      <c r="F28433" s="1" t="s">
        <v>16122</v>
      </c>
      <c r="G28433" s="1" t="s">
        <v>100812</v>
      </c>
      <c r="H28433" s="1" t="s">
        <v>100813</v>
      </c>
      <c r="I28433" s="1" t="s">
        <v>96632</v>
      </c>
      <c r="J28433" s="1" t="s">
        <v>100852</v>
      </c>
    </row>
    <row r="28434" spans="1:10" x14ac:dyDescent="0.35">
      <c r="A28434" s="1" t="s">
        <v>3561</v>
      </c>
      <c r="B28434" s="1" t="s">
        <v>96627</v>
      </c>
      <c r="C28434" s="1" t="s">
        <v>105</v>
      </c>
      <c r="D28434" s="1" t="s">
        <v>55900</v>
      </c>
      <c r="E28434" s="1" t="s">
        <v>24213</v>
      </c>
      <c r="F28434" s="1" t="s">
        <v>100853</v>
      </c>
      <c r="G28434" s="1" t="s">
        <v>100812</v>
      </c>
      <c r="H28434" s="1" t="s">
        <v>100813</v>
      </c>
      <c r="I28434" s="1" t="s">
        <v>96632</v>
      </c>
      <c r="J28434" s="1" t="s">
        <v>100854</v>
      </c>
    </row>
    <row r="28435" spans="1:10" x14ac:dyDescent="0.35">
      <c r="A28435" s="1" t="s">
        <v>3561</v>
      </c>
      <c r="B28435" s="1" t="s">
        <v>96627</v>
      </c>
      <c r="C28435" s="1" t="s">
        <v>110</v>
      </c>
      <c r="D28435" s="1" t="s">
        <v>87906</v>
      </c>
      <c r="E28435" s="1" t="s">
        <v>54448</v>
      </c>
      <c r="F28435" s="1" t="s">
        <v>100855</v>
      </c>
      <c r="G28435" s="1" t="s">
        <v>100812</v>
      </c>
      <c r="H28435" s="1" t="s">
        <v>100813</v>
      </c>
      <c r="I28435" s="1" t="s">
        <v>96632</v>
      </c>
      <c r="J28435" s="1" t="s">
        <v>100856</v>
      </c>
    </row>
    <row r="28436" spans="1:10" x14ac:dyDescent="0.35">
      <c r="A28436" s="1" t="s">
        <v>3561</v>
      </c>
      <c r="B28436" s="1" t="s">
        <v>96627</v>
      </c>
      <c r="C28436" s="1" t="s">
        <v>115</v>
      </c>
      <c r="D28436" s="1" t="s">
        <v>100857</v>
      </c>
      <c r="E28436" s="1" t="s">
        <v>57609</v>
      </c>
      <c r="F28436" s="1" t="s">
        <v>100858</v>
      </c>
      <c r="G28436" s="1" t="s">
        <v>100812</v>
      </c>
      <c r="H28436" s="1" t="s">
        <v>100813</v>
      </c>
      <c r="I28436" s="1" t="s">
        <v>96632</v>
      </c>
      <c r="J28436" s="1" t="s">
        <v>100859</v>
      </c>
    </row>
    <row r="28437" spans="1:10" x14ac:dyDescent="0.35">
      <c r="A28437" s="1" t="s">
        <v>3561</v>
      </c>
      <c r="B28437" s="1" t="s">
        <v>96627</v>
      </c>
      <c r="C28437" s="1" t="s">
        <v>120</v>
      </c>
      <c r="D28437" s="1" t="s">
        <v>76719</v>
      </c>
      <c r="E28437" s="1" t="s">
        <v>53965</v>
      </c>
      <c r="F28437" s="1" t="s">
        <v>100860</v>
      </c>
      <c r="G28437" s="1" t="s">
        <v>100812</v>
      </c>
      <c r="H28437" s="1" t="s">
        <v>100813</v>
      </c>
      <c r="I28437" s="1" t="s">
        <v>96632</v>
      </c>
      <c r="J28437" s="1" t="s">
        <v>100861</v>
      </c>
    </row>
    <row r="28438" spans="1:10" x14ac:dyDescent="0.35">
      <c r="A28438" s="1" t="s">
        <v>3561</v>
      </c>
      <c r="B28438" s="1" t="s">
        <v>96627</v>
      </c>
      <c r="C28438" s="1" t="s">
        <v>125</v>
      </c>
      <c r="D28438" s="1" t="s">
        <v>100862</v>
      </c>
      <c r="E28438" s="1" t="s">
        <v>32069</v>
      </c>
      <c r="F28438" s="1" t="s">
        <v>100863</v>
      </c>
      <c r="G28438" s="1" t="s">
        <v>100812</v>
      </c>
      <c r="H28438" s="1" t="s">
        <v>100813</v>
      </c>
      <c r="I28438" s="1" t="s">
        <v>96632</v>
      </c>
      <c r="J28438" s="1" t="s">
        <v>100864</v>
      </c>
    </row>
    <row r="28439" spans="1:10" x14ac:dyDescent="0.35">
      <c r="A28439" s="1" t="s">
        <v>3561</v>
      </c>
      <c r="B28439" s="1" t="s">
        <v>96627</v>
      </c>
      <c r="C28439" s="1" t="s">
        <v>130</v>
      </c>
      <c r="D28439" s="1" t="s">
        <v>93432</v>
      </c>
      <c r="E28439" s="1" t="s">
        <v>24236</v>
      </c>
      <c r="F28439" s="1" t="s">
        <v>54039</v>
      </c>
      <c r="G28439" s="1" t="s">
        <v>100812</v>
      </c>
      <c r="H28439" s="1" t="s">
        <v>100813</v>
      </c>
      <c r="I28439" s="1" t="s">
        <v>96632</v>
      </c>
      <c r="J28439" s="1" t="s">
        <v>100865</v>
      </c>
    </row>
    <row r="28440" spans="1:10" x14ac:dyDescent="0.35">
      <c r="A28440" s="1" t="s">
        <v>3561</v>
      </c>
      <c r="B28440" s="1" t="s">
        <v>96627</v>
      </c>
      <c r="C28440" s="1" t="s">
        <v>135</v>
      </c>
      <c r="D28440" s="1" t="s">
        <v>100866</v>
      </c>
      <c r="E28440" s="1" t="s">
        <v>26239</v>
      </c>
      <c r="F28440" s="1" t="s">
        <v>100867</v>
      </c>
      <c r="G28440" s="1" t="s">
        <v>100812</v>
      </c>
      <c r="H28440" s="1" t="s">
        <v>100813</v>
      </c>
      <c r="I28440" s="1" t="s">
        <v>96632</v>
      </c>
      <c r="J28440" s="1" t="s">
        <v>100868</v>
      </c>
    </row>
    <row r="28441" spans="1:10" x14ac:dyDescent="0.35">
      <c r="A28441" s="1" t="s">
        <v>3561</v>
      </c>
      <c r="B28441" s="1" t="s">
        <v>96627</v>
      </c>
      <c r="C28441" s="1" t="s">
        <v>140</v>
      </c>
      <c r="D28441" s="1" t="s">
        <v>100869</v>
      </c>
      <c r="E28441" s="1" t="s">
        <v>61432</v>
      </c>
      <c r="F28441" s="1" t="s">
        <v>100870</v>
      </c>
      <c r="G28441" s="1" t="s">
        <v>100812</v>
      </c>
      <c r="H28441" s="1" t="s">
        <v>100813</v>
      </c>
      <c r="I28441" s="1" t="s">
        <v>96632</v>
      </c>
      <c r="J28441" s="1" t="s">
        <v>100871</v>
      </c>
    </row>
    <row r="28442" spans="1:10" x14ac:dyDescent="0.35">
      <c r="A28442" s="1" t="s">
        <v>3561</v>
      </c>
      <c r="B28442" s="1" t="s">
        <v>96627</v>
      </c>
      <c r="C28442" s="1" t="s">
        <v>145</v>
      </c>
      <c r="D28442" s="1" t="s">
        <v>100872</v>
      </c>
      <c r="E28442" s="1" t="s">
        <v>15903</v>
      </c>
      <c r="F28442" s="1" t="s">
        <v>100873</v>
      </c>
      <c r="G28442" s="1" t="s">
        <v>100812</v>
      </c>
      <c r="H28442" s="1" t="s">
        <v>100813</v>
      </c>
      <c r="I28442" s="1" t="s">
        <v>96632</v>
      </c>
      <c r="J28442" s="1" t="s">
        <v>100874</v>
      </c>
    </row>
    <row r="28443" spans="1:10" x14ac:dyDescent="0.35">
      <c r="A28443" s="1" t="s">
        <v>3561</v>
      </c>
      <c r="B28443" s="1" t="s">
        <v>96627</v>
      </c>
      <c r="C28443" s="1" t="s">
        <v>150</v>
      </c>
      <c r="D28443" s="1" t="s">
        <v>100875</v>
      </c>
      <c r="E28443" s="1" t="s">
        <v>58108</v>
      </c>
      <c r="F28443" s="1" t="s">
        <v>100876</v>
      </c>
      <c r="G28443" s="1" t="s">
        <v>100812</v>
      </c>
      <c r="H28443" s="1" t="s">
        <v>100813</v>
      </c>
      <c r="I28443" s="1" t="s">
        <v>96632</v>
      </c>
      <c r="J28443" s="1" t="s">
        <v>100877</v>
      </c>
    </row>
    <row r="28444" spans="1:10" x14ac:dyDescent="0.35">
      <c r="A28444" s="1" t="s">
        <v>3561</v>
      </c>
      <c r="B28444" s="1" t="s">
        <v>96627</v>
      </c>
      <c r="C28444" s="1" t="s">
        <v>155</v>
      </c>
      <c r="D28444" s="1" t="s">
        <v>100878</v>
      </c>
      <c r="E28444" s="1" t="s">
        <v>15278</v>
      </c>
      <c r="F28444" s="1" t="s">
        <v>100879</v>
      </c>
      <c r="G28444" s="1" t="s">
        <v>100812</v>
      </c>
      <c r="H28444" s="1" t="s">
        <v>100813</v>
      </c>
      <c r="I28444" s="1" t="s">
        <v>96632</v>
      </c>
      <c r="J28444" s="1" t="s">
        <v>100880</v>
      </c>
    </row>
    <row r="28445" spans="1:10" x14ac:dyDescent="0.35">
      <c r="A28445" s="1" t="s">
        <v>3561</v>
      </c>
      <c r="B28445" s="1" t="s">
        <v>96627</v>
      </c>
      <c r="C28445" s="1" t="s">
        <v>160</v>
      </c>
      <c r="D28445" s="1" t="s">
        <v>100881</v>
      </c>
      <c r="E28445" s="1" t="s">
        <v>26214</v>
      </c>
      <c r="F28445" s="1" t="s">
        <v>100882</v>
      </c>
      <c r="G28445" s="1" t="s">
        <v>100812</v>
      </c>
      <c r="H28445" s="1" t="s">
        <v>100813</v>
      </c>
      <c r="I28445" s="1" t="s">
        <v>96632</v>
      </c>
      <c r="J28445" s="1" t="s">
        <v>100883</v>
      </c>
    </row>
    <row r="28446" spans="1:10" x14ac:dyDescent="0.35">
      <c r="A28446" s="1" t="s">
        <v>3561</v>
      </c>
      <c r="B28446" s="1" t="s">
        <v>96627</v>
      </c>
      <c r="C28446" s="1" t="s">
        <v>165</v>
      </c>
      <c r="D28446" s="1" t="s">
        <v>100884</v>
      </c>
      <c r="E28446" s="1" t="s">
        <v>31510</v>
      </c>
      <c r="F28446" s="1" t="s">
        <v>100885</v>
      </c>
      <c r="G28446" s="1" t="s">
        <v>100812</v>
      </c>
      <c r="H28446" s="1" t="s">
        <v>100813</v>
      </c>
      <c r="I28446" s="1" t="s">
        <v>96632</v>
      </c>
      <c r="J28446" s="1" t="s">
        <v>100886</v>
      </c>
    </row>
    <row r="28447" spans="1:10" x14ac:dyDescent="0.35">
      <c r="A28447" s="1" t="s">
        <v>3561</v>
      </c>
      <c r="B28447" s="1" t="s">
        <v>96627</v>
      </c>
      <c r="C28447" s="1" t="s">
        <v>170</v>
      </c>
      <c r="D28447" s="1" t="s">
        <v>22221</v>
      </c>
      <c r="E28447" s="1" t="s">
        <v>64743</v>
      </c>
      <c r="F28447" s="1" t="s">
        <v>97557</v>
      </c>
      <c r="G28447" s="1" t="s">
        <v>100812</v>
      </c>
      <c r="H28447" s="1" t="s">
        <v>100813</v>
      </c>
      <c r="I28447" s="1" t="s">
        <v>96632</v>
      </c>
      <c r="J28447" s="1" t="s">
        <v>100887</v>
      </c>
    </row>
    <row r="28448" spans="1:10" x14ac:dyDescent="0.35">
      <c r="A28448" s="1" t="s">
        <v>100888</v>
      </c>
      <c r="B28448" s="1" t="s">
        <v>96627</v>
      </c>
      <c r="C28448" s="1" t="s">
        <v>8</v>
      </c>
      <c r="D28448" s="1" t="s">
        <v>100889</v>
      </c>
      <c r="E28448" s="1" t="s">
        <v>22052</v>
      </c>
      <c r="F28448" s="1" t="s">
        <v>41404</v>
      </c>
      <c r="G28448" s="1" t="s">
        <v>100890</v>
      </c>
      <c r="H28448" s="1" t="s">
        <v>100891</v>
      </c>
      <c r="I28448" s="1" t="s">
        <v>96632</v>
      </c>
      <c r="J28448" s="1" t="s">
        <v>13</v>
      </c>
    </row>
    <row r="28449" spans="1:10" x14ac:dyDescent="0.35">
      <c r="A28449" s="1" t="s">
        <v>100888</v>
      </c>
      <c r="B28449" s="1" t="s">
        <v>96627</v>
      </c>
      <c r="C28449" s="1" t="s">
        <v>15</v>
      </c>
      <c r="D28449" s="1" t="s">
        <v>32244</v>
      </c>
      <c r="E28449" s="1" t="s">
        <v>32329</v>
      </c>
      <c r="F28449" s="1" t="s">
        <v>100892</v>
      </c>
      <c r="G28449" s="1" t="s">
        <v>100890</v>
      </c>
      <c r="H28449" s="1" t="s">
        <v>100891</v>
      </c>
      <c r="I28449" s="1" t="s">
        <v>96632</v>
      </c>
      <c r="J28449" s="1" t="s">
        <v>100893</v>
      </c>
    </row>
    <row r="28450" spans="1:10" x14ac:dyDescent="0.35">
      <c r="A28450" s="1" t="s">
        <v>100888</v>
      </c>
      <c r="B28450" s="1" t="s">
        <v>96627</v>
      </c>
      <c r="C28450" s="1" t="s">
        <v>20</v>
      </c>
      <c r="D28450" s="1" t="s">
        <v>100894</v>
      </c>
      <c r="E28450" s="1" t="s">
        <v>23133</v>
      </c>
      <c r="F28450" s="1" t="s">
        <v>100895</v>
      </c>
      <c r="G28450" s="1" t="s">
        <v>100890</v>
      </c>
      <c r="H28450" s="1" t="s">
        <v>100891</v>
      </c>
      <c r="I28450" s="1" t="s">
        <v>96632</v>
      </c>
      <c r="J28450" s="1" t="s">
        <v>100896</v>
      </c>
    </row>
    <row r="28451" spans="1:10" x14ac:dyDescent="0.35">
      <c r="A28451" s="1" t="s">
        <v>100888</v>
      </c>
      <c r="B28451" s="1" t="s">
        <v>96627</v>
      </c>
      <c r="C28451" s="1" t="s">
        <v>25</v>
      </c>
      <c r="D28451" s="1" t="s">
        <v>100897</v>
      </c>
      <c r="E28451" s="1" t="s">
        <v>23006</v>
      </c>
      <c r="F28451" s="1" t="s">
        <v>100898</v>
      </c>
      <c r="G28451" s="1" t="s">
        <v>100890</v>
      </c>
      <c r="H28451" s="1" t="s">
        <v>100891</v>
      </c>
      <c r="I28451" s="1" t="s">
        <v>96632</v>
      </c>
      <c r="J28451" s="1" t="s">
        <v>100899</v>
      </c>
    </row>
    <row r="28452" spans="1:10" x14ac:dyDescent="0.35">
      <c r="A28452" s="1" t="s">
        <v>100888</v>
      </c>
      <c r="B28452" s="1" t="s">
        <v>96627</v>
      </c>
      <c r="C28452" s="1" t="s">
        <v>30</v>
      </c>
      <c r="D28452" s="1" t="s">
        <v>100900</v>
      </c>
      <c r="E28452" s="1" t="s">
        <v>55248</v>
      </c>
      <c r="F28452" s="1" t="s">
        <v>100901</v>
      </c>
      <c r="G28452" s="1" t="s">
        <v>100890</v>
      </c>
      <c r="H28452" s="1" t="s">
        <v>100891</v>
      </c>
      <c r="I28452" s="1" t="s">
        <v>96632</v>
      </c>
      <c r="J28452" s="1" t="s">
        <v>100902</v>
      </c>
    </row>
    <row r="28453" spans="1:10" x14ac:dyDescent="0.35">
      <c r="A28453" s="1" t="s">
        <v>100888</v>
      </c>
      <c r="B28453" s="1" t="s">
        <v>96627</v>
      </c>
      <c r="C28453" s="1" t="s">
        <v>35</v>
      </c>
      <c r="D28453" s="1" t="s">
        <v>100903</v>
      </c>
      <c r="E28453" s="1" t="s">
        <v>41206</v>
      </c>
      <c r="F28453" s="1" t="s">
        <v>100904</v>
      </c>
      <c r="G28453" s="1" t="s">
        <v>100890</v>
      </c>
      <c r="H28453" s="1" t="s">
        <v>100891</v>
      </c>
      <c r="I28453" s="1" t="s">
        <v>96632</v>
      </c>
      <c r="J28453" s="1" t="s">
        <v>100905</v>
      </c>
    </row>
    <row r="28454" spans="1:10" x14ac:dyDescent="0.35">
      <c r="A28454" s="1" t="s">
        <v>100888</v>
      </c>
      <c r="B28454" s="1" t="s">
        <v>96627</v>
      </c>
      <c r="C28454" s="1" t="s">
        <v>40</v>
      </c>
      <c r="D28454" s="1" t="s">
        <v>43955</v>
      </c>
      <c r="E28454" s="1" t="s">
        <v>55862</v>
      </c>
      <c r="F28454" s="1" t="s">
        <v>100906</v>
      </c>
      <c r="G28454" s="1" t="s">
        <v>100890</v>
      </c>
      <c r="H28454" s="1" t="s">
        <v>100891</v>
      </c>
      <c r="I28454" s="1" t="s">
        <v>96632</v>
      </c>
      <c r="J28454" s="1" t="s">
        <v>100907</v>
      </c>
    </row>
    <row r="28455" spans="1:10" x14ac:dyDescent="0.35">
      <c r="A28455" s="1" t="s">
        <v>100888</v>
      </c>
      <c r="B28455" s="1" t="s">
        <v>96627</v>
      </c>
      <c r="C28455" s="1" t="s">
        <v>45</v>
      </c>
      <c r="D28455" s="1" t="s">
        <v>100908</v>
      </c>
      <c r="E28455" s="1" t="s">
        <v>66955</v>
      </c>
      <c r="F28455" s="1" t="s">
        <v>100909</v>
      </c>
      <c r="G28455" s="1" t="s">
        <v>100890</v>
      </c>
      <c r="H28455" s="1" t="s">
        <v>100891</v>
      </c>
      <c r="I28455" s="1" t="s">
        <v>96632</v>
      </c>
      <c r="J28455" s="1" t="s">
        <v>100910</v>
      </c>
    </row>
    <row r="28456" spans="1:10" x14ac:dyDescent="0.35">
      <c r="A28456" s="1" t="s">
        <v>100888</v>
      </c>
      <c r="B28456" s="1" t="s">
        <v>96627</v>
      </c>
      <c r="C28456" s="1" t="s">
        <v>50</v>
      </c>
      <c r="D28456" s="1" t="s">
        <v>58710</v>
      </c>
      <c r="E28456" s="1" t="s">
        <v>58204</v>
      </c>
      <c r="F28456" s="1" t="s">
        <v>100911</v>
      </c>
      <c r="G28456" s="1" t="s">
        <v>100890</v>
      </c>
      <c r="H28456" s="1" t="s">
        <v>100891</v>
      </c>
      <c r="I28456" s="1" t="s">
        <v>96632</v>
      </c>
      <c r="J28456" s="1" t="s">
        <v>100912</v>
      </c>
    </row>
    <row r="28457" spans="1:10" x14ac:dyDescent="0.35">
      <c r="A28457" s="1" t="s">
        <v>100888</v>
      </c>
      <c r="B28457" s="1" t="s">
        <v>96627</v>
      </c>
      <c r="C28457" s="1" t="s">
        <v>55</v>
      </c>
      <c r="D28457" s="1" t="s">
        <v>84258</v>
      </c>
      <c r="E28457" s="1" t="s">
        <v>26552</v>
      </c>
      <c r="F28457" s="1" t="s">
        <v>100913</v>
      </c>
      <c r="G28457" s="1" t="s">
        <v>100890</v>
      </c>
      <c r="H28457" s="1" t="s">
        <v>100891</v>
      </c>
      <c r="I28457" s="1" t="s">
        <v>96632</v>
      </c>
      <c r="J28457" s="1" t="s">
        <v>100914</v>
      </c>
    </row>
    <row r="28458" spans="1:10" x14ac:dyDescent="0.35">
      <c r="A28458" s="1" t="s">
        <v>100888</v>
      </c>
      <c r="B28458" s="1" t="s">
        <v>96627</v>
      </c>
      <c r="C28458" s="1" t="s">
        <v>60</v>
      </c>
      <c r="D28458" s="1" t="s">
        <v>100915</v>
      </c>
      <c r="E28458" s="1" t="s">
        <v>58370</v>
      </c>
      <c r="F28458" s="1" t="s">
        <v>100916</v>
      </c>
      <c r="G28458" s="1" t="s">
        <v>100890</v>
      </c>
      <c r="H28458" s="1" t="s">
        <v>100891</v>
      </c>
      <c r="I28458" s="1" t="s">
        <v>96632</v>
      </c>
      <c r="J28458" s="1" t="s">
        <v>100917</v>
      </c>
    </row>
    <row r="28459" spans="1:10" x14ac:dyDescent="0.35">
      <c r="A28459" s="1" t="s">
        <v>100888</v>
      </c>
      <c r="B28459" s="1" t="s">
        <v>96627</v>
      </c>
      <c r="C28459" s="1" t="s">
        <v>65</v>
      </c>
      <c r="D28459" s="1" t="s">
        <v>79779</v>
      </c>
      <c r="E28459" s="1" t="s">
        <v>56917</v>
      </c>
      <c r="F28459" s="1" t="s">
        <v>100918</v>
      </c>
      <c r="G28459" s="1" t="s">
        <v>100890</v>
      </c>
      <c r="H28459" s="1" t="s">
        <v>100891</v>
      </c>
      <c r="I28459" s="1" t="s">
        <v>96632</v>
      </c>
      <c r="J28459" s="1" t="s">
        <v>100919</v>
      </c>
    </row>
    <row r="28460" spans="1:10" x14ac:dyDescent="0.35">
      <c r="A28460" s="1" t="s">
        <v>100888</v>
      </c>
      <c r="B28460" s="1" t="s">
        <v>96627</v>
      </c>
      <c r="C28460" s="1" t="s">
        <v>70</v>
      </c>
      <c r="D28460" s="1" t="s">
        <v>26685</v>
      </c>
      <c r="E28460" s="1" t="s">
        <v>23480</v>
      </c>
      <c r="F28460" s="1" t="s">
        <v>100920</v>
      </c>
      <c r="G28460" s="1" t="s">
        <v>100890</v>
      </c>
      <c r="H28460" s="1" t="s">
        <v>100891</v>
      </c>
      <c r="I28460" s="1" t="s">
        <v>96632</v>
      </c>
      <c r="J28460" s="1" t="s">
        <v>100921</v>
      </c>
    </row>
    <row r="28461" spans="1:10" x14ac:dyDescent="0.35">
      <c r="A28461" s="1" t="s">
        <v>100888</v>
      </c>
      <c r="B28461" s="1" t="s">
        <v>96627</v>
      </c>
      <c r="C28461" s="1" t="s">
        <v>75</v>
      </c>
      <c r="D28461" s="1" t="s">
        <v>100922</v>
      </c>
      <c r="E28461" s="1" t="s">
        <v>54747</v>
      </c>
      <c r="F28461" s="1" t="s">
        <v>100923</v>
      </c>
      <c r="G28461" s="1" t="s">
        <v>100890</v>
      </c>
      <c r="H28461" s="1" t="s">
        <v>100891</v>
      </c>
      <c r="I28461" s="1" t="s">
        <v>96632</v>
      </c>
      <c r="J28461" s="1" t="s">
        <v>100924</v>
      </c>
    </row>
    <row r="28462" spans="1:10" x14ac:dyDescent="0.35">
      <c r="A28462" s="1" t="s">
        <v>100888</v>
      </c>
      <c r="B28462" s="1" t="s">
        <v>96627</v>
      </c>
      <c r="C28462" s="1" t="s">
        <v>80</v>
      </c>
      <c r="D28462" s="1" t="s">
        <v>100925</v>
      </c>
      <c r="E28462" s="1" t="s">
        <v>12757</v>
      </c>
      <c r="F28462" s="1" t="s">
        <v>100926</v>
      </c>
      <c r="G28462" s="1" t="s">
        <v>100890</v>
      </c>
      <c r="H28462" s="1" t="s">
        <v>100891</v>
      </c>
      <c r="I28462" s="1" t="s">
        <v>96632</v>
      </c>
      <c r="J28462" s="1" t="s">
        <v>100927</v>
      </c>
    </row>
    <row r="28463" spans="1:10" x14ac:dyDescent="0.35">
      <c r="A28463" s="1" t="s">
        <v>100888</v>
      </c>
      <c r="B28463" s="1" t="s">
        <v>96627</v>
      </c>
      <c r="C28463" s="1" t="s">
        <v>85</v>
      </c>
      <c r="D28463" s="1" t="s">
        <v>62457</v>
      </c>
      <c r="E28463" s="1" t="s">
        <v>41298</v>
      </c>
      <c r="F28463" s="1" t="s">
        <v>100928</v>
      </c>
      <c r="G28463" s="1" t="s">
        <v>100890</v>
      </c>
      <c r="H28463" s="1" t="s">
        <v>100891</v>
      </c>
      <c r="I28463" s="1" t="s">
        <v>96632</v>
      </c>
      <c r="J28463" s="1" t="s">
        <v>100929</v>
      </c>
    </row>
    <row r="28464" spans="1:10" x14ac:dyDescent="0.35">
      <c r="A28464" s="1" t="s">
        <v>100888</v>
      </c>
      <c r="B28464" s="1" t="s">
        <v>96627</v>
      </c>
      <c r="C28464" s="1" t="s">
        <v>90</v>
      </c>
      <c r="D28464" s="1" t="s">
        <v>89381</v>
      </c>
      <c r="E28464" s="1" t="s">
        <v>31368</v>
      </c>
      <c r="F28464" s="1" t="s">
        <v>100930</v>
      </c>
      <c r="G28464" s="1" t="s">
        <v>100890</v>
      </c>
      <c r="H28464" s="1" t="s">
        <v>100891</v>
      </c>
      <c r="I28464" s="1" t="s">
        <v>96632</v>
      </c>
      <c r="J28464" s="1" t="s">
        <v>100931</v>
      </c>
    </row>
    <row r="28465" spans="1:10" x14ac:dyDescent="0.35">
      <c r="A28465" s="1" t="s">
        <v>100888</v>
      </c>
      <c r="B28465" s="1" t="s">
        <v>96627</v>
      </c>
      <c r="C28465" s="1" t="s">
        <v>95</v>
      </c>
      <c r="D28465" s="1" t="s">
        <v>81759</v>
      </c>
      <c r="E28465" s="1" t="s">
        <v>59335</v>
      </c>
      <c r="F28465" s="1" t="s">
        <v>100932</v>
      </c>
      <c r="G28465" s="1" t="s">
        <v>100890</v>
      </c>
      <c r="H28465" s="1" t="s">
        <v>100891</v>
      </c>
      <c r="I28465" s="1" t="s">
        <v>96632</v>
      </c>
      <c r="J28465" s="1" t="s">
        <v>100933</v>
      </c>
    </row>
    <row r="28466" spans="1:10" x14ac:dyDescent="0.35">
      <c r="A28466" s="1" t="s">
        <v>100888</v>
      </c>
      <c r="B28466" s="1" t="s">
        <v>96627</v>
      </c>
      <c r="C28466" s="1" t="s">
        <v>100</v>
      </c>
      <c r="D28466" s="1" t="s">
        <v>56239</v>
      </c>
      <c r="E28466" s="1" t="s">
        <v>57305</v>
      </c>
      <c r="F28466" s="1" t="s">
        <v>100934</v>
      </c>
      <c r="G28466" s="1" t="s">
        <v>100890</v>
      </c>
      <c r="H28466" s="1" t="s">
        <v>100891</v>
      </c>
      <c r="I28466" s="1" t="s">
        <v>96632</v>
      </c>
      <c r="J28466" s="1" t="s">
        <v>100935</v>
      </c>
    </row>
    <row r="28467" spans="1:10" x14ac:dyDescent="0.35">
      <c r="A28467" s="1" t="s">
        <v>100888</v>
      </c>
      <c r="B28467" s="1" t="s">
        <v>96627</v>
      </c>
      <c r="C28467" s="1" t="s">
        <v>105</v>
      </c>
      <c r="D28467" s="1" t="s">
        <v>87973</v>
      </c>
      <c r="E28467" s="1" t="s">
        <v>15252</v>
      </c>
      <c r="F28467" s="1" t="s">
        <v>100936</v>
      </c>
      <c r="G28467" s="1" t="s">
        <v>100890</v>
      </c>
      <c r="H28467" s="1" t="s">
        <v>100891</v>
      </c>
      <c r="I28467" s="1" t="s">
        <v>96632</v>
      </c>
      <c r="J28467" s="1" t="s">
        <v>100937</v>
      </c>
    </row>
    <row r="28468" spans="1:10" x14ac:dyDescent="0.35">
      <c r="A28468" s="1" t="s">
        <v>100888</v>
      </c>
      <c r="B28468" s="1" t="s">
        <v>96627</v>
      </c>
      <c r="C28468" s="1" t="s">
        <v>110</v>
      </c>
      <c r="D28468" s="1" t="s">
        <v>100938</v>
      </c>
      <c r="E28468" s="1" t="s">
        <v>99667</v>
      </c>
      <c r="F28468" s="1" t="s">
        <v>100939</v>
      </c>
      <c r="G28468" s="1" t="s">
        <v>100890</v>
      </c>
      <c r="H28468" s="1" t="s">
        <v>100891</v>
      </c>
      <c r="I28468" s="1" t="s">
        <v>96632</v>
      </c>
      <c r="J28468" s="1" t="s">
        <v>100940</v>
      </c>
    </row>
    <row r="28469" spans="1:10" x14ac:dyDescent="0.35">
      <c r="A28469" s="1" t="s">
        <v>100888</v>
      </c>
      <c r="B28469" s="1" t="s">
        <v>96627</v>
      </c>
      <c r="C28469" s="1" t="s">
        <v>115</v>
      </c>
      <c r="D28469" s="1" t="s">
        <v>100941</v>
      </c>
      <c r="E28469" s="1" t="s">
        <v>55227</v>
      </c>
      <c r="F28469" s="1" t="s">
        <v>100942</v>
      </c>
      <c r="G28469" s="1" t="s">
        <v>100890</v>
      </c>
      <c r="H28469" s="1" t="s">
        <v>100891</v>
      </c>
      <c r="I28469" s="1" t="s">
        <v>96632</v>
      </c>
      <c r="J28469" s="1" t="s">
        <v>100943</v>
      </c>
    </row>
    <row r="28470" spans="1:10" x14ac:dyDescent="0.35">
      <c r="A28470" s="1" t="s">
        <v>100888</v>
      </c>
      <c r="B28470" s="1" t="s">
        <v>96627</v>
      </c>
      <c r="C28470" s="1" t="s">
        <v>120</v>
      </c>
      <c r="D28470" s="1" t="s">
        <v>100944</v>
      </c>
      <c r="E28470" s="1" t="s">
        <v>31365</v>
      </c>
      <c r="F28470" s="1" t="s">
        <v>100945</v>
      </c>
      <c r="G28470" s="1" t="s">
        <v>100890</v>
      </c>
      <c r="H28470" s="1" t="s">
        <v>100891</v>
      </c>
      <c r="I28470" s="1" t="s">
        <v>96632</v>
      </c>
      <c r="J28470" s="1" t="s">
        <v>100946</v>
      </c>
    </row>
    <row r="28471" spans="1:10" x14ac:dyDescent="0.35">
      <c r="A28471" s="1" t="s">
        <v>100888</v>
      </c>
      <c r="B28471" s="1" t="s">
        <v>96627</v>
      </c>
      <c r="C28471" s="1" t="s">
        <v>125</v>
      </c>
      <c r="D28471" s="1" t="s">
        <v>100947</v>
      </c>
      <c r="E28471" s="1" t="s">
        <v>55344</v>
      </c>
      <c r="F28471" s="1" t="s">
        <v>15661</v>
      </c>
      <c r="G28471" s="1" t="s">
        <v>100890</v>
      </c>
      <c r="H28471" s="1" t="s">
        <v>100891</v>
      </c>
      <c r="I28471" s="1" t="s">
        <v>96632</v>
      </c>
      <c r="J28471" s="1" t="s">
        <v>100948</v>
      </c>
    </row>
    <row r="28472" spans="1:10" x14ac:dyDescent="0.35">
      <c r="A28472" s="1" t="s">
        <v>100888</v>
      </c>
      <c r="B28472" s="1" t="s">
        <v>96627</v>
      </c>
      <c r="C28472" s="1" t="s">
        <v>130</v>
      </c>
      <c r="D28472" s="1" t="s">
        <v>100949</v>
      </c>
      <c r="E28472" s="1" t="s">
        <v>59319</v>
      </c>
      <c r="F28472" s="1" t="s">
        <v>100950</v>
      </c>
      <c r="G28472" s="1" t="s">
        <v>100890</v>
      </c>
      <c r="H28472" s="1" t="s">
        <v>100891</v>
      </c>
      <c r="I28472" s="1" t="s">
        <v>96632</v>
      </c>
      <c r="J28472" s="1" t="s">
        <v>100951</v>
      </c>
    </row>
    <row r="28473" spans="1:10" x14ac:dyDescent="0.35">
      <c r="A28473" s="1" t="s">
        <v>100888</v>
      </c>
      <c r="B28473" s="1" t="s">
        <v>96627</v>
      </c>
      <c r="C28473" s="1" t="s">
        <v>135</v>
      </c>
      <c r="D28473" s="1" t="s">
        <v>100952</v>
      </c>
      <c r="E28473" s="1" t="s">
        <v>56990</v>
      </c>
      <c r="F28473" s="1" t="s">
        <v>41721</v>
      </c>
      <c r="G28473" s="1" t="s">
        <v>100890</v>
      </c>
      <c r="H28473" s="1" t="s">
        <v>100891</v>
      </c>
      <c r="I28473" s="1" t="s">
        <v>96632</v>
      </c>
      <c r="J28473" s="1" t="s">
        <v>100953</v>
      </c>
    </row>
    <row r="28474" spans="1:10" x14ac:dyDescent="0.35">
      <c r="A28474" s="1" t="s">
        <v>100888</v>
      </c>
      <c r="B28474" s="1" t="s">
        <v>96627</v>
      </c>
      <c r="C28474" s="1" t="s">
        <v>140</v>
      </c>
      <c r="D28474" s="1" t="s">
        <v>100954</v>
      </c>
      <c r="E28474" s="1" t="s">
        <v>55954</v>
      </c>
      <c r="F28474" s="1" t="s">
        <v>100955</v>
      </c>
      <c r="G28474" s="1" t="s">
        <v>100890</v>
      </c>
      <c r="H28474" s="1" t="s">
        <v>100891</v>
      </c>
      <c r="I28474" s="1" t="s">
        <v>96632</v>
      </c>
      <c r="J28474" s="1" t="s">
        <v>100956</v>
      </c>
    </row>
    <row r="28475" spans="1:10" x14ac:dyDescent="0.35">
      <c r="A28475" s="1" t="s">
        <v>100888</v>
      </c>
      <c r="B28475" s="1" t="s">
        <v>96627</v>
      </c>
      <c r="C28475" s="1" t="s">
        <v>145</v>
      </c>
      <c r="D28475" s="1" t="s">
        <v>100957</v>
      </c>
      <c r="E28475" s="1" t="s">
        <v>12875</v>
      </c>
      <c r="F28475" s="1" t="s">
        <v>100958</v>
      </c>
      <c r="G28475" s="1" t="s">
        <v>100890</v>
      </c>
      <c r="H28475" s="1" t="s">
        <v>100891</v>
      </c>
      <c r="I28475" s="1" t="s">
        <v>96632</v>
      </c>
      <c r="J28475" s="1" t="s">
        <v>100959</v>
      </c>
    </row>
    <row r="28476" spans="1:10" x14ac:dyDescent="0.35">
      <c r="A28476" s="1" t="s">
        <v>100888</v>
      </c>
      <c r="B28476" s="1" t="s">
        <v>96627</v>
      </c>
      <c r="C28476" s="1" t="s">
        <v>150</v>
      </c>
      <c r="D28476" s="1" t="s">
        <v>100960</v>
      </c>
      <c r="E28476" s="1" t="s">
        <v>54095</v>
      </c>
      <c r="F28476" s="1" t="s">
        <v>100961</v>
      </c>
      <c r="G28476" s="1" t="s">
        <v>100890</v>
      </c>
      <c r="H28476" s="1" t="s">
        <v>100891</v>
      </c>
      <c r="I28476" s="1" t="s">
        <v>96632</v>
      </c>
      <c r="J28476" s="1" t="s">
        <v>100962</v>
      </c>
    </row>
    <row r="28477" spans="1:10" x14ac:dyDescent="0.35">
      <c r="A28477" s="1" t="s">
        <v>100888</v>
      </c>
      <c r="B28477" s="1" t="s">
        <v>96627</v>
      </c>
      <c r="C28477" s="1" t="s">
        <v>155</v>
      </c>
      <c r="D28477" s="1" t="s">
        <v>100963</v>
      </c>
      <c r="E28477" s="1" t="s">
        <v>12875</v>
      </c>
      <c r="F28477" s="1" t="s">
        <v>100964</v>
      </c>
      <c r="G28477" s="1" t="s">
        <v>100890</v>
      </c>
      <c r="H28477" s="1" t="s">
        <v>100891</v>
      </c>
      <c r="I28477" s="1" t="s">
        <v>96632</v>
      </c>
      <c r="J28477" s="1" t="s">
        <v>100965</v>
      </c>
    </row>
    <row r="28478" spans="1:10" x14ac:dyDescent="0.35">
      <c r="A28478" s="1" t="s">
        <v>100888</v>
      </c>
      <c r="B28478" s="1" t="s">
        <v>96627</v>
      </c>
      <c r="C28478" s="1" t="s">
        <v>160</v>
      </c>
      <c r="D28478" s="1" t="s">
        <v>100966</v>
      </c>
      <c r="E28478" s="1" t="s">
        <v>56901</v>
      </c>
      <c r="F28478" s="1" t="s">
        <v>100967</v>
      </c>
      <c r="G28478" s="1" t="s">
        <v>100890</v>
      </c>
      <c r="H28478" s="1" t="s">
        <v>100891</v>
      </c>
      <c r="I28478" s="1" t="s">
        <v>96632</v>
      </c>
      <c r="J28478" s="1" t="s">
        <v>100968</v>
      </c>
    </row>
    <row r="28479" spans="1:10" x14ac:dyDescent="0.35">
      <c r="A28479" s="1" t="s">
        <v>100888</v>
      </c>
      <c r="B28479" s="1" t="s">
        <v>96627</v>
      </c>
      <c r="C28479" s="1" t="s">
        <v>165</v>
      </c>
      <c r="D28479" s="1" t="s">
        <v>66246</v>
      </c>
      <c r="E28479" s="1" t="s">
        <v>21960</v>
      </c>
      <c r="F28479" s="1" t="s">
        <v>100969</v>
      </c>
      <c r="G28479" s="1" t="s">
        <v>100890</v>
      </c>
      <c r="H28479" s="1" t="s">
        <v>100891</v>
      </c>
      <c r="I28479" s="1" t="s">
        <v>96632</v>
      </c>
      <c r="J28479" s="1" t="s">
        <v>100970</v>
      </c>
    </row>
    <row r="28480" spans="1:10" x14ac:dyDescent="0.35">
      <c r="A28480" s="1" t="s">
        <v>100888</v>
      </c>
      <c r="B28480" s="1" t="s">
        <v>96627</v>
      </c>
      <c r="C28480" s="1" t="s">
        <v>170</v>
      </c>
      <c r="D28480" s="1" t="s">
        <v>100971</v>
      </c>
      <c r="E28480" s="1" t="s">
        <v>53936</v>
      </c>
      <c r="F28480" s="1" t="s">
        <v>70982</v>
      </c>
      <c r="G28480" s="1" t="s">
        <v>100890</v>
      </c>
      <c r="H28480" s="1" t="s">
        <v>100891</v>
      </c>
      <c r="I28480" s="1" t="s">
        <v>96632</v>
      </c>
      <c r="J28480" s="1" t="s">
        <v>100972</v>
      </c>
    </row>
    <row r="28481" spans="1:10" x14ac:dyDescent="0.35">
      <c r="A28481" s="1" t="s">
        <v>100973</v>
      </c>
      <c r="B28481" s="1" t="s">
        <v>96627</v>
      </c>
      <c r="C28481" s="1" t="s">
        <v>8</v>
      </c>
      <c r="D28481" s="1" t="s">
        <v>77613</v>
      </c>
      <c r="E28481" s="1" t="s">
        <v>60257</v>
      </c>
      <c r="F28481" s="1" t="s">
        <v>100974</v>
      </c>
      <c r="G28481" s="1" t="s">
        <v>100975</v>
      </c>
      <c r="H28481" s="1" t="s">
        <v>100976</v>
      </c>
      <c r="I28481" s="1" t="s">
        <v>96632</v>
      </c>
      <c r="J28481" s="1" t="s">
        <v>13</v>
      </c>
    </row>
    <row r="28482" spans="1:10" x14ac:dyDescent="0.35">
      <c r="A28482" s="1" t="s">
        <v>100973</v>
      </c>
      <c r="B28482" s="1" t="s">
        <v>96627</v>
      </c>
      <c r="C28482" s="1" t="s">
        <v>15</v>
      </c>
      <c r="D28482" s="1" t="s">
        <v>100977</v>
      </c>
      <c r="E28482" s="1" t="s">
        <v>41202</v>
      </c>
      <c r="F28482" s="1" t="s">
        <v>62861</v>
      </c>
      <c r="G28482" s="1" t="s">
        <v>100975</v>
      </c>
      <c r="H28482" s="1" t="s">
        <v>100976</v>
      </c>
      <c r="I28482" s="1" t="s">
        <v>96632</v>
      </c>
      <c r="J28482" s="1" t="s">
        <v>100978</v>
      </c>
    </row>
    <row r="28483" spans="1:10" x14ac:dyDescent="0.35">
      <c r="A28483" s="1" t="s">
        <v>100973</v>
      </c>
      <c r="B28483" s="1" t="s">
        <v>96627</v>
      </c>
      <c r="C28483" s="1" t="s">
        <v>20</v>
      </c>
      <c r="D28483" s="1" t="s">
        <v>100979</v>
      </c>
      <c r="E28483" s="1" t="s">
        <v>12821</v>
      </c>
      <c r="F28483" s="1" t="s">
        <v>100980</v>
      </c>
      <c r="G28483" s="1" t="s">
        <v>100975</v>
      </c>
      <c r="H28483" s="1" t="s">
        <v>100976</v>
      </c>
      <c r="I28483" s="1" t="s">
        <v>96632</v>
      </c>
      <c r="J28483" s="1" t="s">
        <v>100981</v>
      </c>
    </row>
    <row r="28484" spans="1:10" x14ac:dyDescent="0.35">
      <c r="A28484" s="1" t="s">
        <v>100973</v>
      </c>
      <c r="B28484" s="1" t="s">
        <v>96627</v>
      </c>
      <c r="C28484" s="1" t="s">
        <v>25</v>
      </c>
      <c r="D28484" s="1" t="s">
        <v>100982</v>
      </c>
      <c r="E28484" s="1" t="s">
        <v>53825</v>
      </c>
      <c r="F28484" s="1" t="s">
        <v>100983</v>
      </c>
      <c r="G28484" s="1" t="s">
        <v>100975</v>
      </c>
      <c r="H28484" s="1" t="s">
        <v>100976</v>
      </c>
      <c r="I28484" s="1" t="s">
        <v>96632</v>
      </c>
      <c r="J28484" s="1" t="s">
        <v>100984</v>
      </c>
    </row>
    <row r="28485" spans="1:10" x14ac:dyDescent="0.35">
      <c r="A28485" s="1" t="s">
        <v>100973</v>
      </c>
      <c r="B28485" s="1" t="s">
        <v>96627</v>
      </c>
      <c r="C28485" s="1" t="s">
        <v>30</v>
      </c>
      <c r="D28485" s="1" t="s">
        <v>70119</v>
      </c>
      <c r="E28485" s="1" t="s">
        <v>55251</v>
      </c>
      <c r="F28485" s="1" t="s">
        <v>58272</v>
      </c>
      <c r="G28485" s="1" t="s">
        <v>100975</v>
      </c>
      <c r="H28485" s="1" t="s">
        <v>100976</v>
      </c>
      <c r="I28485" s="1" t="s">
        <v>96632</v>
      </c>
      <c r="J28485" s="1" t="s">
        <v>100985</v>
      </c>
    </row>
    <row r="28486" spans="1:10" x14ac:dyDescent="0.35">
      <c r="A28486" s="1" t="s">
        <v>100973</v>
      </c>
      <c r="B28486" s="1" t="s">
        <v>96627</v>
      </c>
      <c r="C28486" s="1" t="s">
        <v>35</v>
      </c>
      <c r="D28486" s="1" t="s">
        <v>100986</v>
      </c>
      <c r="E28486" s="1" t="s">
        <v>41233</v>
      </c>
      <c r="F28486" s="1" t="s">
        <v>58026</v>
      </c>
      <c r="G28486" s="1" t="s">
        <v>100975</v>
      </c>
      <c r="H28486" s="1" t="s">
        <v>100976</v>
      </c>
      <c r="I28486" s="1" t="s">
        <v>96632</v>
      </c>
      <c r="J28486" s="1" t="s">
        <v>100987</v>
      </c>
    </row>
    <row r="28487" spans="1:10" x14ac:dyDescent="0.35">
      <c r="A28487" s="1" t="s">
        <v>100973</v>
      </c>
      <c r="B28487" s="1" t="s">
        <v>96627</v>
      </c>
      <c r="C28487" s="1" t="s">
        <v>40</v>
      </c>
      <c r="D28487" s="1" t="s">
        <v>60171</v>
      </c>
      <c r="E28487" s="1" t="s">
        <v>54624</v>
      </c>
      <c r="F28487" s="1" t="s">
        <v>100988</v>
      </c>
      <c r="G28487" s="1" t="s">
        <v>100975</v>
      </c>
      <c r="H28487" s="1" t="s">
        <v>100976</v>
      </c>
      <c r="I28487" s="1" t="s">
        <v>96632</v>
      </c>
      <c r="J28487" s="1" t="s">
        <v>100989</v>
      </c>
    </row>
    <row r="28488" spans="1:10" x14ac:dyDescent="0.35">
      <c r="A28488" s="1" t="s">
        <v>100973</v>
      </c>
      <c r="B28488" s="1" t="s">
        <v>96627</v>
      </c>
      <c r="C28488" s="1" t="s">
        <v>45</v>
      </c>
      <c r="D28488" s="1" t="s">
        <v>100990</v>
      </c>
      <c r="E28488" s="1" t="s">
        <v>59099</v>
      </c>
      <c r="F28488" s="1" t="s">
        <v>100991</v>
      </c>
      <c r="G28488" s="1" t="s">
        <v>100975</v>
      </c>
      <c r="H28488" s="1" t="s">
        <v>100976</v>
      </c>
      <c r="I28488" s="1" t="s">
        <v>96632</v>
      </c>
      <c r="J28488" s="1" t="s">
        <v>100992</v>
      </c>
    </row>
    <row r="28489" spans="1:10" x14ac:dyDescent="0.35">
      <c r="A28489" s="1" t="s">
        <v>100973</v>
      </c>
      <c r="B28489" s="1" t="s">
        <v>96627</v>
      </c>
      <c r="C28489" s="1" t="s">
        <v>50</v>
      </c>
      <c r="D28489" s="1" t="s">
        <v>100993</v>
      </c>
      <c r="E28489" s="1" t="s">
        <v>66021</v>
      </c>
      <c r="F28489" s="1" t="s">
        <v>57107</v>
      </c>
      <c r="G28489" s="1" t="s">
        <v>100975</v>
      </c>
      <c r="H28489" s="1" t="s">
        <v>100976</v>
      </c>
      <c r="I28489" s="1" t="s">
        <v>96632</v>
      </c>
      <c r="J28489" s="1" t="s">
        <v>100994</v>
      </c>
    </row>
    <row r="28490" spans="1:10" x14ac:dyDescent="0.35">
      <c r="A28490" s="1" t="s">
        <v>100973</v>
      </c>
      <c r="B28490" s="1" t="s">
        <v>96627</v>
      </c>
      <c r="C28490" s="1" t="s">
        <v>55</v>
      </c>
      <c r="D28490" s="1" t="s">
        <v>100995</v>
      </c>
      <c r="E28490" s="1" t="s">
        <v>31480</v>
      </c>
      <c r="F28490" s="1" t="s">
        <v>100996</v>
      </c>
      <c r="G28490" s="1" t="s">
        <v>100975</v>
      </c>
      <c r="H28490" s="1" t="s">
        <v>100976</v>
      </c>
      <c r="I28490" s="1" t="s">
        <v>96632</v>
      </c>
      <c r="J28490" s="1" t="s">
        <v>100997</v>
      </c>
    </row>
    <row r="28491" spans="1:10" x14ac:dyDescent="0.35">
      <c r="A28491" s="1" t="s">
        <v>100973</v>
      </c>
      <c r="B28491" s="1" t="s">
        <v>96627</v>
      </c>
      <c r="C28491" s="1" t="s">
        <v>60</v>
      </c>
      <c r="D28491" s="1" t="s">
        <v>100998</v>
      </c>
      <c r="E28491" s="1" t="s">
        <v>55251</v>
      </c>
      <c r="F28491" s="1" t="s">
        <v>57366</v>
      </c>
      <c r="G28491" s="1" t="s">
        <v>100975</v>
      </c>
      <c r="H28491" s="1" t="s">
        <v>100976</v>
      </c>
      <c r="I28491" s="1" t="s">
        <v>96632</v>
      </c>
      <c r="J28491" s="1" t="s">
        <v>100999</v>
      </c>
    </row>
    <row r="28492" spans="1:10" x14ac:dyDescent="0.35">
      <c r="A28492" s="1" t="s">
        <v>100973</v>
      </c>
      <c r="B28492" s="1" t="s">
        <v>96627</v>
      </c>
      <c r="C28492" s="1" t="s">
        <v>65</v>
      </c>
      <c r="D28492" s="1" t="s">
        <v>101000</v>
      </c>
      <c r="E28492" s="1" t="s">
        <v>15349</v>
      </c>
      <c r="F28492" s="1" t="s">
        <v>52512</v>
      </c>
      <c r="G28492" s="1" t="s">
        <v>100975</v>
      </c>
      <c r="H28492" s="1" t="s">
        <v>100976</v>
      </c>
      <c r="I28492" s="1" t="s">
        <v>96632</v>
      </c>
      <c r="J28492" s="1" t="s">
        <v>101001</v>
      </c>
    </row>
    <row r="28493" spans="1:10" x14ac:dyDescent="0.35">
      <c r="A28493" s="1" t="s">
        <v>100973</v>
      </c>
      <c r="B28493" s="1" t="s">
        <v>96627</v>
      </c>
      <c r="C28493" s="1" t="s">
        <v>70</v>
      </c>
      <c r="D28493" s="1" t="s">
        <v>101002</v>
      </c>
      <c r="E28493" s="1" t="s">
        <v>24217</v>
      </c>
      <c r="F28493" s="1" t="s">
        <v>101003</v>
      </c>
      <c r="G28493" s="1" t="s">
        <v>100975</v>
      </c>
      <c r="H28493" s="1" t="s">
        <v>100976</v>
      </c>
      <c r="I28493" s="1" t="s">
        <v>96632</v>
      </c>
      <c r="J28493" s="1" t="s">
        <v>101004</v>
      </c>
    </row>
    <row r="28494" spans="1:10" x14ac:dyDescent="0.35">
      <c r="A28494" s="1" t="s">
        <v>100973</v>
      </c>
      <c r="B28494" s="1" t="s">
        <v>96627</v>
      </c>
      <c r="C28494" s="1" t="s">
        <v>75</v>
      </c>
      <c r="D28494" s="1" t="s">
        <v>101005</v>
      </c>
      <c r="E28494" s="1" t="s">
        <v>16132</v>
      </c>
      <c r="F28494" s="1" t="s">
        <v>101006</v>
      </c>
      <c r="G28494" s="1" t="s">
        <v>100975</v>
      </c>
      <c r="H28494" s="1" t="s">
        <v>100976</v>
      </c>
      <c r="I28494" s="1" t="s">
        <v>96632</v>
      </c>
      <c r="J28494" s="1" t="s">
        <v>101007</v>
      </c>
    </row>
    <row r="28495" spans="1:10" x14ac:dyDescent="0.35">
      <c r="A28495" s="1" t="s">
        <v>100973</v>
      </c>
      <c r="B28495" s="1" t="s">
        <v>96627</v>
      </c>
      <c r="C28495" s="1" t="s">
        <v>80</v>
      </c>
      <c r="D28495" s="1" t="s">
        <v>101008</v>
      </c>
      <c r="E28495" s="1" t="s">
        <v>31828</v>
      </c>
      <c r="F28495" s="1" t="s">
        <v>26252</v>
      </c>
      <c r="G28495" s="1" t="s">
        <v>100975</v>
      </c>
      <c r="H28495" s="1" t="s">
        <v>100976</v>
      </c>
      <c r="I28495" s="1" t="s">
        <v>96632</v>
      </c>
      <c r="J28495" s="1" t="s">
        <v>101009</v>
      </c>
    </row>
    <row r="28496" spans="1:10" x14ac:dyDescent="0.35">
      <c r="A28496" s="1" t="s">
        <v>100973</v>
      </c>
      <c r="B28496" s="1" t="s">
        <v>96627</v>
      </c>
      <c r="C28496" s="1" t="s">
        <v>85</v>
      </c>
      <c r="D28496" s="1" t="s">
        <v>101010</v>
      </c>
      <c r="E28496" s="1" t="s">
        <v>26492</v>
      </c>
      <c r="F28496" s="1" t="s">
        <v>101011</v>
      </c>
      <c r="G28496" s="1" t="s">
        <v>100975</v>
      </c>
      <c r="H28496" s="1" t="s">
        <v>100976</v>
      </c>
      <c r="I28496" s="1" t="s">
        <v>96632</v>
      </c>
      <c r="J28496" s="1" t="s">
        <v>101012</v>
      </c>
    </row>
    <row r="28497" spans="1:10" x14ac:dyDescent="0.35">
      <c r="A28497" s="1" t="s">
        <v>100973</v>
      </c>
      <c r="B28497" s="1" t="s">
        <v>96627</v>
      </c>
      <c r="C28497" s="1" t="s">
        <v>90</v>
      </c>
      <c r="D28497" s="1" t="s">
        <v>101013</v>
      </c>
      <c r="E28497" s="1" t="s">
        <v>26206</v>
      </c>
      <c r="F28497" s="1" t="s">
        <v>101014</v>
      </c>
      <c r="G28497" s="1" t="s">
        <v>100975</v>
      </c>
      <c r="H28497" s="1" t="s">
        <v>100976</v>
      </c>
      <c r="I28497" s="1" t="s">
        <v>96632</v>
      </c>
      <c r="J28497" s="1" t="s">
        <v>101015</v>
      </c>
    </row>
    <row r="28498" spans="1:10" x14ac:dyDescent="0.35">
      <c r="A28498" s="1" t="s">
        <v>100973</v>
      </c>
      <c r="B28498" s="1" t="s">
        <v>96627</v>
      </c>
      <c r="C28498" s="1" t="s">
        <v>95</v>
      </c>
      <c r="D28498" s="1" t="s">
        <v>5631</v>
      </c>
      <c r="E28498" s="1" t="s">
        <v>54178</v>
      </c>
      <c r="F28498" s="1" t="s">
        <v>101016</v>
      </c>
      <c r="G28498" s="1" t="s">
        <v>100975</v>
      </c>
      <c r="H28498" s="1" t="s">
        <v>100976</v>
      </c>
      <c r="I28498" s="1" t="s">
        <v>96632</v>
      </c>
      <c r="J28498" s="1" t="s">
        <v>101017</v>
      </c>
    </row>
    <row r="28499" spans="1:10" x14ac:dyDescent="0.35">
      <c r="A28499" s="1" t="s">
        <v>100973</v>
      </c>
      <c r="B28499" s="1" t="s">
        <v>96627</v>
      </c>
      <c r="C28499" s="1" t="s">
        <v>100</v>
      </c>
      <c r="D28499" s="1" t="s">
        <v>101018</v>
      </c>
      <c r="E28499" s="1" t="s">
        <v>58783</v>
      </c>
      <c r="F28499" s="1" t="s">
        <v>101019</v>
      </c>
      <c r="G28499" s="1" t="s">
        <v>100975</v>
      </c>
      <c r="H28499" s="1" t="s">
        <v>100976</v>
      </c>
      <c r="I28499" s="1" t="s">
        <v>96632</v>
      </c>
      <c r="J28499" s="1" t="s">
        <v>101020</v>
      </c>
    </row>
    <row r="28500" spans="1:10" x14ac:dyDescent="0.35">
      <c r="A28500" s="1" t="s">
        <v>100973</v>
      </c>
      <c r="B28500" s="1" t="s">
        <v>96627</v>
      </c>
      <c r="C28500" s="1" t="s">
        <v>105</v>
      </c>
      <c r="D28500" s="1" t="s">
        <v>101021</v>
      </c>
      <c r="E28500" s="1" t="s">
        <v>15349</v>
      </c>
      <c r="F28500" s="1" t="s">
        <v>101022</v>
      </c>
      <c r="G28500" s="1" t="s">
        <v>100975</v>
      </c>
      <c r="H28500" s="1" t="s">
        <v>100976</v>
      </c>
      <c r="I28500" s="1" t="s">
        <v>96632</v>
      </c>
      <c r="J28500" s="1" t="s">
        <v>101023</v>
      </c>
    </row>
    <row r="28501" spans="1:10" x14ac:dyDescent="0.35">
      <c r="A28501" s="1" t="s">
        <v>100973</v>
      </c>
      <c r="B28501" s="1" t="s">
        <v>96627</v>
      </c>
      <c r="C28501" s="1" t="s">
        <v>110</v>
      </c>
      <c r="D28501" s="1" t="s">
        <v>101024</v>
      </c>
      <c r="E28501" s="1" t="s">
        <v>54038</v>
      </c>
      <c r="F28501" s="1" t="s">
        <v>101025</v>
      </c>
      <c r="G28501" s="1" t="s">
        <v>100975</v>
      </c>
      <c r="H28501" s="1" t="s">
        <v>100976</v>
      </c>
      <c r="I28501" s="1" t="s">
        <v>96632</v>
      </c>
      <c r="J28501" s="1" t="s">
        <v>101026</v>
      </c>
    </row>
    <row r="28502" spans="1:10" x14ac:dyDescent="0.35">
      <c r="A28502" s="1" t="s">
        <v>100973</v>
      </c>
      <c r="B28502" s="1" t="s">
        <v>96627</v>
      </c>
      <c r="C28502" s="1" t="s">
        <v>115</v>
      </c>
      <c r="D28502" s="1" t="s">
        <v>101027</v>
      </c>
      <c r="E28502" s="1" t="s">
        <v>27104</v>
      </c>
      <c r="F28502" s="1" t="s">
        <v>99032</v>
      </c>
      <c r="G28502" s="1" t="s">
        <v>100975</v>
      </c>
      <c r="H28502" s="1" t="s">
        <v>100976</v>
      </c>
      <c r="I28502" s="1" t="s">
        <v>96632</v>
      </c>
      <c r="J28502" s="1" t="s">
        <v>101028</v>
      </c>
    </row>
    <row r="28503" spans="1:10" x14ac:dyDescent="0.35">
      <c r="A28503" s="1" t="s">
        <v>100973</v>
      </c>
      <c r="B28503" s="1" t="s">
        <v>96627</v>
      </c>
      <c r="C28503" s="1" t="s">
        <v>120</v>
      </c>
      <c r="D28503" s="1" t="s">
        <v>101029</v>
      </c>
      <c r="E28503" s="1" t="s">
        <v>21970</v>
      </c>
      <c r="F28503" s="1" t="s">
        <v>101030</v>
      </c>
      <c r="G28503" s="1" t="s">
        <v>100975</v>
      </c>
      <c r="H28503" s="1" t="s">
        <v>100976</v>
      </c>
      <c r="I28503" s="1" t="s">
        <v>96632</v>
      </c>
      <c r="J28503" s="1" t="s">
        <v>101031</v>
      </c>
    </row>
    <row r="28504" spans="1:10" x14ac:dyDescent="0.35">
      <c r="A28504" s="1" t="s">
        <v>100973</v>
      </c>
      <c r="B28504" s="1" t="s">
        <v>96627</v>
      </c>
      <c r="C28504" s="1" t="s">
        <v>125</v>
      </c>
      <c r="D28504" s="1" t="s">
        <v>101032</v>
      </c>
      <c r="E28504" s="1" t="s">
        <v>56351</v>
      </c>
      <c r="F28504" s="1" t="s">
        <v>101033</v>
      </c>
      <c r="G28504" s="1" t="s">
        <v>100975</v>
      </c>
      <c r="H28504" s="1" t="s">
        <v>100976</v>
      </c>
      <c r="I28504" s="1" t="s">
        <v>96632</v>
      </c>
      <c r="J28504" s="1" t="s">
        <v>101034</v>
      </c>
    </row>
    <row r="28505" spans="1:10" x14ac:dyDescent="0.35">
      <c r="A28505" s="1" t="s">
        <v>100973</v>
      </c>
      <c r="B28505" s="1" t="s">
        <v>96627</v>
      </c>
      <c r="C28505" s="1" t="s">
        <v>130</v>
      </c>
      <c r="D28505" s="1" t="s">
        <v>101024</v>
      </c>
      <c r="E28505" s="1" t="s">
        <v>520</v>
      </c>
      <c r="F28505" s="1" t="s">
        <v>101035</v>
      </c>
      <c r="G28505" s="1" t="s">
        <v>100975</v>
      </c>
      <c r="H28505" s="1" t="s">
        <v>100976</v>
      </c>
      <c r="I28505" s="1" t="s">
        <v>96632</v>
      </c>
      <c r="J28505" s="1" t="s">
        <v>101036</v>
      </c>
    </row>
    <row r="28506" spans="1:10" x14ac:dyDescent="0.35">
      <c r="A28506" s="1" t="s">
        <v>100973</v>
      </c>
      <c r="B28506" s="1" t="s">
        <v>96627</v>
      </c>
      <c r="C28506" s="1" t="s">
        <v>135</v>
      </c>
      <c r="D28506" s="1" t="s">
        <v>101037</v>
      </c>
      <c r="E28506" s="1" t="s">
        <v>57695</v>
      </c>
      <c r="F28506" s="1" t="s">
        <v>95781</v>
      </c>
      <c r="G28506" s="1" t="s">
        <v>100975</v>
      </c>
      <c r="H28506" s="1" t="s">
        <v>100976</v>
      </c>
      <c r="I28506" s="1" t="s">
        <v>96632</v>
      </c>
      <c r="J28506" s="1" t="s">
        <v>101038</v>
      </c>
    </row>
    <row r="28507" spans="1:10" x14ac:dyDescent="0.35">
      <c r="A28507" s="1" t="s">
        <v>100973</v>
      </c>
      <c r="B28507" s="1" t="s">
        <v>96627</v>
      </c>
      <c r="C28507" s="1" t="s">
        <v>140</v>
      </c>
      <c r="D28507" s="1" t="s">
        <v>101039</v>
      </c>
      <c r="E28507" s="1" t="s">
        <v>32384</v>
      </c>
      <c r="F28507" s="1" t="s">
        <v>101040</v>
      </c>
      <c r="G28507" s="1" t="s">
        <v>100975</v>
      </c>
      <c r="H28507" s="1" t="s">
        <v>100976</v>
      </c>
      <c r="I28507" s="1" t="s">
        <v>96632</v>
      </c>
      <c r="J28507" s="1" t="s">
        <v>101041</v>
      </c>
    </row>
    <row r="28508" spans="1:10" x14ac:dyDescent="0.35">
      <c r="A28508" s="1" t="s">
        <v>100973</v>
      </c>
      <c r="B28508" s="1" t="s">
        <v>96627</v>
      </c>
      <c r="C28508" s="1" t="s">
        <v>145</v>
      </c>
      <c r="D28508" s="1" t="s">
        <v>101042</v>
      </c>
      <c r="E28508" s="1" t="s">
        <v>23187</v>
      </c>
      <c r="F28508" s="1" t="s">
        <v>100230</v>
      </c>
      <c r="G28508" s="1" t="s">
        <v>100975</v>
      </c>
      <c r="H28508" s="1" t="s">
        <v>100976</v>
      </c>
      <c r="I28508" s="1" t="s">
        <v>96632</v>
      </c>
      <c r="J28508" s="1" t="s">
        <v>101043</v>
      </c>
    </row>
    <row r="28509" spans="1:10" x14ac:dyDescent="0.35">
      <c r="A28509" s="1" t="s">
        <v>100973</v>
      </c>
      <c r="B28509" s="1" t="s">
        <v>96627</v>
      </c>
      <c r="C28509" s="1" t="s">
        <v>150</v>
      </c>
      <c r="D28509" s="1" t="s">
        <v>101044</v>
      </c>
      <c r="E28509" s="1" t="s">
        <v>32567</v>
      </c>
      <c r="F28509" s="1" t="s">
        <v>60595</v>
      </c>
      <c r="G28509" s="1" t="s">
        <v>100975</v>
      </c>
      <c r="H28509" s="1" t="s">
        <v>100976</v>
      </c>
      <c r="I28509" s="1" t="s">
        <v>96632</v>
      </c>
      <c r="J28509" s="1" t="s">
        <v>101045</v>
      </c>
    </row>
    <row r="28510" spans="1:10" x14ac:dyDescent="0.35">
      <c r="A28510" s="1" t="s">
        <v>100973</v>
      </c>
      <c r="B28510" s="1" t="s">
        <v>96627</v>
      </c>
      <c r="C28510" s="1" t="s">
        <v>155</v>
      </c>
      <c r="D28510" s="1" t="s">
        <v>101046</v>
      </c>
      <c r="E28510" s="1" t="s">
        <v>32576</v>
      </c>
      <c r="F28510" s="1" t="s">
        <v>101047</v>
      </c>
      <c r="G28510" s="1" t="s">
        <v>100975</v>
      </c>
      <c r="H28510" s="1" t="s">
        <v>100976</v>
      </c>
      <c r="I28510" s="1" t="s">
        <v>96632</v>
      </c>
      <c r="J28510" s="1" t="s">
        <v>101048</v>
      </c>
    </row>
    <row r="28511" spans="1:10" x14ac:dyDescent="0.35">
      <c r="A28511" s="1" t="s">
        <v>100973</v>
      </c>
      <c r="B28511" s="1" t="s">
        <v>96627</v>
      </c>
      <c r="C28511" s="1" t="s">
        <v>160</v>
      </c>
      <c r="D28511" s="1" t="s">
        <v>101049</v>
      </c>
      <c r="E28511" s="1" t="s">
        <v>22317</v>
      </c>
      <c r="F28511" s="1" t="s">
        <v>101050</v>
      </c>
      <c r="G28511" s="1" t="s">
        <v>100975</v>
      </c>
      <c r="H28511" s="1" t="s">
        <v>100976</v>
      </c>
      <c r="I28511" s="1" t="s">
        <v>96632</v>
      </c>
      <c r="J28511" s="1" t="s">
        <v>101051</v>
      </c>
    </row>
    <row r="28512" spans="1:10" x14ac:dyDescent="0.35">
      <c r="A28512" s="1" t="s">
        <v>100973</v>
      </c>
      <c r="B28512" s="1" t="s">
        <v>96627</v>
      </c>
      <c r="C28512" s="1" t="s">
        <v>165</v>
      </c>
      <c r="D28512" s="1" t="s">
        <v>101052</v>
      </c>
      <c r="E28512" s="1" t="s">
        <v>54178</v>
      </c>
      <c r="F28512" s="1" t="s">
        <v>66644</v>
      </c>
      <c r="G28512" s="1" t="s">
        <v>100975</v>
      </c>
      <c r="H28512" s="1" t="s">
        <v>100976</v>
      </c>
      <c r="I28512" s="1" t="s">
        <v>96632</v>
      </c>
      <c r="J28512" s="1" t="s">
        <v>101053</v>
      </c>
    </row>
    <row r="28513" spans="1:10" x14ac:dyDescent="0.35">
      <c r="A28513" s="1" t="s">
        <v>100973</v>
      </c>
      <c r="B28513" s="1" t="s">
        <v>96627</v>
      </c>
      <c r="C28513" s="1" t="s">
        <v>170</v>
      </c>
      <c r="D28513" s="1" t="s">
        <v>101054</v>
      </c>
      <c r="E28513" s="1" t="s">
        <v>32153</v>
      </c>
      <c r="F28513" s="1" t="s">
        <v>101055</v>
      </c>
      <c r="G28513" s="1" t="s">
        <v>100975</v>
      </c>
      <c r="H28513" s="1" t="s">
        <v>100976</v>
      </c>
      <c r="I28513" s="1" t="s">
        <v>96632</v>
      </c>
      <c r="J28513" s="1" t="s">
        <v>101056</v>
      </c>
    </row>
    <row r="28514" spans="1:10" x14ac:dyDescent="0.35">
      <c r="A28514" s="1" t="s">
        <v>8471</v>
      </c>
      <c r="B28514" s="1" t="s">
        <v>96627</v>
      </c>
      <c r="C28514" s="1" t="s">
        <v>8</v>
      </c>
      <c r="D28514" s="1" t="s">
        <v>101057</v>
      </c>
      <c r="E28514" s="1" t="s">
        <v>101058</v>
      </c>
      <c r="F28514" s="1" t="s">
        <v>101059</v>
      </c>
      <c r="G28514" s="1" t="s">
        <v>101060</v>
      </c>
      <c r="H28514" s="1" t="s">
        <v>101061</v>
      </c>
      <c r="I28514" s="1" t="s">
        <v>96632</v>
      </c>
      <c r="J28514" s="1" t="s">
        <v>13</v>
      </c>
    </row>
    <row r="28515" spans="1:10" x14ac:dyDescent="0.35">
      <c r="A28515" s="1" t="s">
        <v>8471</v>
      </c>
      <c r="B28515" s="1" t="s">
        <v>96627</v>
      </c>
      <c r="C28515" s="1" t="s">
        <v>15</v>
      </c>
      <c r="D28515" s="1" t="s">
        <v>80384</v>
      </c>
      <c r="E28515" s="1" t="s">
        <v>23021</v>
      </c>
      <c r="F28515" s="1" t="s">
        <v>101062</v>
      </c>
      <c r="G28515" s="1" t="s">
        <v>101060</v>
      </c>
      <c r="H28515" s="1" t="s">
        <v>101061</v>
      </c>
      <c r="I28515" s="1" t="s">
        <v>96632</v>
      </c>
      <c r="J28515" s="1" t="s">
        <v>101063</v>
      </c>
    </row>
    <row r="28516" spans="1:10" x14ac:dyDescent="0.35">
      <c r="A28516" s="1" t="s">
        <v>8471</v>
      </c>
      <c r="B28516" s="1" t="s">
        <v>96627</v>
      </c>
      <c r="C28516" s="1" t="s">
        <v>20</v>
      </c>
      <c r="D28516" s="1" t="s">
        <v>101064</v>
      </c>
      <c r="E28516" s="1" t="s">
        <v>23796</v>
      </c>
      <c r="F28516" s="1" t="s">
        <v>101065</v>
      </c>
      <c r="G28516" s="1" t="s">
        <v>101060</v>
      </c>
      <c r="H28516" s="1" t="s">
        <v>101061</v>
      </c>
      <c r="I28516" s="1" t="s">
        <v>96632</v>
      </c>
      <c r="J28516" s="1" t="s">
        <v>101066</v>
      </c>
    </row>
    <row r="28517" spans="1:10" x14ac:dyDescent="0.35">
      <c r="A28517" s="1" t="s">
        <v>8471</v>
      </c>
      <c r="B28517" s="1" t="s">
        <v>96627</v>
      </c>
      <c r="C28517" s="1" t="s">
        <v>25</v>
      </c>
      <c r="D28517" s="1" t="s">
        <v>101067</v>
      </c>
      <c r="E28517" s="1" t="s">
        <v>40633</v>
      </c>
      <c r="F28517" s="1" t="s">
        <v>101068</v>
      </c>
      <c r="G28517" s="1" t="s">
        <v>101060</v>
      </c>
      <c r="H28517" s="1" t="s">
        <v>101061</v>
      </c>
      <c r="I28517" s="1" t="s">
        <v>96632</v>
      </c>
      <c r="J28517" s="1" t="s">
        <v>101069</v>
      </c>
    </row>
    <row r="28518" spans="1:10" x14ac:dyDescent="0.35">
      <c r="A28518" s="1" t="s">
        <v>8471</v>
      </c>
      <c r="B28518" s="1" t="s">
        <v>96627</v>
      </c>
      <c r="C28518" s="1" t="s">
        <v>30</v>
      </c>
      <c r="D28518" s="1" t="s">
        <v>90430</v>
      </c>
      <c r="E28518" s="1" t="s">
        <v>101070</v>
      </c>
      <c r="F28518" s="1" t="s">
        <v>101071</v>
      </c>
      <c r="G28518" s="1" t="s">
        <v>101060</v>
      </c>
      <c r="H28518" s="1" t="s">
        <v>101061</v>
      </c>
      <c r="I28518" s="1" t="s">
        <v>96632</v>
      </c>
      <c r="J28518" s="1" t="s">
        <v>101072</v>
      </c>
    </row>
    <row r="28519" spans="1:10" x14ac:dyDescent="0.35">
      <c r="A28519" s="1" t="s">
        <v>8471</v>
      </c>
      <c r="B28519" s="1" t="s">
        <v>96627</v>
      </c>
      <c r="C28519" s="1" t="s">
        <v>35</v>
      </c>
      <c r="D28519" s="1" t="s">
        <v>52491</v>
      </c>
      <c r="E28519" s="1" t="s">
        <v>54641</v>
      </c>
      <c r="F28519" s="1" t="s">
        <v>101073</v>
      </c>
      <c r="G28519" s="1" t="s">
        <v>101060</v>
      </c>
      <c r="H28519" s="1" t="s">
        <v>101061</v>
      </c>
      <c r="I28519" s="1" t="s">
        <v>96632</v>
      </c>
      <c r="J28519" s="1" t="s">
        <v>101074</v>
      </c>
    </row>
    <row r="28520" spans="1:10" x14ac:dyDescent="0.35">
      <c r="A28520" s="1" t="s">
        <v>8471</v>
      </c>
      <c r="B28520" s="1" t="s">
        <v>96627</v>
      </c>
      <c r="C28520" s="1" t="s">
        <v>40</v>
      </c>
      <c r="D28520" s="1" t="s">
        <v>101075</v>
      </c>
      <c r="E28520" s="1" t="s">
        <v>101076</v>
      </c>
      <c r="F28520" s="1" t="s">
        <v>91881</v>
      </c>
      <c r="G28520" s="1" t="s">
        <v>101060</v>
      </c>
      <c r="H28520" s="1" t="s">
        <v>101061</v>
      </c>
      <c r="I28520" s="1" t="s">
        <v>96632</v>
      </c>
      <c r="J28520" s="1" t="s">
        <v>101077</v>
      </c>
    </row>
    <row r="28521" spans="1:10" x14ac:dyDescent="0.35">
      <c r="A28521" s="1" t="s">
        <v>8471</v>
      </c>
      <c r="B28521" s="1" t="s">
        <v>96627</v>
      </c>
      <c r="C28521" s="1" t="s">
        <v>45</v>
      </c>
      <c r="D28521" s="1" t="s">
        <v>89748</v>
      </c>
      <c r="E28521" s="1" t="s">
        <v>55862</v>
      </c>
      <c r="F28521" s="1" t="s">
        <v>27505</v>
      </c>
      <c r="G28521" s="1" t="s">
        <v>101060</v>
      </c>
      <c r="H28521" s="1" t="s">
        <v>101061</v>
      </c>
      <c r="I28521" s="1" t="s">
        <v>96632</v>
      </c>
      <c r="J28521" s="1" t="s">
        <v>101078</v>
      </c>
    </row>
    <row r="28522" spans="1:10" x14ac:dyDescent="0.35">
      <c r="A28522" s="1" t="s">
        <v>8471</v>
      </c>
      <c r="B28522" s="1" t="s">
        <v>96627</v>
      </c>
      <c r="C28522" s="1" t="s">
        <v>50</v>
      </c>
      <c r="D28522" s="1" t="s">
        <v>101079</v>
      </c>
      <c r="E28522" s="1" t="s">
        <v>23106</v>
      </c>
      <c r="F28522" s="1" t="s">
        <v>101080</v>
      </c>
      <c r="G28522" s="1" t="s">
        <v>101060</v>
      </c>
      <c r="H28522" s="1" t="s">
        <v>101061</v>
      </c>
      <c r="I28522" s="1" t="s">
        <v>96632</v>
      </c>
      <c r="J28522" s="1" t="s">
        <v>101081</v>
      </c>
    </row>
    <row r="28523" spans="1:10" x14ac:dyDescent="0.35">
      <c r="A28523" s="1" t="s">
        <v>8471</v>
      </c>
      <c r="B28523" s="1" t="s">
        <v>96627</v>
      </c>
      <c r="C28523" s="1" t="s">
        <v>55</v>
      </c>
      <c r="D28523" s="1" t="s">
        <v>60433</v>
      </c>
      <c r="E28523" s="1" t="s">
        <v>21883</v>
      </c>
      <c r="F28523" s="1" t="s">
        <v>101082</v>
      </c>
      <c r="G28523" s="1" t="s">
        <v>101060</v>
      </c>
      <c r="H28523" s="1" t="s">
        <v>101061</v>
      </c>
      <c r="I28523" s="1" t="s">
        <v>96632</v>
      </c>
      <c r="J28523" s="1" t="s">
        <v>101083</v>
      </c>
    </row>
    <row r="28524" spans="1:10" x14ac:dyDescent="0.35">
      <c r="A28524" s="1" t="s">
        <v>8471</v>
      </c>
      <c r="B28524" s="1" t="s">
        <v>96627</v>
      </c>
      <c r="C28524" s="1" t="s">
        <v>60</v>
      </c>
      <c r="D28524" s="1" t="s">
        <v>101084</v>
      </c>
      <c r="E28524" s="1" t="s">
        <v>69716</v>
      </c>
      <c r="F28524" s="1" t="s">
        <v>101085</v>
      </c>
      <c r="G28524" s="1" t="s">
        <v>101060</v>
      </c>
      <c r="H28524" s="1" t="s">
        <v>101061</v>
      </c>
      <c r="I28524" s="1" t="s">
        <v>96632</v>
      </c>
      <c r="J28524" s="1" t="s">
        <v>101086</v>
      </c>
    </row>
    <row r="28525" spans="1:10" x14ac:dyDescent="0.35">
      <c r="A28525" s="1" t="s">
        <v>8471</v>
      </c>
      <c r="B28525" s="1" t="s">
        <v>96627</v>
      </c>
      <c r="C28525" s="1" t="s">
        <v>65</v>
      </c>
      <c r="D28525" s="1" t="s">
        <v>62509</v>
      </c>
      <c r="E28525" s="1" t="s">
        <v>23866</v>
      </c>
      <c r="F28525" s="1" t="s">
        <v>101087</v>
      </c>
      <c r="G28525" s="1" t="s">
        <v>101060</v>
      </c>
      <c r="H28525" s="1" t="s">
        <v>101061</v>
      </c>
      <c r="I28525" s="1" t="s">
        <v>96632</v>
      </c>
      <c r="J28525" s="1" t="s">
        <v>101088</v>
      </c>
    </row>
    <row r="28526" spans="1:10" x14ac:dyDescent="0.35">
      <c r="A28526" s="1" t="s">
        <v>8471</v>
      </c>
      <c r="B28526" s="1" t="s">
        <v>96627</v>
      </c>
      <c r="C28526" s="1" t="s">
        <v>70</v>
      </c>
      <c r="D28526" s="1" t="s">
        <v>63697</v>
      </c>
      <c r="E28526" s="1" t="s">
        <v>31357</v>
      </c>
      <c r="F28526" s="1" t="s">
        <v>101089</v>
      </c>
      <c r="G28526" s="1" t="s">
        <v>101060</v>
      </c>
      <c r="H28526" s="1" t="s">
        <v>101061</v>
      </c>
      <c r="I28526" s="1" t="s">
        <v>96632</v>
      </c>
      <c r="J28526" s="1" t="s">
        <v>101090</v>
      </c>
    </row>
    <row r="28527" spans="1:10" x14ac:dyDescent="0.35">
      <c r="A28527" s="1" t="s">
        <v>8471</v>
      </c>
      <c r="B28527" s="1" t="s">
        <v>96627</v>
      </c>
      <c r="C28527" s="1" t="s">
        <v>75</v>
      </c>
      <c r="D28527" s="1" t="s">
        <v>58080</v>
      </c>
      <c r="E28527" s="1" t="s">
        <v>23129</v>
      </c>
      <c r="F28527" s="1" t="s">
        <v>101091</v>
      </c>
      <c r="G28527" s="1" t="s">
        <v>101060</v>
      </c>
      <c r="H28527" s="1" t="s">
        <v>101061</v>
      </c>
      <c r="I28527" s="1" t="s">
        <v>96632</v>
      </c>
      <c r="J28527" s="1" t="s">
        <v>101092</v>
      </c>
    </row>
    <row r="28528" spans="1:10" x14ac:dyDescent="0.35">
      <c r="A28528" s="1" t="s">
        <v>8471</v>
      </c>
      <c r="B28528" s="1" t="s">
        <v>96627</v>
      </c>
      <c r="C28528" s="1" t="s">
        <v>80</v>
      </c>
      <c r="D28528" s="1" t="s">
        <v>60445</v>
      </c>
      <c r="E28528" s="1" t="s">
        <v>61010</v>
      </c>
      <c r="F28528" s="1" t="s">
        <v>101093</v>
      </c>
      <c r="G28528" s="1" t="s">
        <v>101060</v>
      </c>
      <c r="H28528" s="1" t="s">
        <v>101061</v>
      </c>
      <c r="I28528" s="1" t="s">
        <v>96632</v>
      </c>
      <c r="J28528" s="1" t="s">
        <v>101094</v>
      </c>
    </row>
    <row r="28529" spans="1:10" x14ac:dyDescent="0.35">
      <c r="A28529" s="1" t="s">
        <v>8471</v>
      </c>
      <c r="B28529" s="1" t="s">
        <v>96627</v>
      </c>
      <c r="C28529" s="1" t="s">
        <v>85</v>
      </c>
      <c r="D28529" s="1" t="s">
        <v>81494</v>
      </c>
      <c r="E28529" s="1" t="s">
        <v>21941</v>
      </c>
      <c r="F28529" s="1" t="s">
        <v>22684</v>
      </c>
      <c r="G28529" s="1" t="s">
        <v>101060</v>
      </c>
      <c r="H28529" s="1" t="s">
        <v>101061</v>
      </c>
      <c r="I28529" s="1" t="s">
        <v>96632</v>
      </c>
      <c r="J28529" s="1" t="s">
        <v>101095</v>
      </c>
    </row>
    <row r="28530" spans="1:10" x14ac:dyDescent="0.35">
      <c r="A28530" s="1" t="s">
        <v>8471</v>
      </c>
      <c r="B28530" s="1" t="s">
        <v>96627</v>
      </c>
      <c r="C28530" s="1" t="s">
        <v>90</v>
      </c>
      <c r="D28530" s="1" t="s">
        <v>101096</v>
      </c>
      <c r="E28530" s="1" t="s">
        <v>68848</v>
      </c>
      <c r="F28530" s="1" t="s">
        <v>101097</v>
      </c>
      <c r="G28530" s="1" t="s">
        <v>101060</v>
      </c>
      <c r="H28530" s="1" t="s">
        <v>101061</v>
      </c>
      <c r="I28530" s="1" t="s">
        <v>96632</v>
      </c>
      <c r="J28530" s="1" t="s">
        <v>101098</v>
      </c>
    </row>
    <row r="28531" spans="1:10" x14ac:dyDescent="0.35">
      <c r="A28531" s="1" t="s">
        <v>8471</v>
      </c>
      <c r="B28531" s="1" t="s">
        <v>96627</v>
      </c>
      <c r="C28531" s="1" t="s">
        <v>95</v>
      </c>
      <c r="D28531" s="1" t="s">
        <v>5879</v>
      </c>
      <c r="E28531" s="1" t="s">
        <v>60632</v>
      </c>
      <c r="F28531" s="1" t="s">
        <v>101099</v>
      </c>
      <c r="G28531" s="1" t="s">
        <v>101060</v>
      </c>
      <c r="H28531" s="1" t="s">
        <v>101061</v>
      </c>
      <c r="I28531" s="1" t="s">
        <v>96632</v>
      </c>
      <c r="J28531" s="1" t="s">
        <v>101100</v>
      </c>
    </row>
    <row r="28532" spans="1:10" x14ac:dyDescent="0.35">
      <c r="A28532" s="1" t="s">
        <v>8471</v>
      </c>
      <c r="B28532" s="1" t="s">
        <v>96627</v>
      </c>
      <c r="C28532" s="1" t="s">
        <v>100</v>
      </c>
      <c r="D28532" s="1" t="s">
        <v>101101</v>
      </c>
      <c r="E28532" s="1" t="s">
        <v>23371</v>
      </c>
      <c r="F28532" s="1" t="s">
        <v>101102</v>
      </c>
      <c r="G28532" s="1" t="s">
        <v>101060</v>
      </c>
      <c r="H28532" s="1" t="s">
        <v>101061</v>
      </c>
      <c r="I28532" s="1" t="s">
        <v>96632</v>
      </c>
      <c r="J28532" s="1" t="s">
        <v>101103</v>
      </c>
    </row>
    <row r="28533" spans="1:10" x14ac:dyDescent="0.35">
      <c r="A28533" s="1" t="s">
        <v>8471</v>
      </c>
      <c r="B28533" s="1" t="s">
        <v>96627</v>
      </c>
      <c r="C28533" s="1" t="s">
        <v>105</v>
      </c>
      <c r="D28533" s="1" t="s">
        <v>89407</v>
      </c>
      <c r="E28533" s="1" t="s">
        <v>55074</v>
      </c>
      <c r="F28533" s="1" t="s">
        <v>101104</v>
      </c>
      <c r="G28533" s="1" t="s">
        <v>101060</v>
      </c>
      <c r="H28533" s="1" t="s">
        <v>101061</v>
      </c>
      <c r="I28533" s="1" t="s">
        <v>96632</v>
      </c>
      <c r="J28533" s="1" t="s">
        <v>101105</v>
      </c>
    </row>
    <row r="28534" spans="1:10" x14ac:dyDescent="0.35">
      <c r="A28534" s="1" t="s">
        <v>8471</v>
      </c>
      <c r="B28534" s="1" t="s">
        <v>96627</v>
      </c>
      <c r="C28534" s="1" t="s">
        <v>110</v>
      </c>
      <c r="D28534" s="1" t="s">
        <v>93814</v>
      </c>
      <c r="E28534" s="1" t="s">
        <v>60591</v>
      </c>
      <c r="F28534" s="1" t="s">
        <v>101106</v>
      </c>
      <c r="G28534" s="1" t="s">
        <v>101060</v>
      </c>
      <c r="H28534" s="1" t="s">
        <v>101061</v>
      </c>
      <c r="I28534" s="1" t="s">
        <v>96632</v>
      </c>
      <c r="J28534" s="1" t="s">
        <v>101107</v>
      </c>
    </row>
    <row r="28535" spans="1:10" x14ac:dyDescent="0.35">
      <c r="A28535" s="1" t="s">
        <v>8471</v>
      </c>
      <c r="B28535" s="1" t="s">
        <v>96627</v>
      </c>
      <c r="C28535" s="1" t="s">
        <v>115</v>
      </c>
      <c r="D28535" s="1" t="s">
        <v>101108</v>
      </c>
      <c r="E28535" s="1" t="s">
        <v>23083</v>
      </c>
      <c r="F28535" s="1" t="s">
        <v>55062</v>
      </c>
      <c r="G28535" s="1" t="s">
        <v>101060</v>
      </c>
      <c r="H28535" s="1" t="s">
        <v>101061</v>
      </c>
      <c r="I28535" s="1" t="s">
        <v>96632</v>
      </c>
      <c r="J28535" s="1" t="s">
        <v>101109</v>
      </c>
    </row>
    <row r="28536" spans="1:10" x14ac:dyDescent="0.35">
      <c r="A28536" s="1" t="s">
        <v>8471</v>
      </c>
      <c r="B28536" s="1" t="s">
        <v>96627</v>
      </c>
      <c r="C28536" s="1" t="s">
        <v>120</v>
      </c>
      <c r="D28536" s="1" t="s">
        <v>101110</v>
      </c>
      <c r="E28536" s="1" t="s">
        <v>22918</v>
      </c>
      <c r="F28536" s="1" t="s">
        <v>101111</v>
      </c>
      <c r="G28536" s="1" t="s">
        <v>101060</v>
      </c>
      <c r="H28536" s="1" t="s">
        <v>101061</v>
      </c>
      <c r="I28536" s="1" t="s">
        <v>96632</v>
      </c>
      <c r="J28536" s="1" t="s">
        <v>101112</v>
      </c>
    </row>
    <row r="28537" spans="1:10" x14ac:dyDescent="0.35">
      <c r="A28537" s="1" t="s">
        <v>8471</v>
      </c>
      <c r="B28537" s="1" t="s">
        <v>96627</v>
      </c>
      <c r="C28537" s="1" t="s">
        <v>125</v>
      </c>
      <c r="D28537" s="1" t="s">
        <v>17375</v>
      </c>
      <c r="E28537" s="1" t="s">
        <v>54395</v>
      </c>
      <c r="F28537" s="1" t="s">
        <v>101113</v>
      </c>
      <c r="G28537" s="1" t="s">
        <v>101060</v>
      </c>
      <c r="H28537" s="1" t="s">
        <v>101061</v>
      </c>
      <c r="I28537" s="1" t="s">
        <v>96632</v>
      </c>
      <c r="J28537" s="1" t="s">
        <v>101114</v>
      </c>
    </row>
    <row r="28538" spans="1:10" x14ac:dyDescent="0.35">
      <c r="A28538" s="1" t="s">
        <v>8471</v>
      </c>
      <c r="B28538" s="1" t="s">
        <v>96627</v>
      </c>
      <c r="C28538" s="1" t="s">
        <v>130</v>
      </c>
      <c r="D28538" s="1" t="s">
        <v>57354</v>
      </c>
      <c r="E28538" s="1" t="s">
        <v>23129</v>
      </c>
      <c r="F28538" s="1" t="s">
        <v>101115</v>
      </c>
      <c r="G28538" s="1" t="s">
        <v>101060</v>
      </c>
      <c r="H28538" s="1" t="s">
        <v>101061</v>
      </c>
      <c r="I28538" s="1" t="s">
        <v>96632</v>
      </c>
      <c r="J28538" s="1" t="s">
        <v>101116</v>
      </c>
    </row>
    <row r="28539" spans="1:10" x14ac:dyDescent="0.35">
      <c r="A28539" s="1" t="s">
        <v>8471</v>
      </c>
      <c r="B28539" s="1" t="s">
        <v>96627</v>
      </c>
      <c r="C28539" s="1" t="s">
        <v>135</v>
      </c>
      <c r="D28539" s="1" t="s">
        <v>101117</v>
      </c>
      <c r="E28539" s="1" t="s">
        <v>23391</v>
      </c>
      <c r="F28539" s="1" t="s">
        <v>101118</v>
      </c>
      <c r="G28539" s="1" t="s">
        <v>101060</v>
      </c>
      <c r="H28539" s="1" t="s">
        <v>101061</v>
      </c>
      <c r="I28539" s="1" t="s">
        <v>96632</v>
      </c>
      <c r="J28539" s="1" t="s">
        <v>101119</v>
      </c>
    </row>
    <row r="28540" spans="1:10" x14ac:dyDescent="0.35">
      <c r="A28540" s="1" t="s">
        <v>8471</v>
      </c>
      <c r="B28540" s="1" t="s">
        <v>96627</v>
      </c>
      <c r="C28540" s="1" t="s">
        <v>140</v>
      </c>
      <c r="D28540" s="1" t="s">
        <v>90289</v>
      </c>
      <c r="E28540" s="1" t="s">
        <v>23894</v>
      </c>
      <c r="F28540" s="1" t="s">
        <v>101120</v>
      </c>
      <c r="G28540" s="1" t="s">
        <v>101060</v>
      </c>
      <c r="H28540" s="1" t="s">
        <v>101061</v>
      </c>
      <c r="I28540" s="1" t="s">
        <v>96632</v>
      </c>
      <c r="J28540" s="1" t="s">
        <v>101121</v>
      </c>
    </row>
    <row r="28541" spans="1:10" x14ac:dyDescent="0.35">
      <c r="A28541" s="1" t="s">
        <v>8471</v>
      </c>
      <c r="B28541" s="1" t="s">
        <v>96627</v>
      </c>
      <c r="C28541" s="1" t="s">
        <v>145</v>
      </c>
      <c r="D28541" s="1" t="s">
        <v>90307</v>
      </c>
      <c r="E28541" s="1" t="s">
        <v>40674</v>
      </c>
      <c r="F28541" s="1" t="s">
        <v>101122</v>
      </c>
      <c r="G28541" s="1" t="s">
        <v>101060</v>
      </c>
      <c r="H28541" s="1" t="s">
        <v>101061</v>
      </c>
      <c r="I28541" s="1" t="s">
        <v>96632</v>
      </c>
      <c r="J28541" s="1" t="s">
        <v>101123</v>
      </c>
    </row>
    <row r="28542" spans="1:10" x14ac:dyDescent="0.35">
      <c r="A28542" s="1" t="s">
        <v>8471</v>
      </c>
      <c r="B28542" s="1" t="s">
        <v>96627</v>
      </c>
      <c r="C28542" s="1" t="s">
        <v>150</v>
      </c>
      <c r="D28542" s="1" t="s">
        <v>101124</v>
      </c>
      <c r="E28542" s="1" t="s">
        <v>55119</v>
      </c>
      <c r="F28542" s="1" t="s">
        <v>101125</v>
      </c>
      <c r="G28542" s="1" t="s">
        <v>101060</v>
      </c>
      <c r="H28542" s="1" t="s">
        <v>101061</v>
      </c>
      <c r="I28542" s="1" t="s">
        <v>96632</v>
      </c>
      <c r="J28542" s="1" t="s">
        <v>101126</v>
      </c>
    </row>
    <row r="28543" spans="1:10" x14ac:dyDescent="0.35">
      <c r="A28543" s="1" t="s">
        <v>8471</v>
      </c>
      <c r="B28543" s="1" t="s">
        <v>96627</v>
      </c>
      <c r="C28543" s="1" t="s">
        <v>155</v>
      </c>
      <c r="D28543" s="1" t="s">
        <v>21471</v>
      </c>
      <c r="E28543" s="1" t="s">
        <v>22986</v>
      </c>
      <c r="F28543" s="1" t="s">
        <v>101127</v>
      </c>
      <c r="G28543" s="1" t="s">
        <v>101060</v>
      </c>
      <c r="H28543" s="1" t="s">
        <v>101061</v>
      </c>
      <c r="I28543" s="1" t="s">
        <v>96632</v>
      </c>
      <c r="J28543" s="1" t="s">
        <v>101128</v>
      </c>
    </row>
    <row r="28544" spans="1:10" x14ac:dyDescent="0.35">
      <c r="A28544" s="1" t="s">
        <v>8471</v>
      </c>
      <c r="B28544" s="1" t="s">
        <v>96627</v>
      </c>
      <c r="C28544" s="1" t="s">
        <v>160</v>
      </c>
      <c r="D28544" s="1" t="s">
        <v>92251</v>
      </c>
      <c r="E28544" s="1" t="s">
        <v>62879</v>
      </c>
      <c r="F28544" s="1" t="s">
        <v>101129</v>
      </c>
      <c r="G28544" s="1" t="s">
        <v>101060</v>
      </c>
      <c r="H28544" s="1" t="s">
        <v>101061</v>
      </c>
      <c r="I28544" s="1" t="s">
        <v>96632</v>
      </c>
      <c r="J28544" s="1" t="s">
        <v>101130</v>
      </c>
    </row>
    <row r="28545" spans="1:10" x14ac:dyDescent="0.35">
      <c r="A28545" s="1" t="s">
        <v>8471</v>
      </c>
      <c r="B28545" s="1" t="s">
        <v>96627</v>
      </c>
      <c r="C28545" s="1" t="s">
        <v>165</v>
      </c>
      <c r="D28545" s="1" t="s">
        <v>101131</v>
      </c>
      <c r="E28545" s="1" t="s">
        <v>22998</v>
      </c>
      <c r="F28545" s="1" t="s">
        <v>56016</v>
      </c>
      <c r="G28545" s="1" t="s">
        <v>101060</v>
      </c>
      <c r="H28545" s="1" t="s">
        <v>101061</v>
      </c>
      <c r="I28545" s="1" t="s">
        <v>96632</v>
      </c>
      <c r="J28545" s="1" t="s">
        <v>101132</v>
      </c>
    </row>
    <row r="28546" spans="1:10" x14ac:dyDescent="0.35">
      <c r="A28546" s="1" t="s">
        <v>8471</v>
      </c>
      <c r="B28546" s="1" t="s">
        <v>96627</v>
      </c>
      <c r="C28546" s="1" t="s">
        <v>170</v>
      </c>
      <c r="D28546" s="1" t="s">
        <v>100848</v>
      </c>
      <c r="E28546" s="1" t="s">
        <v>21757</v>
      </c>
      <c r="F28546" s="1" t="s">
        <v>15253</v>
      </c>
      <c r="G28546" s="1" t="s">
        <v>101060</v>
      </c>
      <c r="H28546" s="1" t="s">
        <v>101061</v>
      </c>
      <c r="I28546" s="1" t="s">
        <v>96632</v>
      </c>
      <c r="J28546" s="1" t="s">
        <v>101133</v>
      </c>
    </row>
    <row r="28547" spans="1:10" x14ac:dyDescent="0.35">
      <c r="A28547" s="1" t="s">
        <v>6278</v>
      </c>
      <c r="B28547" s="1" t="s">
        <v>96627</v>
      </c>
      <c r="C28547" s="1" t="s">
        <v>8</v>
      </c>
      <c r="D28547" s="1" t="s">
        <v>101134</v>
      </c>
      <c r="E28547" s="1" t="s">
        <v>57982</v>
      </c>
      <c r="F28547" s="1" t="s">
        <v>101135</v>
      </c>
      <c r="G28547" s="1" t="s">
        <v>101136</v>
      </c>
      <c r="H28547" s="1" t="s">
        <v>101137</v>
      </c>
      <c r="I28547" s="1" t="s">
        <v>96632</v>
      </c>
      <c r="J28547" s="1" t="s">
        <v>13</v>
      </c>
    </row>
    <row r="28548" spans="1:10" x14ac:dyDescent="0.35">
      <c r="A28548" s="1" t="s">
        <v>6278</v>
      </c>
      <c r="B28548" s="1" t="s">
        <v>96627</v>
      </c>
      <c r="C28548" s="1" t="s">
        <v>15</v>
      </c>
      <c r="D28548" s="1" t="s">
        <v>14434</v>
      </c>
      <c r="E28548" s="1" t="s">
        <v>55234</v>
      </c>
      <c r="F28548" s="1" t="s">
        <v>101138</v>
      </c>
      <c r="G28548" s="1" t="s">
        <v>101136</v>
      </c>
      <c r="H28548" s="1" t="s">
        <v>101137</v>
      </c>
      <c r="I28548" s="1" t="s">
        <v>96632</v>
      </c>
      <c r="J28548" s="1" t="s">
        <v>101139</v>
      </c>
    </row>
    <row r="28549" spans="1:10" x14ac:dyDescent="0.35">
      <c r="A28549" s="1" t="s">
        <v>6278</v>
      </c>
      <c r="B28549" s="1" t="s">
        <v>96627</v>
      </c>
      <c r="C28549" s="1" t="s">
        <v>20</v>
      </c>
      <c r="D28549" s="1" t="s">
        <v>98429</v>
      </c>
      <c r="E28549" s="1" t="s">
        <v>59335</v>
      </c>
      <c r="F28549" s="1" t="s">
        <v>101140</v>
      </c>
      <c r="G28549" s="1" t="s">
        <v>101136</v>
      </c>
      <c r="H28549" s="1" t="s">
        <v>101137</v>
      </c>
      <c r="I28549" s="1" t="s">
        <v>96632</v>
      </c>
      <c r="J28549" s="1" t="s">
        <v>101141</v>
      </c>
    </row>
    <row r="28550" spans="1:10" x14ac:dyDescent="0.35">
      <c r="A28550" s="1" t="s">
        <v>6278</v>
      </c>
      <c r="B28550" s="1" t="s">
        <v>96627</v>
      </c>
      <c r="C28550" s="1" t="s">
        <v>25</v>
      </c>
      <c r="D28550" s="1" t="s">
        <v>92669</v>
      </c>
      <c r="E28550" s="1" t="s">
        <v>15225</v>
      </c>
      <c r="F28550" s="1" t="s">
        <v>101142</v>
      </c>
      <c r="G28550" s="1" t="s">
        <v>101136</v>
      </c>
      <c r="H28550" s="1" t="s">
        <v>101137</v>
      </c>
      <c r="I28550" s="1" t="s">
        <v>96632</v>
      </c>
      <c r="J28550" s="1" t="s">
        <v>101143</v>
      </c>
    </row>
    <row r="28551" spans="1:10" x14ac:dyDescent="0.35">
      <c r="A28551" s="1" t="s">
        <v>6278</v>
      </c>
      <c r="B28551" s="1" t="s">
        <v>96627</v>
      </c>
      <c r="C28551" s="1" t="s">
        <v>30</v>
      </c>
      <c r="D28551" s="1" t="s">
        <v>101144</v>
      </c>
      <c r="E28551" s="1" t="s">
        <v>21853</v>
      </c>
      <c r="F28551" s="1" t="s">
        <v>60358</v>
      </c>
      <c r="G28551" s="1" t="s">
        <v>101136</v>
      </c>
      <c r="H28551" s="1" t="s">
        <v>101137</v>
      </c>
      <c r="I28551" s="1" t="s">
        <v>96632</v>
      </c>
      <c r="J28551" s="1" t="s">
        <v>101145</v>
      </c>
    </row>
    <row r="28552" spans="1:10" x14ac:dyDescent="0.35">
      <c r="A28552" s="1" t="s">
        <v>6278</v>
      </c>
      <c r="B28552" s="1" t="s">
        <v>96627</v>
      </c>
      <c r="C28552" s="1" t="s">
        <v>35</v>
      </c>
      <c r="D28552" s="1" t="s">
        <v>101146</v>
      </c>
      <c r="E28552" s="1" t="s">
        <v>32368</v>
      </c>
      <c r="F28552" s="1" t="s">
        <v>69291</v>
      </c>
      <c r="G28552" s="1" t="s">
        <v>101136</v>
      </c>
      <c r="H28552" s="1" t="s">
        <v>101137</v>
      </c>
      <c r="I28552" s="1" t="s">
        <v>96632</v>
      </c>
      <c r="J28552" s="1" t="s">
        <v>101147</v>
      </c>
    </row>
    <row r="28553" spans="1:10" x14ac:dyDescent="0.35">
      <c r="A28553" s="1" t="s">
        <v>6278</v>
      </c>
      <c r="B28553" s="1" t="s">
        <v>96627</v>
      </c>
      <c r="C28553" s="1" t="s">
        <v>40</v>
      </c>
      <c r="D28553" s="1" t="s">
        <v>101148</v>
      </c>
      <c r="E28553" s="1" t="s">
        <v>58409</v>
      </c>
      <c r="F28553" s="1" t="s">
        <v>101149</v>
      </c>
      <c r="G28553" s="1" t="s">
        <v>101136</v>
      </c>
      <c r="H28553" s="1" t="s">
        <v>101137</v>
      </c>
      <c r="I28553" s="1" t="s">
        <v>96632</v>
      </c>
      <c r="J28553" s="1" t="s">
        <v>101150</v>
      </c>
    </row>
    <row r="28554" spans="1:10" x14ac:dyDescent="0.35">
      <c r="A28554" s="1" t="s">
        <v>6278</v>
      </c>
      <c r="B28554" s="1" t="s">
        <v>96627</v>
      </c>
      <c r="C28554" s="1" t="s">
        <v>45</v>
      </c>
      <c r="D28554" s="1" t="s">
        <v>65754</v>
      </c>
      <c r="E28554" s="1" t="s">
        <v>62090</v>
      </c>
      <c r="F28554" s="1" t="s">
        <v>99751</v>
      </c>
      <c r="G28554" s="1" t="s">
        <v>101136</v>
      </c>
      <c r="H28554" s="1" t="s">
        <v>101137</v>
      </c>
      <c r="I28554" s="1" t="s">
        <v>96632</v>
      </c>
      <c r="J28554" s="1" t="s">
        <v>101151</v>
      </c>
    </row>
    <row r="28555" spans="1:10" x14ac:dyDescent="0.35">
      <c r="A28555" s="1" t="s">
        <v>6278</v>
      </c>
      <c r="B28555" s="1" t="s">
        <v>96627</v>
      </c>
      <c r="C28555" s="1" t="s">
        <v>50</v>
      </c>
      <c r="D28555" s="1" t="s">
        <v>22415</v>
      </c>
      <c r="E28555" s="1" t="s">
        <v>26614</v>
      </c>
      <c r="F28555" s="1" t="s">
        <v>56040</v>
      </c>
      <c r="G28555" s="1" t="s">
        <v>101136</v>
      </c>
      <c r="H28555" s="1" t="s">
        <v>101137</v>
      </c>
      <c r="I28555" s="1" t="s">
        <v>96632</v>
      </c>
      <c r="J28555" s="1" t="s">
        <v>101152</v>
      </c>
    </row>
    <row r="28556" spans="1:10" x14ac:dyDescent="0.35">
      <c r="A28556" s="1" t="s">
        <v>6278</v>
      </c>
      <c r="B28556" s="1" t="s">
        <v>96627</v>
      </c>
      <c r="C28556" s="1" t="s">
        <v>55</v>
      </c>
      <c r="D28556" s="1" t="s">
        <v>93277</v>
      </c>
      <c r="E28556" s="1" t="s">
        <v>32384</v>
      </c>
      <c r="F28556" s="1" t="s">
        <v>101153</v>
      </c>
      <c r="G28556" s="1" t="s">
        <v>101136</v>
      </c>
      <c r="H28556" s="1" t="s">
        <v>101137</v>
      </c>
      <c r="I28556" s="1" t="s">
        <v>96632</v>
      </c>
      <c r="J28556" s="1" t="s">
        <v>101154</v>
      </c>
    </row>
    <row r="28557" spans="1:10" x14ac:dyDescent="0.35">
      <c r="A28557" s="1" t="s">
        <v>6278</v>
      </c>
      <c r="B28557" s="1" t="s">
        <v>96627</v>
      </c>
      <c r="C28557" s="1" t="s">
        <v>60</v>
      </c>
      <c r="D28557" s="1" t="s">
        <v>88062</v>
      </c>
      <c r="E28557" s="1" t="s">
        <v>12853</v>
      </c>
      <c r="F28557" s="1" t="s">
        <v>101155</v>
      </c>
      <c r="G28557" s="1" t="s">
        <v>101136</v>
      </c>
      <c r="H28557" s="1" t="s">
        <v>101137</v>
      </c>
      <c r="I28557" s="1" t="s">
        <v>96632</v>
      </c>
      <c r="J28557" s="1" t="s">
        <v>101156</v>
      </c>
    </row>
    <row r="28558" spans="1:10" x14ac:dyDescent="0.35">
      <c r="A28558" s="1" t="s">
        <v>6278</v>
      </c>
      <c r="B28558" s="1" t="s">
        <v>96627</v>
      </c>
      <c r="C28558" s="1" t="s">
        <v>65</v>
      </c>
      <c r="D28558" s="1" t="s">
        <v>96404</v>
      </c>
      <c r="E28558" s="1" t="s">
        <v>32065</v>
      </c>
      <c r="F28558" s="1" t="s">
        <v>101157</v>
      </c>
      <c r="G28558" s="1" t="s">
        <v>101136</v>
      </c>
      <c r="H28558" s="1" t="s">
        <v>101137</v>
      </c>
      <c r="I28558" s="1" t="s">
        <v>96632</v>
      </c>
      <c r="J28558" s="1" t="s">
        <v>101158</v>
      </c>
    </row>
    <row r="28559" spans="1:10" x14ac:dyDescent="0.35">
      <c r="A28559" s="1" t="s">
        <v>6278</v>
      </c>
      <c r="B28559" s="1" t="s">
        <v>96627</v>
      </c>
      <c r="C28559" s="1" t="s">
        <v>70</v>
      </c>
      <c r="D28559" s="1" t="s">
        <v>22678</v>
      </c>
      <c r="E28559" s="1" t="s">
        <v>23232</v>
      </c>
      <c r="F28559" s="1" t="s">
        <v>101159</v>
      </c>
      <c r="G28559" s="1" t="s">
        <v>101136</v>
      </c>
      <c r="H28559" s="1" t="s">
        <v>101137</v>
      </c>
      <c r="I28559" s="1" t="s">
        <v>96632</v>
      </c>
      <c r="J28559" s="1" t="s">
        <v>101160</v>
      </c>
    </row>
    <row r="28560" spans="1:10" x14ac:dyDescent="0.35">
      <c r="A28560" s="1" t="s">
        <v>6278</v>
      </c>
      <c r="B28560" s="1" t="s">
        <v>96627</v>
      </c>
      <c r="C28560" s="1" t="s">
        <v>75</v>
      </c>
      <c r="D28560" s="1" t="s">
        <v>54003</v>
      </c>
      <c r="E28560" s="1" t="s">
        <v>32384</v>
      </c>
      <c r="F28560" s="1" t="s">
        <v>31751</v>
      </c>
      <c r="G28560" s="1" t="s">
        <v>101136</v>
      </c>
      <c r="H28560" s="1" t="s">
        <v>101137</v>
      </c>
      <c r="I28560" s="1" t="s">
        <v>96632</v>
      </c>
      <c r="J28560" s="1" t="s">
        <v>101161</v>
      </c>
    </row>
    <row r="28561" spans="1:10" x14ac:dyDescent="0.35">
      <c r="A28561" s="1" t="s">
        <v>6278</v>
      </c>
      <c r="B28561" s="1" t="s">
        <v>96627</v>
      </c>
      <c r="C28561" s="1" t="s">
        <v>80</v>
      </c>
      <c r="D28561" s="1" t="s">
        <v>101162</v>
      </c>
      <c r="E28561" s="1" t="s">
        <v>32584</v>
      </c>
      <c r="F28561" s="1" t="s">
        <v>101163</v>
      </c>
      <c r="G28561" s="1" t="s">
        <v>101136</v>
      </c>
      <c r="H28561" s="1" t="s">
        <v>101137</v>
      </c>
      <c r="I28561" s="1" t="s">
        <v>96632</v>
      </c>
      <c r="J28561" s="1" t="s">
        <v>101164</v>
      </c>
    </row>
    <row r="28562" spans="1:10" x14ac:dyDescent="0.35">
      <c r="A28562" s="1" t="s">
        <v>6278</v>
      </c>
      <c r="B28562" s="1" t="s">
        <v>96627</v>
      </c>
      <c r="C28562" s="1" t="s">
        <v>85</v>
      </c>
      <c r="D28562" s="1" t="s">
        <v>80468</v>
      </c>
      <c r="E28562" s="1" t="s">
        <v>54455</v>
      </c>
      <c r="F28562" s="1" t="s">
        <v>54001</v>
      </c>
      <c r="G28562" s="1" t="s">
        <v>101136</v>
      </c>
      <c r="H28562" s="1" t="s">
        <v>101137</v>
      </c>
      <c r="I28562" s="1" t="s">
        <v>96632</v>
      </c>
      <c r="J28562" s="1" t="s">
        <v>101165</v>
      </c>
    </row>
    <row r="28563" spans="1:10" x14ac:dyDescent="0.35">
      <c r="A28563" s="1" t="s">
        <v>6278</v>
      </c>
      <c r="B28563" s="1" t="s">
        <v>96627</v>
      </c>
      <c r="C28563" s="1" t="s">
        <v>90</v>
      </c>
      <c r="D28563" s="1" t="s">
        <v>64766</v>
      </c>
      <c r="E28563" s="1" t="s">
        <v>15417</v>
      </c>
      <c r="F28563" s="1" t="s">
        <v>58591</v>
      </c>
      <c r="G28563" s="1" t="s">
        <v>101136</v>
      </c>
      <c r="H28563" s="1" t="s">
        <v>101137</v>
      </c>
      <c r="I28563" s="1" t="s">
        <v>96632</v>
      </c>
      <c r="J28563" s="1" t="s">
        <v>101166</v>
      </c>
    </row>
    <row r="28564" spans="1:10" x14ac:dyDescent="0.35">
      <c r="A28564" s="1" t="s">
        <v>6278</v>
      </c>
      <c r="B28564" s="1" t="s">
        <v>96627</v>
      </c>
      <c r="C28564" s="1" t="s">
        <v>95</v>
      </c>
      <c r="D28564" s="1" t="s">
        <v>101167</v>
      </c>
      <c r="E28564" s="1" t="s">
        <v>54207</v>
      </c>
      <c r="F28564" s="1" t="s">
        <v>56538</v>
      </c>
      <c r="G28564" s="1" t="s">
        <v>101136</v>
      </c>
      <c r="H28564" s="1" t="s">
        <v>101137</v>
      </c>
      <c r="I28564" s="1" t="s">
        <v>96632</v>
      </c>
      <c r="J28564" s="1" t="s">
        <v>101168</v>
      </c>
    </row>
    <row r="28565" spans="1:10" x14ac:dyDescent="0.35">
      <c r="A28565" s="1" t="s">
        <v>6278</v>
      </c>
      <c r="B28565" s="1" t="s">
        <v>96627</v>
      </c>
      <c r="C28565" s="1" t="s">
        <v>100</v>
      </c>
      <c r="D28565" s="1" t="s">
        <v>26458</v>
      </c>
      <c r="E28565" s="1" t="s">
        <v>101169</v>
      </c>
      <c r="F28565" s="1" t="s">
        <v>101170</v>
      </c>
      <c r="G28565" s="1" t="s">
        <v>101136</v>
      </c>
      <c r="H28565" s="1" t="s">
        <v>101137</v>
      </c>
      <c r="I28565" s="1" t="s">
        <v>96632</v>
      </c>
      <c r="J28565" s="1" t="s">
        <v>101171</v>
      </c>
    </row>
    <row r="28566" spans="1:10" x14ac:dyDescent="0.35">
      <c r="A28566" s="1" t="s">
        <v>6278</v>
      </c>
      <c r="B28566" s="1" t="s">
        <v>96627</v>
      </c>
      <c r="C28566" s="1" t="s">
        <v>105</v>
      </c>
      <c r="D28566" s="1" t="s">
        <v>101172</v>
      </c>
      <c r="E28566" s="1" t="s">
        <v>15274</v>
      </c>
      <c r="F28566" s="1" t="s">
        <v>101173</v>
      </c>
      <c r="G28566" s="1" t="s">
        <v>101136</v>
      </c>
      <c r="H28566" s="1" t="s">
        <v>101137</v>
      </c>
      <c r="I28566" s="1" t="s">
        <v>96632</v>
      </c>
      <c r="J28566" s="1" t="s">
        <v>101174</v>
      </c>
    </row>
    <row r="28567" spans="1:10" x14ac:dyDescent="0.35">
      <c r="A28567" s="1" t="s">
        <v>6278</v>
      </c>
      <c r="B28567" s="1" t="s">
        <v>96627</v>
      </c>
      <c r="C28567" s="1" t="s">
        <v>110</v>
      </c>
      <c r="D28567" s="1" t="s">
        <v>101175</v>
      </c>
      <c r="E28567" s="1" t="s">
        <v>56221</v>
      </c>
      <c r="F28567" s="1" t="s">
        <v>58050</v>
      </c>
      <c r="G28567" s="1" t="s">
        <v>101136</v>
      </c>
      <c r="H28567" s="1" t="s">
        <v>101137</v>
      </c>
      <c r="I28567" s="1" t="s">
        <v>96632</v>
      </c>
      <c r="J28567" s="1" t="s">
        <v>101176</v>
      </c>
    </row>
    <row r="28568" spans="1:10" x14ac:dyDescent="0.35">
      <c r="A28568" s="1" t="s">
        <v>6278</v>
      </c>
      <c r="B28568" s="1" t="s">
        <v>96627</v>
      </c>
      <c r="C28568" s="1" t="s">
        <v>115</v>
      </c>
      <c r="D28568" s="1" t="s">
        <v>101177</v>
      </c>
      <c r="E28568" s="1" t="s">
        <v>54099</v>
      </c>
      <c r="F28568" s="1" t="s">
        <v>101178</v>
      </c>
      <c r="G28568" s="1" t="s">
        <v>101136</v>
      </c>
      <c r="H28568" s="1" t="s">
        <v>101137</v>
      </c>
      <c r="I28568" s="1" t="s">
        <v>96632</v>
      </c>
      <c r="J28568" s="1" t="s">
        <v>101179</v>
      </c>
    </row>
    <row r="28569" spans="1:10" x14ac:dyDescent="0.35">
      <c r="A28569" s="1" t="s">
        <v>6278</v>
      </c>
      <c r="B28569" s="1" t="s">
        <v>96627</v>
      </c>
      <c r="C28569" s="1" t="s">
        <v>120</v>
      </c>
      <c r="D28569" s="1" t="s">
        <v>101180</v>
      </c>
      <c r="E28569" s="1" t="s">
        <v>12757</v>
      </c>
      <c r="F28569" s="1" t="s">
        <v>101181</v>
      </c>
      <c r="G28569" s="1" t="s">
        <v>101136</v>
      </c>
      <c r="H28569" s="1" t="s">
        <v>101137</v>
      </c>
      <c r="I28569" s="1" t="s">
        <v>96632</v>
      </c>
      <c r="J28569" s="1" t="s">
        <v>101182</v>
      </c>
    </row>
    <row r="28570" spans="1:10" x14ac:dyDescent="0.35">
      <c r="A28570" s="1" t="s">
        <v>6278</v>
      </c>
      <c r="B28570" s="1" t="s">
        <v>96627</v>
      </c>
      <c r="C28570" s="1" t="s">
        <v>125</v>
      </c>
      <c r="D28570" s="1" t="s">
        <v>91626</v>
      </c>
      <c r="E28570" s="1" t="s">
        <v>41247</v>
      </c>
      <c r="F28570" s="1" t="s">
        <v>101183</v>
      </c>
      <c r="G28570" s="1" t="s">
        <v>101136</v>
      </c>
      <c r="H28570" s="1" t="s">
        <v>101137</v>
      </c>
      <c r="I28570" s="1" t="s">
        <v>96632</v>
      </c>
      <c r="J28570" s="1" t="s">
        <v>101184</v>
      </c>
    </row>
    <row r="28571" spans="1:10" x14ac:dyDescent="0.35">
      <c r="A28571" s="1" t="s">
        <v>6278</v>
      </c>
      <c r="B28571" s="1" t="s">
        <v>96627</v>
      </c>
      <c r="C28571" s="1" t="s">
        <v>130</v>
      </c>
      <c r="D28571" s="1" t="s">
        <v>22149</v>
      </c>
      <c r="E28571" s="1" t="s">
        <v>24236</v>
      </c>
      <c r="F28571" s="1" t="s">
        <v>32348</v>
      </c>
      <c r="G28571" s="1" t="s">
        <v>101136</v>
      </c>
      <c r="H28571" s="1" t="s">
        <v>101137</v>
      </c>
      <c r="I28571" s="1" t="s">
        <v>96632</v>
      </c>
      <c r="J28571" s="1" t="s">
        <v>101185</v>
      </c>
    </row>
    <row r="28572" spans="1:10" x14ac:dyDescent="0.35">
      <c r="A28572" s="1" t="s">
        <v>6278</v>
      </c>
      <c r="B28572" s="1" t="s">
        <v>96627</v>
      </c>
      <c r="C28572" s="1" t="s">
        <v>135</v>
      </c>
      <c r="D28572" s="1" t="s">
        <v>20448</v>
      </c>
      <c r="E28572" s="1" t="s">
        <v>15293</v>
      </c>
      <c r="F28572" s="1" t="s">
        <v>101186</v>
      </c>
      <c r="G28572" s="1" t="s">
        <v>101136</v>
      </c>
      <c r="H28572" s="1" t="s">
        <v>101137</v>
      </c>
      <c r="I28572" s="1" t="s">
        <v>96632</v>
      </c>
      <c r="J28572" s="1" t="s">
        <v>101187</v>
      </c>
    </row>
    <row r="28573" spans="1:10" x14ac:dyDescent="0.35">
      <c r="A28573" s="1" t="s">
        <v>6278</v>
      </c>
      <c r="B28573" s="1" t="s">
        <v>96627</v>
      </c>
      <c r="C28573" s="1" t="s">
        <v>140</v>
      </c>
      <c r="D28573" s="1" t="s">
        <v>56103</v>
      </c>
      <c r="E28573" s="1" t="s">
        <v>15332</v>
      </c>
      <c r="F28573" s="1" t="s">
        <v>56440</v>
      </c>
      <c r="G28573" s="1" t="s">
        <v>101136</v>
      </c>
      <c r="H28573" s="1" t="s">
        <v>101137</v>
      </c>
      <c r="I28573" s="1" t="s">
        <v>96632</v>
      </c>
      <c r="J28573" s="1" t="s">
        <v>101188</v>
      </c>
    </row>
    <row r="28574" spans="1:10" x14ac:dyDescent="0.35">
      <c r="A28574" s="1" t="s">
        <v>6278</v>
      </c>
      <c r="B28574" s="1" t="s">
        <v>96627</v>
      </c>
      <c r="C28574" s="1" t="s">
        <v>145</v>
      </c>
      <c r="D28574" s="1" t="s">
        <v>101189</v>
      </c>
      <c r="E28574" s="1" t="s">
        <v>27111</v>
      </c>
      <c r="F28574" s="1" t="s">
        <v>58464</v>
      </c>
      <c r="G28574" s="1" t="s">
        <v>101136</v>
      </c>
      <c r="H28574" s="1" t="s">
        <v>101137</v>
      </c>
      <c r="I28574" s="1" t="s">
        <v>96632</v>
      </c>
      <c r="J28574" s="1" t="s">
        <v>101190</v>
      </c>
    </row>
    <row r="28575" spans="1:10" x14ac:dyDescent="0.35">
      <c r="A28575" s="1" t="s">
        <v>6278</v>
      </c>
      <c r="B28575" s="1" t="s">
        <v>96627</v>
      </c>
      <c r="C28575" s="1" t="s">
        <v>150</v>
      </c>
      <c r="D28575" s="1" t="s">
        <v>84296</v>
      </c>
      <c r="E28575" s="1" t="s">
        <v>31445</v>
      </c>
      <c r="F28575" s="1" t="s">
        <v>101191</v>
      </c>
      <c r="G28575" s="1" t="s">
        <v>101136</v>
      </c>
      <c r="H28575" s="1" t="s">
        <v>101137</v>
      </c>
      <c r="I28575" s="1" t="s">
        <v>96632</v>
      </c>
      <c r="J28575" s="1" t="s">
        <v>101192</v>
      </c>
    </row>
    <row r="28576" spans="1:10" x14ac:dyDescent="0.35">
      <c r="A28576" s="1" t="s">
        <v>6278</v>
      </c>
      <c r="B28576" s="1" t="s">
        <v>96627</v>
      </c>
      <c r="C28576" s="1" t="s">
        <v>155</v>
      </c>
      <c r="D28576" s="1" t="s">
        <v>90602</v>
      </c>
      <c r="E28576" s="1" t="s">
        <v>15278</v>
      </c>
      <c r="F28576" s="1" t="s">
        <v>101193</v>
      </c>
      <c r="G28576" s="1" t="s">
        <v>101136</v>
      </c>
      <c r="H28576" s="1" t="s">
        <v>101137</v>
      </c>
      <c r="I28576" s="1" t="s">
        <v>96632</v>
      </c>
      <c r="J28576" s="1" t="s">
        <v>101194</v>
      </c>
    </row>
    <row r="28577" spans="1:10" x14ac:dyDescent="0.35">
      <c r="A28577" s="1" t="s">
        <v>6278</v>
      </c>
      <c r="B28577" s="1" t="s">
        <v>96627</v>
      </c>
      <c r="C28577" s="1" t="s">
        <v>160</v>
      </c>
      <c r="D28577" s="1" t="s">
        <v>91861</v>
      </c>
      <c r="E28577" s="1" t="s">
        <v>58108</v>
      </c>
      <c r="F28577" s="1" t="s">
        <v>58416</v>
      </c>
      <c r="G28577" s="1" t="s">
        <v>101136</v>
      </c>
      <c r="H28577" s="1" t="s">
        <v>101137</v>
      </c>
      <c r="I28577" s="1" t="s">
        <v>96632</v>
      </c>
      <c r="J28577" s="1" t="s">
        <v>101195</v>
      </c>
    </row>
    <row r="28578" spans="1:10" x14ac:dyDescent="0.35">
      <c r="A28578" s="1" t="s">
        <v>6278</v>
      </c>
      <c r="B28578" s="1" t="s">
        <v>96627</v>
      </c>
      <c r="C28578" s="1" t="s">
        <v>165</v>
      </c>
      <c r="D28578" s="1" t="s">
        <v>92144</v>
      </c>
      <c r="E28578" s="1" t="s">
        <v>16186</v>
      </c>
      <c r="F28578" s="1" t="s">
        <v>32070</v>
      </c>
      <c r="G28578" s="1" t="s">
        <v>101136</v>
      </c>
      <c r="H28578" s="1" t="s">
        <v>101137</v>
      </c>
      <c r="I28578" s="1" t="s">
        <v>96632</v>
      </c>
      <c r="J28578" s="1" t="s">
        <v>101196</v>
      </c>
    </row>
    <row r="28579" spans="1:10" x14ac:dyDescent="0.35">
      <c r="A28579" s="1" t="s">
        <v>6278</v>
      </c>
      <c r="B28579" s="1" t="s">
        <v>96627</v>
      </c>
      <c r="C28579" s="1" t="s">
        <v>170</v>
      </c>
      <c r="D28579" s="1" t="s">
        <v>19229</v>
      </c>
      <c r="E28579" s="1" t="s">
        <v>31779</v>
      </c>
      <c r="F28579" s="1" t="s">
        <v>99741</v>
      </c>
      <c r="G28579" s="1" t="s">
        <v>101136</v>
      </c>
      <c r="H28579" s="1" t="s">
        <v>101137</v>
      </c>
      <c r="I28579" s="1" t="s">
        <v>96632</v>
      </c>
      <c r="J28579" s="1" t="s">
        <v>101197</v>
      </c>
    </row>
    <row r="28580" spans="1:10" x14ac:dyDescent="0.35">
      <c r="A28580" s="1" t="s">
        <v>3229</v>
      </c>
      <c r="B28580" s="1" t="s">
        <v>96627</v>
      </c>
      <c r="C28580" s="1" t="s">
        <v>8</v>
      </c>
      <c r="D28580" s="1" t="s">
        <v>59708</v>
      </c>
      <c r="E28580" s="1" t="s">
        <v>21853</v>
      </c>
      <c r="F28580" s="1" t="s">
        <v>32910</v>
      </c>
      <c r="G28580" s="1" t="s">
        <v>101198</v>
      </c>
      <c r="H28580" s="1" t="s">
        <v>101199</v>
      </c>
      <c r="I28580" s="1" t="s">
        <v>96632</v>
      </c>
      <c r="J28580" s="1" t="s">
        <v>13</v>
      </c>
    </row>
    <row r="28581" spans="1:10" x14ac:dyDescent="0.35">
      <c r="A28581" s="1" t="s">
        <v>3229</v>
      </c>
      <c r="B28581" s="1" t="s">
        <v>96627</v>
      </c>
      <c r="C28581" s="1" t="s">
        <v>15</v>
      </c>
      <c r="D28581" s="1" t="s">
        <v>101200</v>
      </c>
      <c r="E28581" s="1" t="s">
        <v>41202</v>
      </c>
      <c r="F28581" s="1" t="s">
        <v>101201</v>
      </c>
      <c r="G28581" s="1" t="s">
        <v>101198</v>
      </c>
      <c r="H28581" s="1" t="s">
        <v>101199</v>
      </c>
      <c r="I28581" s="1" t="s">
        <v>96632</v>
      </c>
      <c r="J28581" s="1" t="s">
        <v>101202</v>
      </c>
    </row>
    <row r="28582" spans="1:10" x14ac:dyDescent="0.35">
      <c r="A28582" s="1" t="s">
        <v>3229</v>
      </c>
      <c r="B28582" s="1" t="s">
        <v>96627</v>
      </c>
      <c r="C28582" s="1" t="s">
        <v>20</v>
      </c>
      <c r="D28582" s="1" t="s">
        <v>7641</v>
      </c>
      <c r="E28582" s="1" t="s">
        <v>32376</v>
      </c>
      <c r="F28582" s="1" t="s">
        <v>101203</v>
      </c>
      <c r="G28582" s="1" t="s">
        <v>101198</v>
      </c>
      <c r="H28582" s="1" t="s">
        <v>101199</v>
      </c>
      <c r="I28582" s="1" t="s">
        <v>96632</v>
      </c>
      <c r="J28582" s="1" t="s">
        <v>101204</v>
      </c>
    </row>
    <row r="28583" spans="1:10" x14ac:dyDescent="0.35">
      <c r="A28583" s="1" t="s">
        <v>3229</v>
      </c>
      <c r="B28583" s="1" t="s">
        <v>96627</v>
      </c>
      <c r="C28583" s="1" t="s">
        <v>25</v>
      </c>
      <c r="D28583" s="1" t="s">
        <v>101205</v>
      </c>
      <c r="E28583" s="1" t="s">
        <v>54032</v>
      </c>
      <c r="F28583" s="1" t="s">
        <v>69224</v>
      </c>
      <c r="G28583" s="1" t="s">
        <v>101198</v>
      </c>
      <c r="H28583" s="1" t="s">
        <v>101199</v>
      </c>
      <c r="I28583" s="1" t="s">
        <v>96632</v>
      </c>
      <c r="J28583" s="1" t="s">
        <v>101206</v>
      </c>
    </row>
    <row r="28584" spans="1:10" x14ac:dyDescent="0.35">
      <c r="A28584" s="1" t="s">
        <v>3229</v>
      </c>
      <c r="B28584" s="1" t="s">
        <v>96627</v>
      </c>
      <c r="C28584" s="1" t="s">
        <v>30</v>
      </c>
      <c r="D28584" s="1" t="s">
        <v>101207</v>
      </c>
      <c r="E28584" s="1" t="s">
        <v>54747</v>
      </c>
      <c r="F28584" s="1" t="s">
        <v>23266</v>
      </c>
      <c r="G28584" s="1" t="s">
        <v>101198</v>
      </c>
      <c r="H28584" s="1" t="s">
        <v>101199</v>
      </c>
      <c r="I28584" s="1" t="s">
        <v>96632</v>
      </c>
      <c r="J28584" s="1" t="s">
        <v>101208</v>
      </c>
    </row>
    <row r="28585" spans="1:10" x14ac:dyDescent="0.35">
      <c r="A28585" s="1" t="s">
        <v>3229</v>
      </c>
      <c r="B28585" s="1" t="s">
        <v>96627</v>
      </c>
      <c r="C28585" s="1" t="s">
        <v>35</v>
      </c>
      <c r="D28585" s="1" t="s">
        <v>96780</v>
      </c>
      <c r="E28585" s="1" t="s">
        <v>24221</v>
      </c>
      <c r="F28585" s="1" t="s">
        <v>101209</v>
      </c>
      <c r="G28585" s="1" t="s">
        <v>101198</v>
      </c>
      <c r="H28585" s="1" t="s">
        <v>101199</v>
      </c>
      <c r="I28585" s="1" t="s">
        <v>96632</v>
      </c>
      <c r="J28585" s="1" t="s">
        <v>101210</v>
      </c>
    </row>
    <row r="28586" spans="1:10" x14ac:dyDescent="0.35">
      <c r="A28586" s="1" t="s">
        <v>3229</v>
      </c>
      <c r="B28586" s="1" t="s">
        <v>96627</v>
      </c>
      <c r="C28586" s="1" t="s">
        <v>40</v>
      </c>
      <c r="D28586" s="1" t="s">
        <v>53475</v>
      </c>
      <c r="E28586" s="1" t="s">
        <v>100169</v>
      </c>
      <c r="F28586" s="1" t="s">
        <v>101211</v>
      </c>
      <c r="G28586" s="1" t="s">
        <v>101198</v>
      </c>
      <c r="H28586" s="1" t="s">
        <v>101199</v>
      </c>
      <c r="I28586" s="1" t="s">
        <v>96632</v>
      </c>
      <c r="J28586" s="1" t="s">
        <v>101212</v>
      </c>
    </row>
    <row r="28587" spans="1:10" x14ac:dyDescent="0.35">
      <c r="A28587" s="1" t="s">
        <v>3229</v>
      </c>
      <c r="B28587" s="1" t="s">
        <v>96627</v>
      </c>
      <c r="C28587" s="1" t="s">
        <v>45</v>
      </c>
      <c r="D28587" s="1" t="s">
        <v>101213</v>
      </c>
      <c r="E28587" s="1" t="s">
        <v>27137</v>
      </c>
      <c r="F28587" s="1" t="s">
        <v>101214</v>
      </c>
      <c r="G28587" s="1" t="s">
        <v>101198</v>
      </c>
      <c r="H28587" s="1" t="s">
        <v>101199</v>
      </c>
      <c r="I28587" s="1" t="s">
        <v>96632</v>
      </c>
      <c r="J28587" s="1" t="s">
        <v>101215</v>
      </c>
    </row>
    <row r="28588" spans="1:10" x14ac:dyDescent="0.35">
      <c r="A28588" s="1" t="s">
        <v>3229</v>
      </c>
      <c r="B28588" s="1" t="s">
        <v>96627</v>
      </c>
      <c r="C28588" s="1" t="s">
        <v>50</v>
      </c>
      <c r="D28588" s="1" t="s">
        <v>101216</v>
      </c>
      <c r="E28588" s="1" t="s">
        <v>21841</v>
      </c>
      <c r="F28588" s="1" t="s">
        <v>101217</v>
      </c>
      <c r="G28588" s="1" t="s">
        <v>101198</v>
      </c>
      <c r="H28588" s="1" t="s">
        <v>101199</v>
      </c>
      <c r="I28588" s="1" t="s">
        <v>96632</v>
      </c>
      <c r="J28588" s="1" t="s">
        <v>101218</v>
      </c>
    </row>
    <row r="28589" spans="1:10" x14ac:dyDescent="0.35">
      <c r="A28589" s="1" t="s">
        <v>3229</v>
      </c>
      <c r="B28589" s="1" t="s">
        <v>96627</v>
      </c>
      <c r="C28589" s="1" t="s">
        <v>55</v>
      </c>
      <c r="D28589" s="1" t="s">
        <v>63339</v>
      </c>
      <c r="E28589" s="1" t="s">
        <v>55286</v>
      </c>
      <c r="F28589" s="1" t="s">
        <v>101219</v>
      </c>
      <c r="G28589" s="1" t="s">
        <v>101198</v>
      </c>
      <c r="H28589" s="1" t="s">
        <v>101199</v>
      </c>
      <c r="I28589" s="1" t="s">
        <v>96632</v>
      </c>
      <c r="J28589" s="1" t="s">
        <v>101220</v>
      </c>
    </row>
    <row r="28590" spans="1:10" x14ac:dyDescent="0.35">
      <c r="A28590" s="1" t="s">
        <v>3229</v>
      </c>
      <c r="B28590" s="1" t="s">
        <v>96627</v>
      </c>
      <c r="C28590" s="1" t="s">
        <v>60</v>
      </c>
      <c r="D28590" s="1" t="s">
        <v>61856</v>
      </c>
      <c r="E28590" s="1" t="s">
        <v>24384</v>
      </c>
      <c r="F28590" s="1" t="s">
        <v>101221</v>
      </c>
      <c r="G28590" s="1" t="s">
        <v>101198</v>
      </c>
      <c r="H28590" s="1" t="s">
        <v>101199</v>
      </c>
      <c r="I28590" s="1" t="s">
        <v>96632</v>
      </c>
      <c r="J28590" s="1" t="s">
        <v>101222</v>
      </c>
    </row>
    <row r="28591" spans="1:10" x14ac:dyDescent="0.35">
      <c r="A28591" s="1" t="s">
        <v>3229</v>
      </c>
      <c r="B28591" s="1" t="s">
        <v>96627</v>
      </c>
      <c r="C28591" s="1" t="s">
        <v>65</v>
      </c>
      <c r="D28591" s="1" t="s">
        <v>89768</v>
      </c>
      <c r="E28591" s="1" t="s">
        <v>24213</v>
      </c>
      <c r="F28591" s="1" t="s">
        <v>101223</v>
      </c>
      <c r="G28591" s="1" t="s">
        <v>101198</v>
      </c>
      <c r="H28591" s="1" t="s">
        <v>101199</v>
      </c>
      <c r="I28591" s="1" t="s">
        <v>96632</v>
      </c>
      <c r="J28591" s="1" t="s">
        <v>101224</v>
      </c>
    </row>
    <row r="28592" spans="1:10" x14ac:dyDescent="0.35">
      <c r="A28592" s="1" t="s">
        <v>3229</v>
      </c>
      <c r="B28592" s="1" t="s">
        <v>96627</v>
      </c>
      <c r="C28592" s="1" t="s">
        <v>70</v>
      </c>
      <c r="D28592" s="1" t="s">
        <v>40372</v>
      </c>
      <c r="E28592" s="1" t="s">
        <v>60824</v>
      </c>
      <c r="F28592" s="1" t="s">
        <v>60815</v>
      </c>
      <c r="G28592" s="1" t="s">
        <v>101198</v>
      </c>
      <c r="H28592" s="1" t="s">
        <v>101199</v>
      </c>
      <c r="I28592" s="1" t="s">
        <v>96632</v>
      </c>
      <c r="J28592" s="1" t="s">
        <v>101225</v>
      </c>
    </row>
    <row r="28593" spans="1:10" x14ac:dyDescent="0.35">
      <c r="A28593" s="1" t="s">
        <v>3229</v>
      </c>
      <c r="B28593" s="1" t="s">
        <v>96627</v>
      </c>
      <c r="C28593" s="1" t="s">
        <v>75</v>
      </c>
      <c r="D28593" s="1" t="s">
        <v>78105</v>
      </c>
      <c r="E28593" s="1" t="s">
        <v>41237</v>
      </c>
      <c r="F28593" s="1" t="s">
        <v>101226</v>
      </c>
      <c r="G28593" s="1" t="s">
        <v>101198</v>
      </c>
      <c r="H28593" s="1" t="s">
        <v>101199</v>
      </c>
      <c r="I28593" s="1" t="s">
        <v>96632</v>
      </c>
      <c r="J28593" s="1" t="s">
        <v>101227</v>
      </c>
    </row>
    <row r="28594" spans="1:10" x14ac:dyDescent="0.35">
      <c r="A28594" s="1" t="s">
        <v>3229</v>
      </c>
      <c r="B28594" s="1" t="s">
        <v>96627</v>
      </c>
      <c r="C28594" s="1" t="s">
        <v>80</v>
      </c>
      <c r="D28594" s="1" t="s">
        <v>101228</v>
      </c>
      <c r="E28594" s="1" t="s">
        <v>53864</v>
      </c>
      <c r="F28594" s="1" t="s">
        <v>30684</v>
      </c>
      <c r="G28594" s="1" t="s">
        <v>101198</v>
      </c>
      <c r="H28594" s="1" t="s">
        <v>101199</v>
      </c>
      <c r="I28594" s="1" t="s">
        <v>96632</v>
      </c>
      <c r="J28594" s="1" t="s">
        <v>101229</v>
      </c>
    </row>
    <row r="28595" spans="1:10" x14ac:dyDescent="0.35">
      <c r="A28595" s="1" t="s">
        <v>3229</v>
      </c>
      <c r="B28595" s="1" t="s">
        <v>96627</v>
      </c>
      <c r="C28595" s="1" t="s">
        <v>85</v>
      </c>
      <c r="D28595" s="1" t="s">
        <v>88753</v>
      </c>
      <c r="E28595" s="1" t="s">
        <v>27070</v>
      </c>
      <c r="F28595" s="1" t="s">
        <v>101230</v>
      </c>
      <c r="G28595" s="1" t="s">
        <v>101198</v>
      </c>
      <c r="H28595" s="1" t="s">
        <v>101199</v>
      </c>
      <c r="I28595" s="1" t="s">
        <v>96632</v>
      </c>
      <c r="J28595" s="1" t="s">
        <v>101231</v>
      </c>
    </row>
    <row r="28596" spans="1:10" x14ac:dyDescent="0.35">
      <c r="A28596" s="1" t="s">
        <v>3229</v>
      </c>
      <c r="B28596" s="1" t="s">
        <v>96627</v>
      </c>
      <c r="C28596" s="1" t="s">
        <v>90</v>
      </c>
      <c r="D28596" s="1" t="s">
        <v>101232</v>
      </c>
      <c r="E28596" s="1" t="s">
        <v>57707</v>
      </c>
      <c r="F28596" s="1" t="s">
        <v>101233</v>
      </c>
      <c r="G28596" s="1" t="s">
        <v>101198</v>
      </c>
      <c r="H28596" s="1" t="s">
        <v>101199</v>
      </c>
      <c r="I28596" s="1" t="s">
        <v>96632</v>
      </c>
      <c r="J28596" s="1" t="s">
        <v>101234</v>
      </c>
    </row>
    <row r="28597" spans="1:10" x14ac:dyDescent="0.35">
      <c r="A28597" s="1" t="s">
        <v>3229</v>
      </c>
      <c r="B28597" s="1" t="s">
        <v>96627</v>
      </c>
      <c r="C28597" s="1" t="s">
        <v>95</v>
      </c>
      <c r="D28597" s="1" t="s">
        <v>101235</v>
      </c>
      <c r="E28597" s="1" t="s">
        <v>23468</v>
      </c>
      <c r="F28597" s="1" t="s">
        <v>55993</v>
      </c>
      <c r="G28597" s="1" t="s">
        <v>101198</v>
      </c>
      <c r="H28597" s="1" t="s">
        <v>101199</v>
      </c>
      <c r="I28597" s="1" t="s">
        <v>96632</v>
      </c>
      <c r="J28597" s="1" t="s">
        <v>101236</v>
      </c>
    </row>
    <row r="28598" spans="1:10" x14ac:dyDescent="0.35">
      <c r="A28598" s="1" t="s">
        <v>3229</v>
      </c>
      <c r="B28598" s="1" t="s">
        <v>96627</v>
      </c>
      <c r="C28598" s="1" t="s">
        <v>100</v>
      </c>
      <c r="D28598" s="1" t="s">
        <v>80422</v>
      </c>
      <c r="E28598" s="1" t="s">
        <v>24246</v>
      </c>
      <c r="F28598" s="1" t="s">
        <v>101237</v>
      </c>
      <c r="G28598" s="1" t="s">
        <v>101198</v>
      </c>
      <c r="H28598" s="1" t="s">
        <v>101199</v>
      </c>
      <c r="I28598" s="1" t="s">
        <v>96632</v>
      </c>
      <c r="J28598" s="1" t="s">
        <v>101238</v>
      </c>
    </row>
    <row r="28599" spans="1:10" x14ac:dyDescent="0.35">
      <c r="A28599" s="1" t="s">
        <v>3229</v>
      </c>
      <c r="B28599" s="1" t="s">
        <v>96627</v>
      </c>
      <c r="C28599" s="1" t="s">
        <v>105</v>
      </c>
      <c r="D28599" s="1" t="s">
        <v>98899</v>
      </c>
      <c r="E28599" s="1" t="s">
        <v>31408</v>
      </c>
      <c r="F28599" s="1" t="s">
        <v>101239</v>
      </c>
      <c r="G28599" s="1" t="s">
        <v>101198</v>
      </c>
      <c r="H28599" s="1" t="s">
        <v>101199</v>
      </c>
      <c r="I28599" s="1" t="s">
        <v>96632</v>
      </c>
      <c r="J28599" s="1" t="s">
        <v>101240</v>
      </c>
    </row>
    <row r="28600" spans="1:10" x14ac:dyDescent="0.35">
      <c r="A28600" s="1" t="s">
        <v>3229</v>
      </c>
      <c r="B28600" s="1" t="s">
        <v>96627</v>
      </c>
      <c r="C28600" s="1" t="s">
        <v>110</v>
      </c>
      <c r="D28600" s="1" t="s">
        <v>101241</v>
      </c>
      <c r="E28600" s="1" t="s">
        <v>57305</v>
      </c>
      <c r="F28600" s="1" t="s">
        <v>101242</v>
      </c>
      <c r="G28600" s="1" t="s">
        <v>101198</v>
      </c>
      <c r="H28600" s="1" t="s">
        <v>101199</v>
      </c>
      <c r="I28600" s="1" t="s">
        <v>96632</v>
      </c>
      <c r="J28600" s="1" t="s">
        <v>101243</v>
      </c>
    </row>
    <row r="28601" spans="1:10" x14ac:dyDescent="0.35">
      <c r="A28601" s="1" t="s">
        <v>3229</v>
      </c>
      <c r="B28601" s="1" t="s">
        <v>96627</v>
      </c>
      <c r="C28601" s="1" t="s">
        <v>115</v>
      </c>
      <c r="D28601" s="1" t="s">
        <v>101244</v>
      </c>
      <c r="E28601" s="1" t="s">
        <v>16186</v>
      </c>
      <c r="F28601" s="1" t="s">
        <v>101245</v>
      </c>
      <c r="G28601" s="1" t="s">
        <v>101198</v>
      </c>
      <c r="H28601" s="1" t="s">
        <v>101199</v>
      </c>
      <c r="I28601" s="1" t="s">
        <v>96632</v>
      </c>
      <c r="J28601" s="1" t="s">
        <v>101246</v>
      </c>
    </row>
    <row r="28602" spans="1:10" x14ac:dyDescent="0.35">
      <c r="A28602" s="1" t="s">
        <v>3229</v>
      </c>
      <c r="B28602" s="1" t="s">
        <v>96627</v>
      </c>
      <c r="C28602" s="1" t="s">
        <v>120</v>
      </c>
      <c r="D28602" s="1" t="s">
        <v>65626</v>
      </c>
      <c r="E28602" s="1" t="s">
        <v>58396</v>
      </c>
      <c r="F28602" s="1" t="s">
        <v>101247</v>
      </c>
      <c r="G28602" s="1" t="s">
        <v>101198</v>
      </c>
      <c r="H28602" s="1" t="s">
        <v>101199</v>
      </c>
      <c r="I28602" s="1" t="s">
        <v>96632</v>
      </c>
      <c r="J28602" s="1" t="s">
        <v>101248</v>
      </c>
    </row>
    <row r="28603" spans="1:10" x14ac:dyDescent="0.35">
      <c r="A28603" s="1" t="s">
        <v>3229</v>
      </c>
      <c r="B28603" s="1" t="s">
        <v>96627</v>
      </c>
      <c r="C28603" s="1" t="s">
        <v>125</v>
      </c>
      <c r="D28603" s="1" t="s">
        <v>101249</v>
      </c>
      <c r="E28603" s="1" t="s">
        <v>60418</v>
      </c>
      <c r="F28603" s="1" t="s">
        <v>60712</v>
      </c>
      <c r="G28603" s="1" t="s">
        <v>101198</v>
      </c>
      <c r="H28603" s="1" t="s">
        <v>101199</v>
      </c>
      <c r="I28603" s="1" t="s">
        <v>96632</v>
      </c>
      <c r="J28603" s="1" t="s">
        <v>101250</v>
      </c>
    </row>
    <row r="28604" spans="1:10" x14ac:dyDescent="0.35">
      <c r="A28604" s="1" t="s">
        <v>3229</v>
      </c>
      <c r="B28604" s="1" t="s">
        <v>96627</v>
      </c>
      <c r="C28604" s="1" t="s">
        <v>130</v>
      </c>
      <c r="D28604" s="1" t="s">
        <v>97095</v>
      </c>
      <c r="E28604" s="1" t="s">
        <v>26214</v>
      </c>
      <c r="F28604" s="1" t="s">
        <v>101251</v>
      </c>
      <c r="G28604" s="1" t="s">
        <v>101198</v>
      </c>
      <c r="H28604" s="1" t="s">
        <v>101199</v>
      </c>
      <c r="I28604" s="1" t="s">
        <v>96632</v>
      </c>
      <c r="J28604" s="1" t="s">
        <v>101252</v>
      </c>
    </row>
    <row r="28605" spans="1:10" x14ac:dyDescent="0.35">
      <c r="A28605" s="1" t="s">
        <v>3229</v>
      </c>
      <c r="B28605" s="1" t="s">
        <v>96627</v>
      </c>
      <c r="C28605" s="1" t="s">
        <v>135</v>
      </c>
      <c r="D28605" s="1" t="s">
        <v>101253</v>
      </c>
      <c r="E28605" s="1" t="s">
        <v>24213</v>
      </c>
      <c r="F28605" s="1" t="s">
        <v>101254</v>
      </c>
      <c r="G28605" s="1" t="s">
        <v>101198</v>
      </c>
      <c r="H28605" s="1" t="s">
        <v>101199</v>
      </c>
      <c r="I28605" s="1" t="s">
        <v>96632</v>
      </c>
      <c r="J28605" s="1" t="s">
        <v>101255</v>
      </c>
    </row>
    <row r="28606" spans="1:10" x14ac:dyDescent="0.35">
      <c r="A28606" s="1" t="s">
        <v>3229</v>
      </c>
      <c r="B28606" s="1" t="s">
        <v>96627</v>
      </c>
      <c r="C28606" s="1" t="s">
        <v>140</v>
      </c>
      <c r="D28606" s="1" t="s">
        <v>56806</v>
      </c>
      <c r="E28606" s="1" t="s">
        <v>60377</v>
      </c>
      <c r="F28606" s="1" t="s">
        <v>69018</v>
      </c>
      <c r="G28606" s="1" t="s">
        <v>101198</v>
      </c>
      <c r="H28606" s="1" t="s">
        <v>101199</v>
      </c>
      <c r="I28606" s="1" t="s">
        <v>96632</v>
      </c>
      <c r="J28606" s="1" t="s">
        <v>101256</v>
      </c>
    </row>
    <row r="28607" spans="1:10" x14ac:dyDescent="0.35">
      <c r="A28607" s="1" t="s">
        <v>3229</v>
      </c>
      <c r="B28607" s="1" t="s">
        <v>96627</v>
      </c>
      <c r="C28607" s="1" t="s">
        <v>145</v>
      </c>
      <c r="D28607" s="1" t="s">
        <v>53986</v>
      </c>
      <c r="E28607" s="1" t="s">
        <v>57960</v>
      </c>
      <c r="F28607" s="1" t="s">
        <v>101257</v>
      </c>
      <c r="G28607" s="1" t="s">
        <v>101198</v>
      </c>
      <c r="H28607" s="1" t="s">
        <v>101199</v>
      </c>
      <c r="I28607" s="1" t="s">
        <v>96632</v>
      </c>
      <c r="J28607" s="1" t="s">
        <v>101258</v>
      </c>
    </row>
    <row r="28608" spans="1:10" x14ac:dyDescent="0.35">
      <c r="A28608" s="1" t="s">
        <v>3229</v>
      </c>
      <c r="B28608" s="1" t="s">
        <v>96627</v>
      </c>
      <c r="C28608" s="1" t="s">
        <v>150</v>
      </c>
      <c r="D28608" s="1" t="s">
        <v>101259</v>
      </c>
      <c r="E28608" s="1" t="s">
        <v>26629</v>
      </c>
      <c r="F28608" s="1" t="s">
        <v>101260</v>
      </c>
      <c r="G28608" s="1" t="s">
        <v>101198</v>
      </c>
      <c r="H28608" s="1" t="s">
        <v>101199</v>
      </c>
      <c r="I28608" s="1" t="s">
        <v>96632</v>
      </c>
      <c r="J28608" s="1" t="s">
        <v>101261</v>
      </c>
    </row>
    <row r="28609" spans="1:10" x14ac:dyDescent="0.35">
      <c r="A28609" s="1" t="s">
        <v>3229</v>
      </c>
      <c r="B28609" s="1" t="s">
        <v>96627</v>
      </c>
      <c r="C28609" s="1" t="s">
        <v>155</v>
      </c>
      <c r="D28609" s="1" t="s">
        <v>101262</v>
      </c>
      <c r="E28609" s="1" t="s">
        <v>55269</v>
      </c>
      <c r="F28609" s="1" t="s">
        <v>101263</v>
      </c>
      <c r="G28609" s="1" t="s">
        <v>101198</v>
      </c>
      <c r="H28609" s="1" t="s">
        <v>101199</v>
      </c>
      <c r="I28609" s="1" t="s">
        <v>96632</v>
      </c>
      <c r="J28609" s="1" t="s">
        <v>101264</v>
      </c>
    </row>
    <row r="28610" spans="1:10" x14ac:dyDescent="0.35">
      <c r="A28610" s="1" t="s">
        <v>3229</v>
      </c>
      <c r="B28610" s="1" t="s">
        <v>96627</v>
      </c>
      <c r="C28610" s="1" t="s">
        <v>160</v>
      </c>
      <c r="D28610" s="1" t="s">
        <v>101265</v>
      </c>
      <c r="E28610" s="1" t="s">
        <v>53876</v>
      </c>
      <c r="F28610" s="1" t="s">
        <v>101266</v>
      </c>
      <c r="G28610" s="1" t="s">
        <v>101198</v>
      </c>
      <c r="H28610" s="1" t="s">
        <v>101199</v>
      </c>
      <c r="I28610" s="1" t="s">
        <v>96632</v>
      </c>
      <c r="J28610" s="1" t="s">
        <v>101267</v>
      </c>
    </row>
    <row r="28611" spans="1:10" x14ac:dyDescent="0.35">
      <c r="A28611" s="1" t="s">
        <v>3229</v>
      </c>
      <c r="B28611" s="1" t="s">
        <v>96627</v>
      </c>
      <c r="C28611" s="1" t="s">
        <v>165</v>
      </c>
      <c r="D28611" s="1" t="s">
        <v>101268</v>
      </c>
      <c r="E28611" s="1" t="s">
        <v>101269</v>
      </c>
      <c r="F28611" s="1" t="s">
        <v>56380</v>
      </c>
      <c r="G28611" s="1" t="s">
        <v>101198</v>
      </c>
      <c r="H28611" s="1" t="s">
        <v>101199</v>
      </c>
      <c r="I28611" s="1" t="s">
        <v>96632</v>
      </c>
      <c r="J28611" s="1" t="s">
        <v>101270</v>
      </c>
    </row>
    <row r="28612" spans="1:10" x14ac:dyDescent="0.35">
      <c r="A28612" s="1" t="s">
        <v>3229</v>
      </c>
      <c r="B28612" s="1" t="s">
        <v>96627</v>
      </c>
      <c r="C28612" s="1" t="s">
        <v>170</v>
      </c>
      <c r="D28612" s="1" t="s">
        <v>101271</v>
      </c>
      <c r="E28612" s="1" t="s">
        <v>26288</v>
      </c>
      <c r="F28612" s="1" t="s">
        <v>101272</v>
      </c>
      <c r="G28612" s="1" t="s">
        <v>101198</v>
      </c>
      <c r="H28612" s="1" t="s">
        <v>101199</v>
      </c>
      <c r="I28612" s="1" t="s">
        <v>96632</v>
      </c>
      <c r="J28612" s="1" t="s">
        <v>101273</v>
      </c>
    </row>
    <row r="28613" spans="1:10" x14ac:dyDescent="0.35">
      <c r="A28613" s="1" t="s">
        <v>9841</v>
      </c>
      <c r="B28613" s="1" t="s">
        <v>96627</v>
      </c>
      <c r="C28613" s="1" t="s">
        <v>8</v>
      </c>
      <c r="D28613" s="1" t="s">
        <v>101274</v>
      </c>
      <c r="E28613" s="1" t="s">
        <v>101275</v>
      </c>
      <c r="F28613" s="1" t="s">
        <v>101276</v>
      </c>
      <c r="G28613" s="1" t="s">
        <v>101277</v>
      </c>
      <c r="H28613" s="1" t="s">
        <v>101278</v>
      </c>
      <c r="I28613" s="1" t="s">
        <v>96632</v>
      </c>
      <c r="J28613" s="1" t="s">
        <v>13</v>
      </c>
    </row>
    <row r="28614" spans="1:10" x14ac:dyDescent="0.35">
      <c r="A28614" s="1" t="s">
        <v>9841</v>
      </c>
      <c r="B28614" s="1" t="s">
        <v>96627</v>
      </c>
      <c r="C28614" s="1" t="s">
        <v>15</v>
      </c>
      <c r="D28614" s="1" t="s">
        <v>101279</v>
      </c>
      <c r="E28614" s="1" t="s">
        <v>101280</v>
      </c>
      <c r="F28614" s="1" t="s">
        <v>101281</v>
      </c>
      <c r="G28614" s="1" t="s">
        <v>101277</v>
      </c>
      <c r="H28614" s="1" t="s">
        <v>101278</v>
      </c>
      <c r="I28614" s="1" t="s">
        <v>96632</v>
      </c>
      <c r="J28614" s="1" t="s">
        <v>101282</v>
      </c>
    </row>
    <row r="28615" spans="1:10" x14ac:dyDescent="0.35">
      <c r="A28615" s="1" t="s">
        <v>9841</v>
      </c>
      <c r="B28615" s="1" t="s">
        <v>96627</v>
      </c>
      <c r="C28615" s="1" t="s">
        <v>20</v>
      </c>
      <c r="D28615" s="1" t="s">
        <v>64983</v>
      </c>
      <c r="E28615" s="1" t="s">
        <v>101283</v>
      </c>
      <c r="F28615" s="1" t="s">
        <v>101284</v>
      </c>
      <c r="G28615" s="1" t="s">
        <v>101277</v>
      </c>
      <c r="H28615" s="1" t="s">
        <v>101278</v>
      </c>
      <c r="I28615" s="1" t="s">
        <v>96632</v>
      </c>
      <c r="J28615" s="1" t="s">
        <v>101285</v>
      </c>
    </row>
    <row r="28616" spans="1:10" x14ac:dyDescent="0.35">
      <c r="A28616" s="1" t="s">
        <v>9841</v>
      </c>
      <c r="B28616" s="1" t="s">
        <v>96627</v>
      </c>
      <c r="C28616" s="1" t="s">
        <v>25</v>
      </c>
      <c r="D28616" s="1" t="s">
        <v>101286</v>
      </c>
      <c r="E28616" s="1" t="s">
        <v>101287</v>
      </c>
      <c r="F28616" s="1" t="s">
        <v>101288</v>
      </c>
      <c r="G28616" s="1" t="s">
        <v>101277</v>
      </c>
      <c r="H28616" s="1" t="s">
        <v>101278</v>
      </c>
      <c r="I28616" s="1" t="s">
        <v>96632</v>
      </c>
      <c r="J28616" s="1" t="s">
        <v>101289</v>
      </c>
    </row>
    <row r="28617" spans="1:10" x14ac:dyDescent="0.35">
      <c r="A28617" s="1" t="s">
        <v>9841</v>
      </c>
      <c r="B28617" s="1" t="s">
        <v>96627</v>
      </c>
      <c r="C28617" s="1" t="s">
        <v>30</v>
      </c>
      <c r="D28617" s="1" t="s">
        <v>91522</v>
      </c>
      <c r="E28617" s="1" t="s">
        <v>101290</v>
      </c>
      <c r="F28617" s="1" t="s">
        <v>101291</v>
      </c>
      <c r="G28617" s="1" t="s">
        <v>101277</v>
      </c>
      <c r="H28617" s="1" t="s">
        <v>101278</v>
      </c>
      <c r="I28617" s="1" t="s">
        <v>96632</v>
      </c>
      <c r="J28617" s="1" t="s">
        <v>101292</v>
      </c>
    </row>
    <row r="28618" spans="1:10" x14ac:dyDescent="0.35">
      <c r="A28618" s="1" t="s">
        <v>9841</v>
      </c>
      <c r="B28618" s="1" t="s">
        <v>96627</v>
      </c>
      <c r="C28618" s="1" t="s">
        <v>35</v>
      </c>
      <c r="D28618" s="1" t="s">
        <v>101293</v>
      </c>
      <c r="E28618" s="1" t="s">
        <v>101294</v>
      </c>
      <c r="F28618" s="1" t="s">
        <v>101295</v>
      </c>
      <c r="G28618" s="1" t="s">
        <v>101277</v>
      </c>
      <c r="H28618" s="1" t="s">
        <v>101278</v>
      </c>
      <c r="I28618" s="1" t="s">
        <v>96632</v>
      </c>
      <c r="J28618" s="1" t="s">
        <v>101296</v>
      </c>
    </row>
    <row r="28619" spans="1:10" x14ac:dyDescent="0.35">
      <c r="A28619" s="1" t="s">
        <v>9841</v>
      </c>
      <c r="B28619" s="1" t="s">
        <v>96627</v>
      </c>
      <c r="C28619" s="1" t="s">
        <v>40</v>
      </c>
      <c r="D28619" s="1" t="s">
        <v>101297</v>
      </c>
      <c r="E28619" s="1" t="s">
        <v>101298</v>
      </c>
      <c r="F28619" s="1" t="s">
        <v>101299</v>
      </c>
      <c r="G28619" s="1" t="s">
        <v>101277</v>
      </c>
      <c r="H28619" s="1" t="s">
        <v>101278</v>
      </c>
      <c r="I28619" s="1" t="s">
        <v>96632</v>
      </c>
      <c r="J28619" s="1" t="s">
        <v>101300</v>
      </c>
    </row>
    <row r="28620" spans="1:10" x14ac:dyDescent="0.35">
      <c r="A28620" s="1" t="s">
        <v>9841</v>
      </c>
      <c r="B28620" s="1" t="s">
        <v>96627</v>
      </c>
      <c r="C28620" s="1" t="s">
        <v>45</v>
      </c>
      <c r="D28620" s="1" t="s">
        <v>64549</v>
      </c>
      <c r="E28620" s="1" t="s">
        <v>101301</v>
      </c>
      <c r="F28620" s="1" t="s">
        <v>101302</v>
      </c>
      <c r="G28620" s="1" t="s">
        <v>101277</v>
      </c>
      <c r="H28620" s="1" t="s">
        <v>101278</v>
      </c>
      <c r="I28620" s="1" t="s">
        <v>96632</v>
      </c>
      <c r="J28620" s="1" t="s">
        <v>101303</v>
      </c>
    </row>
    <row r="28621" spans="1:10" x14ac:dyDescent="0.35">
      <c r="A28621" s="1" t="s">
        <v>9841</v>
      </c>
      <c r="B28621" s="1" t="s">
        <v>96627</v>
      </c>
      <c r="C28621" s="1" t="s">
        <v>50</v>
      </c>
      <c r="D28621" s="1" t="s">
        <v>92018</v>
      </c>
      <c r="E28621" s="1" t="s">
        <v>101304</v>
      </c>
      <c r="F28621" s="1" t="s">
        <v>101305</v>
      </c>
      <c r="G28621" s="1" t="s">
        <v>101277</v>
      </c>
      <c r="H28621" s="1" t="s">
        <v>101278</v>
      </c>
      <c r="I28621" s="1" t="s">
        <v>96632</v>
      </c>
      <c r="J28621" s="1" t="s">
        <v>101306</v>
      </c>
    </row>
    <row r="28622" spans="1:10" x14ac:dyDescent="0.35">
      <c r="A28622" s="1" t="s">
        <v>9841</v>
      </c>
      <c r="B28622" s="1" t="s">
        <v>96627</v>
      </c>
      <c r="C28622" s="1" t="s">
        <v>55</v>
      </c>
      <c r="D28622" s="1" t="s">
        <v>101307</v>
      </c>
      <c r="E28622" s="1" t="s">
        <v>101308</v>
      </c>
      <c r="F28622" s="1" t="s">
        <v>101309</v>
      </c>
      <c r="G28622" s="1" t="s">
        <v>101277</v>
      </c>
      <c r="H28622" s="1" t="s">
        <v>101278</v>
      </c>
      <c r="I28622" s="1" t="s">
        <v>96632</v>
      </c>
      <c r="J28622" s="1" t="s">
        <v>101310</v>
      </c>
    </row>
    <row r="28623" spans="1:10" x14ac:dyDescent="0.35">
      <c r="A28623" s="1" t="s">
        <v>9841</v>
      </c>
      <c r="B28623" s="1" t="s">
        <v>96627</v>
      </c>
      <c r="C28623" s="1" t="s">
        <v>60</v>
      </c>
      <c r="D28623" s="1" t="s">
        <v>65665</v>
      </c>
      <c r="E28623" s="1" t="s">
        <v>101311</v>
      </c>
      <c r="F28623" s="1" t="s">
        <v>101312</v>
      </c>
      <c r="G28623" s="1" t="s">
        <v>101277</v>
      </c>
      <c r="H28623" s="1" t="s">
        <v>101278</v>
      </c>
      <c r="I28623" s="1" t="s">
        <v>96632</v>
      </c>
      <c r="J28623" s="1" t="s">
        <v>101313</v>
      </c>
    </row>
    <row r="28624" spans="1:10" x14ac:dyDescent="0.35">
      <c r="A28624" s="1" t="s">
        <v>9841</v>
      </c>
      <c r="B28624" s="1" t="s">
        <v>96627</v>
      </c>
      <c r="C28624" s="1" t="s">
        <v>65</v>
      </c>
      <c r="D28624" s="1" t="s">
        <v>101314</v>
      </c>
      <c r="E28624" s="1" t="s">
        <v>101315</v>
      </c>
      <c r="F28624" s="1" t="s">
        <v>101316</v>
      </c>
      <c r="G28624" s="1" t="s">
        <v>101277</v>
      </c>
      <c r="H28624" s="1" t="s">
        <v>101278</v>
      </c>
      <c r="I28624" s="1" t="s">
        <v>96632</v>
      </c>
      <c r="J28624" s="1" t="s">
        <v>101317</v>
      </c>
    </row>
    <row r="28625" spans="1:10" x14ac:dyDescent="0.35">
      <c r="A28625" s="1" t="s">
        <v>9841</v>
      </c>
      <c r="B28625" s="1" t="s">
        <v>96627</v>
      </c>
      <c r="C28625" s="1" t="s">
        <v>70</v>
      </c>
      <c r="D28625" s="1" t="s">
        <v>22583</v>
      </c>
      <c r="E28625" s="1" t="s">
        <v>101318</v>
      </c>
      <c r="F28625" s="1" t="s">
        <v>101319</v>
      </c>
      <c r="G28625" s="1" t="s">
        <v>101277</v>
      </c>
      <c r="H28625" s="1" t="s">
        <v>101278</v>
      </c>
      <c r="I28625" s="1" t="s">
        <v>96632</v>
      </c>
      <c r="J28625" s="1" t="s">
        <v>101320</v>
      </c>
    </row>
    <row r="28626" spans="1:10" x14ac:dyDescent="0.35">
      <c r="A28626" s="1" t="s">
        <v>9841</v>
      </c>
      <c r="B28626" s="1" t="s">
        <v>96627</v>
      </c>
      <c r="C28626" s="1" t="s">
        <v>75</v>
      </c>
      <c r="D28626" s="1" t="s">
        <v>55807</v>
      </c>
      <c r="E28626" s="1" t="s">
        <v>101321</v>
      </c>
      <c r="F28626" s="1" t="s">
        <v>101322</v>
      </c>
      <c r="G28626" s="1" t="s">
        <v>101277</v>
      </c>
      <c r="H28626" s="1" t="s">
        <v>101278</v>
      </c>
      <c r="I28626" s="1" t="s">
        <v>96632</v>
      </c>
      <c r="J28626" s="1" t="s">
        <v>101323</v>
      </c>
    </row>
    <row r="28627" spans="1:10" x14ac:dyDescent="0.35">
      <c r="A28627" s="1" t="s">
        <v>9841</v>
      </c>
      <c r="B28627" s="1" t="s">
        <v>96627</v>
      </c>
      <c r="C28627" s="1" t="s">
        <v>80</v>
      </c>
      <c r="D28627" s="1" t="s">
        <v>101324</v>
      </c>
      <c r="E28627" s="1" t="s">
        <v>101325</v>
      </c>
      <c r="F28627" s="1" t="s">
        <v>101326</v>
      </c>
      <c r="G28627" s="1" t="s">
        <v>101277</v>
      </c>
      <c r="H28627" s="1" t="s">
        <v>101278</v>
      </c>
      <c r="I28627" s="1" t="s">
        <v>96632</v>
      </c>
      <c r="J28627" s="1" t="s">
        <v>101327</v>
      </c>
    </row>
    <row r="28628" spans="1:10" x14ac:dyDescent="0.35">
      <c r="A28628" s="1" t="s">
        <v>9841</v>
      </c>
      <c r="B28628" s="1" t="s">
        <v>96627</v>
      </c>
      <c r="C28628" s="1" t="s">
        <v>85</v>
      </c>
      <c r="D28628" s="1" t="s">
        <v>57264</v>
      </c>
      <c r="E28628" s="1" t="s">
        <v>101328</v>
      </c>
      <c r="F28628" s="1" t="s">
        <v>101329</v>
      </c>
      <c r="G28628" s="1" t="s">
        <v>101277</v>
      </c>
      <c r="H28628" s="1" t="s">
        <v>101278</v>
      </c>
      <c r="I28628" s="1" t="s">
        <v>96632</v>
      </c>
      <c r="J28628" s="1" t="s">
        <v>101330</v>
      </c>
    </row>
    <row r="28629" spans="1:10" x14ac:dyDescent="0.35">
      <c r="A28629" s="1" t="s">
        <v>9841</v>
      </c>
      <c r="B28629" s="1" t="s">
        <v>96627</v>
      </c>
      <c r="C28629" s="1" t="s">
        <v>90</v>
      </c>
      <c r="D28629" s="1" t="s">
        <v>101331</v>
      </c>
      <c r="E28629" s="1" t="s">
        <v>101332</v>
      </c>
      <c r="F28629" s="1" t="s">
        <v>101333</v>
      </c>
      <c r="G28629" s="1" t="s">
        <v>101277</v>
      </c>
      <c r="H28629" s="1" t="s">
        <v>101278</v>
      </c>
      <c r="I28629" s="1" t="s">
        <v>96632</v>
      </c>
      <c r="J28629" s="1" t="s">
        <v>101334</v>
      </c>
    </row>
    <row r="28630" spans="1:10" x14ac:dyDescent="0.35">
      <c r="A28630" s="1" t="s">
        <v>9841</v>
      </c>
      <c r="B28630" s="1" t="s">
        <v>96627</v>
      </c>
      <c r="C28630" s="1" t="s">
        <v>95</v>
      </c>
      <c r="D28630" s="1" t="s">
        <v>101335</v>
      </c>
      <c r="E28630" s="1" t="s">
        <v>101336</v>
      </c>
      <c r="F28630" s="1" t="s">
        <v>101337</v>
      </c>
      <c r="G28630" s="1" t="s">
        <v>101277</v>
      </c>
      <c r="H28630" s="1" t="s">
        <v>101278</v>
      </c>
      <c r="I28630" s="1" t="s">
        <v>96632</v>
      </c>
      <c r="J28630" s="1" t="s">
        <v>101338</v>
      </c>
    </row>
    <row r="28631" spans="1:10" x14ac:dyDescent="0.35">
      <c r="A28631" s="1" t="s">
        <v>9841</v>
      </c>
      <c r="B28631" s="1" t="s">
        <v>96627</v>
      </c>
      <c r="C28631" s="1" t="s">
        <v>100</v>
      </c>
      <c r="D28631" s="1" t="s">
        <v>89215</v>
      </c>
      <c r="E28631" s="1" t="s">
        <v>101339</v>
      </c>
      <c r="F28631" s="1" t="s">
        <v>101340</v>
      </c>
      <c r="G28631" s="1" t="s">
        <v>101277</v>
      </c>
      <c r="H28631" s="1" t="s">
        <v>101278</v>
      </c>
      <c r="I28631" s="1" t="s">
        <v>96632</v>
      </c>
      <c r="J28631" s="1" t="s">
        <v>101341</v>
      </c>
    </row>
    <row r="28632" spans="1:10" x14ac:dyDescent="0.35">
      <c r="A28632" s="1" t="s">
        <v>9841</v>
      </c>
      <c r="B28632" s="1" t="s">
        <v>96627</v>
      </c>
      <c r="C28632" s="1" t="s">
        <v>105</v>
      </c>
      <c r="D28632" s="1" t="s">
        <v>101342</v>
      </c>
      <c r="E28632" s="1" t="s">
        <v>101343</v>
      </c>
      <c r="F28632" s="1" t="s">
        <v>101344</v>
      </c>
      <c r="G28632" s="1" t="s">
        <v>101277</v>
      </c>
      <c r="H28632" s="1" t="s">
        <v>101278</v>
      </c>
      <c r="I28632" s="1" t="s">
        <v>96632</v>
      </c>
      <c r="J28632" s="1" t="s">
        <v>101345</v>
      </c>
    </row>
    <row r="28633" spans="1:10" x14ac:dyDescent="0.35">
      <c r="A28633" s="1" t="s">
        <v>9841</v>
      </c>
      <c r="B28633" s="1" t="s">
        <v>96627</v>
      </c>
      <c r="C28633" s="1" t="s">
        <v>110</v>
      </c>
      <c r="D28633" s="1" t="s">
        <v>7412</v>
      </c>
      <c r="E28633" s="1" t="s">
        <v>101346</v>
      </c>
      <c r="F28633" s="1" t="s">
        <v>101347</v>
      </c>
      <c r="G28633" s="1" t="s">
        <v>101277</v>
      </c>
      <c r="H28633" s="1" t="s">
        <v>101278</v>
      </c>
      <c r="I28633" s="1" t="s">
        <v>96632</v>
      </c>
      <c r="J28633" s="1" t="s">
        <v>101348</v>
      </c>
    </row>
    <row r="28634" spans="1:10" x14ac:dyDescent="0.35">
      <c r="A28634" s="1" t="s">
        <v>9841</v>
      </c>
      <c r="B28634" s="1" t="s">
        <v>96627</v>
      </c>
      <c r="C28634" s="1" t="s">
        <v>115</v>
      </c>
      <c r="D28634" s="1" t="s">
        <v>79886</v>
      </c>
      <c r="E28634" s="1" t="s">
        <v>101349</v>
      </c>
      <c r="F28634" s="1" t="s">
        <v>101350</v>
      </c>
      <c r="G28634" s="1" t="s">
        <v>101277</v>
      </c>
      <c r="H28634" s="1" t="s">
        <v>101278</v>
      </c>
      <c r="I28634" s="1" t="s">
        <v>96632</v>
      </c>
      <c r="J28634" s="1" t="s">
        <v>101351</v>
      </c>
    </row>
    <row r="28635" spans="1:10" x14ac:dyDescent="0.35">
      <c r="A28635" s="1" t="s">
        <v>9841</v>
      </c>
      <c r="B28635" s="1" t="s">
        <v>96627</v>
      </c>
      <c r="C28635" s="1" t="s">
        <v>120</v>
      </c>
      <c r="D28635" s="1" t="s">
        <v>101352</v>
      </c>
      <c r="E28635" s="1" t="s">
        <v>101353</v>
      </c>
      <c r="F28635" s="1" t="s">
        <v>101354</v>
      </c>
      <c r="G28635" s="1" t="s">
        <v>101277</v>
      </c>
      <c r="H28635" s="1" t="s">
        <v>101278</v>
      </c>
      <c r="I28635" s="1" t="s">
        <v>96632</v>
      </c>
      <c r="J28635" s="1" t="s">
        <v>101355</v>
      </c>
    </row>
    <row r="28636" spans="1:10" x14ac:dyDescent="0.35">
      <c r="A28636" s="1" t="s">
        <v>9841</v>
      </c>
      <c r="B28636" s="1" t="s">
        <v>96627</v>
      </c>
      <c r="C28636" s="1" t="s">
        <v>125</v>
      </c>
      <c r="D28636" s="1" t="s">
        <v>101356</v>
      </c>
      <c r="E28636" s="1" t="s">
        <v>101357</v>
      </c>
      <c r="F28636" s="1" t="s">
        <v>101358</v>
      </c>
      <c r="G28636" s="1" t="s">
        <v>101277</v>
      </c>
      <c r="H28636" s="1" t="s">
        <v>101278</v>
      </c>
      <c r="I28636" s="1" t="s">
        <v>96632</v>
      </c>
      <c r="J28636" s="1" t="s">
        <v>101359</v>
      </c>
    </row>
    <row r="28637" spans="1:10" x14ac:dyDescent="0.35">
      <c r="A28637" s="1" t="s">
        <v>9841</v>
      </c>
      <c r="B28637" s="1" t="s">
        <v>96627</v>
      </c>
      <c r="C28637" s="1" t="s">
        <v>130</v>
      </c>
      <c r="D28637" s="1" t="s">
        <v>101360</v>
      </c>
      <c r="E28637" s="1" t="s">
        <v>101361</v>
      </c>
      <c r="F28637" s="1" t="s">
        <v>101362</v>
      </c>
      <c r="G28637" s="1" t="s">
        <v>101277</v>
      </c>
      <c r="H28637" s="1" t="s">
        <v>101278</v>
      </c>
      <c r="I28637" s="1" t="s">
        <v>96632</v>
      </c>
      <c r="J28637" s="1" t="s">
        <v>101363</v>
      </c>
    </row>
    <row r="28638" spans="1:10" x14ac:dyDescent="0.35">
      <c r="A28638" s="1" t="s">
        <v>9841</v>
      </c>
      <c r="B28638" s="1" t="s">
        <v>96627</v>
      </c>
      <c r="C28638" s="1" t="s">
        <v>135</v>
      </c>
      <c r="D28638" s="1" t="s">
        <v>101364</v>
      </c>
      <c r="E28638" s="1" t="s">
        <v>101365</v>
      </c>
      <c r="F28638" s="1" t="s">
        <v>101366</v>
      </c>
      <c r="G28638" s="1" t="s">
        <v>101277</v>
      </c>
      <c r="H28638" s="1" t="s">
        <v>101278</v>
      </c>
      <c r="I28638" s="1" t="s">
        <v>96632</v>
      </c>
      <c r="J28638" s="1" t="s">
        <v>101367</v>
      </c>
    </row>
    <row r="28639" spans="1:10" x14ac:dyDescent="0.35">
      <c r="A28639" s="1" t="s">
        <v>9841</v>
      </c>
      <c r="B28639" s="1" t="s">
        <v>96627</v>
      </c>
      <c r="C28639" s="1" t="s">
        <v>140</v>
      </c>
      <c r="D28639" s="1" t="s">
        <v>21936</v>
      </c>
      <c r="E28639" s="1" t="s">
        <v>101368</v>
      </c>
      <c r="F28639" s="1" t="s">
        <v>101369</v>
      </c>
      <c r="G28639" s="1" t="s">
        <v>101277</v>
      </c>
      <c r="H28639" s="1" t="s">
        <v>101278</v>
      </c>
      <c r="I28639" s="1" t="s">
        <v>96632</v>
      </c>
      <c r="J28639" s="1" t="s">
        <v>101370</v>
      </c>
    </row>
    <row r="28640" spans="1:10" x14ac:dyDescent="0.35">
      <c r="A28640" s="1" t="s">
        <v>9841</v>
      </c>
      <c r="B28640" s="1" t="s">
        <v>96627</v>
      </c>
      <c r="C28640" s="1" t="s">
        <v>145</v>
      </c>
      <c r="D28640" s="1" t="s">
        <v>22790</v>
      </c>
      <c r="E28640" s="1" t="s">
        <v>101371</v>
      </c>
      <c r="F28640" s="1" t="s">
        <v>101372</v>
      </c>
      <c r="G28640" s="1" t="s">
        <v>101277</v>
      </c>
      <c r="H28640" s="1" t="s">
        <v>101278</v>
      </c>
      <c r="I28640" s="1" t="s">
        <v>96632</v>
      </c>
      <c r="J28640" s="1" t="s">
        <v>101373</v>
      </c>
    </row>
    <row r="28641" spans="1:10" x14ac:dyDescent="0.35">
      <c r="A28641" s="1" t="s">
        <v>9841</v>
      </c>
      <c r="B28641" s="1" t="s">
        <v>96627</v>
      </c>
      <c r="C28641" s="1" t="s">
        <v>150</v>
      </c>
      <c r="D28641" s="1" t="s">
        <v>55579</v>
      </c>
      <c r="E28641" s="1" t="s">
        <v>101374</v>
      </c>
      <c r="F28641" s="1" t="s">
        <v>101375</v>
      </c>
      <c r="G28641" s="1" t="s">
        <v>101277</v>
      </c>
      <c r="H28641" s="1" t="s">
        <v>101278</v>
      </c>
      <c r="I28641" s="1" t="s">
        <v>96632</v>
      </c>
      <c r="J28641" s="1" t="s">
        <v>101376</v>
      </c>
    </row>
    <row r="28642" spans="1:10" x14ac:dyDescent="0.35">
      <c r="A28642" s="1" t="s">
        <v>9841</v>
      </c>
      <c r="B28642" s="1" t="s">
        <v>96627</v>
      </c>
      <c r="C28642" s="1" t="s">
        <v>155</v>
      </c>
      <c r="D28642" s="1" t="s">
        <v>101377</v>
      </c>
      <c r="E28642" s="1" t="s">
        <v>101378</v>
      </c>
      <c r="F28642" s="1" t="s">
        <v>101379</v>
      </c>
      <c r="G28642" s="1" t="s">
        <v>101277</v>
      </c>
      <c r="H28642" s="1" t="s">
        <v>101278</v>
      </c>
      <c r="I28642" s="1" t="s">
        <v>96632</v>
      </c>
      <c r="J28642" s="1" t="s">
        <v>101380</v>
      </c>
    </row>
    <row r="28643" spans="1:10" x14ac:dyDescent="0.35">
      <c r="A28643" s="1" t="s">
        <v>9841</v>
      </c>
      <c r="B28643" s="1" t="s">
        <v>96627</v>
      </c>
      <c r="C28643" s="1" t="s">
        <v>160</v>
      </c>
      <c r="D28643" s="1" t="s">
        <v>99339</v>
      </c>
      <c r="E28643" s="1" t="s">
        <v>101381</v>
      </c>
      <c r="F28643" s="1" t="s">
        <v>101382</v>
      </c>
      <c r="G28643" s="1" t="s">
        <v>101277</v>
      </c>
      <c r="H28643" s="1" t="s">
        <v>101278</v>
      </c>
      <c r="I28643" s="1" t="s">
        <v>96632</v>
      </c>
      <c r="J28643" s="1" t="s">
        <v>101383</v>
      </c>
    </row>
    <row r="28644" spans="1:10" x14ac:dyDescent="0.35">
      <c r="A28644" s="1" t="s">
        <v>9841</v>
      </c>
      <c r="B28644" s="1" t="s">
        <v>96627</v>
      </c>
      <c r="C28644" s="1" t="s">
        <v>165</v>
      </c>
      <c r="D28644" s="1" t="s">
        <v>101384</v>
      </c>
      <c r="E28644" s="1" t="s">
        <v>101385</v>
      </c>
      <c r="F28644" s="1" t="s">
        <v>101386</v>
      </c>
      <c r="G28644" s="1" t="s">
        <v>101277</v>
      </c>
      <c r="H28644" s="1" t="s">
        <v>101278</v>
      </c>
      <c r="I28644" s="1" t="s">
        <v>96632</v>
      </c>
      <c r="J28644" s="1" t="s">
        <v>101387</v>
      </c>
    </row>
    <row r="28645" spans="1:10" x14ac:dyDescent="0.35">
      <c r="A28645" s="1" t="s">
        <v>9841</v>
      </c>
      <c r="B28645" s="1" t="s">
        <v>96627</v>
      </c>
      <c r="C28645" s="1" t="s">
        <v>170</v>
      </c>
      <c r="D28645" s="1" t="s">
        <v>101388</v>
      </c>
      <c r="E28645" s="1" t="s">
        <v>101389</v>
      </c>
      <c r="F28645" s="1" t="s">
        <v>101390</v>
      </c>
      <c r="G28645" s="1" t="s">
        <v>101277</v>
      </c>
      <c r="H28645" s="1" t="s">
        <v>101278</v>
      </c>
      <c r="I28645" s="1" t="s">
        <v>96632</v>
      </c>
      <c r="J28645" s="1" t="s">
        <v>101391</v>
      </c>
    </row>
    <row r="28646" spans="1:10" x14ac:dyDescent="0.35">
      <c r="A28646" s="1" t="s">
        <v>101392</v>
      </c>
      <c r="B28646" s="1" t="s">
        <v>96627</v>
      </c>
      <c r="C28646" s="1" t="s">
        <v>8</v>
      </c>
      <c r="D28646" s="1" t="s">
        <v>84605</v>
      </c>
      <c r="E28646" s="1" t="s">
        <v>32359</v>
      </c>
      <c r="F28646" s="1" t="s">
        <v>101393</v>
      </c>
      <c r="G28646" s="1" t="s">
        <v>101394</v>
      </c>
      <c r="H28646" s="1" t="s">
        <v>101395</v>
      </c>
      <c r="I28646" s="1" t="s">
        <v>96632</v>
      </c>
      <c r="J28646" s="1" t="s">
        <v>13</v>
      </c>
    </row>
    <row r="28647" spans="1:10" x14ac:dyDescent="0.35">
      <c r="A28647" s="1" t="s">
        <v>101392</v>
      </c>
      <c r="B28647" s="1" t="s">
        <v>96627</v>
      </c>
      <c r="C28647" s="1" t="s">
        <v>15</v>
      </c>
      <c r="D28647" s="1" t="s">
        <v>101396</v>
      </c>
      <c r="E28647" s="1" t="s">
        <v>56917</v>
      </c>
      <c r="F28647" s="1" t="s">
        <v>101397</v>
      </c>
      <c r="G28647" s="1" t="s">
        <v>101394</v>
      </c>
      <c r="H28647" s="1" t="s">
        <v>101395</v>
      </c>
      <c r="I28647" s="1" t="s">
        <v>96632</v>
      </c>
      <c r="J28647" s="1" t="s">
        <v>101398</v>
      </c>
    </row>
    <row r="28648" spans="1:10" x14ac:dyDescent="0.35">
      <c r="A28648" s="1" t="s">
        <v>101392</v>
      </c>
      <c r="B28648" s="1" t="s">
        <v>96627</v>
      </c>
      <c r="C28648" s="1" t="s">
        <v>20</v>
      </c>
      <c r="D28648" s="1" t="s">
        <v>101399</v>
      </c>
      <c r="E28648" s="1" t="s">
        <v>23183</v>
      </c>
      <c r="F28648" s="1" t="s">
        <v>60522</v>
      </c>
      <c r="G28648" s="1" t="s">
        <v>101394</v>
      </c>
      <c r="H28648" s="1" t="s">
        <v>101395</v>
      </c>
      <c r="I28648" s="1" t="s">
        <v>96632</v>
      </c>
      <c r="J28648" s="1" t="s">
        <v>101400</v>
      </c>
    </row>
    <row r="28649" spans="1:10" x14ac:dyDescent="0.35">
      <c r="A28649" s="1" t="s">
        <v>101392</v>
      </c>
      <c r="B28649" s="1" t="s">
        <v>96627</v>
      </c>
      <c r="C28649" s="1" t="s">
        <v>25</v>
      </c>
      <c r="D28649" s="1" t="s">
        <v>101401</v>
      </c>
      <c r="E28649" s="1" t="s">
        <v>54482</v>
      </c>
      <c r="F28649" s="1" t="s">
        <v>101402</v>
      </c>
      <c r="G28649" s="1" t="s">
        <v>101394</v>
      </c>
      <c r="H28649" s="1" t="s">
        <v>101395</v>
      </c>
      <c r="I28649" s="1" t="s">
        <v>96632</v>
      </c>
      <c r="J28649" s="1" t="s">
        <v>101403</v>
      </c>
    </row>
    <row r="28650" spans="1:10" x14ac:dyDescent="0.35">
      <c r="A28650" s="1" t="s">
        <v>101392</v>
      </c>
      <c r="B28650" s="1" t="s">
        <v>96627</v>
      </c>
      <c r="C28650" s="1" t="s">
        <v>30</v>
      </c>
      <c r="D28650" s="1" t="s">
        <v>101404</v>
      </c>
      <c r="E28650" s="1" t="s">
        <v>32065</v>
      </c>
      <c r="F28650" s="1" t="s">
        <v>60818</v>
      </c>
      <c r="G28650" s="1" t="s">
        <v>101394</v>
      </c>
      <c r="H28650" s="1" t="s">
        <v>101395</v>
      </c>
      <c r="I28650" s="1" t="s">
        <v>96632</v>
      </c>
      <c r="J28650" s="1" t="s">
        <v>101405</v>
      </c>
    </row>
    <row r="28651" spans="1:10" x14ac:dyDescent="0.35">
      <c r="A28651" s="1" t="s">
        <v>101392</v>
      </c>
      <c r="B28651" s="1" t="s">
        <v>96627</v>
      </c>
      <c r="C28651" s="1" t="s">
        <v>35</v>
      </c>
      <c r="D28651" s="1" t="s">
        <v>101406</v>
      </c>
      <c r="E28651" s="1" t="s">
        <v>15293</v>
      </c>
      <c r="F28651" s="1" t="s">
        <v>101407</v>
      </c>
      <c r="G28651" s="1" t="s">
        <v>101394</v>
      </c>
      <c r="H28651" s="1" t="s">
        <v>101395</v>
      </c>
      <c r="I28651" s="1" t="s">
        <v>96632</v>
      </c>
      <c r="J28651" s="1" t="s">
        <v>101408</v>
      </c>
    </row>
    <row r="28652" spans="1:10" x14ac:dyDescent="0.35">
      <c r="A28652" s="1" t="s">
        <v>101392</v>
      </c>
      <c r="B28652" s="1" t="s">
        <v>96627</v>
      </c>
      <c r="C28652" s="1" t="s">
        <v>40</v>
      </c>
      <c r="D28652" s="1" t="s">
        <v>101409</v>
      </c>
      <c r="E28652" s="1" t="s">
        <v>57392</v>
      </c>
      <c r="F28652" s="1" t="s">
        <v>101410</v>
      </c>
      <c r="G28652" s="1" t="s">
        <v>101394</v>
      </c>
      <c r="H28652" s="1" t="s">
        <v>101395</v>
      </c>
      <c r="I28652" s="1" t="s">
        <v>96632</v>
      </c>
      <c r="J28652" s="1" t="s">
        <v>101411</v>
      </c>
    </row>
    <row r="28653" spans="1:10" x14ac:dyDescent="0.35">
      <c r="A28653" s="1" t="s">
        <v>101392</v>
      </c>
      <c r="B28653" s="1" t="s">
        <v>96627</v>
      </c>
      <c r="C28653" s="1" t="s">
        <v>45</v>
      </c>
      <c r="D28653" s="1" t="s">
        <v>58186</v>
      </c>
      <c r="E28653" s="1" t="s">
        <v>67529</v>
      </c>
      <c r="F28653" s="1" t="s">
        <v>57069</v>
      </c>
      <c r="G28653" s="1" t="s">
        <v>101394</v>
      </c>
      <c r="H28653" s="1" t="s">
        <v>101395</v>
      </c>
      <c r="I28653" s="1" t="s">
        <v>96632</v>
      </c>
      <c r="J28653" s="1" t="s">
        <v>101412</v>
      </c>
    </row>
    <row r="28654" spans="1:10" x14ac:dyDescent="0.35">
      <c r="A28654" s="1" t="s">
        <v>101392</v>
      </c>
      <c r="B28654" s="1" t="s">
        <v>96627</v>
      </c>
      <c r="C28654" s="1" t="s">
        <v>50</v>
      </c>
      <c r="D28654" s="1" t="s">
        <v>85723</v>
      </c>
      <c r="E28654" s="1" t="s">
        <v>27070</v>
      </c>
      <c r="F28654" s="1" t="s">
        <v>101413</v>
      </c>
      <c r="G28654" s="1" t="s">
        <v>101394</v>
      </c>
      <c r="H28654" s="1" t="s">
        <v>101395</v>
      </c>
      <c r="I28654" s="1" t="s">
        <v>96632</v>
      </c>
      <c r="J28654" s="1" t="s">
        <v>101414</v>
      </c>
    </row>
    <row r="28655" spans="1:10" x14ac:dyDescent="0.35">
      <c r="A28655" s="1" t="s">
        <v>101392</v>
      </c>
      <c r="B28655" s="1" t="s">
        <v>96627</v>
      </c>
      <c r="C28655" s="1" t="s">
        <v>55</v>
      </c>
      <c r="D28655" s="1" t="s">
        <v>9488</v>
      </c>
      <c r="E28655" s="1" t="s">
        <v>32584</v>
      </c>
      <c r="F28655" s="1" t="s">
        <v>59124</v>
      </c>
      <c r="G28655" s="1" t="s">
        <v>101394</v>
      </c>
      <c r="H28655" s="1" t="s">
        <v>101395</v>
      </c>
      <c r="I28655" s="1" t="s">
        <v>96632</v>
      </c>
      <c r="J28655" s="1" t="s">
        <v>101415</v>
      </c>
    </row>
    <row r="28656" spans="1:10" x14ac:dyDescent="0.35">
      <c r="A28656" s="1" t="s">
        <v>101392</v>
      </c>
      <c r="B28656" s="1" t="s">
        <v>96627</v>
      </c>
      <c r="C28656" s="1" t="s">
        <v>60</v>
      </c>
      <c r="D28656" s="1" t="s">
        <v>101416</v>
      </c>
      <c r="E28656" s="1" t="s">
        <v>12841</v>
      </c>
      <c r="F28656" s="1" t="s">
        <v>101417</v>
      </c>
      <c r="G28656" s="1" t="s">
        <v>101394</v>
      </c>
      <c r="H28656" s="1" t="s">
        <v>101395</v>
      </c>
      <c r="I28656" s="1" t="s">
        <v>96632</v>
      </c>
      <c r="J28656" s="1" t="s">
        <v>101418</v>
      </c>
    </row>
    <row r="28657" spans="1:10" x14ac:dyDescent="0.35">
      <c r="A28657" s="1" t="s">
        <v>101392</v>
      </c>
      <c r="B28657" s="1" t="s">
        <v>96627</v>
      </c>
      <c r="C28657" s="1" t="s">
        <v>65</v>
      </c>
      <c r="D28657" s="1" t="s">
        <v>23464</v>
      </c>
      <c r="E28657" s="1" t="s">
        <v>65214</v>
      </c>
      <c r="F28657" s="1" t="s">
        <v>57629</v>
      </c>
      <c r="G28657" s="1" t="s">
        <v>101394</v>
      </c>
      <c r="H28657" s="1" t="s">
        <v>101395</v>
      </c>
      <c r="I28657" s="1" t="s">
        <v>96632</v>
      </c>
      <c r="J28657" s="1" t="s">
        <v>101419</v>
      </c>
    </row>
    <row r="28658" spans="1:10" x14ac:dyDescent="0.35">
      <c r="A28658" s="1" t="s">
        <v>101392</v>
      </c>
      <c r="B28658" s="1" t="s">
        <v>96627</v>
      </c>
      <c r="C28658" s="1" t="s">
        <v>70</v>
      </c>
      <c r="D28658" s="1" t="s">
        <v>101420</v>
      </c>
      <c r="E28658" s="1" t="s">
        <v>21830</v>
      </c>
      <c r="F28658" s="1" t="s">
        <v>101421</v>
      </c>
      <c r="G28658" s="1" t="s">
        <v>101394</v>
      </c>
      <c r="H28658" s="1" t="s">
        <v>101395</v>
      </c>
      <c r="I28658" s="1" t="s">
        <v>96632</v>
      </c>
      <c r="J28658" s="1" t="s">
        <v>101422</v>
      </c>
    </row>
    <row r="28659" spans="1:10" x14ac:dyDescent="0.35">
      <c r="A28659" s="1" t="s">
        <v>101392</v>
      </c>
      <c r="B28659" s="1" t="s">
        <v>96627</v>
      </c>
      <c r="C28659" s="1" t="s">
        <v>75</v>
      </c>
      <c r="D28659" s="1" t="s">
        <v>101423</v>
      </c>
      <c r="E28659" s="1" t="s">
        <v>55251</v>
      </c>
      <c r="F28659" s="1" t="s">
        <v>101424</v>
      </c>
      <c r="G28659" s="1" t="s">
        <v>101394</v>
      </c>
      <c r="H28659" s="1" t="s">
        <v>101395</v>
      </c>
      <c r="I28659" s="1" t="s">
        <v>96632</v>
      </c>
      <c r="J28659" s="1" t="s">
        <v>101425</v>
      </c>
    </row>
    <row r="28660" spans="1:10" x14ac:dyDescent="0.35">
      <c r="A28660" s="1" t="s">
        <v>101392</v>
      </c>
      <c r="B28660" s="1" t="s">
        <v>96627</v>
      </c>
      <c r="C28660" s="1" t="s">
        <v>80</v>
      </c>
      <c r="D28660" s="1" t="s">
        <v>101426</v>
      </c>
      <c r="E28660" s="1" t="s">
        <v>15293</v>
      </c>
      <c r="F28660" s="1" t="s">
        <v>101214</v>
      </c>
      <c r="G28660" s="1" t="s">
        <v>101394</v>
      </c>
      <c r="H28660" s="1" t="s">
        <v>101395</v>
      </c>
      <c r="I28660" s="1" t="s">
        <v>96632</v>
      </c>
      <c r="J28660" s="1" t="s">
        <v>101427</v>
      </c>
    </row>
    <row r="28661" spans="1:10" x14ac:dyDescent="0.35">
      <c r="A28661" s="1" t="s">
        <v>101392</v>
      </c>
      <c r="B28661" s="1" t="s">
        <v>96627</v>
      </c>
      <c r="C28661" s="1" t="s">
        <v>85</v>
      </c>
      <c r="D28661" s="1" t="s">
        <v>68497</v>
      </c>
      <c r="E28661" s="1" t="s">
        <v>56202</v>
      </c>
      <c r="F28661" s="1" t="s">
        <v>98750</v>
      </c>
      <c r="G28661" s="1" t="s">
        <v>101394</v>
      </c>
      <c r="H28661" s="1" t="s">
        <v>101395</v>
      </c>
      <c r="I28661" s="1" t="s">
        <v>96632</v>
      </c>
      <c r="J28661" s="1" t="s">
        <v>101428</v>
      </c>
    </row>
    <row r="28662" spans="1:10" x14ac:dyDescent="0.35">
      <c r="A28662" s="1" t="s">
        <v>101392</v>
      </c>
      <c r="B28662" s="1" t="s">
        <v>96627</v>
      </c>
      <c r="C28662" s="1" t="s">
        <v>90</v>
      </c>
      <c r="D28662" s="1" t="s">
        <v>39197</v>
      </c>
      <c r="E28662" s="1" t="s">
        <v>59078</v>
      </c>
      <c r="F28662" s="1" t="s">
        <v>101429</v>
      </c>
      <c r="G28662" s="1" t="s">
        <v>101394</v>
      </c>
      <c r="H28662" s="1" t="s">
        <v>101395</v>
      </c>
      <c r="I28662" s="1" t="s">
        <v>96632</v>
      </c>
      <c r="J28662" s="1" t="s">
        <v>101430</v>
      </c>
    </row>
    <row r="28663" spans="1:10" x14ac:dyDescent="0.35">
      <c r="A28663" s="1" t="s">
        <v>101392</v>
      </c>
      <c r="B28663" s="1" t="s">
        <v>96627</v>
      </c>
      <c r="C28663" s="1" t="s">
        <v>95</v>
      </c>
      <c r="D28663" s="1" t="s">
        <v>101431</v>
      </c>
      <c r="E28663" s="1" t="s">
        <v>16186</v>
      </c>
      <c r="F28663" s="1" t="s">
        <v>101432</v>
      </c>
      <c r="G28663" s="1" t="s">
        <v>101394</v>
      </c>
      <c r="H28663" s="1" t="s">
        <v>101395</v>
      </c>
      <c r="I28663" s="1" t="s">
        <v>96632</v>
      </c>
      <c r="J28663" s="1" t="s">
        <v>101433</v>
      </c>
    </row>
    <row r="28664" spans="1:10" x14ac:dyDescent="0.35">
      <c r="A28664" s="1" t="s">
        <v>101392</v>
      </c>
      <c r="B28664" s="1" t="s">
        <v>96627</v>
      </c>
      <c r="C28664" s="1" t="s">
        <v>100</v>
      </c>
      <c r="D28664" s="1" t="s">
        <v>63822</v>
      </c>
      <c r="E28664" s="1" t="s">
        <v>21902</v>
      </c>
      <c r="F28664" s="1" t="s">
        <v>101434</v>
      </c>
      <c r="G28664" s="1" t="s">
        <v>101394</v>
      </c>
      <c r="H28664" s="1" t="s">
        <v>101395</v>
      </c>
      <c r="I28664" s="1" t="s">
        <v>96632</v>
      </c>
      <c r="J28664" s="1" t="s">
        <v>101435</v>
      </c>
    </row>
    <row r="28665" spans="1:10" x14ac:dyDescent="0.35">
      <c r="A28665" s="1" t="s">
        <v>101392</v>
      </c>
      <c r="B28665" s="1" t="s">
        <v>96627</v>
      </c>
      <c r="C28665" s="1" t="s">
        <v>105</v>
      </c>
      <c r="D28665" s="1" t="s">
        <v>98610</v>
      </c>
      <c r="E28665" s="1" t="s">
        <v>53965</v>
      </c>
      <c r="F28665" s="1" t="s">
        <v>101436</v>
      </c>
      <c r="G28665" s="1" t="s">
        <v>101394</v>
      </c>
      <c r="H28665" s="1" t="s">
        <v>101395</v>
      </c>
      <c r="I28665" s="1" t="s">
        <v>96632</v>
      </c>
      <c r="J28665" s="1" t="s">
        <v>101437</v>
      </c>
    </row>
    <row r="28666" spans="1:10" x14ac:dyDescent="0.35">
      <c r="A28666" s="1" t="s">
        <v>101392</v>
      </c>
      <c r="B28666" s="1" t="s">
        <v>96627</v>
      </c>
      <c r="C28666" s="1" t="s">
        <v>110</v>
      </c>
      <c r="D28666" s="1" t="s">
        <v>97088</v>
      </c>
      <c r="E28666" s="1" t="s">
        <v>56221</v>
      </c>
      <c r="F28666" s="1" t="s">
        <v>63783</v>
      </c>
      <c r="G28666" s="1" t="s">
        <v>101394</v>
      </c>
      <c r="H28666" s="1" t="s">
        <v>101395</v>
      </c>
      <c r="I28666" s="1" t="s">
        <v>96632</v>
      </c>
      <c r="J28666" s="1" t="s">
        <v>101438</v>
      </c>
    </row>
    <row r="28667" spans="1:10" x14ac:dyDescent="0.35">
      <c r="A28667" s="1" t="s">
        <v>101392</v>
      </c>
      <c r="B28667" s="1" t="s">
        <v>96627</v>
      </c>
      <c r="C28667" s="1" t="s">
        <v>115</v>
      </c>
      <c r="D28667" s="1" t="s">
        <v>101439</v>
      </c>
      <c r="E28667" s="1" t="s">
        <v>26214</v>
      </c>
      <c r="F28667" s="1" t="s">
        <v>101440</v>
      </c>
      <c r="G28667" s="1" t="s">
        <v>101394</v>
      </c>
      <c r="H28667" s="1" t="s">
        <v>101395</v>
      </c>
      <c r="I28667" s="1" t="s">
        <v>96632</v>
      </c>
      <c r="J28667" s="1" t="s">
        <v>101441</v>
      </c>
    </row>
    <row r="28668" spans="1:10" x14ac:dyDescent="0.35">
      <c r="A28668" s="1" t="s">
        <v>101392</v>
      </c>
      <c r="B28668" s="1" t="s">
        <v>96627</v>
      </c>
      <c r="C28668" s="1" t="s">
        <v>120</v>
      </c>
      <c r="D28668" s="1" t="s">
        <v>57225</v>
      </c>
      <c r="E28668" s="1" t="s">
        <v>54038</v>
      </c>
      <c r="F28668" s="1" t="s">
        <v>101442</v>
      </c>
      <c r="G28668" s="1" t="s">
        <v>101394</v>
      </c>
      <c r="H28668" s="1" t="s">
        <v>101395</v>
      </c>
      <c r="I28668" s="1" t="s">
        <v>96632</v>
      </c>
      <c r="J28668" s="1" t="s">
        <v>101443</v>
      </c>
    </row>
    <row r="28669" spans="1:10" x14ac:dyDescent="0.35">
      <c r="A28669" s="1" t="s">
        <v>101392</v>
      </c>
      <c r="B28669" s="1" t="s">
        <v>96627</v>
      </c>
      <c r="C28669" s="1" t="s">
        <v>125</v>
      </c>
      <c r="D28669" s="1" t="s">
        <v>101444</v>
      </c>
      <c r="E28669" s="1" t="s">
        <v>23435</v>
      </c>
      <c r="F28669" s="1" t="s">
        <v>58660</v>
      </c>
      <c r="G28669" s="1" t="s">
        <v>101394</v>
      </c>
      <c r="H28669" s="1" t="s">
        <v>101395</v>
      </c>
      <c r="I28669" s="1" t="s">
        <v>96632</v>
      </c>
      <c r="J28669" s="1" t="s">
        <v>101445</v>
      </c>
    </row>
    <row r="28670" spans="1:10" x14ac:dyDescent="0.35">
      <c r="A28670" s="1" t="s">
        <v>101392</v>
      </c>
      <c r="B28670" s="1" t="s">
        <v>96627</v>
      </c>
      <c r="C28670" s="1" t="s">
        <v>130</v>
      </c>
      <c r="D28670" s="1" t="s">
        <v>101446</v>
      </c>
      <c r="E28670" s="1" t="s">
        <v>57609</v>
      </c>
      <c r="F28670" s="1" t="s">
        <v>26544</v>
      </c>
      <c r="G28670" s="1" t="s">
        <v>101394</v>
      </c>
      <c r="H28670" s="1" t="s">
        <v>101395</v>
      </c>
      <c r="I28670" s="1" t="s">
        <v>96632</v>
      </c>
      <c r="J28670" s="1" t="s">
        <v>101447</v>
      </c>
    </row>
    <row r="28671" spans="1:10" x14ac:dyDescent="0.35">
      <c r="A28671" s="1" t="s">
        <v>101392</v>
      </c>
      <c r="B28671" s="1" t="s">
        <v>96627</v>
      </c>
      <c r="C28671" s="1" t="s">
        <v>135</v>
      </c>
      <c r="D28671" s="1" t="s">
        <v>101448</v>
      </c>
      <c r="E28671" s="1" t="s">
        <v>32584</v>
      </c>
      <c r="F28671" s="1" t="s">
        <v>56335</v>
      </c>
      <c r="G28671" s="1" t="s">
        <v>101394</v>
      </c>
      <c r="H28671" s="1" t="s">
        <v>101395</v>
      </c>
      <c r="I28671" s="1" t="s">
        <v>96632</v>
      </c>
      <c r="J28671" s="1" t="s">
        <v>101449</v>
      </c>
    </row>
    <row r="28672" spans="1:10" x14ac:dyDescent="0.35">
      <c r="A28672" s="1" t="s">
        <v>101392</v>
      </c>
      <c r="B28672" s="1" t="s">
        <v>96627</v>
      </c>
      <c r="C28672" s="1" t="s">
        <v>140</v>
      </c>
      <c r="D28672" s="1" t="s">
        <v>101450</v>
      </c>
      <c r="E28672" s="1" t="s">
        <v>16105</v>
      </c>
      <c r="F28672" s="1" t="s">
        <v>101451</v>
      </c>
      <c r="G28672" s="1" t="s">
        <v>101394</v>
      </c>
      <c r="H28672" s="1" t="s">
        <v>101395</v>
      </c>
      <c r="I28672" s="1" t="s">
        <v>96632</v>
      </c>
      <c r="J28672" s="1" t="s">
        <v>101452</v>
      </c>
    </row>
    <row r="28673" spans="1:10" x14ac:dyDescent="0.35">
      <c r="A28673" s="1" t="s">
        <v>101392</v>
      </c>
      <c r="B28673" s="1" t="s">
        <v>96627</v>
      </c>
      <c r="C28673" s="1" t="s">
        <v>145</v>
      </c>
      <c r="D28673" s="1" t="s">
        <v>101453</v>
      </c>
      <c r="E28673" s="1" t="s">
        <v>54168</v>
      </c>
      <c r="F28673" s="1" t="s">
        <v>101454</v>
      </c>
      <c r="G28673" s="1" t="s">
        <v>101394</v>
      </c>
      <c r="H28673" s="1" t="s">
        <v>101395</v>
      </c>
      <c r="I28673" s="1" t="s">
        <v>96632</v>
      </c>
      <c r="J28673" s="1" t="s">
        <v>101455</v>
      </c>
    </row>
    <row r="28674" spans="1:10" x14ac:dyDescent="0.35">
      <c r="A28674" s="1" t="s">
        <v>101392</v>
      </c>
      <c r="B28674" s="1" t="s">
        <v>96627</v>
      </c>
      <c r="C28674" s="1" t="s">
        <v>150</v>
      </c>
      <c r="D28674" s="1" t="s">
        <v>101456</v>
      </c>
      <c r="E28674" s="1" t="s">
        <v>57602</v>
      </c>
      <c r="F28674" s="1" t="s">
        <v>101457</v>
      </c>
      <c r="G28674" s="1" t="s">
        <v>101394</v>
      </c>
      <c r="H28674" s="1" t="s">
        <v>101395</v>
      </c>
      <c r="I28674" s="1" t="s">
        <v>96632</v>
      </c>
      <c r="J28674" s="1" t="s">
        <v>101458</v>
      </c>
    </row>
    <row r="28675" spans="1:10" x14ac:dyDescent="0.35">
      <c r="A28675" s="1" t="s">
        <v>101392</v>
      </c>
      <c r="B28675" s="1" t="s">
        <v>96627</v>
      </c>
      <c r="C28675" s="1" t="s">
        <v>155</v>
      </c>
      <c r="D28675" s="1" t="s">
        <v>101459</v>
      </c>
      <c r="E28675" s="1" t="s">
        <v>26225</v>
      </c>
      <c r="F28675" s="1" t="s">
        <v>101460</v>
      </c>
      <c r="G28675" s="1" t="s">
        <v>101394</v>
      </c>
      <c r="H28675" s="1" t="s">
        <v>101395</v>
      </c>
      <c r="I28675" s="1" t="s">
        <v>96632</v>
      </c>
      <c r="J28675" s="1" t="s">
        <v>101461</v>
      </c>
    </row>
    <row r="28676" spans="1:10" x14ac:dyDescent="0.35">
      <c r="A28676" s="1" t="s">
        <v>101392</v>
      </c>
      <c r="B28676" s="1" t="s">
        <v>96627</v>
      </c>
      <c r="C28676" s="1" t="s">
        <v>160</v>
      </c>
      <c r="D28676" s="1" t="s">
        <v>76193</v>
      </c>
      <c r="E28676" s="1" t="s">
        <v>15263</v>
      </c>
      <c r="F28676" s="1" t="s">
        <v>101462</v>
      </c>
      <c r="G28676" s="1" t="s">
        <v>101394</v>
      </c>
      <c r="H28676" s="1" t="s">
        <v>101395</v>
      </c>
      <c r="I28676" s="1" t="s">
        <v>96632</v>
      </c>
      <c r="J28676" s="1" t="s">
        <v>101463</v>
      </c>
    </row>
    <row r="28677" spans="1:10" x14ac:dyDescent="0.35">
      <c r="A28677" s="1" t="s">
        <v>101392</v>
      </c>
      <c r="B28677" s="1" t="s">
        <v>96627</v>
      </c>
      <c r="C28677" s="1" t="s">
        <v>165</v>
      </c>
      <c r="D28677" s="1" t="s">
        <v>101464</v>
      </c>
      <c r="E28677" s="1" t="s">
        <v>22267</v>
      </c>
      <c r="F28677" s="1" t="s">
        <v>101465</v>
      </c>
      <c r="G28677" s="1" t="s">
        <v>101394</v>
      </c>
      <c r="H28677" s="1" t="s">
        <v>101395</v>
      </c>
      <c r="I28677" s="1" t="s">
        <v>96632</v>
      </c>
      <c r="J28677" s="1" t="s">
        <v>101466</v>
      </c>
    </row>
    <row r="28678" spans="1:10" x14ac:dyDescent="0.35">
      <c r="A28678" s="1" t="s">
        <v>101392</v>
      </c>
      <c r="B28678" s="1" t="s">
        <v>96627</v>
      </c>
      <c r="C28678" s="1" t="s">
        <v>170</v>
      </c>
      <c r="D28678" s="1" t="s">
        <v>101467</v>
      </c>
      <c r="E28678" s="1" t="s">
        <v>23495</v>
      </c>
      <c r="F28678" s="1" t="s">
        <v>101468</v>
      </c>
      <c r="G28678" s="1" t="s">
        <v>101394</v>
      </c>
      <c r="H28678" s="1" t="s">
        <v>101395</v>
      </c>
      <c r="I28678" s="1" t="s">
        <v>96632</v>
      </c>
      <c r="J28678" s="1" t="s">
        <v>101469</v>
      </c>
    </row>
    <row r="28679" spans="1:10" x14ac:dyDescent="0.35">
      <c r="A28679" s="1" t="s">
        <v>1524</v>
      </c>
      <c r="B28679" s="1" t="s">
        <v>96627</v>
      </c>
      <c r="C28679" s="1" t="s">
        <v>8</v>
      </c>
      <c r="D28679" s="1" t="s">
        <v>11563</v>
      </c>
      <c r="E28679" s="1" t="s">
        <v>101470</v>
      </c>
      <c r="F28679" s="1" t="s">
        <v>101471</v>
      </c>
      <c r="G28679" s="1" t="s">
        <v>101472</v>
      </c>
      <c r="H28679" s="1" t="s">
        <v>101473</v>
      </c>
      <c r="I28679" s="1" t="s">
        <v>96632</v>
      </c>
      <c r="J28679" s="1" t="s">
        <v>13</v>
      </c>
    </row>
    <row r="28680" spans="1:10" x14ac:dyDescent="0.35">
      <c r="A28680" s="1" t="s">
        <v>1524</v>
      </c>
      <c r="B28680" s="1" t="s">
        <v>96627</v>
      </c>
      <c r="C28680" s="1" t="s">
        <v>15</v>
      </c>
      <c r="D28680" s="1" t="s">
        <v>101474</v>
      </c>
      <c r="E28680" s="1" t="s">
        <v>101475</v>
      </c>
      <c r="F28680" s="1" t="s">
        <v>101476</v>
      </c>
      <c r="G28680" s="1" t="s">
        <v>101472</v>
      </c>
      <c r="H28680" s="1" t="s">
        <v>101473</v>
      </c>
      <c r="I28680" s="1" t="s">
        <v>96632</v>
      </c>
      <c r="J28680" s="1" t="s">
        <v>101477</v>
      </c>
    </row>
    <row r="28681" spans="1:10" x14ac:dyDescent="0.35">
      <c r="A28681" s="1" t="s">
        <v>1524</v>
      </c>
      <c r="B28681" s="1" t="s">
        <v>96627</v>
      </c>
      <c r="C28681" s="1" t="s">
        <v>20</v>
      </c>
      <c r="D28681" s="1" t="s">
        <v>101478</v>
      </c>
      <c r="E28681" s="1" t="s">
        <v>101479</v>
      </c>
      <c r="F28681" s="1" t="s">
        <v>101480</v>
      </c>
      <c r="G28681" s="1" t="s">
        <v>101472</v>
      </c>
      <c r="H28681" s="1" t="s">
        <v>101473</v>
      </c>
      <c r="I28681" s="1" t="s">
        <v>96632</v>
      </c>
      <c r="J28681" s="1" t="s">
        <v>101481</v>
      </c>
    </row>
    <row r="28682" spans="1:10" x14ac:dyDescent="0.35">
      <c r="A28682" s="1" t="s">
        <v>1524</v>
      </c>
      <c r="B28682" s="1" t="s">
        <v>96627</v>
      </c>
      <c r="C28682" s="1" t="s">
        <v>25</v>
      </c>
      <c r="D28682" s="1" t="s">
        <v>101482</v>
      </c>
      <c r="E28682" s="1" t="s">
        <v>101483</v>
      </c>
      <c r="F28682" s="1" t="s">
        <v>101484</v>
      </c>
      <c r="G28682" s="1" t="s">
        <v>101472</v>
      </c>
      <c r="H28682" s="1" t="s">
        <v>101473</v>
      </c>
      <c r="I28682" s="1" t="s">
        <v>96632</v>
      </c>
      <c r="J28682" s="1" t="s">
        <v>101485</v>
      </c>
    </row>
    <row r="28683" spans="1:10" x14ac:dyDescent="0.35">
      <c r="A28683" s="1" t="s">
        <v>1524</v>
      </c>
      <c r="B28683" s="1" t="s">
        <v>96627</v>
      </c>
      <c r="C28683" s="1" t="s">
        <v>30</v>
      </c>
      <c r="D28683" s="1" t="s">
        <v>26689</v>
      </c>
      <c r="E28683" s="1" t="s">
        <v>101486</v>
      </c>
      <c r="F28683" s="1" t="s">
        <v>101487</v>
      </c>
      <c r="G28683" s="1" t="s">
        <v>101472</v>
      </c>
      <c r="H28683" s="1" t="s">
        <v>101473</v>
      </c>
      <c r="I28683" s="1" t="s">
        <v>96632</v>
      </c>
      <c r="J28683" s="1" t="s">
        <v>101488</v>
      </c>
    </row>
    <row r="28684" spans="1:10" x14ac:dyDescent="0.35">
      <c r="A28684" s="1" t="s">
        <v>1524</v>
      </c>
      <c r="B28684" s="1" t="s">
        <v>96627</v>
      </c>
      <c r="C28684" s="1" t="s">
        <v>35</v>
      </c>
      <c r="D28684" s="1" t="s">
        <v>60414</v>
      </c>
      <c r="E28684" s="1" t="s">
        <v>101489</v>
      </c>
      <c r="F28684" s="1" t="s">
        <v>101490</v>
      </c>
      <c r="G28684" s="1" t="s">
        <v>101472</v>
      </c>
      <c r="H28684" s="1" t="s">
        <v>101473</v>
      </c>
      <c r="I28684" s="1" t="s">
        <v>96632</v>
      </c>
      <c r="J28684" s="1" t="s">
        <v>101491</v>
      </c>
    </row>
    <row r="28685" spans="1:10" x14ac:dyDescent="0.35">
      <c r="A28685" s="1" t="s">
        <v>1524</v>
      </c>
      <c r="B28685" s="1" t="s">
        <v>96627</v>
      </c>
      <c r="C28685" s="1" t="s">
        <v>40</v>
      </c>
      <c r="D28685" s="1" t="s">
        <v>78520</v>
      </c>
      <c r="E28685" s="1" t="s">
        <v>101492</v>
      </c>
      <c r="F28685" s="1" t="s">
        <v>101493</v>
      </c>
      <c r="G28685" s="1" t="s">
        <v>101472</v>
      </c>
      <c r="H28685" s="1" t="s">
        <v>101473</v>
      </c>
      <c r="I28685" s="1" t="s">
        <v>96632</v>
      </c>
      <c r="J28685" s="1" t="s">
        <v>101494</v>
      </c>
    </row>
    <row r="28686" spans="1:10" x14ac:dyDescent="0.35">
      <c r="A28686" s="1" t="s">
        <v>1524</v>
      </c>
      <c r="B28686" s="1" t="s">
        <v>96627</v>
      </c>
      <c r="C28686" s="1" t="s">
        <v>45</v>
      </c>
      <c r="D28686" s="1" t="s">
        <v>43531</v>
      </c>
      <c r="E28686" s="1" t="s">
        <v>101495</v>
      </c>
      <c r="F28686" s="1" t="s">
        <v>101496</v>
      </c>
      <c r="G28686" s="1" t="s">
        <v>101472</v>
      </c>
      <c r="H28686" s="1" t="s">
        <v>101473</v>
      </c>
      <c r="I28686" s="1" t="s">
        <v>96632</v>
      </c>
      <c r="J28686" s="1" t="s">
        <v>101497</v>
      </c>
    </row>
    <row r="28687" spans="1:10" x14ac:dyDescent="0.35">
      <c r="A28687" s="1" t="s">
        <v>1524</v>
      </c>
      <c r="B28687" s="1" t="s">
        <v>96627</v>
      </c>
      <c r="C28687" s="1" t="s">
        <v>50</v>
      </c>
      <c r="D28687" s="1" t="s">
        <v>57327</v>
      </c>
      <c r="E28687" s="1" t="s">
        <v>101498</v>
      </c>
      <c r="F28687" s="1" t="s">
        <v>101499</v>
      </c>
      <c r="G28687" s="1" t="s">
        <v>101472</v>
      </c>
      <c r="H28687" s="1" t="s">
        <v>101473</v>
      </c>
      <c r="I28687" s="1" t="s">
        <v>96632</v>
      </c>
      <c r="J28687" s="1" t="s">
        <v>101500</v>
      </c>
    </row>
    <row r="28688" spans="1:10" x14ac:dyDescent="0.35">
      <c r="A28688" s="1" t="s">
        <v>1524</v>
      </c>
      <c r="B28688" s="1" t="s">
        <v>96627</v>
      </c>
      <c r="C28688" s="1" t="s">
        <v>55</v>
      </c>
      <c r="D28688" s="1" t="s">
        <v>93266</v>
      </c>
      <c r="E28688" s="1" t="s">
        <v>101501</v>
      </c>
      <c r="F28688" s="1" t="s">
        <v>101502</v>
      </c>
      <c r="G28688" s="1" t="s">
        <v>101472</v>
      </c>
      <c r="H28688" s="1" t="s">
        <v>101473</v>
      </c>
      <c r="I28688" s="1" t="s">
        <v>96632</v>
      </c>
      <c r="J28688" s="1" t="s">
        <v>101503</v>
      </c>
    </row>
    <row r="28689" spans="1:10" x14ac:dyDescent="0.35">
      <c r="A28689" s="1" t="s">
        <v>1524</v>
      </c>
      <c r="B28689" s="1" t="s">
        <v>96627</v>
      </c>
      <c r="C28689" s="1" t="s">
        <v>60</v>
      </c>
      <c r="D28689" s="1" t="s">
        <v>59450</v>
      </c>
      <c r="E28689" s="1" t="s">
        <v>101504</v>
      </c>
      <c r="F28689" s="1" t="s">
        <v>101505</v>
      </c>
      <c r="G28689" s="1" t="s">
        <v>101472</v>
      </c>
      <c r="H28689" s="1" t="s">
        <v>101473</v>
      </c>
      <c r="I28689" s="1" t="s">
        <v>96632</v>
      </c>
      <c r="J28689" s="1" t="s">
        <v>101506</v>
      </c>
    </row>
    <row r="28690" spans="1:10" x14ac:dyDescent="0.35">
      <c r="A28690" s="1" t="s">
        <v>1524</v>
      </c>
      <c r="B28690" s="1" t="s">
        <v>96627</v>
      </c>
      <c r="C28690" s="1" t="s">
        <v>65</v>
      </c>
      <c r="D28690" s="1" t="s">
        <v>101507</v>
      </c>
      <c r="E28690" s="1" t="s">
        <v>101508</v>
      </c>
      <c r="F28690" s="1" t="s">
        <v>101509</v>
      </c>
      <c r="G28690" s="1" t="s">
        <v>101472</v>
      </c>
      <c r="H28690" s="1" t="s">
        <v>101473</v>
      </c>
      <c r="I28690" s="1" t="s">
        <v>96632</v>
      </c>
      <c r="J28690" s="1" t="s">
        <v>101510</v>
      </c>
    </row>
    <row r="28691" spans="1:10" x14ac:dyDescent="0.35">
      <c r="A28691" s="1" t="s">
        <v>1524</v>
      </c>
      <c r="B28691" s="1" t="s">
        <v>96627</v>
      </c>
      <c r="C28691" s="1" t="s">
        <v>70</v>
      </c>
      <c r="D28691" s="1" t="s">
        <v>22686</v>
      </c>
      <c r="E28691" s="1" t="s">
        <v>101511</v>
      </c>
      <c r="F28691" s="1" t="s">
        <v>101512</v>
      </c>
      <c r="G28691" s="1" t="s">
        <v>101472</v>
      </c>
      <c r="H28691" s="1" t="s">
        <v>101473</v>
      </c>
      <c r="I28691" s="1" t="s">
        <v>96632</v>
      </c>
      <c r="J28691" s="1" t="s">
        <v>101513</v>
      </c>
    </row>
    <row r="28692" spans="1:10" x14ac:dyDescent="0.35">
      <c r="A28692" s="1" t="s">
        <v>1524</v>
      </c>
      <c r="B28692" s="1" t="s">
        <v>96627</v>
      </c>
      <c r="C28692" s="1" t="s">
        <v>75</v>
      </c>
      <c r="D28692" s="1" t="s">
        <v>81572</v>
      </c>
      <c r="E28692" s="1" t="s">
        <v>101514</v>
      </c>
      <c r="F28692" s="1" t="s">
        <v>101515</v>
      </c>
      <c r="G28692" s="1" t="s">
        <v>101472</v>
      </c>
      <c r="H28692" s="1" t="s">
        <v>101473</v>
      </c>
      <c r="I28692" s="1" t="s">
        <v>96632</v>
      </c>
      <c r="J28692" s="1" t="s">
        <v>101516</v>
      </c>
    </row>
    <row r="28693" spans="1:10" x14ac:dyDescent="0.35">
      <c r="A28693" s="1" t="s">
        <v>1524</v>
      </c>
      <c r="B28693" s="1" t="s">
        <v>96627</v>
      </c>
      <c r="C28693" s="1" t="s">
        <v>80</v>
      </c>
      <c r="D28693" s="1" t="s">
        <v>101517</v>
      </c>
      <c r="E28693" s="1" t="s">
        <v>101518</v>
      </c>
      <c r="F28693" s="1" t="s">
        <v>101519</v>
      </c>
      <c r="G28693" s="1" t="s">
        <v>101472</v>
      </c>
      <c r="H28693" s="1" t="s">
        <v>101473</v>
      </c>
      <c r="I28693" s="1" t="s">
        <v>96632</v>
      </c>
      <c r="J28693" s="1" t="s">
        <v>101520</v>
      </c>
    </row>
    <row r="28694" spans="1:10" x14ac:dyDescent="0.35">
      <c r="A28694" s="1" t="s">
        <v>1524</v>
      </c>
      <c r="B28694" s="1" t="s">
        <v>96627</v>
      </c>
      <c r="C28694" s="1" t="s">
        <v>85</v>
      </c>
      <c r="D28694" s="1" t="s">
        <v>69100</v>
      </c>
      <c r="E28694" s="1" t="s">
        <v>101521</v>
      </c>
      <c r="F28694" s="1" t="s">
        <v>101522</v>
      </c>
      <c r="G28694" s="1" t="s">
        <v>101472</v>
      </c>
      <c r="H28694" s="1" t="s">
        <v>101473</v>
      </c>
      <c r="I28694" s="1" t="s">
        <v>96632</v>
      </c>
      <c r="J28694" s="1" t="s">
        <v>101523</v>
      </c>
    </row>
    <row r="28695" spans="1:10" x14ac:dyDescent="0.35">
      <c r="A28695" s="1" t="s">
        <v>1524</v>
      </c>
      <c r="B28695" s="1" t="s">
        <v>96627</v>
      </c>
      <c r="C28695" s="1" t="s">
        <v>90</v>
      </c>
      <c r="D28695" s="1" t="s">
        <v>101524</v>
      </c>
      <c r="E28695" s="1" t="s">
        <v>101525</v>
      </c>
      <c r="F28695" s="1" t="s">
        <v>101526</v>
      </c>
      <c r="G28695" s="1" t="s">
        <v>101472</v>
      </c>
      <c r="H28695" s="1" t="s">
        <v>101473</v>
      </c>
      <c r="I28695" s="1" t="s">
        <v>96632</v>
      </c>
      <c r="J28695" s="1" t="s">
        <v>101527</v>
      </c>
    </row>
    <row r="28696" spans="1:10" x14ac:dyDescent="0.35">
      <c r="A28696" s="1" t="s">
        <v>1524</v>
      </c>
      <c r="B28696" s="1" t="s">
        <v>96627</v>
      </c>
      <c r="C28696" s="1" t="s">
        <v>95</v>
      </c>
      <c r="D28696" s="1" t="s">
        <v>101528</v>
      </c>
      <c r="E28696" s="1" t="s">
        <v>101529</v>
      </c>
      <c r="F28696" s="1" t="s">
        <v>101530</v>
      </c>
      <c r="G28696" s="1" t="s">
        <v>101472</v>
      </c>
      <c r="H28696" s="1" t="s">
        <v>101473</v>
      </c>
      <c r="I28696" s="1" t="s">
        <v>96632</v>
      </c>
      <c r="J28696" s="1" t="s">
        <v>101531</v>
      </c>
    </row>
    <row r="28697" spans="1:10" x14ac:dyDescent="0.35">
      <c r="A28697" s="1" t="s">
        <v>1524</v>
      </c>
      <c r="B28697" s="1" t="s">
        <v>96627</v>
      </c>
      <c r="C28697" s="1" t="s">
        <v>100</v>
      </c>
      <c r="D28697" s="1" t="s">
        <v>68249</v>
      </c>
      <c r="E28697" s="1" t="s">
        <v>101532</v>
      </c>
      <c r="F28697" s="1" t="s">
        <v>101533</v>
      </c>
      <c r="G28697" s="1" t="s">
        <v>101472</v>
      </c>
      <c r="H28697" s="1" t="s">
        <v>101473</v>
      </c>
      <c r="I28697" s="1" t="s">
        <v>96632</v>
      </c>
      <c r="J28697" s="1" t="s">
        <v>101534</v>
      </c>
    </row>
    <row r="28698" spans="1:10" x14ac:dyDescent="0.35">
      <c r="A28698" s="1" t="s">
        <v>1524</v>
      </c>
      <c r="B28698" s="1" t="s">
        <v>96627</v>
      </c>
      <c r="C28698" s="1" t="s">
        <v>105</v>
      </c>
      <c r="D28698" s="1" t="s">
        <v>85469</v>
      </c>
      <c r="E28698" s="1" t="s">
        <v>101535</v>
      </c>
      <c r="F28698" s="1" t="s">
        <v>101536</v>
      </c>
      <c r="G28698" s="1" t="s">
        <v>101472</v>
      </c>
      <c r="H28698" s="1" t="s">
        <v>101473</v>
      </c>
      <c r="I28698" s="1" t="s">
        <v>96632</v>
      </c>
      <c r="J28698" s="1" t="s">
        <v>101537</v>
      </c>
    </row>
    <row r="28699" spans="1:10" x14ac:dyDescent="0.35">
      <c r="A28699" s="1" t="s">
        <v>1524</v>
      </c>
      <c r="B28699" s="1" t="s">
        <v>96627</v>
      </c>
      <c r="C28699" s="1" t="s">
        <v>110</v>
      </c>
      <c r="D28699" s="1" t="s">
        <v>101538</v>
      </c>
      <c r="E28699" s="1" t="s">
        <v>101539</v>
      </c>
      <c r="F28699" s="1" t="s">
        <v>101540</v>
      </c>
      <c r="G28699" s="1" t="s">
        <v>101472</v>
      </c>
      <c r="H28699" s="1" t="s">
        <v>101473</v>
      </c>
      <c r="I28699" s="1" t="s">
        <v>96632</v>
      </c>
      <c r="J28699" s="1" t="s">
        <v>101541</v>
      </c>
    </row>
    <row r="28700" spans="1:10" x14ac:dyDescent="0.35">
      <c r="A28700" s="1" t="s">
        <v>1524</v>
      </c>
      <c r="B28700" s="1" t="s">
        <v>96627</v>
      </c>
      <c r="C28700" s="1" t="s">
        <v>115</v>
      </c>
      <c r="D28700" s="1" t="s">
        <v>101542</v>
      </c>
      <c r="E28700" s="1" t="s">
        <v>101518</v>
      </c>
      <c r="F28700" s="1" t="s">
        <v>101543</v>
      </c>
      <c r="G28700" s="1" t="s">
        <v>101472</v>
      </c>
      <c r="H28700" s="1" t="s">
        <v>101473</v>
      </c>
      <c r="I28700" s="1" t="s">
        <v>96632</v>
      </c>
      <c r="J28700" s="1" t="s">
        <v>101544</v>
      </c>
    </row>
    <row r="28701" spans="1:10" x14ac:dyDescent="0.35">
      <c r="A28701" s="1" t="s">
        <v>1524</v>
      </c>
      <c r="B28701" s="1" t="s">
        <v>96627</v>
      </c>
      <c r="C28701" s="1" t="s">
        <v>120</v>
      </c>
      <c r="D28701" s="1" t="s">
        <v>20618</v>
      </c>
      <c r="E28701" s="1" t="s">
        <v>101545</v>
      </c>
      <c r="F28701" s="1" t="s">
        <v>101546</v>
      </c>
      <c r="G28701" s="1" t="s">
        <v>101472</v>
      </c>
      <c r="H28701" s="1" t="s">
        <v>101473</v>
      </c>
      <c r="I28701" s="1" t="s">
        <v>96632</v>
      </c>
      <c r="J28701" s="1" t="s">
        <v>101547</v>
      </c>
    </row>
    <row r="28702" spans="1:10" x14ac:dyDescent="0.35">
      <c r="A28702" s="1" t="s">
        <v>1524</v>
      </c>
      <c r="B28702" s="1" t="s">
        <v>96627</v>
      </c>
      <c r="C28702" s="1" t="s">
        <v>125</v>
      </c>
      <c r="D28702" s="1" t="s">
        <v>101548</v>
      </c>
      <c r="E28702" s="1" t="s">
        <v>101549</v>
      </c>
      <c r="F28702" s="1" t="s">
        <v>101550</v>
      </c>
      <c r="G28702" s="1" t="s">
        <v>101472</v>
      </c>
      <c r="H28702" s="1" t="s">
        <v>101473</v>
      </c>
      <c r="I28702" s="1" t="s">
        <v>96632</v>
      </c>
      <c r="J28702" s="1" t="s">
        <v>101551</v>
      </c>
    </row>
    <row r="28703" spans="1:10" x14ac:dyDescent="0.35">
      <c r="A28703" s="1" t="s">
        <v>1524</v>
      </c>
      <c r="B28703" s="1" t="s">
        <v>96627</v>
      </c>
      <c r="C28703" s="1" t="s">
        <v>130</v>
      </c>
      <c r="D28703" s="1" t="s">
        <v>101552</v>
      </c>
      <c r="E28703" s="1" t="s">
        <v>101553</v>
      </c>
      <c r="F28703" s="1" t="s">
        <v>101554</v>
      </c>
      <c r="G28703" s="1" t="s">
        <v>101472</v>
      </c>
      <c r="H28703" s="1" t="s">
        <v>101473</v>
      </c>
      <c r="I28703" s="1" t="s">
        <v>96632</v>
      </c>
      <c r="J28703" s="1" t="s">
        <v>101555</v>
      </c>
    </row>
    <row r="28704" spans="1:10" x14ac:dyDescent="0.35">
      <c r="A28704" s="1" t="s">
        <v>1524</v>
      </c>
      <c r="B28704" s="1" t="s">
        <v>96627</v>
      </c>
      <c r="C28704" s="1" t="s">
        <v>135</v>
      </c>
      <c r="D28704" s="1" t="s">
        <v>70583</v>
      </c>
      <c r="E28704" s="1" t="s">
        <v>101556</v>
      </c>
      <c r="F28704" s="1" t="s">
        <v>101557</v>
      </c>
      <c r="G28704" s="1" t="s">
        <v>101472</v>
      </c>
      <c r="H28704" s="1" t="s">
        <v>101473</v>
      </c>
      <c r="I28704" s="1" t="s">
        <v>96632</v>
      </c>
      <c r="J28704" s="1" t="s">
        <v>101558</v>
      </c>
    </row>
    <row r="28705" spans="1:10" x14ac:dyDescent="0.35">
      <c r="A28705" s="1" t="s">
        <v>1524</v>
      </c>
      <c r="B28705" s="1" t="s">
        <v>96627</v>
      </c>
      <c r="C28705" s="1" t="s">
        <v>140</v>
      </c>
      <c r="D28705" s="1" t="s">
        <v>101559</v>
      </c>
      <c r="E28705" s="1" t="s">
        <v>101560</v>
      </c>
      <c r="F28705" s="1" t="s">
        <v>101561</v>
      </c>
      <c r="G28705" s="1" t="s">
        <v>101472</v>
      </c>
      <c r="H28705" s="1" t="s">
        <v>101473</v>
      </c>
      <c r="I28705" s="1" t="s">
        <v>96632</v>
      </c>
      <c r="J28705" s="1" t="s">
        <v>101562</v>
      </c>
    </row>
    <row r="28706" spans="1:10" x14ac:dyDescent="0.35">
      <c r="A28706" s="1" t="s">
        <v>1524</v>
      </c>
      <c r="B28706" s="1" t="s">
        <v>96627</v>
      </c>
      <c r="C28706" s="1" t="s">
        <v>145</v>
      </c>
      <c r="D28706" s="1" t="s">
        <v>100866</v>
      </c>
      <c r="E28706" s="1" t="s">
        <v>101563</v>
      </c>
      <c r="F28706" s="1" t="s">
        <v>101564</v>
      </c>
      <c r="G28706" s="1" t="s">
        <v>101472</v>
      </c>
      <c r="H28706" s="1" t="s">
        <v>101473</v>
      </c>
      <c r="I28706" s="1" t="s">
        <v>96632</v>
      </c>
      <c r="J28706" s="1" t="s">
        <v>101565</v>
      </c>
    </row>
    <row r="28707" spans="1:10" x14ac:dyDescent="0.35">
      <c r="A28707" s="1" t="s">
        <v>1524</v>
      </c>
      <c r="B28707" s="1" t="s">
        <v>96627</v>
      </c>
      <c r="C28707" s="1" t="s">
        <v>150</v>
      </c>
      <c r="D28707" s="1" t="s">
        <v>39876</v>
      </c>
      <c r="E28707" s="1" t="s">
        <v>101566</v>
      </c>
      <c r="F28707" s="1" t="s">
        <v>101567</v>
      </c>
      <c r="G28707" s="1" t="s">
        <v>101472</v>
      </c>
      <c r="H28707" s="1" t="s">
        <v>101473</v>
      </c>
      <c r="I28707" s="1" t="s">
        <v>96632</v>
      </c>
      <c r="J28707" s="1" t="s">
        <v>101568</v>
      </c>
    </row>
    <row r="28708" spans="1:10" x14ac:dyDescent="0.35">
      <c r="A28708" s="1" t="s">
        <v>1524</v>
      </c>
      <c r="B28708" s="1" t="s">
        <v>96627</v>
      </c>
      <c r="C28708" s="1" t="s">
        <v>155</v>
      </c>
      <c r="D28708" s="1" t="s">
        <v>101569</v>
      </c>
      <c r="E28708" s="1" t="s">
        <v>101570</v>
      </c>
      <c r="F28708" s="1" t="s">
        <v>101571</v>
      </c>
      <c r="G28708" s="1" t="s">
        <v>101472</v>
      </c>
      <c r="H28708" s="1" t="s">
        <v>101473</v>
      </c>
      <c r="I28708" s="1" t="s">
        <v>96632</v>
      </c>
      <c r="J28708" s="1" t="s">
        <v>101572</v>
      </c>
    </row>
    <row r="28709" spans="1:10" x14ac:dyDescent="0.35">
      <c r="A28709" s="1" t="s">
        <v>1524</v>
      </c>
      <c r="B28709" s="1" t="s">
        <v>96627</v>
      </c>
      <c r="C28709" s="1" t="s">
        <v>160</v>
      </c>
      <c r="D28709" s="1" t="s">
        <v>87106</v>
      </c>
      <c r="E28709" s="1" t="s">
        <v>101573</v>
      </c>
      <c r="F28709" s="1" t="s">
        <v>101574</v>
      </c>
      <c r="G28709" s="1" t="s">
        <v>101472</v>
      </c>
      <c r="H28709" s="1" t="s">
        <v>101473</v>
      </c>
      <c r="I28709" s="1" t="s">
        <v>96632</v>
      </c>
      <c r="J28709" s="1" t="s">
        <v>101575</v>
      </c>
    </row>
    <row r="28710" spans="1:10" x14ac:dyDescent="0.35">
      <c r="A28710" s="1" t="s">
        <v>1524</v>
      </c>
      <c r="B28710" s="1" t="s">
        <v>96627</v>
      </c>
      <c r="C28710" s="1" t="s">
        <v>165</v>
      </c>
      <c r="D28710" s="1" t="s">
        <v>101576</v>
      </c>
      <c r="E28710" s="1" t="s">
        <v>101577</v>
      </c>
      <c r="F28710" s="1" t="s">
        <v>101578</v>
      </c>
      <c r="G28710" s="1" t="s">
        <v>101472</v>
      </c>
      <c r="H28710" s="1" t="s">
        <v>101473</v>
      </c>
      <c r="I28710" s="1" t="s">
        <v>96632</v>
      </c>
      <c r="J28710" s="1" t="s">
        <v>101579</v>
      </c>
    </row>
    <row r="28711" spans="1:10" x14ac:dyDescent="0.35">
      <c r="A28711" s="1" t="s">
        <v>1524</v>
      </c>
      <c r="B28711" s="1" t="s">
        <v>96627</v>
      </c>
      <c r="C28711" s="1" t="s">
        <v>170</v>
      </c>
      <c r="D28711" s="1" t="s">
        <v>39245</v>
      </c>
      <c r="E28711" s="1" t="s">
        <v>101580</v>
      </c>
      <c r="F28711" s="1" t="s">
        <v>101581</v>
      </c>
      <c r="G28711" s="1" t="s">
        <v>101472</v>
      </c>
      <c r="H28711" s="1" t="s">
        <v>101473</v>
      </c>
      <c r="I28711" s="1" t="s">
        <v>96632</v>
      </c>
      <c r="J28711" s="1" t="s">
        <v>101582</v>
      </c>
    </row>
    <row r="28712" spans="1:10" x14ac:dyDescent="0.35">
      <c r="A28712" s="1" t="s">
        <v>101583</v>
      </c>
      <c r="B28712" s="1" t="s">
        <v>96627</v>
      </c>
      <c r="C28712" s="1" t="s">
        <v>8</v>
      </c>
      <c r="D28712" s="1" t="s">
        <v>11563</v>
      </c>
      <c r="E28712" s="1" t="s">
        <v>21937</v>
      </c>
      <c r="F28712" s="1" t="s">
        <v>101584</v>
      </c>
      <c r="G28712" s="1" t="s">
        <v>101585</v>
      </c>
      <c r="H28712" s="1" t="s">
        <v>101473</v>
      </c>
      <c r="I28712" s="1" t="s">
        <v>96632</v>
      </c>
      <c r="J28712" s="1" t="s">
        <v>13</v>
      </c>
    </row>
    <row r="28713" spans="1:10" x14ac:dyDescent="0.35">
      <c r="A28713" s="1" t="s">
        <v>101583</v>
      </c>
      <c r="B28713" s="1" t="s">
        <v>96627</v>
      </c>
      <c r="C28713" s="1" t="s">
        <v>15</v>
      </c>
      <c r="D28713" s="1" t="s">
        <v>101474</v>
      </c>
      <c r="E28713" s="1" t="s">
        <v>54066</v>
      </c>
      <c r="F28713" s="1" t="s">
        <v>101586</v>
      </c>
      <c r="G28713" s="1" t="s">
        <v>101585</v>
      </c>
      <c r="H28713" s="1" t="s">
        <v>101473</v>
      </c>
      <c r="I28713" s="1" t="s">
        <v>96632</v>
      </c>
      <c r="J28713" s="1" t="s">
        <v>101477</v>
      </c>
    </row>
    <row r="28714" spans="1:10" x14ac:dyDescent="0.35">
      <c r="A28714" s="1" t="s">
        <v>101583</v>
      </c>
      <c r="B28714" s="1" t="s">
        <v>96627</v>
      </c>
      <c r="C28714" s="1" t="s">
        <v>20</v>
      </c>
      <c r="D28714" s="1" t="s">
        <v>101478</v>
      </c>
      <c r="E28714" s="1" t="s">
        <v>58359</v>
      </c>
      <c r="F28714" s="1" t="s">
        <v>101587</v>
      </c>
      <c r="G28714" s="1" t="s">
        <v>101585</v>
      </c>
      <c r="H28714" s="1" t="s">
        <v>101473</v>
      </c>
      <c r="I28714" s="1" t="s">
        <v>96632</v>
      </c>
      <c r="J28714" s="1" t="s">
        <v>101481</v>
      </c>
    </row>
    <row r="28715" spans="1:10" x14ac:dyDescent="0.35">
      <c r="A28715" s="1" t="s">
        <v>101583</v>
      </c>
      <c r="B28715" s="1" t="s">
        <v>96627</v>
      </c>
      <c r="C28715" s="1" t="s">
        <v>25</v>
      </c>
      <c r="D28715" s="1" t="s">
        <v>101482</v>
      </c>
      <c r="E28715" s="1" t="s">
        <v>40691</v>
      </c>
      <c r="F28715" s="1" t="s">
        <v>101588</v>
      </c>
      <c r="G28715" s="1" t="s">
        <v>101585</v>
      </c>
      <c r="H28715" s="1" t="s">
        <v>101473</v>
      </c>
      <c r="I28715" s="1" t="s">
        <v>96632</v>
      </c>
      <c r="J28715" s="1" t="s">
        <v>101485</v>
      </c>
    </row>
    <row r="28716" spans="1:10" x14ac:dyDescent="0.35">
      <c r="A28716" s="1" t="s">
        <v>101583</v>
      </c>
      <c r="B28716" s="1" t="s">
        <v>96627</v>
      </c>
      <c r="C28716" s="1" t="s">
        <v>30</v>
      </c>
      <c r="D28716" s="1" t="s">
        <v>26689</v>
      </c>
      <c r="E28716" s="1" t="s">
        <v>21898</v>
      </c>
      <c r="F28716" s="1" t="s">
        <v>101589</v>
      </c>
      <c r="G28716" s="1" t="s">
        <v>101585</v>
      </c>
      <c r="H28716" s="1" t="s">
        <v>101473</v>
      </c>
      <c r="I28716" s="1" t="s">
        <v>96632</v>
      </c>
      <c r="J28716" s="1" t="s">
        <v>101488</v>
      </c>
    </row>
    <row r="28717" spans="1:10" x14ac:dyDescent="0.35">
      <c r="A28717" s="1" t="s">
        <v>101583</v>
      </c>
      <c r="B28717" s="1" t="s">
        <v>96627</v>
      </c>
      <c r="C28717" s="1" t="s">
        <v>35</v>
      </c>
      <c r="D28717" s="1" t="s">
        <v>60414</v>
      </c>
      <c r="E28717" s="1" t="s">
        <v>41425</v>
      </c>
      <c r="F28717" s="1" t="s">
        <v>27446</v>
      </c>
      <c r="G28717" s="1" t="s">
        <v>101585</v>
      </c>
      <c r="H28717" s="1" t="s">
        <v>101473</v>
      </c>
      <c r="I28717" s="1" t="s">
        <v>96632</v>
      </c>
      <c r="J28717" s="1" t="s">
        <v>101491</v>
      </c>
    </row>
    <row r="28718" spans="1:10" x14ac:dyDescent="0.35">
      <c r="A28718" s="1" t="s">
        <v>101583</v>
      </c>
      <c r="B28718" s="1" t="s">
        <v>96627</v>
      </c>
      <c r="C28718" s="1" t="s">
        <v>40</v>
      </c>
      <c r="D28718" s="1" t="s">
        <v>78520</v>
      </c>
      <c r="E28718" s="1" t="s">
        <v>23106</v>
      </c>
      <c r="F28718" s="1" t="s">
        <v>98629</v>
      </c>
      <c r="G28718" s="1" t="s">
        <v>101585</v>
      </c>
      <c r="H28718" s="1" t="s">
        <v>101473</v>
      </c>
      <c r="I28718" s="1" t="s">
        <v>96632</v>
      </c>
      <c r="J28718" s="1" t="s">
        <v>101494</v>
      </c>
    </row>
    <row r="28719" spans="1:10" x14ac:dyDescent="0.35">
      <c r="A28719" s="1" t="s">
        <v>101583</v>
      </c>
      <c r="B28719" s="1" t="s">
        <v>96627</v>
      </c>
      <c r="C28719" s="1" t="s">
        <v>45</v>
      </c>
      <c r="D28719" s="1" t="s">
        <v>43531</v>
      </c>
      <c r="E28719" s="1" t="s">
        <v>57237</v>
      </c>
      <c r="F28719" s="1" t="s">
        <v>101590</v>
      </c>
      <c r="G28719" s="1" t="s">
        <v>101585</v>
      </c>
      <c r="H28719" s="1" t="s">
        <v>101473</v>
      </c>
      <c r="I28719" s="1" t="s">
        <v>96632</v>
      </c>
      <c r="J28719" s="1" t="s">
        <v>101497</v>
      </c>
    </row>
    <row r="28720" spans="1:10" x14ac:dyDescent="0.35">
      <c r="A28720" s="1" t="s">
        <v>101583</v>
      </c>
      <c r="B28720" s="1" t="s">
        <v>96627</v>
      </c>
      <c r="C28720" s="1" t="s">
        <v>50</v>
      </c>
      <c r="D28720" s="1" t="s">
        <v>57327</v>
      </c>
      <c r="E28720" s="1" t="s">
        <v>56956</v>
      </c>
      <c r="F28720" s="1" t="s">
        <v>101591</v>
      </c>
      <c r="G28720" s="1" t="s">
        <v>101585</v>
      </c>
      <c r="H28720" s="1" t="s">
        <v>101473</v>
      </c>
      <c r="I28720" s="1" t="s">
        <v>96632</v>
      </c>
      <c r="J28720" s="1" t="s">
        <v>101500</v>
      </c>
    </row>
    <row r="28721" spans="1:10" x14ac:dyDescent="0.35">
      <c r="A28721" s="1" t="s">
        <v>101583</v>
      </c>
      <c r="B28721" s="1" t="s">
        <v>96627</v>
      </c>
      <c r="C28721" s="1" t="s">
        <v>55</v>
      </c>
      <c r="D28721" s="1" t="s">
        <v>93266</v>
      </c>
      <c r="E28721" s="1" t="s">
        <v>54046</v>
      </c>
      <c r="F28721" s="1" t="s">
        <v>101592</v>
      </c>
      <c r="G28721" s="1" t="s">
        <v>101585</v>
      </c>
      <c r="H28721" s="1" t="s">
        <v>101473</v>
      </c>
      <c r="I28721" s="1" t="s">
        <v>96632</v>
      </c>
      <c r="J28721" s="1" t="s">
        <v>101503</v>
      </c>
    </row>
    <row r="28722" spans="1:10" x14ac:dyDescent="0.35">
      <c r="A28722" s="1" t="s">
        <v>101583</v>
      </c>
      <c r="B28722" s="1" t="s">
        <v>96627</v>
      </c>
      <c r="C28722" s="1" t="s">
        <v>60</v>
      </c>
      <c r="D28722" s="1" t="s">
        <v>59450</v>
      </c>
      <c r="E28722" s="1" t="s">
        <v>41294</v>
      </c>
      <c r="F28722" s="1" t="s">
        <v>23567</v>
      </c>
      <c r="G28722" s="1" t="s">
        <v>101585</v>
      </c>
      <c r="H28722" s="1" t="s">
        <v>101473</v>
      </c>
      <c r="I28722" s="1" t="s">
        <v>96632</v>
      </c>
      <c r="J28722" s="1" t="s">
        <v>101506</v>
      </c>
    </row>
    <row r="28723" spans="1:10" x14ac:dyDescent="0.35">
      <c r="A28723" s="1" t="s">
        <v>101583</v>
      </c>
      <c r="B28723" s="1" t="s">
        <v>96627</v>
      </c>
      <c r="C28723" s="1" t="s">
        <v>65</v>
      </c>
      <c r="D28723" s="1" t="s">
        <v>101507</v>
      </c>
      <c r="E28723" s="1" t="s">
        <v>53808</v>
      </c>
      <c r="F28723" s="1" t="s">
        <v>70970</v>
      </c>
      <c r="G28723" s="1" t="s">
        <v>101585</v>
      </c>
      <c r="H28723" s="1" t="s">
        <v>101473</v>
      </c>
      <c r="I28723" s="1" t="s">
        <v>96632</v>
      </c>
      <c r="J28723" s="1" t="s">
        <v>101510</v>
      </c>
    </row>
    <row r="28724" spans="1:10" x14ac:dyDescent="0.35">
      <c r="A28724" s="1" t="s">
        <v>101583</v>
      </c>
      <c r="B28724" s="1" t="s">
        <v>96627</v>
      </c>
      <c r="C28724" s="1" t="s">
        <v>70</v>
      </c>
      <c r="D28724" s="1" t="s">
        <v>22686</v>
      </c>
      <c r="E28724" s="1" t="s">
        <v>21910</v>
      </c>
      <c r="F28724" s="1" t="s">
        <v>101593</v>
      </c>
      <c r="G28724" s="1" t="s">
        <v>101585</v>
      </c>
      <c r="H28724" s="1" t="s">
        <v>101473</v>
      </c>
      <c r="I28724" s="1" t="s">
        <v>96632</v>
      </c>
      <c r="J28724" s="1" t="s">
        <v>101513</v>
      </c>
    </row>
    <row r="28725" spans="1:10" x14ac:dyDescent="0.35">
      <c r="A28725" s="1" t="s">
        <v>101583</v>
      </c>
      <c r="B28725" s="1" t="s">
        <v>96627</v>
      </c>
      <c r="C28725" s="1" t="s">
        <v>75</v>
      </c>
      <c r="D28725" s="1" t="s">
        <v>81572</v>
      </c>
      <c r="E28725" s="1" t="s">
        <v>22056</v>
      </c>
      <c r="F28725" s="1" t="s">
        <v>101594</v>
      </c>
      <c r="G28725" s="1" t="s">
        <v>101585</v>
      </c>
      <c r="H28725" s="1" t="s">
        <v>101473</v>
      </c>
      <c r="I28725" s="1" t="s">
        <v>96632</v>
      </c>
      <c r="J28725" s="1" t="s">
        <v>101516</v>
      </c>
    </row>
    <row r="28726" spans="1:10" x14ac:dyDescent="0.35">
      <c r="A28726" s="1" t="s">
        <v>101583</v>
      </c>
      <c r="B28726" s="1" t="s">
        <v>96627</v>
      </c>
      <c r="C28726" s="1" t="s">
        <v>80</v>
      </c>
      <c r="D28726" s="1" t="s">
        <v>101517</v>
      </c>
      <c r="E28726" s="1" t="s">
        <v>55968</v>
      </c>
      <c r="F28726" s="1" t="s">
        <v>101595</v>
      </c>
      <c r="G28726" s="1" t="s">
        <v>101585</v>
      </c>
      <c r="H28726" s="1" t="s">
        <v>101473</v>
      </c>
      <c r="I28726" s="1" t="s">
        <v>96632</v>
      </c>
      <c r="J28726" s="1" t="s">
        <v>101520</v>
      </c>
    </row>
    <row r="28727" spans="1:10" x14ac:dyDescent="0.35">
      <c r="A28727" s="1" t="s">
        <v>101583</v>
      </c>
      <c r="B28727" s="1" t="s">
        <v>96627</v>
      </c>
      <c r="C28727" s="1" t="s">
        <v>85</v>
      </c>
      <c r="D28727" s="1" t="s">
        <v>69100</v>
      </c>
      <c r="E28727" s="1" t="s">
        <v>55907</v>
      </c>
      <c r="F28727" s="1" t="s">
        <v>101596</v>
      </c>
      <c r="G28727" s="1" t="s">
        <v>101585</v>
      </c>
      <c r="H28727" s="1" t="s">
        <v>101473</v>
      </c>
      <c r="I28727" s="1" t="s">
        <v>96632</v>
      </c>
      <c r="J28727" s="1" t="s">
        <v>101523</v>
      </c>
    </row>
    <row r="28728" spans="1:10" x14ac:dyDescent="0.35">
      <c r="A28728" s="1" t="s">
        <v>101583</v>
      </c>
      <c r="B28728" s="1" t="s">
        <v>96627</v>
      </c>
      <c r="C28728" s="1" t="s">
        <v>90</v>
      </c>
      <c r="D28728" s="1" t="s">
        <v>101524</v>
      </c>
      <c r="E28728" s="1" t="s">
        <v>54095</v>
      </c>
      <c r="F28728" s="1" t="s">
        <v>101597</v>
      </c>
      <c r="G28728" s="1" t="s">
        <v>101585</v>
      </c>
      <c r="H28728" s="1" t="s">
        <v>101473</v>
      </c>
      <c r="I28728" s="1" t="s">
        <v>96632</v>
      </c>
      <c r="J28728" s="1" t="s">
        <v>101527</v>
      </c>
    </row>
    <row r="28729" spans="1:10" x14ac:dyDescent="0.35">
      <c r="A28729" s="1" t="s">
        <v>101583</v>
      </c>
      <c r="B28729" s="1" t="s">
        <v>96627</v>
      </c>
      <c r="C28729" s="1" t="s">
        <v>95</v>
      </c>
      <c r="D28729" s="1" t="s">
        <v>101528</v>
      </c>
      <c r="E28729" s="1" t="s">
        <v>12829</v>
      </c>
      <c r="F28729" s="1" t="s">
        <v>101598</v>
      </c>
      <c r="G28729" s="1" t="s">
        <v>101585</v>
      </c>
      <c r="H28729" s="1" t="s">
        <v>101473</v>
      </c>
      <c r="I28729" s="1" t="s">
        <v>96632</v>
      </c>
      <c r="J28729" s="1" t="s">
        <v>101531</v>
      </c>
    </row>
    <row r="28730" spans="1:10" x14ac:dyDescent="0.35">
      <c r="A28730" s="1" t="s">
        <v>101583</v>
      </c>
      <c r="B28730" s="1" t="s">
        <v>96627</v>
      </c>
      <c r="C28730" s="1" t="s">
        <v>100</v>
      </c>
      <c r="D28730" s="1" t="s">
        <v>68249</v>
      </c>
      <c r="E28730" s="1" t="s">
        <v>23118</v>
      </c>
      <c r="F28730" s="1" t="s">
        <v>101599</v>
      </c>
      <c r="G28730" s="1" t="s">
        <v>101585</v>
      </c>
      <c r="H28730" s="1" t="s">
        <v>101473</v>
      </c>
      <c r="I28730" s="1" t="s">
        <v>96632</v>
      </c>
      <c r="J28730" s="1" t="s">
        <v>101534</v>
      </c>
    </row>
    <row r="28731" spans="1:10" x14ac:dyDescent="0.35">
      <c r="A28731" s="1" t="s">
        <v>101583</v>
      </c>
      <c r="B28731" s="1" t="s">
        <v>96627</v>
      </c>
      <c r="C28731" s="1" t="s">
        <v>105</v>
      </c>
      <c r="D28731" s="1" t="s">
        <v>85469</v>
      </c>
      <c r="E28731" s="1" t="s">
        <v>58507</v>
      </c>
      <c r="F28731" s="1" t="s">
        <v>16299</v>
      </c>
      <c r="G28731" s="1" t="s">
        <v>101585</v>
      </c>
      <c r="H28731" s="1" t="s">
        <v>101473</v>
      </c>
      <c r="I28731" s="1" t="s">
        <v>96632</v>
      </c>
      <c r="J28731" s="1" t="s">
        <v>101537</v>
      </c>
    </row>
    <row r="28732" spans="1:10" x14ac:dyDescent="0.35">
      <c r="A28732" s="1" t="s">
        <v>101583</v>
      </c>
      <c r="B28732" s="1" t="s">
        <v>96627</v>
      </c>
      <c r="C28732" s="1" t="s">
        <v>110</v>
      </c>
      <c r="D28732" s="1" t="s">
        <v>101538</v>
      </c>
      <c r="E28732" s="1" t="s">
        <v>101600</v>
      </c>
      <c r="F28732" s="1" t="s">
        <v>66097</v>
      </c>
      <c r="G28732" s="1" t="s">
        <v>101585</v>
      </c>
      <c r="H28732" s="1" t="s">
        <v>101473</v>
      </c>
      <c r="I28732" s="1" t="s">
        <v>96632</v>
      </c>
      <c r="J28732" s="1" t="s">
        <v>101541</v>
      </c>
    </row>
    <row r="28733" spans="1:10" x14ac:dyDescent="0.35">
      <c r="A28733" s="1" t="s">
        <v>101583</v>
      </c>
      <c r="B28733" s="1" t="s">
        <v>96627</v>
      </c>
      <c r="C28733" s="1" t="s">
        <v>115</v>
      </c>
      <c r="D28733" s="1" t="s">
        <v>101542</v>
      </c>
      <c r="E28733" s="1" t="s">
        <v>55968</v>
      </c>
      <c r="F28733" s="1" t="s">
        <v>101601</v>
      </c>
      <c r="G28733" s="1" t="s">
        <v>101585</v>
      </c>
      <c r="H28733" s="1" t="s">
        <v>101473</v>
      </c>
      <c r="I28733" s="1" t="s">
        <v>96632</v>
      </c>
      <c r="J28733" s="1" t="s">
        <v>101544</v>
      </c>
    </row>
    <row r="28734" spans="1:10" x14ac:dyDescent="0.35">
      <c r="A28734" s="1" t="s">
        <v>101583</v>
      </c>
      <c r="B28734" s="1" t="s">
        <v>96627</v>
      </c>
      <c r="C28734" s="1" t="s">
        <v>120</v>
      </c>
      <c r="D28734" s="1" t="s">
        <v>20618</v>
      </c>
      <c r="E28734" s="1" t="s">
        <v>59008</v>
      </c>
      <c r="F28734" s="1" t="s">
        <v>101602</v>
      </c>
      <c r="G28734" s="1" t="s">
        <v>101585</v>
      </c>
      <c r="H28734" s="1" t="s">
        <v>101473</v>
      </c>
      <c r="I28734" s="1" t="s">
        <v>96632</v>
      </c>
      <c r="J28734" s="1" t="s">
        <v>101547</v>
      </c>
    </row>
    <row r="28735" spans="1:10" x14ac:dyDescent="0.35">
      <c r="A28735" s="1" t="s">
        <v>101583</v>
      </c>
      <c r="B28735" s="1" t="s">
        <v>96627</v>
      </c>
      <c r="C28735" s="1" t="s">
        <v>125</v>
      </c>
      <c r="D28735" s="1" t="s">
        <v>101548</v>
      </c>
      <c r="E28735" s="1" t="s">
        <v>101603</v>
      </c>
      <c r="F28735" s="1" t="s">
        <v>101604</v>
      </c>
      <c r="G28735" s="1" t="s">
        <v>101585</v>
      </c>
      <c r="H28735" s="1" t="s">
        <v>101473</v>
      </c>
      <c r="I28735" s="1" t="s">
        <v>96632</v>
      </c>
      <c r="J28735" s="1" t="s">
        <v>101551</v>
      </c>
    </row>
    <row r="28736" spans="1:10" x14ac:dyDescent="0.35">
      <c r="A28736" s="1" t="s">
        <v>101583</v>
      </c>
      <c r="B28736" s="1" t="s">
        <v>96627</v>
      </c>
      <c r="C28736" s="1" t="s">
        <v>130</v>
      </c>
      <c r="D28736" s="1" t="s">
        <v>101552</v>
      </c>
      <c r="E28736" s="1" t="s">
        <v>22056</v>
      </c>
      <c r="F28736" s="1" t="s">
        <v>101605</v>
      </c>
      <c r="G28736" s="1" t="s">
        <v>101585</v>
      </c>
      <c r="H28736" s="1" t="s">
        <v>101473</v>
      </c>
      <c r="I28736" s="1" t="s">
        <v>96632</v>
      </c>
      <c r="J28736" s="1" t="s">
        <v>101555</v>
      </c>
    </row>
    <row r="28737" spans="1:10" x14ac:dyDescent="0.35">
      <c r="A28737" s="1" t="s">
        <v>101583</v>
      </c>
      <c r="B28737" s="1" t="s">
        <v>96627</v>
      </c>
      <c r="C28737" s="1" t="s">
        <v>135</v>
      </c>
      <c r="D28737" s="1" t="s">
        <v>70583</v>
      </c>
      <c r="E28737" s="1" t="s">
        <v>26572</v>
      </c>
      <c r="F28737" s="1" t="s">
        <v>101606</v>
      </c>
      <c r="G28737" s="1" t="s">
        <v>101585</v>
      </c>
      <c r="H28737" s="1" t="s">
        <v>101473</v>
      </c>
      <c r="I28737" s="1" t="s">
        <v>96632</v>
      </c>
      <c r="J28737" s="1" t="s">
        <v>101558</v>
      </c>
    </row>
    <row r="28738" spans="1:10" x14ac:dyDescent="0.35">
      <c r="A28738" s="1" t="s">
        <v>101583</v>
      </c>
      <c r="B28738" s="1" t="s">
        <v>96627</v>
      </c>
      <c r="C28738" s="1" t="s">
        <v>140</v>
      </c>
      <c r="D28738" s="1" t="s">
        <v>101559</v>
      </c>
      <c r="E28738" s="1" t="s">
        <v>56913</v>
      </c>
      <c r="F28738" s="1" t="s">
        <v>101607</v>
      </c>
      <c r="G28738" s="1" t="s">
        <v>101585</v>
      </c>
      <c r="H28738" s="1" t="s">
        <v>101473</v>
      </c>
      <c r="I28738" s="1" t="s">
        <v>96632</v>
      </c>
      <c r="J28738" s="1" t="s">
        <v>101562</v>
      </c>
    </row>
    <row r="28739" spans="1:10" x14ac:dyDescent="0.35">
      <c r="A28739" s="1" t="s">
        <v>101583</v>
      </c>
      <c r="B28739" s="1" t="s">
        <v>96627</v>
      </c>
      <c r="C28739" s="1" t="s">
        <v>145</v>
      </c>
      <c r="D28739" s="1" t="s">
        <v>100866</v>
      </c>
      <c r="E28739" s="1" t="s">
        <v>56221</v>
      </c>
      <c r="F28739" s="1" t="s">
        <v>101608</v>
      </c>
      <c r="G28739" s="1" t="s">
        <v>101585</v>
      </c>
      <c r="H28739" s="1" t="s">
        <v>101473</v>
      </c>
      <c r="I28739" s="1" t="s">
        <v>96632</v>
      </c>
      <c r="J28739" s="1" t="s">
        <v>101565</v>
      </c>
    </row>
    <row r="28740" spans="1:10" x14ac:dyDescent="0.35">
      <c r="A28740" s="1" t="s">
        <v>101583</v>
      </c>
      <c r="B28740" s="1" t="s">
        <v>96627</v>
      </c>
      <c r="C28740" s="1" t="s">
        <v>150</v>
      </c>
      <c r="D28740" s="1" t="s">
        <v>39876</v>
      </c>
      <c r="E28740" s="1" t="s">
        <v>41287</v>
      </c>
      <c r="F28740" s="1" t="s">
        <v>101609</v>
      </c>
      <c r="G28740" s="1" t="s">
        <v>101585</v>
      </c>
      <c r="H28740" s="1" t="s">
        <v>101473</v>
      </c>
      <c r="I28740" s="1" t="s">
        <v>96632</v>
      </c>
      <c r="J28740" s="1" t="s">
        <v>101568</v>
      </c>
    </row>
    <row r="28741" spans="1:10" x14ac:dyDescent="0.35">
      <c r="A28741" s="1" t="s">
        <v>101583</v>
      </c>
      <c r="B28741" s="1" t="s">
        <v>96627</v>
      </c>
      <c r="C28741" s="1" t="s">
        <v>155</v>
      </c>
      <c r="D28741" s="1" t="s">
        <v>101569</v>
      </c>
      <c r="E28741" s="1" t="s">
        <v>97836</v>
      </c>
      <c r="F28741" s="1" t="s">
        <v>101118</v>
      </c>
      <c r="G28741" s="1" t="s">
        <v>101585</v>
      </c>
      <c r="H28741" s="1" t="s">
        <v>101473</v>
      </c>
      <c r="I28741" s="1" t="s">
        <v>96632</v>
      </c>
      <c r="J28741" s="1" t="s">
        <v>101572</v>
      </c>
    </row>
    <row r="28742" spans="1:10" x14ac:dyDescent="0.35">
      <c r="A28742" s="1" t="s">
        <v>101583</v>
      </c>
      <c r="B28742" s="1" t="s">
        <v>96627</v>
      </c>
      <c r="C28742" s="1" t="s">
        <v>160</v>
      </c>
      <c r="D28742" s="1" t="s">
        <v>87106</v>
      </c>
      <c r="E28742" s="1" t="s">
        <v>21764</v>
      </c>
      <c r="F28742" s="1" t="s">
        <v>101610</v>
      </c>
      <c r="G28742" s="1" t="s">
        <v>101585</v>
      </c>
      <c r="H28742" s="1" t="s">
        <v>101473</v>
      </c>
      <c r="I28742" s="1" t="s">
        <v>96632</v>
      </c>
      <c r="J28742" s="1" t="s">
        <v>101575</v>
      </c>
    </row>
    <row r="28743" spans="1:10" x14ac:dyDescent="0.35">
      <c r="A28743" s="1" t="s">
        <v>101583</v>
      </c>
      <c r="B28743" s="1" t="s">
        <v>96627</v>
      </c>
      <c r="C28743" s="1" t="s">
        <v>165</v>
      </c>
      <c r="D28743" s="1" t="s">
        <v>101576</v>
      </c>
      <c r="E28743" s="1" t="s">
        <v>41262</v>
      </c>
      <c r="F28743" s="1" t="s">
        <v>101611</v>
      </c>
      <c r="G28743" s="1" t="s">
        <v>101585</v>
      </c>
      <c r="H28743" s="1" t="s">
        <v>101473</v>
      </c>
      <c r="I28743" s="1" t="s">
        <v>96632</v>
      </c>
      <c r="J28743" s="1" t="s">
        <v>101579</v>
      </c>
    </row>
    <row r="28744" spans="1:10" x14ac:dyDescent="0.35">
      <c r="A28744" s="1" t="s">
        <v>101583</v>
      </c>
      <c r="B28744" s="1" t="s">
        <v>96627</v>
      </c>
      <c r="C28744" s="1" t="s">
        <v>170</v>
      </c>
      <c r="D28744" s="1" t="s">
        <v>39245</v>
      </c>
      <c r="E28744" s="1" t="s">
        <v>24388</v>
      </c>
      <c r="F28744" s="1" t="s">
        <v>101612</v>
      </c>
      <c r="G28744" s="1" t="s">
        <v>101585</v>
      </c>
      <c r="H28744" s="1" t="s">
        <v>101473</v>
      </c>
      <c r="I28744" s="1" t="s">
        <v>96632</v>
      </c>
      <c r="J28744" s="1" t="s">
        <v>101582</v>
      </c>
    </row>
    <row r="28745" spans="1:10" x14ac:dyDescent="0.35">
      <c r="A28745" s="1" t="s">
        <v>46311</v>
      </c>
      <c r="B28745" s="1" t="s">
        <v>96627</v>
      </c>
      <c r="C28745" s="1" t="s">
        <v>8</v>
      </c>
      <c r="D28745" s="1" t="s">
        <v>11563</v>
      </c>
      <c r="E28745" s="1" t="s">
        <v>101613</v>
      </c>
      <c r="F28745" s="1" t="s">
        <v>101614</v>
      </c>
      <c r="G28745" s="1" t="s">
        <v>101615</v>
      </c>
      <c r="H28745" s="1" t="s">
        <v>101473</v>
      </c>
      <c r="I28745" s="1" t="s">
        <v>96632</v>
      </c>
      <c r="J28745" s="1" t="s">
        <v>13</v>
      </c>
    </row>
    <row r="28746" spans="1:10" x14ac:dyDescent="0.35">
      <c r="A28746" s="1" t="s">
        <v>46311</v>
      </c>
      <c r="B28746" s="1" t="s">
        <v>96627</v>
      </c>
      <c r="C28746" s="1" t="s">
        <v>15</v>
      </c>
      <c r="D28746" s="1" t="s">
        <v>101474</v>
      </c>
      <c r="E28746" s="1" t="s">
        <v>101616</v>
      </c>
      <c r="F28746" s="1" t="s">
        <v>101617</v>
      </c>
      <c r="G28746" s="1" t="s">
        <v>101615</v>
      </c>
      <c r="H28746" s="1" t="s">
        <v>101473</v>
      </c>
      <c r="I28746" s="1" t="s">
        <v>96632</v>
      </c>
      <c r="J28746" s="1" t="s">
        <v>101477</v>
      </c>
    </row>
    <row r="28747" spans="1:10" x14ac:dyDescent="0.35">
      <c r="A28747" s="1" t="s">
        <v>46311</v>
      </c>
      <c r="B28747" s="1" t="s">
        <v>96627</v>
      </c>
      <c r="C28747" s="1" t="s">
        <v>20</v>
      </c>
      <c r="D28747" s="1" t="s">
        <v>101478</v>
      </c>
      <c r="E28747" s="1" t="s">
        <v>101618</v>
      </c>
      <c r="F28747" s="1" t="s">
        <v>101619</v>
      </c>
      <c r="G28747" s="1" t="s">
        <v>101615</v>
      </c>
      <c r="H28747" s="1" t="s">
        <v>101473</v>
      </c>
      <c r="I28747" s="1" t="s">
        <v>96632</v>
      </c>
      <c r="J28747" s="1" t="s">
        <v>101481</v>
      </c>
    </row>
    <row r="28748" spans="1:10" x14ac:dyDescent="0.35">
      <c r="A28748" s="1" t="s">
        <v>46311</v>
      </c>
      <c r="B28748" s="1" t="s">
        <v>96627</v>
      </c>
      <c r="C28748" s="1" t="s">
        <v>25</v>
      </c>
      <c r="D28748" s="1" t="s">
        <v>101482</v>
      </c>
      <c r="E28748" s="1" t="s">
        <v>101620</v>
      </c>
      <c r="F28748" s="1" t="s">
        <v>101621</v>
      </c>
      <c r="G28748" s="1" t="s">
        <v>101615</v>
      </c>
      <c r="H28748" s="1" t="s">
        <v>101473</v>
      </c>
      <c r="I28748" s="1" t="s">
        <v>96632</v>
      </c>
      <c r="J28748" s="1" t="s">
        <v>101485</v>
      </c>
    </row>
    <row r="28749" spans="1:10" x14ac:dyDescent="0.35">
      <c r="A28749" s="1" t="s">
        <v>46311</v>
      </c>
      <c r="B28749" s="1" t="s">
        <v>96627</v>
      </c>
      <c r="C28749" s="1" t="s">
        <v>30</v>
      </c>
      <c r="D28749" s="1" t="s">
        <v>26689</v>
      </c>
      <c r="E28749" s="1" t="s">
        <v>101622</v>
      </c>
      <c r="F28749" s="1" t="s">
        <v>101623</v>
      </c>
      <c r="G28749" s="1" t="s">
        <v>101615</v>
      </c>
      <c r="H28749" s="1" t="s">
        <v>101473</v>
      </c>
      <c r="I28749" s="1" t="s">
        <v>96632</v>
      </c>
      <c r="J28749" s="1" t="s">
        <v>101488</v>
      </c>
    </row>
    <row r="28750" spans="1:10" x14ac:dyDescent="0.35">
      <c r="A28750" s="1" t="s">
        <v>46311</v>
      </c>
      <c r="B28750" s="1" t="s">
        <v>96627</v>
      </c>
      <c r="C28750" s="1" t="s">
        <v>35</v>
      </c>
      <c r="D28750" s="1" t="s">
        <v>60414</v>
      </c>
      <c r="E28750" s="1" t="s">
        <v>101624</v>
      </c>
      <c r="F28750" s="1" t="s">
        <v>101625</v>
      </c>
      <c r="G28750" s="1" t="s">
        <v>101615</v>
      </c>
      <c r="H28750" s="1" t="s">
        <v>101473</v>
      </c>
      <c r="I28750" s="1" t="s">
        <v>96632</v>
      </c>
      <c r="J28750" s="1" t="s">
        <v>101491</v>
      </c>
    </row>
    <row r="28751" spans="1:10" x14ac:dyDescent="0.35">
      <c r="A28751" s="1" t="s">
        <v>46311</v>
      </c>
      <c r="B28751" s="1" t="s">
        <v>96627</v>
      </c>
      <c r="C28751" s="1" t="s">
        <v>40</v>
      </c>
      <c r="D28751" s="1" t="s">
        <v>78520</v>
      </c>
      <c r="E28751" s="1" t="s">
        <v>101626</v>
      </c>
      <c r="F28751" s="1" t="s">
        <v>101627</v>
      </c>
      <c r="G28751" s="1" t="s">
        <v>101615</v>
      </c>
      <c r="H28751" s="1" t="s">
        <v>101473</v>
      </c>
      <c r="I28751" s="1" t="s">
        <v>96632</v>
      </c>
      <c r="J28751" s="1" t="s">
        <v>101494</v>
      </c>
    </row>
    <row r="28752" spans="1:10" x14ac:dyDescent="0.35">
      <c r="A28752" s="1" t="s">
        <v>46311</v>
      </c>
      <c r="B28752" s="1" t="s">
        <v>96627</v>
      </c>
      <c r="C28752" s="1" t="s">
        <v>45</v>
      </c>
      <c r="D28752" s="1" t="s">
        <v>43531</v>
      </c>
      <c r="E28752" s="1" t="s">
        <v>101628</v>
      </c>
      <c r="F28752" s="1" t="s">
        <v>101629</v>
      </c>
      <c r="G28752" s="1" t="s">
        <v>101615</v>
      </c>
      <c r="H28752" s="1" t="s">
        <v>101473</v>
      </c>
      <c r="I28752" s="1" t="s">
        <v>96632</v>
      </c>
      <c r="J28752" s="1" t="s">
        <v>101497</v>
      </c>
    </row>
    <row r="28753" spans="1:10" x14ac:dyDescent="0.35">
      <c r="A28753" s="1" t="s">
        <v>46311</v>
      </c>
      <c r="B28753" s="1" t="s">
        <v>96627</v>
      </c>
      <c r="C28753" s="1" t="s">
        <v>50</v>
      </c>
      <c r="D28753" s="1" t="s">
        <v>57327</v>
      </c>
      <c r="E28753" s="1" t="s">
        <v>101630</v>
      </c>
      <c r="F28753" s="1" t="s">
        <v>101631</v>
      </c>
      <c r="G28753" s="1" t="s">
        <v>101615</v>
      </c>
      <c r="H28753" s="1" t="s">
        <v>101473</v>
      </c>
      <c r="I28753" s="1" t="s">
        <v>96632</v>
      </c>
      <c r="J28753" s="1" t="s">
        <v>101500</v>
      </c>
    </row>
    <row r="28754" spans="1:10" x14ac:dyDescent="0.35">
      <c r="A28754" s="1" t="s">
        <v>46311</v>
      </c>
      <c r="B28754" s="1" t="s">
        <v>96627</v>
      </c>
      <c r="C28754" s="1" t="s">
        <v>55</v>
      </c>
      <c r="D28754" s="1" t="s">
        <v>93266</v>
      </c>
      <c r="E28754" s="1" t="s">
        <v>101632</v>
      </c>
      <c r="F28754" s="1" t="s">
        <v>101633</v>
      </c>
      <c r="G28754" s="1" t="s">
        <v>101615</v>
      </c>
      <c r="H28754" s="1" t="s">
        <v>101473</v>
      </c>
      <c r="I28754" s="1" t="s">
        <v>96632</v>
      </c>
      <c r="J28754" s="1" t="s">
        <v>101503</v>
      </c>
    </row>
    <row r="28755" spans="1:10" x14ac:dyDescent="0.35">
      <c r="A28755" s="1" t="s">
        <v>46311</v>
      </c>
      <c r="B28755" s="1" t="s">
        <v>96627</v>
      </c>
      <c r="C28755" s="1" t="s">
        <v>60</v>
      </c>
      <c r="D28755" s="1" t="s">
        <v>59450</v>
      </c>
      <c r="E28755" s="1" t="s">
        <v>101634</v>
      </c>
      <c r="F28755" s="1" t="s">
        <v>101635</v>
      </c>
      <c r="G28755" s="1" t="s">
        <v>101615</v>
      </c>
      <c r="H28755" s="1" t="s">
        <v>101473</v>
      </c>
      <c r="I28755" s="1" t="s">
        <v>96632</v>
      </c>
      <c r="J28755" s="1" t="s">
        <v>101506</v>
      </c>
    </row>
    <row r="28756" spans="1:10" x14ac:dyDescent="0.35">
      <c r="A28756" s="1" t="s">
        <v>46311</v>
      </c>
      <c r="B28756" s="1" t="s">
        <v>96627</v>
      </c>
      <c r="C28756" s="1" t="s">
        <v>65</v>
      </c>
      <c r="D28756" s="1" t="s">
        <v>101507</v>
      </c>
      <c r="E28756" s="1" t="s">
        <v>101636</v>
      </c>
      <c r="F28756" s="1" t="s">
        <v>101637</v>
      </c>
      <c r="G28756" s="1" t="s">
        <v>101615</v>
      </c>
      <c r="H28756" s="1" t="s">
        <v>101473</v>
      </c>
      <c r="I28756" s="1" t="s">
        <v>96632</v>
      </c>
      <c r="J28756" s="1" t="s">
        <v>101510</v>
      </c>
    </row>
    <row r="28757" spans="1:10" x14ac:dyDescent="0.35">
      <c r="A28757" s="1" t="s">
        <v>46311</v>
      </c>
      <c r="B28757" s="1" t="s">
        <v>96627</v>
      </c>
      <c r="C28757" s="1" t="s">
        <v>70</v>
      </c>
      <c r="D28757" s="1" t="s">
        <v>22686</v>
      </c>
      <c r="E28757" s="1" t="s">
        <v>101638</v>
      </c>
      <c r="F28757" s="1" t="s">
        <v>101639</v>
      </c>
      <c r="G28757" s="1" t="s">
        <v>101615</v>
      </c>
      <c r="H28757" s="1" t="s">
        <v>101473</v>
      </c>
      <c r="I28757" s="1" t="s">
        <v>96632</v>
      </c>
      <c r="J28757" s="1" t="s">
        <v>101513</v>
      </c>
    </row>
    <row r="28758" spans="1:10" x14ac:dyDescent="0.35">
      <c r="A28758" s="1" t="s">
        <v>46311</v>
      </c>
      <c r="B28758" s="1" t="s">
        <v>96627</v>
      </c>
      <c r="C28758" s="1" t="s">
        <v>75</v>
      </c>
      <c r="D28758" s="1" t="s">
        <v>81572</v>
      </c>
      <c r="E28758" s="1" t="s">
        <v>101640</v>
      </c>
      <c r="F28758" s="1" t="s">
        <v>101641</v>
      </c>
      <c r="G28758" s="1" t="s">
        <v>101615</v>
      </c>
      <c r="H28758" s="1" t="s">
        <v>101473</v>
      </c>
      <c r="I28758" s="1" t="s">
        <v>96632</v>
      </c>
      <c r="J28758" s="1" t="s">
        <v>101516</v>
      </c>
    </row>
    <row r="28759" spans="1:10" x14ac:dyDescent="0.35">
      <c r="A28759" s="1" t="s">
        <v>46311</v>
      </c>
      <c r="B28759" s="1" t="s">
        <v>96627</v>
      </c>
      <c r="C28759" s="1" t="s">
        <v>80</v>
      </c>
      <c r="D28759" s="1" t="s">
        <v>101517</v>
      </c>
      <c r="E28759" s="1" t="s">
        <v>101642</v>
      </c>
      <c r="F28759" s="1" t="s">
        <v>101643</v>
      </c>
      <c r="G28759" s="1" t="s">
        <v>101615</v>
      </c>
      <c r="H28759" s="1" t="s">
        <v>101473</v>
      </c>
      <c r="I28759" s="1" t="s">
        <v>96632</v>
      </c>
      <c r="J28759" s="1" t="s">
        <v>101520</v>
      </c>
    </row>
    <row r="28760" spans="1:10" x14ac:dyDescent="0.35">
      <c r="A28760" s="1" t="s">
        <v>46311</v>
      </c>
      <c r="B28760" s="1" t="s">
        <v>96627</v>
      </c>
      <c r="C28760" s="1" t="s">
        <v>85</v>
      </c>
      <c r="D28760" s="1" t="s">
        <v>69100</v>
      </c>
      <c r="E28760" s="1" t="s">
        <v>101644</v>
      </c>
      <c r="F28760" s="1" t="s">
        <v>101645</v>
      </c>
      <c r="G28760" s="1" t="s">
        <v>101615</v>
      </c>
      <c r="H28760" s="1" t="s">
        <v>101473</v>
      </c>
      <c r="I28760" s="1" t="s">
        <v>96632</v>
      </c>
      <c r="J28760" s="1" t="s">
        <v>101523</v>
      </c>
    </row>
    <row r="28761" spans="1:10" x14ac:dyDescent="0.35">
      <c r="A28761" s="1" t="s">
        <v>46311</v>
      </c>
      <c r="B28761" s="1" t="s">
        <v>96627</v>
      </c>
      <c r="C28761" s="1" t="s">
        <v>90</v>
      </c>
      <c r="D28761" s="1" t="s">
        <v>101524</v>
      </c>
      <c r="E28761" s="1" t="s">
        <v>101646</v>
      </c>
      <c r="F28761" s="1" t="s">
        <v>101647</v>
      </c>
      <c r="G28761" s="1" t="s">
        <v>101615</v>
      </c>
      <c r="H28761" s="1" t="s">
        <v>101473</v>
      </c>
      <c r="I28761" s="1" t="s">
        <v>96632</v>
      </c>
      <c r="J28761" s="1" t="s">
        <v>101527</v>
      </c>
    </row>
    <row r="28762" spans="1:10" x14ac:dyDescent="0.35">
      <c r="A28762" s="1" t="s">
        <v>46311</v>
      </c>
      <c r="B28762" s="1" t="s">
        <v>96627</v>
      </c>
      <c r="C28762" s="1" t="s">
        <v>95</v>
      </c>
      <c r="D28762" s="1" t="s">
        <v>101528</v>
      </c>
      <c r="E28762" s="1" t="s">
        <v>101648</v>
      </c>
      <c r="F28762" s="1" t="s">
        <v>101649</v>
      </c>
      <c r="G28762" s="1" t="s">
        <v>101615</v>
      </c>
      <c r="H28762" s="1" t="s">
        <v>101473</v>
      </c>
      <c r="I28762" s="1" t="s">
        <v>96632</v>
      </c>
      <c r="J28762" s="1" t="s">
        <v>101531</v>
      </c>
    </row>
    <row r="28763" spans="1:10" x14ac:dyDescent="0.35">
      <c r="A28763" s="1" t="s">
        <v>46311</v>
      </c>
      <c r="B28763" s="1" t="s">
        <v>96627</v>
      </c>
      <c r="C28763" s="1" t="s">
        <v>100</v>
      </c>
      <c r="D28763" s="1" t="s">
        <v>68249</v>
      </c>
      <c r="E28763" s="1" t="s">
        <v>101650</v>
      </c>
      <c r="F28763" s="1" t="s">
        <v>101651</v>
      </c>
      <c r="G28763" s="1" t="s">
        <v>101615</v>
      </c>
      <c r="H28763" s="1" t="s">
        <v>101473</v>
      </c>
      <c r="I28763" s="1" t="s">
        <v>96632</v>
      </c>
      <c r="J28763" s="1" t="s">
        <v>101534</v>
      </c>
    </row>
    <row r="28764" spans="1:10" x14ac:dyDescent="0.35">
      <c r="A28764" s="1" t="s">
        <v>46311</v>
      </c>
      <c r="B28764" s="1" t="s">
        <v>96627</v>
      </c>
      <c r="C28764" s="1" t="s">
        <v>105</v>
      </c>
      <c r="D28764" s="1" t="s">
        <v>85469</v>
      </c>
      <c r="E28764" s="1" t="s">
        <v>101652</v>
      </c>
      <c r="F28764" s="1" t="s">
        <v>101653</v>
      </c>
      <c r="G28764" s="1" t="s">
        <v>101615</v>
      </c>
      <c r="H28764" s="1" t="s">
        <v>101473</v>
      </c>
      <c r="I28764" s="1" t="s">
        <v>96632</v>
      </c>
      <c r="J28764" s="1" t="s">
        <v>101537</v>
      </c>
    </row>
    <row r="28765" spans="1:10" x14ac:dyDescent="0.35">
      <c r="A28765" s="1" t="s">
        <v>46311</v>
      </c>
      <c r="B28765" s="1" t="s">
        <v>96627</v>
      </c>
      <c r="C28765" s="1" t="s">
        <v>110</v>
      </c>
      <c r="D28765" s="1" t="s">
        <v>101538</v>
      </c>
      <c r="E28765" s="1" t="s">
        <v>101654</v>
      </c>
      <c r="F28765" s="1" t="s">
        <v>101655</v>
      </c>
      <c r="G28765" s="1" t="s">
        <v>101615</v>
      </c>
      <c r="H28765" s="1" t="s">
        <v>101473</v>
      </c>
      <c r="I28765" s="1" t="s">
        <v>96632</v>
      </c>
      <c r="J28765" s="1" t="s">
        <v>101541</v>
      </c>
    </row>
    <row r="28766" spans="1:10" x14ac:dyDescent="0.35">
      <c r="A28766" s="1" t="s">
        <v>46311</v>
      </c>
      <c r="B28766" s="1" t="s">
        <v>96627</v>
      </c>
      <c r="C28766" s="1" t="s">
        <v>115</v>
      </c>
      <c r="D28766" s="1" t="s">
        <v>101542</v>
      </c>
      <c r="E28766" s="1" t="s">
        <v>101656</v>
      </c>
      <c r="F28766" s="1" t="s">
        <v>101657</v>
      </c>
      <c r="G28766" s="1" t="s">
        <v>101615</v>
      </c>
      <c r="H28766" s="1" t="s">
        <v>101473</v>
      </c>
      <c r="I28766" s="1" t="s">
        <v>96632</v>
      </c>
      <c r="J28766" s="1" t="s">
        <v>101544</v>
      </c>
    </row>
    <row r="28767" spans="1:10" x14ac:dyDescent="0.35">
      <c r="A28767" s="1" t="s">
        <v>46311</v>
      </c>
      <c r="B28767" s="1" t="s">
        <v>96627</v>
      </c>
      <c r="C28767" s="1" t="s">
        <v>120</v>
      </c>
      <c r="D28767" s="1" t="s">
        <v>20618</v>
      </c>
      <c r="E28767" s="1" t="s">
        <v>101658</v>
      </c>
      <c r="F28767" s="1" t="s">
        <v>101659</v>
      </c>
      <c r="G28767" s="1" t="s">
        <v>101615</v>
      </c>
      <c r="H28767" s="1" t="s">
        <v>101473</v>
      </c>
      <c r="I28767" s="1" t="s">
        <v>96632</v>
      </c>
      <c r="J28767" s="1" t="s">
        <v>101547</v>
      </c>
    </row>
    <row r="28768" spans="1:10" x14ac:dyDescent="0.35">
      <c r="A28768" s="1" t="s">
        <v>46311</v>
      </c>
      <c r="B28768" s="1" t="s">
        <v>96627</v>
      </c>
      <c r="C28768" s="1" t="s">
        <v>125</v>
      </c>
      <c r="D28768" s="1" t="s">
        <v>101548</v>
      </c>
      <c r="E28768" s="1" t="s">
        <v>101660</v>
      </c>
      <c r="F28768" s="1" t="s">
        <v>101661</v>
      </c>
      <c r="G28768" s="1" t="s">
        <v>101615</v>
      </c>
      <c r="H28768" s="1" t="s">
        <v>101473</v>
      </c>
      <c r="I28768" s="1" t="s">
        <v>96632</v>
      </c>
      <c r="J28768" s="1" t="s">
        <v>101551</v>
      </c>
    </row>
    <row r="28769" spans="1:10" x14ac:dyDescent="0.35">
      <c r="A28769" s="1" t="s">
        <v>46311</v>
      </c>
      <c r="B28769" s="1" t="s">
        <v>96627</v>
      </c>
      <c r="C28769" s="1" t="s">
        <v>130</v>
      </c>
      <c r="D28769" s="1" t="s">
        <v>101552</v>
      </c>
      <c r="E28769" s="1" t="s">
        <v>101662</v>
      </c>
      <c r="F28769" s="1" t="s">
        <v>101663</v>
      </c>
      <c r="G28769" s="1" t="s">
        <v>101615</v>
      </c>
      <c r="H28769" s="1" t="s">
        <v>101473</v>
      </c>
      <c r="I28769" s="1" t="s">
        <v>96632</v>
      </c>
      <c r="J28769" s="1" t="s">
        <v>101555</v>
      </c>
    </row>
    <row r="28770" spans="1:10" x14ac:dyDescent="0.35">
      <c r="A28770" s="1" t="s">
        <v>46311</v>
      </c>
      <c r="B28770" s="1" t="s">
        <v>96627</v>
      </c>
      <c r="C28770" s="1" t="s">
        <v>135</v>
      </c>
      <c r="D28770" s="1" t="s">
        <v>70583</v>
      </c>
      <c r="E28770" s="1" t="s">
        <v>101664</v>
      </c>
      <c r="F28770" s="1" t="s">
        <v>101665</v>
      </c>
      <c r="G28770" s="1" t="s">
        <v>101615</v>
      </c>
      <c r="H28770" s="1" t="s">
        <v>101473</v>
      </c>
      <c r="I28770" s="1" t="s">
        <v>96632</v>
      </c>
      <c r="J28770" s="1" t="s">
        <v>101558</v>
      </c>
    </row>
    <row r="28771" spans="1:10" x14ac:dyDescent="0.35">
      <c r="A28771" s="1" t="s">
        <v>46311</v>
      </c>
      <c r="B28771" s="1" t="s">
        <v>96627</v>
      </c>
      <c r="C28771" s="1" t="s">
        <v>140</v>
      </c>
      <c r="D28771" s="1" t="s">
        <v>101559</v>
      </c>
      <c r="E28771" s="1" t="s">
        <v>101666</v>
      </c>
      <c r="F28771" s="1" t="s">
        <v>101667</v>
      </c>
      <c r="G28771" s="1" t="s">
        <v>101615</v>
      </c>
      <c r="H28771" s="1" t="s">
        <v>101473</v>
      </c>
      <c r="I28771" s="1" t="s">
        <v>96632</v>
      </c>
      <c r="J28771" s="1" t="s">
        <v>101562</v>
      </c>
    </row>
    <row r="28772" spans="1:10" x14ac:dyDescent="0.35">
      <c r="A28772" s="1" t="s">
        <v>46311</v>
      </c>
      <c r="B28772" s="1" t="s">
        <v>96627</v>
      </c>
      <c r="C28772" s="1" t="s">
        <v>145</v>
      </c>
      <c r="D28772" s="1" t="s">
        <v>100866</v>
      </c>
      <c r="E28772" s="1" t="s">
        <v>101668</v>
      </c>
      <c r="F28772" s="1" t="s">
        <v>101669</v>
      </c>
      <c r="G28772" s="1" t="s">
        <v>101615</v>
      </c>
      <c r="H28772" s="1" t="s">
        <v>101473</v>
      </c>
      <c r="I28772" s="1" t="s">
        <v>96632</v>
      </c>
      <c r="J28772" s="1" t="s">
        <v>101565</v>
      </c>
    </row>
    <row r="28773" spans="1:10" x14ac:dyDescent="0.35">
      <c r="A28773" s="1" t="s">
        <v>46311</v>
      </c>
      <c r="B28773" s="1" t="s">
        <v>96627</v>
      </c>
      <c r="C28773" s="1" t="s">
        <v>150</v>
      </c>
      <c r="D28773" s="1" t="s">
        <v>39876</v>
      </c>
      <c r="E28773" s="1" t="s">
        <v>101670</v>
      </c>
      <c r="F28773" s="1" t="s">
        <v>101671</v>
      </c>
      <c r="G28773" s="1" t="s">
        <v>101615</v>
      </c>
      <c r="H28773" s="1" t="s">
        <v>101473</v>
      </c>
      <c r="I28773" s="1" t="s">
        <v>96632</v>
      </c>
      <c r="J28773" s="1" t="s">
        <v>101568</v>
      </c>
    </row>
    <row r="28774" spans="1:10" x14ac:dyDescent="0.35">
      <c r="A28774" s="1" t="s">
        <v>46311</v>
      </c>
      <c r="B28774" s="1" t="s">
        <v>96627</v>
      </c>
      <c r="C28774" s="1" t="s">
        <v>155</v>
      </c>
      <c r="D28774" s="1" t="s">
        <v>101569</v>
      </c>
      <c r="E28774" s="1" t="s">
        <v>101672</v>
      </c>
      <c r="F28774" s="1" t="s">
        <v>101673</v>
      </c>
      <c r="G28774" s="1" t="s">
        <v>101615</v>
      </c>
      <c r="H28774" s="1" t="s">
        <v>101473</v>
      </c>
      <c r="I28774" s="1" t="s">
        <v>96632</v>
      </c>
      <c r="J28774" s="1" t="s">
        <v>101572</v>
      </c>
    </row>
    <row r="28775" spans="1:10" x14ac:dyDescent="0.35">
      <c r="A28775" s="1" t="s">
        <v>46311</v>
      </c>
      <c r="B28775" s="1" t="s">
        <v>96627</v>
      </c>
      <c r="C28775" s="1" t="s">
        <v>160</v>
      </c>
      <c r="D28775" s="1" t="s">
        <v>87106</v>
      </c>
      <c r="E28775" s="1" t="s">
        <v>101674</v>
      </c>
      <c r="F28775" s="1" t="s">
        <v>101675</v>
      </c>
      <c r="G28775" s="1" t="s">
        <v>101615</v>
      </c>
      <c r="H28775" s="1" t="s">
        <v>101473</v>
      </c>
      <c r="I28775" s="1" t="s">
        <v>96632</v>
      </c>
      <c r="J28775" s="1" t="s">
        <v>101575</v>
      </c>
    </row>
    <row r="28776" spans="1:10" x14ac:dyDescent="0.35">
      <c r="A28776" s="1" t="s">
        <v>46311</v>
      </c>
      <c r="B28776" s="1" t="s">
        <v>96627</v>
      </c>
      <c r="C28776" s="1" t="s">
        <v>165</v>
      </c>
      <c r="D28776" s="1" t="s">
        <v>101576</v>
      </c>
      <c r="E28776" s="1" t="s">
        <v>101676</v>
      </c>
      <c r="F28776" s="1" t="s">
        <v>101677</v>
      </c>
      <c r="G28776" s="1" t="s">
        <v>101615</v>
      </c>
      <c r="H28776" s="1" t="s">
        <v>101473</v>
      </c>
      <c r="I28776" s="1" t="s">
        <v>96632</v>
      </c>
      <c r="J28776" s="1" t="s">
        <v>101579</v>
      </c>
    </row>
    <row r="28777" spans="1:10" x14ac:dyDescent="0.35">
      <c r="A28777" s="1" t="s">
        <v>46311</v>
      </c>
      <c r="B28777" s="1" t="s">
        <v>96627</v>
      </c>
      <c r="C28777" s="1" t="s">
        <v>170</v>
      </c>
      <c r="D28777" s="1" t="s">
        <v>39245</v>
      </c>
      <c r="E28777" s="1" t="s">
        <v>101678</v>
      </c>
      <c r="F28777" s="1" t="s">
        <v>101679</v>
      </c>
      <c r="G28777" s="1" t="s">
        <v>101615</v>
      </c>
      <c r="H28777" s="1" t="s">
        <v>101473</v>
      </c>
      <c r="I28777" s="1" t="s">
        <v>96632</v>
      </c>
      <c r="J28777" s="1" t="s">
        <v>101582</v>
      </c>
    </row>
    <row r="28778" spans="1:10" x14ac:dyDescent="0.35">
      <c r="A28778" s="1" t="s">
        <v>25834</v>
      </c>
      <c r="B28778" s="1" t="s">
        <v>96627</v>
      </c>
      <c r="C28778" s="1" t="s">
        <v>8</v>
      </c>
      <c r="D28778" s="1" t="s">
        <v>11563</v>
      </c>
      <c r="E28778" s="1" t="s">
        <v>23206</v>
      </c>
      <c r="F28778" s="1" t="s">
        <v>101680</v>
      </c>
      <c r="G28778" s="1" t="s">
        <v>101681</v>
      </c>
      <c r="H28778" s="1" t="s">
        <v>101473</v>
      </c>
      <c r="I28778" s="1" t="s">
        <v>96632</v>
      </c>
      <c r="J28778" s="1" t="s">
        <v>13</v>
      </c>
    </row>
    <row r="28779" spans="1:10" x14ac:dyDescent="0.35">
      <c r="A28779" s="1" t="s">
        <v>25834</v>
      </c>
      <c r="B28779" s="1" t="s">
        <v>96627</v>
      </c>
      <c r="C28779" s="1" t="s">
        <v>15</v>
      </c>
      <c r="D28779" s="1" t="s">
        <v>101474</v>
      </c>
      <c r="E28779" s="1" t="s">
        <v>61061</v>
      </c>
      <c r="F28779" s="1" t="s">
        <v>57610</v>
      </c>
      <c r="G28779" s="1" t="s">
        <v>101681</v>
      </c>
      <c r="H28779" s="1" t="s">
        <v>101473</v>
      </c>
      <c r="I28779" s="1" t="s">
        <v>96632</v>
      </c>
      <c r="J28779" s="1" t="s">
        <v>101477</v>
      </c>
    </row>
    <row r="28780" spans="1:10" x14ac:dyDescent="0.35">
      <c r="A28780" s="1" t="s">
        <v>25834</v>
      </c>
      <c r="B28780" s="1" t="s">
        <v>96627</v>
      </c>
      <c r="C28780" s="1" t="s">
        <v>20</v>
      </c>
      <c r="D28780" s="1" t="s">
        <v>101478</v>
      </c>
      <c r="E28780" s="1" t="s">
        <v>21894</v>
      </c>
      <c r="F28780" s="1" t="s">
        <v>40652</v>
      </c>
      <c r="G28780" s="1" t="s">
        <v>101681</v>
      </c>
      <c r="H28780" s="1" t="s">
        <v>101473</v>
      </c>
      <c r="I28780" s="1" t="s">
        <v>96632</v>
      </c>
      <c r="J28780" s="1" t="s">
        <v>101481</v>
      </c>
    </row>
    <row r="28781" spans="1:10" x14ac:dyDescent="0.35">
      <c r="A28781" s="1" t="s">
        <v>25834</v>
      </c>
      <c r="B28781" s="1" t="s">
        <v>96627</v>
      </c>
      <c r="C28781" s="1" t="s">
        <v>25</v>
      </c>
      <c r="D28781" s="1" t="s">
        <v>101482</v>
      </c>
      <c r="E28781" s="1" t="s">
        <v>101682</v>
      </c>
      <c r="F28781" s="1" t="s">
        <v>23559</v>
      </c>
      <c r="G28781" s="1" t="s">
        <v>101681</v>
      </c>
      <c r="H28781" s="1" t="s">
        <v>101473</v>
      </c>
      <c r="I28781" s="1" t="s">
        <v>96632</v>
      </c>
      <c r="J28781" s="1" t="s">
        <v>101485</v>
      </c>
    </row>
    <row r="28782" spans="1:10" x14ac:dyDescent="0.35">
      <c r="A28782" s="1" t="s">
        <v>25834</v>
      </c>
      <c r="B28782" s="1" t="s">
        <v>96627</v>
      </c>
      <c r="C28782" s="1" t="s">
        <v>30</v>
      </c>
      <c r="D28782" s="1" t="s">
        <v>26689</v>
      </c>
      <c r="E28782" s="1" t="s">
        <v>58507</v>
      </c>
      <c r="F28782" s="1" t="s">
        <v>101683</v>
      </c>
      <c r="G28782" s="1" t="s">
        <v>101681</v>
      </c>
      <c r="H28782" s="1" t="s">
        <v>101473</v>
      </c>
      <c r="I28782" s="1" t="s">
        <v>96632</v>
      </c>
      <c r="J28782" s="1" t="s">
        <v>101488</v>
      </c>
    </row>
    <row r="28783" spans="1:10" x14ac:dyDescent="0.35">
      <c r="A28783" s="1" t="s">
        <v>25834</v>
      </c>
      <c r="B28783" s="1" t="s">
        <v>96627</v>
      </c>
      <c r="C28783" s="1" t="s">
        <v>35</v>
      </c>
      <c r="D28783" s="1" t="s">
        <v>60414</v>
      </c>
      <c r="E28783" s="1" t="s">
        <v>54046</v>
      </c>
      <c r="F28783" s="1" t="s">
        <v>99854</v>
      </c>
      <c r="G28783" s="1" t="s">
        <v>101681</v>
      </c>
      <c r="H28783" s="1" t="s">
        <v>101473</v>
      </c>
      <c r="I28783" s="1" t="s">
        <v>96632</v>
      </c>
      <c r="J28783" s="1" t="s">
        <v>101491</v>
      </c>
    </row>
    <row r="28784" spans="1:10" x14ac:dyDescent="0.35">
      <c r="A28784" s="1" t="s">
        <v>25834</v>
      </c>
      <c r="B28784" s="1" t="s">
        <v>96627</v>
      </c>
      <c r="C28784" s="1" t="s">
        <v>40</v>
      </c>
      <c r="D28784" s="1" t="s">
        <v>78520</v>
      </c>
      <c r="E28784" s="1" t="s">
        <v>31374</v>
      </c>
      <c r="F28784" s="1" t="s">
        <v>97150</v>
      </c>
      <c r="G28784" s="1" t="s">
        <v>101681</v>
      </c>
      <c r="H28784" s="1" t="s">
        <v>101473</v>
      </c>
      <c r="I28784" s="1" t="s">
        <v>96632</v>
      </c>
      <c r="J28784" s="1" t="s">
        <v>101494</v>
      </c>
    </row>
    <row r="28785" spans="1:10" x14ac:dyDescent="0.35">
      <c r="A28785" s="1" t="s">
        <v>25834</v>
      </c>
      <c r="B28785" s="1" t="s">
        <v>96627</v>
      </c>
      <c r="C28785" s="1" t="s">
        <v>45</v>
      </c>
      <c r="D28785" s="1" t="s">
        <v>43531</v>
      </c>
      <c r="E28785" s="1" t="s">
        <v>63785</v>
      </c>
      <c r="F28785" s="1" t="s">
        <v>101684</v>
      </c>
      <c r="G28785" s="1" t="s">
        <v>101681</v>
      </c>
      <c r="H28785" s="1" t="s">
        <v>101473</v>
      </c>
      <c r="I28785" s="1" t="s">
        <v>96632</v>
      </c>
      <c r="J28785" s="1" t="s">
        <v>101497</v>
      </c>
    </row>
    <row r="28786" spans="1:10" x14ac:dyDescent="0.35">
      <c r="A28786" s="1" t="s">
        <v>25834</v>
      </c>
      <c r="B28786" s="1" t="s">
        <v>96627</v>
      </c>
      <c r="C28786" s="1" t="s">
        <v>50</v>
      </c>
      <c r="D28786" s="1" t="s">
        <v>57327</v>
      </c>
      <c r="E28786" s="1" t="s">
        <v>15252</v>
      </c>
      <c r="F28786" s="1" t="s">
        <v>101685</v>
      </c>
      <c r="G28786" s="1" t="s">
        <v>101681</v>
      </c>
      <c r="H28786" s="1" t="s">
        <v>101473</v>
      </c>
      <c r="I28786" s="1" t="s">
        <v>96632</v>
      </c>
      <c r="J28786" s="1" t="s">
        <v>101500</v>
      </c>
    </row>
    <row r="28787" spans="1:10" x14ac:dyDescent="0.35">
      <c r="A28787" s="1" t="s">
        <v>25834</v>
      </c>
      <c r="B28787" s="1" t="s">
        <v>96627</v>
      </c>
      <c r="C28787" s="1" t="s">
        <v>55</v>
      </c>
      <c r="D28787" s="1" t="s">
        <v>93266</v>
      </c>
      <c r="E28787" s="1" t="s">
        <v>21822</v>
      </c>
      <c r="F28787" s="1" t="s">
        <v>101686</v>
      </c>
      <c r="G28787" s="1" t="s">
        <v>101681</v>
      </c>
      <c r="H28787" s="1" t="s">
        <v>101473</v>
      </c>
      <c r="I28787" s="1" t="s">
        <v>96632</v>
      </c>
      <c r="J28787" s="1" t="s">
        <v>101503</v>
      </c>
    </row>
    <row r="28788" spans="1:10" x14ac:dyDescent="0.35">
      <c r="A28788" s="1" t="s">
        <v>25834</v>
      </c>
      <c r="B28788" s="1" t="s">
        <v>96627</v>
      </c>
      <c r="C28788" s="1" t="s">
        <v>60</v>
      </c>
      <c r="D28788" s="1" t="s">
        <v>59450</v>
      </c>
      <c r="E28788" s="1" t="s">
        <v>40717</v>
      </c>
      <c r="F28788" s="1" t="s">
        <v>101687</v>
      </c>
      <c r="G28788" s="1" t="s">
        <v>101681</v>
      </c>
      <c r="H28788" s="1" t="s">
        <v>101473</v>
      </c>
      <c r="I28788" s="1" t="s">
        <v>96632</v>
      </c>
      <c r="J28788" s="1" t="s">
        <v>101506</v>
      </c>
    </row>
    <row r="28789" spans="1:10" x14ac:dyDescent="0.35">
      <c r="A28789" s="1" t="s">
        <v>25834</v>
      </c>
      <c r="B28789" s="1" t="s">
        <v>96627</v>
      </c>
      <c r="C28789" s="1" t="s">
        <v>65</v>
      </c>
      <c r="D28789" s="1" t="s">
        <v>101507</v>
      </c>
      <c r="E28789" s="1" t="s">
        <v>56311</v>
      </c>
      <c r="F28789" s="1" t="s">
        <v>101688</v>
      </c>
      <c r="G28789" s="1" t="s">
        <v>101681</v>
      </c>
      <c r="H28789" s="1" t="s">
        <v>101473</v>
      </c>
      <c r="I28789" s="1" t="s">
        <v>96632</v>
      </c>
      <c r="J28789" s="1" t="s">
        <v>101510</v>
      </c>
    </row>
    <row r="28790" spans="1:10" x14ac:dyDescent="0.35">
      <c r="A28790" s="1" t="s">
        <v>25834</v>
      </c>
      <c r="B28790" s="1" t="s">
        <v>96627</v>
      </c>
      <c r="C28790" s="1" t="s">
        <v>70</v>
      </c>
      <c r="D28790" s="1" t="s">
        <v>22686</v>
      </c>
      <c r="E28790" s="1" t="s">
        <v>21807</v>
      </c>
      <c r="F28790" s="1" t="s">
        <v>55504</v>
      </c>
      <c r="G28790" s="1" t="s">
        <v>101681</v>
      </c>
      <c r="H28790" s="1" t="s">
        <v>101473</v>
      </c>
      <c r="I28790" s="1" t="s">
        <v>96632</v>
      </c>
      <c r="J28790" s="1" t="s">
        <v>101513</v>
      </c>
    </row>
    <row r="28791" spans="1:10" x14ac:dyDescent="0.35">
      <c r="A28791" s="1" t="s">
        <v>25834</v>
      </c>
      <c r="B28791" s="1" t="s">
        <v>96627</v>
      </c>
      <c r="C28791" s="1" t="s">
        <v>75</v>
      </c>
      <c r="D28791" s="1" t="s">
        <v>81572</v>
      </c>
      <c r="E28791" s="1" t="s">
        <v>57351</v>
      </c>
      <c r="F28791" s="1" t="s">
        <v>41415</v>
      </c>
      <c r="G28791" s="1" t="s">
        <v>101681</v>
      </c>
      <c r="H28791" s="1" t="s">
        <v>101473</v>
      </c>
      <c r="I28791" s="1" t="s">
        <v>96632</v>
      </c>
      <c r="J28791" s="1" t="s">
        <v>101516</v>
      </c>
    </row>
    <row r="28792" spans="1:10" x14ac:dyDescent="0.35">
      <c r="A28792" s="1" t="s">
        <v>25834</v>
      </c>
      <c r="B28792" s="1" t="s">
        <v>96627</v>
      </c>
      <c r="C28792" s="1" t="s">
        <v>80</v>
      </c>
      <c r="D28792" s="1" t="s">
        <v>101517</v>
      </c>
      <c r="E28792" s="1" t="s">
        <v>56917</v>
      </c>
      <c r="F28792" s="1" t="s">
        <v>101689</v>
      </c>
      <c r="G28792" s="1" t="s">
        <v>101681</v>
      </c>
      <c r="H28792" s="1" t="s">
        <v>101473</v>
      </c>
      <c r="I28792" s="1" t="s">
        <v>96632</v>
      </c>
      <c r="J28792" s="1" t="s">
        <v>101520</v>
      </c>
    </row>
    <row r="28793" spans="1:10" x14ac:dyDescent="0.35">
      <c r="A28793" s="1" t="s">
        <v>25834</v>
      </c>
      <c r="B28793" s="1" t="s">
        <v>96627</v>
      </c>
      <c r="C28793" s="1" t="s">
        <v>85</v>
      </c>
      <c r="D28793" s="1" t="s">
        <v>69100</v>
      </c>
      <c r="E28793" s="1" t="s">
        <v>12762</v>
      </c>
      <c r="F28793" s="1" t="s">
        <v>26500</v>
      </c>
      <c r="G28793" s="1" t="s">
        <v>101681</v>
      </c>
      <c r="H28793" s="1" t="s">
        <v>101473</v>
      </c>
      <c r="I28793" s="1" t="s">
        <v>96632</v>
      </c>
      <c r="J28793" s="1" t="s">
        <v>101523</v>
      </c>
    </row>
    <row r="28794" spans="1:10" x14ac:dyDescent="0.35">
      <c r="A28794" s="1" t="s">
        <v>25834</v>
      </c>
      <c r="B28794" s="1" t="s">
        <v>96627</v>
      </c>
      <c r="C28794" s="1" t="s">
        <v>90</v>
      </c>
      <c r="D28794" s="1" t="s">
        <v>101524</v>
      </c>
      <c r="E28794" s="1" t="s">
        <v>60442</v>
      </c>
      <c r="F28794" s="1" t="s">
        <v>101690</v>
      </c>
      <c r="G28794" s="1" t="s">
        <v>101681</v>
      </c>
      <c r="H28794" s="1" t="s">
        <v>101473</v>
      </c>
      <c r="I28794" s="1" t="s">
        <v>96632</v>
      </c>
      <c r="J28794" s="1" t="s">
        <v>101527</v>
      </c>
    </row>
    <row r="28795" spans="1:10" x14ac:dyDescent="0.35">
      <c r="A28795" s="1" t="s">
        <v>25834</v>
      </c>
      <c r="B28795" s="1" t="s">
        <v>96627</v>
      </c>
      <c r="C28795" s="1" t="s">
        <v>95</v>
      </c>
      <c r="D28795" s="1" t="s">
        <v>101528</v>
      </c>
      <c r="E28795" s="1" t="s">
        <v>56233</v>
      </c>
      <c r="F28795" s="1" t="s">
        <v>101691</v>
      </c>
      <c r="G28795" s="1" t="s">
        <v>101681</v>
      </c>
      <c r="H28795" s="1" t="s">
        <v>101473</v>
      </c>
      <c r="I28795" s="1" t="s">
        <v>96632</v>
      </c>
      <c r="J28795" s="1" t="s">
        <v>101531</v>
      </c>
    </row>
    <row r="28796" spans="1:10" x14ac:dyDescent="0.35">
      <c r="A28796" s="1" t="s">
        <v>25834</v>
      </c>
      <c r="B28796" s="1" t="s">
        <v>96627</v>
      </c>
      <c r="C28796" s="1" t="s">
        <v>100</v>
      </c>
      <c r="D28796" s="1" t="s">
        <v>68249</v>
      </c>
      <c r="E28796" s="1" t="s">
        <v>58913</v>
      </c>
      <c r="F28796" s="1" t="s">
        <v>101692</v>
      </c>
      <c r="G28796" s="1" t="s">
        <v>101681</v>
      </c>
      <c r="H28796" s="1" t="s">
        <v>101473</v>
      </c>
      <c r="I28796" s="1" t="s">
        <v>96632</v>
      </c>
      <c r="J28796" s="1" t="s">
        <v>101534</v>
      </c>
    </row>
    <row r="28797" spans="1:10" x14ac:dyDescent="0.35">
      <c r="A28797" s="1" t="s">
        <v>25834</v>
      </c>
      <c r="B28797" s="1" t="s">
        <v>96627</v>
      </c>
      <c r="C28797" s="1" t="s">
        <v>105</v>
      </c>
      <c r="D28797" s="1" t="s">
        <v>85469</v>
      </c>
      <c r="E28797" s="1" t="s">
        <v>101693</v>
      </c>
      <c r="F28797" s="1" t="s">
        <v>101694</v>
      </c>
      <c r="G28797" s="1" t="s">
        <v>101681</v>
      </c>
      <c r="H28797" s="1" t="s">
        <v>101473</v>
      </c>
      <c r="I28797" s="1" t="s">
        <v>96632</v>
      </c>
      <c r="J28797" s="1" t="s">
        <v>101537</v>
      </c>
    </row>
    <row r="28798" spans="1:10" x14ac:dyDescent="0.35">
      <c r="A28798" s="1" t="s">
        <v>25834</v>
      </c>
      <c r="B28798" s="1" t="s">
        <v>96627</v>
      </c>
      <c r="C28798" s="1" t="s">
        <v>110</v>
      </c>
      <c r="D28798" s="1" t="s">
        <v>101538</v>
      </c>
      <c r="E28798" s="1" t="s">
        <v>21159</v>
      </c>
      <c r="F28798" s="1" t="s">
        <v>101695</v>
      </c>
      <c r="G28798" s="1" t="s">
        <v>101681</v>
      </c>
      <c r="H28798" s="1" t="s">
        <v>101473</v>
      </c>
      <c r="I28798" s="1" t="s">
        <v>96632</v>
      </c>
      <c r="J28798" s="1" t="s">
        <v>101541</v>
      </c>
    </row>
    <row r="28799" spans="1:10" x14ac:dyDescent="0.35">
      <c r="A28799" s="1" t="s">
        <v>25834</v>
      </c>
      <c r="B28799" s="1" t="s">
        <v>96627</v>
      </c>
      <c r="C28799" s="1" t="s">
        <v>115</v>
      </c>
      <c r="D28799" s="1" t="s">
        <v>101542</v>
      </c>
      <c r="E28799" s="1" t="s">
        <v>41188</v>
      </c>
      <c r="F28799" s="1" t="s">
        <v>101696</v>
      </c>
      <c r="G28799" s="1" t="s">
        <v>101681</v>
      </c>
      <c r="H28799" s="1" t="s">
        <v>101473</v>
      </c>
      <c r="I28799" s="1" t="s">
        <v>96632</v>
      </c>
      <c r="J28799" s="1" t="s">
        <v>101544</v>
      </c>
    </row>
    <row r="28800" spans="1:10" x14ac:dyDescent="0.35">
      <c r="A28800" s="1" t="s">
        <v>25834</v>
      </c>
      <c r="B28800" s="1" t="s">
        <v>96627</v>
      </c>
      <c r="C28800" s="1" t="s">
        <v>120</v>
      </c>
      <c r="D28800" s="1" t="s">
        <v>20618</v>
      </c>
      <c r="E28800" s="1" t="s">
        <v>21749</v>
      </c>
      <c r="F28800" s="1" t="s">
        <v>101697</v>
      </c>
      <c r="G28800" s="1" t="s">
        <v>101681</v>
      </c>
      <c r="H28800" s="1" t="s">
        <v>101473</v>
      </c>
      <c r="I28800" s="1" t="s">
        <v>96632</v>
      </c>
      <c r="J28800" s="1" t="s">
        <v>101547</v>
      </c>
    </row>
    <row r="28801" spans="1:10" x14ac:dyDescent="0.35">
      <c r="A28801" s="1" t="s">
        <v>25834</v>
      </c>
      <c r="B28801" s="1" t="s">
        <v>96627</v>
      </c>
      <c r="C28801" s="1" t="s">
        <v>125</v>
      </c>
      <c r="D28801" s="1" t="s">
        <v>101548</v>
      </c>
      <c r="E28801" s="1" t="s">
        <v>21772</v>
      </c>
      <c r="F28801" s="1" t="s">
        <v>101684</v>
      </c>
      <c r="G28801" s="1" t="s">
        <v>101681</v>
      </c>
      <c r="H28801" s="1" t="s">
        <v>101473</v>
      </c>
      <c r="I28801" s="1" t="s">
        <v>96632</v>
      </c>
      <c r="J28801" s="1" t="s">
        <v>101551</v>
      </c>
    </row>
    <row r="28802" spans="1:10" x14ac:dyDescent="0.35">
      <c r="A28802" s="1" t="s">
        <v>25834</v>
      </c>
      <c r="B28802" s="1" t="s">
        <v>96627</v>
      </c>
      <c r="C28802" s="1" t="s">
        <v>130</v>
      </c>
      <c r="D28802" s="1" t="s">
        <v>101552</v>
      </c>
      <c r="E28802" s="1" t="s">
        <v>54799</v>
      </c>
      <c r="F28802" s="1" t="s">
        <v>101698</v>
      </c>
      <c r="G28802" s="1" t="s">
        <v>101681</v>
      </c>
      <c r="H28802" s="1" t="s">
        <v>101473</v>
      </c>
      <c r="I28802" s="1" t="s">
        <v>96632</v>
      </c>
      <c r="J28802" s="1" t="s">
        <v>101555</v>
      </c>
    </row>
    <row r="28803" spans="1:10" x14ac:dyDescent="0.35">
      <c r="A28803" s="1" t="s">
        <v>25834</v>
      </c>
      <c r="B28803" s="1" t="s">
        <v>96627</v>
      </c>
      <c r="C28803" s="1" t="s">
        <v>135</v>
      </c>
      <c r="D28803" s="1" t="s">
        <v>70583</v>
      </c>
      <c r="E28803" s="1" t="s">
        <v>23461</v>
      </c>
      <c r="F28803" s="1" t="s">
        <v>101699</v>
      </c>
      <c r="G28803" s="1" t="s">
        <v>101681</v>
      </c>
      <c r="H28803" s="1" t="s">
        <v>101473</v>
      </c>
      <c r="I28803" s="1" t="s">
        <v>96632</v>
      </c>
      <c r="J28803" s="1" t="s">
        <v>101558</v>
      </c>
    </row>
    <row r="28804" spans="1:10" x14ac:dyDescent="0.35">
      <c r="A28804" s="1" t="s">
        <v>25834</v>
      </c>
      <c r="B28804" s="1" t="s">
        <v>96627</v>
      </c>
      <c r="C28804" s="1" t="s">
        <v>140</v>
      </c>
      <c r="D28804" s="1" t="s">
        <v>101559</v>
      </c>
      <c r="E28804" s="1" t="s">
        <v>66959</v>
      </c>
      <c r="F28804" s="1" t="s">
        <v>101700</v>
      </c>
      <c r="G28804" s="1" t="s">
        <v>101681</v>
      </c>
      <c r="H28804" s="1" t="s">
        <v>101473</v>
      </c>
      <c r="I28804" s="1" t="s">
        <v>96632</v>
      </c>
      <c r="J28804" s="1" t="s">
        <v>101562</v>
      </c>
    </row>
    <row r="28805" spans="1:10" x14ac:dyDescent="0.35">
      <c r="A28805" s="1" t="s">
        <v>25834</v>
      </c>
      <c r="B28805" s="1" t="s">
        <v>96627</v>
      </c>
      <c r="C28805" s="1" t="s">
        <v>145</v>
      </c>
      <c r="D28805" s="1" t="s">
        <v>100866</v>
      </c>
      <c r="E28805" s="1" t="s">
        <v>41425</v>
      </c>
      <c r="F28805" s="1" t="s">
        <v>101701</v>
      </c>
      <c r="G28805" s="1" t="s">
        <v>101681</v>
      </c>
      <c r="H28805" s="1" t="s">
        <v>101473</v>
      </c>
      <c r="I28805" s="1" t="s">
        <v>96632</v>
      </c>
      <c r="J28805" s="1" t="s">
        <v>101565</v>
      </c>
    </row>
    <row r="28806" spans="1:10" x14ac:dyDescent="0.35">
      <c r="A28806" s="1" t="s">
        <v>25834</v>
      </c>
      <c r="B28806" s="1" t="s">
        <v>96627</v>
      </c>
      <c r="C28806" s="1" t="s">
        <v>150</v>
      </c>
      <c r="D28806" s="1" t="s">
        <v>39876</v>
      </c>
      <c r="E28806" s="1" t="s">
        <v>57305</v>
      </c>
      <c r="F28806" s="1" t="s">
        <v>101702</v>
      </c>
      <c r="G28806" s="1" t="s">
        <v>101681</v>
      </c>
      <c r="H28806" s="1" t="s">
        <v>101473</v>
      </c>
      <c r="I28806" s="1" t="s">
        <v>96632</v>
      </c>
      <c r="J28806" s="1" t="s">
        <v>101568</v>
      </c>
    </row>
    <row r="28807" spans="1:10" x14ac:dyDescent="0.35">
      <c r="A28807" s="1" t="s">
        <v>25834</v>
      </c>
      <c r="B28807" s="1" t="s">
        <v>96627</v>
      </c>
      <c r="C28807" s="1" t="s">
        <v>155</v>
      </c>
      <c r="D28807" s="1" t="s">
        <v>101569</v>
      </c>
      <c r="E28807" s="1" t="s">
        <v>54448</v>
      </c>
      <c r="F28807" s="1" t="s">
        <v>101703</v>
      </c>
      <c r="G28807" s="1" t="s">
        <v>101681</v>
      </c>
      <c r="H28807" s="1" t="s">
        <v>101473</v>
      </c>
      <c r="I28807" s="1" t="s">
        <v>96632</v>
      </c>
      <c r="J28807" s="1" t="s">
        <v>101572</v>
      </c>
    </row>
    <row r="28808" spans="1:10" x14ac:dyDescent="0.35">
      <c r="A28808" s="1" t="s">
        <v>25834</v>
      </c>
      <c r="B28808" s="1" t="s">
        <v>96627</v>
      </c>
      <c r="C28808" s="1" t="s">
        <v>160</v>
      </c>
      <c r="D28808" s="1" t="s">
        <v>87106</v>
      </c>
      <c r="E28808" s="1" t="s">
        <v>55907</v>
      </c>
      <c r="F28808" s="1" t="s">
        <v>101704</v>
      </c>
      <c r="G28808" s="1" t="s">
        <v>101681</v>
      </c>
      <c r="H28808" s="1" t="s">
        <v>101473</v>
      </c>
      <c r="I28808" s="1" t="s">
        <v>96632</v>
      </c>
      <c r="J28808" s="1" t="s">
        <v>101575</v>
      </c>
    </row>
    <row r="28809" spans="1:10" x14ac:dyDescent="0.35">
      <c r="A28809" s="1" t="s">
        <v>25834</v>
      </c>
      <c r="B28809" s="1" t="s">
        <v>96627</v>
      </c>
      <c r="C28809" s="1" t="s">
        <v>165</v>
      </c>
      <c r="D28809" s="1" t="s">
        <v>101576</v>
      </c>
      <c r="E28809" s="1" t="s">
        <v>53834</v>
      </c>
      <c r="F28809" s="1" t="s">
        <v>101705</v>
      </c>
      <c r="G28809" s="1" t="s">
        <v>101681</v>
      </c>
      <c r="H28809" s="1" t="s">
        <v>101473</v>
      </c>
      <c r="I28809" s="1" t="s">
        <v>96632</v>
      </c>
      <c r="J28809" s="1" t="s">
        <v>101579</v>
      </c>
    </row>
    <row r="28810" spans="1:10" x14ac:dyDescent="0.35">
      <c r="A28810" s="1" t="s">
        <v>25834</v>
      </c>
      <c r="B28810" s="1" t="s">
        <v>96627</v>
      </c>
      <c r="C28810" s="1" t="s">
        <v>170</v>
      </c>
      <c r="D28810" s="1" t="s">
        <v>39245</v>
      </c>
      <c r="E28810" s="1" t="s">
        <v>23202</v>
      </c>
      <c r="F28810" s="1" t="s">
        <v>76342</v>
      </c>
      <c r="G28810" s="1" t="s">
        <v>101681</v>
      </c>
      <c r="H28810" s="1" t="s">
        <v>101473</v>
      </c>
      <c r="I28810" s="1" t="s">
        <v>96632</v>
      </c>
      <c r="J28810" s="1" t="s">
        <v>101582</v>
      </c>
    </row>
    <row r="28811" spans="1:10" x14ac:dyDescent="0.35">
      <c r="A28811" s="1" t="s">
        <v>101706</v>
      </c>
      <c r="B28811" s="1" t="s">
        <v>96627</v>
      </c>
      <c r="C28811" s="1" t="s">
        <v>8</v>
      </c>
      <c r="D28811" s="1" t="s">
        <v>11563</v>
      </c>
      <c r="E28811" s="1" t="s">
        <v>23425</v>
      </c>
      <c r="F28811" s="1" t="s">
        <v>15572</v>
      </c>
      <c r="G28811" s="1" t="s">
        <v>101707</v>
      </c>
      <c r="H28811" s="1" t="s">
        <v>101473</v>
      </c>
      <c r="I28811" s="1" t="s">
        <v>96632</v>
      </c>
      <c r="J28811" s="1" t="s">
        <v>13</v>
      </c>
    </row>
    <row r="28812" spans="1:10" x14ac:dyDescent="0.35">
      <c r="A28812" s="1" t="s">
        <v>101706</v>
      </c>
      <c r="B28812" s="1" t="s">
        <v>96627</v>
      </c>
      <c r="C28812" s="1" t="s">
        <v>15</v>
      </c>
      <c r="D28812" s="1" t="s">
        <v>101474</v>
      </c>
      <c r="E28812" s="1" t="s">
        <v>21787</v>
      </c>
      <c r="F28812" s="1" t="s">
        <v>101708</v>
      </c>
      <c r="G28812" s="1" t="s">
        <v>101707</v>
      </c>
      <c r="H28812" s="1" t="s">
        <v>101473</v>
      </c>
      <c r="I28812" s="1" t="s">
        <v>96632</v>
      </c>
      <c r="J28812" s="1" t="s">
        <v>101477</v>
      </c>
    </row>
    <row r="28813" spans="1:10" x14ac:dyDescent="0.35">
      <c r="A28813" s="1" t="s">
        <v>101706</v>
      </c>
      <c r="B28813" s="1" t="s">
        <v>96627</v>
      </c>
      <c r="C28813" s="1" t="s">
        <v>20</v>
      </c>
      <c r="D28813" s="1" t="s">
        <v>101478</v>
      </c>
      <c r="E28813" s="1" t="s">
        <v>24373</v>
      </c>
      <c r="F28813" s="1" t="s">
        <v>101709</v>
      </c>
      <c r="G28813" s="1" t="s">
        <v>101707</v>
      </c>
      <c r="H28813" s="1" t="s">
        <v>101473</v>
      </c>
      <c r="I28813" s="1" t="s">
        <v>96632</v>
      </c>
      <c r="J28813" s="1" t="s">
        <v>101481</v>
      </c>
    </row>
    <row r="28814" spans="1:10" x14ac:dyDescent="0.35">
      <c r="A28814" s="1" t="s">
        <v>101706</v>
      </c>
      <c r="B28814" s="1" t="s">
        <v>96627</v>
      </c>
      <c r="C28814" s="1" t="s">
        <v>25</v>
      </c>
      <c r="D28814" s="1" t="s">
        <v>101482</v>
      </c>
      <c r="E28814" s="1" t="s">
        <v>65939</v>
      </c>
      <c r="F28814" s="1" t="s">
        <v>101710</v>
      </c>
      <c r="G28814" s="1" t="s">
        <v>101707</v>
      </c>
      <c r="H28814" s="1" t="s">
        <v>101473</v>
      </c>
      <c r="I28814" s="1" t="s">
        <v>96632</v>
      </c>
      <c r="J28814" s="1" t="s">
        <v>101485</v>
      </c>
    </row>
    <row r="28815" spans="1:10" x14ac:dyDescent="0.35">
      <c r="A28815" s="1" t="s">
        <v>101706</v>
      </c>
      <c r="B28815" s="1" t="s">
        <v>96627</v>
      </c>
      <c r="C28815" s="1" t="s">
        <v>30</v>
      </c>
      <c r="D28815" s="1" t="s">
        <v>26689</v>
      </c>
      <c r="E28815" s="1" t="s">
        <v>67885</v>
      </c>
      <c r="F28815" s="1" t="s">
        <v>101711</v>
      </c>
      <c r="G28815" s="1" t="s">
        <v>101707</v>
      </c>
      <c r="H28815" s="1" t="s">
        <v>101473</v>
      </c>
      <c r="I28815" s="1" t="s">
        <v>96632</v>
      </c>
      <c r="J28815" s="1" t="s">
        <v>101488</v>
      </c>
    </row>
    <row r="28816" spans="1:10" x14ac:dyDescent="0.35">
      <c r="A28816" s="1" t="s">
        <v>101706</v>
      </c>
      <c r="B28816" s="1" t="s">
        <v>96627</v>
      </c>
      <c r="C28816" s="1" t="s">
        <v>35</v>
      </c>
      <c r="D28816" s="1" t="s">
        <v>60414</v>
      </c>
      <c r="E28816" s="1" t="s">
        <v>56950</v>
      </c>
      <c r="F28816" s="1" t="s">
        <v>68899</v>
      </c>
      <c r="G28816" s="1" t="s">
        <v>101707</v>
      </c>
      <c r="H28816" s="1" t="s">
        <v>101473</v>
      </c>
      <c r="I28816" s="1" t="s">
        <v>96632</v>
      </c>
      <c r="J28816" s="1" t="s">
        <v>101491</v>
      </c>
    </row>
    <row r="28817" spans="1:10" x14ac:dyDescent="0.35">
      <c r="A28817" s="1" t="s">
        <v>101706</v>
      </c>
      <c r="B28817" s="1" t="s">
        <v>96627</v>
      </c>
      <c r="C28817" s="1" t="s">
        <v>40</v>
      </c>
      <c r="D28817" s="1" t="s">
        <v>78520</v>
      </c>
      <c r="E28817" s="1" t="s">
        <v>23006</v>
      </c>
      <c r="F28817" s="1" t="s">
        <v>56332</v>
      </c>
      <c r="G28817" s="1" t="s">
        <v>101707</v>
      </c>
      <c r="H28817" s="1" t="s">
        <v>101473</v>
      </c>
      <c r="I28817" s="1" t="s">
        <v>96632</v>
      </c>
      <c r="J28817" s="1" t="s">
        <v>101494</v>
      </c>
    </row>
    <row r="28818" spans="1:10" x14ac:dyDescent="0.35">
      <c r="A28818" s="1" t="s">
        <v>101706</v>
      </c>
      <c r="B28818" s="1" t="s">
        <v>96627</v>
      </c>
      <c r="C28818" s="1" t="s">
        <v>45</v>
      </c>
      <c r="D28818" s="1" t="s">
        <v>43531</v>
      </c>
      <c r="E28818" s="1" t="s">
        <v>54478</v>
      </c>
      <c r="F28818" s="1" t="s">
        <v>101712</v>
      </c>
      <c r="G28818" s="1" t="s">
        <v>101707</v>
      </c>
      <c r="H28818" s="1" t="s">
        <v>101473</v>
      </c>
      <c r="I28818" s="1" t="s">
        <v>96632</v>
      </c>
      <c r="J28818" s="1" t="s">
        <v>101497</v>
      </c>
    </row>
    <row r="28819" spans="1:10" x14ac:dyDescent="0.35">
      <c r="A28819" s="1" t="s">
        <v>101706</v>
      </c>
      <c r="B28819" s="1" t="s">
        <v>96627</v>
      </c>
      <c r="C28819" s="1" t="s">
        <v>50</v>
      </c>
      <c r="D28819" s="1" t="s">
        <v>57327</v>
      </c>
      <c r="E28819" s="1" t="s">
        <v>53949</v>
      </c>
      <c r="F28819" s="1" t="s">
        <v>101713</v>
      </c>
      <c r="G28819" s="1" t="s">
        <v>101707</v>
      </c>
      <c r="H28819" s="1" t="s">
        <v>101473</v>
      </c>
      <c r="I28819" s="1" t="s">
        <v>96632</v>
      </c>
      <c r="J28819" s="1" t="s">
        <v>101500</v>
      </c>
    </row>
    <row r="28820" spans="1:10" x14ac:dyDescent="0.35">
      <c r="A28820" s="1" t="s">
        <v>101706</v>
      </c>
      <c r="B28820" s="1" t="s">
        <v>96627</v>
      </c>
      <c r="C28820" s="1" t="s">
        <v>55</v>
      </c>
      <c r="D28820" s="1" t="s">
        <v>93266</v>
      </c>
      <c r="E28820" s="1" t="s">
        <v>12868</v>
      </c>
      <c r="F28820" s="1" t="s">
        <v>101714</v>
      </c>
      <c r="G28820" s="1" t="s">
        <v>101707</v>
      </c>
      <c r="H28820" s="1" t="s">
        <v>101473</v>
      </c>
      <c r="I28820" s="1" t="s">
        <v>96632</v>
      </c>
      <c r="J28820" s="1" t="s">
        <v>101503</v>
      </c>
    </row>
    <row r="28821" spans="1:10" x14ac:dyDescent="0.35">
      <c r="A28821" s="1" t="s">
        <v>101706</v>
      </c>
      <c r="B28821" s="1" t="s">
        <v>96627</v>
      </c>
      <c r="C28821" s="1" t="s">
        <v>60</v>
      </c>
      <c r="D28821" s="1" t="s">
        <v>59450</v>
      </c>
      <c r="E28821" s="1" t="s">
        <v>54371</v>
      </c>
      <c r="F28821" s="1" t="s">
        <v>101715</v>
      </c>
      <c r="G28821" s="1" t="s">
        <v>101707</v>
      </c>
      <c r="H28821" s="1" t="s">
        <v>101473</v>
      </c>
      <c r="I28821" s="1" t="s">
        <v>96632</v>
      </c>
      <c r="J28821" s="1" t="s">
        <v>101506</v>
      </c>
    </row>
    <row r="28822" spans="1:10" x14ac:dyDescent="0.35">
      <c r="A28822" s="1" t="s">
        <v>101706</v>
      </c>
      <c r="B28822" s="1" t="s">
        <v>96627</v>
      </c>
      <c r="C28822" s="1" t="s">
        <v>65</v>
      </c>
      <c r="D28822" s="1" t="s">
        <v>101507</v>
      </c>
      <c r="E28822" s="1" t="s">
        <v>53834</v>
      </c>
      <c r="F28822" s="1" t="s">
        <v>101716</v>
      </c>
      <c r="G28822" s="1" t="s">
        <v>101707</v>
      </c>
      <c r="H28822" s="1" t="s">
        <v>101473</v>
      </c>
      <c r="I28822" s="1" t="s">
        <v>96632</v>
      </c>
      <c r="J28822" s="1" t="s">
        <v>101510</v>
      </c>
    </row>
    <row r="28823" spans="1:10" x14ac:dyDescent="0.35">
      <c r="A28823" s="1" t="s">
        <v>101706</v>
      </c>
      <c r="B28823" s="1" t="s">
        <v>96627</v>
      </c>
      <c r="C28823" s="1" t="s">
        <v>70</v>
      </c>
      <c r="D28823" s="1" t="s">
        <v>22686</v>
      </c>
      <c r="E28823" s="1" t="s">
        <v>57237</v>
      </c>
      <c r="F28823" s="1" t="s">
        <v>101717</v>
      </c>
      <c r="G28823" s="1" t="s">
        <v>101707</v>
      </c>
      <c r="H28823" s="1" t="s">
        <v>101473</v>
      </c>
      <c r="I28823" s="1" t="s">
        <v>96632</v>
      </c>
      <c r="J28823" s="1" t="s">
        <v>101513</v>
      </c>
    </row>
    <row r="28824" spans="1:10" x14ac:dyDescent="0.35">
      <c r="A28824" s="1" t="s">
        <v>101706</v>
      </c>
      <c r="B28824" s="1" t="s">
        <v>96627</v>
      </c>
      <c r="C28824" s="1" t="s">
        <v>75</v>
      </c>
      <c r="D28824" s="1" t="s">
        <v>81572</v>
      </c>
      <c r="E28824" s="1" t="s">
        <v>12790</v>
      </c>
      <c r="F28824" s="1" t="s">
        <v>60585</v>
      </c>
      <c r="G28824" s="1" t="s">
        <v>101707</v>
      </c>
      <c r="H28824" s="1" t="s">
        <v>101473</v>
      </c>
      <c r="I28824" s="1" t="s">
        <v>96632</v>
      </c>
      <c r="J28824" s="1" t="s">
        <v>101516</v>
      </c>
    </row>
    <row r="28825" spans="1:10" x14ac:dyDescent="0.35">
      <c r="A28825" s="1" t="s">
        <v>101706</v>
      </c>
      <c r="B28825" s="1" t="s">
        <v>96627</v>
      </c>
      <c r="C28825" s="1" t="s">
        <v>80</v>
      </c>
      <c r="D28825" s="1" t="s">
        <v>101517</v>
      </c>
      <c r="E28825" s="1" t="s">
        <v>12817</v>
      </c>
      <c r="F28825" s="1" t="s">
        <v>101718</v>
      </c>
      <c r="G28825" s="1" t="s">
        <v>101707</v>
      </c>
      <c r="H28825" s="1" t="s">
        <v>101473</v>
      </c>
      <c r="I28825" s="1" t="s">
        <v>96632</v>
      </c>
      <c r="J28825" s="1" t="s">
        <v>101520</v>
      </c>
    </row>
    <row r="28826" spans="1:10" x14ac:dyDescent="0.35">
      <c r="A28826" s="1" t="s">
        <v>101706</v>
      </c>
      <c r="B28826" s="1" t="s">
        <v>96627</v>
      </c>
      <c r="C28826" s="1" t="s">
        <v>85</v>
      </c>
      <c r="D28826" s="1" t="s">
        <v>69100</v>
      </c>
      <c r="E28826" s="1" t="s">
        <v>54796</v>
      </c>
      <c r="F28826" s="1" t="s">
        <v>101719</v>
      </c>
      <c r="G28826" s="1" t="s">
        <v>101707</v>
      </c>
      <c r="H28826" s="1" t="s">
        <v>101473</v>
      </c>
      <c r="I28826" s="1" t="s">
        <v>96632</v>
      </c>
      <c r="J28826" s="1" t="s">
        <v>101523</v>
      </c>
    </row>
    <row r="28827" spans="1:10" x14ac:dyDescent="0.35">
      <c r="A28827" s="1" t="s">
        <v>101706</v>
      </c>
      <c r="B28827" s="1" t="s">
        <v>96627</v>
      </c>
      <c r="C28827" s="1" t="s">
        <v>90</v>
      </c>
      <c r="D28827" s="1" t="s">
        <v>101524</v>
      </c>
      <c r="E28827" s="1" t="s">
        <v>31408</v>
      </c>
      <c r="F28827" s="1" t="s">
        <v>101720</v>
      </c>
      <c r="G28827" s="1" t="s">
        <v>101707</v>
      </c>
      <c r="H28827" s="1" t="s">
        <v>101473</v>
      </c>
      <c r="I28827" s="1" t="s">
        <v>96632</v>
      </c>
      <c r="J28827" s="1" t="s">
        <v>101527</v>
      </c>
    </row>
    <row r="28828" spans="1:10" x14ac:dyDescent="0.35">
      <c r="A28828" s="1" t="s">
        <v>101706</v>
      </c>
      <c r="B28828" s="1" t="s">
        <v>96627</v>
      </c>
      <c r="C28828" s="1" t="s">
        <v>95</v>
      </c>
      <c r="D28828" s="1" t="s">
        <v>101528</v>
      </c>
      <c r="E28828" s="1" t="s">
        <v>41184</v>
      </c>
      <c r="F28828" s="1" t="s">
        <v>101721</v>
      </c>
      <c r="G28828" s="1" t="s">
        <v>101707</v>
      </c>
      <c r="H28828" s="1" t="s">
        <v>101473</v>
      </c>
      <c r="I28828" s="1" t="s">
        <v>96632</v>
      </c>
      <c r="J28828" s="1" t="s">
        <v>101531</v>
      </c>
    </row>
    <row r="28829" spans="1:10" x14ac:dyDescent="0.35">
      <c r="A28829" s="1" t="s">
        <v>101706</v>
      </c>
      <c r="B28829" s="1" t="s">
        <v>96627</v>
      </c>
      <c r="C28829" s="1" t="s">
        <v>100</v>
      </c>
      <c r="D28829" s="1" t="s">
        <v>68249</v>
      </c>
      <c r="E28829" s="1" t="s">
        <v>55248</v>
      </c>
      <c r="F28829" s="1" t="s">
        <v>101722</v>
      </c>
      <c r="G28829" s="1" t="s">
        <v>101707</v>
      </c>
      <c r="H28829" s="1" t="s">
        <v>101473</v>
      </c>
      <c r="I28829" s="1" t="s">
        <v>96632</v>
      </c>
      <c r="J28829" s="1" t="s">
        <v>101534</v>
      </c>
    </row>
    <row r="28830" spans="1:10" x14ac:dyDescent="0.35">
      <c r="A28830" s="1" t="s">
        <v>101706</v>
      </c>
      <c r="B28830" s="1" t="s">
        <v>96627</v>
      </c>
      <c r="C28830" s="1" t="s">
        <v>105</v>
      </c>
      <c r="D28830" s="1" t="s">
        <v>85469</v>
      </c>
      <c r="E28830" s="1" t="s">
        <v>41445</v>
      </c>
      <c r="F28830" s="1" t="s">
        <v>101723</v>
      </c>
      <c r="G28830" s="1" t="s">
        <v>101707</v>
      </c>
      <c r="H28830" s="1" t="s">
        <v>101473</v>
      </c>
      <c r="I28830" s="1" t="s">
        <v>96632</v>
      </c>
      <c r="J28830" s="1" t="s">
        <v>101537</v>
      </c>
    </row>
    <row r="28831" spans="1:10" x14ac:dyDescent="0.35">
      <c r="A28831" s="1" t="s">
        <v>101706</v>
      </c>
      <c r="B28831" s="1" t="s">
        <v>96627</v>
      </c>
      <c r="C28831" s="1" t="s">
        <v>110</v>
      </c>
      <c r="D28831" s="1" t="s">
        <v>101538</v>
      </c>
      <c r="E28831" s="1" t="s">
        <v>32323</v>
      </c>
      <c r="F28831" s="1" t="s">
        <v>101724</v>
      </c>
      <c r="G28831" s="1" t="s">
        <v>101707</v>
      </c>
      <c r="H28831" s="1" t="s">
        <v>101473</v>
      </c>
      <c r="I28831" s="1" t="s">
        <v>96632</v>
      </c>
      <c r="J28831" s="1" t="s">
        <v>101541</v>
      </c>
    </row>
    <row r="28832" spans="1:10" x14ac:dyDescent="0.35">
      <c r="A28832" s="1" t="s">
        <v>101706</v>
      </c>
      <c r="B28832" s="1" t="s">
        <v>96627</v>
      </c>
      <c r="C28832" s="1" t="s">
        <v>115</v>
      </c>
      <c r="D28832" s="1" t="s">
        <v>101542</v>
      </c>
      <c r="E28832" s="1" t="s">
        <v>60418</v>
      </c>
      <c r="F28832" s="1" t="s">
        <v>101725</v>
      </c>
      <c r="G28832" s="1" t="s">
        <v>101707</v>
      </c>
      <c r="H28832" s="1" t="s">
        <v>101473</v>
      </c>
      <c r="I28832" s="1" t="s">
        <v>96632</v>
      </c>
      <c r="J28832" s="1" t="s">
        <v>101544</v>
      </c>
    </row>
    <row r="28833" spans="1:10" x14ac:dyDescent="0.35">
      <c r="A28833" s="1" t="s">
        <v>101706</v>
      </c>
      <c r="B28833" s="1" t="s">
        <v>96627</v>
      </c>
      <c r="C28833" s="1" t="s">
        <v>120</v>
      </c>
      <c r="D28833" s="1" t="s">
        <v>20618</v>
      </c>
      <c r="E28833" s="1" t="s">
        <v>31384</v>
      </c>
      <c r="F28833" s="1" t="s">
        <v>101726</v>
      </c>
      <c r="G28833" s="1" t="s">
        <v>101707</v>
      </c>
      <c r="H28833" s="1" t="s">
        <v>101473</v>
      </c>
      <c r="I28833" s="1" t="s">
        <v>96632</v>
      </c>
      <c r="J28833" s="1" t="s">
        <v>101547</v>
      </c>
    </row>
    <row r="28834" spans="1:10" x14ac:dyDescent="0.35">
      <c r="A28834" s="1" t="s">
        <v>101706</v>
      </c>
      <c r="B28834" s="1" t="s">
        <v>96627</v>
      </c>
      <c r="C28834" s="1" t="s">
        <v>125</v>
      </c>
      <c r="D28834" s="1" t="s">
        <v>101548</v>
      </c>
      <c r="E28834" s="1" t="s">
        <v>56221</v>
      </c>
      <c r="F28834" s="1" t="s">
        <v>101727</v>
      </c>
      <c r="G28834" s="1" t="s">
        <v>101707</v>
      </c>
      <c r="H28834" s="1" t="s">
        <v>101473</v>
      </c>
      <c r="I28834" s="1" t="s">
        <v>96632</v>
      </c>
      <c r="J28834" s="1" t="s">
        <v>101551</v>
      </c>
    </row>
    <row r="28835" spans="1:10" x14ac:dyDescent="0.35">
      <c r="A28835" s="1" t="s">
        <v>101706</v>
      </c>
      <c r="B28835" s="1" t="s">
        <v>96627</v>
      </c>
      <c r="C28835" s="1" t="s">
        <v>130</v>
      </c>
      <c r="D28835" s="1" t="s">
        <v>101552</v>
      </c>
      <c r="E28835" s="1" t="s">
        <v>24384</v>
      </c>
      <c r="F28835" s="1" t="s">
        <v>101728</v>
      </c>
      <c r="G28835" s="1" t="s">
        <v>101707</v>
      </c>
      <c r="H28835" s="1" t="s">
        <v>101473</v>
      </c>
      <c r="I28835" s="1" t="s">
        <v>96632</v>
      </c>
      <c r="J28835" s="1" t="s">
        <v>101555</v>
      </c>
    </row>
    <row r="28836" spans="1:10" x14ac:dyDescent="0.35">
      <c r="A28836" s="1" t="s">
        <v>101706</v>
      </c>
      <c r="B28836" s="1" t="s">
        <v>96627</v>
      </c>
      <c r="C28836" s="1" t="s">
        <v>135</v>
      </c>
      <c r="D28836" s="1" t="s">
        <v>70583</v>
      </c>
      <c r="E28836" s="1" t="s">
        <v>24359</v>
      </c>
      <c r="F28836" s="1" t="s">
        <v>101729</v>
      </c>
      <c r="G28836" s="1" t="s">
        <v>101707</v>
      </c>
      <c r="H28836" s="1" t="s">
        <v>101473</v>
      </c>
      <c r="I28836" s="1" t="s">
        <v>96632</v>
      </c>
      <c r="J28836" s="1" t="s">
        <v>101558</v>
      </c>
    </row>
    <row r="28837" spans="1:10" x14ac:dyDescent="0.35">
      <c r="A28837" s="1" t="s">
        <v>101706</v>
      </c>
      <c r="B28837" s="1" t="s">
        <v>96627</v>
      </c>
      <c r="C28837" s="1" t="s">
        <v>140</v>
      </c>
      <c r="D28837" s="1" t="s">
        <v>101559</v>
      </c>
      <c r="E28837" s="1" t="s">
        <v>32351</v>
      </c>
      <c r="F28837" s="1" t="s">
        <v>101730</v>
      </c>
      <c r="G28837" s="1" t="s">
        <v>101707</v>
      </c>
      <c r="H28837" s="1" t="s">
        <v>101473</v>
      </c>
      <c r="I28837" s="1" t="s">
        <v>96632</v>
      </c>
      <c r="J28837" s="1" t="s">
        <v>101562</v>
      </c>
    </row>
    <row r="28838" spans="1:10" x14ac:dyDescent="0.35">
      <c r="A28838" s="1" t="s">
        <v>101706</v>
      </c>
      <c r="B28838" s="1" t="s">
        <v>96627</v>
      </c>
      <c r="C28838" s="1" t="s">
        <v>145</v>
      </c>
      <c r="D28838" s="1" t="s">
        <v>100866</v>
      </c>
      <c r="E28838" s="1" t="s">
        <v>23160</v>
      </c>
      <c r="F28838" s="1" t="s">
        <v>101731</v>
      </c>
      <c r="G28838" s="1" t="s">
        <v>101707</v>
      </c>
      <c r="H28838" s="1" t="s">
        <v>101473</v>
      </c>
      <c r="I28838" s="1" t="s">
        <v>96632</v>
      </c>
      <c r="J28838" s="1" t="s">
        <v>101565</v>
      </c>
    </row>
    <row r="28839" spans="1:10" x14ac:dyDescent="0.35">
      <c r="A28839" s="1" t="s">
        <v>101706</v>
      </c>
      <c r="B28839" s="1" t="s">
        <v>96627</v>
      </c>
      <c r="C28839" s="1" t="s">
        <v>150</v>
      </c>
      <c r="D28839" s="1" t="s">
        <v>39876</v>
      </c>
      <c r="E28839" s="1" t="s">
        <v>55234</v>
      </c>
      <c r="F28839" s="1" t="s">
        <v>101732</v>
      </c>
      <c r="G28839" s="1" t="s">
        <v>101707</v>
      </c>
      <c r="H28839" s="1" t="s">
        <v>101473</v>
      </c>
      <c r="I28839" s="1" t="s">
        <v>96632</v>
      </c>
      <c r="J28839" s="1" t="s">
        <v>101568</v>
      </c>
    </row>
    <row r="28840" spans="1:10" x14ac:dyDescent="0.35">
      <c r="A28840" s="1" t="s">
        <v>101706</v>
      </c>
      <c r="B28840" s="1" t="s">
        <v>96627</v>
      </c>
      <c r="C28840" s="1" t="s">
        <v>155</v>
      </c>
      <c r="D28840" s="1" t="s">
        <v>101569</v>
      </c>
      <c r="E28840" s="1" t="s">
        <v>12801</v>
      </c>
      <c r="F28840" s="1" t="s">
        <v>24697</v>
      </c>
      <c r="G28840" s="1" t="s">
        <v>101707</v>
      </c>
      <c r="H28840" s="1" t="s">
        <v>101473</v>
      </c>
      <c r="I28840" s="1" t="s">
        <v>96632</v>
      </c>
      <c r="J28840" s="1" t="s">
        <v>101572</v>
      </c>
    </row>
    <row r="28841" spans="1:10" x14ac:dyDescent="0.35">
      <c r="A28841" s="1" t="s">
        <v>101706</v>
      </c>
      <c r="B28841" s="1" t="s">
        <v>96627</v>
      </c>
      <c r="C28841" s="1" t="s">
        <v>160</v>
      </c>
      <c r="D28841" s="1" t="s">
        <v>87106</v>
      </c>
      <c r="E28841" s="1" t="s">
        <v>57923</v>
      </c>
      <c r="F28841" s="1" t="s">
        <v>101733</v>
      </c>
      <c r="G28841" s="1" t="s">
        <v>101707</v>
      </c>
      <c r="H28841" s="1" t="s">
        <v>101473</v>
      </c>
      <c r="I28841" s="1" t="s">
        <v>96632</v>
      </c>
      <c r="J28841" s="1" t="s">
        <v>101575</v>
      </c>
    </row>
    <row r="28842" spans="1:10" x14ac:dyDescent="0.35">
      <c r="A28842" s="1" t="s">
        <v>101706</v>
      </c>
      <c r="B28842" s="1" t="s">
        <v>96627</v>
      </c>
      <c r="C28842" s="1" t="s">
        <v>165</v>
      </c>
      <c r="D28842" s="1" t="s">
        <v>101576</v>
      </c>
      <c r="E28842" s="1" t="s">
        <v>23439</v>
      </c>
      <c r="F28842" s="1" t="s">
        <v>55397</v>
      </c>
      <c r="G28842" s="1" t="s">
        <v>101707</v>
      </c>
      <c r="H28842" s="1" t="s">
        <v>101473</v>
      </c>
      <c r="I28842" s="1" t="s">
        <v>96632</v>
      </c>
      <c r="J28842" s="1" t="s">
        <v>101579</v>
      </c>
    </row>
    <row r="28843" spans="1:10" x14ac:dyDescent="0.35">
      <c r="A28843" s="1" t="s">
        <v>101706</v>
      </c>
      <c r="B28843" s="1" t="s">
        <v>96627</v>
      </c>
      <c r="C28843" s="1" t="s">
        <v>170</v>
      </c>
      <c r="D28843" s="1" t="s">
        <v>39245</v>
      </c>
      <c r="E28843" s="1" t="s">
        <v>57388</v>
      </c>
      <c r="F28843" s="1" t="s">
        <v>101734</v>
      </c>
      <c r="G28843" s="1" t="s">
        <v>101707</v>
      </c>
      <c r="H28843" s="1" t="s">
        <v>101473</v>
      </c>
      <c r="I28843" s="1" t="s">
        <v>96632</v>
      </c>
      <c r="J28843" s="1" t="s">
        <v>101582</v>
      </c>
    </row>
    <row r="28844" spans="1:10" x14ac:dyDescent="0.35">
      <c r="A28844" s="1" t="s">
        <v>101735</v>
      </c>
      <c r="B28844" s="1" t="s">
        <v>96627</v>
      </c>
      <c r="C28844" s="1" t="s">
        <v>8</v>
      </c>
      <c r="D28844" s="1" t="s">
        <v>11563</v>
      </c>
      <c r="E28844" s="1" t="s">
        <v>21910</v>
      </c>
      <c r="F28844" s="1" t="s">
        <v>101736</v>
      </c>
      <c r="G28844" s="1" t="s">
        <v>101737</v>
      </c>
      <c r="H28844" s="1" t="s">
        <v>101473</v>
      </c>
      <c r="I28844" s="1" t="s">
        <v>96632</v>
      </c>
      <c r="J28844" s="1" t="s">
        <v>13</v>
      </c>
    </row>
    <row r="28845" spans="1:10" x14ac:dyDescent="0.35">
      <c r="A28845" s="1" t="s">
        <v>101735</v>
      </c>
      <c r="B28845" s="1" t="s">
        <v>96627</v>
      </c>
      <c r="C28845" s="1" t="s">
        <v>15</v>
      </c>
      <c r="D28845" s="1" t="s">
        <v>101474</v>
      </c>
      <c r="E28845" s="1" t="s">
        <v>65939</v>
      </c>
      <c r="F28845" s="1" t="s">
        <v>101738</v>
      </c>
      <c r="G28845" s="1" t="s">
        <v>101737</v>
      </c>
      <c r="H28845" s="1" t="s">
        <v>101473</v>
      </c>
      <c r="I28845" s="1" t="s">
        <v>96632</v>
      </c>
      <c r="J28845" s="1" t="s">
        <v>101477</v>
      </c>
    </row>
    <row r="28846" spans="1:10" x14ac:dyDescent="0.35">
      <c r="A28846" s="1" t="s">
        <v>101735</v>
      </c>
      <c r="B28846" s="1" t="s">
        <v>96627</v>
      </c>
      <c r="C28846" s="1" t="s">
        <v>20</v>
      </c>
      <c r="D28846" s="1" t="s">
        <v>101478</v>
      </c>
      <c r="E28846" s="1" t="s">
        <v>101739</v>
      </c>
      <c r="F28846" s="1" t="s">
        <v>101740</v>
      </c>
      <c r="G28846" s="1" t="s">
        <v>101737</v>
      </c>
      <c r="H28846" s="1" t="s">
        <v>101473</v>
      </c>
      <c r="I28846" s="1" t="s">
        <v>96632</v>
      </c>
      <c r="J28846" s="1" t="s">
        <v>101481</v>
      </c>
    </row>
    <row r="28847" spans="1:10" x14ac:dyDescent="0.35">
      <c r="A28847" s="1" t="s">
        <v>101735</v>
      </c>
      <c r="B28847" s="1" t="s">
        <v>96627</v>
      </c>
      <c r="C28847" s="1" t="s">
        <v>25</v>
      </c>
      <c r="D28847" s="1" t="s">
        <v>101482</v>
      </c>
      <c r="E28847" s="1" t="s">
        <v>59861</v>
      </c>
      <c r="F28847" s="1" t="s">
        <v>101741</v>
      </c>
      <c r="G28847" s="1" t="s">
        <v>101737</v>
      </c>
      <c r="H28847" s="1" t="s">
        <v>101473</v>
      </c>
      <c r="I28847" s="1" t="s">
        <v>96632</v>
      </c>
      <c r="J28847" s="1" t="s">
        <v>101485</v>
      </c>
    </row>
    <row r="28848" spans="1:10" x14ac:dyDescent="0.35">
      <c r="A28848" s="1" t="s">
        <v>101735</v>
      </c>
      <c r="B28848" s="1" t="s">
        <v>96627</v>
      </c>
      <c r="C28848" s="1" t="s">
        <v>30</v>
      </c>
      <c r="D28848" s="1" t="s">
        <v>26689</v>
      </c>
      <c r="E28848" s="1" t="s">
        <v>21791</v>
      </c>
      <c r="F28848" s="1" t="s">
        <v>101742</v>
      </c>
      <c r="G28848" s="1" t="s">
        <v>101737</v>
      </c>
      <c r="H28848" s="1" t="s">
        <v>101473</v>
      </c>
      <c r="I28848" s="1" t="s">
        <v>96632</v>
      </c>
      <c r="J28848" s="1" t="s">
        <v>101488</v>
      </c>
    </row>
    <row r="28849" spans="1:10" x14ac:dyDescent="0.35">
      <c r="A28849" s="1" t="s">
        <v>101735</v>
      </c>
      <c r="B28849" s="1" t="s">
        <v>96627</v>
      </c>
      <c r="C28849" s="1" t="s">
        <v>35</v>
      </c>
      <c r="D28849" s="1" t="s">
        <v>60414</v>
      </c>
      <c r="E28849" s="1" t="s">
        <v>54448</v>
      </c>
      <c r="F28849" s="1" t="s">
        <v>101743</v>
      </c>
      <c r="G28849" s="1" t="s">
        <v>101737</v>
      </c>
      <c r="H28849" s="1" t="s">
        <v>101473</v>
      </c>
      <c r="I28849" s="1" t="s">
        <v>96632</v>
      </c>
      <c r="J28849" s="1" t="s">
        <v>101491</v>
      </c>
    </row>
    <row r="28850" spans="1:10" x14ac:dyDescent="0.35">
      <c r="A28850" s="1" t="s">
        <v>101735</v>
      </c>
      <c r="B28850" s="1" t="s">
        <v>96627</v>
      </c>
      <c r="C28850" s="1" t="s">
        <v>40</v>
      </c>
      <c r="D28850" s="1" t="s">
        <v>78520</v>
      </c>
      <c r="E28850" s="1" t="s">
        <v>23894</v>
      </c>
      <c r="F28850" s="1" t="s">
        <v>15232</v>
      </c>
      <c r="G28850" s="1" t="s">
        <v>101737</v>
      </c>
      <c r="H28850" s="1" t="s">
        <v>101473</v>
      </c>
      <c r="I28850" s="1" t="s">
        <v>96632</v>
      </c>
      <c r="J28850" s="1" t="s">
        <v>101494</v>
      </c>
    </row>
    <row r="28851" spans="1:10" x14ac:dyDescent="0.35">
      <c r="A28851" s="1" t="s">
        <v>101735</v>
      </c>
      <c r="B28851" s="1" t="s">
        <v>96627</v>
      </c>
      <c r="C28851" s="1" t="s">
        <v>45</v>
      </c>
      <c r="D28851" s="1" t="s">
        <v>43531</v>
      </c>
      <c r="E28851" s="1" t="s">
        <v>56846</v>
      </c>
      <c r="F28851" s="1" t="s">
        <v>101744</v>
      </c>
      <c r="G28851" s="1" t="s">
        <v>101737</v>
      </c>
      <c r="H28851" s="1" t="s">
        <v>101473</v>
      </c>
      <c r="I28851" s="1" t="s">
        <v>96632</v>
      </c>
      <c r="J28851" s="1" t="s">
        <v>101497</v>
      </c>
    </row>
    <row r="28852" spans="1:10" x14ac:dyDescent="0.35">
      <c r="A28852" s="1" t="s">
        <v>101735</v>
      </c>
      <c r="B28852" s="1" t="s">
        <v>96627</v>
      </c>
      <c r="C28852" s="1" t="s">
        <v>50</v>
      </c>
      <c r="D28852" s="1" t="s">
        <v>57327</v>
      </c>
      <c r="E28852" s="1" t="s">
        <v>56990</v>
      </c>
      <c r="F28852" s="1" t="s">
        <v>101745</v>
      </c>
      <c r="G28852" s="1" t="s">
        <v>101737</v>
      </c>
      <c r="H28852" s="1" t="s">
        <v>101473</v>
      </c>
      <c r="I28852" s="1" t="s">
        <v>96632</v>
      </c>
      <c r="J28852" s="1" t="s">
        <v>101500</v>
      </c>
    </row>
    <row r="28853" spans="1:10" x14ac:dyDescent="0.35">
      <c r="A28853" s="1" t="s">
        <v>101735</v>
      </c>
      <c r="B28853" s="1" t="s">
        <v>96627</v>
      </c>
      <c r="C28853" s="1" t="s">
        <v>55</v>
      </c>
      <c r="D28853" s="1" t="s">
        <v>93266</v>
      </c>
      <c r="E28853" s="1" t="s">
        <v>12845</v>
      </c>
      <c r="F28853" s="1" t="s">
        <v>12143</v>
      </c>
      <c r="G28853" s="1" t="s">
        <v>101737</v>
      </c>
      <c r="H28853" s="1" t="s">
        <v>101473</v>
      </c>
      <c r="I28853" s="1" t="s">
        <v>96632</v>
      </c>
      <c r="J28853" s="1" t="s">
        <v>101503</v>
      </c>
    </row>
    <row r="28854" spans="1:10" x14ac:dyDescent="0.35">
      <c r="A28854" s="1" t="s">
        <v>101735</v>
      </c>
      <c r="B28854" s="1" t="s">
        <v>96627</v>
      </c>
      <c r="C28854" s="1" t="s">
        <v>60</v>
      </c>
      <c r="D28854" s="1" t="s">
        <v>59450</v>
      </c>
      <c r="E28854" s="1" t="s">
        <v>41348</v>
      </c>
      <c r="F28854" s="1" t="s">
        <v>101746</v>
      </c>
      <c r="G28854" s="1" t="s">
        <v>101737</v>
      </c>
      <c r="H28854" s="1" t="s">
        <v>101473</v>
      </c>
      <c r="I28854" s="1" t="s">
        <v>96632</v>
      </c>
      <c r="J28854" s="1" t="s">
        <v>101506</v>
      </c>
    </row>
    <row r="28855" spans="1:10" x14ac:dyDescent="0.35">
      <c r="A28855" s="1" t="s">
        <v>101735</v>
      </c>
      <c r="B28855" s="1" t="s">
        <v>96627</v>
      </c>
      <c r="C28855" s="1" t="s">
        <v>65</v>
      </c>
      <c r="D28855" s="1" t="s">
        <v>101507</v>
      </c>
      <c r="E28855" s="1" t="s">
        <v>59517</v>
      </c>
      <c r="F28855" s="1" t="s">
        <v>21083</v>
      </c>
      <c r="G28855" s="1" t="s">
        <v>101737</v>
      </c>
      <c r="H28855" s="1" t="s">
        <v>101473</v>
      </c>
      <c r="I28855" s="1" t="s">
        <v>96632</v>
      </c>
      <c r="J28855" s="1" t="s">
        <v>101510</v>
      </c>
    </row>
    <row r="28856" spans="1:10" x14ac:dyDescent="0.35">
      <c r="A28856" s="1" t="s">
        <v>101735</v>
      </c>
      <c r="B28856" s="1" t="s">
        <v>96627</v>
      </c>
      <c r="C28856" s="1" t="s">
        <v>70</v>
      </c>
      <c r="D28856" s="1" t="s">
        <v>22686</v>
      </c>
      <c r="E28856" s="1" t="s">
        <v>31397</v>
      </c>
      <c r="F28856" s="1" t="s">
        <v>101747</v>
      </c>
      <c r="G28856" s="1" t="s">
        <v>101737</v>
      </c>
      <c r="H28856" s="1" t="s">
        <v>101473</v>
      </c>
      <c r="I28856" s="1" t="s">
        <v>96632</v>
      </c>
      <c r="J28856" s="1" t="s">
        <v>101513</v>
      </c>
    </row>
    <row r="28857" spans="1:10" x14ac:dyDescent="0.35">
      <c r="A28857" s="1" t="s">
        <v>101735</v>
      </c>
      <c r="B28857" s="1" t="s">
        <v>96627</v>
      </c>
      <c r="C28857" s="1" t="s">
        <v>75</v>
      </c>
      <c r="D28857" s="1" t="s">
        <v>81572</v>
      </c>
      <c r="E28857" s="1" t="s">
        <v>98392</v>
      </c>
      <c r="F28857" s="1" t="s">
        <v>101748</v>
      </c>
      <c r="G28857" s="1" t="s">
        <v>101737</v>
      </c>
      <c r="H28857" s="1" t="s">
        <v>101473</v>
      </c>
      <c r="I28857" s="1" t="s">
        <v>96632</v>
      </c>
      <c r="J28857" s="1" t="s">
        <v>101516</v>
      </c>
    </row>
    <row r="28858" spans="1:10" x14ac:dyDescent="0.35">
      <c r="A28858" s="1" t="s">
        <v>101735</v>
      </c>
      <c r="B28858" s="1" t="s">
        <v>96627</v>
      </c>
      <c r="C28858" s="1" t="s">
        <v>80</v>
      </c>
      <c r="D28858" s="1" t="s">
        <v>101517</v>
      </c>
      <c r="E28858" s="1" t="s">
        <v>101749</v>
      </c>
      <c r="F28858" s="1" t="s">
        <v>101750</v>
      </c>
      <c r="G28858" s="1" t="s">
        <v>101737</v>
      </c>
      <c r="H28858" s="1" t="s">
        <v>101473</v>
      </c>
      <c r="I28858" s="1" t="s">
        <v>96632</v>
      </c>
      <c r="J28858" s="1" t="s">
        <v>101520</v>
      </c>
    </row>
    <row r="28859" spans="1:10" x14ac:dyDescent="0.35">
      <c r="A28859" s="1" t="s">
        <v>101735</v>
      </c>
      <c r="B28859" s="1" t="s">
        <v>96627</v>
      </c>
      <c r="C28859" s="1" t="s">
        <v>85</v>
      </c>
      <c r="D28859" s="1" t="s">
        <v>69100</v>
      </c>
      <c r="E28859" s="1" t="s">
        <v>55248</v>
      </c>
      <c r="F28859" s="1" t="s">
        <v>41422</v>
      </c>
      <c r="G28859" s="1" t="s">
        <v>101737</v>
      </c>
      <c r="H28859" s="1" t="s">
        <v>101473</v>
      </c>
      <c r="I28859" s="1" t="s">
        <v>96632</v>
      </c>
      <c r="J28859" s="1" t="s">
        <v>101523</v>
      </c>
    </row>
    <row r="28860" spans="1:10" x14ac:dyDescent="0.35">
      <c r="A28860" s="1" t="s">
        <v>101735</v>
      </c>
      <c r="B28860" s="1" t="s">
        <v>96627</v>
      </c>
      <c r="C28860" s="1" t="s">
        <v>90</v>
      </c>
      <c r="D28860" s="1" t="s">
        <v>101524</v>
      </c>
      <c r="E28860" s="1" t="s">
        <v>53834</v>
      </c>
      <c r="F28860" s="1" t="s">
        <v>101751</v>
      </c>
      <c r="G28860" s="1" t="s">
        <v>101737</v>
      </c>
      <c r="H28860" s="1" t="s">
        <v>101473</v>
      </c>
      <c r="I28860" s="1" t="s">
        <v>96632</v>
      </c>
      <c r="J28860" s="1" t="s">
        <v>101527</v>
      </c>
    </row>
    <row r="28861" spans="1:10" x14ac:dyDescent="0.35">
      <c r="A28861" s="1" t="s">
        <v>101735</v>
      </c>
      <c r="B28861" s="1" t="s">
        <v>96627</v>
      </c>
      <c r="C28861" s="1" t="s">
        <v>95</v>
      </c>
      <c r="D28861" s="1" t="s">
        <v>101528</v>
      </c>
      <c r="E28861" s="1" t="s">
        <v>32351</v>
      </c>
      <c r="F28861" s="1" t="s">
        <v>101752</v>
      </c>
      <c r="G28861" s="1" t="s">
        <v>101737</v>
      </c>
      <c r="H28861" s="1" t="s">
        <v>101473</v>
      </c>
      <c r="I28861" s="1" t="s">
        <v>96632</v>
      </c>
      <c r="J28861" s="1" t="s">
        <v>101531</v>
      </c>
    </row>
    <row r="28862" spans="1:10" x14ac:dyDescent="0.35">
      <c r="A28862" s="1" t="s">
        <v>101735</v>
      </c>
      <c r="B28862" s="1" t="s">
        <v>96627</v>
      </c>
      <c r="C28862" s="1" t="s">
        <v>100</v>
      </c>
      <c r="D28862" s="1" t="s">
        <v>68249</v>
      </c>
      <c r="E28862" s="1" t="s">
        <v>41414</v>
      </c>
      <c r="F28862" s="1" t="s">
        <v>101753</v>
      </c>
      <c r="G28862" s="1" t="s">
        <v>101737</v>
      </c>
      <c r="H28862" s="1" t="s">
        <v>101473</v>
      </c>
      <c r="I28862" s="1" t="s">
        <v>96632</v>
      </c>
      <c r="J28862" s="1" t="s">
        <v>101534</v>
      </c>
    </row>
    <row r="28863" spans="1:10" x14ac:dyDescent="0.35">
      <c r="A28863" s="1" t="s">
        <v>101735</v>
      </c>
      <c r="B28863" s="1" t="s">
        <v>96627</v>
      </c>
      <c r="C28863" s="1" t="s">
        <v>105</v>
      </c>
      <c r="D28863" s="1" t="s">
        <v>85469</v>
      </c>
      <c r="E28863" s="1" t="s">
        <v>57018</v>
      </c>
      <c r="F28863" s="1" t="s">
        <v>101754</v>
      </c>
      <c r="G28863" s="1" t="s">
        <v>101737</v>
      </c>
      <c r="H28863" s="1" t="s">
        <v>101473</v>
      </c>
      <c r="I28863" s="1" t="s">
        <v>96632</v>
      </c>
      <c r="J28863" s="1" t="s">
        <v>101537</v>
      </c>
    </row>
    <row r="28864" spans="1:10" x14ac:dyDescent="0.35">
      <c r="A28864" s="1" t="s">
        <v>101735</v>
      </c>
      <c r="B28864" s="1" t="s">
        <v>96627</v>
      </c>
      <c r="C28864" s="1" t="s">
        <v>110</v>
      </c>
      <c r="D28864" s="1" t="s">
        <v>101538</v>
      </c>
      <c r="E28864" s="1" t="s">
        <v>101755</v>
      </c>
      <c r="F28864" s="1" t="s">
        <v>101756</v>
      </c>
      <c r="G28864" s="1" t="s">
        <v>101737</v>
      </c>
      <c r="H28864" s="1" t="s">
        <v>101473</v>
      </c>
      <c r="I28864" s="1" t="s">
        <v>96632</v>
      </c>
      <c r="J28864" s="1" t="s">
        <v>101541</v>
      </c>
    </row>
    <row r="28865" spans="1:10" x14ac:dyDescent="0.35">
      <c r="A28865" s="1" t="s">
        <v>101735</v>
      </c>
      <c r="B28865" s="1" t="s">
        <v>96627</v>
      </c>
      <c r="C28865" s="1" t="s">
        <v>115</v>
      </c>
      <c r="D28865" s="1" t="s">
        <v>101542</v>
      </c>
      <c r="E28865" s="1" t="s">
        <v>21822</v>
      </c>
      <c r="F28865" s="1" t="s">
        <v>99989</v>
      </c>
      <c r="G28865" s="1" t="s">
        <v>101737</v>
      </c>
      <c r="H28865" s="1" t="s">
        <v>101473</v>
      </c>
      <c r="I28865" s="1" t="s">
        <v>96632</v>
      </c>
      <c r="J28865" s="1" t="s">
        <v>101544</v>
      </c>
    </row>
    <row r="28866" spans="1:10" x14ac:dyDescent="0.35">
      <c r="A28866" s="1" t="s">
        <v>101735</v>
      </c>
      <c r="B28866" s="1" t="s">
        <v>96627</v>
      </c>
      <c r="C28866" s="1" t="s">
        <v>120</v>
      </c>
      <c r="D28866" s="1" t="s">
        <v>20618</v>
      </c>
      <c r="E28866" s="1" t="s">
        <v>21890</v>
      </c>
      <c r="F28866" s="1" t="s">
        <v>101757</v>
      </c>
      <c r="G28866" s="1" t="s">
        <v>101737</v>
      </c>
      <c r="H28866" s="1" t="s">
        <v>101473</v>
      </c>
      <c r="I28866" s="1" t="s">
        <v>96632</v>
      </c>
      <c r="J28866" s="1" t="s">
        <v>101547</v>
      </c>
    </row>
    <row r="28867" spans="1:10" x14ac:dyDescent="0.35">
      <c r="A28867" s="1" t="s">
        <v>101735</v>
      </c>
      <c r="B28867" s="1" t="s">
        <v>96627</v>
      </c>
      <c r="C28867" s="1" t="s">
        <v>125</v>
      </c>
      <c r="D28867" s="1" t="s">
        <v>101548</v>
      </c>
      <c r="E28867" s="1" t="s">
        <v>21898</v>
      </c>
      <c r="F28867" s="1" t="s">
        <v>101758</v>
      </c>
      <c r="G28867" s="1" t="s">
        <v>101737</v>
      </c>
      <c r="H28867" s="1" t="s">
        <v>101473</v>
      </c>
      <c r="I28867" s="1" t="s">
        <v>96632</v>
      </c>
      <c r="J28867" s="1" t="s">
        <v>101551</v>
      </c>
    </row>
    <row r="28868" spans="1:10" x14ac:dyDescent="0.35">
      <c r="A28868" s="1" t="s">
        <v>101735</v>
      </c>
      <c r="B28868" s="1" t="s">
        <v>96627</v>
      </c>
      <c r="C28868" s="1" t="s">
        <v>130</v>
      </c>
      <c r="D28868" s="1" t="s">
        <v>101552</v>
      </c>
      <c r="E28868" s="1" t="s">
        <v>53815</v>
      </c>
      <c r="F28868" s="1" t="s">
        <v>101759</v>
      </c>
      <c r="G28868" s="1" t="s">
        <v>101737</v>
      </c>
      <c r="H28868" s="1" t="s">
        <v>101473</v>
      </c>
      <c r="I28868" s="1" t="s">
        <v>96632</v>
      </c>
      <c r="J28868" s="1" t="s">
        <v>101555</v>
      </c>
    </row>
    <row r="28869" spans="1:10" x14ac:dyDescent="0.35">
      <c r="A28869" s="1" t="s">
        <v>101735</v>
      </c>
      <c r="B28869" s="1" t="s">
        <v>96627</v>
      </c>
      <c r="C28869" s="1" t="s">
        <v>135</v>
      </c>
      <c r="D28869" s="1" t="s">
        <v>70583</v>
      </c>
      <c r="E28869" s="1" t="s">
        <v>41273</v>
      </c>
      <c r="F28869" s="1" t="s">
        <v>101760</v>
      </c>
      <c r="G28869" s="1" t="s">
        <v>101737</v>
      </c>
      <c r="H28869" s="1" t="s">
        <v>101473</v>
      </c>
      <c r="I28869" s="1" t="s">
        <v>96632</v>
      </c>
      <c r="J28869" s="1" t="s">
        <v>101558</v>
      </c>
    </row>
    <row r="28870" spans="1:10" x14ac:dyDescent="0.35">
      <c r="A28870" s="1" t="s">
        <v>101735</v>
      </c>
      <c r="B28870" s="1" t="s">
        <v>96627</v>
      </c>
      <c r="C28870" s="1" t="s">
        <v>140</v>
      </c>
      <c r="D28870" s="1" t="s">
        <v>101559</v>
      </c>
      <c r="E28870" s="1" t="s">
        <v>54729</v>
      </c>
      <c r="F28870" s="1" t="s">
        <v>101761</v>
      </c>
      <c r="G28870" s="1" t="s">
        <v>101737</v>
      </c>
      <c r="H28870" s="1" t="s">
        <v>101473</v>
      </c>
      <c r="I28870" s="1" t="s">
        <v>96632</v>
      </c>
      <c r="J28870" s="1" t="s">
        <v>101562</v>
      </c>
    </row>
    <row r="28871" spans="1:10" x14ac:dyDescent="0.35">
      <c r="A28871" s="1" t="s">
        <v>101735</v>
      </c>
      <c r="B28871" s="1" t="s">
        <v>96627</v>
      </c>
      <c r="C28871" s="1" t="s">
        <v>145</v>
      </c>
      <c r="D28871" s="1" t="s">
        <v>100866</v>
      </c>
      <c r="E28871" s="1" t="s">
        <v>31401</v>
      </c>
      <c r="F28871" s="1" t="s">
        <v>101762</v>
      </c>
      <c r="G28871" s="1" t="s">
        <v>101737</v>
      </c>
      <c r="H28871" s="1" t="s">
        <v>101473</v>
      </c>
      <c r="I28871" s="1" t="s">
        <v>96632</v>
      </c>
      <c r="J28871" s="1" t="s">
        <v>101565</v>
      </c>
    </row>
    <row r="28872" spans="1:10" x14ac:dyDescent="0.35">
      <c r="A28872" s="1" t="s">
        <v>101735</v>
      </c>
      <c r="B28872" s="1" t="s">
        <v>96627</v>
      </c>
      <c r="C28872" s="1" t="s">
        <v>150</v>
      </c>
      <c r="D28872" s="1" t="s">
        <v>39876</v>
      </c>
      <c r="E28872" s="1" t="s">
        <v>21201</v>
      </c>
      <c r="F28872" s="1" t="s">
        <v>101763</v>
      </c>
      <c r="G28872" s="1" t="s">
        <v>101737</v>
      </c>
      <c r="H28872" s="1" t="s">
        <v>101473</v>
      </c>
      <c r="I28872" s="1" t="s">
        <v>96632</v>
      </c>
      <c r="J28872" s="1" t="s">
        <v>101568</v>
      </c>
    </row>
    <row r="28873" spans="1:10" x14ac:dyDescent="0.35">
      <c r="A28873" s="1" t="s">
        <v>101735</v>
      </c>
      <c r="B28873" s="1" t="s">
        <v>96627</v>
      </c>
      <c r="C28873" s="1" t="s">
        <v>155</v>
      </c>
      <c r="D28873" s="1" t="s">
        <v>101569</v>
      </c>
      <c r="E28873" s="1" t="s">
        <v>99702</v>
      </c>
      <c r="F28873" s="1" t="s">
        <v>101764</v>
      </c>
      <c r="G28873" s="1" t="s">
        <v>101737</v>
      </c>
      <c r="H28873" s="1" t="s">
        <v>101473</v>
      </c>
      <c r="I28873" s="1" t="s">
        <v>96632</v>
      </c>
      <c r="J28873" s="1" t="s">
        <v>101572</v>
      </c>
    </row>
    <row r="28874" spans="1:10" x14ac:dyDescent="0.35">
      <c r="A28874" s="1" t="s">
        <v>101735</v>
      </c>
      <c r="B28874" s="1" t="s">
        <v>96627</v>
      </c>
      <c r="C28874" s="1" t="s">
        <v>160</v>
      </c>
      <c r="D28874" s="1" t="s">
        <v>87106</v>
      </c>
      <c r="E28874" s="1" t="s">
        <v>56913</v>
      </c>
      <c r="F28874" s="1" t="s">
        <v>101765</v>
      </c>
      <c r="G28874" s="1" t="s">
        <v>101737</v>
      </c>
      <c r="H28874" s="1" t="s">
        <v>101473</v>
      </c>
      <c r="I28874" s="1" t="s">
        <v>96632</v>
      </c>
      <c r="J28874" s="1" t="s">
        <v>101575</v>
      </c>
    </row>
    <row r="28875" spans="1:10" x14ac:dyDescent="0.35">
      <c r="A28875" s="1" t="s">
        <v>101735</v>
      </c>
      <c r="B28875" s="1" t="s">
        <v>96627</v>
      </c>
      <c r="C28875" s="1" t="s">
        <v>165</v>
      </c>
      <c r="D28875" s="1" t="s">
        <v>101576</v>
      </c>
      <c r="E28875" s="1" t="s">
        <v>12766</v>
      </c>
      <c r="F28875" s="1" t="s">
        <v>101766</v>
      </c>
      <c r="G28875" s="1" t="s">
        <v>101737</v>
      </c>
      <c r="H28875" s="1" t="s">
        <v>101473</v>
      </c>
      <c r="I28875" s="1" t="s">
        <v>96632</v>
      </c>
      <c r="J28875" s="1" t="s">
        <v>101579</v>
      </c>
    </row>
    <row r="28876" spans="1:10" x14ac:dyDescent="0.35">
      <c r="A28876" s="1" t="s">
        <v>101735</v>
      </c>
      <c r="B28876" s="1" t="s">
        <v>96627</v>
      </c>
      <c r="C28876" s="1" t="s">
        <v>170</v>
      </c>
      <c r="D28876" s="1" t="s">
        <v>39245</v>
      </c>
      <c r="E28876" s="1" t="s">
        <v>21803</v>
      </c>
      <c r="F28876" s="1" t="s">
        <v>101767</v>
      </c>
      <c r="G28876" s="1" t="s">
        <v>101737</v>
      </c>
      <c r="H28876" s="1" t="s">
        <v>101473</v>
      </c>
      <c r="I28876" s="1" t="s">
        <v>96632</v>
      </c>
      <c r="J28876" s="1" t="s">
        <v>101582</v>
      </c>
    </row>
    <row r="28877" spans="1:10" x14ac:dyDescent="0.35">
      <c r="A28877" s="1" t="s">
        <v>12016</v>
      </c>
      <c r="B28877" s="1" t="s">
        <v>96627</v>
      </c>
      <c r="C28877" s="1" t="s">
        <v>8</v>
      </c>
      <c r="D28877" s="1" t="s">
        <v>101768</v>
      </c>
      <c r="E28877" s="1" t="s">
        <v>101769</v>
      </c>
      <c r="F28877" s="1" t="s">
        <v>101770</v>
      </c>
      <c r="G28877" s="1" t="s">
        <v>101771</v>
      </c>
      <c r="H28877" s="1" t="s">
        <v>101772</v>
      </c>
      <c r="I28877" s="1" t="s">
        <v>96632</v>
      </c>
      <c r="J28877" s="1" t="s">
        <v>13</v>
      </c>
    </row>
    <row r="28878" spans="1:10" x14ac:dyDescent="0.35">
      <c r="A28878" s="1" t="s">
        <v>12016</v>
      </c>
      <c r="B28878" s="1" t="s">
        <v>96627</v>
      </c>
      <c r="C28878" s="1" t="s">
        <v>15</v>
      </c>
      <c r="D28878" s="1" t="s">
        <v>101773</v>
      </c>
      <c r="E28878" s="1" t="s">
        <v>101774</v>
      </c>
      <c r="F28878" s="1" t="s">
        <v>101775</v>
      </c>
      <c r="G28878" s="1" t="s">
        <v>101771</v>
      </c>
      <c r="H28878" s="1" t="s">
        <v>101772</v>
      </c>
      <c r="I28878" s="1" t="s">
        <v>96632</v>
      </c>
      <c r="J28878" s="1" t="s">
        <v>101776</v>
      </c>
    </row>
    <row r="28879" spans="1:10" x14ac:dyDescent="0.35">
      <c r="A28879" s="1" t="s">
        <v>12016</v>
      </c>
      <c r="B28879" s="1" t="s">
        <v>96627</v>
      </c>
      <c r="C28879" s="1" t="s">
        <v>20</v>
      </c>
      <c r="D28879" s="1" t="s">
        <v>101777</v>
      </c>
      <c r="E28879" s="1" t="s">
        <v>101778</v>
      </c>
      <c r="F28879" s="1" t="s">
        <v>101779</v>
      </c>
      <c r="G28879" s="1" t="s">
        <v>101771</v>
      </c>
      <c r="H28879" s="1" t="s">
        <v>101772</v>
      </c>
      <c r="I28879" s="1" t="s">
        <v>96632</v>
      </c>
      <c r="J28879" s="1" t="s">
        <v>101780</v>
      </c>
    </row>
    <row r="28880" spans="1:10" x14ac:dyDescent="0.35">
      <c r="A28880" s="1" t="s">
        <v>12016</v>
      </c>
      <c r="B28880" s="1" t="s">
        <v>96627</v>
      </c>
      <c r="C28880" s="1" t="s">
        <v>25</v>
      </c>
      <c r="D28880" s="1" t="s">
        <v>101781</v>
      </c>
      <c r="E28880" s="1" t="s">
        <v>101782</v>
      </c>
      <c r="F28880" s="1" t="s">
        <v>101783</v>
      </c>
      <c r="G28880" s="1" t="s">
        <v>101771</v>
      </c>
      <c r="H28880" s="1" t="s">
        <v>101772</v>
      </c>
      <c r="I28880" s="1" t="s">
        <v>96632</v>
      </c>
      <c r="J28880" s="1" t="s">
        <v>101784</v>
      </c>
    </row>
    <row r="28881" spans="1:10" x14ac:dyDescent="0.35">
      <c r="A28881" s="1" t="s">
        <v>12016</v>
      </c>
      <c r="B28881" s="1" t="s">
        <v>96627</v>
      </c>
      <c r="C28881" s="1" t="s">
        <v>30</v>
      </c>
      <c r="D28881" s="1" t="s">
        <v>101785</v>
      </c>
      <c r="E28881" s="1" t="s">
        <v>101786</v>
      </c>
      <c r="F28881" s="1" t="s">
        <v>101787</v>
      </c>
      <c r="G28881" s="1" t="s">
        <v>101771</v>
      </c>
      <c r="H28881" s="1" t="s">
        <v>101772</v>
      </c>
      <c r="I28881" s="1" t="s">
        <v>96632</v>
      </c>
      <c r="J28881" s="1" t="s">
        <v>101788</v>
      </c>
    </row>
    <row r="28882" spans="1:10" x14ac:dyDescent="0.35">
      <c r="A28882" s="1" t="s">
        <v>12016</v>
      </c>
      <c r="B28882" s="1" t="s">
        <v>96627</v>
      </c>
      <c r="C28882" s="1" t="s">
        <v>35</v>
      </c>
      <c r="D28882" s="1" t="s">
        <v>34275</v>
      </c>
      <c r="E28882" s="1" t="s">
        <v>101789</v>
      </c>
      <c r="F28882" s="1" t="s">
        <v>101790</v>
      </c>
      <c r="G28882" s="1" t="s">
        <v>101771</v>
      </c>
      <c r="H28882" s="1" t="s">
        <v>101772</v>
      </c>
      <c r="I28882" s="1" t="s">
        <v>96632</v>
      </c>
      <c r="J28882" s="1" t="s">
        <v>101791</v>
      </c>
    </row>
    <row r="28883" spans="1:10" x14ac:dyDescent="0.35">
      <c r="A28883" s="1" t="s">
        <v>12016</v>
      </c>
      <c r="B28883" s="1" t="s">
        <v>96627</v>
      </c>
      <c r="C28883" s="1" t="s">
        <v>40</v>
      </c>
      <c r="D28883" s="1" t="s">
        <v>100165</v>
      </c>
      <c r="E28883" s="1" t="s">
        <v>101792</v>
      </c>
      <c r="F28883" s="1" t="s">
        <v>101793</v>
      </c>
      <c r="G28883" s="1" t="s">
        <v>101771</v>
      </c>
      <c r="H28883" s="1" t="s">
        <v>101772</v>
      </c>
      <c r="I28883" s="1" t="s">
        <v>96632</v>
      </c>
      <c r="J28883" s="1" t="s">
        <v>101794</v>
      </c>
    </row>
    <row r="28884" spans="1:10" x14ac:dyDescent="0.35">
      <c r="A28884" s="1" t="s">
        <v>12016</v>
      </c>
      <c r="B28884" s="1" t="s">
        <v>96627</v>
      </c>
      <c r="C28884" s="1" t="s">
        <v>45</v>
      </c>
      <c r="D28884" s="1" t="s">
        <v>53318</v>
      </c>
      <c r="E28884" s="1" t="s">
        <v>101795</v>
      </c>
      <c r="F28884" s="1" t="s">
        <v>101796</v>
      </c>
      <c r="G28884" s="1" t="s">
        <v>101771</v>
      </c>
      <c r="H28884" s="1" t="s">
        <v>101772</v>
      </c>
      <c r="I28884" s="1" t="s">
        <v>96632</v>
      </c>
      <c r="J28884" s="1" t="s">
        <v>101797</v>
      </c>
    </row>
    <row r="28885" spans="1:10" x14ac:dyDescent="0.35">
      <c r="A28885" s="1" t="s">
        <v>12016</v>
      </c>
      <c r="B28885" s="1" t="s">
        <v>96627</v>
      </c>
      <c r="C28885" s="1" t="s">
        <v>50</v>
      </c>
      <c r="D28885" s="1" t="s">
        <v>5919</v>
      </c>
      <c r="E28885" s="1" t="s">
        <v>101798</v>
      </c>
      <c r="F28885" s="1" t="s">
        <v>101799</v>
      </c>
      <c r="G28885" s="1" t="s">
        <v>101771</v>
      </c>
      <c r="H28885" s="1" t="s">
        <v>101772</v>
      </c>
      <c r="I28885" s="1" t="s">
        <v>96632</v>
      </c>
      <c r="J28885" s="1" t="s">
        <v>101800</v>
      </c>
    </row>
    <row r="28886" spans="1:10" x14ac:dyDescent="0.35">
      <c r="A28886" s="1" t="s">
        <v>12016</v>
      </c>
      <c r="B28886" s="1" t="s">
        <v>96627</v>
      </c>
      <c r="C28886" s="1" t="s">
        <v>55</v>
      </c>
      <c r="D28886" s="1" t="s">
        <v>101801</v>
      </c>
      <c r="E28886" s="1" t="s">
        <v>101802</v>
      </c>
      <c r="F28886" s="1" t="s">
        <v>101803</v>
      </c>
      <c r="G28886" s="1" t="s">
        <v>101771</v>
      </c>
      <c r="H28886" s="1" t="s">
        <v>101772</v>
      </c>
      <c r="I28886" s="1" t="s">
        <v>96632</v>
      </c>
      <c r="J28886" s="1" t="s">
        <v>101804</v>
      </c>
    </row>
    <row r="28887" spans="1:10" x14ac:dyDescent="0.35">
      <c r="A28887" s="1" t="s">
        <v>12016</v>
      </c>
      <c r="B28887" s="1" t="s">
        <v>96627</v>
      </c>
      <c r="C28887" s="1" t="s">
        <v>60</v>
      </c>
      <c r="D28887" s="1" t="s">
        <v>101805</v>
      </c>
      <c r="E28887" s="1" t="s">
        <v>101806</v>
      </c>
      <c r="F28887" s="1" t="s">
        <v>101807</v>
      </c>
      <c r="G28887" s="1" t="s">
        <v>101771</v>
      </c>
      <c r="H28887" s="1" t="s">
        <v>101772</v>
      </c>
      <c r="I28887" s="1" t="s">
        <v>96632</v>
      </c>
      <c r="J28887" s="1" t="s">
        <v>101808</v>
      </c>
    </row>
    <row r="28888" spans="1:10" x14ac:dyDescent="0.35">
      <c r="A28888" s="1" t="s">
        <v>12016</v>
      </c>
      <c r="B28888" s="1" t="s">
        <v>96627</v>
      </c>
      <c r="C28888" s="1" t="s">
        <v>65</v>
      </c>
      <c r="D28888" s="1" t="s">
        <v>101809</v>
      </c>
      <c r="E28888" s="1" t="s">
        <v>101810</v>
      </c>
      <c r="F28888" s="1" t="s">
        <v>101811</v>
      </c>
      <c r="G28888" s="1" t="s">
        <v>101771</v>
      </c>
      <c r="H28888" s="1" t="s">
        <v>101772</v>
      </c>
      <c r="I28888" s="1" t="s">
        <v>96632</v>
      </c>
      <c r="J28888" s="1" t="s">
        <v>101812</v>
      </c>
    </row>
    <row r="28889" spans="1:10" x14ac:dyDescent="0.35">
      <c r="A28889" s="1" t="s">
        <v>12016</v>
      </c>
      <c r="B28889" s="1" t="s">
        <v>96627</v>
      </c>
      <c r="C28889" s="1" t="s">
        <v>70</v>
      </c>
      <c r="D28889" s="1" t="s">
        <v>101813</v>
      </c>
      <c r="E28889" s="1" t="s">
        <v>101814</v>
      </c>
      <c r="F28889" s="1" t="s">
        <v>101815</v>
      </c>
      <c r="G28889" s="1" t="s">
        <v>101771</v>
      </c>
      <c r="H28889" s="1" t="s">
        <v>101772</v>
      </c>
      <c r="I28889" s="1" t="s">
        <v>96632</v>
      </c>
      <c r="J28889" s="1" t="s">
        <v>101816</v>
      </c>
    </row>
    <row r="28890" spans="1:10" x14ac:dyDescent="0.35">
      <c r="A28890" s="1" t="s">
        <v>12016</v>
      </c>
      <c r="B28890" s="1" t="s">
        <v>96627</v>
      </c>
      <c r="C28890" s="1" t="s">
        <v>75</v>
      </c>
      <c r="D28890" s="1" t="s">
        <v>101817</v>
      </c>
      <c r="E28890" s="1" t="s">
        <v>101818</v>
      </c>
      <c r="F28890" s="1" t="s">
        <v>101819</v>
      </c>
      <c r="G28890" s="1" t="s">
        <v>101771</v>
      </c>
      <c r="H28890" s="1" t="s">
        <v>101772</v>
      </c>
      <c r="I28890" s="1" t="s">
        <v>96632</v>
      </c>
      <c r="J28890" s="1" t="s">
        <v>101820</v>
      </c>
    </row>
    <row r="28891" spans="1:10" x14ac:dyDescent="0.35">
      <c r="A28891" s="1" t="s">
        <v>12016</v>
      </c>
      <c r="B28891" s="1" t="s">
        <v>96627</v>
      </c>
      <c r="C28891" s="1" t="s">
        <v>80</v>
      </c>
      <c r="D28891" s="1" t="s">
        <v>101821</v>
      </c>
      <c r="E28891" s="1" t="s">
        <v>101822</v>
      </c>
      <c r="F28891" s="1" t="s">
        <v>101823</v>
      </c>
      <c r="G28891" s="1" t="s">
        <v>101771</v>
      </c>
      <c r="H28891" s="1" t="s">
        <v>101772</v>
      </c>
      <c r="I28891" s="1" t="s">
        <v>96632</v>
      </c>
      <c r="J28891" s="1" t="s">
        <v>101824</v>
      </c>
    </row>
    <row r="28892" spans="1:10" x14ac:dyDescent="0.35">
      <c r="A28892" s="1" t="s">
        <v>12016</v>
      </c>
      <c r="B28892" s="1" t="s">
        <v>96627</v>
      </c>
      <c r="C28892" s="1" t="s">
        <v>85</v>
      </c>
      <c r="D28892" s="1" t="s">
        <v>101825</v>
      </c>
      <c r="E28892" s="1" t="s">
        <v>101826</v>
      </c>
      <c r="F28892" s="1" t="s">
        <v>101827</v>
      </c>
      <c r="G28892" s="1" t="s">
        <v>101771</v>
      </c>
      <c r="H28892" s="1" t="s">
        <v>101772</v>
      </c>
      <c r="I28892" s="1" t="s">
        <v>96632</v>
      </c>
      <c r="J28892" s="1" t="s">
        <v>101828</v>
      </c>
    </row>
    <row r="28893" spans="1:10" x14ac:dyDescent="0.35">
      <c r="A28893" s="1" t="s">
        <v>12016</v>
      </c>
      <c r="B28893" s="1" t="s">
        <v>96627</v>
      </c>
      <c r="C28893" s="1" t="s">
        <v>90</v>
      </c>
      <c r="D28893" s="1" t="s">
        <v>66382</v>
      </c>
      <c r="E28893" s="1" t="s">
        <v>101829</v>
      </c>
      <c r="F28893" s="1" t="s">
        <v>101830</v>
      </c>
      <c r="G28893" s="1" t="s">
        <v>101771</v>
      </c>
      <c r="H28893" s="1" t="s">
        <v>101772</v>
      </c>
      <c r="I28893" s="1" t="s">
        <v>96632</v>
      </c>
      <c r="J28893" s="1" t="s">
        <v>101831</v>
      </c>
    </row>
    <row r="28894" spans="1:10" x14ac:dyDescent="0.35">
      <c r="A28894" s="1" t="s">
        <v>12016</v>
      </c>
      <c r="B28894" s="1" t="s">
        <v>96627</v>
      </c>
      <c r="C28894" s="1" t="s">
        <v>95</v>
      </c>
      <c r="D28894" s="1" t="s">
        <v>101832</v>
      </c>
      <c r="E28894" s="1" t="s">
        <v>101833</v>
      </c>
      <c r="F28894" s="1" t="s">
        <v>101834</v>
      </c>
      <c r="G28894" s="1" t="s">
        <v>101771</v>
      </c>
      <c r="H28894" s="1" t="s">
        <v>101772</v>
      </c>
      <c r="I28894" s="1" t="s">
        <v>96632</v>
      </c>
      <c r="J28894" s="1" t="s">
        <v>101835</v>
      </c>
    </row>
    <row r="28895" spans="1:10" x14ac:dyDescent="0.35">
      <c r="A28895" s="1" t="s">
        <v>12016</v>
      </c>
      <c r="B28895" s="1" t="s">
        <v>96627</v>
      </c>
      <c r="C28895" s="1" t="s">
        <v>100</v>
      </c>
      <c r="D28895" s="1" t="s">
        <v>43492</v>
      </c>
      <c r="E28895" s="1" t="s">
        <v>101836</v>
      </c>
      <c r="F28895" s="1" t="s">
        <v>101837</v>
      </c>
      <c r="G28895" s="1" t="s">
        <v>101771</v>
      </c>
      <c r="H28895" s="1" t="s">
        <v>101772</v>
      </c>
      <c r="I28895" s="1" t="s">
        <v>96632</v>
      </c>
      <c r="J28895" s="1" t="s">
        <v>101838</v>
      </c>
    </row>
    <row r="28896" spans="1:10" x14ac:dyDescent="0.35">
      <c r="A28896" s="1" t="s">
        <v>12016</v>
      </c>
      <c r="B28896" s="1" t="s">
        <v>96627</v>
      </c>
      <c r="C28896" s="1" t="s">
        <v>105</v>
      </c>
      <c r="D28896" s="1" t="s">
        <v>98429</v>
      </c>
      <c r="E28896" s="1" t="s">
        <v>101839</v>
      </c>
      <c r="F28896" s="1" t="s">
        <v>101840</v>
      </c>
      <c r="G28896" s="1" t="s">
        <v>101771</v>
      </c>
      <c r="H28896" s="1" t="s">
        <v>101772</v>
      </c>
      <c r="I28896" s="1" t="s">
        <v>96632</v>
      </c>
      <c r="J28896" s="1" t="s">
        <v>101841</v>
      </c>
    </row>
    <row r="28897" spans="1:10" x14ac:dyDescent="0.35">
      <c r="A28897" s="1" t="s">
        <v>12016</v>
      </c>
      <c r="B28897" s="1" t="s">
        <v>96627</v>
      </c>
      <c r="C28897" s="1" t="s">
        <v>110</v>
      </c>
      <c r="D28897" s="1" t="s">
        <v>101842</v>
      </c>
      <c r="E28897" s="1" t="s">
        <v>101843</v>
      </c>
      <c r="F28897" s="1" t="s">
        <v>101844</v>
      </c>
      <c r="G28897" s="1" t="s">
        <v>101771</v>
      </c>
      <c r="H28897" s="1" t="s">
        <v>101772</v>
      </c>
      <c r="I28897" s="1" t="s">
        <v>96632</v>
      </c>
      <c r="J28897" s="1" t="s">
        <v>101845</v>
      </c>
    </row>
    <row r="28898" spans="1:10" x14ac:dyDescent="0.35">
      <c r="A28898" s="1" t="s">
        <v>12016</v>
      </c>
      <c r="B28898" s="1" t="s">
        <v>96627</v>
      </c>
      <c r="C28898" s="1" t="s">
        <v>115</v>
      </c>
      <c r="D28898" s="1" t="s">
        <v>56400</v>
      </c>
      <c r="E28898" s="1" t="s">
        <v>101846</v>
      </c>
      <c r="F28898" s="1" t="s">
        <v>101847</v>
      </c>
      <c r="G28898" s="1" t="s">
        <v>101771</v>
      </c>
      <c r="H28898" s="1" t="s">
        <v>101772</v>
      </c>
      <c r="I28898" s="1" t="s">
        <v>96632</v>
      </c>
      <c r="J28898" s="1" t="s">
        <v>101848</v>
      </c>
    </row>
    <row r="28899" spans="1:10" x14ac:dyDescent="0.35">
      <c r="A28899" s="1" t="s">
        <v>12016</v>
      </c>
      <c r="B28899" s="1" t="s">
        <v>96627</v>
      </c>
      <c r="C28899" s="1" t="s">
        <v>120</v>
      </c>
      <c r="D28899" s="1" t="s">
        <v>24322</v>
      </c>
      <c r="E28899" s="1" t="s">
        <v>101849</v>
      </c>
      <c r="F28899" s="1" t="s">
        <v>101850</v>
      </c>
      <c r="G28899" s="1" t="s">
        <v>101771</v>
      </c>
      <c r="H28899" s="1" t="s">
        <v>101772</v>
      </c>
      <c r="I28899" s="1" t="s">
        <v>96632</v>
      </c>
      <c r="J28899" s="1" t="s">
        <v>101851</v>
      </c>
    </row>
    <row r="28900" spans="1:10" x14ac:dyDescent="0.35">
      <c r="A28900" s="1" t="s">
        <v>12016</v>
      </c>
      <c r="B28900" s="1" t="s">
        <v>96627</v>
      </c>
      <c r="C28900" s="1" t="s">
        <v>125</v>
      </c>
      <c r="D28900" s="1" t="s">
        <v>101852</v>
      </c>
      <c r="E28900" s="1" t="s">
        <v>101853</v>
      </c>
      <c r="F28900" s="1" t="s">
        <v>101854</v>
      </c>
      <c r="G28900" s="1" t="s">
        <v>101771</v>
      </c>
      <c r="H28900" s="1" t="s">
        <v>101772</v>
      </c>
      <c r="I28900" s="1" t="s">
        <v>96632</v>
      </c>
      <c r="J28900" s="1" t="s">
        <v>101855</v>
      </c>
    </row>
    <row r="28901" spans="1:10" x14ac:dyDescent="0.35">
      <c r="A28901" s="1" t="s">
        <v>12016</v>
      </c>
      <c r="B28901" s="1" t="s">
        <v>96627</v>
      </c>
      <c r="C28901" s="1" t="s">
        <v>130</v>
      </c>
      <c r="D28901" s="1" t="s">
        <v>15120</v>
      </c>
      <c r="E28901" s="1" t="s">
        <v>101856</v>
      </c>
      <c r="F28901" s="1" t="s">
        <v>101857</v>
      </c>
      <c r="G28901" s="1" t="s">
        <v>101771</v>
      </c>
      <c r="H28901" s="1" t="s">
        <v>101772</v>
      </c>
      <c r="I28901" s="1" t="s">
        <v>96632</v>
      </c>
      <c r="J28901" s="1" t="s">
        <v>101858</v>
      </c>
    </row>
    <row r="28902" spans="1:10" x14ac:dyDescent="0.35">
      <c r="A28902" s="1" t="s">
        <v>12016</v>
      </c>
      <c r="B28902" s="1" t="s">
        <v>96627</v>
      </c>
      <c r="C28902" s="1" t="s">
        <v>135</v>
      </c>
      <c r="D28902" s="1" t="s">
        <v>101859</v>
      </c>
      <c r="E28902" s="1" t="s">
        <v>101860</v>
      </c>
      <c r="F28902" s="1" t="s">
        <v>101861</v>
      </c>
      <c r="G28902" s="1" t="s">
        <v>101771</v>
      </c>
      <c r="H28902" s="1" t="s">
        <v>101772</v>
      </c>
      <c r="I28902" s="1" t="s">
        <v>96632</v>
      </c>
      <c r="J28902" s="1" t="s">
        <v>101862</v>
      </c>
    </row>
    <row r="28903" spans="1:10" x14ac:dyDescent="0.35">
      <c r="A28903" s="1" t="s">
        <v>12016</v>
      </c>
      <c r="B28903" s="1" t="s">
        <v>96627</v>
      </c>
      <c r="C28903" s="1" t="s">
        <v>140</v>
      </c>
      <c r="D28903" s="1" t="s">
        <v>101863</v>
      </c>
      <c r="E28903" s="1" t="s">
        <v>101864</v>
      </c>
      <c r="F28903" s="1" t="s">
        <v>101865</v>
      </c>
      <c r="G28903" s="1" t="s">
        <v>101771</v>
      </c>
      <c r="H28903" s="1" t="s">
        <v>101772</v>
      </c>
      <c r="I28903" s="1" t="s">
        <v>96632</v>
      </c>
      <c r="J28903" s="1" t="s">
        <v>101866</v>
      </c>
    </row>
    <row r="28904" spans="1:10" x14ac:dyDescent="0.35">
      <c r="A28904" s="1" t="s">
        <v>12016</v>
      </c>
      <c r="B28904" s="1" t="s">
        <v>96627</v>
      </c>
      <c r="C28904" s="1" t="s">
        <v>145</v>
      </c>
      <c r="D28904" s="1" t="s">
        <v>64900</v>
      </c>
      <c r="E28904" s="1" t="s">
        <v>101867</v>
      </c>
      <c r="F28904" s="1" t="s">
        <v>101868</v>
      </c>
      <c r="G28904" s="1" t="s">
        <v>101771</v>
      </c>
      <c r="H28904" s="1" t="s">
        <v>101772</v>
      </c>
      <c r="I28904" s="1" t="s">
        <v>96632</v>
      </c>
      <c r="J28904" s="1" t="s">
        <v>101869</v>
      </c>
    </row>
    <row r="28905" spans="1:10" x14ac:dyDescent="0.35">
      <c r="A28905" s="1" t="s">
        <v>12016</v>
      </c>
      <c r="B28905" s="1" t="s">
        <v>96627</v>
      </c>
      <c r="C28905" s="1" t="s">
        <v>150</v>
      </c>
      <c r="D28905" s="1" t="s">
        <v>101870</v>
      </c>
      <c r="E28905" s="1" t="s">
        <v>101871</v>
      </c>
      <c r="F28905" s="1" t="s">
        <v>101872</v>
      </c>
      <c r="G28905" s="1" t="s">
        <v>101771</v>
      </c>
      <c r="H28905" s="1" t="s">
        <v>101772</v>
      </c>
      <c r="I28905" s="1" t="s">
        <v>96632</v>
      </c>
      <c r="J28905" s="1" t="s">
        <v>101873</v>
      </c>
    </row>
    <row r="28906" spans="1:10" x14ac:dyDescent="0.35">
      <c r="A28906" s="1" t="s">
        <v>12016</v>
      </c>
      <c r="B28906" s="1" t="s">
        <v>96627</v>
      </c>
      <c r="C28906" s="1" t="s">
        <v>155</v>
      </c>
      <c r="D28906" s="1" t="s">
        <v>101874</v>
      </c>
      <c r="E28906" s="1" t="s">
        <v>101875</v>
      </c>
      <c r="F28906" s="1" t="s">
        <v>101876</v>
      </c>
      <c r="G28906" s="1" t="s">
        <v>101771</v>
      </c>
      <c r="H28906" s="1" t="s">
        <v>101772</v>
      </c>
      <c r="I28906" s="1" t="s">
        <v>96632</v>
      </c>
      <c r="J28906" s="1" t="s">
        <v>101877</v>
      </c>
    </row>
    <row r="28907" spans="1:10" x14ac:dyDescent="0.35">
      <c r="A28907" s="1" t="s">
        <v>12016</v>
      </c>
      <c r="B28907" s="1" t="s">
        <v>96627</v>
      </c>
      <c r="C28907" s="1" t="s">
        <v>160</v>
      </c>
      <c r="D28907" s="1" t="s">
        <v>101878</v>
      </c>
      <c r="E28907" s="1" t="s">
        <v>101879</v>
      </c>
      <c r="F28907" s="1" t="s">
        <v>101880</v>
      </c>
      <c r="G28907" s="1" t="s">
        <v>101771</v>
      </c>
      <c r="H28907" s="1" t="s">
        <v>101772</v>
      </c>
      <c r="I28907" s="1" t="s">
        <v>96632</v>
      </c>
      <c r="J28907" s="1" t="s">
        <v>101881</v>
      </c>
    </row>
    <row r="28908" spans="1:10" x14ac:dyDescent="0.35">
      <c r="A28908" s="1" t="s">
        <v>12016</v>
      </c>
      <c r="B28908" s="1" t="s">
        <v>96627</v>
      </c>
      <c r="C28908" s="1" t="s">
        <v>165</v>
      </c>
      <c r="D28908" s="1" t="s">
        <v>94370</v>
      </c>
      <c r="E28908" s="1" t="s">
        <v>101882</v>
      </c>
      <c r="F28908" s="1" t="s">
        <v>101883</v>
      </c>
      <c r="G28908" s="1" t="s">
        <v>101771</v>
      </c>
      <c r="H28908" s="1" t="s">
        <v>101772</v>
      </c>
      <c r="I28908" s="1" t="s">
        <v>96632</v>
      </c>
      <c r="J28908" s="1" t="s">
        <v>101884</v>
      </c>
    </row>
    <row r="28909" spans="1:10" x14ac:dyDescent="0.35">
      <c r="A28909" s="1" t="s">
        <v>12016</v>
      </c>
      <c r="B28909" s="1" t="s">
        <v>96627</v>
      </c>
      <c r="C28909" s="1" t="s">
        <v>170</v>
      </c>
      <c r="D28909" s="1" t="s">
        <v>58056</v>
      </c>
      <c r="E28909" s="1" t="s">
        <v>101885</v>
      </c>
      <c r="F28909" s="1" t="s">
        <v>101886</v>
      </c>
      <c r="G28909" s="1" t="s">
        <v>101771</v>
      </c>
      <c r="H28909" s="1" t="s">
        <v>101772</v>
      </c>
      <c r="I28909" s="1" t="s">
        <v>96632</v>
      </c>
      <c r="J28909" s="1" t="s">
        <v>101887</v>
      </c>
    </row>
    <row r="28910" spans="1:10" x14ac:dyDescent="0.35">
      <c r="A28910" s="1" t="s">
        <v>101888</v>
      </c>
      <c r="B28910" s="1" t="s">
        <v>96627</v>
      </c>
      <c r="C28910" s="1" t="s">
        <v>8</v>
      </c>
      <c r="D28910" s="1" t="s">
        <v>101889</v>
      </c>
      <c r="E28910" s="1" t="s">
        <v>56517</v>
      </c>
      <c r="F28910" s="1" t="s">
        <v>101890</v>
      </c>
      <c r="G28910" s="1" t="s">
        <v>101891</v>
      </c>
      <c r="H28910" s="1" t="s">
        <v>101892</v>
      </c>
      <c r="I28910" s="1" t="s">
        <v>96632</v>
      </c>
      <c r="J28910" s="1" t="s">
        <v>13</v>
      </c>
    </row>
    <row r="28911" spans="1:10" x14ac:dyDescent="0.35">
      <c r="A28911" s="1" t="s">
        <v>101888</v>
      </c>
      <c r="B28911" s="1" t="s">
        <v>96627</v>
      </c>
      <c r="C28911" s="1" t="s">
        <v>15</v>
      </c>
      <c r="D28911" s="1" t="s">
        <v>101893</v>
      </c>
      <c r="E28911" s="1" t="s">
        <v>12790</v>
      </c>
      <c r="F28911" s="1" t="s">
        <v>101894</v>
      </c>
      <c r="G28911" s="1" t="s">
        <v>101891</v>
      </c>
      <c r="H28911" s="1" t="s">
        <v>101892</v>
      </c>
      <c r="I28911" s="1" t="s">
        <v>96632</v>
      </c>
      <c r="J28911" s="1" t="s">
        <v>101895</v>
      </c>
    </row>
    <row r="28912" spans="1:10" x14ac:dyDescent="0.35">
      <c r="A28912" s="1" t="s">
        <v>101888</v>
      </c>
      <c r="B28912" s="1" t="s">
        <v>96627</v>
      </c>
      <c r="C28912" s="1" t="s">
        <v>20</v>
      </c>
      <c r="D28912" s="1" t="s">
        <v>56205</v>
      </c>
      <c r="E28912" s="1" t="s">
        <v>26214</v>
      </c>
      <c r="F28912" s="1" t="s">
        <v>101896</v>
      </c>
      <c r="G28912" s="1" t="s">
        <v>101891</v>
      </c>
      <c r="H28912" s="1" t="s">
        <v>101892</v>
      </c>
      <c r="I28912" s="1" t="s">
        <v>96632</v>
      </c>
      <c r="J28912" s="1" t="s">
        <v>101897</v>
      </c>
    </row>
    <row r="28913" spans="1:10" x14ac:dyDescent="0.35">
      <c r="A28913" s="1" t="s">
        <v>101888</v>
      </c>
      <c r="B28913" s="1" t="s">
        <v>96627</v>
      </c>
      <c r="C28913" s="1" t="s">
        <v>25</v>
      </c>
      <c r="D28913" s="1" t="s">
        <v>101898</v>
      </c>
      <c r="E28913" s="1" t="s">
        <v>12868</v>
      </c>
      <c r="F28913" s="1" t="s">
        <v>101899</v>
      </c>
      <c r="G28913" s="1" t="s">
        <v>101891</v>
      </c>
      <c r="H28913" s="1" t="s">
        <v>101892</v>
      </c>
      <c r="I28913" s="1" t="s">
        <v>96632</v>
      </c>
      <c r="J28913" s="1" t="s">
        <v>101900</v>
      </c>
    </row>
    <row r="28914" spans="1:10" x14ac:dyDescent="0.35">
      <c r="A28914" s="1" t="s">
        <v>101888</v>
      </c>
      <c r="B28914" s="1" t="s">
        <v>96627</v>
      </c>
      <c r="C28914" s="1" t="s">
        <v>30</v>
      </c>
      <c r="D28914" s="1" t="s">
        <v>101901</v>
      </c>
      <c r="E28914" s="1" t="s">
        <v>62764</v>
      </c>
      <c r="F28914" s="1" t="s">
        <v>64666</v>
      </c>
      <c r="G28914" s="1" t="s">
        <v>101891</v>
      </c>
      <c r="H28914" s="1" t="s">
        <v>101892</v>
      </c>
      <c r="I28914" s="1" t="s">
        <v>96632</v>
      </c>
      <c r="J28914" s="1" t="s">
        <v>101902</v>
      </c>
    </row>
    <row r="28915" spans="1:10" x14ac:dyDescent="0.35">
      <c r="A28915" s="1" t="s">
        <v>101888</v>
      </c>
      <c r="B28915" s="1" t="s">
        <v>96627</v>
      </c>
      <c r="C28915" s="1" t="s">
        <v>35</v>
      </c>
      <c r="D28915" s="1" t="s">
        <v>101903</v>
      </c>
      <c r="E28915" s="1" t="s">
        <v>24408</v>
      </c>
      <c r="F28915" s="1" t="s">
        <v>101904</v>
      </c>
      <c r="G28915" s="1" t="s">
        <v>101891</v>
      </c>
      <c r="H28915" s="1" t="s">
        <v>101892</v>
      </c>
      <c r="I28915" s="1" t="s">
        <v>96632</v>
      </c>
      <c r="J28915" s="1" t="s">
        <v>101905</v>
      </c>
    </row>
    <row r="28916" spans="1:10" x14ac:dyDescent="0.35">
      <c r="A28916" s="1" t="s">
        <v>101888</v>
      </c>
      <c r="B28916" s="1" t="s">
        <v>96627</v>
      </c>
      <c r="C28916" s="1" t="s">
        <v>40</v>
      </c>
      <c r="D28916" s="1" t="s">
        <v>98446</v>
      </c>
      <c r="E28916" s="1" t="s">
        <v>56664</v>
      </c>
      <c r="F28916" s="1" t="s">
        <v>101906</v>
      </c>
      <c r="G28916" s="1" t="s">
        <v>101891</v>
      </c>
      <c r="H28916" s="1" t="s">
        <v>101892</v>
      </c>
      <c r="I28916" s="1" t="s">
        <v>96632</v>
      </c>
      <c r="J28916" s="1" t="s">
        <v>101907</v>
      </c>
    </row>
    <row r="28917" spans="1:10" x14ac:dyDescent="0.35">
      <c r="A28917" s="1" t="s">
        <v>101888</v>
      </c>
      <c r="B28917" s="1" t="s">
        <v>96627</v>
      </c>
      <c r="C28917" s="1" t="s">
        <v>45</v>
      </c>
      <c r="D28917" s="1" t="s">
        <v>52900</v>
      </c>
      <c r="E28917" s="1" t="s">
        <v>15576</v>
      </c>
      <c r="F28917" s="1" t="s">
        <v>101908</v>
      </c>
      <c r="G28917" s="1" t="s">
        <v>101891</v>
      </c>
      <c r="H28917" s="1" t="s">
        <v>101892</v>
      </c>
      <c r="I28917" s="1" t="s">
        <v>96632</v>
      </c>
      <c r="J28917" s="1" t="s">
        <v>101909</v>
      </c>
    </row>
    <row r="28918" spans="1:10" x14ac:dyDescent="0.35">
      <c r="A28918" s="1" t="s">
        <v>101888</v>
      </c>
      <c r="B28918" s="1" t="s">
        <v>96627</v>
      </c>
      <c r="C28918" s="1" t="s">
        <v>50</v>
      </c>
      <c r="D28918" s="1" t="s">
        <v>26713</v>
      </c>
      <c r="E28918" s="1" t="s">
        <v>15241</v>
      </c>
      <c r="F28918" s="1" t="s">
        <v>101910</v>
      </c>
      <c r="G28918" s="1" t="s">
        <v>101891</v>
      </c>
      <c r="H28918" s="1" t="s">
        <v>101892</v>
      </c>
      <c r="I28918" s="1" t="s">
        <v>96632</v>
      </c>
      <c r="J28918" s="1" t="s">
        <v>101911</v>
      </c>
    </row>
    <row r="28919" spans="1:10" x14ac:dyDescent="0.35">
      <c r="A28919" s="1" t="s">
        <v>101888</v>
      </c>
      <c r="B28919" s="1" t="s">
        <v>96627</v>
      </c>
      <c r="C28919" s="1" t="s">
        <v>55</v>
      </c>
      <c r="D28919" s="1" t="s">
        <v>53508</v>
      </c>
      <c r="E28919" s="1" t="s">
        <v>32098</v>
      </c>
      <c r="F28919" s="1" t="s">
        <v>66478</v>
      </c>
      <c r="G28919" s="1" t="s">
        <v>101891</v>
      </c>
      <c r="H28919" s="1" t="s">
        <v>101892</v>
      </c>
      <c r="I28919" s="1" t="s">
        <v>96632</v>
      </c>
      <c r="J28919" s="1" t="s">
        <v>101912</v>
      </c>
    </row>
    <row r="28920" spans="1:10" x14ac:dyDescent="0.35">
      <c r="A28920" s="1" t="s">
        <v>101888</v>
      </c>
      <c r="B28920" s="1" t="s">
        <v>96627</v>
      </c>
      <c r="C28920" s="1" t="s">
        <v>60</v>
      </c>
      <c r="D28920" s="1" t="s">
        <v>101913</v>
      </c>
      <c r="E28920" s="1" t="s">
        <v>15278</v>
      </c>
      <c r="F28920" s="1" t="s">
        <v>55359</v>
      </c>
      <c r="G28920" s="1" t="s">
        <v>101891</v>
      </c>
      <c r="H28920" s="1" t="s">
        <v>101892</v>
      </c>
      <c r="I28920" s="1" t="s">
        <v>96632</v>
      </c>
      <c r="J28920" s="1" t="s">
        <v>101914</v>
      </c>
    </row>
    <row r="28921" spans="1:10" x14ac:dyDescent="0.35">
      <c r="A28921" s="1" t="s">
        <v>101888</v>
      </c>
      <c r="B28921" s="1" t="s">
        <v>96627</v>
      </c>
      <c r="C28921" s="1" t="s">
        <v>65</v>
      </c>
      <c r="D28921" s="1" t="s">
        <v>101915</v>
      </c>
      <c r="E28921" s="1" t="s">
        <v>21860</v>
      </c>
      <c r="F28921" s="1" t="s">
        <v>27170</v>
      </c>
      <c r="G28921" s="1" t="s">
        <v>101891</v>
      </c>
      <c r="H28921" s="1" t="s">
        <v>101892</v>
      </c>
      <c r="I28921" s="1" t="s">
        <v>96632</v>
      </c>
      <c r="J28921" s="1" t="s">
        <v>101916</v>
      </c>
    </row>
    <row r="28922" spans="1:10" x14ac:dyDescent="0.35">
      <c r="A28922" s="1" t="s">
        <v>101888</v>
      </c>
      <c r="B28922" s="1" t="s">
        <v>96627</v>
      </c>
      <c r="C28922" s="1" t="s">
        <v>70</v>
      </c>
      <c r="D28922" s="1" t="s">
        <v>101917</v>
      </c>
      <c r="E28922" s="1" t="s">
        <v>15903</v>
      </c>
      <c r="F28922" s="1" t="s">
        <v>101918</v>
      </c>
      <c r="G28922" s="1" t="s">
        <v>101891</v>
      </c>
      <c r="H28922" s="1" t="s">
        <v>101892</v>
      </c>
      <c r="I28922" s="1" t="s">
        <v>96632</v>
      </c>
      <c r="J28922" s="1" t="s">
        <v>101919</v>
      </c>
    </row>
    <row r="28923" spans="1:10" x14ac:dyDescent="0.35">
      <c r="A28923" s="1" t="s">
        <v>101888</v>
      </c>
      <c r="B28923" s="1" t="s">
        <v>96627</v>
      </c>
      <c r="C28923" s="1" t="s">
        <v>75</v>
      </c>
      <c r="D28923" s="1" t="s">
        <v>101920</v>
      </c>
      <c r="E28923" s="1" t="s">
        <v>31949</v>
      </c>
      <c r="F28923" s="1" t="s">
        <v>64529</v>
      </c>
      <c r="G28923" s="1" t="s">
        <v>101891</v>
      </c>
      <c r="H28923" s="1" t="s">
        <v>101892</v>
      </c>
      <c r="I28923" s="1" t="s">
        <v>96632</v>
      </c>
      <c r="J28923" s="1" t="s">
        <v>101921</v>
      </c>
    </row>
    <row r="28924" spans="1:10" x14ac:dyDescent="0.35">
      <c r="A28924" s="1" t="s">
        <v>101888</v>
      </c>
      <c r="B28924" s="1" t="s">
        <v>96627</v>
      </c>
      <c r="C28924" s="1" t="s">
        <v>80</v>
      </c>
      <c r="D28924" s="1" t="s">
        <v>87038</v>
      </c>
      <c r="E28924" s="1" t="s">
        <v>27097</v>
      </c>
      <c r="F28924" s="1" t="s">
        <v>101922</v>
      </c>
      <c r="G28924" s="1" t="s">
        <v>101891</v>
      </c>
      <c r="H28924" s="1" t="s">
        <v>101892</v>
      </c>
      <c r="I28924" s="1" t="s">
        <v>96632</v>
      </c>
      <c r="J28924" s="1" t="s">
        <v>101923</v>
      </c>
    </row>
    <row r="28925" spans="1:10" x14ac:dyDescent="0.35">
      <c r="A28925" s="1" t="s">
        <v>101888</v>
      </c>
      <c r="B28925" s="1" t="s">
        <v>96627</v>
      </c>
      <c r="C28925" s="1" t="s">
        <v>85</v>
      </c>
      <c r="D28925" s="1" t="s">
        <v>101924</v>
      </c>
      <c r="E28925" s="1" t="s">
        <v>16186</v>
      </c>
      <c r="F28925" s="1" t="s">
        <v>56898</v>
      </c>
      <c r="G28925" s="1" t="s">
        <v>101891</v>
      </c>
      <c r="H28925" s="1" t="s">
        <v>101892</v>
      </c>
      <c r="I28925" s="1" t="s">
        <v>96632</v>
      </c>
      <c r="J28925" s="1" t="s">
        <v>101925</v>
      </c>
    </row>
    <row r="28926" spans="1:10" x14ac:dyDescent="0.35">
      <c r="A28926" s="1" t="s">
        <v>101888</v>
      </c>
      <c r="B28926" s="1" t="s">
        <v>96627</v>
      </c>
      <c r="C28926" s="1" t="s">
        <v>90</v>
      </c>
      <c r="D28926" s="1" t="s">
        <v>101926</v>
      </c>
      <c r="E28926" s="1" t="s">
        <v>15432</v>
      </c>
      <c r="F28926" s="1" t="s">
        <v>101927</v>
      </c>
      <c r="G28926" s="1" t="s">
        <v>101891</v>
      </c>
      <c r="H28926" s="1" t="s">
        <v>101892</v>
      </c>
      <c r="I28926" s="1" t="s">
        <v>96632</v>
      </c>
      <c r="J28926" s="1" t="s">
        <v>101928</v>
      </c>
    </row>
    <row r="28927" spans="1:10" x14ac:dyDescent="0.35">
      <c r="A28927" s="1" t="s">
        <v>101888</v>
      </c>
      <c r="B28927" s="1" t="s">
        <v>96627</v>
      </c>
      <c r="C28927" s="1" t="s">
        <v>95</v>
      </c>
      <c r="D28927" s="1" t="s">
        <v>92276</v>
      </c>
      <c r="E28927" s="1" t="s">
        <v>32090</v>
      </c>
      <c r="F28927" s="1" t="s">
        <v>101929</v>
      </c>
      <c r="G28927" s="1" t="s">
        <v>101891</v>
      </c>
      <c r="H28927" s="1" t="s">
        <v>101892</v>
      </c>
      <c r="I28927" s="1" t="s">
        <v>96632</v>
      </c>
      <c r="J28927" s="1" t="s">
        <v>101930</v>
      </c>
    </row>
    <row r="28928" spans="1:10" x14ac:dyDescent="0.35">
      <c r="A28928" s="1" t="s">
        <v>101888</v>
      </c>
      <c r="B28928" s="1" t="s">
        <v>96627</v>
      </c>
      <c r="C28928" s="1" t="s">
        <v>100</v>
      </c>
      <c r="D28928" s="1" t="s">
        <v>89279</v>
      </c>
      <c r="E28928" s="1" t="s">
        <v>15319</v>
      </c>
      <c r="F28928" s="1" t="s">
        <v>101931</v>
      </c>
      <c r="G28928" s="1" t="s">
        <v>101891</v>
      </c>
      <c r="H28928" s="1" t="s">
        <v>101892</v>
      </c>
      <c r="I28928" s="1" t="s">
        <v>96632</v>
      </c>
      <c r="J28928" s="1" t="s">
        <v>101932</v>
      </c>
    </row>
    <row r="28929" spans="1:10" x14ac:dyDescent="0.35">
      <c r="A28929" s="1" t="s">
        <v>101888</v>
      </c>
      <c r="B28929" s="1" t="s">
        <v>96627</v>
      </c>
      <c r="C28929" s="1" t="s">
        <v>105</v>
      </c>
      <c r="D28929" s="1" t="s">
        <v>101933</v>
      </c>
      <c r="E28929" s="1" t="s">
        <v>60257</v>
      </c>
      <c r="F28929" s="1" t="s">
        <v>101934</v>
      </c>
      <c r="G28929" s="1" t="s">
        <v>101891</v>
      </c>
      <c r="H28929" s="1" t="s">
        <v>101892</v>
      </c>
      <c r="I28929" s="1" t="s">
        <v>96632</v>
      </c>
      <c r="J28929" s="1" t="s">
        <v>101935</v>
      </c>
    </row>
    <row r="28930" spans="1:10" x14ac:dyDescent="0.35">
      <c r="A28930" s="1" t="s">
        <v>101888</v>
      </c>
      <c r="B28930" s="1" t="s">
        <v>96627</v>
      </c>
      <c r="C28930" s="1" t="s">
        <v>110</v>
      </c>
      <c r="D28930" s="1" t="s">
        <v>61395</v>
      </c>
      <c r="E28930" s="1" t="s">
        <v>53825</v>
      </c>
      <c r="F28930" s="1" t="s">
        <v>101936</v>
      </c>
      <c r="G28930" s="1" t="s">
        <v>101891</v>
      </c>
      <c r="H28930" s="1" t="s">
        <v>101892</v>
      </c>
      <c r="I28930" s="1" t="s">
        <v>96632</v>
      </c>
      <c r="J28930" s="1" t="s">
        <v>101937</v>
      </c>
    </row>
    <row r="28931" spans="1:10" x14ac:dyDescent="0.35">
      <c r="A28931" s="1" t="s">
        <v>101888</v>
      </c>
      <c r="B28931" s="1" t="s">
        <v>96627</v>
      </c>
      <c r="C28931" s="1" t="s">
        <v>115</v>
      </c>
      <c r="D28931" s="1" t="s">
        <v>101938</v>
      </c>
      <c r="E28931" s="1" t="s">
        <v>32090</v>
      </c>
      <c r="F28931" s="1" t="s">
        <v>59891</v>
      </c>
      <c r="G28931" s="1" t="s">
        <v>101891</v>
      </c>
      <c r="H28931" s="1" t="s">
        <v>101892</v>
      </c>
      <c r="I28931" s="1" t="s">
        <v>96632</v>
      </c>
      <c r="J28931" s="1" t="s">
        <v>101939</v>
      </c>
    </row>
    <row r="28932" spans="1:10" x14ac:dyDescent="0.35">
      <c r="A28932" s="1" t="s">
        <v>101888</v>
      </c>
      <c r="B28932" s="1" t="s">
        <v>96627</v>
      </c>
      <c r="C28932" s="1" t="s">
        <v>120</v>
      </c>
      <c r="D28932" s="1" t="s">
        <v>67289</v>
      </c>
      <c r="E28932" s="1" t="s">
        <v>23236</v>
      </c>
      <c r="F28932" s="1" t="s">
        <v>101940</v>
      </c>
      <c r="G28932" s="1" t="s">
        <v>101891</v>
      </c>
      <c r="H28932" s="1" t="s">
        <v>101892</v>
      </c>
      <c r="I28932" s="1" t="s">
        <v>96632</v>
      </c>
      <c r="J28932" s="1" t="s">
        <v>101941</v>
      </c>
    </row>
    <row r="28933" spans="1:10" x14ac:dyDescent="0.35">
      <c r="A28933" s="1" t="s">
        <v>101888</v>
      </c>
      <c r="B28933" s="1" t="s">
        <v>96627</v>
      </c>
      <c r="C28933" s="1" t="s">
        <v>125</v>
      </c>
      <c r="D28933" s="1" t="s">
        <v>24722</v>
      </c>
      <c r="E28933" s="1" t="s">
        <v>58019</v>
      </c>
      <c r="F28933" s="1" t="s">
        <v>58711</v>
      </c>
      <c r="G28933" s="1" t="s">
        <v>101891</v>
      </c>
      <c r="H28933" s="1" t="s">
        <v>101892</v>
      </c>
      <c r="I28933" s="1" t="s">
        <v>96632</v>
      </c>
      <c r="J28933" s="1" t="s">
        <v>101942</v>
      </c>
    </row>
    <row r="28934" spans="1:10" x14ac:dyDescent="0.35">
      <c r="A28934" s="1" t="s">
        <v>101888</v>
      </c>
      <c r="B28934" s="1" t="s">
        <v>96627</v>
      </c>
      <c r="C28934" s="1" t="s">
        <v>130</v>
      </c>
      <c r="D28934" s="1" t="s">
        <v>56150</v>
      </c>
      <c r="E28934" s="1" t="s">
        <v>67148</v>
      </c>
      <c r="F28934" s="1" t="s">
        <v>64748</v>
      </c>
      <c r="G28934" s="1" t="s">
        <v>101891</v>
      </c>
      <c r="H28934" s="1" t="s">
        <v>101892</v>
      </c>
      <c r="I28934" s="1" t="s">
        <v>96632</v>
      </c>
      <c r="J28934" s="1" t="s">
        <v>101943</v>
      </c>
    </row>
    <row r="28935" spans="1:10" x14ac:dyDescent="0.35">
      <c r="A28935" s="1" t="s">
        <v>101888</v>
      </c>
      <c r="B28935" s="1" t="s">
        <v>96627</v>
      </c>
      <c r="C28935" s="1" t="s">
        <v>135</v>
      </c>
      <c r="D28935" s="1" t="s">
        <v>101944</v>
      </c>
      <c r="E28935" s="1" t="s">
        <v>56164</v>
      </c>
      <c r="F28935" s="1" t="s">
        <v>60231</v>
      </c>
      <c r="G28935" s="1" t="s">
        <v>101891</v>
      </c>
      <c r="H28935" s="1" t="s">
        <v>101892</v>
      </c>
      <c r="I28935" s="1" t="s">
        <v>96632</v>
      </c>
      <c r="J28935" s="1" t="s">
        <v>101945</v>
      </c>
    </row>
    <row r="28936" spans="1:10" x14ac:dyDescent="0.35">
      <c r="A28936" s="1" t="s">
        <v>101888</v>
      </c>
      <c r="B28936" s="1" t="s">
        <v>96627</v>
      </c>
      <c r="C28936" s="1" t="s">
        <v>140</v>
      </c>
      <c r="D28936" s="1" t="s">
        <v>94632</v>
      </c>
      <c r="E28936" s="1" t="s">
        <v>26202</v>
      </c>
      <c r="F28936" s="1" t="s">
        <v>101946</v>
      </c>
      <c r="G28936" s="1" t="s">
        <v>101891</v>
      </c>
      <c r="H28936" s="1" t="s">
        <v>101892</v>
      </c>
      <c r="I28936" s="1" t="s">
        <v>96632</v>
      </c>
      <c r="J28936" s="1" t="s">
        <v>101947</v>
      </c>
    </row>
    <row r="28937" spans="1:10" x14ac:dyDescent="0.35">
      <c r="A28937" s="1" t="s">
        <v>101888</v>
      </c>
      <c r="B28937" s="1" t="s">
        <v>96627</v>
      </c>
      <c r="C28937" s="1" t="s">
        <v>145</v>
      </c>
      <c r="D28937" s="1" t="s">
        <v>101948</v>
      </c>
      <c r="E28937" s="1" t="s">
        <v>62760</v>
      </c>
      <c r="F28937" s="1" t="s">
        <v>32114</v>
      </c>
      <c r="G28937" s="1" t="s">
        <v>101891</v>
      </c>
      <c r="H28937" s="1" t="s">
        <v>101892</v>
      </c>
      <c r="I28937" s="1" t="s">
        <v>96632</v>
      </c>
      <c r="J28937" s="1" t="s">
        <v>101949</v>
      </c>
    </row>
    <row r="28938" spans="1:10" x14ac:dyDescent="0.35">
      <c r="A28938" s="1" t="s">
        <v>101888</v>
      </c>
      <c r="B28938" s="1" t="s">
        <v>96627</v>
      </c>
      <c r="C28938" s="1" t="s">
        <v>150</v>
      </c>
      <c r="D28938" s="1" t="s">
        <v>101950</v>
      </c>
      <c r="E28938" s="1" t="s">
        <v>68410</v>
      </c>
      <c r="F28938" s="1" t="s">
        <v>66205</v>
      </c>
      <c r="G28938" s="1" t="s">
        <v>101891</v>
      </c>
      <c r="H28938" s="1" t="s">
        <v>101892</v>
      </c>
      <c r="I28938" s="1" t="s">
        <v>96632</v>
      </c>
      <c r="J28938" s="1" t="s">
        <v>101951</v>
      </c>
    </row>
    <row r="28939" spans="1:10" x14ac:dyDescent="0.35">
      <c r="A28939" s="1" t="s">
        <v>101888</v>
      </c>
      <c r="B28939" s="1" t="s">
        <v>96627</v>
      </c>
      <c r="C28939" s="1" t="s">
        <v>155</v>
      </c>
      <c r="D28939" s="1" t="s">
        <v>101952</v>
      </c>
      <c r="E28939" s="1" t="s">
        <v>54200</v>
      </c>
      <c r="F28939" s="1" t="s">
        <v>101953</v>
      </c>
      <c r="G28939" s="1" t="s">
        <v>101891</v>
      </c>
      <c r="H28939" s="1" t="s">
        <v>101892</v>
      </c>
      <c r="I28939" s="1" t="s">
        <v>96632</v>
      </c>
      <c r="J28939" s="1" t="s">
        <v>101954</v>
      </c>
    </row>
    <row r="28940" spans="1:10" x14ac:dyDescent="0.35">
      <c r="A28940" s="1" t="s">
        <v>101888</v>
      </c>
      <c r="B28940" s="1" t="s">
        <v>96627</v>
      </c>
      <c r="C28940" s="1" t="s">
        <v>160</v>
      </c>
      <c r="D28940" s="1" t="s">
        <v>101955</v>
      </c>
      <c r="E28940" s="1" t="s">
        <v>32913</v>
      </c>
      <c r="F28940" s="1" t="s">
        <v>66649</v>
      </c>
      <c r="G28940" s="1" t="s">
        <v>101891</v>
      </c>
      <c r="H28940" s="1" t="s">
        <v>101892</v>
      </c>
      <c r="I28940" s="1" t="s">
        <v>96632</v>
      </c>
      <c r="J28940" s="1" t="s">
        <v>101956</v>
      </c>
    </row>
    <row r="28941" spans="1:10" x14ac:dyDescent="0.35">
      <c r="A28941" s="1" t="s">
        <v>101888</v>
      </c>
      <c r="B28941" s="1" t="s">
        <v>96627</v>
      </c>
      <c r="C28941" s="1" t="s">
        <v>165</v>
      </c>
      <c r="D28941" s="1" t="s">
        <v>101957</v>
      </c>
      <c r="E28941" s="1" t="s">
        <v>31472</v>
      </c>
      <c r="F28941" s="1" t="s">
        <v>101958</v>
      </c>
      <c r="G28941" s="1" t="s">
        <v>101891</v>
      </c>
      <c r="H28941" s="1" t="s">
        <v>101892</v>
      </c>
      <c r="I28941" s="1" t="s">
        <v>96632</v>
      </c>
      <c r="J28941" s="1" t="s">
        <v>101959</v>
      </c>
    </row>
    <row r="28942" spans="1:10" x14ac:dyDescent="0.35">
      <c r="A28942" s="1" t="s">
        <v>101888</v>
      </c>
      <c r="B28942" s="1" t="s">
        <v>96627</v>
      </c>
      <c r="C28942" s="1" t="s">
        <v>170</v>
      </c>
      <c r="D28942" s="1" t="s">
        <v>101960</v>
      </c>
      <c r="E28942" s="1" t="s">
        <v>32573</v>
      </c>
      <c r="F28942" s="1" t="s">
        <v>101961</v>
      </c>
      <c r="G28942" s="1" t="s">
        <v>101891</v>
      </c>
      <c r="H28942" s="1" t="s">
        <v>101892</v>
      </c>
      <c r="I28942" s="1" t="s">
        <v>96632</v>
      </c>
      <c r="J28942" s="1" t="s">
        <v>101962</v>
      </c>
    </row>
    <row r="28943" spans="1:10" x14ac:dyDescent="0.35">
      <c r="A28943" s="1" t="s">
        <v>101963</v>
      </c>
      <c r="B28943" s="1" t="s">
        <v>96627</v>
      </c>
      <c r="C28943" s="1" t="s">
        <v>8</v>
      </c>
      <c r="D28943" s="1" t="s">
        <v>101964</v>
      </c>
      <c r="E28943" s="1" t="s">
        <v>55251</v>
      </c>
      <c r="F28943" s="1" t="s">
        <v>101965</v>
      </c>
      <c r="G28943" s="1" t="s">
        <v>101966</v>
      </c>
      <c r="H28943" s="1" t="s">
        <v>101967</v>
      </c>
      <c r="I28943" s="1" t="s">
        <v>96632</v>
      </c>
      <c r="J28943" s="1" t="s">
        <v>13</v>
      </c>
    </row>
    <row r="28944" spans="1:10" x14ac:dyDescent="0.35">
      <c r="A28944" s="1" t="s">
        <v>101963</v>
      </c>
      <c r="B28944" s="1" t="s">
        <v>96627</v>
      </c>
      <c r="C28944" s="1" t="s">
        <v>15</v>
      </c>
      <c r="D28944" s="1" t="s">
        <v>61358</v>
      </c>
      <c r="E28944" s="1" t="s">
        <v>26552</v>
      </c>
      <c r="F28944" s="1" t="s">
        <v>101968</v>
      </c>
      <c r="G28944" s="1" t="s">
        <v>101966</v>
      </c>
      <c r="H28944" s="1" t="s">
        <v>101967</v>
      </c>
      <c r="I28944" s="1" t="s">
        <v>96632</v>
      </c>
      <c r="J28944" s="1" t="s">
        <v>101969</v>
      </c>
    </row>
    <row r="28945" spans="1:10" x14ac:dyDescent="0.35">
      <c r="A28945" s="1" t="s">
        <v>101963</v>
      </c>
      <c r="B28945" s="1" t="s">
        <v>96627</v>
      </c>
      <c r="C28945" s="1" t="s">
        <v>20</v>
      </c>
      <c r="D28945" s="1" t="s">
        <v>101970</v>
      </c>
      <c r="E28945" s="1" t="s">
        <v>56005</v>
      </c>
      <c r="F28945" s="1" t="s">
        <v>101971</v>
      </c>
      <c r="G28945" s="1" t="s">
        <v>101966</v>
      </c>
      <c r="H28945" s="1" t="s">
        <v>101967</v>
      </c>
      <c r="I28945" s="1" t="s">
        <v>96632</v>
      </c>
      <c r="J28945" s="1" t="s">
        <v>101972</v>
      </c>
    </row>
    <row r="28946" spans="1:10" x14ac:dyDescent="0.35">
      <c r="A28946" s="1" t="s">
        <v>101963</v>
      </c>
      <c r="B28946" s="1" t="s">
        <v>96627</v>
      </c>
      <c r="C28946" s="1" t="s">
        <v>25</v>
      </c>
      <c r="D28946" s="1" t="s">
        <v>55767</v>
      </c>
      <c r="E28946" s="1" t="s">
        <v>55083</v>
      </c>
      <c r="F28946" s="1" t="s">
        <v>65870</v>
      </c>
      <c r="G28946" s="1" t="s">
        <v>101966</v>
      </c>
      <c r="H28946" s="1" t="s">
        <v>101967</v>
      </c>
      <c r="I28946" s="1" t="s">
        <v>96632</v>
      </c>
      <c r="J28946" s="1" t="s">
        <v>101973</v>
      </c>
    </row>
    <row r="28947" spans="1:10" x14ac:dyDescent="0.35">
      <c r="A28947" s="1" t="s">
        <v>101963</v>
      </c>
      <c r="B28947" s="1" t="s">
        <v>96627</v>
      </c>
      <c r="C28947" s="1" t="s">
        <v>30</v>
      </c>
      <c r="D28947" s="1" t="s">
        <v>20480</v>
      </c>
      <c r="E28947" s="1" t="s">
        <v>21985</v>
      </c>
      <c r="F28947" s="1" t="s">
        <v>101974</v>
      </c>
      <c r="G28947" s="1" t="s">
        <v>101966</v>
      </c>
      <c r="H28947" s="1" t="s">
        <v>101967</v>
      </c>
      <c r="I28947" s="1" t="s">
        <v>96632</v>
      </c>
      <c r="J28947" s="1" t="s">
        <v>101975</v>
      </c>
    </row>
    <row r="28948" spans="1:10" x14ac:dyDescent="0.35">
      <c r="A28948" s="1" t="s">
        <v>101963</v>
      </c>
      <c r="B28948" s="1" t="s">
        <v>96627</v>
      </c>
      <c r="C28948" s="1" t="s">
        <v>35</v>
      </c>
      <c r="D28948" s="1" t="s">
        <v>101976</v>
      </c>
      <c r="E28948" s="1" t="s">
        <v>63929</v>
      </c>
      <c r="F28948" s="1" t="s">
        <v>101440</v>
      </c>
      <c r="G28948" s="1" t="s">
        <v>101966</v>
      </c>
      <c r="H28948" s="1" t="s">
        <v>101967</v>
      </c>
      <c r="I28948" s="1" t="s">
        <v>96632</v>
      </c>
      <c r="J28948" s="1" t="s">
        <v>101977</v>
      </c>
    </row>
    <row r="28949" spans="1:10" x14ac:dyDescent="0.35">
      <c r="A28949" s="1" t="s">
        <v>101963</v>
      </c>
      <c r="B28949" s="1" t="s">
        <v>96627</v>
      </c>
      <c r="C28949" s="1" t="s">
        <v>40</v>
      </c>
      <c r="D28949" s="1" t="s">
        <v>101978</v>
      </c>
      <c r="E28949" s="1" t="s">
        <v>24359</v>
      </c>
      <c r="F28949" s="1" t="s">
        <v>101979</v>
      </c>
      <c r="G28949" s="1" t="s">
        <v>101966</v>
      </c>
      <c r="H28949" s="1" t="s">
        <v>101967</v>
      </c>
      <c r="I28949" s="1" t="s">
        <v>96632</v>
      </c>
      <c r="J28949" s="1" t="s">
        <v>101980</v>
      </c>
    </row>
    <row r="28950" spans="1:10" x14ac:dyDescent="0.35">
      <c r="A28950" s="1" t="s">
        <v>101963</v>
      </c>
      <c r="B28950" s="1" t="s">
        <v>96627</v>
      </c>
      <c r="C28950" s="1" t="s">
        <v>45</v>
      </c>
      <c r="D28950" s="1" t="s">
        <v>101981</v>
      </c>
      <c r="E28950" s="1" t="s">
        <v>59099</v>
      </c>
      <c r="F28950" s="1" t="s">
        <v>101982</v>
      </c>
      <c r="G28950" s="1" t="s">
        <v>101966</v>
      </c>
      <c r="H28950" s="1" t="s">
        <v>101967</v>
      </c>
      <c r="I28950" s="1" t="s">
        <v>96632</v>
      </c>
      <c r="J28950" s="1" t="s">
        <v>101983</v>
      </c>
    </row>
    <row r="28951" spans="1:10" x14ac:dyDescent="0.35">
      <c r="A28951" s="1" t="s">
        <v>101963</v>
      </c>
      <c r="B28951" s="1" t="s">
        <v>96627</v>
      </c>
      <c r="C28951" s="1" t="s">
        <v>50</v>
      </c>
      <c r="D28951" s="1" t="s">
        <v>101984</v>
      </c>
      <c r="E28951" s="1" t="s">
        <v>22267</v>
      </c>
      <c r="F28951" s="1" t="s">
        <v>31418</v>
      </c>
      <c r="G28951" s="1" t="s">
        <v>101966</v>
      </c>
      <c r="H28951" s="1" t="s">
        <v>101967</v>
      </c>
      <c r="I28951" s="1" t="s">
        <v>96632</v>
      </c>
      <c r="J28951" s="1" t="s">
        <v>101985</v>
      </c>
    </row>
    <row r="28952" spans="1:10" x14ac:dyDescent="0.35">
      <c r="A28952" s="1" t="s">
        <v>101963</v>
      </c>
      <c r="B28952" s="1" t="s">
        <v>96627</v>
      </c>
      <c r="C28952" s="1" t="s">
        <v>55</v>
      </c>
      <c r="D28952" s="1" t="s">
        <v>101986</v>
      </c>
      <c r="E28952" s="1" t="s">
        <v>54168</v>
      </c>
      <c r="F28952" s="1" t="s">
        <v>62202</v>
      </c>
      <c r="G28952" s="1" t="s">
        <v>101966</v>
      </c>
      <c r="H28952" s="1" t="s">
        <v>101967</v>
      </c>
      <c r="I28952" s="1" t="s">
        <v>96632</v>
      </c>
      <c r="J28952" s="1" t="s">
        <v>101987</v>
      </c>
    </row>
    <row r="28953" spans="1:10" x14ac:dyDescent="0.35">
      <c r="A28953" s="1" t="s">
        <v>101963</v>
      </c>
      <c r="B28953" s="1" t="s">
        <v>96627</v>
      </c>
      <c r="C28953" s="1" t="s">
        <v>60</v>
      </c>
      <c r="D28953" s="1" t="s">
        <v>101988</v>
      </c>
      <c r="E28953" s="1" t="s">
        <v>15214</v>
      </c>
      <c r="F28953" s="1" t="s">
        <v>101989</v>
      </c>
      <c r="G28953" s="1" t="s">
        <v>101966</v>
      </c>
      <c r="H28953" s="1" t="s">
        <v>101967</v>
      </c>
      <c r="I28953" s="1" t="s">
        <v>96632</v>
      </c>
      <c r="J28953" s="1" t="s">
        <v>101990</v>
      </c>
    </row>
    <row r="28954" spans="1:10" x14ac:dyDescent="0.35">
      <c r="A28954" s="1" t="s">
        <v>101963</v>
      </c>
      <c r="B28954" s="1" t="s">
        <v>96627</v>
      </c>
      <c r="C28954" s="1" t="s">
        <v>65</v>
      </c>
      <c r="D28954" s="1" t="s">
        <v>101991</v>
      </c>
      <c r="E28954" s="1" t="s">
        <v>32365</v>
      </c>
      <c r="F28954" s="1" t="s">
        <v>58975</v>
      </c>
      <c r="G28954" s="1" t="s">
        <v>101966</v>
      </c>
      <c r="H28954" s="1" t="s">
        <v>101967</v>
      </c>
      <c r="I28954" s="1" t="s">
        <v>96632</v>
      </c>
      <c r="J28954" s="1" t="s">
        <v>101992</v>
      </c>
    </row>
    <row r="28955" spans="1:10" x14ac:dyDescent="0.35">
      <c r="A28955" s="1" t="s">
        <v>101963</v>
      </c>
      <c r="B28955" s="1" t="s">
        <v>96627</v>
      </c>
      <c r="C28955" s="1" t="s">
        <v>70</v>
      </c>
      <c r="D28955" s="1" t="s">
        <v>101993</v>
      </c>
      <c r="E28955" s="1" t="s">
        <v>31445</v>
      </c>
      <c r="F28955" s="1" t="s">
        <v>61419</v>
      </c>
      <c r="G28955" s="1" t="s">
        <v>101966</v>
      </c>
      <c r="H28955" s="1" t="s">
        <v>101967</v>
      </c>
      <c r="I28955" s="1" t="s">
        <v>96632</v>
      </c>
      <c r="J28955" s="1" t="s">
        <v>101994</v>
      </c>
    </row>
    <row r="28956" spans="1:10" x14ac:dyDescent="0.35">
      <c r="A28956" s="1" t="s">
        <v>101963</v>
      </c>
      <c r="B28956" s="1" t="s">
        <v>96627</v>
      </c>
      <c r="C28956" s="1" t="s">
        <v>75</v>
      </c>
      <c r="D28956" s="1" t="s">
        <v>101995</v>
      </c>
      <c r="E28956" s="1" t="s">
        <v>15263</v>
      </c>
      <c r="F28956" s="1" t="s">
        <v>101996</v>
      </c>
      <c r="G28956" s="1" t="s">
        <v>101966</v>
      </c>
      <c r="H28956" s="1" t="s">
        <v>101967</v>
      </c>
      <c r="I28956" s="1" t="s">
        <v>96632</v>
      </c>
      <c r="J28956" s="1" t="s">
        <v>101997</v>
      </c>
    </row>
    <row r="28957" spans="1:10" x14ac:dyDescent="0.35">
      <c r="A28957" s="1" t="s">
        <v>101963</v>
      </c>
      <c r="B28957" s="1" t="s">
        <v>96627</v>
      </c>
      <c r="C28957" s="1" t="s">
        <v>80</v>
      </c>
      <c r="D28957" s="1" t="s">
        <v>101998</v>
      </c>
      <c r="E28957" s="1" t="s">
        <v>56737</v>
      </c>
      <c r="F28957" s="1" t="s">
        <v>101999</v>
      </c>
      <c r="G28957" s="1" t="s">
        <v>101966</v>
      </c>
      <c r="H28957" s="1" t="s">
        <v>101967</v>
      </c>
      <c r="I28957" s="1" t="s">
        <v>96632</v>
      </c>
      <c r="J28957" s="1" t="s">
        <v>102000</v>
      </c>
    </row>
    <row r="28958" spans="1:10" x14ac:dyDescent="0.35">
      <c r="A28958" s="1" t="s">
        <v>101963</v>
      </c>
      <c r="B28958" s="1" t="s">
        <v>96627</v>
      </c>
      <c r="C28958" s="1" t="s">
        <v>85</v>
      </c>
      <c r="D28958" s="1" t="s">
        <v>102001</v>
      </c>
      <c r="E28958" s="1" t="s">
        <v>102002</v>
      </c>
      <c r="F28958" s="1" t="s">
        <v>102003</v>
      </c>
      <c r="G28958" s="1" t="s">
        <v>101966</v>
      </c>
      <c r="H28958" s="1" t="s">
        <v>101967</v>
      </c>
      <c r="I28958" s="1" t="s">
        <v>96632</v>
      </c>
      <c r="J28958" s="1" t="s">
        <v>102004</v>
      </c>
    </row>
    <row r="28959" spans="1:10" x14ac:dyDescent="0.35">
      <c r="A28959" s="1" t="s">
        <v>101963</v>
      </c>
      <c r="B28959" s="1" t="s">
        <v>96627</v>
      </c>
      <c r="C28959" s="1" t="s">
        <v>90</v>
      </c>
      <c r="D28959" s="1" t="s">
        <v>79929</v>
      </c>
      <c r="E28959" s="1" t="s">
        <v>15413</v>
      </c>
      <c r="F28959" s="1" t="s">
        <v>32596</v>
      </c>
      <c r="G28959" s="1" t="s">
        <v>101966</v>
      </c>
      <c r="H28959" s="1" t="s">
        <v>101967</v>
      </c>
      <c r="I28959" s="1" t="s">
        <v>96632</v>
      </c>
      <c r="J28959" s="1" t="s">
        <v>102005</v>
      </c>
    </row>
    <row r="28960" spans="1:10" x14ac:dyDescent="0.35">
      <c r="A28960" s="1" t="s">
        <v>101963</v>
      </c>
      <c r="B28960" s="1" t="s">
        <v>96627</v>
      </c>
      <c r="C28960" s="1" t="s">
        <v>95</v>
      </c>
      <c r="D28960" s="1" t="s">
        <v>102006</v>
      </c>
      <c r="E28960" s="1" t="s">
        <v>15336</v>
      </c>
      <c r="F28960" s="1" t="s">
        <v>57057</v>
      </c>
      <c r="G28960" s="1" t="s">
        <v>101966</v>
      </c>
      <c r="H28960" s="1" t="s">
        <v>101967</v>
      </c>
      <c r="I28960" s="1" t="s">
        <v>96632</v>
      </c>
      <c r="J28960" s="1" t="s">
        <v>102007</v>
      </c>
    </row>
    <row r="28961" spans="1:10" x14ac:dyDescent="0.35">
      <c r="A28961" s="1" t="s">
        <v>101963</v>
      </c>
      <c r="B28961" s="1" t="s">
        <v>96627</v>
      </c>
      <c r="C28961" s="1" t="s">
        <v>100</v>
      </c>
      <c r="D28961" s="1" t="s">
        <v>102008</v>
      </c>
      <c r="E28961" s="1" t="s">
        <v>53936</v>
      </c>
      <c r="F28961" s="1" t="s">
        <v>102009</v>
      </c>
      <c r="G28961" s="1" t="s">
        <v>101966</v>
      </c>
      <c r="H28961" s="1" t="s">
        <v>101967</v>
      </c>
      <c r="I28961" s="1" t="s">
        <v>96632</v>
      </c>
      <c r="J28961" s="1" t="s">
        <v>102010</v>
      </c>
    </row>
    <row r="28962" spans="1:10" x14ac:dyDescent="0.35">
      <c r="A28962" s="1" t="s">
        <v>101963</v>
      </c>
      <c r="B28962" s="1" t="s">
        <v>96627</v>
      </c>
      <c r="C28962" s="1" t="s">
        <v>105</v>
      </c>
      <c r="D28962" s="1" t="s">
        <v>102011</v>
      </c>
      <c r="E28962" s="1" t="s">
        <v>23217</v>
      </c>
      <c r="F28962" s="1" t="s">
        <v>102012</v>
      </c>
      <c r="G28962" s="1" t="s">
        <v>101966</v>
      </c>
      <c r="H28962" s="1" t="s">
        <v>101967</v>
      </c>
      <c r="I28962" s="1" t="s">
        <v>96632</v>
      </c>
      <c r="J28962" s="1" t="s">
        <v>102013</v>
      </c>
    </row>
    <row r="28963" spans="1:10" x14ac:dyDescent="0.35">
      <c r="A28963" s="1" t="s">
        <v>101963</v>
      </c>
      <c r="B28963" s="1" t="s">
        <v>96627</v>
      </c>
      <c r="C28963" s="1" t="s">
        <v>110</v>
      </c>
      <c r="D28963" s="1" t="s">
        <v>102014</v>
      </c>
      <c r="E28963" s="1" t="s">
        <v>54448</v>
      </c>
      <c r="F28963" s="1" t="s">
        <v>102015</v>
      </c>
      <c r="G28963" s="1" t="s">
        <v>101966</v>
      </c>
      <c r="H28963" s="1" t="s">
        <v>101967</v>
      </c>
      <c r="I28963" s="1" t="s">
        <v>96632</v>
      </c>
      <c r="J28963" s="1" t="s">
        <v>102016</v>
      </c>
    </row>
    <row r="28964" spans="1:10" x14ac:dyDescent="0.35">
      <c r="A28964" s="1" t="s">
        <v>101963</v>
      </c>
      <c r="B28964" s="1" t="s">
        <v>96627</v>
      </c>
      <c r="C28964" s="1" t="s">
        <v>115</v>
      </c>
      <c r="D28964" s="1" t="s">
        <v>41597</v>
      </c>
      <c r="E28964" s="1" t="s">
        <v>53997</v>
      </c>
      <c r="F28964" s="1" t="s">
        <v>102017</v>
      </c>
      <c r="G28964" s="1" t="s">
        <v>101966</v>
      </c>
      <c r="H28964" s="1" t="s">
        <v>101967</v>
      </c>
      <c r="I28964" s="1" t="s">
        <v>96632</v>
      </c>
      <c r="J28964" s="1" t="s">
        <v>102018</v>
      </c>
    </row>
    <row r="28965" spans="1:10" x14ac:dyDescent="0.35">
      <c r="A28965" s="1" t="s">
        <v>101963</v>
      </c>
      <c r="B28965" s="1" t="s">
        <v>96627</v>
      </c>
      <c r="C28965" s="1" t="s">
        <v>120</v>
      </c>
      <c r="D28965" s="1" t="s">
        <v>55340</v>
      </c>
      <c r="E28965" s="1" t="s">
        <v>54783</v>
      </c>
      <c r="F28965" s="1" t="s">
        <v>96944</v>
      </c>
      <c r="G28965" s="1" t="s">
        <v>101966</v>
      </c>
      <c r="H28965" s="1" t="s">
        <v>101967</v>
      </c>
      <c r="I28965" s="1" t="s">
        <v>96632</v>
      </c>
      <c r="J28965" s="1" t="s">
        <v>102019</v>
      </c>
    </row>
    <row r="28966" spans="1:10" x14ac:dyDescent="0.35">
      <c r="A28966" s="1" t="s">
        <v>101963</v>
      </c>
      <c r="B28966" s="1" t="s">
        <v>96627</v>
      </c>
      <c r="C28966" s="1" t="s">
        <v>125</v>
      </c>
      <c r="D28966" s="1" t="s">
        <v>102020</v>
      </c>
      <c r="E28966" s="1" t="s">
        <v>56202</v>
      </c>
      <c r="F28966" s="1" t="s">
        <v>102021</v>
      </c>
      <c r="G28966" s="1" t="s">
        <v>101966</v>
      </c>
      <c r="H28966" s="1" t="s">
        <v>101967</v>
      </c>
      <c r="I28966" s="1" t="s">
        <v>96632</v>
      </c>
      <c r="J28966" s="1" t="s">
        <v>102022</v>
      </c>
    </row>
    <row r="28967" spans="1:10" x14ac:dyDescent="0.35">
      <c r="A28967" s="1" t="s">
        <v>101963</v>
      </c>
      <c r="B28967" s="1" t="s">
        <v>96627</v>
      </c>
      <c r="C28967" s="1" t="s">
        <v>130</v>
      </c>
      <c r="D28967" s="1" t="s">
        <v>102023</v>
      </c>
      <c r="E28967" s="1" t="s">
        <v>15303</v>
      </c>
      <c r="F28967" s="1" t="s">
        <v>102024</v>
      </c>
      <c r="G28967" s="1" t="s">
        <v>101966</v>
      </c>
      <c r="H28967" s="1" t="s">
        <v>101967</v>
      </c>
      <c r="I28967" s="1" t="s">
        <v>96632</v>
      </c>
      <c r="J28967" s="1" t="s">
        <v>102025</v>
      </c>
    </row>
    <row r="28968" spans="1:10" x14ac:dyDescent="0.35">
      <c r="A28968" s="1" t="s">
        <v>101963</v>
      </c>
      <c r="B28968" s="1" t="s">
        <v>96627</v>
      </c>
      <c r="C28968" s="1" t="s">
        <v>135</v>
      </c>
      <c r="D28968" s="1" t="s">
        <v>102026</v>
      </c>
      <c r="E28968" s="1" t="s">
        <v>31445</v>
      </c>
      <c r="F28968" s="1" t="s">
        <v>102027</v>
      </c>
      <c r="G28968" s="1" t="s">
        <v>101966</v>
      </c>
      <c r="H28968" s="1" t="s">
        <v>101967</v>
      </c>
      <c r="I28968" s="1" t="s">
        <v>96632</v>
      </c>
      <c r="J28968" s="1" t="s">
        <v>102028</v>
      </c>
    </row>
    <row r="28969" spans="1:10" x14ac:dyDescent="0.35">
      <c r="A28969" s="1" t="s">
        <v>101963</v>
      </c>
      <c r="B28969" s="1" t="s">
        <v>96627</v>
      </c>
      <c r="C28969" s="1" t="s">
        <v>140</v>
      </c>
      <c r="D28969" s="1" t="s">
        <v>102029</v>
      </c>
      <c r="E28969" s="1" t="s">
        <v>60525</v>
      </c>
      <c r="F28969" s="1" t="s">
        <v>65186</v>
      </c>
      <c r="G28969" s="1" t="s">
        <v>101966</v>
      </c>
      <c r="H28969" s="1" t="s">
        <v>101967</v>
      </c>
      <c r="I28969" s="1" t="s">
        <v>96632</v>
      </c>
      <c r="J28969" s="1" t="s">
        <v>102030</v>
      </c>
    </row>
    <row r="28970" spans="1:10" x14ac:dyDescent="0.35">
      <c r="A28970" s="1" t="s">
        <v>101963</v>
      </c>
      <c r="B28970" s="1" t="s">
        <v>96627</v>
      </c>
      <c r="C28970" s="1" t="s">
        <v>145</v>
      </c>
      <c r="D28970" s="1" t="s">
        <v>102031</v>
      </c>
      <c r="E28970" s="1" t="s">
        <v>54118</v>
      </c>
      <c r="F28970" s="1" t="s">
        <v>102032</v>
      </c>
      <c r="G28970" s="1" t="s">
        <v>101966</v>
      </c>
      <c r="H28970" s="1" t="s">
        <v>101967</v>
      </c>
      <c r="I28970" s="1" t="s">
        <v>96632</v>
      </c>
      <c r="J28970" s="1" t="s">
        <v>102033</v>
      </c>
    </row>
    <row r="28971" spans="1:10" x14ac:dyDescent="0.35">
      <c r="A28971" s="1" t="s">
        <v>101963</v>
      </c>
      <c r="B28971" s="1" t="s">
        <v>96627</v>
      </c>
      <c r="C28971" s="1" t="s">
        <v>150</v>
      </c>
      <c r="D28971" s="1" t="s">
        <v>102034</v>
      </c>
      <c r="E28971" s="1" t="s">
        <v>26269</v>
      </c>
      <c r="F28971" s="1" t="s">
        <v>102035</v>
      </c>
      <c r="G28971" s="1" t="s">
        <v>101966</v>
      </c>
      <c r="H28971" s="1" t="s">
        <v>101967</v>
      </c>
      <c r="I28971" s="1" t="s">
        <v>96632</v>
      </c>
      <c r="J28971" s="1" t="s">
        <v>102036</v>
      </c>
    </row>
    <row r="28972" spans="1:10" x14ac:dyDescent="0.35">
      <c r="A28972" s="1" t="s">
        <v>101963</v>
      </c>
      <c r="B28972" s="1" t="s">
        <v>96627</v>
      </c>
      <c r="C28972" s="1" t="s">
        <v>155</v>
      </c>
      <c r="D28972" s="1" t="s">
        <v>23224</v>
      </c>
      <c r="E28972" s="1" t="s">
        <v>16142</v>
      </c>
      <c r="F28972" s="1" t="s">
        <v>66499</v>
      </c>
      <c r="G28972" s="1" t="s">
        <v>101966</v>
      </c>
      <c r="H28972" s="1" t="s">
        <v>101967</v>
      </c>
      <c r="I28972" s="1" t="s">
        <v>96632</v>
      </c>
      <c r="J28972" s="1" t="s">
        <v>102037</v>
      </c>
    </row>
    <row r="28973" spans="1:10" x14ac:dyDescent="0.35">
      <c r="A28973" s="1" t="s">
        <v>101963</v>
      </c>
      <c r="B28973" s="1" t="s">
        <v>96627</v>
      </c>
      <c r="C28973" s="1" t="s">
        <v>160</v>
      </c>
      <c r="D28973" s="1" t="s">
        <v>102038</v>
      </c>
      <c r="E28973" s="1" t="s">
        <v>26576</v>
      </c>
      <c r="F28973" s="1" t="s">
        <v>58023</v>
      </c>
      <c r="G28973" s="1" t="s">
        <v>101966</v>
      </c>
      <c r="H28973" s="1" t="s">
        <v>101967</v>
      </c>
      <c r="I28973" s="1" t="s">
        <v>96632</v>
      </c>
      <c r="J28973" s="1" t="s">
        <v>102039</v>
      </c>
    </row>
    <row r="28974" spans="1:10" x14ac:dyDescent="0.35">
      <c r="A28974" s="1" t="s">
        <v>101963</v>
      </c>
      <c r="B28974" s="1" t="s">
        <v>96627</v>
      </c>
      <c r="C28974" s="1" t="s">
        <v>165</v>
      </c>
      <c r="D28974" s="1" t="s">
        <v>102040</v>
      </c>
      <c r="E28974" s="1" t="s">
        <v>41226</v>
      </c>
      <c r="F28974" s="1" t="s">
        <v>102041</v>
      </c>
      <c r="G28974" s="1" t="s">
        <v>101966</v>
      </c>
      <c r="H28974" s="1" t="s">
        <v>101967</v>
      </c>
      <c r="I28974" s="1" t="s">
        <v>96632</v>
      </c>
      <c r="J28974" s="1" t="s">
        <v>102042</v>
      </c>
    </row>
    <row r="28975" spans="1:10" x14ac:dyDescent="0.35">
      <c r="A28975" s="1" t="s">
        <v>101963</v>
      </c>
      <c r="B28975" s="1" t="s">
        <v>96627</v>
      </c>
      <c r="C28975" s="1" t="s">
        <v>170</v>
      </c>
      <c r="D28975" s="1" t="s">
        <v>102043</v>
      </c>
      <c r="E28975" s="1" t="s">
        <v>15403</v>
      </c>
      <c r="F28975" s="1" t="s">
        <v>102044</v>
      </c>
      <c r="G28975" s="1" t="s">
        <v>101966</v>
      </c>
      <c r="H28975" s="1" t="s">
        <v>101967</v>
      </c>
      <c r="I28975" s="1" t="s">
        <v>96632</v>
      </c>
      <c r="J28975" s="1" t="s">
        <v>102045</v>
      </c>
    </row>
    <row r="28976" spans="1:10" x14ac:dyDescent="0.35">
      <c r="A28976" s="1" t="s">
        <v>102046</v>
      </c>
      <c r="B28976" s="1" t="s">
        <v>96627</v>
      </c>
      <c r="C28976" s="1" t="s">
        <v>8</v>
      </c>
      <c r="D28976" s="1" t="s">
        <v>94196</v>
      </c>
      <c r="E28976" s="1" t="s">
        <v>102047</v>
      </c>
      <c r="F28976" s="1" t="s">
        <v>102048</v>
      </c>
      <c r="G28976" s="1" t="s">
        <v>102049</v>
      </c>
      <c r="H28976" s="1" t="s">
        <v>102050</v>
      </c>
      <c r="I28976" s="1" t="s">
        <v>96632</v>
      </c>
      <c r="J28976" s="1" t="s">
        <v>13</v>
      </c>
    </row>
    <row r="28977" spans="1:10" x14ac:dyDescent="0.35">
      <c r="A28977" s="1" t="s">
        <v>102046</v>
      </c>
      <c r="B28977" s="1" t="s">
        <v>96627</v>
      </c>
      <c r="C28977" s="1" t="s">
        <v>15</v>
      </c>
      <c r="D28977" s="1" t="s">
        <v>102051</v>
      </c>
      <c r="E28977" s="1" t="s">
        <v>102052</v>
      </c>
      <c r="F28977" s="1" t="s">
        <v>102053</v>
      </c>
      <c r="G28977" s="1" t="s">
        <v>102049</v>
      </c>
      <c r="H28977" s="1" t="s">
        <v>102050</v>
      </c>
      <c r="I28977" s="1" t="s">
        <v>96632</v>
      </c>
      <c r="J28977" s="1" t="s">
        <v>102054</v>
      </c>
    </row>
    <row r="28978" spans="1:10" x14ac:dyDescent="0.35">
      <c r="A28978" s="1" t="s">
        <v>102046</v>
      </c>
      <c r="B28978" s="1" t="s">
        <v>96627</v>
      </c>
      <c r="C28978" s="1" t="s">
        <v>20</v>
      </c>
      <c r="D28978" s="1" t="s">
        <v>63424</v>
      </c>
      <c r="E28978" s="1" t="s">
        <v>102055</v>
      </c>
      <c r="F28978" s="1" t="s">
        <v>102056</v>
      </c>
      <c r="G28978" s="1" t="s">
        <v>102049</v>
      </c>
      <c r="H28978" s="1" t="s">
        <v>102050</v>
      </c>
      <c r="I28978" s="1" t="s">
        <v>96632</v>
      </c>
      <c r="J28978" s="1" t="s">
        <v>88833</v>
      </c>
    </row>
    <row r="28979" spans="1:10" x14ac:dyDescent="0.35">
      <c r="A28979" s="1" t="s">
        <v>102046</v>
      </c>
      <c r="B28979" s="1" t="s">
        <v>96627</v>
      </c>
      <c r="C28979" s="1" t="s">
        <v>25</v>
      </c>
      <c r="D28979" s="1" t="s">
        <v>52376</v>
      </c>
      <c r="E28979" s="1" t="s">
        <v>102057</v>
      </c>
      <c r="F28979" s="1" t="s">
        <v>102058</v>
      </c>
      <c r="G28979" s="1" t="s">
        <v>102049</v>
      </c>
      <c r="H28979" s="1" t="s">
        <v>102050</v>
      </c>
      <c r="I28979" s="1" t="s">
        <v>96632</v>
      </c>
      <c r="J28979" s="1" t="s">
        <v>102059</v>
      </c>
    </row>
    <row r="28980" spans="1:10" x14ac:dyDescent="0.35">
      <c r="A28980" s="1" t="s">
        <v>102046</v>
      </c>
      <c r="B28980" s="1" t="s">
        <v>96627</v>
      </c>
      <c r="C28980" s="1" t="s">
        <v>30</v>
      </c>
      <c r="D28980" s="1" t="s">
        <v>99392</v>
      </c>
      <c r="E28980" s="1" t="s">
        <v>102060</v>
      </c>
      <c r="F28980" s="1" t="s">
        <v>102061</v>
      </c>
      <c r="G28980" s="1" t="s">
        <v>102049</v>
      </c>
      <c r="H28980" s="1" t="s">
        <v>102050</v>
      </c>
      <c r="I28980" s="1" t="s">
        <v>96632</v>
      </c>
      <c r="J28980" s="1" t="s">
        <v>102062</v>
      </c>
    </row>
    <row r="28981" spans="1:10" x14ac:dyDescent="0.35">
      <c r="A28981" s="1" t="s">
        <v>102046</v>
      </c>
      <c r="B28981" s="1" t="s">
        <v>96627</v>
      </c>
      <c r="C28981" s="1" t="s">
        <v>35</v>
      </c>
      <c r="D28981" s="1" t="s">
        <v>102063</v>
      </c>
      <c r="E28981" s="1" t="s">
        <v>102064</v>
      </c>
      <c r="F28981" s="1" t="s">
        <v>102065</v>
      </c>
      <c r="G28981" s="1" t="s">
        <v>102049</v>
      </c>
      <c r="H28981" s="1" t="s">
        <v>102050</v>
      </c>
      <c r="I28981" s="1" t="s">
        <v>96632</v>
      </c>
      <c r="J28981" s="1" t="s">
        <v>102066</v>
      </c>
    </row>
    <row r="28982" spans="1:10" x14ac:dyDescent="0.35">
      <c r="A28982" s="1" t="s">
        <v>102046</v>
      </c>
      <c r="B28982" s="1" t="s">
        <v>96627</v>
      </c>
      <c r="C28982" s="1" t="s">
        <v>40</v>
      </c>
      <c r="D28982" s="1" t="s">
        <v>102067</v>
      </c>
      <c r="E28982" s="1" t="s">
        <v>102068</v>
      </c>
      <c r="F28982" s="1" t="s">
        <v>102069</v>
      </c>
      <c r="G28982" s="1" t="s">
        <v>102049</v>
      </c>
      <c r="H28982" s="1" t="s">
        <v>102050</v>
      </c>
      <c r="I28982" s="1" t="s">
        <v>96632</v>
      </c>
      <c r="J28982" s="1" t="s">
        <v>102070</v>
      </c>
    </row>
    <row r="28983" spans="1:10" x14ac:dyDescent="0.35">
      <c r="A28983" s="1" t="s">
        <v>102046</v>
      </c>
      <c r="B28983" s="1" t="s">
        <v>96627</v>
      </c>
      <c r="C28983" s="1" t="s">
        <v>45</v>
      </c>
      <c r="D28983" s="1" t="s">
        <v>98207</v>
      </c>
      <c r="E28983" s="1" t="s">
        <v>102071</v>
      </c>
      <c r="F28983" s="1" t="s">
        <v>102072</v>
      </c>
      <c r="G28983" s="1" t="s">
        <v>102049</v>
      </c>
      <c r="H28983" s="1" t="s">
        <v>102050</v>
      </c>
      <c r="I28983" s="1" t="s">
        <v>96632</v>
      </c>
      <c r="J28983" s="1" t="s">
        <v>102073</v>
      </c>
    </row>
    <row r="28984" spans="1:10" x14ac:dyDescent="0.35">
      <c r="A28984" s="1" t="s">
        <v>102046</v>
      </c>
      <c r="B28984" s="1" t="s">
        <v>96627</v>
      </c>
      <c r="C28984" s="1" t="s">
        <v>50</v>
      </c>
      <c r="D28984" s="1" t="s">
        <v>102074</v>
      </c>
      <c r="E28984" s="1" t="s">
        <v>102075</v>
      </c>
      <c r="F28984" s="1" t="s">
        <v>102076</v>
      </c>
      <c r="G28984" s="1" t="s">
        <v>102049</v>
      </c>
      <c r="H28984" s="1" t="s">
        <v>102050</v>
      </c>
      <c r="I28984" s="1" t="s">
        <v>96632</v>
      </c>
      <c r="J28984" s="1" t="s">
        <v>102077</v>
      </c>
    </row>
    <row r="28985" spans="1:10" x14ac:dyDescent="0.35">
      <c r="A28985" s="1" t="s">
        <v>102046</v>
      </c>
      <c r="B28985" s="1" t="s">
        <v>96627</v>
      </c>
      <c r="C28985" s="1" t="s">
        <v>55</v>
      </c>
      <c r="D28985" s="1" t="s">
        <v>22441</v>
      </c>
      <c r="E28985" s="1" t="s">
        <v>102078</v>
      </c>
      <c r="F28985" s="1" t="s">
        <v>102079</v>
      </c>
      <c r="G28985" s="1" t="s">
        <v>102049</v>
      </c>
      <c r="H28985" s="1" t="s">
        <v>102050</v>
      </c>
      <c r="I28985" s="1" t="s">
        <v>96632</v>
      </c>
      <c r="J28985" s="1" t="s">
        <v>102080</v>
      </c>
    </row>
    <row r="28986" spans="1:10" x14ac:dyDescent="0.35">
      <c r="A28986" s="1" t="s">
        <v>102046</v>
      </c>
      <c r="B28986" s="1" t="s">
        <v>96627</v>
      </c>
      <c r="C28986" s="1" t="s">
        <v>60</v>
      </c>
      <c r="D28986" s="1" t="s">
        <v>102081</v>
      </c>
      <c r="E28986" s="1" t="s">
        <v>102082</v>
      </c>
      <c r="F28986" s="1" t="s">
        <v>102083</v>
      </c>
      <c r="G28986" s="1" t="s">
        <v>102049</v>
      </c>
      <c r="H28986" s="1" t="s">
        <v>102050</v>
      </c>
      <c r="I28986" s="1" t="s">
        <v>96632</v>
      </c>
      <c r="J28986" s="1" t="s">
        <v>102084</v>
      </c>
    </row>
    <row r="28987" spans="1:10" x14ac:dyDescent="0.35">
      <c r="A28987" s="1" t="s">
        <v>102046</v>
      </c>
      <c r="B28987" s="1" t="s">
        <v>96627</v>
      </c>
      <c r="C28987" s="1" t="s">
        <v>65</v>
      </c>
      <c r="D28987" s="1" t="s">
        <v>102085</v>
      </c>
      <c r="E28987" s="1" t="s">
        <v>102086</v>
      </c>
      <c r="F28987" s="1" t="s">
        <v>102087</v>
      </c>
      <c r="G28987" s="1" t="s">
        <v>102049</v>
      </c>
      <c r="H28987" s="1" t="s">
        <v>102050</v>
      </c>
      <c r="I28987" s="1" t="s">
        <v>96632</v>
      </c>
      <c r="J28987" s="1" t="s">
        <v>102088</v>
      </c>
    </row>
    <row r="28988" spans="1:10" x14ac:dyDescent="0.35">
      <c r="A28988" s="1" t="s">
        <v>102046</v>
      </c>
      <c r="B28988" s="1" t="s">
        <v>96627</v>
      </c>
      <c r="C28988" s="1" t="s">
        <v>70</v>
      </c>
      <c r="D28988" s="1" t="s">
        <v>59990</v>
      </c>
      <c r="E28988" s="1" t="s">
        <v>102089</v>
      </c>
      <c r="F28988" s="1" t="s">
        <v>102090</v>
      </c>
      <c r="G28988" s="1" t="s">
        <v>102049</v>
      </c>
      <c r="H28988" s="1" t="s">
        <v>102050</v>
      </c>
      <c r="I28988" s="1" t="s">
        <v>96632</v>
      </c>
      <c r="J28988" s="1" t="s">
        <v>102091</v>
      </c>
    </row>
    <row r="28989" spans="1:10" x14ac:dyDescent="0.35">
      <c r="A28989" s="1" t="s">
        <v>102046</v>
      </c>
      <c r="B28989" s="1" t="s">
        <v>96627</v>
      </c>
      <c r="C28989" s="1" t="s">
        <v>75</v>
      </c>
      <c r="D28989" s="1" t="s">
        <v>58345</v>
      </c>
      <c r="E28989" s="1" t="s">
        <v>102092</v>
      </c>
      <c r="F28989" s="1" t="s">
        <v>102093</v>
      </c>
      <c r="G28989" s="1" t="s">
        <v>102049</v>
      </c>
      <c r="H28989" s="1" t="s">
        <v>102050</v>
      </c>
      <c r="I28989" s="1" t="s">
        <v>96632</v>
      </c>
      <c r="J28989" s="1" t="s">
        <v>102094</v>
      </c>
    </row>
    <row r="28990" spans="1:10" x14ac:dyDescent="0.35">
      <c r="A28990" s="1" t="s">
        <v>102046</v>
      </c>
      <c r="B28990" s="1" t="s">
        <v>96627</v>
      </c>
      <c r="C28990" s="1" t="s">
        <v>80</v>
      </c>
      <c r="D28990" s="1" t="s">
        <v>102095</v>
      </c>
      <c r="E28990" s="1" t="s">
        <v>102096</v>
      </c>
      <c r="F28990" s="1" t="s">
        <v>102097</v>
      </c>
      <c r="G28990" s="1" t="s">
        <v>102049</v>
      </c>
      <c r="H28990" s="1" t="s">
        <v>102050</v>
      </c>
      <c r="I28990" s="1" t="s">
        <v>96632</v>
      </c>
      <c r="J28990" s="1" t="s">
        <v>102098</v>
      </c>
    </row>
    <row r="28991" spans="1:10" x14ac:dyDescent="0.35">
      <c r="A28991" s="1" t="s">
        <v>102046</v>
      </c>
      <c r="B28991" s="1" t="s">
        <v>96627</v>
      </c>
      <c r="C28991" s="1" t="s">
        <v>85</v>
      </c>
      <c r="D28991" s="1" t="s">
        <v>92445</v>
      </c>
      <c r="E28991" s="1" t="s">
        <v>102099</v>
      </c>
      <c r="F28991" s="1" t="s">
        <v>102100</v>
      </c>
      <c r="G28991" s="1" t="s">
        <v>102049</v>
      </c>
      <c r="H28991" s="1" t="s">
        <v>102050</v>
      </c>
      <c r="I28991" s="1" t="s">
        <v>96632</v>
      </c>
      <c r="J28991" s="1" t="s">
        <v>102101</v>
      </c>
    </row>
    <row r="28992" spans="1:10" x14ac:dyDescent="0.35">
      <c r="A28992" s="1" t="s">
        <v>102046</v>
      </c>
      <c r="B28992" s="1" t="s">
        <v>96627</v>
      </c>
      <c r="C28992" s="1" t="s">
        <v>90</v>
      </c>
      <c r="D28992" s="1" t="s">
        <v>102102</v>
      </c>
      <c r="E28992" s="1" t="s">
        <v>102103</v>
      </c>
      <c r="F28992" s="1" t="s">
        <v>102104</v>
      </c>
      <c r="G28992" s="1" t="s">
        <v>102049</v>
      </c>
      <c r="H28992" s="1" t="s">
        <v>102050</v>
      </c>
      <c r="I28992" s="1" t="s">
        <v>96632</v>
      </c>
      <c r="J28992" s="1" t="s">
        <v>102105</v>
      </c>
    </row>
    <row r="28993" spans="1:10" x14ac:dyDescent="0.35">
      <c r="A28993" s="1" t="s">
        <v>102046</v>
      </c>
      <c r="B28993" s="1" t="s">
        <v>96627</v>
      </c>
      <c r="C28993" s="1" t="s">
        <v>95</v>
      </c>
      <c r="D28993" s="1" t="s">
        <v>102106</v>
      </c>
      <c r="E28993" s="1" t="s">
        <v>102107</v>
      </c>
      <c r="F28993" s="1" t="s">
        <v>102108</v>
      </c>
      <c r="G28993" s="1" t="s">
        <v>102049</v>
      </c>
      <c r="H28993" s="1" t="s">
        <v>102050</v>
      </c>
      <c r="I28993" s="1" t="s">
        <v>96632</v>
      </c>
      <c r="J28993" s="1" t="s">
        <v>102109</v>
      </c>
    </row>
    <row r="28994" spans="1:10" x14ac:dyDescent="0.35">
      <c r="A28994" s="1" t="s">
        <v>102046</v>
      </c>
      <c r="B28994" s="1" t="s">
        <v>96627</v>
      </c>
      <c r="C28994" s="1" t="s">
        <v>100</v>
      </c>
      <c r="D28994" s="1" t="s">
        <v>102110</v>
      </c>
      <c r="E28994" s="1" t="s">
        <v>102111</v>
      </c>
      <c r="F28994" s="1" t="s">
        <v>102112</v>
      </c>
      <c r="G28994" s="1" t="s">
        <v>102049</v>
      </c>
      <c r="H28994" s="1" t="s">
        <v>102050</v>
      </c>
      <c r="I28994" s="1" t="s">
        <v>96632</v>
      </c>
      <c r="J28994" s="1" t="s">
        <v>102113</v>
      </c>
    </row>
    <row r="28995" spans="1:10" x14ac:dyDescent="0.35">
      <c r="A28995" s="1" t="s">
        <v>102046</v>
      </c>
      <c r="B28995" s="1" t="s">
        <v>96627</v>
      </c>
      <c r="C28995" s="1" t="s">
        <v>105</v>
      </c>
      <c r="D28995" s="1" t="s">
        <v>102114</v>
      </c>
      <c r="E28995" s="1" t="s">
        <v>102115</v>
      </c>
      <c r="F28995" s="1" t="s">
        <v>102116</v>
      </c>
      <c r="G28995" s="1" t="s">
        <v>102049</v>
      </c>
      <c r="H28995" s="1" t="s">
        <v>102050</v>
      </c>
      <c r="I28995" s="1" t="s">
        <v>96632</v>
      </c>
      <c r="J28995" s="1" t="s">
        <v>102117</v>
      </c>
    </row>
    <row r="28996" spans="1:10" x14ac:dyDescent="0.35">
      <c r="A28996" s="1" t="s">
        <v>102046</v>
      </c>
      <c r="B28996" s="1" t="s">
        <v>96627</v>
      </c>
      <c r="C28996" s="1" t="s">
        <v>110</v>
      </c>
      <c r="D28996" s="1" t="s">
        <v>91416</v>
      </c>
      <c r="E28996" s="1" t="s">
        <v>102118</v>
      </c>
      <c r="F28996" s="1" t="s">
        <v>102119</v>
      </c>
      <c r="G28996" s="1" t="s">
        <v>102049</v>
      </c>
      <c r="H28996" s="1" t="s">
        <v>102050</v>
      </c>
      <c r="I28996" s="1" t="s">
        <v>96632</v>
      </c>
      <c r="J28996" s="1" t="s">
        <v>102120</v>
      </c>
    </row>
    <row r="28997" spans="1:10" x14ac:dyDescent="0.35">
      <c r="A28997" s="1" t="s">
        <v>102046</v>
      </c>
      <c r="B28997" s="1" t="s">
        <v>96627</v>
      </c>
      <c r="C28997" s="1" t="s">
        <v>115</v>
      </c>
      <c r="D28997" s="1" t="s">
        <v>102121</v>
      </c>
      <c r="E28997" s="1" t="s">
        <v>102122</v>
      </c>
      <c r="F28997" s="1" t="s">
        <v>102123</v>
      </c>
      <c r="G28997" s="1" t="s">
        <v>102049</v>
      </c>
      <c r="H28997" s="1" t="s">
        <v>102050</v>
      </c>
      <c r="I28997" s="1" t="s">
        <v>96632</v>
      </c>
      <c r="J28997" s="1" t="s">
        <v>102124</v>
      </c>
    </row>
    <row r="28998" spans="1:10" x14ac:dyDescent="0.35">
      <c r="A28998" s="1" t="s">
        <v>102046</v>
      </c>
      <c r="B28998" s="1" t="s">
        <v>96627</v>
      </c>
      <c r="C28998" s="1" t="s">
        <v>120</v>
      </c>
      <c r="D28998" s="1" t="s">
        <v>102125</v>
      </c>
      <c r="E28998" s="1" t="s">
        <v>102126</v>
      </c>
      <c r="F28998" s="1" t="s">
        <v>102127</v>
      </c>
      <c r="G28998" s="1" t="s">
        <v>102049</v>
      </c>
      <c r="H28998" s="1" t="s">
        <v>102050</v>
      </c>
      <c r="I28998" s="1" t="s">
        <v>96632</v>
      </c>
      <c r="J28998" s="1" t="s">
        <v>102128</v>
      </c>
    </row>
    <row r="28999" spans="1:10" x14ac:dyDescent="0.35">
      <c r="A28999" s="1" t="s">
        <v>102046</v>
      </c>
      <c r="B28999" s="1" t="s">
        <v>96627</v>
      </c>
      <c r="C28999" s="1" t="s">
        <v>125</v>
      </c>
      <c r="D28999" s="1" t="s">
        <v>76392</v>
      </c>
      <c r="E28999" s="1" t="s">
        <v>102129</v>
      </c>
      <c r="F28999" s="1" t="s">
        <v>102130</v>
      </c>
      <c r="G28999" s="1" t="s">
        <v>102049</v>
      </c>
      <c r="H28999" s="1" t="s">
        <v>102050</v>
      </c>
      <c r="I28999" s="1" t="s">
        <v>96632</v>
      </c>
      <c r="J28999" s="1" t="s">
        <v>102131</v>
      </c>
    </row>
    <row r="29000" spans="1:10" x14ac:dyDescent="0.35">
      <c r="A29000" s="1" t="s">
        <v>102046</v>
      </c>
      <c r="B29000" s="1" t="s">
        <v>96627</v>
      </c>
      <c r="C29000" s="1" t="s">
        <v>130</v>
      </c>
      <c r="D29000" s="1" t="s">
        <v>77589</v>
      </c>
      <c r="E29000" s="1" t="s">
        <v>102132</v>
      </c>
      <c r="F29000" s="1" t="s">
        <v>102133</v>
      </c>
      <c r="G29000" s="1" t="s">
        <v>102049</v>
      </c>
      <c r="H29000" s="1" t="s">
        <v>102050</v>
      </c>
      <c r="I29000" s="1" t="s">
        <v>96632</v>
      </c>
      <c r="J29000" s="1" t="s">
        <v>102134</v>
      </c>
    </row>
    <row r="29001" spans="1:10" x14ac:dyDescent="0.35">
      <c r="A29001" s="1" t="s">
        <v>102046</v>
      </c>
      <c r="B29001" s="1" t="s">
        <v>96627</v>
      </c>
      <c r="C29001" s="1" t="s">
        <v>135</v>
      </c>
      <c r="D29001" s="1" t="s">
        <v>102135</v>
      </c>
      <c r="E29001" s="1" t="s">
        <v>102136</v>
      </c>
      <c r="F29001" s="1" t="s">
        <v>102137</v>
      </c>
      <c r="G29001" s="1" t="s">
        <v>102049</v>
      </c>
      <c r="H29001" s="1" t="s">
        <v>102050</v>
      </c>
      <c r="I29001" s="1" t="s">
        <v>96632</v>
      </c>
      <c r="J29001" s="1" t="s">
        <v>102138</v>
      </c>
    </row>
    <row r="29002" spans="1:10" x14ac:dyDescent="0.35">
      <c r="A29002" s="1" t="s">
        <v>102046</v>
      </c>
      <c r="B29002" s="1" t="s">
        <v>96627</v>
      </c>
      <c r="C29002" s="1" t="s">
        <v>140</v>
      </c>
      <c r="D29002" s="1" t="s">
        <v>66121</v>
      </c>
      <c r="E29002" s="1" t="s">
        <v>102139</v>
      </c>
      <c r="F29002" s="1" t="s">
        <v>102140</v>
      </c>
      <c r="G29002" s="1" t="s">
        <v>102049</v>
      </c>
      <c r="H29002" s="1" t="s">
        <v>102050</v>
      </c>
      <c r="I29002" s="1" t="s">
        <v>96632</v>
      </c>
      <c r="J29002" s="1" t="s">
        <v>102141</v>
      </c>
    </row>
    <row r="29003" spans="1:10" x14ac:dyDescent="0.35">
      <c r="A29003" s="1" t="s">
        <v>102046</v>
      </c>
      <c r="B29003" s="1" t="s">
        <v>96627</v>
      </c>
      <c r="C29003" s="1" t="s">
        <v>145</v>
      </c>
      <c r="D29003" s="1" t="s">
        <v>102142</v>
      </c>
      <c r="E29003" s="1" t="s">
        <v>102143</v>
      </c>
      <c r="F29003" s="1" t="s">
        <v>102144</v>
      </c>
      <c r="G29003" s="1" t="s">
        <v>102049</v>
      </c>
      <c r="H29003" s="1" t="s">
        <v>102050</v>
      </c>
      <c r="I29003" s="1" t="s">
        <v>96632</v>
      </c>
      <c r="J29003" s="1" t="s">
        <v>102145</v>
      </c>
    </row>
    <row r="29004" spans="1:10" x14ac:dyDescent="0.35">
      <c r="A29004" s="1" t="s">
        <v>102046</v>
      </c>
      <c r="B29004" s="1" t="s">
        <v>96627</v>
      </c>
      <c r="C29004" s="1" t="s">
        <v>150</v>
      </c>
      <c r="D29004" s="1" t="s">
        <v>89296</v>
      </c>
      <c r="E29004" s="1" t="s">
        <v>102146</v>
      </c>
      <c r="F29004" s="1" t="s">
        <v>102147</v>
      </c>
      <c r="G29004" s="1" t="s">
        <v>102049</v>
      </c>
      <c r="H29004" s="1" t="s">
        <v>102050</v>
      </c>
      <c r="I29004" s="1" t="s">
        <v>96632</v>
      </c>
      <c r="J29004" s="1" t="s">
        <v>102148</v>
      </c>
    </row>
    <row r="29005" spans="1:10" x14ac:dyDescent="0.35">
      <c r="A29005" s="1" t="s">
        <v>102046</v>
      </c>
      <c r="B29005" s="1" t="s">
        <v>96627</v>
      </c>
      <c r="C29005" s="1" t="s">
        <v>155</v>
      </c>
      <c r="D29005" s="1" t="s">
        <v>62735</v>
      </c>
      <c r="E29005" s="1" t="s">
        <v>102149</v>
      </c>
      <c r="F29005" s="1" t="s">
        <v>102150</v>
      </c>
      <c r="G29005" s="1" t="s">
        <v>102049</v>
      </c>
      <c r="H29005" s="1" t="s">
        <v>102050</v>
      </c>
      <c r="I29005" s="1" t="s">
        <v>96632</v>
      </c>
      <c r="J29005" s="1" t="s">
        <v>102151</v>
      </c>
    </row>
    <row r="29006" spans="1:10" x14ac:dyDescent="0.35">
      <c r="A29006" s="1" t="s">
        <v>102046</v>
      </c>
      <c r="B29006" s="1" t="s">
        <v>96627</v>
      </c>
      <c r="C29006" s="1" t="s">
        <v>160</v>
      </c>
      <c r="D29006" s="1" t="s">
        <v>54702</v>
      </c>
      <c r="E29006" s="1" t="s">
        <v>102152</v>
      </c>
      <c r="F29006" s="1" t="s">
        <v>102153</v>
      </c>
      <c r="G29006" s="1" t="s">
        <v>102049</v>
      </c>
      <c r="H29006" s="1" t="s">
        <v>102050</v>
      </c>
      <c r="I29006" s="1" t="s">
        <v>96632</v>
      </c>
      <c r="J29006" s="1" t="s">
        <v>102154</v>
      </c>
    </row>
    <row r="29007" spans="1:10" x14ac:dyDescent="0.35">
      <c r="A29007" s="1" t="s">
        <v>102046</v>
      </c>
      <c r="B29007" s="1" t="s">
        <v>96627</v>
      </c>
      <c r="C29007" s="1" t="s">
        <v>165</v>
      </c>
      <c r="D29007" s="1" t="s">
        <v>102155</v>
      </c>
      <c r="E29007" s="1" t="s">
        <v>102156</v>
      </c>
      <c r="F29007" s="1" t="s">
        <v>102157</v>
      </c>
      <c r="G29007" s="1" t="s">
        <v>102049</v>
      </c>
      <c r="H29007" s="1" t="s">
        <v>102050</v>
      </c>
      <c r="I29007" s="1" t="s">
        <v>96632</v>
      </c>
      <c r="J29007" s="1" t="s">
        <v>102158</v>
      </c>
    </row>
    <row r="29008" spans="1:10" x14ac:dyDescent="0.35">
      <c r="A29008" s="1" t="s">
        <v>102046</v>
      </c>
      <c r="B29008" s="1" t="s">
        <v>96627</v>
      </c>
      <c r="C29008" s="1" t="s">
        <v>170</v>
      </c>
      <c r="D29008" s="1" t="s">
        <v>102159</v>
      </c>
      <c r="E29008" s="1" t="s">
        <v>102160</v>
      </c>
      <c r="F29008" s="1" t="s">
        <v>102161</v>
      </c>
      <c r="G29008" s="1" t="s">
        <v>102049</v>
      </c>
      <c r="H29008" s="1" t="s">
        <v>102050</v>
      </c>
      <c r="I29008" s="1" t="s">
        <v>96632</v>
      </c>
      <c r="J29008" s="1" t="s">
        <v>102162</v>
      </c>
    </row>
    <row r="29009" spans="1:10" x14ac:dyDescent="0.35">
      <c r="A29009" s="1" t="s">
        <v>102163</v>
      </c>
      <c r="B29009" s="1" t="s">
        <v>96627</v>
      </c>
      <c r="C29009" s="1" t="s">
        <v>8</v>
      </c>
      <c r="D29009" s="1" t="s">
        <v>102164</v>
      </c>
      <c r="E29009" s="1" t="s">
        <v>102165</v>
      </c>
      <c r="F29009" s="1" t="s">
        <v>102166</v>
      </c>
      <c r="G29009" s="1" t="s">
        <v>102167</v>
      </c>
      <c r="H29009" s="1" t="s">
        <v>102168</v>
      </c>
      <c r="I29009" s="1" t="s">
        <v>96632</v>
      </c>
      <c r="J29009" s="1" t="s">
        <v>13</v>
      </c>
    </row>
    <row r="29010" spans="1:10" x14ac:dyDescent="0.35">
      <c r="A29010" s="1" t="s">
        <v>102163</v>
      </c>
      <c r="B29010" s="1" t="s">
        <v>96627</v>
      </c>
      <c r="C29010" s="1" t="s">
        <v>15</v>
      </c>
      <c r="D29010" s="1" t="s">
        <v>102169</v>
      </c>
      <c r="E29010" s="1" t="s">
        <v>102170</v>
      </c>
      <c r="F29010" s="1" t="s">
        <v>102171</v>
      </c>
      <c r="G29010" s="1" t="s">
        <v>102167</v>
      </c>
      <c r="H29010" s="1" t="s">
        <v>102168</v>
      </c>
      <c r="I29010" s="1" t="s">
        <v>96632</v>
      </c>
      <c r="J29010" s="1" t="s">
        <v>102172</v>
      </c>
    </row>
    <row r="29011" spans="1:10" x14ac:dyDescent="0.35">
      <c r="A29011" s="1" t="s">
        <v>102163</v>
      </c>
      <c r="B29011" s="1" t="s">
        <v>96627</v>
      </c>
      <c r="C29011" s="1" t="s">
        <v>20</v>
      </c>
      <c r="D29011" s="1" t="s">
        <v>102173</v>
      </c>
      <c r="E29011" s="1" t="s">
        <v>102174</v>
      </c>
      <c r="F29011" s="1" t="s">
        <v>102175</v>
      </c>
      <c r="G29011" s="1" t="s">
        <v>102167</v>
      </c>
      <c r="H29011" s="1" t="s">
        <v>102168</v>
      </c>
      <c r="I29011" s="1" t="s">
        <v>96632</v>
      </c>
      <c r="J29011" s="1" t="s">
        <v>102176</v>
      </c>
    </row>
    <row r="29012" spans="1:10" x14ac:dyDescent="0.35">
      <c r="A29012" s="1" t="s">
        <v>102163</v>
      </c>
      <c r="B29012" s="1" t="s">
        <v>96627</v>
      </c>
      <c r="C29012" s="1" t="s">
        <v>25</v>
      </c>
      <c r="D29012" s="1" t="s">
        <v>71562</v>
      </c>
      <c r="E29012" s="1" t="s">
        <v>102177</v>
      </c>
      <c r="F29012" s="1" t="s">
        <v>102178</v>
      </c>
      <c r="G29012" s="1" t="s">
        <v>102167</v>
      </c>
      <c r="H29012" s="1" t="s">
        <v>102168</v>
      </c>
      <c r="I29012" s="1" t="s">
        <v>96632</v>
      </c>
      <c r="J29012" s="1" t="s">
        <v>102179</v>
      </c>
    </row>
    <row r="29013" spans="1:10" x14ac:dyDescent="0.35">
      <c r="A29013" s="1" t="s">
        <v>102163</v>
      </c>
      <c r="B29013" s="1" t="s">
        <v>96627</v>
      </c>
      <c r="C29013" s="1" t="s">
        <v>30</v>
      </c>
      <c r="D29013" s="1" t="s">
        <v>102180</v>
      </c>
      <c r="E29013" s="1" t="s">
        <v>102181</v>
      </c>
      <c r="F29013" s="1" t="s">
        <v>102182</v>
      </c>
      <c r="G29013" s="1" t="s">
        <v>102167</v>
      </c>
      <c r="H29013" s="1" t="s">
        <v>102168</v>
      </c>
      <c r="I29013" s="1" t="s">
        <v>96632</v>
      </c>
      <c r="J29013" s="1" t="s">
        <v>102183</v>
      </c>
    </row>
    <row r="29014" spans="1:10" x14ac:dyDescent="0.35">
      <c r="A29014" s="1" t="s">
        <v>102163</v>
      </c>
      <c r="B29014" s="1" t="s">
        <v>96627</v>
      </c>
      <c r="C29014" s="1" t="s">
        <v>35</v>
      </c>
      <c r="D29014" s="1" t="s">
        <v>102184</v>
      </c>
      <c r="E29014" s="1" t="s">
        <v>102185</v>
      </c>
      <c r="F29014" s="1" t="s">
        <v>102186</v>
      </c>
      <c r="G29014" s="1" t="s">
        <v>102167</v>
      </c>
      <c r="H29014" s="1" t="s">
        <v>102168</v>
      </c>
      <c r="I29014" s="1" t="s">
        <v>96632</v>
      </c>
      <c r="J29014" s="1" t="s">
        <v>102187</v>
      </c>
    </row>
    <row r="29015" spans="1:10" x14ac:dyDescent="0.35">
      <c r="A29015" s="1" t="s">
        <v>102163</v>
      </c>
      <c r="B29015" s="1" t="s">
        <v>96627</v>
      </c>
      <c r="C29015" s="1" t="s">
        <v>40</v>
      </c>
      <c r="D29015" s="1" t="s">
        <v>102188</v>
      </c>
      <c r="E29015" s="1" t="s">
        <v>102189</v>
      </c>
      <c r="F29015" s="1" t="s">
        <v>102190</v>
      </c>
      <c r="G29015" s="1" t="s">
        <v>102167</v>
      </c>
      <c r="H29015" s="1" t="s">
        <v>102168</v>
      </c>
      <c r="I29015" s="1" t="s">
        <v>96632</v>
      </c>
      <c r="J29015" s="1" t="s">
        <v>102191</v>
      </c>
    </row>
    <row r="29016" spans="1:10" x14ac:dyDescent="0.35">
      <c r="A29016" s="1" t="s">
        <v>102163</v>
      </c>
      <c r="B29016" s="1" t="s">
        <v>96627</v>
      </c>
      <c r="C29016" s="1" t="s">
        <v>45</v>
      </c>
      <c r="D29016" s="1" t="s">
        <v>102192</v>
      </c>
      <c r="E29016" s="1" t="s">
        <v>102193</v>
      </c>
      <c r="F29016" s="1" t="s">
        <v>102194</v>
      </c>
      <c r="G29016" s="1" t="s">
        <v>102167</v>
      </c>
      <c r="H29016" s="1" t="s">
        <v>102168</v>
      </c>
      <c r="I29016" s="1" t="s">
        <v>96632</v>
      </c>
      <c r="J29016" s="1" t="s">
        <v>102195</v>
      </c>
    </row>
    <row r="29017" spans="1:10" x14ac:dyDescent="0.35">
      <c r="A29017" s="1" t="s">
        <v>102163</v>
      </c>
      <c r="B29017" s="1" t="s">
        <v>96627</v>
      </c>
      <c r="C29017" s="1" t="s">
        <v>50</v>
      </c>
      <c r="D29017" s="1" t="s">
        <v>64436</v>
      </c>
      <c r="E29017" s="1" t="s">
        <v>102196</v>
      </c>
      <c r="F29017" s="1" t="s">
        <v>102197</v>
      </c>
      <c r="G29017" s="1" t="s">
        <v>102167</v>
      </c>
      <c r="H29017" s="1" t="s">
        <v>102168</v>
      </c>
      <c r="I29017" s="1" t="s">
        <v>96632</v>
      </c>
      <c r="J29017" s="1" t="s">
        <v>102198</v>
      </c>
    </row>
    <row r="29018" spans="1:10" x14ac:dyDescent="0.35">
      <c r="A29018" s="1" t="s">
        <v>102163</v>
      </c>
      <c r="B29018" s="1" t="s">
        <v>96627</v>
      </c>
      <c r="C29018" s="1" t="s">
        <v>55</v>
      </c>
      <c r="D29018" s="1" t="s">
        <v>102199</v>
      </c>
      <c r="E29018" s="1" t="s">
        <v>102200</v>
      </c>
      <c r="F29018" s="1" t="s">
        <v>102201</v>
      </c>
      <c r="G29018" s="1" t="s">
        <v>102167</v>
      </c>
      <c r="H29018" s="1" t="s">
        <v>102168</v>
      </c>
      <c r="I29018" s="1" t="s">
        <v>96632</v>
      </c>
      <c r="J29018" s="1" t="s">
        <v>102202</v>
      </c>
    </row>
    <row r="29019" spans="1:10" x14ac:dyDescent="0.35">
      <c r="A29019" s="1" t="s">
        <v>102163</v>
      </c>
      <c r="B29019" s="1" t="s">
        <v>96627</v>
      </c>
      <c r="C29019" s="1" t="s">
        <v>60</v>
      </c>
      <c r="D29019" s="1" t="s">
        <v>102203</v>
      </c>
      <c r="E29019" s="1" t="s">
        <v>102204</v>
      </c>
      <c r="F29019" s="1" t="s">
        <v>102205</v>
      </c>
      <c r="G29019" s="1" t="s">
        <v>102167</v>
      </c>
      <c r="H29019" s="1" t="s">
        <v>102168</v>
      </c>
      <c r="I29019" s="1" t="s">
        <v>96632</v>
      </c>
      <c r="J29019" s="1" t="s">
        <v>102206</v>
      </c>
    </row>
    <row r="29020" spans="1:10" x14ac:dyDescent="0.35">
      <c r="A29020" s="1" t="s">
        <v>102163</v>
      </c>
      <c r="B29020" s="1" t="s">
        <v>96627</v>
      </c>
      <c r="C29020" s="1" t="s">
        <v>65</v>
      </c>
      <c r="D29020" s="1" t="s">
        <v>92171</v>
      </c>
      <c r="E29020" s="1" t="s">
        <v>102207</v>
      </c>
      <c r="F29020" s="1" t="s">
        <v>102208</v>
      </c>
      <c r="G29020" s="1" t="s">
        <v>102167</v>
      </c>
      <c r="H29020" s="1" t="s">
        <v>102168</v>
      </c>
      <c r="I29020" s="1" t="s">
        <v>96632</v>
      </c>
      <c r="J29020" s="1" t="s">
        <v>102209</v>
      </c>
    </row>
    <row r="29021" spans="1:10" x14ac:dyDescent="0.35">
      <c r="A29021" s="1" t="s">
        <v>102163</v>
      </c>
      <c r="B29021" s="1" t="s">
        <v>96627</v>
      </c>
      <c r="C29021" s="1" t="s">
        <v>70</v>
      </c>
      <c r="D29021" s="1" t="s">
        <v>102210</v>
      </c>
      <c r="E29021" s="1" t="s">
        <v>102211</v>
      </c>
      <c r="F29021" s="1" t="s">
        <v>102212</v>
      </c>
      <c r="G29021" s="1" t="s">
        <v>102167</v>
      </c>
      <c r="H29021" s="1" t="s">
        <v>102168</v>
      </c>
      <c r="I29021" s="1" t="s">
        <v>96632</v>
      </c>
      <c r="J29021" s="1" t="s">
        <v>102213</v>
      </c>
    </row>
    <row r="29022" spans="1:10" x14ac:dyDescent="0.35">
      <c r="A29022" s="1" t="s">
        <v>102163</v>
      </c>
      <c r="B29022" s="1" t="s">
        <v>96627</v>
      </c>
      <c r="C29022" s="1" t="s">
        <v>75</v>
      </c>
      <c r="D29022" s="1" t="s">
        <v>102214</v>
      </c>
      <c r="E29022" s="1" t="s">
        <v>102215</v>
      </c>
      <c r="F29022" s="1" t="s">
        <v>102216</v>
      </c>
      <c r="G29022" s="1" t="s">
        <v>102167</v>
      </c>
      <c r="H29022" s="1" t="s">
        <v>102168</v>
      </c>
      <c r="I29022" s="1" t="s">
        <v>96632</v>
      </c>
      <c r="J29022" s="1" t="s">
        <v>102217</v>
      </c>
    </row>
    <row r="29023" spans="1:10" x14ac:dyDescent="0.35">
      <c r="A29023" s="1" t="s">
        <v>102163</v>
      </c>
      <c r="B29023" s="1" t="s">
        <v>96627</v>
      </c>
      <c r="C29023" s="1" t="s">
        <v>80</v>
      </c>
      <c r="D29023" s="1" t="s">
        <v>102218</v>
      </c>
      <c r="E29023" s="1" t="s">
        <v>102219</v>
      </c>
      <c r="F29023" s="1" t="s">
        <v>102220</v>
      </c>
      <c r="G29023" s="1" t="s">
        <v>102167</v>
      </c>
      <c r="H29023" s="1" t="s">
        <v>102168</v>
      </c>
      <c r="I29023" s="1" t="s">
        <v>96632</v>
      </c>
      <c r="J29023" s="1" t="s">
        <v>102221</v>
      </c>
    </row>
    <row r="29024" spans="1:10" x14ac:dyDescent="0.35">
      <c r="A29024" s="1" t="s">
        <v>102163</v>
      </c>
      <c r="B29024" s="1" t="s">
        <v>96627</v>
      </c>
      <c r="C29024" s="1" t="s">
        <v>85</v>
      </c>
      <c r="D29024" s="1" t="s">
        <v>102222</v>
      </c>
      <c r="E29024" s="1" t="s">
        <v>102223</v>
      </c>
      <c r="F29024" s="1" t="s">
        <v>102224</v>
      </c>
      <c r="G29024" s="1" t="s">
        <v>102167</v>
      </c>
      <c r="H29024" s="1" t="s">
        <v>102168</v>
      </c>
      <c r="I29024" s="1" t="s">
        <v>96632</v>
      </c>
      <c r="J29024" s="1" t="s">
        <v>102225</v>
      </c>
    </row>
    <row r="29025" spans="1:10" x14ac:dyDescent="0.35">
      <c r="A29025" s="1" t="s">
        <v>102163</v>
      </c>
      <c r="B29025" s="1" t="s">
        <v>96627</v>
      </c>
      <c r="C29025" s="1" t="s">
        <v>90</v>
      </c>
      <c r="D29025" s="1" t="s">
        <v>102226</v>
      </c>
      <c r="E29025" s="1" t="s">
        <v>102227</v>
      </c>
      <c r="F29025" s="1" t="s">
        <v>102228</v>
      </c>
      <c r="G29025" s="1" t="s">
        <v>102167</v>
      </c>
      <c r="H29025" s="1" t="s">
        <v>102168</v>
      </c>
      <c r="I29025" s="1" t="s">
        <v>96632</v>
      </c>
      <c r="J29025" s="1" t="s">
        <v>102229</v>
      </c>
    </row>
    <row r="29026" spans="1:10" x14ac:dyDescent="0.35">
      <c r="A29026" s="1" t="s">
        <v>102163</v>
      </c>
      <c r="B29026" s="1" t="s">
        <v>96627</v>
      </c>
      <c r="C29026" s="1" t="s">
        <v>95</v>
      </c>
      <c r="D29026" s="1" t="s">
        <v>90502</v>
      </c>
      <c r="E29026" s="1" t="s">
        <v>102230</v>
      </c>
      <c r="F29026" s="1" t="s">
        <v>102231</v>
      </c>
      <c r="G29026" s="1" t="s">
        <v>102167</v>
      </c>
      <c r="H29026" s="1" t="s">
        <v>102168</v>
      </c>
      <c r="I29026" s="1" t="s">
        <v>96632</v>
      </c>
      <c r="J29026" s="1" t="s">
        <v>102232</v>
      </c>
    </row>
    <row r="29027" spans="1:10" x14ac:dyDescent="0.35">
      <c r="A29027" s="1" t="s">
        <v>102163</v>
      </c>
      <c r="B29027" s="1" t="s">
        <v>96627</v>
      </c>
      <c r="C29027" s="1" t="s">
        <v>100</v>
      </c>
      <c r="D29027" s="1" t="s">
        <v>61644</v>
      </c>
      <c r="E29027" s="1" t="s">
        <v>102233</v>
      </c>
      <c r="F29027" s="1" t="s">
        <v>102234</v>
      </c>
      <c r="G29027" s="1" t="s">
        <v>102167</v>
      </c>
      <c r="H29027" s="1" t="s">
        <v>102168</v>
      </c>
      <c r="I29027" s="1" t="s">
        <v>96632</v>
      </c>
      <c r="J29027" s="1" t="s">
        <v>102235</v>
      </c>
    </row>
    <row r="29028" spans="1:10" x14ac:dyDescent="0.35">
      <c r="A29028" s="1" t="s">
        <v>102163</v>
      </c>
      <c r="B29028" s="1" t="s">
        <v>96627</v>
      </c>
      <c r="C29028" s="1" t="s">
        <v>105</v>
      </c>
      <c r="D29028" s="1" t="s">
        <v>67939</v>
      </c>
      <c r="E29028" s="1" t="s">
        <v>102236</v>
      </c>
      <c r="F29028" s="1" t="s">
        <v>102237</v>
      </c>
      <c r="G29028" s="1" t="s">
        <v>102167</v>
      </c>
      <c r="H29028" s="1" t="s">
        <v>102168</v>
      </c>
      <c r="I29028" s="1" t="s">
        <v>96632</v>
      </c>
      <c r="J29028" s="1" t="s">
        <v>102238</v>
      </c>
    </row>
    <row r="29029" spans="1:10" x14ac:dyDescent="0.35">
      <c r="A29029" s="1" t="s">
        <v>102163</v>
      </c>
      <c r="B29029" s="1" t="s">
        <v>96627</v>
      </c>
      <c r="C29029" s="1" t="s">
        <v>110</v>
      </c>
      <c r="D29029" s="1" t="s">
        <v>102239</v>
      </c>
      <c r="E29029" s="1" t="s">
        <v>102240</v>
      </c>
      <c r="F29029" s="1" t="s">
        <v>102241</v>
      </c>
      <c r="G29029" s="1" t="s">
        <v>102167</v>
      </c>
      <c r="H29029" s="1" t="s">
        <v>102168</v>
      </c>
      <c r="I29029" s="1" t="s">
        <v>96632</v>
      </c>
      <c r="J29029" s="1" t="s">
        <v>102242</v>
      </c>
    </row>
    <row r="29030" spans="1:10" x14ac:dyDescent="0.35">
      <c r="A29030" s="1" t="s">
        <v>102163</v>
      </c>
      <c r="B29030" s="1" t="s">
        <v>96627</v>
      </c>
      <c r="C29030" s="1" t="s">
        <v>115</v>
      </c>
      <c r="D29030" s="1" t="s">
        <v>102243</v>
      </c>
      <c r="E29030" s="1" t="s">
        <v>102244</v>
      </c>
      <c r="F29030" s="1" t="s">
        <v>102245</v>
      </c>
      <c r="G29030" s="1" t="s">
        <v>102167</v>
      </c>
      <c r="H29030" s="1" t="s">
        <v>102168</v>
      </c>
      <c r="I29030" s="1" t="s">
        <v>96632</v>
      </c>
      <c r="J29030" s="1" t="s">
        <v>102246</v>
      </c>
    </row>
    <row r="29031" spans="1:10" x14ac:dyDescent="0.35">
      <c r="A29031" s="1" t="s">
        <v>102163</v>
      </c>
      <c r="B29031" s="1" t="s">
        <v>96627</v>
      </c>
      <c r="C29031" s="1" t="s">
        <v>120</v>
      </c>
      <c r="D29031" s="1" t="s">
        <v>102247</v>
      </c>
      <c r="E29031" s="1" t="s">
        <v>102248</v>
      </c>
      <c r="F29031" s="1" t="s">
        <v>102249</v>
      </c>
      <c r="G29031" s="1" t="s">
        <v>102167</v>
      </c>
      <c r="H29031" s="1" t="s">
        <v>102168</v>
      </c>
      <c r="I29031" s="1" t="s">
        <v>96632</v>
      </c>
      <c r="J29031" s="1" t="s">
        <v>102250</v>
      </c>
    </row>
    <row r="29032" spans="1:10" x14ac:dyDescent="0.35">
      <c r="A29032" s="1" t="s">
        <v>102163</v>
      </c>
      <c r="B29032" s="1" t="s">
        <v>96627</v>
      </c>
      <c r="C29032" s="1" t="s">
        <v>125</v>
      </c>
      <c r="D29032" s="1" t="s">
        <v>102251</v>
      </c>
      <c r="E29032" s="1" t="s">
        <v>102252</v>
      </c>
      <c r="F29032" s="1" t="s">
        <v>102253</v>
      </c>
      <c r="G29032" s="1" t="s">
        <v>102167</v>
      </c>
      <c r="H29032" s="1" t="s">
        <v>102168</v>
      </c>
      <c r="I29032" s="1" t="s">
        <v>96632</v>
      </c>
      <c r="J29032" s="1" t="s">
        <v>102254</v>
      </c>
    </row>
    <row r="29033" spans="1:10" x14ac:dyDescent="0.35">
      <c r="A29033" s="1" t="s">
        <v>102163</v>
      </c>
      <c r="B29033" s="1" t="s">
        <v>96627</v>
      </c>
      <c r="C29033" s="1" t="s">
        <v>130</v>
      </c>
      <c r="D29033" s="1" t="s">
        <v>75795</v>
      </c>
      <c r="E29033" s="1" t="s">
        <v>102255</v>
      </c>
      <c r="F29033" s="1" t="s">
        <v>102256</v>
      </c>
      <c r="G29033" s="1" t="s">
        <v>102167</v>
      </c>
      <c r="H29033" s="1" t="s">
        <v>102168</v>
      </c>
      <c r="I29033" s="1" t="s">
        <v>96632</v>
      </c>
      <c r="J29033" s="1" t="s">
        <v>102257</v>
      </c>
    </row>
    <row r="29034" spans="1:10" x14ac:dyDescent="0.35">
      <c r="A29034" s="1" t="s">
        <v>102163</v>
      </c>
      <c r="B29034" s="1" t="s">
        <v>96627</v>
      </c>
      <c r="C29034" s="1" t="s">
        <v>135</v>
      </c>
      <c r="D29034" s="1" t="s">
        <v>102258</v>
      </c>
      <c r="E29034" s="1" t="s">
        <v>102259</v>
      </c>
      <c r="F29034" s="1" t="s">
        <v>102260</v>
      </c>
      <c r="G29034" s="1" t="s">
        <v>102167</v>
      </c>
      <c r="H29034" s="1" t="s">
        <v>102168</v>
      </c>
      <c r="I29034" s="1" t="s">
        <v>96632</v>
      </c>
      <c r="J29034" s="1" t="s">
        <v>102261</v>
      </c>
    </row>
    <row r="29035" spans="1:10" x14ac:dyDescent="0.35">
      <c r="A29035" s="1" t="s">
        <v>102163</v>
      </c>
      <c r="B29035" s="1" t="s">
        <v>96627</v>
      </c>
      <c r="C29035" s="1" t="s">
        <v>140</v>
      </c>
      <c r="D29035" s="1" t="s">
        <v>102262</v>
      </c>
      <c r="E29035" s="1" t="s">
        <v>102263</v>
      </c>
      <c r="F29035" s="1" t="s">
        <v>102264</v>
      </c>
      <c r="G29035" s="1" t="s">
        <v>102167</v>
      </c>
      <c r="H29035" s="1" t="s">
        <v>102168</v>
      </c>
      <c r="I29035" s="1" t="s">
        <v>96632</v>
      </c>
      <c r="J29035" s="1" t="s">
        <v>102265</v>
      </c>
    </row>
    <row r="29036" spans="1:10" x14ac:dyDescent="0.35">
      <c r="A29036" s="1" t="s">
        <v>102163</v>
      </c>
      <c r="B29036" s="1" t="s">
        <v>96627</v>
      </c>
      <c r="C29036" s="1" t="s">
        <v>145</v>
      </c>
      <c r="D29036" s="1" t="s">
        <v>43488</v>
      </c>
      <c r="E29036" s="1" t="s">
        <v>102266</v>
      </c>
      <c r="F29036" s="1" t="s">
        <v>102267</v>
      </c>
      <c r="G29036" s="1" t="s">
        <v>102167</v>
      </c>
      <c r="H29036" s="1" t="s">
        <v>102168</v>
      </c>
      <c r="I29036" s="1" t="s">
        <v>96632</v>
      </c>
      <c r="J29036" s="1" t="s">
        <v>102268</v>
      </c>
    </row>
    <row r="29037" spans="1:10" x14ac:dyDescent="0.35">
      <c r="A29037" s="1" t="s">
        <v>102163</v>
      </c>
      <c r="B29037" s="1" t="s">
        <v>96627</v>
      </c>
      <c r="C29037" s="1" t="s">
        <v>150</v>
      </c>
      <c r="D29037" s="1" t="s">
        <v>95684</v>
      </c>
      <c r="E29037" s="1" t="s">
        <v>102269</v>
      </c>
      <c r="F29037" s="1" t="s">
        <v>102270</v>
      </c>
      <c r="G29037" s="1" t="s">
        <v>102167</v>
      </c>
      <c r="H29037" s="1" t="s">
        <v>102168</v>
      </c>
      <c r="I29037" s="1" t="s">
        <v>96632</v>
      </c>
      <c r="J29037" s="1" t="s">
        <v>102271</v>
      </c>
    </row>
    <row r="29038" spans="1:10" x14ac:dyDescent="0.35">
      <c r="A29038" s="1" t="s">
        <v>102163</v>
      </c>
      <c r="B29038" s="1" t="s">
        <v>96627</v>
      </c>
      <c r="C29038" s="1" t="s">
        <v>155</v>
      </c>
      <c r="D29038" s="1" t="s">
        <v>91847</v>
      </c>
      <c r="E29038" s="1" t="s">
        <v>102272</v>
      </c>
      <c r="F29038" s="1" t="s">
        <v>102273</v>
      </c>
      <c r="G29038" s="1" t="s">
        <v>102167</v>
      </c>
      <c r="H29038" s="1" t="s">
        <v>102168</v>
      </c>
      <c r="I29038" s="1" t="s">
        <v>96632</v>
      </c>
      <c r="J29038" s="1" t="s">
        <v>102274</v>
      </c>
    </row>
    <row r="29039" spans="1:10" x14ac:dyDescent="0.35">
      <c r="A29039" s="1" t="s">
        <v>102163</v>
      </c>
      <c r="B29039" s="1" t="s">
        <v>96627</v>
      </c>
      <c r="C29039" s="1" t="s">
        <v>160</v>
      </c>
      <c r="D29039" s="1" t="s">
        <v>102275</v>
      </c>
      <c r="E29039" s="1" t="s">
        <v>102276</v>
      </c>
      <c r="F29039" s="1" t="s">
        <v>102277</v>
      </c>
      <c r="G29039" s="1" t="s">
        <v>102167</v>
      </c>
      <c r="H29039" s="1" t="s">
        <v>102168</v>
      </c>
      <c r="I29039" s="1" t="s">
        <v>96632</v>
      </c>
      <c r="J29039" s="1" t="s">
        <v>102278</v>
      </c>
    </row>
    <row r="29040" spans="1:10" x14ac:dyDescent="0.35">
      <c r="A29040" s="1" t="s">
        <v>102163</v>
      </c>
      <c r="B29040" s="1" t="s">
        <v>96627</v>
      </c>
      <c r="C29040" s="1" t="s">
        <v>165</v>
      </c>
      <c r="D29040" s="1" t="s">
        <v>53018</v>
      </c>
      <c r="E29040" s="1" t="s">
        <v>102279</v>
      </c>
      <c r="F29040" s="1" t="s">
        <v>102280</v>
      </c>
      <c r="G29040" s="1" t="s">
        <v>102167</v>
      </c>
      <c r="H29040" s="1" t="s">
        <v>102168</v>
      </c>
      <c r="I29040" s="1" t="s">
        <v>96632</v>
      </c>
      <c r="J29040" s="1" t="s">
        <v>102281</v>
      </c>
    </row>
    <row r="29041" spans="1:10" x14ac:dyDescent="0.35">
      <c r="A29041" s="1" t="s">
        <v>102163</v>
      </c>
      <c r="B29041" s="1" t="s">
        <v>96627</v>
      </c>
      <c r="C29041" s="1" t="s">
        <v>170</v>
      </c>
      <c r="D29041" s="1" t="s">
        <v>59427</v>
      </c>
      <c r="E29041" s="1" t="s">
        <v>102282</v>
      </c>
      <c r="F29041" s="1" t="s">
        <v>102283</v>
      </c>
      <c r="G29041" s="1" t="s">
        <v>102167</v>
      </c>
      <c r="H29041" s="1" t="s">
        <v>102168</v>
      </c>
      <c r="I29041" s="1" t="s">
        <v>96632</v>
      </c>
      <c r="J29041" s="1" t="s">
        <v>102284</v>
      </c>
    </row>
    <row r="29042" spans="1:10" x14ac:dyDescent="0.35">
      <c r="A29042" s="1" t="s">
        <v>102285</v>
      </c>
      <c r="B29042" s="1" t="s">
        <v>96627</v>
      </c>
      <c r="C29042" s="1" t="s">
        <v>8</v>
      </c>
      <c r="D29042" s="1" t="s">
        <v>102286</v>
      </c>
      <c r="E29042" s="1" t="s">
        <v>102287</v>
      </c>
      <c r="F29042" s="1" t="s">
        <v>102288</v>
      </c>
      <c r="G29042" s="1" t="s">
        <v>102289</v>
      </c>
      <c r="H29042" s="1" t="s">
        <v>102290</v>
      </c>
      <c r="I29042" s="1" t="s">
        <v>96632</v>
      </c>
      <c r="J29042" s="1" t="s">
        <v>13</v>
      </c>
    </row>
    <row r="29043" spans="1:10" x14ac:dyDescent="0.35">
      <c r="A29043" s="1" t="s">
        <v>102285</v>
      </c>
      <c r="B29043" s="1" t="s">
        <v>96627</v>
      </c>
      <c r="C29043" s="1" t="s">
        <v>15</v>
      </c>
      <c r="D29043" s="1" t="s">
        <v>102291</v>
      </c>
      <c r="E29043" s="1" t="s">
        <v>102292</v>
      </c>
      <c r="F29043" s="1" t="s">
        <v>102293</v>
      </c>
      <c r="G29043" s="1" t="s">
        <v>102289</v>
      </c>
      <c r="H29043" s="1" t="s">
        <v>102290</v>
      </c>
      <c r="I29043" s="1" t="s">
        <v>96632</v>
      </c>
      <c r="J29043" s="1" t="s">
        <v>102294</v>
      </c>
    </row>
    <row r="29044" spans="1:10" x14ac:dyDescent="0.35">
      <c r="A29044" s="1" t="s">
        <v>102285</v>
      </c>
      <c r="B29044" s="1" t="s">
        <v>96627</v>
      </c>
      <c r="C29044" s="1" t="s">
        <v>20</v>
      </c>
      <c r="D29044" s="1" t="s">
        <v>102295</v>
      </c>
      <c r="E29044" s="1" t="s">
        <v>102296</v>
      </c>
      <c r="F29044" s="1" t="s">
        <v>102297</v>
      </c>
      <c r="G29044" s="1" t="s">
        <v>102289</v>
      </c>
      <c r="H29044" s="1" t="s">
        <v>102290</v>
      </c>
      <c r="I29044" s="1" t="s">
        <v>96632</v>
      </c>
      <c r="J29044" s="1" t="s">
        <v>102298</v>
      </c>
    </row>
    <row r="29045" spans="1:10" x14ac:dyDescent="0.35">
      <c r="A29045" s="1" t="s">
        <v>102285</v>
      </c>
      <c r="B29045" s="1" t="s">
        <v>96627</v>
      </c>
      <c r="C29045" s="1" t="s">
        <v>25</v>
      </c>
      <c r="D29045" s="1" t="s">
        <v>81367</v>
      </c>
      <c r="E29045" s="1" t="s">
        <v>102299</v>
      </c>
      <c r="F29045" s="1" t="s">
        <v>102300</v>
      </c>
      <c r="G29045" s="1" t="s">
        <v>102289</v>
      </c>
      <c r="H29045" s="1" t="s">
        <v>102290</v>
      </c>
      <c r="I29045" s="1" t="s">
        <v>96632</v>
      </c>
      <c r="J29045" s="1" t="s">
        <v>102301</v>
      </c>
    </row>
    <row r="29046" spans="1:10" x14ac:dyDescent="0.35">
      <c r="A29046" s="1" t="s">
        <v>102285</v>
      </c>
      <c r="B29046" s="1" t="s">
        <v>96627</v>
      </c>
      <c r="C29046" s="1" t="s">
        <v>30</v>
      </c>
      <c r="D29046" s="1" t="s">
        <v>102302</v>
      </c>
      <c r="E29046" s="1" t="s">
        <v>102303</v>
      </c>
      <c r="F29046" s="1" t="s">
        <v>102304</v>
      </c>
      <c r="G29046" s="1" t="s">
        <v>102289</v>
      </c>
      <c r="H29046" s="1" t="s">
        <v>102290</v>
      </c>
      <c r="I29046" s="1" t="s">
        <v>96632</v>
      </c>
      <c r="J29046" s="1" t="s">
        <v>102305</v>
      </c>
    </row>
    <row r="29047" spans="1:10" x14ac:dyDescent="0.35">
      <c r="A29047" s="1" t="s">
        <v>102285</v>
      </c>
      <c r="B29047" s="1" t="s">
        <v>96627</v>
      </c>
      <c r="C29047" s="1" t="s">
        <v>35</v>
      </c>
      <c r="D29047" s="1" t="s">
        <v>57304</v>
      </c>
      <c r="E29047" s="1" t="s">
        <v>102306</v>
      </c>
      <c r="F29047" s="1" t="s">
        <v>102307</v>
      </c>
      <c r="G29047" s="1" t="s">
        <v>102289</v>
      </c>
      <c r="H29047" s="1" t="s">
        <v>102290</v>
      </c>
      <c r="I29047" s="1" t="s">
        <v>96632</v>
      </c>
      <c r="J29047" s="1" t="s">
        <v>102308</v>
      </c>
    </row>
    <row r="29048" spans="1:10" x14ac:dyDescent="0.35">
      <c r="A29048" s="1" t="s">
        <v>102285</v>
      </c>
      <c r="B29048" s="1" t="s">
        <v>96627</v>
      </c>
      <c r="C29048" s="1" t="s">
        <v>40</v>
      </c>
      <c r="D29048" s="1" t="s">
        <v>102309</v>
      </c>
      <c r="E29048" s="1" t="s">
        <v>102310</v>
      </c>
      <c r="F29048" s="1" t="s">
        <v>102311</v>
      </c>
      <c r="G29048" s="1" t="s">
        <v>102289</v>
      </c>
      <c r="H29048" s="1" t="s">
        <v>102290</v>
      </c>
      <c r="I29048" s="1" t="s">
        <v>96632</v>
      </c>
      <c r="J29048" s="1" t="s">
        <v>102312</v>
      </c>
    </row>
    <row r="29049" spans="1:10" x14ac:dyDescent="0.35">
      <c r="A29049" s="1" t="s">
        <v>102285</v>
      </c>
      <c r="B29049" s="1" t="s">
        <v>96627</v>
      </c>
      <c r="C29049" s="1" t="s">
        <v>45</v>
      </c>
      <c r="D29049" s="1" t="s">
        <v>61125</v>
      </c>
      <c r="E29049" s="1" t="s">
        <v>102313</v>
      </c>
      <c r="F29049" s="1" t="s">
        <v>102314</v>
      </c>
      <c r="G29049" s="1" t="s">
        <v>102289</v>
      </c>
      <c r="H29049" s="1" t="s">
        <v>102290</v>
      </c>
      <c r="I29049" s="1" t="s">
        <v>96632</v>
      </c>
      <c r="J29049" s="1" t="s">
        <v>102315</v>
      </c>
    </row>
    <row r="29050" spans="1:10" x14ac:dyDescent="0.35">
      <c r="A29050" s="1" t="s">
        <v>102285</v>
      </c>
      <c r="B29050" s="1" t="s">
        <v>96627</v>
      </c>
      <c r="C29050" s="1" t="s">
        <v>50</v>
      </c>
      <c r="D29050" s="1" t="s">
        <v>102316</v>
      </c>
      <c r="E29050" s="1" t="s">
        <v>102317</v>
      </c>
      <c r="F29050" s="1" t="s">
        <v>102318</v>
      </c>
      <c r="G29050" s="1" t="s">
        <v>102289</v>
      </c>
      <c r="H29050" s="1" t="s">
        <v>102290</v>
      </c>
      <c r="I29050" s="1" t="s">
        <v>96632</v>
      </c>
      <c r="J29050" s="1" t="s">
        <v>102319</v>
      </c>
    </row>
    <row r="29051" spans="1:10" x14ac:dyDescent="0.35">
      <c r="A29051" s="1" t="s">
        <v>102285</v>
      </c>
      <c r="B29051" s="1" t="s">
        <v>96627</v>
      </c>
      <c r="C29051" s="1" t="s">
        <v>55</v>
      </c>
      <c r="D29051" s="1" t="s">
        <v>95510</v>
      </c>
      <c r="E29051" s="1" t="s">
        <v>102320</v>
      </c>
      <c r="F29051" s="1" t="s">
        <v>102321</v>
      </c>
      <c r="G29051" s="1" t="s">
        <v>102289</v>
      </c>
      <c r="H29051" s="1" t="s">
        <v>102290</v>
      </c>
      <c r="I29051" s="1" t="s">
        <v>96632</v>
      </c>
      <c r="J29051" s="1" t="s">
        <v>102322</v>
      </c>
    </row>
    <row r="29052" spans="1:10" x14ac:dyDescent="0.35">
      <c r="A29052" s="1" t="s">
        <v>102285</v>
      </c>
      <c r="B29052" s="1" t="s">
        <v>96627</v>
      </c>
      <c r="C29052" s="1" t="s">
        <v>60</v>
      </c>
      <c r="D29052" s="1" t="s">
        <v>102323</v>
      </c>
      <c r="E29052" s="1" t="s">
        <v>102324</v>
      </c>
      <c r="F29052" s="1" t="s">
        <v>102325</v>
      </c>
      <c r="G29052" s="1" t="s">
        <v>102289</v>
      </c>
      <c r="H29052" s="1" t="s">
        <v>102290</v>
      </c>
      <c r="I29052" s="1" t="s">
        <v>96632</v>
      </c>
      <c r="J29052" s="1" t="s">
        <v>102326</v>
      </c>
    </row>
    <row r="29053" spans="1:10" x14ac:dyDescent="0.35">
      <c r="A29053" s="1" t="s">
        <v>102285</v>
      </c>
      <c r="B29053" s="1" t="s">
        <v>96627</v>
      </c>
      <c r="C29053" s="1" t="s">
        <v>65</v>
      </c>
      <c r="D29053" s="1" t="s">
        <v>93545</v>
      </c>
      <c r="E29053" s="1" t="s">
        <v>102327</v>
      </c>
      <c r="F29053" s="1" t="s">
        <v>102328</v>
      </c>
      <c r="G29053" s="1" t="s">
        <v>102289</v>
      </c>
      <c r="H29053" s="1" t="s">
        <v>102290</v>
      </c>
      <c r="I29053" s="1" t="s">
        <v>96632</v>
      </c>
      <c r="J29053" s="1" t="s">
        <v>102329</v>
      </c>
    </row>
    <row r="29054" spans="1:10" x14ac:dyDescent="0.35">
      <c r="A29054" s="1" t="s">
        <v>102285</v>
      </c>
      <c r="B29054" s="1" t="s">
        <v>96627</v>
      </c>
      <c r="C29054" s="1" t="s">
        <v>70</v>
      </c>
      <c r="D29054" s="1" t="s">
        <v>102330</v>
      </c>
      <c r="E29054" s="1" t="s">
        <v>102331</v>
      </c>
      <c r="F29054" s="1" t="s">
        <v>102332</v>
      </c>
      <c r="G29054" s="1" t="s">
        <v>102289</v>
      </c>
      <c r="H29054" s="1" t="s">
        <v>102290</v>
      </c>
      <c r="I29054" s="1" t="s">
        <v>96632</v>
      </c>
      <c r="J29054" s="1" t="s">
        <v>102333</v>
      </c>
    </row>
    <row r="29055" spans="1:10" x14ac:dyDescent="0.35">
      <c r="A29055" s="1" t="s">
        <v>102285</v>
      </c>
      <c r="B29055" s="1" t="s">
        <v>96627</v>
      </c>
      <c r="C29055" s="1" t="s">
        <v>75</v>
      </c>
      <c r="D29055" s="1" t="s">
        <v>65764</v>
      </c>
      <c r="E29055" s="1" t="s">
        <v>102334</v>
      </c>
      <c r="F29055" s="1" t="s">
        <v>102335</v>
      </c>
      <c r="G29055" s="1" t="s">
        <v>102289</v>
      </c>
      <c r="H29055" s="1" t="s">
        <v>102290</v>
      </c>
      <c r="I29055" s="1" t="s">
        <v>96632</v>
      </c>
      <c r="J29055" s="1" t="s">
        <v>102336</v>
      </c>
    </row>
    <row r="29056" spans="1:10" x14ac:dyDescent="0.35">
      <c r="A29056" s="1" t="s">
        <v>102285</v>
      </c>
      <c r="B29056" s="1" t="s">
        <v>96627</v>
      </c>
      <c r="C29056" s="1" t="s">
        <v>80</v>
      </c>
      <c r="D29056" s="1" t="s">
        <v>102337</v>
      </c>
      <c r="E29056" s="1" t="s">
        <v>102338</v>
      </c>
      <c r="F29056" s="1" t="s">
        <v>102339</v>
      </c>
      <c r="G29056" s="1" t="s">
        <v>102289</v>
      </c>
      <c r="H29056" s="1" t="s">
        <v>102290</v>
      </c>
      <c r="I29056" s="1" t="s">
        <v>96632</v>
      </c>
      <c r="J29056" s="1" t="s">
        <v>102340</v>
      </c>
    </row>
    <row r="29057" spans="1:10" x14ac:dyDescent="0.35">
      <c r="A29057" s="1" t="s">
        <v>102285</v>
      </c>
      <c r="B29057" s="1" t="s">
        <v>96627</v>
      </c>
      <c r="C29057" s="1" t="s">
        <v>85</v>
      </c>
      <c r="D29057" s="1" t="s">
        <v>33359</v>
      </c>
      <c r="E29057" s="1" t="s">
        <v>102341</v>
      </c>
      <c r="F29057" s="1" t="s">
        <v>102342</v>
      </c>
      <c r="G29057" s="1" t="s">
        <v>102289</v>
      </c>
      <c r="H29057" s="1" t="s">
        <v>102290</v>
      </c>
      <c r="I29057" s="1" t="s">
        <v>96632</v>
      </c>
      <c r="J29057" s="1" t="s">
        <v>102343</v>
      </c>
    </row>
    <row r="29058" spans="1:10" x14ac:dyDescent="0.35">
      <c r="A29058" s="1" t="s">
        <v>102285</v>
      </c>
      <c r="B29058" s="1" t="s">
        <v>96627</v>
      </c>
      <c r="C29058" s="1" t="s">
        <v>90</v>
      </c>
      <c r="D29058" s="1" t="s">
        <v>102344</v>
      </c>
      <c r="E29058" s="1" t="s">
        <v>102345</v>
      </c>
      <c r="F29058" s="1" t="s">
        <v>102346</v>
      </c>
      <c r="G29058" s="1" t="s">
        <v>102289</v>
      </c>
      <c r="H29058" s="1" t="s">
        <v>102290</v>
      </c>
      <c r="I29058" s="1" t="s">
        <v>96632</v>
      </c>
      <c r="J29058" s="1" t="s">
        <v>102347</v>
      </c>
    </row>
    <row r="29059" spans="1:10" x14ac:dyDescent="0.35">
      <c r="A29059" s="1" t="s">
        <v>102285</v>
      </c>
      <c r="B29059" s="1" t="s">
        <v>96627</v>
      </c>
      <c r="C29059" s="1" t="s">
        <v>95</v>
      </c>
      <c r="D29059" s="1" t="s">
        <v>33273</v>
      </c>
      <c r="E29059" s="1" t="s">
        <v>102348</v>
      </c>
      <c r="F29059" s="1" t="s">
        <v>102349</v>
      </c>
      <c r="G29059" s="1" t="s">
        <v>102289</v>
      </c>
      <c r="H29059" s="1" t="s">
        <v>102290</v>
      </c>
      <c r="I29059" s="1" t="s">
        <v>96632</v>
      </c>
      <c r="J29059" s="1" t="s">
        <v>102350</v>
      </c>
    </row>
    <row r="29060" spans="1:10" x14ac:dyDescent="0.35">
      <c r="A29060" s="1" t="s">
        <v>102285</v>
      </c>
      <c r="B29060" s="1" t="s">
        <v>96627</v>
      </c>
      <c r="C29060" s="1" t="s">
        <v>100</v>
      </c>
      <c r="D29060" s="1" t="s">
        <v>87859</v>
      </c>
      <c r="E29060" s="1" t="s">
        <v>102351</v>
      </c>
      <c r="F29060" s="1" t="s">
        <v>102352</v>
      </c>
      <c r="G29060" s="1" t="s">
        <v>102289</v>
      </c>
      <c r="H29060" s="1" t="s">
        <v>102290</v>
      </c>
      <c r="I29060" s="1" t="s">
        <v>96632</v>
      </c>
      <c r="J29060" s="1" t="s">
        <v>102353</v>
      </c>
    </row>
    <row r="29061" spans="1:10" x14ac:dyDescent="0.35">
      <c r="A29061" s="1" t="s">
        <v>102285</v>
      </c>
      <c r="B29061" s="1" t="s">
        <v>96627</v>
      </c>
      <c r="C29061" s="1" t="s">
        <v>105</v>
      </c>
      <c r="D29061" s="1" t="s">
        <v>102354</v>
      </c>
      <c r="E29061" s="1" t="s">
        <v>102355</v>
      </c>
      <c r="F29061" s="1" t="s">
        <v>102356</v>
      </c>
      <c r="G29061" s="1" t="s">
        <v>102289</v>
      </c>
      <c r="H29061" s="1" t="s">
        <v>102290</v>
      </c>
      <c r="I29061" s="1" t="s">
        <v>96632</v>
      </c>
      <c r="J29061" s="1" t="s">
        <v>102357</v>
      </c>
    </row>
    <row r="29062" spans="1:10" x14ac:dyDescent="0.35">
      <c r="A29062" s="1" t="s">
        <v>102285</v>
      </c>
      <c r="B29062" s="1" t="s">
        <v>96627</v>
      </c>
      <c r="C29062" s="1" t="s">
        <v>110</v>
      </c>
      <c r="D29062" s="1" t="s">
        <v>102358</v>
      </c>
      <c r="E29062" s="1" t="s">
        <v>102359</v>
      </c>
      <c r="F29062" s="1" t="s">
        <v>102360</v>
      </c>
      <c r="G29062" s="1" t="s">
        <v>102289</v>
      </c>
      <c r="H29062" s="1" t="s">
        <v>102290</v>
      </c>
      <c r="I29062" s="1" t="s">
        <v>96632</v>
      </c>
      <c r="J29062" s="1" t="s">
        <v>102361</v>
      </c>
    </row>
    <row r="29063" spans="1:10" x14ac:dyDescent="0.35">
      <c r="A29063" s="1" t="s">
        <v>102285</v>
      </c>
      <c r="B29063" s="1" t="s">
        <v>96627</v>
      </c>
      <c r="C29063" s="1" t="s">
        <v>115</v>
      </c>
      <c r="D29063" s="1" t="s">
        <v>22061</v>
      </c>
      <c r="E29063" s="1" t="s">
        <v>102362</v>
      </c>
      <c r="F29063" s="1" t="s">
        <v>102363</v>
      </c>
      <c r="G29063" s="1" t="s">
        <v>102289</v>
      </c>
      <c r="H29063" s="1" t="s">
        <v>102290</v>
      </c>
      <c r="I29063" s="1" t="s">
        <v>96632</v>
      </c>
      <c r="J29063" s="1" t="s">
        <v>102364</v>
      </c>
    </row>
    <row r="29064" spans="1:10" x14ac:dyDescent="0.35">
      <c r="A29064" s="1" t="s">
        <v>102285</v>
      </c>
      <c r="B29064" s="1" t="s">
        <v>96627</v>
      </c>
      <c r="C29064" s="1" t="s">
        <v>120</v>
      </c>
      <c r="D29064" s="1" t="s">
        <v>61499</v>
      </c>
      <c r="E29064" s="1" t="s">
        <v>102365</v>
      </c>
      <c r="F29064" s="1" t="s">
        <v>102366</v>
      </c>
      <c r="G29064" s="1" t="s">
        <v>102289</v>
      </c>
      <c r="H29064" s="1" t="s">
        <v>102290</v>
      </c>
      <c r="I29064" s="1" t="s">
        <v>96632</v>
      </c>
      <c r="J29064" s="1" t="s">
        <v>102367</v>
      </c>
    </row>
    <row r="29065" spans="1:10" x14ac:dyDescent="0.35">
      <c r="A29065" s="1" t="s">
        <v>102285</v>
      </c>
      <c r="B29065" s="1" t="s">
        <v>96627</v>
      </c>
      <c r="C29065" s="1" t="s">
        <v>125</v>
      </c>
      <c r="D29065" s="1" t="s">
        <v>102368</v>
      </c>
      <c r="E29065" s="1" t="s">
        <v>102369</v>
      </c>
      <c r="F29065" s="1" t="s">
        <v>102370</v>
      </c>
      <c r="G29065" s="1" t="s">
        <v>102289</v>
      </c>
      <c r="H29065" s="1" t="s">
        <v>102290</v>
      </c>
      <c r="I29065" s="1" t="s">
        <v>96632</v>
      </c>
      <c r="J29065" s="1" t="s">
        <v>102371</v>
      </c>
    </row>
    <row r="29066" spans="1:10" x14ac:dyDescent="0.35">
      <c r="A29066" s="1" t="s">
        <v>102285</v>
      </c>
      <c r="B29066" s="1" t="s">
        <v>96627</v>
      </c>
      <c r="C29066" s="1" t="s">
        <v>130</v>
      </c>
      <c r="D29066" s="1" t="s">
        <v>102372</v>
      </c>
      <c r="E29066" s="1" t="s">
        <v>102373</v>
      </c>
      <c r="F29066" s="1" t="s">
        <v>102374</v>
      </c>
      <c r="G29066" s="1" t="s">
        <v>102289</v>
      </c>
      <c r="H29066" s="1" t="s">
        <v>102290</v>
      </c>
      <c r="I29066" s="1" t="s">
        <v>96632</v>
      </c>
      <c r="J29066" s="1" t="s">
        <v>102375</v>
      </c>
    </row>
    <row r="29067" spans="1:10" x14ac:dyDescent="0.35">
      <c r="A29067" s="1" t="s">
        <v>102285</v>
      </c>
      <c r="B29067" s="1" t="s">
        <v>96627</v>
      </c>
      <c r="C29067" s="1" t="s">
        <v>135</v>
      </c>
      <c r="D29067" s="1" t="s">
        <v>102376</v>
      </c>
      <c r="E29067" s="1" t="s">
        <v>102377</v>
      </c>
      <c r="F29067" s="1" t="s">
        <v>102378</v>
      </c>
      <c r="G29067" s="1" t="s">
        <v>102289</v>
      </c>
      <c r="H29067" s="1" t="s">
        <v>102290</v>
      </c>
      <c r="I29067" s="1" t="s">
        <v>96632</v>
      </c>
      <c r="J29067" s="1" t="s">
        <v>102379</v>
      </c>
    </row>
    <row r="29068" spans="1:10" x14ac:dyDescent="0.35">
      <c r="A29068" s="1" t="s">
        <v>102285</v>
      </c>
      <c r="B29068" s="1" t="s">
        <v>96627</v>
      </c>
      <c r="C29068" s="1" t="s">
        <v>140</v>
      </c>
      <c r="D29068" s="1" t="s">
        <v>55881</v>
      </c>
      <c r="E29068" s="1" t="s">
        <v>102380</v>
      </c>
      <c r="F29068" s="1" t="s">
        <v>102381</v>
      </c>
      <c r="G29068" s="1" t="s">
        <v>102289</v>
      </c>
      <c r="H29068" s="1" t="s">
        <v>102290</v>
      </c>
      <c r="I29068" s="1" t="s">
        <v>96632</v>
      </c>
      <c r="J29068" s="1" t="s">
        <v>102382</v>
      </c>
    </row>
    <row r="29069" spans="1:10" x14ac:dyDescent="0.35">
      <c r="A29069" s="1" t="s">
        <v>102285</v>
      </c>
      <c r="B29069" s="1" t="s">
        <v>96627</v>
      </c>
      <c r="C29069" s="1" t="s">
        <v>145</v>
      </c>
      <c r="D29069" s="1" t="s">
        <v>102383</v>
      </c>
      <c r="E29069" s="1" t="s">
        <v>102384</v>
      </c>
      <c r="F29069" s="1" t="s">
        <v>102385</v>
      </c>
      <c r="G29069" s="1" t="s">
        <v>102289</v>
      </c>
      <c r="H29069" s="1" t="s">
        <v>102290</v>
      </c>
      <c r="I29069" s="1" t="s">
        <v>96632</v>
      </c>
      <c r="J29069" s="1" t="s">
        <v>102386</v>
      </c>
    </row>
    <row r="29070" spans="1:10" x14ac:dyDescent="0.35">
      <c r="A29070" s="1" t="s">
        <v>102285</v>
      </c>
      <c r="B29070" s="1" t="s">
        <v>96627</v>
      </c>
      <c r="C29070" s="1" t="s">
        <v>150</v>
      </c>
      <c r="D29070" s="1" t="s">
        <v>102387</v>
      </c>
      <c r="E29070" s="1" t="s">
        <v>102388</v>
      </c>
      <c r="F29070" s="1" t="s">
        <v>102389</v>
      </c>
      <c r="G29070" s="1" t="s">
        <v>102289</v>
      </c>
      <c r="H29070" s="1" t="s">
        <v>102290</v>
      </c>
      <c r="I29070" s="1" t="s">
        <v>96632</v>
      </c>
      <c r="J29070" s="1" t="s">
        <v>102390</v>
      </c>
    </row>
    <row r="29071" spans="1:10" x14ac:dyDescent="0.35">
      <c r="A29071" s="1" t="s">
        <v>102285</v>
      </c>
      <c r="B29071" s="1" t="s">
        <v>96627</v>
      </c>
      <c r="C29071" s="1" t="s">
        <v>155</v>
      </c>
      <c r="D29071" s="1" t="s">
        <v>60464</v>
      </c>
      <c r="E29071" s="1" t="s">
        <v>102391</v>
      </c>
      <c r="F29071" s="1" t="s">
        <v>102392</v>
      </c>
      <c r="G29071" s="1" t="s">
        <v>102289</v>
      </c>
      <c r="H29071" s="1" t="s">
        <v>102290</v>
      </c>
      <c r="I29071" s="1" t="s">
        <v>96632</v>
      </c>
      <c r="J29071" s="1" t="s">
        <v>102393</v>
      </c>
    </row>
    <row r="29072" spans="1:10" x14ac:dyDescent="0.35">
      <c r="A29072" s="1" t="s">
        <v>102285</v>
      </c>
      <c r="B29072" s="1" t="s">
        <v>96627</v>
      </c>
      <c r="C29072" s="1" t="s">
        <v>160</v>
      </c>
      <c r="D29072" s="1" t="s">
        <v>54962</v>
      </c>
      <c r="E29072" s="1" t="s">
        <v>102394</v>
      </c>
      <c r="F29072" s="1" t="s">
        <v>102395</v>
      </c>
      <c r="G29072" s="1" t="s">
        <v>102289</v>
      </c>
      <c r="H29072" s="1" t="s">
        <v>102290</v>
      </c>
      <c r="I29072" s="1" t="s">
        <v>96632</v>
      </c>
      <c r="J29072" s="1" t="s">
        <v>102396</v>
      </c>
    </row>
    <row r="29073" spans="1:10" x14ac:dyDescent="0.35">
      <c r="A29073" s="1" t="s">
        <v>102285</v>
      </c>
      <c r="B29073" s="1" t="s">
        <v>96627</v>
      </c>
      <c r="C29073" s="1" t="s">
        <v>165</v>
      </c>
      <c r="D29073" s="1" t="s">
        <v>69217</v>
      </c>
      <c r="E29073" s="1" t="s">
        <v>102397</v>
      </c>
      <c r="F29073" s="1" t="s">
        <v>102398</v>
      </c>
      <c r="G29073" s="1" t="s">
        <v>102289</v>
      </c>
      <c r="H29073" s="1" t="s">
        <v>102290</v>
      </c>
      <c r="I29073" s="1" t="s">
        <v>96632</v>
      </c>
      <c r="J29073" s="1" t="s">
        <v>102399</v>
      </c>
    </row>
    <row r="29074" spans="1:10" x14ac:dyDescent="0.35">
      <c r="A29074" s="1" t="s">
        <v>102285</v>
      </c>
      <c r="B29074" s="1" t="s">
        <v>96627</v>
      </c>
      <c r="C29074" s="1" t="s">
        <v>170</v>
      </c>
      <c r="D29074" s="1" t="s">
        <v>7412</v>
      </c>
      <c r="E29074" s="1" t="s">
        <v>102400</v>
      </c>
      <c r="F29074" s="1" t="s">
        <v>102401</v>
      </c>
      <c r="G29074" s="1" t="s">
        <v>102289</v>
      </c>
      <c r="H29074" s="1" t="s">
        <v>102290</v>
      </c>
      <c r="I29074" s="1" t="s">
        <v>96632</v>
      </c>
      <c r="J29074" s="1" t="s">
        <v>102402</v>
      </c>
    </row>
    <row r="29075" spans="1:10" x14ac:dyDescent="0.35">
      <c r="A29075" s="1" t="s">
        <v>45347</v>
      </c>
      <c r="B29075" s="1" t="s">
        <v>96627</v>
      </c>
      <c r="C29075" s="1" t="s">
        <v>8</v>
      </c>
      <c r="D29075" s="1" t="s">
        <v>67839</v>
      </c>
      <c r="E29075" s="1" t="s">
        <v>60307</v>
      </c>
      <c r="F29075" s="1" t="s">
        <v>102403</v>
      </c>
      <c r="G29075" s="1" t="s">
        <v>102404</v>
      </c>
      <c r="H29075" s="1" t="s">
        <v>102405</v>
      </c>
      <c r="I29075" s="1" t="s">
        <v>96632</v>
      </c>
      <c r="J29075" s="1" t="s">
        <v>13</v>
      </c>
    </row>
    <row r="29076" spans="1:10" x14ac:dyDescent="0.35">
      <c r="A29076" s="1" t="s">
        <v>45347</v>
      </c>
      <c r="B29076" s="1" t="s">
        <v>96627</v>
      </c>
      <c r="C29076" s="1" t="s">
        <v>15</v>
      </c>
      <c r="D29076" s="1" t="s">
        <v>62362</v>
      </c>
      <c r="E29076" s="1" t="s">
        <v>21128</v>
      </c>
      <c r="F29076" s="1" t="s">
        <v>16299</v>
      </c>
      <c r="G29076" s="1" t="s">
        <v>102404</v>
      </c>
      <c r="H29076" s="1" t="s">
        <v>102405</v>
      </c>
      <c r="I29076" s="1" t="s">
        <v>96632</v>
      </c>
      <c r="J29076" s="1" t="s">
        <v>102406</v>
      </c>
    </row>
    <row r="29077" spans="1:10" x14ac:dyDescent="0.35">
      <c r="A29077" s="1" t="s">
        <v>45347</v>
      </c>
      <c r="B29077" s="1" t="s">
        <v>96627</v>
      </c>
      <c r="C29077" s="1" t="s">
        <v>20</v>
      </c>
      <c r="D29077" s="1" t="s">
        <v>102407</v>
      </c>
      <c r="E29077" s="1" t="s">
        <v>102408</v>
      </c>
      <c r="F29077" s="1" t="s">
        <v>102409</v>
      </c>
      <c r="G29077" s="1" t="s">
        <v>102404</v>
      </c>
      <c r="H29077" s="1" t="s">
        <v>102405</v>
      </c>
      <c r="I29077" s="1" t="s">
        <v>96632</v>
      </c>
      <c r="J29077" s="1" t="s">
        <v>102410</v>
      </c>
    </row>
    <row r="29078" spans="1:10" x14ac:dyDescent="0.35">
      <c r="A29078" s="1" t="s">
        <v>45347</v>
      </c>
      <c r="B29078" s="1" t="s">
        <v>96627</v>
      </c>
      <c r="C29078" s="1" t="s">
        <v>25</v>
      </c>
      <c r="D29078" s="1" t="s">
        <v>102411</v>
      </c>
      <c r="E29078" s="1" t="s">
        <v>23806</v>
      </c>
      <c r="F29078" s="1" t="s">
        <v>102412</v>
      </c>
      <c r="G29078" s="1" t="s">
        <v>102404</v>
      </c>
      <c r="H29078" s="1" t="s">
        <v>102405</v>
      </c>
      <c r="I29078" s="1" t="s">
        <v>96632</v>
      </c>
      <c r="J29078" s="1" t="s">
        <v>102413</v>
      </c>
    </row>
    <row r="29079" spans="1:10" x14ac:dyDescent="0.35">
      <c r="A29079" s="1" t="s">
        <v>45347</v>
      </c>
      <c r="B29079" s="1" t="s">
        <v>96627</v>
      </c>
      <c r="C29079" s="1" t="s">
        <v>30</v>
      </c>
      <c r="D29079" s="1" t="s">
        <v>102414</v>
      </c>
      <c r="E29079" s="1" t="s">
        <v>62794</v>
      </c>
      <c r="F29079" s="1" t="s">
        <v>102415</v>
      </c>
      <c r="G29079" s="1" t="s">
        <v>102404</v>
      </c>
      <c r="H29079" s="1" t="s">
        <v>102405</v>
      </c>
      <c r="I29079" s="1" t="s">
        <v>96632</v>
      </c>
      <c r="J29079" s="1" t="s">
        <v>102416</v>
      </c>
    </row>
    <row r="29080" spans="1:10" x14ac:dyDescent="0.35">
      <c r="A29080" s="1" t="s">
        <v>45347</v>
      </c>
      <c r="B29080" s="1" t="s">
        <v>96627</v>
      </c>
      <c r="C29080" s="1" t="s">
        <v>35</v>
      </c>
      <c r="D29080" s="1" t="s">
        <v>80982</v>
      </c>
      <c r="E29080" s="1" t="s">
        <v>102417</v>
      </c>
      <c r="F29080" s="1" t="s">
        <v>100901</v>
      </c>
      <c r="G29080" s="1" t="s">
        <v>102404</v>
      </c>
      <c r="H29080" s="1" t="s">
        <v>102405</v>
      </c>
      <c r="I29080" s="1" t="s">
        <v>96632</v>
      </c>
      <c r="J29080" s="1" t="s">
        <v>102418</v>
      </c>
    </row>
    <row r="29081" spans="1:10" x14ac:dyDescent="0.35">
      <c r="A29081" s="1" t="s">
        <v>45347</v>
      </c>
      <c r="B29081" s="1" t="s">
        <v>96627</v>
      </c>
      <c r="C29081" s="1" t="s">
        <v>40</v>
      </c>
      <c r="D29081" s="1" t="s">
        <v>102419</v>
      </c>
      <c r="E29081" s="1" t="s">
        <v>102420</v>
      </c>
      <c r="F29081" s="1" t="s">
        <v>102421</v>
      </c>
      <c r="G29081" s="1" t="s">
        <v>102404</v>
      </c>
      <c r="H29081" s="1" t="s">
        <v>102405</v>
      </c>
      <c r="I29081" s="1" t="s">
        <v>96632</v>
      </c>
      <c r="J29081" s="1" t="s">
        <v>102422</v>
      </c>
    </row>
    <row r="29082" spans="1:10" x14ac:dyDescent="0.35">
      <c r="A29082" s="1" t="s">
        <v>45347</v>
      </c>
      <c r="B29082" s="1" t="s">
        <v>96627</v>
      </c>
      <c r="C29082" s="1" t="s">
        <v>45</v>
      </c>
      <c r="D29082" s="1" t="s">
        <v>102423</v>
      </c>
      <c r="E29082" s="1" t="s">
        <v>56994</v>
      </c>
      <c r="F29082" s="1" t="s">
        <v>22939</v>
      </c>
      <c r="G29082" s="1" t="s">
        <v>102404</v>
      </c>
      <c r="H29082" s="1" t="s">
        <v>102405</v>
      </c>
      <c r="I29082" s="1" t="s">
        <v>96632</v>
      </c>
      <c r="J29082" s="1" t="s">
        <v>102424</v>
      </c>
    </row>
    <row r="29083" spans="1:10" x14ac:dyDescent="0.35">
      <c r="A29083" s="1" t="s">
        <v>45347</v>
      </c>
      <c r="B29083" s="1" t="s">
        <v>96627</v>
      </c>
      <c r="C29083" s="1" t="s">
        <v>50</v>
      </c>
      <c r="D29083" s="1" t="s">
        <v>23167</v>
      </c>
      <c r="E29083" s="1" t="s">
        <v>21197</v>
      </c>
      <c r="F29083" s="1" t="s">
        <v>102425</v>
      </c>
      <c r="G29083" s="1" t="s">
        <v>102404</v>
      </c>
      <c r="H29083" s="1" t="s">
        <v>102405</v>
      </c>
      <c r="I29083" s="1" t="s">
        <v>96632</v>
      </c>
      <c r="J29083" s="1" t="s">
        <v>102426</v>
      </c>
    </row>
    <row r="29084" spans="1:10" x14ac:dyDescent="0.35">
      <c r="A29084" s="1" t="s">
        <v>45347</v>
      </c>
      <c r="B29084" s="1" t="s">
        <v>96627</v>
      </c>
      <c r="C29084" s="1" t="s">
        <v>55</v>
      </c>
      <c r="D29084" s="1" t="s">
        <v>102427</v>
      </c>
      <c r="E29084" s="1" t="s">
        <v>23866</v>
      </c>
      <c r="F29084" s="1" t="s">
        <v>16017</v>
      </c>
      <c r="G29084" s="1" t="s">
        <v>102404</v>
      </c>
      <c r="H29084" s="1" t="s">
        <v>102405</v>
      </c>
      <c r="I29084" s="1" t="s">
        <v>96632</v>
      </c>
      <c r="J29084" s="1" t="s">
        <v>102428</v>
      </c>
    </row>
    <row r="29085" spans="1:10" x14ac:dyDescent="0.35">
      <c r="A29085" s="1" t="s">
        <v>45347</v>
      </c>
      <c r="B29085" s="1" t="s">
        <v>96627</v>
      </c>
      <c r="C29085" s="1" t="s">
        <v>60</v>
      </c>
      <c r="D29085" s="1" t="s">
        <v>102429</v>
      </c>
      <c r="E29085" s="1" t="s">
        <v>22918</v>
      </c>
      <c r="F29085" s="1" t="s">
        <v>102430</v>
      </c>
      <c r="G29085" s="1" t="s">
        <v>102404</v>
      </c>
      <c r="H29085" s="1" t="s">
        <v>102405</v>
      </c>
      <c r="I29085" s="1" t="s">
        <v>96632</v>
      </c>
      <c r="J29085" s="1" t="s">
        <v>102431</v>
      </c>
    </row>
    <row r="29086" spans="1:10" x14ac:dyDescent="0.35">
      <c r="A29086" s="1" t="s">
        <v>45347</v>
      </c>
      <c r="B29086" s="1" t="s">
        <v>96627</v>
      </c>
      <c r="C29086" s="1" t="s">
        <v>65</v>
      </c>
      <c r="D29086" s="1" t="s">
        <v>102432</v>
      </c>
      <c r="E29086" s="1" t="s">
        <v>40670</v>
      </c>
      <c r="F29086" s="1" t="s">
        <v>102433</v>
      </c>
      <c r="G29086" s="1" t="s">
        <v>102404</v>
      </c>
      <c r="H29086" s="1" t="s">
        <v>102405</v>
      </c>
      <c r="I29086" s="1" t="s">
        <v>96632</v>
      </c>
      <c r="J29086" s="1" t="s">
        <v>102434</v>
      </c>
    </row>
    <row r="29087" spans="1:10" x14ac:dyDescent="0.35">
      <c r="A29087" s="1" t="s">
        <v>45347</v>
      </c>
      <c r="B29087" s="1" t="s">
        <v>96627</v>
      </c>
      <c r="C29087" s="1" t="s">
        <v>70</v>
      </c>
      <c r="D29087" s="1" t="s">
        <v>102435</v>
      </c>
      <c r="E29087" s="1" t="s">
        <v>99606</v>
      </c>
      <c r="F29087" s="1" t="s">
        <v>102436</v>
      </c>
      <c r="G29087" s="1" t="s">
        <v>102404</v>
      </c>
      <c r="H29087" s="1" t="s">
        <v>102405</v>
      </c>
      <c r="I29087" s="1" t="s">
        <v>96632</v>
      </c>
      <c r="J29087" s="1" t="s">
        <v>102437</v>
      </c>
    </row>
    <row r="29088" spans="1:10" x14ac:dyDescent="0.35">
      <c r="A29088" s="1" t="s">
        <v>45347</v>
      </c>
      <c r="B29088" s="1" t="s">
        <v>96627</v>
      </c>
      <c r="C29088" s="1" t="s">
        <v>75</v>
      </c>
      <c r="D29088" s="1" t="s">
        <v>102438</v>
      </c>
      <c r="E29088" s="1" t="s">
        <v>56889</v>
      </c>
      <c r="F29088" s="1" t="s">
        <v>102439</v>
      </c>
      <c r="G29088" s="1" t="s">
        <v>102404</v>
      </c>
      <c r="H29088" s="1" t="s">
        <v>102405</v>
      </c>
      <c r="I29088" s="1" t="s">
        <v>96632</v>
      </c>
      <c r="J29088" s="1" t="s">
        <v>102440</v>
      </c>
    </row>
    <row r="29089" spans="1:10" x14ac:dyDescent="0.35">
      <c r="A29089" s="1" t="s">
        <v>45347</v>
      </c>
      <c r="B29089" s="1" t="s">
        <v>96627</v>
      </c>
      <c r="C29089" s="1" t="s">
        <v>80</v>
      </c>
      <c r="D29089" s="1" t="s">
        <v>102441</v>
      </c>
      <c r="E29089" s="1" t="s">
        <v>102442</v>
      </c>
      <c r="F29089" s="1" t="s">
        <v>102443</v>
      </c>
      <c r="G29089" s="1" t="s">
        <v>102404</v>
      </c>
      <c r="H29089" s="1" t="s">
        <v>102405</v>
      </c>
      <c r="I29089" s="1" t="s">
        <v>96632</v>
      </c>
      <c r="J29089" s="1" t="s">
        <v>102444</v>
      </c>
    </row>
    <row r="29090" spans="1:10" x14ac:dyDescent="0.35">
      <c r="A29090" s="1" t="s">
        <v>45347</v>
      </c>
      <c r="B29090" s="1" t="s">
        <v>96627</v>
      </c>
      <c r="C29090" s="1" t="s">
        <v>85</v>
      </c>
      <c r="D29090" s="1" t="s">
        <v>96569</v>
      </c>
      <c r="E29090" s="1" t="s">
        <v>62864</v>
      </c>
      <c r="F29090" s="1" t="s">
        <v>102445</v>
      </c>
      <c r="G29090" s="1" t="s">
        <v>102404</v>
      </c>
      <c r="H29090" s="1" t="s">
        <v>102405</v>
      </c>
      <c r="I29090" s="1" t="s">
        <v>96632</v>
      </c>
      <c r="J29090" s="1" t="s">
        <v>102446</v>
      </c>
    </row>
    <row r="29091" spans="1:10" x14ac:dyDescent="0.35">
      <c r="A29091" s="1" t="s">
        <v>45347</v>
      </c>
      <c r="B29091" s="1" t="s">
        <v>96627</v>
      </c>
      <c r="C29091" s="1" t="s">
        <v>90</v>
      </c>
      <c r="D29091" s="1" t="s">
        <v>102447</v>
      </c>
      <c r="E29091" s="1" t="s">
        <v>55916</v>
      </c>
      <c r="F29091" s="1" t="s">
        <v>102448</v>
      </c>
      <c r="G29091" s="1" t="s">
        <v>102404</v>
      </c>
      <c r="H29091" s="1" t="s">
        <v>102405</v>
      </c>
      <c r="I29091" s="1" t="s">
        <v>96632</v>
      </c>
      <c r="J29091" s="1" t="s">
        <v>102449</v>
      </c>
    </row>
    <row r="29092" spans="1:10" x14ac:dyDescent="0.35">
      <c r="A29092" s="1" t="s">
        <v>45347</v>
      </c>
      <c r="B29092" s="1" t="s">
        <v>96627</v>
      </c>
      <c r="C29092" s="1" t="s">
        <v>95</v>
      </c>
      <c r="D29092" s="1" t="s">
        <v>102450</v>
      </c>
      <c r="E29092" s="1" t="s">
        <v>68256</v>
      </c>
      <c r="F29092" s="1" t="s">
        <v>102451</v>
      </c>
      <c r="G29092" s="1" t="s">
        <v>102404</v>
      </c>
      <c r="H29092" s="1" t="s">
        <v>102405</v>
      </c>
      <c r="I29092" s="1" t="s">
        <v>96632</v>
      </c>
      <c r="J29092" s="1" t="s">
        <v>102452</v>
      </c>
    </row>
    <row r="29093" spans="1:10" x14ac:dyDescent="0.35">
      <c r="A29093" s="1" t="s">
        <v>45347</v>
      </c>
      <c r="B29093" s="1" t="s">
        <v>96627</v>
      </c>
      <c r="C29093" s="1" t="s">
        <v>100</v>
      </c>
      <c r="D29093" s="1" t="s">
        <v>68293</v>
      </c>
      <c r="E29093" s="1" t="s">
        <v>57880</v>
      </c>
      <c r="F29093" s="1" t="s">
        <v>98873</v>
      </c>
      <c r="G29093" s="1" t="s">
        <v>102404</v>
      </c>
      <c r="H29093" s="1" t="s">
        <v>102405</v>
      </c>
      <c r="I29093" s="1" t="s">
        <v>96632</v>
      </c>
      <c r="J29093" s="1" t="s">
        <v>102453</v>
      </c>
    </row>
    <row r="29094" spans="1:10" x14ac:dyDescent="0.35">
      <c r="A29094" s="1" t="s">
        <v>45347</v>
      </c>
      <c r="B29094" s="1" t="s">
        <v>96627</v>
      </c>
      <c r="C29094" s="1" t="s">
        <v>105</v>
      </c>
      <c r="D29094" s="1" t="s">
        <v>102454</v>
      </c>
      <c r="E29094" s="1" t="s">
        <v>102455</v>
      </c>
      <c r="F29094" s="1" t="s">
        <v>102456</v>
      </c>
      <c r="G29094" s="1" t="s">
        <v>102404</v>
      </c>
      <c r="H29094" s="1" t="s">
        <v>102405</v>
      </c>
      <c r="I29094" s="1" t="s">
        <v>96632</v>
      </c>
      <c r="J29094" s="1" t="s">
        <v>102457</v>
      </c>
    </row>
    <row r="29095" spans="1:10" x14ac:dyDescent="0.35">
      <c r="A29095" s="1" t="s">
        <v>45347</v>
      </c>
      <c r="B29095" s="1" t="s">
        <v>96627</v>
      </c>
      <c r="C29095" s="1" t="s">
        <v>110</v>
      </c>
      <c r="D29095" s="1" t="s">
        <v>70429</v>
      </c>
      <c r="E29095" s="1" t="s">
        <v>102458</v>
      </c>
      <c r="F29095" s="1" t="s">
        <v>102459</v>
      </c>
      <c r="G29095" s="1" t="s">
        <v>102404</v>
      </c>
      <c r="H29095" s="1" t="s">
        <v>102405</v>
      </c>
      <c r="I29095" s="1" t="s">
        <v>96632</v>
      </c>
      <c r="J29095" s="1" t="s">
        <v>102460</v>
      </c>
    </row>
    <row r="29096" spans="1:10" x14ac:dyDescent="0.35">
      <c r="A29096" s="1" t="s">
        <v>45347</v>
      </c>
      <c r="B29096" s="1" t="s">
        <v>96627</v>
      </c>
      <c r="C29096" s="1" t="s">
        <v>115</v>
      </c>
      <c r="D29096" s="1" t="s">
        <v>102461</v>
      </c>
      <c r="E29096" s="1" t="s">
        <v>23894</v>
      </c>
      <c r="F29096" s="1" t="s">
        <v>102462</v>
      </c>
      <c r="G29096" s="1" t="s">
        <v>102404</v>
      </c>
      <c r="H29096" s="1" t="s">
        <v>102405</v>
      </c>
      <c r="I29096" s="1" t="s">
        <v>96632</v>
      </c>
      <c r="J29096" s="1" t="s">
        <v>102463</v>
      </c>
    </row>
    <row r="29097" spans="1:10" x14ac:dyDescent="0.35">
      <c r="A29097" s="1" t="s">
        <v>45347</v>
      </c>
      <c r="B29097" s="1" t="s">
        <v>96627</v>
      </c>
      <c r="C29097" s="1" t="s">
        <v>120</v>
      </c>
      <c r="D29097" s="1" t="s">
        <v>102464</v>
      </c>
      <c r="E29097" s="1" t="s">
        <v>58318</v>
      </c>
      <c r="F29097" s="1" t="s">
        <v>102465</v>
      </c>
      <c r="G29097" s="1" t="s">
        <v>102404</v>
      </c>
      <c r="H29097" s="1" t="s">
        <v>102405</v>
      </c>
      <c r="I29097" s="1" t="s">
        <v>96632</v>
      </c>
      <c r="J29097" s="1" t="s">
        <v>102466</v>
      </c>
    </row>
    <row r="29098" spans="1:10" x14ac:dyDescent="0.35">
      <c r="A29098" s="1" t="s">
        <v>45347</v>
      </c>
      <c r="B29098" s="1" t="s">
        <v>96627</v>
      </c>
      <c r="C29098" s="1" t="s">
        <v>125</v>
      </c>
      <c r="D29098" s="1" t="s">
        <v>102467</v>
      </c>
      <c r="E29098" s="1" t="s">
        <v>68606</v>
      </c>
      <c r="F29098" s="1" t="s">
        <v>102468</v>
      </c>
      <c r="G29098" s="1" t="s">
        <v>102404</v>
      </c>
      <c r="H29098" s="1" t="s">
        <v>102405</v>
      </c>
      <c r="I29098" s="1" t="s">
        <v>96632</v>
      </c>
      <c r="J29098" s="1" t="s">
        <v>102469</v>
      </c>
    </row>
    <row r="29099" spans="1:10" x14ac:dyDescent="0.35">
      <c r="A29099" s="1" t="s">
        <v>45347</v>
      </c>
      <c r="B29099" s="1" t="s">
        <v>96627</v>
      </c>
      <c r="C29099" s="1" t="s">
        <v>130</v>
      </c>
      <c r="D29099" s="1" t="s">
        <v>102470</v>
      </c>
      <c r="E29099" s="1" t="s">
        <v>41555</v>
      </c>
      <c r="F29099" s="1" t="s">
        <v>102471</v>
      </c>
      <c r="G29099" s="1" t="s">
        <v>102404</v>
      </c>
      <c r="H29099" s="1" t="s">
        <v>102405</v>
      </c>
      <c r="I29099" s="1" t="s">
        <v>96632</v>
      </c>
      <c r="J29099" s="1" t="s">
        <v>102472</v>
      </c>
    </row>
    <row r="29100" spans="1:10" x14ac:dyDescent="0.35">
      <c r="A29100" s="1" t="s">
        <v>45347</v>
      </c>
      <c r="B29100" s="1" t="s">
        <v>96627</v>
      </c>
      <c r="C29100" s="1" t="s">
        <v>135</v>
      </c>
      <c r="D29100" s="1" t="s">
        <v>102473</v>
      </c>
      <c r="E29100" s="1" t="s">
        <v>60135</v>
      </c>
      <c r="F29100" s="1" t="s">
        <v>102474</v>
      </c>
      <c r="G29100" s="1" t="s">
        <v>102404</v>
      </c>
      <c r="H29100" s="1" t="s">
        <v>102405</v>
      </c>
      <c r="I29100" s="1" t="s">
        <v>96632</v>
      </c>
      <c r="J29100" s="1" t="s">
        <v>102475</v>
      </c>
    </row>
    <row r="29101" spans="1:10" x14ac:dyDescent="0.35">
      <c r="A29101" s="1" t="s">
        <v>45347</v>
      </c>
      <c r="B29101" s="1" t="s">
        <v>96627</v>
      </c>
      <c r="C29101" s="1" t="s">
        <v>140</v>
      </c>
      <c r="D29101" s="1" t="s">
        <v>102476</v>
      </c>
      <c r="E29101" s="1" t="s">
        <v>60081</v>
      </c>
      <c r="F29101" s="1" t="s">
        <v>15916</v>
      </c>
      <c r="G29101" s="1" t="s">
        <v>102404</v>
      </c>
      <c r="H29101" s="1" t="s">
        <v>102405</v>
      </c>
      <c r="I29101" s="1" t="s">
        <v>96632</v>
      </c>
      <c r="J29101" s="1" t="s">
        <v>102477</v>
      </c>
    </row>
    <row r="29102" spans="1:10" x14ac:dyDescent="0.35">
      <c r="A29102" s="1" t="s">
        <v>45347</v>
      </c>
      <c r="B29102" s="1" t="s">
        <v>96627</v>
      </c>
      <c r="C29102" s="1" t="s">
        <v>145</v>
      </c>
      <c r="D29102" s="1" t="s">
        <v>102478</v>
      </c>
      <c r="E29102" s="1" t="s">
        <v>63858</v>
      </c>
      <c r="F29102" s="1" t="s">
        <v>102479</v>
      </c>
      <c r="G29102" s="1" t="s">
        <v>102404</v>
      </c>
      <c r="H29102" s="1" t="s">
        <v>102405</v>
      </c>
      <c r="I29102" s="1" t="s">
        <v>96632</v>
      </c>
      <c r="J29102" s="1" t="s">
        <v>102480</v>
      </c>
    </row>
    <row r="29103" spans="1:10" x14ac:dyDescent="0.35">
      <c r="A29103" s="1" t="s">
        <v>45347</v>
      </c>
      <c r="B29103" s="1" t="s">
        <v>96627</v>
      </c>
      <c r="C29103" s="1" t="s">
        <v>150</v>
      </c>
      <c r="D29103" s="1" t="s">
        <v>102481</v>
      </c>
      <c r="E29103" s="1" t="s">
        <v>60087</v>
      </c>
      <c r="F29103" s="1" t="s">
        <v>102482</v>
      </c>
      <c r="G29103" s="1" t="s">
        <v>102404</v>
      </c>
      <c r="H29103" s="1" t="s">
        <v>102405</v>
      </c>
      <c r="I29103" s="1" t="s">
        <v>96632</v>
      </c>
      <c r="J29103" s="1" t="s">
        <v>102483</v>
      </c>
    </row>
    <row r="29104" spans="1:10" x14ac:dyDescent="0.35">
      <c r="A29104" s="1" t="s">
        <v>45347</v>
      </c>
      <c r="B29104" s="1" t="s">
        <v>96627</v>
      </c>
      <c r="C29104" s="1" t="s">
        <v>155</v>
      </c>
      <c r="D29104" s="1" t="s">
        <v>102484</v>
      </c>
      <c r="E29104" s="1" t="s">
        <v>24347</v>
      </c>
      <c r="F29104" s="1" t="s">
        <v>102485</v>
      </c>
      <c r="G29104" s="1" t="s">
        <v>102404</v>
      </c>
      <c r="H29104" s="1" t="s">
        <v>102405</v>
      </c>
      <c r="I29104" s="1" t="s">
        <v>96632</v>
      </c>
      <c r="J29104" s="1" t="s">
        <v>102486</v>
      </c>
    </row>
    <row r="29105" spans="1:10" x14ac:dyDescent="0.35">
      <c r="A29105" s="1" t="s">
        <v>45347</v>
      </c>
      <c r="B29105" s="1" t="s">
        <v>96627</v>
      </c>
      <c r="C29105" s="1" t="s">
        <v>160</v>
      </c>
      <c r="D29105" s="1" t="s">
        <v>102487</v>
      </c>
      <c r="E29105" s="1" t="s">
        <v>102488</v>
      </c>
      <c r="F29105" s="1" t="s">
        <v>22939</v>
      </c>
      <c r="G29105" s="1" t="s">
        <v>102404</v>
      </c>
      <c r="H29105" s="1" t="s">
        <v>102405</v>
      </c>
      <c r="I29105" s="1" t="s">
        <v>96632</v>
      </c>
      <c r="J29105" s="1" t="s">
        <v>102489</v>
      </c>
    </row>
    <row r="29106" spans="1:10" x14ac:dyDescent="0.35">
      <c r="A29106" s="1" t="s">
        <v>45347</v>
      </c>
      <c r="B29106" s="1" t="s">
        <v>96627</v>
      </c>
      <c r="C29106" s="1" t="s">
        <v>165</v>
      </c>
      <c r="D29106" s="1" t="s">
        <v>102490</v>
      </c>
      <c r="E29106" s="1" t="s">
        <v>54641</v>
      </c>
      <c r="F29106" s="1" t="s">
        <v>102491</v>
      </c>
      <c r="G29106" s="1" t="s">
        <v>102404</v>
      </c>
      <c r="H29106" s="1" t="s">
        <v>102405</v>
      </c>
      <c r="I29106" s="1" t="s">
        <v>96632</v>
      </c>
      <c r="J29106" s="1" t="s">
        <v>102492</v>
      </c>
    </row>
    <row r="29107" spans="1:10" x14ac:dyDescent="0.35">
      <c r="A29107" s="1" t="s">
        <v>45347</v>
      </c>
      <c r="B29107" s="1" t="s">
        <v>96627</v>
      </c>
      <c r="C29107" s="1" t="s">
        <v>170</v>
      </c>
      <c r="D29107" s="1" t="s">
        <v>21587</v>
      </c>
      <c r="E29107" s="1" t="s">
        <v>41567</v>
      </c>
      <c r="F29107" s="1" t="s">
        <v>102493</v>
      </c>
      <c r="G29107" s="1" t="s">
        <v>102404</v>
      </c>
      <c r="H29107" s="1" t="s">
        <v>102405</v>
      </c>
      <c r="I29107" s="1" t="s">
        <v>96632</v>
      </c>
      <c r="J29107" s="1" t="s">
        <v>102494</v>
      </c>
    </row>
    <row r="29108" spans="1:10" x14ac:dyDescent="0.35">
      <c r="A29108" s="1" t="s">
        <v>1142</v>
      </c>
      <c r="B29108" s="1" t="s">
        <v>96627</v>
      </c>
      <c r="C29108" s="1" t="s">
        <v>8</v>
      </c>
      <c r="D29108" s="1" t="s">
        <v>102495</v>
      </c>
      <c r="E29108" s="1" t="s">
        <v>15345</v>
      </c>
      <c r="F29108" s="1" t="s">
        <v>59333</v>
      </c>
      <c r="G29108" s="1" t="s">
        <v>102496</v>
      </c>
      <c r="H29108" s="1" t="s">
        <v>102497</v>
      </c>
      <c r="I29108" s="1" t="s">
        <v>96632</v>
      </c>
      <c r="J29108" s="1" t="s">
        <v>13</v>
      </c>
    </row>
    <row r="29109" spans="1:10" x14ac:dyDescent="0.35">
      <c r="A29109" s="1" t="s">
        <v>1142</v>
      </c>
      <c r="B29109" s="1" t="s">
        <v>96627</v>
      </c>
      <c r="C29109" s="1" t="s">
        <v>15</v>
      </c>
      <c r="D29109" s="1" t="s">
        <v>102498</v>
      </c>
      <c r="E29109" s="1" t="s">
        <v>57412</v>
      </c>
      <c r="F29109" s="1" t="s">
        <v>102499</v>
      </c>
      <c r="G29109" s="1" t="s">
        <v>102496</v>
      </c>
      <c r="H29109" s="1" t="s">
        <v>102497</v>
      </c>
      <c r="I29109" s="1" t="s">
        <v>96632</v>
      </c>
      <c r="J29109" s="1" t="s">
        <v>102500</v>
      </c>
    </row>
    <row r="29110" spans="1:10" x14ac:dyDescent="0.35">
      <c r="A29110" s="1" t="s">
        <v>1142</v>
      </c>
      <c r="B29110" s="1" t="s">
        <v>96627</v>
      </c>
      <c r="C29110" s="1" t="s">
        <v>20</v>
      </c>
      <c r="D29110" s="1" t="s">
        <v>78758</v>
      </c>
      <c r="E29110" s="1" t="s">
        <v>55083</v>
      </c>
      <c r="F29110" s="1" t="s">
        <v>66823</v>
      </c>
      <c r="G29110" s="1" t="s">
        <v>102496</v>
      </c>
      <c r="H29110" s="1" t="s">
        <v>102497</v>
      </c>
      <c r="I29110" s="1" t="s">
        <v>96632</v>
      </c>
      <c r="J29110" s="1" t="s">
        <v>102501</v>
      </c>
    </row>
    <row r="29111" spans="1:10" x14ac:dyDescent="0.35">
      <c r="A29111" s="1" t="s">
        <v>1142</v>
      </c>
      <c r="B29111" s="1" t="s">
        <v>96627</v>
      </c>
      <c r="C29111" s="1" t="s">
        <v>25</v>
      </c>
      <c r="D29111" s="1" t="s">
        <v>102502</v>
      </c>
      <c r="E29111" s="1" t="s">
        <v>31365</v>
      </c>
      <c r="F29111" s="1" t="s">
        <v>102503</v>
      </c>
      <c r="G29111" s="1" t="s">
        <v>102496</v>
      </c>
      <c r="H29111" s="1" t="s">
        <v>102497</v>
      </c>
      <c r="I29111" s="1" t="s">
        <v>96632</v>
      </c>
      <c r="J29111" s="1" t="s">
        <v>102504</v>
      </c>
    </row>
    <row r="29112" spans="1:10" x14ac:dyDescent="0.35">
      <c r="A29112" s="1" t="s">
        <v>1142</v>
      </c>
      <c r="B29112" s="1" t="s">
        <v>96627</v>
      </c>
      <c r="C29112" s="1" t="s">
        <v>30</v>
      </c>
      <c r="D29112" s="1" t="s">
        <v>17080</v>
      </c>
      <c r="E29112" s="1" t="s">
        <v>55182</v>
      </c>
      <c r="F29112" s="1" t="s">
        <v>102505</v>
      </c>
      <c r="G29112" s="1" t="s">
        <v>102496</v>
      </c>
      <c r="H29112" s="1" t="s">
        <v>102497</v>
      </c>
      <c r="I29112" s="1" t="s">
        <v>96632</v>
      </c>
      <c r="J29112" s="1" t="s">
        <v>102506</v>
      </c>
    </row>
    <row r="29113" spans="1:10" x14ac:dyDescent="0.35">
      <c r="A29113" s="1" t="s">
        <v>1142</v>
      </c>
      <c r="B29113" s="1" t="s">
        <v>96627</v>
      </c>
      <c r="C29113" s="1" t="s">
        <v>35</v>
      </c>
      <c r="D29113" s="1" t="s">
        <v>102507</v>
      </c>
      <c r="E29113" s="1" t="s">
        <v>26442</v>
      </c>
      <c r="F29113" s="1" t="s">
        <v>102508</v>
      </c>
      <c r="G29113" s="1" t="s">
        <v>102496</v>
      </c>
      <c r="H29113" s="1" t="s">
        <v>102497</v>
      </c>
      <c r="I29113" s="1" t="s">
        <v>96632</v>
      </c>
      <c r="J29113" s="1" t="s">
        <v>102509</v>
      </c>
    </row>
    <row r="29114" spans="1:10" x14ac:dyDescent="0.35">
      <c r="A29114" s="1" t="s">
        <v>1142</v>
      </c>
      <c r="B29114" s="1" t="s">
        <v>96627</v>
      </c>
      <c r="C29114" s="1" t="s">
        <v>40</v>
      </c>
      <c r="D29114" s="1" t="s">
        <v>56400</v>
      </c>
      <c r="E29114" s="1" t="s">
        <v>40717</v>
      </c>
      <c r="F29114" s="1" t="s">
        <v>58157</v>
      </c>
      <c r="G29114" s="1" t="s">
        <v>102496</v>
      </c>
      <c r="H29114" s="1" t="s">
        <v>102497</v>
      </c>
      <c r="I29114" s="1" t="s">
        <v>96632</v>
      </c>
      <c r="J29114" s="1" t="s">
        <v>102510</v>
      </c>
    </row>
    <row r="29115" spans="1:10" x14ac:dyDescent="0.35">
      <c r="A29115" s="1" t="s">
        <v>1142</v>
      </c>
      <c r="B29115" s="1" t="s">
        <v>96627</v>
      </c>
      <c r="C29115" s="1" t="s">
        <v>45</v>
      </c>
      <c r="D29115" s="1" t="s">
        <v>102511</v>
      </c>
      <c r="E29115" s="1" t="s">
        <v>23232</v>
      </c>
      <c r="F29115" s="1" t="s">
        <v>102512</v>
      </c>
      <c r="G29115" s="1" t="s">
        <v>102496</v>
      </c>
      <c r="H29115" s="1" t="s">
        <v>102497</v>
      </c>
      <c r="I29115" s="1" t="s">
        <v>96632</v>
      </c>
      <c r="J29115" s="1" t="s">
        <v>102513</v>
      </c>
    </row>
    <row r="29116" spans="1:10" x14ac:dyDescent="0.35">
      <c r="A29116" s="1" t="s">
        <v>1142</v>
      </c>
      <c r="B29116" s="1" t="s">
        <v>96627</v>
      </c>
      <c r="C29116" s="1" t="s">
        <v>50</v>
      </c>
      <c r="D29116" s="1" t="s">
        <v>5835</v>
      </c>
      <c r="E29116" s="1" t="s">
        <v>54074</v>
      </c>
      <c r="F29116" s="1" t="s">
        <v>102514</v>
      </c>
      <c r="G29116" s="1" t="s">
        <v>102496</v>
      </c>
      <c r="H29116" s="1" t="s">
        <v>102497</v>
      </c>
      <c r="I29116" s="1" t="s">
        <v>96632</v>
      </c>
      <c r="J29116" s="1" t="s">
        <v>102515</v>
      </c>
    </row>
    <row r="29117" spans="1:10" x14ac:dyDescent="0.35">
      <c r="A29117" s="1" t="s">
        <v>1142</v>
      </c>
      <c r="B29117" s="1" t="s">
        <v>96627</v>
      </c>
      <c r="C29117" s="1" t="s">
        <v>55</v>
      </c>
      <c r="D29117" s="1" t="s">
        <v>102516</v>
      </c>
      <c r="E29117" s="1" t="s">
        <v>12778</v>
      </c>
      <c r="F29117" s="1" t="s">
        <v>102517</v>
      </c>
      <c r="G29117" s="1" t="s">
        <v>102496</v>
      </c>
      <c r="H29117" s="1" t="s">
        <v>102497</v>
      </c>
      <c r="I29117" s="1" t="s">
        <v>96632</v>
      </c>
      <c r="J29117" s="1" t="s">
        <v>102518</v>
      </c>
    </row>
    <row r="29118" spans="1:10" x14ac:dyDescent="0.35">
      <c r="A29118" s="1" t="s">
        <v>1142</v>
      </c>
      <c r="B29118" s="1" t="s">
        <v>96627</v>
      </c>
      <c r="C29118" s="1" t="s">
        <v>60</v>
      </c>
      <c r="D29118" s="1" t="s">
        <v>102519</v>
      </c>
      <c r="E29118" s="1" t="s">
        <v>32061</v>
      </c>
      <c r="F29118" s="1" t="s">
        <v>102520</v>
      </c>
      <c r="G29118" s="1" t="s">
        <v>102496</v>
      </c>
      <c r="H29118" s="1" t="s">
        <v>102497</v>
      </c>
      <c r="I29118" s="1" t="s">
        <v>96632</v>
      </c>
      <c r="J29118" s="1" t="s">
        <v>102521</v>
      </c>
    </row>
    <row r="29119" spans="1:10" x14ac:dyDescent="0.35">
      <c r="A29119" s="1" t="s">
        <v>1142</v>
      </c>
      <c r="B29119" s="1" t="s">
        <v>96627</v>
      </c>
      <c r="C29119" s="1" t="s">
        <v>65</v>
      </c>
      <c r="D29119" s="1" t="s">
        <v>102522</v>
      </c>
      <c r="E29119" s="1" t="s">
        <v>23176</v>
      </c>
      <c r="F29119" s="1" t="s">
        <v>96966</v>
      </c>
      <c r="G29119" s="1" t="s">
        <v>102496</v>
      </c>
      <c r="H29119" s="1" t="s">
        <v>102497</v>
      </c>
      <c r="I29119" s="1" t="s">
        <v>96632</v>
      </c>
      <c r="J29119" s="1" t="s">
        <v>102523</v>
      </c>
    </row>
    <row r="29120" spans="1:10" x14ac:dyDescent="0.35">
      <c r="A29120" s="1" t="s">
        <v>1142</v>
      </c>
      <c r="B29120" s="1" t="s">
        <v>96627</v>
      </c>
      <c r="C29120" s="1" t="s">
        <v>70</v>
      </c>
      <c r="D29120" s="1" t="s">
        <v>102524</v>
      </c>
      <c r="E29120" s="1" t="s">
        <v>12778</v>
      </c>
      <c r="F29120" s="1" t="s">
        <v>67615</v>
      </c>
      <c r="G29120" s="1" t="s">
        <v>102496</v>
      </c>
      <c r="H29120" s="1" t="s">
        <v>102497</v>
      </c>
      <c r="I29120" s="1" t="s">
        <v>96632</v>
      </c>
      <c r="J29120" s="1" t="s">
        <v>102525</v>
      </c>
    </row>
    <row r="29121" spans="1:10" x14ac:dyDescent="0.35">
      <c r="A29121" s="1" t="s">
        <v>1142</v>
      </c>
      <c r="B29121" s="1" t="s">
        <v>96627</v>
      </c>
      <c r="C29121" s="1" t="s">
        <v>75</v>
      </c>
      <c r="D29121" s="1" t="s">
        <v>55212</v>
      </c>
      <c r="E29121" s="1" t="s">
        <v>26614</v>
      </c>
      <c r="F29121" s="1" t="s">
        <v>102526</v>
      </c>
      <c r="G29121" s="1" t="s">
        <v>102496</v>
      </c>
      <c r="H29121" s="1" t="s">
        <v>102497</v>
      </c>
      <c r="I29121" s="1" t="s">
        <v>96632</v>
      </c>
      <c r="J29121" s="1" t="s">
        <v>102527</v>
      </c>
    </row>
    <row r="29122" spans="1:10" x14ac:dyDescent="0.35">
      <c r="A29122" s="1" t="s">
        <v>1142</v>
      </c>
      <c r="B29122" s="1" t="s">
        <v>96627</v>
      </c>
      <c r="C29122" s="1" t="s">
        <v>80</v>
      </c>
      <c r="D29122" s="1" t="s">
        <v>102528</v>
      </c>
      <c r="E29122" s="1" t="s">
        <v>99554</v>
      </c>
      <c r="F29122" s="1" t="s">
        <v>58904</v>
      </c>
      <c r="G29122" s="1" t="s">
        <v>102496</v>
      </c>
      <c r="H29122" s="1" t="s">
        <v>102497</v>
      </c>
      <c r="I29122" s="1" t="s">
        <v>96632</v>
      </c>
      <c r="J29122" s="1" t="s">
        <v>102529</v>
      </c>
    </row>
    <row r="29123" spans="1:10" x14ac:dyDescent="0.35">
      <c r="A29123" s="1" t="s">
        <v>1142</v>
      </c>
      <c r="B29123" s="1" t="s">
        <v>96627</v>
      </c>
      <c r="C29123" s="1" t="s">
        <v>85</v>
      </c>
      <c r="D29123" s="1" t="s">
        <v>95202</v>
      </c>
      <c r="E29123" s="1" t="s">
        <v>15345</v>
      </c>
      <c r="F29123" s="1" t="s">
        <v>102530</v>
      </c>
      <c r="G29123" s="1" t="s">
        <v>102496</v>
      </c>
      <c r="H29123" s="1" t="s">
        <v>102497</v>
      </c>
      <c r="I29123" s="1" t="s">
        <v>96632</v>
      </c>
      <c r="J29123" s="1" t="s">
        <v>102531</v>
      </c>
    </row>
    <row r="29124" spans="1:10" x14ac:dyDescent="0.35">
      <c r="A29124" s="1" t="s">
        <v>1142</v>
      </c>
      <c r="B29124" s="1" t="s">
        <v>96627</v>
      </c>
      <c r="C29124" s="1" t="s">
        <v>90</v>
      </c>
      <c r="D29124" s="1" t="s">
        <v>78621</v>
      </c>
      <c r="E29124" s="1" t="s">
        <v>26492</v>
      </c>
      <c r="F29124" s="1" t="s">
        <v>102532</v>
      </c>
      <c r="G29124" s="1" t="s">
        <v>102496</v>
      </c>
      <c r="H29124" s="1" t="s">
        <v>102497</v>
      </c>
      <c r="I29124" s="1" t="s">
        <v>96632</v>
      </c>
      <c r="J29124" s="1" t="s">
        <v>102533</v>
      </c>
    </row>
    <row r="29125" spans="1:10" x14ac:dyDescent="0.35">
      <c r="A29125" s="1" t="s">
        <v>1142</v>
      </c>
      <c r="B29125" s="1" t="s">
        <v>96627</v>
      </c>
      <c r="C29125" s="1" t="s">
        <v>95</v>
      </c>
      <c r="D29125" s="1" t="s">
        <v>102534</v>
      </c>
      <c r="E29125" s="1" t="s">
        <v>56254</v>
      </c>
      <c r="F29125" s="1" t="s">
        <v>102535</v>
      </c>
      <c r="G29125" s="1" t="s">
        <v>102496</v>
      </c>
      <c r="H29125" s="1" t="s">
        <v>102497</v>
      </c>
      <c r="I29125" s="1" t="s">
        <v>96632</v>
      </c>
      <c r="J29125" s="1" t="s">
        <v>102536</v>
      </c>
    </row>
    <row r="29126" spans="1:10" x14ac:dyDescent="0.35">
      <c r="A29126" s="1" t="s">
        <v>1142</v>
      </c>
      <c r="B29126" s="1" t="s">
        <v>96627</v>
      </c>
      <c r="C29126" s="1" t="s">
        <v>100</v>
      </c>
      <c r="D29126" s="1" t="s">
        <v>92133</v>
      </c>
      <c r="E29126" s="1" t="s">
        <v>54038</v>
      </c>
      <c r="F29126" s="1" t="s">
        <v>65201</v>
      </c>
      <c r="G29126" s="1" t="s">
        <v>102496</v>
      </c>
      <c r="H29126" s="1" t="s">
        <v>102497</v>
      </c>
      <c r="I29126" s="1" t="s">
        <v>96632</v>
      </c>
      <c r="J29126" s="1" t="s">
        <v>102537</v>
      </c>
    </row>
    <row r="29127" spans="1:10" x14ac:dyDescent="0.35">
      <c r="A29127" s="1" t="s">
        <v>1142</v>
      </c>
      <c r="B29127" s="1" t="s">
        <v>96627</v>
      </c>
      <c r="C29127" s="1" t="s">
        <v>105</v>
      </c>
      <c r="D29127" s="1" t="s">
        <v>16779</v>
      </c>
      <c r="E29127" s="1" t="s">
        <v>54379</v>
      </c>
      <c r="F29127" s="1" t="s">
        <v>102538</v>
      </c>
      <c r="G29127" s="1" t="s">
        <v>102496</v>
      </c>
      <c r="H29127" s="1" t="s">
        <v>102497</v>
      </c>
      <c r="I29127" s="1" t="s">
        <v>96632</v>
      </c>
      <c r="J29127" s="1" t="s">
        <v>102539</v>
      </c>
    </row>
    <row r="29128" spans="1:10" x14ac:dyDescent="0.35">
      <c r="A29128" s="1" t="s">
        <v>1142</v>
      </c>
      <c r="B29128" s="1" t="s">
        <v>96627</v>
      </c>
      <c r="C29128" s="1" t="s">
        <v>110</v>
      </c>
      <c r="D29128" s="1" t="s">
        <v>102540</v>
      </c>
      <c r="E29128" s="1" t="s">
        <v>56177</v>
      </c>
      <c r="F29128" s="1" t="s">
        <v>102541</v>
      </c>
      <c r="G29128" s="1" t="s">
        <v>102496</v>
      </c>
      <c r="H29128" s="1" t="s">
        <v>102497</v>
      </c>
      <c r="I29128" s="1" t="s">
        <v>96632</v>
      </c>
      <c r="J29128" s="1" t="s">
        <v>102542</v>
      </c>
    </row>
    <row r="29129" spans="1:10" x14ac:dyDescent="0.35">
      <c r="A29129" s="1" t="s">
        <v>1142</v>
      </c>
      <c r="B29129" s="1" t="s">
        <v>96627</v>
      </c>
      <c r="C29129" s="1" t="s">
        <v>115</v>
      </c>
      <c r="D29129" s="1" t="s">
        <v>53166</v>
      </c>
      <c r="E29129" s="1" t="s">
        <v>32317</v>
      </c>
      <c r="F29129" s="1" t="s">
        <v>54638</v>
      </c>
      <c r="G29129" s="1" t="s">
        <v>102496</v>
      </c>
      <c r="H29129" s="1" t="s">
        <v>102497</v>
      </c>
      <c r="I29129" s="1" t="s">
        <v>96632</v>
      </c>
      <c r="J29129" s="1" t="s">
        <v>102543</v>
      </c>
    </row>
    <row r="29130" spans="1:10" x14ac:dyDescent="0.35">
      <c r="A29130" s="1" t="s">
        <v>1142</v>
      </c>
      <c r="B29130" s="1" t="s">
        <v>96627</v>
      </c>
      <c r="C29130" s="1" t="s">
        <v>120</v>
      </c>
      <c r="D29130" s="1" t="s">
        <v>94448</v>
      </c>
      <c r="E29130" s="1" t="s">
        <v>54042</v>
      </c>
      <c r="F29130" s="1" t="s">
        <v>102544</v>
      </c>
      <c r="G29130" s="1" t="s">
        <v>102496</v>
      </c>
      <c r="H29130" s="1" t="s">
        <v>102497</v>
      </c>
      <c r="I29130" s="1" t="s">
        <v>96632</v>
      </c>
      <c r="J29130" s="1" t="s">
        <v>102545</v>
      </c>
    </row>
    <row r="29131" spans="1:10" x14ac:dyDescent="0.35">
      <c r="A29131" s="1" t="s">
        <v>1142</v>
      </c>
      <c r="B29131" s="1" t="s">
        <v>96627</v>
      </c>
      <c r="C29131" s="1" t="s">
        <v>125</v>
      </c>
      <c r="D29131" s="1" t="s">
        <v>16759</v>
      </c>
      <c r="E29131" s="1" t="s">
        <v>58217</v>
      </c>
      <c r="F29131" s="1" t="s">
        <v>100668</v>
      </c>
      <c r="G29131" s="1" t="s">
        <v>102496</v>
      </c>
      <c r="H29131" s="1" t="s">
        <v>102497</v>
      </c>
      <c r="I29131" s="1" t="s">
        <v>96632</v>
      </c>
      <c r="J29131" s="1" t="s">
        <v>102546</v>
      </c>
    </row>
    <row r="29132" spans="1:10" x14ac:dyDescent="0.35">
      <c r="A29132" s="1" t="s">
        <v>1142</v>
      </c>
      <c r="B29132" s="1" t="s">
        <v>96627</v>
      </c>
      <c r="C29132" s="1" t="s">
        <v>130</v>
      </c>
      <c r="D29132" s="1" t="s">
        <v>102547</v>
      </c>
      <c r="E29132" s="1" t="s">
        <v>59567</v>
      </c>
      <c r="F29132" s="1" t="s">
        <v>102548</v>
      </c>
      <c r="G29132" s="1" t="s">
        <v>102496</v>
      </c>
      <c r="H29132" s="1" t="s">
        <v>102497</v>
      </c>
      <c r="I29132" s="1" t="s">
        <v>96632</v>
      </c>
      <c r="J29132" s="1" t="s">
        <v>102549</v>
      </c>
    </row>
    <row r="29133" spans="1:10" x14ac:dyDescent="0.35">
      <c r="A29133" s="1" t="s">
        <v>1142</v>
      </c>
      <c r="B29133" s="1" t="s">
        <v>96627</v>
      </c>
      <c r="C29133" s="1" t="s">
        <v>135</v>
      </c>
      <c r="D29133" s="1" t="s">
        <v>102550</v>
      </c>
      <c r="E29133" s="1" t="s">
        <v>53825</v>
      </c>
      <c r="F29133" s="1" t="s">
        <v>102551</v>
      </c>
      <c r="G29133" s="1" t="s">
        <v>102496</v>
      </c>
      <c r="H29133" s="1" t="s">
        <v>102497</v>
      </c>
      <c r="I29133" s="1" t="s">
        <v>96632</v>
      </c>
      <c r="J29133" s="1" t="s">
        <v>102552</v>
      </c>
    </row>
    <row r="29134" spans="1:10" x14ac:dyDescent="0.35">
      <c r="A29134" s="1" t="s">
        <v>1142</v>
      </c>
      <c r="B29134" s="1" t="s">
        <v>96627</v>
      </c>
      <c r="C29134" s="1" t="s">
        <v>140</v>
      </c>
      <c r="D29134" s="1" t="s">
        <v>102553</v>
      </c>
      <c r="E29134" s="1" t="s">
        <v>54764</v>
      </c>
      <c r="F29134" s="1" t="s">
        <v>102554</v>
      </c>
      <c r="G29134" s="1" t="s">
        <v>102496</v>
      </c>
      <c r="H29134" s="1" t="s">
        <v>102497</v>
      </c>
      <c r="I29134" s="1" t="s">
        <v>96632</v>
      </c>
      <c r="J29134" s="1" t="s">
        <v>102555</v>
      </c>
    </row>
    <row r="29135" spans="1:10" x14ac:dyDescent="0.35">
      <c r="A29135" s="1" t="s">
        <v>1142</v>
      </c>
      <c r="B29135" s="1" t="s">
        <v>96627</v>
      </c>
      <c r="C29135" s="1" t="s">
        <v>145</v>
      </c>
      <c r="D29135" s="1" t="s">
        <v>94122</v>
      </c>
      <c r="E29135" s="1" t="s">
        <v>56698</v>
      </c>
      <c r="F29135" s="1" t="s">
        <v>102556</v>
      </c>
      <c r="G29135" s="1" t="s">
        <v>102496</v>
      </c>
      <c r="H29135" s="1" t="s">
        <v>102497</v>
      </c>
      <c r="I29135" s="1" t="s">
        <v>96632</v>
      </c>
      <c r="J29135" s="1" t="s">
        <v>102557</v>
      </c>
    </row>
    <row r="29136" spans="1:10" x14ac:dyDescent="0.35">
      <c r="A29136" s="1" t="s">
        <v>1142</v>
      </c>
      <c r="B29136" s="1" t="s">
        <v>96627</v>
      </c>
      <c r="C29136" s="1" t="s">
        <v>150</v>
      </c>
      <c r="D29136" s="1" t="s">
        <v>102558</v>
      </c>
      <c r="E29136" s="1" t="s">
        <v>21960</v>
      </c>
      <c r="F29136" s="1" t="s">
        <v>89286</v>
      </c>
      <c r="G29136" s="1" t="s">
        <v>102496</v>
      </c>
      <c r="H29136" s="1" t="s">
        <v>102497</v>
      </c>
      <c r="I29136" s="1" t="s">
        <v>96632</v>
      </c>
      <c r="J29136" s="1" t="s">
        <v>102559</v>
      </c>
    </row>
    <row r="29137" spans="1:10" x14ac:dyDescent="0.35">
      <c r="A29137" s="1" t="s">
        <v>1142</v>
      </c>
      <c r="B29137" s="1" t="s">
        <v>96627</v>
      </c>
      <c r="C29137" s="1" t="s">
        <v>155</v>
      </c>
      <c r="D29137" s="1" t="s">
        <v>20027</v>
      </c>
      <c r="E29137" s="1" t="s">
        <v>60377</v>
      </c>
      <c r="F29137" s="1" t="s">
        <v>65873</v>
      </c>
      <c r="G29137" s="1" t="s">
        <v>102496</v>
      </c>
      <c r="H29137" s="1" t="s">
        <v>102497</v>
      </c>
      <c r="I29137" s="1" t="s">
        <v>96632</v>
      </c>
      <c r="J29137" s="1" t="s">
        <v>102560</v>
      </c>
    </row>
    <row r="29138" spans="1:10" x14ac:dyDescent="0.35">
      <c r="A29138" s="1" t="s">
        <v>1142</v>
      </c>
      <c r="B29138" s="1" t="s">
        <v>96627</v>
      </c>
      <c r="C29138" s="1" t="s">
        <v>160</v>
      </c>
      <c r="D29138" s="1" t="s">
        <v>86259</v>
      </c>
      <c r="E29138" s="1" t="s">
        <v>32407</v>
      </c>
      <c r="F29138" s="1" t="s">
        <v>102561</v>
      </c>
      <c r="G29138" s="1" t="s">
        <v>102496</v>
      </c>
      <c r="H29138" s="1" t="s">
        <v>102497</v>
      </c>
      <c r="I29138" s="1" t="s">
        <v>96632</v>
      </c>
      <c r="J29138" s="1" t="s">
        <v>102562</v>
      </c>
    </row>
    <row r="29139" spans="1:10" x14ac:dyDescent="0.35">
      <c r="A29139" s="1" t="s">
        <v>1142</v>
      </c>
      <c r="B29139" s="1" t="s">
        <v>96627</v>
      </c>
      <c r="C29139" s="1" t="s">
        <v>165</v>
      </c>
      <c r="D29139" s="1" t="s">
        <v>66648</v>
      </c>
      <c r="E29139" s="1" t="s">
        <v>15332</v>
      </c>
      <c r="F29139" s="1" t="s">
        <v>102563</v>
      </c>
      <c r="G29139" s="1" t="s">
        <v>102496</v>
      </c>
      <c r="H29139" s="1" t="s">
        <v>102497</v>
      </c>
      <c r="I29139" s="1" t="s">
        <v>96632</v>
      </c>
      <c r="J29139" s="1" t="s">
        <v>102564</v>
      </c>
    </row>
    <row r="29140" spans="1:10" x14ac:dyDescent="0.35">
      <c r="A29140" s="1" t="s">
        <v>1142</v>
      </c>
      <c r="B29140" s="1" t="s">
        <v>96627</v>
      </c>
      <c r="C29140" s="1" t="s">
        <v>170</v>
      </c>
      <c r="D29140" s="1" t="s">
        <v>102565</v>
      </c>
      <c r="E29140" s="1" t="s">
        <v>26492</v>
      </c>
      <c r="F29140" s="1" t="s">
        <v>59039</v>
      </c>
      <c r="G29140" s="1" t="s">
        <v>102496</v>
      </c>
      <c r="H29140" s="1" t="s">
        <v>102497</v>
      </c>
      <c r="I29140" s="1" t="s">
        <v>96632</v>
      </c>
      <c r="J29140" s="1" t="s">
        <v>102566</v>
      </c>
    </row>
    <row r="29141" spans="1:10" x14ac:dyDescent="0.35">
      <c r="A29141" s="1" t="s">
        <v>43780</v>
      </c>
      <c r="B29141" s="1" t="s">
        <v>96627</v>
      </c>
      <c r="C29141" s="1" t="s">
        <v>8</v>
      </c>
      <c r="D29141" s="1" t="s">
        <v>102567</v>
      </c>
      <c r="E29141" s="1" t="s">
        <v>102568</v>
      </c>
      <c r="F29141" s="1" t="s">
        <v>102569</v>
      </c>
      <c r="G29141" s="1" t="s">
        <v>102570</v>
      </c>
      <c r="H29141" s="1" t="s">
        <v>102571</v>
      </c>
      <c r="I29141" s="1" t="s">
        <v>96632</v>
      </c>
      <c r="J29141" s="1" t="s">
        <v>13</v>
      </c>
    </row>
    <row r="29142" spans="1:10" x14ac:dyDescent="0.35">
      <c r="A29142" s="1" t="s">
        <v>43780</v>
      </c>
      <c r="B29142" s="1" t="s">
        <v>96627</v>
      </c>
      <c r="C29142" s="1" t="s">
        <v>15</v>
      </c>
      <c r="D29142" s="1" t="s">
        <v>102572</v>
      </c>
      <c r="E29142" s="1" t="s">
        <v>102573</v>
      </c>
      <c r="F29142" s="1" t="s">
        <v>102574</v>
      </c>
      <c r="G29142" s="1" t="s">
        <v>102570</v>
      </c>
      <c r="H29142" s="1" t="s">
        <v>102571</v>
      </c>
      <c r="I29142" s="1" t="s">
        <v>96632</v>
      </c>
      <c r="J29142" s="1" t="s">
        <v>102575</v>
      </c>
    </row>
    <row r="29143" spans="1:10" x14ac:dyDescent="0.35">
      <c r="A29143" s="1" t="s">
        <v>43780</v>
      </c>
      <c r="B29143" s="1" t="s">
        <v>96627</v>
      </c>
      <c r="C29143" s="1" t="s">
        <v>20</v>
      </c>
      <c r="D29143" s="1" t="s">
        <v>102576</v>
      </c>
      <c r="E29143" s="1" t="s">
        <v>102577</v>
      </c>
      <c r="F29143" s="1" t="s">
        <v>102578</v>
      </c>
      <c r="G29143" s="1" t="s">
        <v>102570</v>
      </c>
      <c r="H29143" s="1" t="s">
        <v>102571</v>
      </c>
      <c r="I29143" s="1" t="s">
        <v>96632</v>
      </c>
      <c r="J29143" s="1" t="s">
        <v>102579</v>
      </c>
    </row>
    <row r="29144" spans="1:10" x14ac:dyDescent="0.35">
      <c r="A29144" s="1" t="s">
        <v>43780</v>
      </c>
      <c r="B29144" s="1" t="s">
        <v>96627</v>
      </c>
      <c r="C29144" s="1" t="s">
        <v>25</v>
      </c>
      <c r="D29144" s="1" t="s">
        <v>69620</v>
      </c>
      <c r="E29144" s="1" t="s">
        <v>102580</v>
      </c>
      <c r="F29144" s="1" t="s">
        <v>102581</v>
      </c>
      <c r="G29144" s="1" t="s">
        <v>102570</v>
      </c>
      <c r="H29144" s="1" t="s">
        <v>102571</v>
      </c>
      <c r="I29144" s="1" t="s">
        <v>96632</v>
      </c>
      <c r="J29144" s="1" t="s">
        <v>102582</v>
      </c>
    </row>
    <row r="29145" spans="1:10" x14ac:dyDescent="0.35">
      <c r="A29145" s="1" t="s">
        <v>43780</v>
      </c>
      <c r="B29145" s="1" t="s">
        <v>96627</v>
      </c>
      <c r="C29145" s="1" t="s">
        <v>30</v>
      </c>
      <c r="D29145" s="1" t="s">
        <v>101842</v>
      </c>
      <c r="E29145" s="1" t="s">
        <v>102583</v>
      </c>
      <c r="F29145" s="1" t="s">
        <v>102584</v>
      </c>
      <c r="G29145" s="1" t="s">
        <v>102570</v>
      </c>
      <c r="H29145" s="1" t="s">
        <v>102571</v>
      </c>
      <c r="I29145" s="1" t="s">
        <v>96632</v>
      </c>
      <c r="J29145" s="1" t="s">
        <v>102585</v>
      </c>
    </row>
    <row r="29146" spans="1:10" x14ac:dyDescent="0.35">
      <c r="A29146" s="1" t="s">
        <v>43780</v>
      </c>
      <c r="B29146" s="1" t="s">
        <v>96627</v>
      </c>
      <c r="C29146" s="1" t="s">
        <v>35</v>
      </c>
      <c r="D29146" s="1" t="s">
        <v>102586</v>
      </c>
      <c r="E29146" s="1" t="s">
        <v>102587</v>
      </c>
      <c r="F29146" s="1" t="s">
        <v>102588</v>
      </c>
      <c r="G29146" s="1" t="s">
        <v>102570</v>
      </c>
      <c r="H29146" s="1" t="s">
        <v>102571</v>
      </c>
      <c r="I29146" s="1" t="s">
        <v>96632</v>
      </c>
      <c r="J29146" s="1" t="s">
        <v>102589</v>
      </c>
    </row>
    <row r="29147" spans="1:10" x14ac:dyDescent="0.35">
      <c r="A29147" s="1" t="s">
        <v>43780</v>
      </c>
      <c r="B29147" s="1" t="s">
        <v>96627</v>
      </c>
      <c r="C29147" s="1" t="s">
        <v>40</v>
      </c>
      <c r="D29147" s="1" t="s">
        <v>68163</v>
      </c>
      <c r="E29147" s="1" t="s">
        <v>102590</v>
      </c>
      <c r="F29147" s="1" t="s">
        <v>102591</v>
      </c>
      <c r="G29147" s="1" t="s">
        <v>102570</v>
      </c>
      <c r="H29147" s="1" t="s">
        <v>102571</v>
      </c>
      <c r="I29147" s="1" t="s">
        <v>96632</v>
      </c>
      <c r="J29147" s="1" t="s">
        <v>102592</v>
      </c>
    </row>
    <row r="29148" spans="1:10" x14ac:dyDescent="0.35">
      <c r="A29148" s="1" t="s">
        <v>43780</v>
      </c>
      <c r="B29148" s="1" t="s">
        <v>96627</v>
      </c>
      <c r="C29148" s="1" t="s">
        <v>45</v>
      </c>
      <c r="D29148" s="1" t="s">
        <v>102593</v>
      </c>
      <c r="E29148" s="1" t="s">
        <v>102594</v>
      </c>
      <c r="F29148" s="1" t="s">
        <v>102595</v>
      </c>
      <c r="G29148" s="1" t="s">
        <v>102570</v>
      </c>
      <c r="H29148" s="1" t="s">
        <v>102571</v>
      </c>
      <c r="I29148" s="1" t="s">
        <v>96632</v>
      </c>
      <c r="J29148" s="1" t="s">
        <v>102596</v>
      </c>
    </row>
    <row r="29149" spans="1:10" x14ac:dyDescent="0.35">
      <c r="A29149" s="1" t="s">
        <v>43780</v>
      </c>
      <c r="B29149" s="1" t="s">
        <v>96627</v>
      </c>
      <c r="C29149" s="1" t="s">
        <v>50</v>
      </c>
      <c r="D29149" s="1" t="s">
        <v>102597</v>
      </c>
      <c r="E29149" s="1" t="s">
        <v>102598</v>
      </c>
      <c r="F29149" s="1" t="s">
        <v>102599</v>
      </c>
      <c r="G29149" s="1" t="s">
        <v>102570</v>
      </c>
      <c r="H29149" s="1" t="s">
        <v>102571</v>
      </c>
      <c r="I29149" s="1" t="s">
        <v>96632</v>
      </c>
      <c r="J29149" s="1" t="s">
        <v>102600</v>
      </c>
    </row>
    <row r="29150" spans="1:10" x14ac:dyDescent="0.35">
      <c r="A29150" s="1" t="s">
        <v>43780</v>
      </c>
      <c r="B29150" s="1" t="s">
        <v>96627</v>
      </c>
      <c r="C29150" s="1" t="s">
        <v>55</v>
      </c>
      <c r="D29150" s="1" t="s">
        <v>102601</v>
      </c>
      <c r="E29150" s="1" t="s">
        <v>102602</v>
      </c>
      <c r="F29150" s="1" t="s">
        <v>102603</v>
      </c>
      <c r="G29150" s="1" t="s">
        <v>102570</v>
      </c>
      <c r="H29150" s="1" t="s">
        <v>102571</v>
      </c>
      <c r="I29150" s="1" t="s">
        <v>96632</v>
      </c>
      <c r="J29150" s="1" t="s">
        <v>102604</v>
      </c>
    </row>
    <row r="29151" spans="1:10" x14ac:dyDescent="0.35">
      <c r="A29151" s="1" t="s">
        <v>43780</v>
      </c>
      <c r="B29151" s="1" t="s">
        <v>96627</v>
      </c>
      <c r="C29151" s="1" t="s">
        <v>60</v>
      </c>
      <c r="D29151" s="1" t="s">
        <v>102605</v>
      </c>
      <c r="E29151" s="1" t="s">
        <v>102606</v>
      </c>
      <c r="F29151" s="1" t="s">
        <v>102607</v>
      </c>
      <c r="G29151" s="1" t="s">
        <v>102570</v>
      </c>
      <c r="H29151" s="1" t="s">
        <v>102571</v>
      </c>
      <c r="I29151" s="1" t="s">
        <v>96632</v>
      </c>
      <c r="J29151" s="1" t="s">
        <v>102608</v>
      </c>
    </row>
    <row r="29152" spans="1:10" x14ac:dyDescent="0.35">
      <c r="A29152" s="1" t="s">
        <v>43780</v>
      </c>
      <c r="B29152" s="1" t="s">
        <v>96627</v>
      </c>
      <c r="C29152" s="1" t="s">
        <v>65</v>
      </c>
      <c r="D29152" s="1" t="s">
        <v>81177</v>
      </c>
      <c r="E29152" s="1" t="s">
        <v>102609</v>
      </c>
      <c r="F29152" s="1" t="s">
        <v>102610</v>
      </c>
      <c r="G29152" s="1" t="s">
        <v>102570</v>
      </c>
      <c r="H29152" s="1" t="s">
        <v>102571</v>
      </c>
      <c r="I29152" s="1" t="s">
        <v>96632</v>
      </c>
      <c r="J29152" s="1" t="s">
        <v>102611</v>
      </c>
    </row>
    <row r="29153" spans="1:10" x14ac:dyDescent="0.35">
      <c r="A29153" s="1" t="s">
        <v>43780</v>
      </c>
      <c r="B29153" s="1" t="s">
        <v>96627</v>
      </c>
      <c r="C29153" s="1" t="s">
        <v>70</v>
      </c>
      <c r="D29153" s="1" t="s">
        <v>102612</v>
      </c>
      <c r="E29153" s="1" t="s">
        <v>102613</v>
      </c>
      <c r="F29153" s="1" t="s">
        <v>102614</v>
      </c>
      <c r="G29153" s="1" t="s">
        <v>102570</v>
      </c>
      <c r="H29153" s="1" t="s">
        <v>102571</v>
      </c>
      <c r="I29153" s="1" t="s">
        <v>96632</v>
      </c>
      <c r="J29153" s="1" t="s">
        <v>102615</v>
      </c>
    </row>
    <row r="29154" spans="1:10" x14ac:dyDescent="0.35">
      <c r="A29154" s="1" t="s">
        <v>43780</v>
      </c>
      <c r="B29154" s="1" t="s">
        <v>96627</v>
      </c>
      <c r="C29154" s="1" t="s">
        <v>75</v>
      </c>
      <c r="D29154" s="1" t="s">
        <v>102616</v>
      </c>
      <c r="E29154" s="1" t="s">
        <v>102617</v>
      </c>
      <c r="F29154" s="1" t="s">
        <v>102618</v>
      </c>
      <c r="G29154" s="1" t="s">
        <v>102570</v>
      </c>
      <c r="H29154" s="1" t="s">
        <v>102571</v>
      </c>
      <c r="I29154" s="1" t="s">
        <v>96632</v>
      </c>
      <c r="J29154" s="1" t="s">
        <v>102619</v>
      </c>
    </row>
    <row r="29155" spans="1:10" x14ac:dyDescent="0.35">
      <c r="A29155" s="1" t="s">
        <v>43780</v>
      </c>
      <c r="B29155" s="1" t="s">
        <v>96627</v>
      </c>
      <c r="C29155" s="1" t="s">
        <v>80</v>
      </c>
      <c r="D29155" s="1" t="s">
        <v>102620</v>
      </c>
      <c r="E29155" s="1" t="s">
        <v>102621</v>
      </c>
      <c r="F29155" s="1" t="s">
        <v>102622</v>
      </c>
      <c r="G29155" s="1" t="s">
        <v>102570</v>
      </c>
      <c r="H29155" s="1" t="s">
        <v>102571</v>
      </c>
      <c r="I29155" s="1" t="s">
        <v>96632</v>
      </c>
      <c r="J29155" s="1" t="s">
        <v>102623</v>
      </c>
    </row>
    <row r="29156" spans="1:10" x14ac:dyDescent="0.35">
      <c r="A29156" s="1" t="s">
        <v>43780</v>
      </c>
      <c r="B29156" s="1" t="s">
        <v>96627</v>
      </c>
      <c r="C29156" s="1" t="s">
        <v>85</v>
      </c>
      <c r="D29156" s="1" t="s">
        <v>102624</v>
      </c>
      <c r="E29156" s="1" t="s">
        <v>102625</v>
      </c>
      <c r="F29156" s="1" t="s">
        <v>102626</v>
      </c>
      <c r="G29156" s="1" t="s">
        <v>102570</v>
      </c>
      <c r="H29156" s="1" t="s">
        <v>102571</v>
      </c>
      <c r="I29156" s="1" t="s">
        <v>96632</v>
      </c>
      <c r="J29156" s="1" t="s">
        <v>102627</v>
      </c>
    </row>
    <row r="29157" spans="1:10" x14ac:dyDescent="0.35">
      <c r="A29157" s="1" t="s">
        <v>43780</v>
      </c>
      <c r="B29157" s="1" t="s">
        <v>96627</v>
      </c>
      <c r="C29157" s="1" t="s">
        <v>90</v>
      </c>
      <c r="D29157" s="1" t="s">
        <v>102628</v>
      </c>
      <c r="E29157" s="1" t="s">
        <v>102629</v>
      </c>
      <c r="F29157" s="1" t="s">
        <v>102630</v>
      </c>
      <c r="G29157" s="1" t="s">
        <v>102570</v>
      </c>
      <c r="H29157" s="1" t="s">
        <v>102571</v>
      </c>
      <c r="I29157" s="1" t="s">
        <v>96632</v>
      </c>
      <c r="J29157" s="1" t="s">
        <v>102631</v>
      </c>
    </row>
    <row r="29158" spans="1:10" x14ac:dyDescent="0.35">
      <c r="A29158" s="1" t="s">
        <v>43780</v>
      </c>
      <c r="B29158" s="1" t="s">
        <v>96627</v>
      </c>
      <c r="C29158" s="1" t="s">
        <v>95</v>
      </c>
      <c r="D29158" s="1" t="s">
        <v>102632</v>
      </c>
      <c r="E29158" s="1" t="s">
        <v>102633</v>
      </c>
      <c r="F29158" s="1" t="s">
        <v>102634</v>
      </c>
      <c r="G29158" s="1" t="s">
        <v>102570</v>
      </c>
      <c r="H29158" s="1" t="s">
        <v>102571</v>
      </c>
      <c r="I29158" s="1" t="s">
        <v>96632</v>
      </c>
      <c r="J29158" s="1" t="s">
        <v>102635</v>
      </c>
    </row>
    <row r="29159" spans="1:10" x14ac:dyDescent="0.35">
      <c r="A29159" s="1" t="s">
        <v>43780</v>
      </c>
      <c r="B29159" s="1" t="s">
        <v>96627</v>
      </c>
      <c r="C29159" s="1" t="s">
        <v>100</v>
      </c>
      <c r="D29159" s="1" t="s">
        <v>93470</v>
      </c>
      <c r="E29159" s="1" t="s">
        <v>102636</v>
      </c>
      <c r="F29159" s="1" t="s">
        <v>102637</v>
      </c>
      <c r="G29159" s="1" t="s">
        <v>102570</v>
      </c>
      <c r="H29159" s="1" t="s">
        <v>102571</v>
      </c>
      <c r="I29159" s="1" t="s">
        <v>96632</v>
      </c>
      <c r="J29159" s="1" t="s">
        <v>102638</v>
      </c>
    </row>
    <row r="29160" spans="1:10" x14ac:dyDescent="0.35">
      <c r="A29160" s="1" t="s">
        <v>43780</v>
      </c>
      <c r="B29160" s="1" t="s">
        <v>96627</v>
      </c>
      <c r="C29160" s="1" t="s">
        <v>105</v>
      </c>
      <c r="D29160" s="1" t="s">
        <v>57761</v>
      </c>
      <c r="E29160" s="1" t="s">
        <v>102639</v>
      </c>
      <c r="F29160" s="1" t="s">
        <v>102640</v>
      </c>
      <c r="G29160" s="1" t="s">
        <v>102570</v>
      </c>
      <c r="H29160" s="1" t="s">
        <v>102571</v>
      </c>
      <c r="I29160" s="1" t="s">
        <v>96632</v>
      </c>
      <c r="J29160" s="1" t="s">
        <v>102641</v>
      </c>
    </row>
    <row r="29161" spans="1:10" x14ac:dyDescent="0.35">
      <c r="A29161" s="1" t="s">
        <v>43780</v>
      </c>
      <c r="B29161" s="1" t="s">
        <v>96627</v>
      </c>
      <c r="C29161" s="1" t="s">
        <v>110</v>
      </c>
      <c r="D29161" s="1" t="s">
        <v>92091</v>
      </c>
      <c r="E29161" s="1" t="s">
        <v>102642</v>
      </c>
      <c r="F29161" s="1" t="s">
        <v>102643</v>
      </c>
      <c r="G29161" s="1" t="s">
        <v>102570</v>
      </c>
      <c r="H29161" s="1" t="s">
        <v>102571</v>
      </c>
      <c r="I29161" s="1" t="s">
        <v>96632</v>
      </c>
      <c r="J29161" s="1" t="s">
        <v>102644</v>
      </c>
    </row>
    <row r="29162" spans="1:10" x14ac:dyDescent="0.35">
      <c r="A29162" s="1" t="s">
        <v>43780</v>
      </c>
      <c r="B29162" s="1" t="s">
        <v>96627</v>
      </c>
      <c r="C29162" s="1" t="s">
        <v>115</v>
      </c>
      <c r="D29162" s="1" t="s">
        <v>95192</v>
      </c>
      <c r="E29162" s="1" t="s">
        <v>102645</v>
      </c>
      <c r="F29162" s="1" t="s">
        <v>102646</v>
      </c>
      <c r="G29162" s="1" t="s">
        <v>102570</v>
      </c>
      <c r="H29162" s="1" t="s">
        <v>102571</v>
      </c>
      <c r="I29162" s="1" t="s">
        <v>96632</v>
      </c>
      <c r="J29162" s="1" t="s">
        <v>102647</v>
      </c>
    </row>
    <row r="29163" spans="1:10" x14ac:dyDescent="0.35">
      <c r="A29163" s="1" t="s">
        <v>43780</v>
      </c>
      <c r="B29163" s="1" t="s">
        <v>96627</v>
      </c>
      <c r="C29163" s="1" t="s">
        <v>120</v>
      </c>
      <c r="D29163" s="1" t="s">
        <v>95873</v>
      </c>
      <c r="E29163" s="1" t="s">
        <v>102648</v>
      </c>
      <c r="F29163" s="1" t="s">
        <v>102649</v>
      </c>
      <c r="G29163" s="1" t="s">
        <v>102570</v>
      </c>
      <c r="H29163" s="1" t="s">
        <v>102571</v>
      </c>
      <c r="I29163" s="1" t="s">
        <v>96632</v>
      </c>
      <c r="J29163" s="1" t="s">
        <v>102650</v>
      </c>
    </row>
    <row r="29164" spans="1:10" x14ac:dyDescent="0.35">
      <c r="A29164" s="1" t="s">
        <v>43780</v>
      </c>
      <c r="B29164" s="1" t="s">
        <v>96627</v>
      </c>
      <c r="C29164" s="1" t="s">
        <v>125</v>
      </c>
      <c r="D29164" s="1" t="s">
        <v>101262</v>
      </c>
      <c r="E29164" s="1" t="s">
        <v>102651</v>
      </c>
      <c r="F29164" s="1" t="s">
        <v>102652</v>
      </c>
      <c r="G29164" s="1" t="s">
        <v>102570</v>
      </c>
      <c r="H29164" s="1" t="s">
        <v>102571</v>
      </c>
      <c r="I29164" s="1" t="s">
        <v>96632</v>
      </c>
      <c r="J29164" s="1" t="s">
        <v>102653</v>
      </c>
    </row>
    <row r="29165" spans="1:10" x14ac:dyDescent="0.35">
      <c r="A29165" s="1" t="s">
        <v>43780</v>
      </c>
      <c r="B29165" s="1" t="s">
        <v>96627</v>
      </c>
      <c r="C29165" s="1" t="s">
        <v>130</v>
      </c>
      <c r="D29165" s="1" t="s">
        <v>56736</v>
      </c>
      <c r="E29165" s="1" t="s">
        <v>102654</v>
      </c>
      <c r="F29165" s="1" t="s">
        <v>102655</v>
      </c>
      <c r="G29165" s="1" t="s">
        <v>102570</v>
      </c>
      <c r="H29165" s="1" t="s">
        <v>102571</v>
      </c>
      <c r="I29165" s="1" t="s">
        <v>96632</v>
      </c>
      <c r="J29165" s="1" t="s">
        <v>102656</v>
      </c>
    </row>
    <row r="29166" spans="1:10" x14ac:dyDescent="0.35">
      <c r="A29166" s="1" t="s">
        <v>43780</v>
      </c>
      <c r="B29166" s="1" t="s">
        <v>96627</v>
      </c>
      <c r="C29166" s="1" t="s">
        <v>135</v>
      </c>
      <c r="D29166" s="1" t="s">
        <v>102657</v>
      </c>
      <c r="E29166" s="1" t="s">
        <v>102658</v>
      </c>
      <c r="F29166" s="1" t="s">
        <v>102659</v>
      </c>
      <c r="G29166" s="1" t="s">
        <v>102570</v>
      </c>
      <c r="H29166" s="1" t="s">
        <v>102571</v>
      </c>
      <c r="I29166" s="1" t="s">
        <v>96632</v>
      </c>
      <c r="J29166" s="1" t="s">
        <v>102660</v>
      </c>
    </row>
    <row r="29167" spans="1:10" x14ac:dyDescent="0.35">
      <c r="A29167" s="1" t="s">
        <v>43780</v>
      </c>
      <c r="B29167" s="1" t="s">
        <v>96627</v>
      </c>
      <c r="C29167" s="1" t="s">
        <v>140</v>
      </c>
      <c r="D29167" s="1" t="s">
        <v>70534</v>
      </c>
      <c r="E29167" s="1" t="s">
        <v>102661</v>
      </c>
      <c r="F29167" s="1" t="s">
        <v>102662</v>
      </c>
      <c r="G29167" s="1" t="s">
        <v>102570</v>
      </c>
      <c r="H29167" s="1" t="s">
        <v>102571</v>
      </c>
      <c r="I29167" s="1" t="s">
        <v>96632</v>
      </c>
      <c r="J29167" s="1" t="s">
        <v>102663</v>
      </c>
    </row>
    <row r="29168" spans="1:10" x14ac:dyDescent="0.35">
      <c r="A29168" s="1" t="s">
        <v>43780</v>
      </c>
      <c r="B29168" s="1" t="s">
        <v>96627</v>
      </c>
      <c r="C29168" s="1" t="s">
        <v>145</v>
      </c>
      <c r="D29168" s="1" t="s">
        <v>102664</v>
      </c>
      <c r="E29168" s="1" t="s">
        <v>102665</v>
      </c>
      <c r="F29168" s="1" t="s">
        <v>102666</v>
      </c>
      <c r="G29168" s="1" t="s">
        <v>102570</v>
      </c>
      <c r="H29168" s="1" t="s">
        <v>102571</v>
      </c>
      <c r="I29168" s="1" t="s">
        <v>96632</v>
      </c>
      <c r="J29168" s="1" t="s">
        <v>102667</v>
      </c>
    </row>
    <row r="29169" spans="1:10" x14ac:dyDescent="0.35">
      <c r="A29169" s="1" t="s">
        <v>43780</v>
      </c>
      <c r="B29169" s="1" t="s">
        <v>96627</v>
      </c>
      <c r="C29169" s="1" t="s">
        <v>150</v>
      </c>
      <c r="D29169" s="1" t="s">
        <v>87045</v>
      </c>
      <c r="E29169" s="1" t="s">
        <v>102668</v>
      </c>
      <c r="F29169" s="1" t="s">
        <v>102669</v>
      </c>
      <c r="G29169" s="1" t="s">
        <v>102570</v>
      </c>
      <c r="H29169" s="1" t="s">
        <v>102571</v>
      </c>
      <c r="I29169" s="1" t="s">
        <v>96632</v>
      </c>
      <c r="J29169" s="1" t="s">
        <v>102670</v>
      </c>
    </row>
    <row r="29170" spans="1:10" x14ac:dyDescent="0.35">
      <c r="A29170" s="1" t="s">
        <v>43780</v>
      </c>
      <c r="B29170" s="1" t="s">
        <v>96627</v>
      </c>
      <c r="C29170" s="1" t="s">
        <v>155</v>
      </c>
      <c r="D29170" s="1" t="s">
        <v>102671</v>
      </c>
      <c r="E29170" s="1" t="s">
        <v>102672</v>
      </c>
      <c r="F29170" s="1" t="s">
        <v>102673</v>
      </c>
      <c r="G29170" s="1" t="s">
        <v>102570</v>
      </c>
      <c r="H29170" s="1" t="s">
        <v>102571</v>
      </c>
      <c r="I29170" s="1" t="s">
        <v>96632</v>
      </c>
      <c r="J29170" s="1" t="s">
        <v>102674</v>
      </c>
    </row>
    <row r="29171" spans="1:10" x14ac:dyDescent="0.35">
      <c r="A29171" s="1" t="s">
        <v>43780</v>
      </c>
      <c r="B29171" s="1" t="s">
        <v>96627</v>
      </c>
      <c r="C29171" s="1" t="s">
        <v>160</v>
      </c>
      <c r="D29171" s="1" t="s">
        <v>102675</v>
      </c>
      <c r="E29171" s="1" t="s">
        <v>102676</v>
      </c>
      <c r="F29171" s="1" t="s">
        <v>102677</v>
      </c>
      <c r="G29171" s="1" t="s">
        <v>102570</v>
      </c>
      <c r="H29171" s="1" t="s">
        <v>102571</v>
      </c>
      <c r="I29171" s="1" t="s">
        <v>96632</v>
      </c>
      <c r="J29171" s="1" t="s">
        <v>102678</v>
      </c>
    </row>
    <row r="29172" spans="1:10" x14ac:dyDescent="0.35">
      <c r="A29172" s="1" t="s">
        <v>43780</v>
      </c>
      <c r="B29172" s="1" t="s">
        <v>96627</v>
      </c>
      <c r="C29172" s="1" t="s">
        <v>165</v>
      </c>
      <c r="D29172" s="1" t="s">
        <v>90147</v>
      </c>
      <c r="E29172" s="1" t="s">
        <v>102679</v>
      </c>
      <c r="F29172" s="1" t="s">
        <v>102680</v>
      </c>
      <c r="G29172" s="1" t="s">
        <v>102570</v>
      </c>
      <c r="H29172" s="1" t="s">
        <v>102571</v>
      </c>
      <c r="I29172" s="1" t="s">
        <v>96632</v>
      </c>
      <c r="J29172" s="1" t="s">
        <v>102681</v>
      </c>
    </row>
    <row r="29173" spans="1:10" x14ac:dyDescent="0.35">
      <c r="A29173" s="1" t="s">
        <v>43780</v>
      </c>
      <c r="B29173" s="1" t="s">
        <v>96627</v>
      </c>
      <c r="C29173" s="1" t="s">
        <v>170</v>
      </c>
      <c r="D29173" s="1" t="s">
        <v>57533</v>
      </c>
      <c r="E29173" s="1" t="s">
        <v>102682</v>
      </c>
      <c r="F29173" s="1" t="s">
        <v>102683</v>
      </c>
      <c r="G29173" s="1" t="s">
        <v>102570</v>
      </c>
      <c r="H29173" s="1" t="s">
        <v>102571</v>
      </c>
      <c r="I29173" s="1" t="s">
        <v>96632</v>
      </c>
      <c r="J29173" s="1" t="s">
        <v>102684</v>
      </c>
    </row>
    <row r="29174" spans="1:10" x14ac:dyDescent="0.35">
      <c r="A29174" s="1" t="s">
        <v>47178</v>
      </c>
      <c r="B29174" s="1" t="s">
        <v>96627</v>
      </c>
      <c r="C29174" s="1" t="s">
        <v>8</v>
      </c>
      <c r="D29174" s="1" t="s">
        <v>102685</v>
      </c>
      <c r="E29174" s="1" t="s">
        <v>41414</v>
      </c>
      <c r="F29174" s="1" t="s">
        <v>102686</v>
      </c>
      <c r="G29174" s="1" t="s">
        <v>102687</v>
      </c>
      <c r="H29174" s="1" t="s">
        <v>102688</v>
      </c>
      <c r="I29174" s="1" t="s">
        <v>96632</v>
      </c>
      <c r="J29174" s="1" t="s">
        <v>13</v>
      </c>
    </row>
    <row r="29175" spans="1:10" x14ac:dyDescent="0.35">
      <c r="A29175" s="1" t="s">
        <v>47178</v>
      </c>
      <c r="B29175" s="1" t="s">
        <v>96627</v>
      </c>
      <c r="C29175" s="1" t="s">
        <v>15</v>
      </c>
      <c r="D29175" s="1" t="s">
        <v>58726</v>
      </c>
      <c r="E29175" s="1" t="s">
        <v>23106</v>
      </c>
      <c r="F29175" s="1" t="s">
        <v>102689</v>
      </c>
      <c r="G29175" s="1" t="s">
        <v>102687</v>
      </c>
      <c r="H29175" s="1" t="s">
        <v>102688</v>
      </c>
      <c r="I29175" s="1" t="s">
        <v>96632</v>
      </c>
      <c r="J29175" s="1" t="s">
        <v>102690</v>
      </c>
    </row>
    <row r="29176" spans="1:10" x14ac:dyDescent="0.35">
      <c r="A29176" s="1" t="s">
        <v>47178</v>
      </c>
      <c r="B29176" s="1" t="s">
        <v>96627</v>
      </c>
      <c r="C29176" s="1" t="s">
        <v>20</v>
      </c>
      <c r="D29176" s="1" t="s">
        <v>102691</v>
      </c>
      <c r="E29176" s="1" t="s">
        <v>60632</v>
      </c>
      <c r="F29176" s="1" t="s">
        <v>102692</v>
      </c>
      <c r="G29176" s="1" t="s">
        <v>102687</v>
      </c>
      <c r="H29176" s="1" t="s">
        <v>102688</v>
      </c>
      <c r="I29176" s="1" t="s">
        <v>96632</v>
      </c>
      <c r="J29176" s="1" t="s">
        <v>102693</v>
      </c>
    </row>
    <row r="29177" spans="1:10" x14ac:dyDescent="0.35">
      <c r="A29177" s="1" t="s">
        <v>47178</v>
      </c>
      <c r="B29177" s="1" t="s">
        <v>96627</v>
      </c>
      <c r="C29177" s="1" t="s">
        <v>25</v>
      </c>
      <c r="D29177" s="1" t="s">
        <v>102694</v>
      </c>
      <c r="E29177" s="1" t="s">
        <v>102695</v>
      </c>
      <c r="F29177" s="1" t="s">
        <v>102696</v>
      </c>
      <c r="G29177" s="1" t="s">
        <v>102687</v>
      </c>
      <c r="H29177" s="1" t="s">
        <v>102688</v>
      </c>
      <c r="I29177" s="1" t="s">
        <v>96632</v>
      </c>
      <c r="J29177" s="1" t="s">
        <v>102697</v>
      </c>
    </row>
    <row r="29178" spans="1:10" x14ac:dyDescent="0.35">
      <c r="A29178" s="1" t="s">
        <v>47178</v>
      </c>
      <c r="B29178" s="1" t="s">
        <v>96627</v>
      </c>
      <c r="C29178" s="1" t="s">
        <v>30</v>
      </c>
      <c r="D29178" s="1" t="s">
        <v>102698</v>
      </c>
      <c r="E29178" s="1" t="s">
        <v>57930</v>
      </c>
      <c r="F29178" s="1" t="s">
        <v>102699</v>
      </c>
      <c r="G29178" s="1" t="s">
        <v>102687</v>
      </c>
      <c r="H29178" s="1" t="s">
        <v>102688</v>
      </c>
      <c r="I29178" s="1" t="s">
        <v>96632</v>
      </c>
      <c r="J29178" s="1" t="s">
        <v>102700</v>
      </c>
    </row>
    <row r="29179" spans="1:10" x14ac:dyDescent="0.35">
      <c r="A29179" s="1" t="s">
        <v>47178</v>
      </c>
      <c r="B29179" s="1" t="s">
        <v>96627</v>
      </c>
      <c r="C29179" s="1" t="s">
        <v>35</v>
      </c>
      <c r="D29179" s="1" t="s">
        <v>52868</v>
      </c>
      <c r="E29179" s="1" t="s">
        <v>56651</v>
      </c>
      <c r="F29179" s="1" t="s">
        <v>101704</v>
      </c>
      <c r="G29179" s="1" t="s">
        <v>102687</v>
      </c>
      <c r="H29179" s="1" t="s">
        <v>102688</v>
      </c>
      <c r="I29179" s="1" t="s">
        <v>96632</v>
      </c>
      <c r="J29179" s="1" t="s">
        <v>102701</v>
      </c>
    </row>
    <row r="29180" spans="1:10" x14ac:dyDescent="0.35">
      <c r="A29180" s="1" t="s">
        <v>47178</v>
      </c>
      <c r="B29180" s="1" t="s">
        <v>96627</v>
      </c>
      <c r="C29180" s="1" t="s">
        <v>40</v>
      </c>
      <c r="D29180" s="1" t="s">
        <v>102702</v>
      </c>
      <c r="E29180" s="1" t="s">
        <v>22918</v>
      </c>
      <c r="F29180" s="1" t="s">
        <v>102703</v>
      </c>
      <c r="G29180" s="1" t="s">
        <v>102687</v>
      </c>
      <c r="H29180" s="1" t="s">
        <v>102688</v>
      </c>
      <c r="I29180" s="1" t="s">
        <v>96632</v>
      </c>
      <c r="J29180" s="1" t="s">
        <v>102704</v>
      </c>
    </row>
    <row r="29181" spans="1:10" x14ac:dyDescent="0.35">
      <c r="A29181" s="1" t="s">
        <v>47178</v>
      </c>
      <c r="B29181" s="1" t="s">
        <v>96627</v>
      </c>
      <c r="C29181" s="1" t="s">
        <v>45</v>
      </c>
      <c r="D29181" s="1" t="s">
        <v>102705</v>
      </c>
      <c r="E29181" s="1" t="s">
        <v>54463</v>
      </c>
      <c r="F29181" s="1" t="s">
        <v>102706</v>
      </c>
      <c r="G29181" s="1" t="s">
        <v>102687</v>
      </c>
      <c r="H29181" s="1" t="s">
        <v>102688</v>
      </c>
      <c r="I29181" s="1" t="s">
        <v>96632</v>
      </c>
      <c r="J29181" s="1" t="s">
        <v>102707</v>
      </c>
    </row>
    <row r="29182" spans="1:10" x14ac:dyDescent="0.35">
      <c r="A29182" s="1" t="s">
        <v>47178</v>
      </c>
      <c r="B29182" s="1" t="s">
        <v>96627</v>
      </c>
      <c r="C29182" s="1" t="s">
        <v>50</v>
      </c>
      <c r="D29182" s="1" t="s">
        <v>65896</v>
      </c>
      <c r="E29182" s="1" t="s">
        <v>21186</v>
      </c>
      <c r="F29182" s="1" t="s">
        <v>102708</v>
      </c>
      <c r="G29182" s="1" t="s">
        <v>102687</v>
      </c>
      <c r="H29182" s="1" t="s">
        <v>102688</v>
      </c>
      <c r="I29182" s="1" t="s">
        <v>96632</v>
      </c>
      <c r="J29182" s="1" t="s">
        <v>102709</v>
      </c>
    </row>
    <row r="29183" spans="1:10" x14ac:dyDescent="0.35">
      <c r="A29183" s="1" t="s">
        <v>47178</v>
      </c>
      <c r="B29183" s="1" t="s">
        <v>96627</v>
      </c>
      <c r="C29183" s="1" t="s">
        <v>55</v>
      </c>
      <c r="D29183" s="1" t="s">
        <v>22664</v>
      </c>
      <c r="E29183" s="1" t="s">
        <v>57926</v>
      </c>
      <c r="F29183" s="1" t="s">
        <v>102710</v>
      </c>
      <c r="G29183" s="1" t="s">
        <v>102687</v>
      </c>
      <c r="H29183" s="1" t="s">
        <v>102688</v>
      </c>
      <c r="I29183" s="1" t="s">
        <v>96632</v>
      </c>
      <c r="J29183" s="1" t="s">
        <v>102711</v>
      </c>
    </row>
    <row r="29184" spans="1:10" x14ac:dyDescent="0.35">
      <c r="A29184" s="1" t="s">
        <v>47178</v>
      </c>
      <c r="B29184" s="1" t="s">
        <v>96627</v>
      </c>
      <c r="C29184" s="1" t="s">
        <v>60</v>
      </c>
      <c r="D29184" s="1" t="s">
        <v>87316</v>
      </c>
      <c r="E29184" s="1" t="s">
        <v>58969</v>
      </c>
      <c r="F29184" s="1" t="s">
        <v>102712</v>
      </c>
      <c r="G29184" s="1" t="s">
        <v>102687</v>
      </c>
      <c r="H29184" s="1" t="s">
        <v>102688</v>
      </c>
      <c r="I29184" s="1" t="s">
        <v>96632</v>
      </c>
      <c r="J29184" s="1" t="s">
        <v>102713</v>
      </c>
    </row>
    <row r="29185" spans="1:10" x14ac:dyDescent="0.35">
      <c r="A29185" s="1" t="s">
        <v>47178</v>
      </c>
      <c r="B29185" s="1" t="s">
        <v>96627</v>
      </c>
      <c r="C29185" s="1" t="s">
        <v>65</v>
      </c>
      <c r="D29185" s="1" t="s">
        <v>43990</v>
      </c>
      <c r="E29185" s="1" t="s">
        <v>102714</v>
      </c>
      <c r="F29185" s="1" t="s">
        <v>102715</v>
      </c>
      <c r="G29185" s="1" t="s">
        <v>102687</v>
      </c>
      <c r="H29185" s="1" t="s">
        <v>102688</v>
      </c>
      <c r="I29185" s="1" t="s">
        <v>96632</v>
      </c>
      <c r="J29185" s="1" t="s">
        <v>102716</v>
      </c>
    </row>
    <row r="29186" spans="1:10" x14ac:dyDescent="0.35">
      <c r="A29186" s="1" t="s">
        <v>47178</v>
      </c>
      <c r="B29186" s="1" t="s">
        <v>96627</v>
      </c>
      <c r="C29186" s="1" t="s">
        <v>70</v>
      </c>
      <c r="D29186" s="1" t="s">
        <v>64058</v>
      </c>
      <c r="E29186" s="1" t="s">
        <v>23114</v>
      </c>
      <c r="F29186" s="1" t="s">
        <v>102717</v>
      </c>
      <c r="G29186" s="1" t="s">
        <v>102687</v>
      </c>
      <c r="H29186" s="1" t="s">
        <v>102688</v>
      </c>
      <c r="I29186" s="1" t="s">
        <v>96632</v>
      </c>
      <c r="J29186" s="1" t="s">
        <v>102718</v>
      </c>
    </row>
    <row r="29187" spans="1:10" x14ac:dyDescent="0.35">
      <c r="A29187" s="1" t="s">
        <v>47178</v>
      </c>
      <c r="B29187" s="1" t="s">
        <v>96627</v>
      </c>
      <c r="C29187" s="1" t="s">
        <v>75</v>
      </c>
      <c r="D29187" s="1" t="s">
        <v>102719</v>
      </c>
      <c r="E29187" s="1" t="s">
        <v>62462</v>
      </c>
      <c r="F29187" s="1" t="s">
        <v>102720</v>
      </c>
      <c r="G29187" s="1" t="s">
        <v>102687</v>
      </c>
      <c r="H29187" s="1" t="s">
        <v>102688</v>
      </c>
      <c r="I29187" s="1" t="s">
        <v>96632</v>
      </c>
      <c r="J29187" s="1" t="s">
        <v>102721</v>
      </c>
    </row>
    <row r="29188" spans="1:10" x14ac:dyDescent="0.35">
      <c r="A29188" s="1" t="s">
        <v>47178</v>
      </c>
      <c r="B29188" s="1" t="s">
        <v>96627</v>
      </c>
      <c r="C29188" s="1" t="s">
        <v>80</v>
      </c>
      <c r="D29188" s="1" t="s">
        <v>102722</v>
      </c>
      <c r="E29188" s="1" t="s">
        <v>58913</v>
      </c>
      <c r="F29188" s="1" t="s">
        <v>102723</v>
      </c>
      <c r="G29188" s="1" t="s">
        <v>102687</v>
      </c>
      <c r="H29188" s="1" t="s">
        <v>102688</v>
      </c>
      <c r="I29188" s="1" t="s">
        <v>96632</v>
      </c>
      <c r="J29188" s="1" t="s">
        <v>102724</v>
      </c>
    </row>
    <row r="29189" spans="1:10" x14ac:dyDescent="0.35">
      <c r="A29189" s="1" t="s">
        <v>47178</v>
      </c>
      <c r="B29189" s="1" t="s">
        <v>96627</v>
      </c>
      <c r="C29189" s="1" t="s">
        <v>85</v>
      </c>
      <c r="D29189" s="1" t="s">
        <v>61753</v>
      </c>
      <c r="E29189" s="1" t="s">
        <v>21898</v>
      </c>
      <c r="F29189" s="1" t="s">
        <v>102725</v>
      </c>
      <c r="G29189" s="1" t="s">
        <v>102687</v>
      </c>
      <c r="H29189" s="1" t="s">
        <v>102688</v>
      </c>
      <c r="I29189" s="1" t="s">
        <v>96632</v>
      </c>
      <c r="J29189" s="1" t="s">
        <v>102726</v>
      </c>
    </row>
    <row r="29190" spans="1:10" x14ac:dyDescent="0.35">
      <c r="A29190" s="1" t="s">
        <v>47178</v>
      </c>
      <c r="B29190" s="1" t="s">
        <v>96627</v>
      </c>
      <c r="C29190" s="1" t="s">
        <v>90</v>
      </c>
      <c r="D29190" s="1" t="s">
        <v>66864</v>
      </c>
      <c r="E29190" s="1" t="s">
        <v>24363</v>
      </c>
      <c r="F29190" s="1" t="s">
        <v>102727</v>
      </c>
      <c r="G29190" s="1" t="s">
        <v>102687</v>
      </c>
      <c r="H29190" s="1" t="s">
        <v>102688</v>
      </c>
      <c r="I29190" s="1" t="s">
        <v>96632</v>
      </c>
      <c r="J29190" s="1" t="s">
        <v>102728</v>
      </c>
    </row>
    <row r="29191" spans="1:10" x14ac:dyDescent="0.35">
      <c r="A29191" s="1" t="s">
        <v>47178</v>
      </c>
      <c r="B29191" s="1" t="s">
        <v>96627</v>
      </c>
      <c r="C29191" s="1" t="s">
        <v>95</v>
      </c>
      <c r="D29191" s="1" t="s">
        <v>102729</v>
      </c>
      <c r="E29191" s="1" t="s">
        <v>41283</v>
      </c>
      <c r="F29191" s="1" t="s">
        <v>102730</v>
      </c>
      <c r="G29191" s="1" t="s">
        <v>102687</v>
      </c>
      <c r="H29191" s="1" t="s">
        <v>102688</v>
      </c>
      <c r="I29191" s="1" t="s">
        <v>96632</v>
      </c>
      <c r="J29191" s="1" t="s">
        <v>102731</v>
      </c>
    </row>
    <row r="29192" spans="1:10" x14ac:dyDescent="0.35">
      <c r="A29192" s="1" t="s">
        <v>47178</v>
      </c>
      <c r="B29192" s="1" t="s">
        <v>96627</v>
      </c>
      <c r="C29192" s="1" t="s">
        <v>100</v>
      </c>
      <c r="D29192" s="1" t="s">
        <v>102732</v>
      </c>
      <c r="E29192" s="1" t="s">
        <v>31405</v>
      </c>
      <c r="F29192" s="1" t="s">
        <v>102733</v>
      </c>
      <c r="G29192" s="1" t="s">
        <v>102687</v>
      </c>
      <c r="H29192" s="1" t="s">
        <v>102688</v>
      </c>
      <c r="I29192" s="1" t="s">
        <v>96632</v>
      </c>
      <c r="J29192" s="1" t="s">
        <v>102734</v>
      </c>
    </row>
    <row r="29193" spans="1:10" x14ac:dyDescent="0.35">
      <c r="A29193" s="1" t="s">
        <v>47178</v>
      </c>
      <c r="B29193" s="1" t="s">
        <v>96627</v>
      </c>
      <c r="C29193" s="1" t="s">
        <v>105</v>
      </c>
      <c r="D29193" s="1" t="s">
        <v>61370</v>
      </c>
      <c r="E29193" s="1" t="s">
        <v>55913</v>
      </c>
      <c r="F29193" s="1" t="s">
        <v>102735</v>
      </c>
      <c r="G29193" s="1" t="s">
        <v>102687</v>
      </c>
      <c r="H29193" s="1" t="s">
        <v>102688</v>
      </c>
      <c r="I29193" s="1" t="s">
        <v>96632</v>
      </c>
      <c r="J29193" s="1" t="s">
        <v>102736</v>
      </c>
    </row>
    <row r="29194" spans="1:10" x14ac:dyDescent="0.35">
      <c r="A29194" s="1" t="s">
        <v>47178</v>
      </c>
      <c r="B29194" s="1" t="s">
        <v>96627</v>
      </c>
      <c r="C29194" s="1" t="s">
        <v>110</v>
      </c>
      <c r="D29194" s="1" t="s">
        <v>102737</v>
      </c>
      <c r="E29194" s="1" t="s">
        <v>102738</v>
      </c>
      <c r="F29194" s="1" t="s">
        <v>102739</v>
      </c>
      <c r="G29194" s="1" t="s">
        <v>102687</v>
      </c>
      <c r="H29194" s="1" t="s">
        <v>102688</v>
      </c>
      <c r="I29194" s="1" t="s">
        <v>96632</v>
      </c>
      <c r="J29194" s="1" t="s">
        <v>102740</v>
      </c>
    </row>
    <row r="29195" spans="1:10" x14ac:dyDescent="0.35">
      <c r="A29195" s="1" t="s">
        <v>47178</v>
      </c>
      <c r="B29195" s="1" t="s">
        <v>96627</v>
      </c>
      <c r="C29195" s="1" t="s">
        <v>115</v>
      </c>
      <c r="D29195" s="1" t="s">
        <v>102741</v>
      </c>
      <c r="E29195" s="1" t="s">
        <v>57245</v>
      </c>
      <c r="F29195" s="1" t="s">
        <v>102742</v>
      </c>
      <c r="G29195" s="1" t="s">
        <v>102687</v>
      </c>
      <c r="H29195" s="1" t="s">
        <v>102688</v>
      </c>
      <c r="I29195" s="1" t="s">
        <v>96632</v>
      </c>
      <c r="J29195" s="1" t="s">
        <v>102743</v>
      </c>
    </row>
    <row r="29196" spans="1:10" x14ac:dyDescent="0.35">
      <c r="A29196" s="1" t="s">
        <v>47178</v>
      </c>
      <c r="B29196" s="1" t="s">
        <v>96627</v>
      </c>
      <c r="C29196" s="1" t="s">
        <v>120</v>
      </c>
      <c r="D29196" s="1" t="s">
        <v>100506</v>
      </c>
      <c r="E29196" s="1" t="s">
        <v>21093</v>
      </c>
      <c r="F29196" s="1" t="s">
        <v>102744</v>
      </c>
      <c r="G29196" s="1" t="s">
        <v>102687</v>
      </c>
      <c r="H29196" s="1" t="s">
        <v>102688</v>
      </c>
      <c r="I29196" s="1" t="s">
        <v>96632</v>
      </c>
      <c r="J29196" s="1" t="s">
        <v>102745</v>
      </c>
    </row>
    <row r="29197" spans="1:10" x14ac:dyDescent="0.35">
      <c r="A29197" s="1" t="s">
        <v>47178</v>
      </c>
      <c r="B29197" s="1" t="s">
        <v>96627</v>
      </c>
      <c r="C29197" s="1" t="s">
        <v>125</v>
      </c>
      <c r="D29197" s="1" t="s">
        <v>102746</v>
      </c>
      <c r="E29197" s="1" t="s">
        <v>55916</v>
      </c>
      <c r="F29197" s="1" t="s">
        <v>102747</v>
      </c>
      <c r="G29197" s="1" t="s">
        <v>102687</v>
      </c>
      <c r="H29197" s="1" t="s">
        <v>102688</v>
      </c>
      <c r="I29197" s="1" t="s">
        <v>96632</v>
      </c>
      <c r="J29197" s="1" t="s">
        <v>102748</v>
      </c>
    </row>
    <row r="29198" spans="1:10" x14ac:dyDescent="0.35">
      <c r="A29198" s="1" t="s">
        <v>47178</v>
      </c>
      <c r="B29198" s="1" t="s">
        <v>96627</v>
      </c>
      <c r="C29198" s="1" t="s">
        <v>130</v>
      </c>
      <c r="D29198" s="1" t="s">
        <v>102749</v>
      </c>
      <c r="E29198" s="1" t="s">
        <v>21787</v>
      </c>
      <c r="F29198" s="1" t="s">
        <v>102750</v>
      </c>
      <c r="G29198" s="1" t="s">
        <v>102687</v>
      </c>
      <c r="H29198" s="1" t="s">
        <v>102688</v>
      </c>
      <c r="I29198" s="1" t="s">
        <v>96632</v>
      </c>
      <c r="J29198" s="1" t="s">
        <v>102751</v>
      </c>
    </row>
    <row r="29199" spans="1:10" x14ac:dyDescent="0.35">
      <c r="A29199" s="1" t="s">
        <v>47178</v>
      </c>
      <c r="B29199" s="1" t="s">
        <v>96627</v>
      </c>
      <c r="C29199" s="1" t="s">
        <v>135</v>
      </c>
      <c r="D29199" s="1" t="s">
        <v>26653</v>
      </c>
      <c r="E29199" s="1" t="s">
        <v>41327</v>
      </c>
      <c r="F29199" s="1" t="s">
        <v>102752</v>
      </c>
      <c r="G29199" s="1" t="s">
        <v>102687</v>
      </c>
      <c r="H29199" s="1" t="s">
        <v>102688</v>
      </c>
      <c r="I29199" s="1" t="s">
        <v>96632</v>
      </c>
      <c r="J29199" s="1" t="s">
        <v>102753</v>
      </c>
    </row>
    <row r="29200" spans="1:10" x14ac:dyDescent="0.35">
      <c r="A29200" s="1" t="s">
        <v>47178</v>
      </c>
      <c r="B29200" s="1" t="s">
        <v>96627</v>
      </c>
      <c r="C29200" s="1" t="s">
        <v>140</v>
      </c>
      <c r="D29200" s="1" t="s">
        <v>102754</v>
      </c>
      <c r="E29200" s="1" t="s">
        <v>59885</v>
      </c>
      <c r="F29200" s="1" t="s">
        <v>102755</v>
      </c>
      <c r="G29200" s="1" t="s">
        <v>102687</v>
      </c>
      <c r="H29200" s="1" t="s">
        <v>102688</v>
      </c>
      <c r="I29200" s="1" t="s">
        <v>96632</v>
      </c>
      <c r="J29200" s="1" t="s">
        <v>102756</v>
      </c>
    </row>
    <row r="29201" spans="1:10" x14ac:dyDescent="0.35">
      <c r="A29201" s="1" t="s">
        <v>47178</v>
      </c>
      <c r="B29201" s="1" t="s">
        <v>96627</v>
      </c>
      <c r="C29201" s="1" t="s">
        <v>145</v>
      </c>
      <c r="D29201" s="1" t="s">
        <v>63775</v>
      </c>
      <c r="E29201" s="1" t="s">
        <v>54391</v>
      </c>
      <c r="F29201" s="1" t="s">
        <v>102757</v>
      </c>
      <c r="G29201" s="1" t="s">
        <v>102687</v>
      </c>
      <c r="H29201" s="1" t="s">
        <v>102688</v>
      </c>
      <c r="I29201" s="1" t="s">
        <v>96632</v>
      </c>
      <c r="J29201" s="1" t="s">
        <v>102758</v>
      </c>
    </row>
    <row r="29202" spans="1:10" x14ac:dyDescent="0.35">
      <c r="A29202" s="1" t="s">
        <v>47178</v>
      </c>
      <c r="B29202" s="1" t="s">
        <v>96627</v>
      </c>
      <c r="C29202" s="1" t="s">
        <v>150</v>
      </c>
      <c r="D29202" s="1" t="s">
        <v>26610</v>
      </c>
      <c r="E29202" s="1" t="s">
        <v>24343</v>
      </c>
      <c r="F29202" s="1" t="s">
        <v>102759</v>
      </c>
      <c r="G29202" s="1" t="s">
        <v>102687</v>
      </c>
      <c r="H29202" s="1" t="s">
        <v>102688</v>
      </c>
      <c r="I29202" s="1" t="s">
        <v>96632</v>
      </c>
      <c r="J29202" s="1" t="s">
        <v>102760</v>
      </c>
    </row>
    <row r="29203" spans="1:10" x14ac:dyDescent="0.35">
      <c r="A29203" s="1" t="s">
        <v>47178</v>
      </c>
      <c r="B29203" s="1" t="s">
        <v>96627</v>
      </c>
      <c r="C29203" s="1" t="s">
        <v>155</v>
      </c>
      <c r="D29203" s="1" t="s">
        <v>95440</v>
      </c>
      <c r="E29203" s="1" t="s">
        <v>54391</v>
      </c>
      <c r="F29203" s="1" t="s">
        <v>102761</v>
      </c>
      <c r="G29203" s="1" t="s">
        <v>102687</v>
      </c>
      <c r="H29203" s="1" t="s">
        <v>102688</v>
      </c>
      <c r="I29203" s="1" t="s">
        <v>96632</v>
      </c>
      <c r="J29203" s="1" t="s">
        <v>102762</v>
      </c>
    </row>
    <row r="29204" spans="1:10" x14ac:dyDescent="0.35">
      <c r="A29204" s="1" t="s">
        <v>47178</v>
      </c>
      <c r="B29204" s="1" t="s">
        <v>96627</v>
      </c>
      <c r="C29204" s="1" t="s">
        <v>160</v>
      </c>
      <c r="D29204" s="1" t="s">
        <v>102763</v>
      </c>
      <c r="E29204" s="1" t="s">
        <v>22018</v>
      </c>
      <c r="F29204" s="1" t="s">
        <v>102764</v>
      </c>
      <c r="G29204" s="1" t="s">
        <v>102687</v>
      </c>
      <c r="H29204" s="1" t="s">
        <v>102688</v>
      </c>
      <c r="I29204" s="1" t="s">
        <v>96632</v>
      </c>
      <c r="J29204" s="1" t="s">
        <v>102765</v>
      </c>
    </row>
    <row r="29205" spans="1:10" x14ac:dyDescent="0.35">
      <c r="A29205" s="1" t="s">
        <v>47178</v>
      </c>
      <c r="B29205" s="1" t="s">
        <v>96627</v>
      </c>
      <c r="C29205" s="1" t="s">
        <v>165</v>
      </c>
      <c r="D29205" s="1" t="s">
        <v>102766</v>
      </c>
      <c r="E29205" s="1" t="s">
        <v>21768</v>
      </c>
      <c r="F29205" s="1" t="s">
        <v>102767</v>
      </c>
      <c r="G29205" s="1" t="s">
        <v>102687</v>
      </c>
      <c r="H29205" s="1" t="s">
        <v>102688</v>
      </c>
      <c r="I29205" s="1" t="s">
        <v>96632</v>
      </c>
      <c r="J29205" s="1" t="s">
        <v>102768</v>
      </c>
    </row>
    <row r="29206" spans="1:10" x14ac:dyDescent="0.35">
      <c r="A29206" s="1" t="s">
        <v>47178</v>
      </c>
      <c r="B29206" s="1" t="s">
        <v>96627</v>
      </c>
      <c r="C29206" s="1" t="s">
        <v>170</v>
      </c>
      <c r="D29206" s="1" t="s">
        <v>102769</v>
      </c>
      <c r="E29206" s="1" t="s">
        <v>57060</v>
      </c>
      <c r="F29206" s="1" t="s">
        <v>102770</v>
      </c>
      <c r="G29206" s="1" t="s">
        <v>102687</v>
      </c>
      <c r="H29206" s="1" t="s">
        <v>102688</v>
      </c>
      <c r="I29206" s="1" t="s">
        <v>96632</v>
      </c>
      <c r="J29206" s="1" t="s">
        <v>102771</v>
      </c>
    </row>
    <row r="29207" spans="1:10" x14ac:dyDescent="0.35">
      <c r="A29207" s="1" t="s">
        <v>102772</v>
      </c>
      <c r="B29207" s="1" t="s">
        <v>96627</v>
      </c>
      <c r="C29207" s="1" t="s">
        <v>8</v>
      </c>
      <c r="D29207" s="1" t="s">
        <v>102773</v>
      </c>
      <c r="E29207" s="1" t="s">
        <v>102774</v>
      </c>
      <c r="F29207" s="1" t="s">
        <v>102775</v>
      </c>
      <c r="G29207" s="1" t="s">
        <v>102776</v>
      </c>
      <c r="H29207" s="1" t="s">
        <v>102777</v>
      </c>
      <c r="I29207" s="1" t="s">
        <v>96632</v>
      </c>
      <c r="J29207" s="1" t="s">
        <v>13</v>
      </c>
    </row>
    <row r="29208" spans="1:10" x14ac:dyDescent="0.35">
      <c r="A29208" s="1" t="s">
        <v>102772</v>
      </c>
      <c r="B29208" s="1" t="s">
        <v>96627</v>
      </c>
      <c r="C29208" s="1" t="s">
        <v>15</v>
      </c>
      <c r="D29208" s="1" t="s">
        <v>95146</v>
      </c>
      <c r="E29208" s="1" t="s">
        <v>102778</v>
      </c>
      <c r="F29208" s="1" t="s">
        <v>102779</v>
      </c>
      <c r="G29208" s="1" t="s">
        <v>102776</v>
      </c>
      <c r="H29208" s="1" t="s">
        <v>102777</v>
      </c>
      <c r="I29208" s="1" t="s">
        <v>96632</v>
      </c>
      <c r="J29208" s="1" t="s">
        <v>102780</v>
      </c>
    </row>
    <row r="29209" spans="1:10" x14ac:dyDescent="0.35">
      <c r="A29209" s="1" t="s">
        <v>102772</v>
      </c>
      <c r="B29209" s="1" t="s">
        <v>96627</v>
      </c>
      <c r="C29209" s="1" t="s">
        <v>20</v>
      </c>
      <c r="D29209" s="1" t="s">
        <v>84499</v>
      </c>
      <c r="E29209" s="1" t="s">
        <v>102781</v>
      </c>
      <c r="F29209" s="1" t="s">
        <v>102782</v>
      </c>
      <c r="G29209" s="1" t="s">
        <v>102776</v>
      </c>
      <c r="H29209" s="1" t="s">
        <v>102777</v>
      </c>
      <c r="I29209" s="1" t="s">
        <v>96632</v>
      </c>
      <c r="J29209" s="1" t="s">
        <v>102783</v>
      </c>
    </row>
    <row r="29210" spans="1:10" x14ac:dyDescent="0.35">
      <c r="A29210" s="1" t="s">
        <v>102772</v>
      </c>
      <c r="B29210" s="1" t="s">
        <v>96627</v>
      </c>
      <c r="C29210" s="1" t="s">
        <v>25</v>
      </c>
      <c r="D29210" s="1" t="s">
        <v>43982</v>
      </c>
      <c r="E29210" s="1" t="s">
        <v>102784</v>
      </c>
      <c r="F29210" s="1" t="s">
        <v>102785</v>
      </c>
      <c r="G29210" s="1" t="s">
        <v>102776</v>
      </c>
      <c r="H29210" s="1" t="s">
        <v>102777</v>
      </c>
      <c r="I29210" s="1" t="s">
        <v>96632</v>
      </c>
      <c r="J29210" s="1" t="s">
        <v>102786</v>
      </c>
    </row>
    <row r="29211" spans="1:10" x14ac:dyDescent="0.35">
      <c r="A29211" s="1" t="s">
        <v>102772</v>
      </c>
      <c r="B29211" s="1" t="s">
        <v>96627</v>
      </c>
      <c r="C29211" s="1" t="s">
        <v>30</v>
      </c>
      <c r="D29211" s="1" t="s">
        <v>102787</v>
      </c>
      <c r="E29211" s="1" t="s">
        <v>102788</v>
      </c>
      <c r="F29211" s="1" t="s">
        <v>102789</v>
      </c>
      <c r="G29211" s="1" t="s">
        <v>102776</v>
      </c>
      <c r="H29211" s="1" t="s">
        <v>102777</v>
      </c>
      <c r="I29211" s="1" t="s">
        <v>96632</v>
      </c>
      <c r="J29211" s="1" t="s">
        <v>102790</v>
      </c>
    </row>
    <row r="29212" spans="1:10" x14ac:dyDescent="0.35">
      <c r="A29212" s="1" t="s">
        <v>102772</v>
      </c>
      <c r="B29212" s="1" t="s">
        <v>96627</v>
      </c>
      <c r="C29212" s="1" t="s">
        <v>35</v>
      </c>
      <c r="D29212" s="1" t="s">
        <v>101456</v>
      </c>
      <c r="E29212" s="1" t="s">
        <v>102791</v>
      </c>
      <c r="F29212" s="1" t="s">
        <v>102792</v>
      </c>
      <c r="G29212" s="1" t="s">
        <v>102776</v>
      </c>
      <c r="H29212" s="1" t="s">
        <v>102777</v>
      </c>
      <c r="I29212" s="1" t="s">
        <v>96632</v>
      </c>
      <c r="J29212" s="1" t="s">
        <v>102793</v>
      </c>
    </row>
    <row r="29213" spans="1:10" x14ac:dyDescent="0.35">
      <c r="A29213" s="1" t="s">
        <v>102772</v>
      </c>
      <c r="B29213" s="1" t="s">
        <v>96627</v>
      </c>
      <c r="C29213" s="1" t="s">
        <v>40</v>
      </c>
      <c r="D29213" s="1" t="s">
        <v>102794</v>
      </c>
      <c r="E29213" s="1" t="s">
        <v>102795</v>
      </c>
      <c r="F29213" s="1" t="s">
        <v>102796</v>
      </c>
      <c r="G29213" s="1" t="s">
        <v>102776</v>
      </c>
      <c r="H29213" s="1" t="s">
        <v>102777</v>
      </c>
      <c r="I29213" s="1" t="s">
        <v>96632</v>
      </c>
      <c r="J29213" s="1" t="s">
        <v>102797</v>
      </c>
    </row>
    <row r="29214" spans="1:10" x14ac:dyDescent="0.35">
      <c r="A29214" s="1" t="s">
        <v>102772</v>
      </c>
      <c r="B29214" s="1" t="s">
        <v>96627</v>
      </c>
      <c r="C29214" s="1" t="s">
        <v>45</v>
      </c>
      <c r="D29214" s="1" t="s">
        <v>69559</v>
      </c>
      <c r="E29214" s="1" t="s">
        <v>102798</v>
      </c>
      <c r="F29214" s="1" t="s">
        <v>102799</v>
      </c>
      <c r="G29214" s="1" t="s">
        <v>102776</v>
      </c>
      <c r="H29214" s="1" t="s">
        <v>102777</v>
      </c>
      <c r="I29214" s="1" t="s">
        <v>96632</v>
      </c>
      <c r="J29214" s="1" t="s">
        <v>102800</v>
      </c>
    </row>
    <row r="29215" spans="1:10" x14ac:dyDescent="0.35">
      <c r="A29215" s="1" t="s">
        <v>102772</v>
      </c>
      <c r="B29215" s="1" t="s">
        <v>96627</v>
      </c>
      <c r="C29215" s="1" t="s">
        <v>50</v>
      </c>
      <c r="D29215" s="1" t="s">
        <v>2778</v>
      </c>
      <c r="E29215" s="1" t="s">
        <v>102801</v>
      </c>
      <c r="F29215" s="1" t="s">
        <v>102802</v>
      </c>
      <c r="G29215" s="1" t="s">
        <v>102776</v>
      </c>
      <c r="H29215" s="1" t="s">
        <v>102777</v>
      </c>
      <c r="I29215" s="1" t="s">
        <v>96632</v>
      </c>
      <c r="J29215" s="1" t="s">
        <v>102803</v>
      </c>
    </row>
    <row r="29216" spans="1:10" x14ac:dyDescent="0.35">
      <c r="A29216" s="1" t="s">
        <v>102772</v>
      </c>
      <c r="B29216" s="1" t="s">
        <v>96627</v>
      </c>
      <c r="C29216" s="1" t="s">
        <v>55</v>
      </c>
      <c r="D29216" s="1" t="s">
        <v>102804</v>
      </c>
      <c r="E29216" s="1" t="s">
        <v>102805</v>
      </c>
      <c r="F29216" s="1" t="s">
        <v>102806</v>
      </c>
      <c r="G29216" s="1" t="s">
        <v>102776</v>
      </c>
      <c r="H29216" s="1" t="s">
        <v>102777</v>
      </c>
      <c r="I29216" s="1" t="s">
        <v>96632</v>
      </c>
      <c r="J29216" s="1" t="s">
        <v>102807</v>
      </c>
    </row>
    <row r="29217" spans="1:10" x14ac:dyDescent="0.35">
      <c r="A29217" s="1" t="s">
        <v>102772</v>
      </c>
      <c r="B29217" s="1" t="s">
        <v>96627</v>
      </c>
      <c r="C29217" s="1" t="s">
        <v>60</v>
      </c>
      <c r="D29217" s="1" t="s">
        <v>102808</v>
      </c>
      <c r="E29217" s="1" t="s">
        <v>102809</v>
      </c>
      <c r="F29217" s="1" t="s">
        <v>102810</v>
      </c>
      <c r="G29217" s="1" t="s">
        <v>102776</v>
      </c>
      <c r="H29217" s="1" t="s">
        <v>102777</v>
      </c>
      <c r="I29217" s="1" t="s">
        <v>96632</v>
      </c>
      <c r="J29217" s="1" t="s">
        <v>102811</v>
      </c>
    </row>
    <row r="29218" spans="1:10" x14ac:dyDescent="0.35">
      <c r="A29218" s="1" t="s">
        <v>102772</v>
      </c>
      <c r="B29218" s="1" t="s">
        <v>96627</v>
      </c>
      <c r="C29218" s="1" t="s">
        <v>65</v>
      </c>
      <c r="D29218" s="1" t="s">
        <v>24383</v>
      </c>
      <c r="E29218" s="1" t="s">
        <v>102812</v>
      </c>
      <c r="F29218" s="1" t="s">
        <v>102813</v>
      </c>
      <c r="G29218" s="1" t="s">
        <v>102776</v>
      </c>
      <c r="H29218" s="1" t="s">
        <v>102777</v>
      </c>
      <c r="I29218" s="1" t="s">
        <v>96632</v>
      </c>
      <c r="J29218" s="1" t="s">
        <v>102814</v>
      </c>
    </row>
    <row r="29219" spans="1:10" x14ac:dyDescent="0.35">
      <c r="A29219" s="1" t="s">
        <v>102772</v>
      </c>
      <c r="B29219" s="1" t="s">
        <v>96627</v>
      </c>
      <c r="C29219" s="1" t="s">
        <v>70</v>
      </c>
      <c r="D29219" s="1" t="s">
        <v>102815</v>
      </c>
      <c r="E29219" s="1" t="s">
        <v>102816</v>
      </c>
      <c r="F29219" s="1" t="s">
        <v>102817</v>
      </c>
      <c r="G29219" s="1" t="s">
        <v>102776</v>
      </c>
      <c r="H29219" s="1" t="s">
        <v>102777</v>
      </c>
      <c r="I29219" s="1" t="s">
        <v>96632</v>
      </c>
      <c r="J29219" s="1" t="s">
        <v>102818</v>
      </c>
    </row>
    <row r="29220" spans="1:10" x14ac:dyDescent="0.35">
      <c r="A29220" s="1" t="s">
        <v>102772</v>
      </c>
      <c r="B29220" s="1" t="s">
        <v>96627</v>
      </c>
      <c r="C29220" s="1" t="s">
        <v>75</v>
      </c>
      <c r="D29220" s="1" t="s">
        <v>102819</v>
      </c>
      <c r="E29220" s="1" t="s">
        <v>102820</v>
      </c>
      <c r="F29220" s="1" t="s">
        <v>102821</v>
      </c>
      <c r="G29220" s="1" t="s">
        <v>102776</v>
      </c>
      <c r="H29220" s="1" t="s">
        <v>102777</v>
      </c>
      <c r="I29220" s="1" t="s">
        <v>96632</v>
      </c>
      <c r="J29220" s="1" t="s">
        <v>102822</v>
      </c>
    </row>
    <row r="29221" spans="1:10" x14ac:dyDescent="0.35">
      <c r="A29221" s="1" t="s">
        <v>102772</v>
      </c>
      <c r="B29221" s="1" t="s">
        <v>96627</v>
      </c>
      <c r="C29221" s="1" t="s">
        <v>80</v>
      </c>
      <c r="D29221" s="1" t="s">
        <v>2750</v>
      </c>
      <c r="E29221" s="1" t="s">
        <v>102823</v>
      </c>
      <c r="F29221" s="1" t="s">
        <v>102824</v>
      </c>
      <c r="G29221" s="1" t="s">
        <v>102776</v>
      </c>
      <c r="H29221" s="1" t="s">
        <v>102777</v>
      </c>
      <c r="I29221" s="1" t="s">
        <v>96632</v>
      </c>
      <c r="J29221" s="1" t="s">
        <v>102825</v>
      </c>
    </row>
    <row r="29222" spans="1:10" x14ac:dyDescent="0.35">
      <c r="A29222" s="1" t="s">
        <v>102772</v>
      </c>
      <c r="B29222" s="1" t="s">
        <v>96627</v>
      </c>
      <c r="C29222" s="1" t="s">
        <v>85</v>
      </c>
      <c r="D29222" s="1" t="s">
        <v>61399</v>
      </c>
      <c r="E29222" s="1" t="s">
        <v>102826</v>
      </c>
      <c r="F29222" s="1" t="s">
        <v>102827</v>
      </c>
      <c r="G29222" s="1" t="s">
        <v>102776</v>
      </c>
      <c r="H29222" s="1" t="s">
        <v>102777</v>
      </c>
      <c r="I29222" s="1" t="s">
        <v>96632</v>
      </c>
      <c r="J29222" s="1" t="s">
        <v>102828</v>
      </c>
    </row>
    <row r="29223" spans="1:10" x14ac:dyDescent="0.35">
      <c r="A29223" s="1" t="s">
        <v>102772</v>
      </c>
      <c r="B29223" s="1" t="s">
        <v>96627</v>
      </c>
      <c r="C29223" s="1" t="s">
        <v>90</v>
      </c>
      <c r="D29223" s="1" t="s">
        <v>102829</v>
      </c>
      <c r="E29223" s="1" t="s">
        <v>102830</v>
      </c>
      <c r="F29223" s="1" t="s">
        <v>102831</v>
      </c>
      <c r="G29223" s="1" t="s">
        <v>102776</v>
      </c>
      <c r="H29223" s="1" t="s">
        <v>102777</v>
      </c>
      <c r="I29223" s="1" t="s">
        <v>96632</v>
      </c>
      <c r="J29223" s="1" t="s">
        <v>102832</v>
      </c>
    </row>
    <row r="29224" spans="1:10" x14ac:dyDescent="0.35">
      <c r="A29224" s="1" t="s">
        <v>102772</v>
      </c>
      <c r="B29224" s="1" t="s">
        <v>96627</v>
      </c>
      <c r="C29224" s="1" t="s">
        <v>95</v>
      </c>
      <c r="D29224" s="1" t="s">
        <v>102833</v>
      </c>
      <c r="E29224" s="1" t="s">
        <v>102834</v>
      </c>
      <c r="F29224" s="1" t="s">
        <v>102835</v>
      </c>
      <c r="G29224" s="1" t="s">
        <v>102776</v>
      </c>
      <c r="H29224" s="1" t="s">
        <v>102777</v>
      </c>
      <c r="I29224" s="1" t="s">
        <v>96632</v>
      </c>
      <c r="J29224" s="1" t="s">
        <v>102836</v>
      </c>
    </row>
    <row r="29225" spans="1:10" x14ac:dyDescent="0.35">
      <c r="A29225" s="1" t="s">
        <v>102772</v>
      </c>
      <c r="B29225" s="1" t="s">
        <v>96627</v>
      </c>
      <c r="C29225" s="1" t="s">
        <v>100</v>
      </c>
      <c r="D29225" s="1" t="s">
        <v>4976</v>
      </c>
      <c r="E29225" s="1" t="s">
        <v>102837</v>
      </c>
      <c r="F29225" s="1" t="s">
        <v>102838</v>
      </c>
      <c r="G29225" s="1" t="s">
        <v>102776</v>
      </c>
      <c r="H29225" s="1" t="s">
        <v>102777</v>
      </c>
      <c r="I29225" s="1" t="s">
        <v>96632</v>
      </c>
      <c r="J29225" s="1" t="s">
        <v>102839</v>
      </c>
    </row>
    <row r="29226" spans="1:10" x14ac:dyDescent="0.35">
      <c r="A29226" s="1" t="s">
        <v>102772</v>
      </c>
      <c r="B29226" s="1" t="s">
        <v>96627</v>
      </c>
      <c r="C29226" s="1" t="s">
        <v>105</v>
      </c>
      <c r="D29226" s="1" t="s">
        <v>61172</v>
      </c>
      <c r="E29226" s="1" t="s">
        <v>102840</v>
      </c>
      <c r="F29226" s="1" t="s">
        <v>102841</v>
      </c>
      <c r="G29226" s="1" t="s">
        <v>102776</v>
      </c>
      <c r="H29226" s="1" t="s">
        <v>102777</v>
      </c>
      <c r="I29226" s="1" t="s">
        <v>96632</v>
      </c>
      <c r="J29226" s="1" t="s">
        <v>102842</v>
      </c>
    </row>
    <row r="29227" spans="1:10" x14ac:dyDescent="0.35">
      <c r="A29227" s="1" t="s">
        <v>102772</v>
      </c>
      <c r="B29227" s="1" t="s">
        <v>96627</v>
      </c>
      <c r="C29227" s="1" t="s">
        <v>110</v>
      </c>
      <c r="D29227" s="1" t="s">
        <v>102843</v>
      </c>
      <c r="E29227" s="1" t="s">
        <v>102844</v>
      </c>
      <c r="F29227" s="1" t="s">
        <v>102845</v>
      </c>
      <c r="G29227" s="1" t="s">
        <v>102776</v>
      </c>
      <c r="H29227" s="1" t="s">
        <v>102777</v>
      </c>
      <c r="I29227" s="1" t="s">
        <v>96632</v>
      </c>
      <c r="J29227" s="1" t="s">
        <v>102846</v>
      </c>
    </row>
    <row r="29228" spans="1:10" x14ac:dyDescent="0.35">
      <c r="A29228" s="1" t="s">
        <v>102772</v>
      </c>
      <c r="B29228" s="1" t="s">
        <v>96627</v>
      </c>
      <c r="C29228" s="1" t="s">
        <v>115</v>
      </c>
      <c r="D29228" s="1" t="s">
        <v>85174</v>
      </c>
      <c r="E29228" s="1" t="s">
        <v>102847</v>
      </c>
      <c r="F29228" s="1" t="s">
        <v>102848</v>
      </c>
      <c r="G29228" s="1" t="s">
        <v>102776</v>
      </c>
      <c r="H29228" s="1" t="s">
        <v>102777</v>
      </c>
      <c r="I29228" s="1" t="s">
        <v>96632</v>
      </c>
      <c r="J29228" s="1" t="s">
        <v>102849</v>
      </c>
    </row>
    <row r="29229" spans="1:10" x14ac:dyDescent="0.35">
      <c r="A29229" s="1" t="s">
        <v>102772</v>
      </c>
      <c r="B29229" s="1" t="s">
        <v>96627</v>
      </c>
      <c r="C29229" s="1" t="s">
        <v>120</v>
      </c>
      <c r="D29229" s="1" t="s">
        <v>40224</v>
      </c>
      <c r="E29229" s="1" t="s">
        <v>102850</v>
      </c>
      <c r="F29229" s="1" t="s">
        <v>102851</v>
      </c>
      <c r="G29229" s="1" t="s">
        <v>102776</v>
      </c>
      <c r="H29229" s="1" t="s">
        <v>102777</v>
      </c>
      <c r="I29229" s="1" t="s">
        <v>96632</v>
      </c>
      <c r="J29229" s="1" t="s">
        <v>102852</v>
      </c>
    </row>
    <row r="29230" spans="1:10" x14ac:dyDescent="0.35">
      <c r="A29230" s="1" t="s">
        <v>102772</v>
      </c>
      <c r="B29230" s="1" t="s">
        <v>96627</v>
      </c>
      <c r="C29230" s="1" t="s">
        <v>125</v>
      </c>
      <c r="D29230" s="1" t="s">
        <v>102853</v>
      </c>
      <c r="E29230" s="1" t="s">
        <v>102854</v>
      </c>
      <c r="F29230" s="1" t="s">
        <v>102855</v>
      </c>
      <c r="G29230" s="1" t="s">
        <v>102776</v>
      </c>
      <c r="H29230" s="1" t="s">
        <v>102777</v>
      </c>
      <c r="I29230" s="1" t="s">
        <v>96632</v>
      </c>
      <c r="J29230" s="1" t="s">
        <v>102856</v>
      </c>
    </row>
    <row r="29231" spans="1:10" x14ac:dyDescent="0.35">
      <c r="A29231" s="1" t="s">
        <v>102772</v>
      </c>
      <c r="B29231" s="1" t="s">
        <v>96627</v>
      </c>
      <c r="C29231" s="1" t="s">
        <v>130</v>
      </c>
      <c r="D29231" s="1" t="s">
        <v>63867</v>
      </c>
      <c r="E29231" s="1" t="s">
        <v>102857</v>
      </c>
      <c r="F29231" s="1" t="s">
        <v>102858</v>
      </c>
      <c r="G29231" s="1" t="s">
        <v>102776</v>
      </c>
      <c r="H29231" s="1" t="s">
        <v>102777</v>
      </c>
      <c r="I29231" s="1" t="s">
        <v>96632</v>
      </c>
      <c r="J29231" s="1" t="s">
        <v>102859</v>
      </c>
    </row>
    <row r="29232" spans="1:10" x14ac:dyDescent="0.35">
      <c r="A29232" s="1" t="s">
        <v>102772</v>
      </c>
      <c r="B29232" s="1" t="s">
        <v>96627</v>
      </c>
      <c r="C29232" s="1" t="s">
        <v>135</v>
      </c>
      <c r="D29232" s="1" t="s">
        <v>102860</v>
      </c>
      <c r="E29232" s="1" t="s">
        <v>102861</v>
      </c>
      <c r="F29232" s="1" t="s">
        <v>102862</v>
      </c>
      <c r="G29232" s="1" t="s">
        <v>102776</v>
      </c>
      <c r="H29232" s="1" t="s">
        <v>102777</v>
      </c>
      <c r="I29232" s="1" t="s">
        <v>96632</v>
      </c>
      <c r="J29232" s="1" t="s">
        <v>102863</v>
      </c>
    </row>
    <row r="29233" spans="1:10" x14ac:dyDescent="0.35">
      <c r="A29233" s="1" t="s">
        <v>102772</v>
      </c>
      <c r="B29233" s="1" t="s">
        <v>96627</v>
      </c>
      <c r="C29233" s="1" t="s">
        <v>140</v>
      </c>
      <c r="D29233" s="1" t="s">
        <v>26969</v>
      </c>
      <c r="E29233" s="1" t="s">
        <v>102864</v>
      </c>
      <c r="F29233" s="1" t="s">
        <v>102865</v>
      </c>
      <c r="G29233" s="1" t="s">
        <v>102776</v>
      </c>
      <c r="H29233" s="1" t="s">
        <v>102777</v>
      </c>
      <c r="I29233" s="1" t="s">
        <v>96632</v>
      </c>
      <c r="J29233" s="1" t="s">
        <v>102866</v>
      </c>
    </row>
    <row r="29234" spans="1:10" x14ac:dyDescent="0.35">
      <c r="A29234" s="1" t="s">
        <v>102772</v>
      </c>
      <c r="B29234" s="1" t="s">
        <v>96627</v>
      </c>
      <c r="C29234" s="1" t="s">
        <v>145</v>
      </c>
      <c r="D29234" s="1" t="s">
        <v>97634</v>
      </c>
      <c r="E29234" s="1" t="s">
        <v>102867</v>
      </c>
      <c r="F29234" s="1" t="s">
        <v>102868</v>
      </c>
      <c r="G29234" s="1" t="s">
        <v>102776</v>
      </c>
      <c r="H29234" s="1" t="s">
        <v>102777</v>
      </c>
      <c r="I29234" s="1" t="s">
        <v>96632</v>
      </c>
      <c r="J29234" s="1" t="s">
        <v>102869</v>
      </c>
    </row>
    <row r="29235" spans="1:10" x14ac:dyDescent="0.35">
      <c r="A29235" s="1" t="s">
        <v>102772</v>
      </c>
      <c r="B29235" s="1" t="s">
        <v>96627</v>
      </c>
      <c r="C29235" s="1" t="s">
        <v>150</v>
      </c>
      <c r="D29235" s="1" t="s">
        <v>102870</v>
      </c>
      <c r="E29235" s="1" t="s">
        <v>102871</v>
      </c>
      <c r="F29235" s="1" t="s">
        <v>102872</v>
      </c>
      <c r="G29235" s="1" t="s">
        <v>102776</v>
      </c>
      <c r="H29235" s="1" t="s">
        <v>102777</v>
      </c>
      <c r="I29235" s="1" t="s">
        <v>96632</v>
      </c>
      <c r="J29235" s="1" t="s">
        <v>102873</v>
      </c>
    </row>
    <row r="29236" spans="1:10" x14ac:dyDescent="0.35">
      <c r="A29236" s="1" t="s">
        <v>102772</v>
      </c>
      <c r="B29236" s="1" t="s">
        <v>96627</v>
      </c>
      <c r="C29236" s="1" t="s">
        <v>155</v>
      </c>
      <c r="D29236" s="1" t="s">
        <v>102874</v>
      </c>
      <c r="E29236" s="1" t="s">
        <v>102875</v>
      </c>
      <c r="F29236" s="1" t="s">
        <v>102876</v>
      </c>
      <c r="G29236" s="1" t="s">
        <v>102776</v>
      </c>
      <c r="H29236" s="1" t="s">
        <v>102777</v>
      </c>
      <c r="I29236" s="1" t="s">
        <v>96632</v>
      </c>
      <c r="J29236" s="1" t="s">
        <v>102877</v>
      </c>
    </row>
    <row r="29237" spans="1:10" x14ac:dyDescent="0.35">
      <c r="A29237" s="1" t="s">
        <v>102772</v>
      </c>
      <c r="B29237" s="1" t="s">
        <v>96627</v>
      </c>
      <c r="C29237" s="1" t="s">
        <v>160</v>
      </c>
      <c r="D29237" s="1" t="s">
        <v>97149</v>
      </c>
      <c r="E29237" s="1" t="s">
        <v>102878</v>
      </c>
      <c r="F29237" s="1" t="s">
        <v>102879</v>
      </c>
      <c r="G29237" s="1" t="s">
        <v>102776</v>
      </c>
      <c r="H29237" s="1" t="s">
        <v>102777</v>
      </c>
      <c r="I29237" s="1" t="s">
        <v>96632</v>
      </c>
      <c r="J29237" s="1" t="s">
        <v>102880</v>
      </c>
    </row>
    <row r="29238" spans="1:10" x14ac:dyDescent="0.35">
      <c r="A29238" s="1" t="s">
        <v>102772</v>
      </c>
      <c r="B29238" s="1" t="s">
        <v>96627</v>
      </c>
      <c r="C29238" s="1" t="s">
        <v>165</v>
      </c>
      <c r="D29238" s="1" t="s">
        <v>102881</v>
      </c>
      <c r="E29238" s="1" t="s">
        <v>102882</v>
      </c>
      <c r="F29238" s="1" t="s">
        <v>102883</v>
      </c>
      <c r="G29238" s="1" t="s">
        <v>102776</v>
      </c>
      <c r="H29238" s="1" t="s">
        <v>102777</v>
      </c>
      <c r="I29238" s="1" t="s">
        <v>96632</v>
      </c>
      <c r="J29238" s="1" t="s">
        <v>102884</v>
      </c>
    </row>
    <row r="29239" spans="1:10" x14ac:dyDescent="0.35">
      <c r="A29239" s="1" t="s">
        <v>102772</v>
      </c>
      <c r="B29239" s="1" t="s">
        <v>96627</v>
      </c>
      <c r="C29239" s="1" t="s">
        <v>170</v>
      </c>
      <c r="D29239" s="1" t="s">
        <v>102885</v>
      </c>
      <c r="E29239" s="1" t="s">
        <v>102886</v>
      </c>
      <c r="F29239" s="1" t="s">
        <v>102887</v>
      </c>
      <c r="G29239" s="1" t="s">
        <v>102776</v>
      </c>
      <c r="H29239" s="1" t="s">
        <v>102777</v>
      </c>
      <c r="I29239" s="1" t="s">
        <v>96632</v>
      </c>
      <c r="J29239" s="1" t="s">
        <v>102888</v>
      </c>
    </row>
    <row r="29240" spans="1:10" x14ac:dyDescent="0.35">
      <c r="A29240" s="1" t="s">
        <v>102889</v>
      </c>
      <c r="B29240" s="1" t="s">
        <v>96627</v>
      </c>
      <c r="C29240" s="1" t="s">
        <v>8</v>
      </c>
      <c r="D29240" s="1" t="s">
        <v>12503</v>
      </c>
      <c r="E29240" s="1" t="s">
        <v>102890</v>
      </c>
      <c r="F29240" s="1" t="s">
        <v>102891</v>
      </c>
      <c r="G29240" s="1" t="s">
        <v>102892</v>
      </c>
      <c r="H29240" s="1" t="s">
        <v>102893</v>
      </c>
      <c r="I29240" s="1" t="s">
        <v>96632</v>
      </c>
      <c r="J29240" s="1" t="s">
        <v>13</v>
      </c>
    </row>
    <row r="29241" spans="1:10" x14ac:dyDescent="0.35">
      <c r="A29241" s="1" t="s">
        <v>102889</v>
      </c>
      <c r="B29241" s="1" t="s">
        <v>96627</v>
      </c>
      <c r="C29241" s="1" t="s">
        <v>15</v>
      </c>
      <c r="D29241" s="1" t="s">
        <v>102894</v>
      </c>
      <c r="E29241" s="1" t="s">
        <v>102895</v>
      </c>
      <c r="F29241" s="1" t="s">
        <v>102896</v>
      </c>
      <c r="G29241" s="1" t="s">
        <v>102892</v>
      </c>
      <c r="H29241" s="1" t="s">
        <v>102893</v>
      </c>
      <c r="I29241" s="1" t="s">
        <v>96632</v>
      </c>
      <c r="J29241" s="1" t="s">
        <v>102897</v>
      </c>
    </row>
    <row r="29242" spans="1:10" x14ac:dyDescent="0.35">
      <c r="A29242" s="1" t="s">
        <v>102889</v>
      </c>
      <c r="B29242" s="1" t="s">
        <v>96627</v>
      </c>
      <c r="C29242" s="1" t="s">
        <v>20</v>
      </c>
      <c r="D29242" s="1" t="s">
        <v>102898</v>
      </c>
      <c r="E29242" s="1" t="s">
        <v>102899</v>
      </c>
      <c r="F29242" s="1" t="s">
        <v>102900</v>
      </c>
      <c r="G29242" s="1" t="s">
        <v>102892</v>
      </c>
      <c r="H29242" s="1" t="s">
        <v>102893</v>
      </c>
      <c r="I29242" s="1" t="s">
        <v>96632</v>
      </c>
      <c r="J29242" s="1" t="s">
        <v>102901</v>
      </c>
    </row>
    <row r="29243" spans="1:10" x14ac:dyDescent="0.35">
      <c r="A29243" s="1" t="s">
        <v>102889</v>
      </c>
      <c r="B29243" s="1" t="s">
        <v>96627</v>
      </c>
      <c r="C29243" s="1" t="s">
        <v>25</v>
      </c>
      <c r="D29243" s="1" t="s">
        <v>102902</v>
      </c>
      <c r="E29243" s="1" t="s">
        <v>102903</v>
      </c>
      <c r="F29243" s="1" t="s">
        <v>102904</v>
      </c>
      <c r="G29243" s="1" t="s">
        <v>102892</v>
      </c>
      <c r="H29243" s="1" t="s">
        <v>102893</v>
      </c>
      <c r="I29243" s="1" t="s">
        <v>96632</v>
      </c>
      <c r="J29243" s="1" t="s">
        <v>102905</v>
      </c>
    </row>
    <row r="29244" spans="1:10" x14ac:dyDescent="0.35">
      <c r="A29244" s="1" t="s">
        <v>102889</v>
      </c>
      <c r="B29244" s="1" t="s">
        <v>96627</v>
      </c>
      <c r="C29244" s="1" t="s">
        <v>30</v>
      </c>
      <c r="D29244" s="1" t="s">
        <v>76821</v>
      </c>
      <c r="E29244" s="1" t="s">
        <v>102906</v>
      </c>
      <c r="F29244" s="1" t="s">
        <v>102907</v>
      </c>
      <c r="G29244" s="1" t="s">
        <v>102892</v>
      </c>
      <c r="H29244" s="1" t="s">
        <v>102893</v>
      </c>
      <c r="I29244" s="1" t="s">
        <v>96632</v>
      </c>
      <c r="J29244" s="1" t="s">
        <v>102908</v>
      </c>
    </row>
    <row r="29245" spans="1:10" x14ac:dyDescent="0.35">
      <c r="A29245" s="1" t="s">
        <v>102889</v>
      </c>
      <c r="B29245" s="1" t="s">
        <v>96627</v>
      </c>
      <c r="C29245" s="1" t="s">
        <v>35</v>
      </c>
      <c r="D29245" s="1" t="s">
        <v>53217</v>
      </c>
      <c r="E29245" s="1" t="s">
        <v>102909</v>
      </c>
      <c r="F29245" s="1" t="s">
        <v>102910</v>
      </c>
      <c r="G29245" s="1" t="s">
        <v>102892</v>
      </c>
      <c r="H29245" s="1" t="s">
        <v>102893</v>
      </c>
      <c r="I29245" s="1" t="s">
        <v>96632</v>
      </c>
      <c r="J29245" s="1" t="s">
        <v>102911</v>
      </c>
    </row>
    <row r="29246" spans="1:10" x14ac:dyDescent="0.35">
      <c r="A29246" s="1" t="s">
        <v>102889</v>
      </c>
      <c r="B29246" s="1" t="s">
        <v>96627</v>
      </c>
      <c r="C29246" s="1" t="s">
        <v>40</v>
      </c>
      <c r="D29246" s="1" t="s">
        <v>65061</v>
      </c>
      <c r="E29246" s="1" t="s">
        <v>102912</v>
      </c>
      <c r="F29246" s="1" t="s">
        <v>102913</v>
      </c>
      <c r="G29246" s="1" t="s">
        <v>102892</v>
      </c>
      <c r="H29246" s="1" t="s">
        <v>102893</v>
      </c>
      <c r="I29246" s="1" t="s">
        <v>96632</v>
      </c>
      <c r="J29246" s="1" t="s">
        <v>102914</v>
      </c>
    </row>
    <row r="29247" spans="1:10" x14ac:dyDescent="0.35">
      <c r="A29247" s="1" t="s">
        <v>102889</v>
      </c>
      <c r="B29247" s="1" t="s">
        <v>96627</v>
      </c>
      <c r="C29247" s="1" t="s">
        <v>45</v>
      </c>
      <c r="D29247" s="1" t="s">
        <v>102915</v>
      </c>
      <c r="E29247" s="1" t="s">
        <v>102916</v>
      </c>
      <c r="F29247" s="1" t="s">
        <v>102917</v>
      </c>
      <c r="G29247" s="1" t="s">
        <v>102892</v>
      </c>
      <c r="H29247" s="1" t="s">
        <v>102893</v>
      </c>
      <c r="I29247" s="1" t="s">
        <v>96632</v>
      </c>
      <c r="J29247" s="1" t="s">
        <v>102918</v>
      </c>
    </row>
    <row r="29248" spans="1:10" x14ac:dyDescent="0.35">
      <c r="A29248" s="1" t="s">
        <v>102889</v>
      </c>
      <c r="B29248" s="1" t="s">
        <v>96627</v>
      </c>
      <c r="C29248" s="1" t="s">
        <v>50</v>
      </c>
      <c r="D29248" s="1" t="s">
        <v>78036</v>
      </c>
      <c r="E29248" s="1" t="s">
        <v>102919</v>
      </c>
      <c r="F29248" s="1" t="s">
        <v>102920</v>
      </c>
      <c r="G29248" s="1" t="s">
        <v>102892</v>
      </c>
      <c r="H29248" s="1" t="s">
        <v>102893</v>
      </c>
      <c r="I29248" s="1" t="s">
        <v>96632</v>
      </c>
      <c r="J29248" s="1" t="s">
        <v>102921</v>
      </c>
    </row>
    <row r="29249" spans="1:10" x14ac:dyDescent="0.35">
      <c r="A29249" s="1" t="s">
        <v>102889</v>
      </c>
      <c r="B29249" s="1" t="s">
        <v>96627</v>
      </c>
      <c r="C29249" s="1" t="s">
        <v>55</v>
      </c>
      <c r="D29249" s="1" t="s">
        <v>102922</v>
      </c>
      <c r="E29249" s="1" t="s">
        <v>102923</v>
      </c>
      <c r="F29249" s="1" t="s">
        <v>102924</v>
      </c>
      <c r="G29249" s="1" t="s">
        <v>102892</v>
      </c>
      <c r="H29249" s="1" t="s">
        <v>102893</v>
      </c>
      <c r="I29249" s="1" t="s">
        <v>96632</v>
      </c>
      <c r="J29249" s="1" t="s">
        <v>102925</v>
      </c>
    </row>
    <row r="29250" spans="1:10" x14ac:dyDescent="0.35">
      <c r="A29250" s="1" t="s">
        <v>102889</v>
      </c>
      <c r="B29250" s="1" t="s">
        <v>96627</v>
      </c>
      <c r="C29250" s="1" t="s">
        <v>60</v>
      </c>
      <c r="D29250" s="1" t="s">
        <v>56214</v>
      </c>
      <c r="E29250" s="1" t="s">
        <v>102926</v>
      </c>
      <c r="F29250" s="1" t="s">
        <v>102927</v>
      </c>
      <c r="G29250" s="1" t="s">
        <v>102892</v>
      </c>
      <c r="H29250" s="1" t="s">
        <v>102893</v>
      </c>
      <c r="I29250" s="1" t="s">
        <v>96632</v>
      </c>
      <c r="J29250" s="1" t="s">
        <v>102928</v>
      </c>
    </row>
    <row r="29251" spans="1:10" x14ac:dyDescent="0.35">
      <c r="A29251" s="1" t="s">
        <v>102889</v>
      </c>
      <c r="B29251" s="1" t="s">
        <v>96627</v>
      </c>
      <c r="C29251" s="1" t="s">
        <v>65</v>
      </c>
      <c r="D29251" s="1" t="s">
        <v>78238</v>
      </c>
      <c r="E29251" s="1" t="s">
        <v>102929</v>
      </c>
      <c r="F29251" s="1" t="s">
        <v>102930</v>
      </c>
      <c r="G29251" s="1" t="s">
        <v>102892</v>
      </c>
      <c r="H29251" s="1" t="s">
        <v>102893</v>
      </c>
      <c r="I29251" s="1" t="s">
        <v>96632</v>
      </c>
      <c r="J29251" s="1" t="s">
        <v>102931</v>
      </c>
    </row>
    <row r="29252" spans="1:10" x14ac:dyDescent="0.35">
      <c r="A29252" s="1" t="s">
        <v>102889</v>
      </c>
      <c r="B29252" s="1" t="s">
        <v>96627</v>
      </c>
      <c r="C29252" s="1" t="s">
        <v>70</v>
      </c>
      <c r="D29252" s="1" t="s">
        <v>75668</v>
      </c>
      <c r="E29252" s="1" t="s">
        <v>102932</v>
      </c>
      <c r="F29252" s="1" t="s">
        <v>102933</v>
      </c>
      <c r="G29252" s="1" t="s">
        <v>102892</v>
      </c>
      <c r="H29252" s="1" t="s">
        <v>102893</v>
      </c>
      <c r="I29252" s="1" t="s">
        <v>96632</v>
      </c>
      <c r="J29252" s="1" t="s">
        <v>102934</v>
      </c>
    </row>
    <row r="29253" spans="1:10" x14ac:dyDescent="0.35">
      <c r="A29253" s="1" t="s">
        <v>102889</v>
      </c>
      <c r="B29253" s="1" t="s">
        <v>96627</v>
      </c>
      <c r="C29253" s="1" t="s">
        <v>75</v>
      </c>
      <c r="D29253" s="1" t="s">
        <v>61644</v>
      </c>
      <c r="E29253" s="1" t="s">
        <v>102935</v>
      </c>
      <c r="F29253" s="1" t="s">
        <v>102936</v>
      </c>
      <c r="G29253" s="1" t="s">
        <v>102892</v>
      </c>
      <c r="H29253" s="1" t="s">
        <v>102893</v>
      </c>
      <c r="I29253" s="1" t="s">
        <v>96632</v>
      </c>
      <c r="J29253" s="1" t="s">
        <v>102937</v>
      </c>
    </row>
    <row r="29254" spans="1:10" x14ac:dyDescent="0.35">
      <c r="A29254" s="1" t="s">
        <v>102889</v>
      </c>
      <c r="B29254" s="1" t="s">
        <v>96627</v>
      </c>
      <c r="C29254" s="1" t="s">
        <v>80</v>
      </c>
      <c r="D29254" s="1" t="s">
        <v>24421</v>
      </c>
      <c r="E29254" s="1" t="s">
        <v>102938</v>
      </c>
      <c r="F29254" s="1" t="s">
        <v>102939</v>
      </c>
      <c r="G29254" s="1" t="s">
        <v>102892</v>
      </c>
      <c r="H29254" s="1" t="s">
        <v>102893</v>
      </c>
      <c r="I29254" s="1" t="s">
        <v>96632</v>
      </c>
      <c r="J29254" s="1" t="s">
        <v>102940</v>
      </c>
    </row>
    <row r="29255" spans="1:10" x14ac:dyDescent="0.35">
      <c r="A29255" s="1" t="s">
        <v>102889</v>
      </c>
      <c r="B29255" s="1" t="s">
        <v>96627</v>
      </c>
      <c r="C29255" s="1" t="s">
        <v>85</v>
      </c>
      <c r="D29255" s="1" t="s">
        <v>102941</v>
      </c>
      <c r="E29255" s="1" t="s">
        <v>102942</v>
      </c>
      <c r="F29255" s="1" t="s">
        <v>102943</v>
      </c>
      <c r="G29255" s="1" t="s">
        <v>102892</v>
      </c>
      <c r="H29255" s="1" t="s">
        <v>102893</v>
      </c>
      <c r="I29255" s="1" t="s">
        <v>96632</v>
      </c>
      <c r="J29255" s="1" t="s">
        <v>102944</v>
      </c>
    </row>
    <row r="29256" spans="1:10" x14ac:dyDescent="0.35">
      <c r="A29256" s="1" t="s">
        <v>102889</v>
      </c>
      <c r="B29256" s="1" t="s">
        <v>96627</v>
      </c>
      <c r="C29256" s="1" t="s">
        <v>90</v>
      </c>
      <c r="D29256" s="1" t="s">
        <v>102773</v>
      </c>
      <c r="E29256" s="1" t="s">
        <v>102945</v>
      </c>
      <c r="F29256" s="1" t="s">
        <v>102946</v>
      </c>
      <c r="G29256" s="1" t="s">
        <v>102892</v>
      </c>
      <c r="H29256" s="1" t="s">
        <v>102893</v>
      </c>
      <c r="I29256" s="1" t="s">
        <v>96632</v>
      </c>
      <c r="J29256" s="1" t="s">
        <v>102947</v>
      </c>
    </row>
    <row r="29257" spans="1:10" x14ac:dyDescent="0.35">
      <c r="A29257" s="1" t="s">
        <v>102889</v>
      </c>
      <c r="B29257" s="1" t="s">
        <v>96627</v>
      </c>
      <c r="C29257" s="1" t="s">
        <v>95</v>
      </c>
      <c r="D29257" s="1" t="s">
        <v>62954</v>
      </c>
      <c r="E29257" s="1" t="s">
        <v>102948</v>
      </c>
      <c r="F29257" s="1" t="s">
        <v>102949</v>
      </c>
      <c r="G29257" s="1" t="s">
        <v>102892</v>
      </c>
      <c r="H29257" s="1" t="s">
        <v>102893</v>
      </c>
      <c r="I29257" s="1" t="s">
        <v>96632</v>
      </c>
      <c r="J29257" s="1" t="s">
        <v>102950</v>
      </c>
    </row>
    <row r="29258" spans="1:10" x14ac:dyDescent="0.35">
      <c r="A29258" s="1" t="s">
        <v>102889</v>
      </c>
      <c r="B29258" s="1" t="s">
        <v>96627</v>
      </c>
      <c r="C29258" s="1" t="s">
        <v>100</v>
      </c>
      <c r="D29258" s="1" t="s">
        <v>102951</v>
      </c>
      <c r="E29258" s="1" t="s">
        <v>102952</v>
      </c>
      <c r="F29258" s="1" t="s">
        <v>102953</v>
      </c>
      <c r="G29258" s="1" t="s">
        <v>102892</v>
      </c>
      <c r="H29258" s="1" t="s">
        <v>102893</v>
      </c>
      <c r="I29258" s="1" t="s">
        <v>96632</v>
      </c>
      <c r="J29258" s="1" t="s">
        <v>102954</v>
      </c>
    </row>
    <row r="29259" spans="1:10" x14ac:dyDescent="0.35">
      <c r="A29259" s="1" t="s">
        <v>102889</v>
      </c>
      <c r="B29259" s="1" t="s">
        <v>96627</v>
      </c>
      <c r="C29259" s="1" t="s">
        <v>105</v>
      </c>
      <c r="D29259" s="1" t="s">
        <v>102955</v>
      </c>
      <c r="E29259" s="1" t="s">
        <v>102956</v>
      </c>
      <c r="F29259" s="1" t="s">
        <v>102957</v>
      </c>
      <c r="G29259" s="1" t="s">
        <v>102892</v>
      </c>
      <c r="H29259" s="1" t="s">
        <v>102893</v>
      </c>
      <c r="I29259" s="1" t="s">
        <v>96632</v>
      </c>
      <c r="J29259" s="1" t="s">
        <v>102958</v>
      </c>
    </row>
    <row r="29260" spans="1:10" x14ac:dyDescent="0.35">
      <c r="A29260" s="1" t="s">
        <v>102889</v>
      </c>
      <c r="B29260" s="1" t="s">
        <v>96627</v>
      </c>
      <c r="C29260" s="1" t="s">
        <v>110</v>
      </c>
      <c r="D29260" s="1" t="s">
        <v>102959</v>
      </c>
      <c r="E29260" s="1" t="s">
        <v>102960</v>
      </c>
      <c r="F29260" s="1" t="s">
        <v>102961</v>
      </c>
      <c r="G29260" s="1" t="s">
        <v>102892</v>
      </c>
      <c r="H29260" s="1" t="s">
        <v>102893</v>
      </c>
      <c r="I29260" s="1" t="s">
        <v>96632</v>
      </c>
      <c r="J29260" s="1" t="s">
        <v>102962</v>
      </c>
    </row>
    <row r="29261" spans="1:10" x14ac:dyDescent="0.35">
      <c r="A29261" s="1" t="s">
        <v>102889</v>
      </c>
      <c r="B29261" s="1" t="s">
        <v>96627</v>
      </c>
      <c r="C29261" s="1" t="s">
        <v>115</v>
      </c>
      <c r="D29261" s="1" t="s">
        <v>102963</v>
      </c>
      <c r="E29261" s="1" t="s">
        <v>102964</v>
      </c>
      <c r="F29261" s="1" t="s">
        <v>102965</v>
      </c>
      <c r="G29261" s="1" t="s">
        <v>102892</v>
      </c>
      <c r="H29261" s="1" t="s">
        <v>102893</v>
      </c>
      <c r="I29261" s="1" t="s">
        <v>96632</v>
      </c>
      <c r="J29261" s="1" t="s">
        <v>102966</v>
      </c>
    </row>
    <row r="29262" spans="1:10" x14ac:dyDescent="0.35">
      <c r="A29262" s="1" t="s">
        <v>102889</v>
      </c>
      <c r="B29262" s="1" t="s">
        <v>96627</v>
      </c>
      <c r="C29262" s="1" t="s">
        <v>120</v>
      </c>
      <c r="D29262" s="1" t="s">
        <v>24322</v>
      </c>
      <c r="E29262" s="1" t="s">
        <v>102967</v>
      </c>
      <c r="F29262" s="1" t="s">
        <v>102968</v>
      </c>
      <c r="G29262" s="1" t="s">
        <v>102892</v>
      </c>
      <c r="H29262" s="1" t="s">
        <v>102893</v>
      </c>
      <c r="I29262" s="1" t="s">
        <v>96632</v>
      </c>
      <c r="J29262" s="1" t="s">
        <v>102969</v>
      </c>
    </row>
    <row r="29263" spans="1:10" x14ac:dyDescent="0.35">
      <c r="A29263" s="1" t="s">
        <v>102889</v>
      </c>
      <c r="B29263" s="1" t="s">
        <v>96627</v>
      </c>
      <c r="C29263" s="1" t="s">
        <v>125</v>
      </c>
      <c r="D29263" s="1" t="s">
        <v>43484</v>
      </c>
      <c r="E29263" s="1" t="s">
        <v>102970</v>
      </c>
      <c r="F29263" s="1" t="s">
        <v>102971</v>
      </c>
      <c r="G29263" s="1" t="s">
        <v>102892</v>
      </c>
      <c r="H29263" s="1" t="s">
        <v>102893</v>
      </c>
      <c r="I29263" s="1" t="s">
        <v>96632</v>
      </c>
      <c r="J29263" s="1" t="s">
        <v>102972</v>
      </c>
    </row>
    <row r="29264" spans="1:10" x14ac:dyDescent="0.35">
      <c r="A29264" s="1" t="s">
        <v>102889</v>
      </c>
      <c r="B29264" s="1" t="s">
        <v>96627</v>
      </c>
      <c r="C29264" s="1" t="s">
        <v>130</v>
      </c>
      <c r="D29264" s="1" t="s">
        <v>102973</v>
      </c>
      <c r="E29264" s="1" t="s">
        <v>102974</v>
      </c>
      <c r="F29264" s="1" t="s">
        <v>102975</v>
      </c>
      <c r="G29264" s="1" t="s">
        <v>102892</v>
      </c>
      <c r="H29264" s="1" t="s">
        <v>102893</v>
      </c>
      <c r="I29264" s="1" t="s">
        <v>96632</v>
      </c>
      <c r="J29264" s="1" t="s">
        <v>102976</v>
      </c>
    </row>
    <row r="29265" spans="1:10" x14ac:dyDescent="0.35">
      <c r="A29265" s="1" t="s">
        <v>102889</v>
      </c>
      <c r="B29265" s="1" t="s">
        <v>96627</v>
      </c>
      <c r="C29265" s="1" t="s">
        <v>135</v>
      </c>
      <c r="D29265" s="1" t="s">
        <v>68387</v>
      </c>
      <c r="E29265" s="1" t="s">
        <v>102977</v>
      </c>
      <c r="F29265" s="1" t="s">
        <v>102978</v>
      </c>
      <c r="G29265" s="1" t="s">
        <v>102892</v>
      </c>
      <c r="H29265" s="1" t="s">
        <v>102893</v>
      </c>
      <c r="I29265" s="1" t="s">
        <v>96632</v>
      </c>
      <c r="J29265" s="1" t="s">
        <v>102979</v>
      </c>
    </row>
    <row r="29266" spans="1:10" x14ac:dyDescent="0.35">
      <c r="A29266" s="1" t="s">
        <v>102889</v>
      </c>
      <c r="B29266" s="1" t="s">
        <v>96627</v>
      </c>
      <c r="C29266" s="1" t="s">
        <v>140</v>
      </c>
      <c r="D29266" s="1" t="s">
        <v>102980</v>
      </c>
      <c r="E29266" s="1" t="s">
        <v>102981</v>
      </c>
      <c r="F29266" s="1" t="s">
        <v>102982</v>
      </c>
      <c r="G29266" s="1" t="s">
        <v>102892</v>
      </c>
      <c r="H29266" s="1" t="s">
        <v>102893</v>
      </c>
      <c r="I29266" s="1" t="s">
        <v>96632</v>
      </c>
      <c r="J29266" s="1" t="s">
        <v>102983</v>
      </c>
    </row>
    <row r="29267" spans="1:10" x14ac:dyDescent="0.35">
      <c r="A29267" s="1" t="s">
        <v>102889</v>
      </c>
      <c r="B29267" s="1" t="s">
        <v>96627</v>
      </c>
      <c r="C29267" s="1" t="s">
        <v>145</v>
      </c>
      <c r="D29267" s="1" t="s">
        <v>102984</v>
      </c>
      <c r="E29267" s="1" t="s">
        <v>102985</v>
      </c>
      <c r="F29267" s="1" t="s">
        <v>102986</v>
      </c>
      <c r="G29267" s="1" t="s">
        <v>102892</v>
      </c>
      <c r="H29267" s="1" t="s">
        <v>102893</v>
      </c>
      <c r="I29267" s="1" t="s">
        <v>96632</v>
      </c>
      <c r="J29267" s="1" t="s">
        <v>102987</v>
      </c>
    </row>
    <row r="29268" spans="1:10" x14ac:dyDescent="0.35">
      <c r="A29268" s="1" t="s">
        <v>102889</v>
      </c>
      <c r="B29268" s="1" t="s">
        <v>96627</v>
      </c>
      <c r="C29268" s="1" t="s">
        <v>150</v>
      </c>
      <c r="D29268" s="1" t="s">
        <v>102988</v>
      </c>
      <c r="E29268" s="1" t="s">
        <v>102989</v>
      </c>
      <c r="F29268" s="1" t="s">
        <v>102990</v>
      </c>
      <c r="G29268" s="1" t="s">
        <v>102892</v>
      </c>
      <c r="H29268" s="1" t="s">
        <v>102893</v>
      </c>
      <c r="I29268" s="1" t="s">
        <v>96632</v>
      </c>
      <c r="J29268" s="1" t="s">
        <v>102991</v>
      </c>
    </row>
    <row r="29269" spans="1:10" x14ac:dyDescent="0.35">
      <c r="A29269" s="1" t="s">
        <v>102889</v>
      </c>
      <c r="B29269" s="1" t="s">
        <v>96627</v>
      </c>
      <c r="C29269" s="1" t="s">
        <v>155</v>
      </c>
      <c r="D29269" s="1" t="s">
        <v>102992</v>
      </c>
      <c r="E29269" s="1" t="s">
        <v>102993</v>
      </c>
      <c r="F29269" s="1" t="s">
        <v>102994</v>
      </c>
      <c r="G29269" s="1" t="s">
        <v>102892</v>
      </c>
      <c r="H29269" s="1" t="s">
        <v>102893</v>
      </c>
      <c r="I29269" s="1" t="s">
        <v>96632</v>
      </c>
      <c r="J29269" s="1" t="s">
        <v>102995</v>
      </c>
    </row>
    <row r="29270" spans="1:10" x14ac:dyDescent="0.35">
      <c r="A29270" s="1" t="s">
        <v>102889</v>
      </c>
      <c r="B29270" s="1" t="s">
        <v>96627</v>
      </c>
      <c r="C29270" s="1" t="s">
        <v>160</v>
      </c>
      <c r="D29270" s="1" t="s">
        <v>64498</v>
      </c>
      <c r="E29270" s="1" t="s">
        <v>102996</v>
      </c>
      <c r="F29270" s="1" t="s">
        <v>102997</v>
      </c>
      <c r="G29270" s="1" t="s">
        <v>102892</v>
      </c>
      <c r="H29270" s="1" t="s">
        <v>102893</v>
      </c>
      <c r="I29270" s="1" t="s">
        <v>96632</v>
      </c>
      <c r="J29270" s="1" t="s">
        <v>102998</v>
      </c>
    </row>
    <row r="29271" spans="1:10" x14ac:dyDescent="0.35">
      <c r="A29271" s="1" t="s">
        <v>102889</v>
      </c>
      <c r="B29271" s="1" t="s">
        <v>96627</v>
      </c>
      <c r="C29271" s="1" t="s">
        <v>165</v>
      </c>
      <c r="D29271" s="1" t="s">
        <v>102999</v>
      </c>
      <c r="E29271" s="1" t="s">
        <v>103000</v>
      </c>
      <c r="F29271" s="1" t="s">
        <v>103001</v>
      </c>
      <c r="G29271" s="1" t="s">
        <v>102892</v>
      </c>
      <c r="H29271" s="1" t="s">
        <v>102893</v>
      </c>
      <c r="I29271" s="1" t="s">
        <v>96632</v>
      </c>
      <c r="J29271" s="1" t="s">
        <v>103002</v>
      </c>
    </row>
    <row r="29272" spans="1:10" x14ac:dyDescent="0.35">
      <c r="A29272" s="1" t="s">
        <v>102889</v>
      </c>
      <c r="B29272" s="1" t="s">
        <v>96627</v>
      </c>
      <c r="C29272" s="1" t="s">
        <v>170</v>
      </c>
      <c r="D29272" s="1" t="s">
        <v>103003</v>
      </c>
      <c r="E29272" s="1" t="s">
        <v>103004</v>
      </c>
      <c r="F29272" s="1" t="s">
        <v>103005</v>
      </c>
      <c r="G29272" s="1" t="s">
        <v>102892</v>
      </c>
      <c r="H29272" s="1" t="s">
        <v>102893</v>
      </c>
      <c r="I29272" s="1" t="s">
        <v>96632</v>
      </c>
      <c r="J29272" s="1" t="s">
        <v>103006</v>
      </c>
    </row>
    <row r="29273" spans="1:10" x14ac:dyDescent="0.35">
      <c r="A29273" s="1" t="s">
        <v>103007</v>
      </c>
      <c r="B29273" s="1" t="s">
        <v>96627</v>
      </c>
      <c r="C29273" s="1" t="s">
        <v>8</v>
      </c>
      <c r="D29273" s="1" t="s">
        <v>103008</v>
      </c>
      <c r="E29273" s="1" t="s">
        <v>56585</v>
      </c>
      <c r="F29273" s="1" t="s">
        <v>103009</v>
      </c>
      <c r="G29273" s="1" t="s">
        <v>103010</v>
      </c>
      <c r="H29273" s="1" t="s">
        <v>103011</v>
      </c>
      <c r="I29273" s="1" t="s">
        <v>96632</v>
      </c>
      <c r="J29273" s="1" t="s">
        <v>13</v>
      </c>
    </row>
    <row r="29274" spans="1:10" x14ac:dyDescent="0.35">
      <c r="A29274" s="1" t="s">
        <v>103007</v>
      </c>
      <c r="B29274" s="1" t="s">
        <v>96627</v>
      </c>
      <c r="C29274" s="1" t="s">
        <v>15</v>
      </c>
      <c r="D29274" s="1" t="s">
        <v>103012</v>
      </c>
      <c r="E29274" s="1" t="s">
        <v>21815</v>
      </c>
      <c r="F29274" s="1" t="s">
        <v>103013</v>
      </c>
      <c r="G29274" s="1" t="s">
        <v>103010</v>
      </c>
      <c r="H29274" s="1" t="s">
        <v>103011</v>
      </c>
      <c r="I29274" s="1" t="s">
        <v>96632</v>
      </c>
      <c r="J29274" s="1" t="s">
        <v>103014</v>
      </c>
    </row>
    <row r="29275" spans="1:10" x14ac:dyDescent="0.35">
      <c r="A29275" s="1" t="s">
        <v>103007</v>
      </c>
      <c r="B29275" s="1" t="s">
        <v>96627</v>
      </c>
      <c r="C29275" s="1" t="s">
        <v>20</v>
      </c>
      <c r="D29275" s="1" t="s">
        <v>103015</v>
      </c>
      <c r="E29275" s="1" t="s">
        <v>32307</v>
      </c>
      <c r="F29275" s="1" t="s">
        <v>103016</v>
      </c>
      <c r="G29275" s="1" t="s">
        <v>103010</v>
      </c>
      <c r="H29275" s="1" t="s">
        <v>103011</v>
      </c>
      <c r="I29275" s="1" t="s">
        <v>96632</v>
      </c>
      <c r="J29275" s="1" t="s">
        <v>103017</v>
      </c>
    </row>
    <row r="29276" spans="1:10" x14ac:dyDescent="0.35">
      <c r="A29276" s="1" t="s">
        <v>103007</v>
      </c>
      <c r="B29276" s="1" t="s">
        <v>96627</v>
      </c>
      <c r="C29276" s="1" t="s">
        <v>25</v>
      </c>
      <c r="D29276" s="1" t="s">
        <v>103018</v>
      </c>
      <c r="E29276" s="1" t="s">
        <v>55074</v>
      </c>
      <c r="F29276" s="1" t="s">
        <v>103019</v>
      </c>
      <c r="G29276" s="1" t="s">
        <v>103010</v>
      </c>
      <c r="H29276" s="1" t="s">
        <v>103011</v>
      </c>
      <c r="I29276" s="1" t="s">
        <v>96632</v>
      </c>
      <c r="J29276" s="1" t="s">
        <v>103020</v>
      </c>
    </row>
    <row r="29277" spans="1:10" x14ac:dyDescent="0.35">
      <c r="A29277" s="1" t="s">
        <v>103007</v>
      </c>
      <c r="B29277" s="1" t="s">
        <v>96627</v>
      </c>
      <c r="C29277" s="1" t="s">
        <v>30</v>
      </c>
      <c r="D29277" s="1" t="s">
        <v>103021</v>
      </c>
      <c r="E29277" s="1" t="s">
        <v>32307</v>
      </c>
      <c r="F29277" s="1" t="s">
        <v>24402</v>
      </c>
      <c r="G29277" s="1" t="s">
        <v>103010</v>
      </c>
      <c r="H29277" s="1" t="s">
        <v>103011</v>
      </c>
      <c r="I29277" s="1" t="s">
        <v>96632</v>
      </c>
      <c r="J29277" s="1" t="s">
        <v>103022</v>
      </c>
    </row>
    <row r="29278" spans="1:10" x14ac:dyDescent="0.35">
      <c r="A29278" s="1" t="s">
        <v>103007</v>
      </c>
      <c r="B29278" s="1" t="s">
        <v>96627</v>
      </c>
      <c r="C29278" s="1" t="s">
        <v>35</v>
      </c>
      <c r="D29278" s="1" t="s">
        <v>103023</v>
      </c>
      <c r="E29278" s="1" t="s">
        <v>56131</v>
      </c>
      <c r="F29278" s="1" t="s">
        <v>103024</v>
      </c>
      <c r="G29278" s="1" t="s">
        <v>103010</v>
      </c>
      <c r="H29278" s="1" t="s">
        <v>103011</v>
      </c>
      <c r="I29278" s="1" t="s">
        <v>96632</v>
      </c>
      <c r="J29278" s="1" t="s">
        <v>103025</v>
      </c>
    </row>
    <row r="29279" spans="1:10" x14ac:dyDescent="0.35">
      <c r="A29279" s="1" t="s">
        <v>103007</v>
      </c>
      <c r="B29279" s="1" t="s">
        <v>96627</v>
      </c>
      <c r="C29279" s="1" t="s">
        <v>40</v>
      </c>
      <c r="D29279" s="1" t="s">
        <v>103026</v>
      </c>
      <c r="E29279" s="1" t="s">
        <v>54958</v>
      </c>
      <c r="F29279" s="1" t="s">
        <v>103027</v>
      </c>
      <c r="G29279" s="1" t="s">
        <v>103010</v>
      </c>
      <c r="H29279" s="1" t="s">
        <v>103011</v>
      </c>
      <c r="I29279" s="1" t="s">
        <v>96632</v>
      </c>
      <c r="J29279" s="1" t="s">
        <v>103028</v>
      </c>
    </row>
    <row r="29280" spans="1:10" x14ac:dyDescent="0.35">
      <c r="A29280" s="1" t="s">
        <v>103007</v>
      </c>
      <c r="B29280" s="1" t="s">
        <v>96627</v>
      </c>
      <c r="C29280" s="1" t="s">
        <v>45</v>
      </c>
      <c r="D29280" s="1" t="s">
        <v>68163</v>
      </c>
      <c r="E29280" s="1" t="s">
        <v>41316</v>
      </c>
      <c r="F29280" s="1" t="s">
        <v>103029</v>
      </c>
      <c r="G29280" s="1" t="s">
        <v>103010</v>
      </c>
      <c r="H29280" s="1" t="s">
        <v>103011</v>
      </c>
      <c r="I29280" s="1" t="s">
        <v>96632</v>
      </c>
      <c r="J29280" s="1" t="s">
        <v>103030</v>
      </c>
    </row>
    <row r="29281" spans="1:10" x14ac:dyDescent="0.35">
      <c r="A29281" s="1" t="s">
        <v>103007</v>
      </c>
      <c r="B29281" s="1" t="s">
        <v>96627</v>
      </c>
      <c r="C29281" s="1" t="s">
        <v>50</v>
      </c>
      <c r="D29281" s="1" t="s">
        <v>103031</v>
      </c>
      <c r="E29281" s="1" t="s">
        <v>41287</v>
      </c>
      <c r="F29281" s="1" t="s">
        <v>103032</v>
      </c>
      <c r="G29281" s="1" t="s">
        <v>103010</v>
      </c>
      <c r="H29281" s="1" t="s">
        <v>103011</v>
      </c>
      <c r="I29281" s="1" t="s">
        <v>96632</v>
      </c>
      <c r="J29281" s="1" t="s">
        <v>103033</v>
      </c>
    </row>
    <row r="29282" spans="1:10" x14ac:dyDescent="0.35">
      <c r="A29282" s="1" t="s">
        <v>103007</v>
      </c>
      <c r="B29282" s="1" t="s">
        <v>96627</v>
      </c>
      <c r="C29282" s="1" t="s">
        <v>55</v>
      </c>
      <c r="D29282" s="1" t="s">
        <v>103034</v>
      </c>
      <c r="E29282" s="1" t="s">
        <v>41334</v>
      </c>
      <c r="F29282" s="1" t="s">
        <v>103035</v>
      </c>
      <c r="G29282" s="1" t="s">
        <v>103010</v>
      </c>
      <c r="H29282" s="1" t="s">
        <v>103011</v>
      </c>
      <c r="I29282" s="1" t="s">
        <v>96632</v>
      </c>
      <c r="J29282" s="1" t="s">
        <v>103036</v>
      </c>
    </row>
    <row r="29283" spans="1:10" x14ac:dyDescent="0.35">
      <c r="A29283" s="1" t="s">
        <v>103007</v>
      </c>
      <c r="B29283" s="1" t="s">
        <v>96627</v>
      </c>
      <c r="C29283" s="1" t="s">
        <v>60</v>
      </c>
      <c r="D29283" s="1" t="s">
        <v>103037</v>
      </c>
      <c r="E29283" s="1" t="s">
        <v>58565</v>
      </c>
      <c r="F29283" s="1" t="s">
        <v>41637</v>
      </c>
      <c r="G29283" s="1" t="s">
        <v>103010</v>
      </c>
      <c r="H29283" s="1" t="s">
        <v>103011</v>
      </c>
      <c r="I29283" s="1" t="s">
        <v>96632</v>
      </c>
      <c r="J29283" s="1" t="s">
        <v>103038</v>
      </c>
    </row>
    <row r="29284" spans="1:10" x14ac:dyDescent="0.35">
      <c r="A29284" s="1" t="s">
        <v>103007</v>
      </c>
      <c r="B29284" s="1" t="s">
        <v>96627</v>
      </c>
      <c r="C29284" s="1" t="s">
        <v>65</v>
      </c>
      <c r="D29284" s="1" t="s">
        <v>103039</v>
      </c>
      <c r="E29284" s="1" t="s">
        <v>40717</v>
      </c>
      <c r="F29284" s="1" t="s">
        <v>103040</v>
      </c>
      <c r="G29284" s="1" t="s">
        <v>103010</v>
      </c>
      <c r="H29284" s="1" t="s">
        <v>103011</v>
      </c>
      <c r="I29284" s="1" t="s">
        <v>96632</v>
      </c>
      <c r="J29284" s="1" t="s">
        <v>103041</v>
      </c>
    </row>
    <row r="29285" spans="1:10" x14ac:dyDescent="0.35">
      <c r="A29285" s="1" t="s">
        <v>103007</v>
      </c>
      <c r="B29285" s="1" t="s">
        <v>96627</v>
      </c>
      <c r="C29285" s="1" t="s">
        <v>70</v>
      </c>
      <c r="D29285" s="1" t="s">
        <v>92853</v>
      </c>
      <c r="E29285" s="1" t="s">
        <v>23016</v>
      </c>
      <c r="F29285" s="1" t="s">
        <v>103042</v>
      </c>
      <c r="G29285" s="1" t="s">
        <v>103010</v>
      </c>
      <c r="H29285" s="1" t="s">
        <v>103011</v>
      </c>
      <c r="I29285" s="1" t="s">
        <v>96632</v>
      </c>
      <c r="J29285" s="1" t="s">
        <v>103043</v>
      </c>
    </row>
    <row r="29286" spans="1:10" x14ac:dyDescent="0.35">
      <c r="A29286" s="1" t="s">
        <v>103007</v>
      </c>
      <c r="B29286" s="1" t="s">
        <v>96627</v>
      </c>
      <c r="C29286" s="1" t="s">
        <v>75</v>
      </c>
      <c r="D29286" s="1" t="s">
        <v>103044</v>
      </c>
      <c r="E29286" s="1" t="s">
        <v>24178</v>
      </c>
      <c r="F29286" s="1" t="s">
        <v>103045</v>
      </c>
      <c r="G29286" s="1" t="s">
        <v>103010</v>
      </c>
      <c r="H29286" s="1" t="s">
        <v>103011</v>
      </c>
      <c r="I29286" s="1" t="s">
        <v>96632</v>
      </c>
      <c r="J29286" s="1" t="s">
        <v>103046</v>
      </c>
    </row>
    <row r="29287" spans="1:10" x14ac:dyDescent="0.35">
      <c r="A29287" s="1" t="s">
        <v>103007</v>
      </c>
      <c r="B29287" s="1" t="s">
        <v>96627</v>
      </c>
      <c r="C29287" s="1" t="s">
        <v>80</v>
      </c>
      <c r="D29287" s="1" t="s">
        <v>90903</v>
      </c>
      <c r="E29287" s="1" t="s">
        <v>55968</v>
      </c>
      <c r="F29287" s="1" t="s">
        <v>103047</v>
      </c>
      <c r="G29287" s="1" t="s">
        <v>103010</v>
      </c>
      <c r="H29287" s="1" t="s">
        <v>103011</v>
      </c>
      <c r="I29287" s="1" t="s">
        <v>96632</v>
      </c>
      <c r="J29287" s="1" t="s">
        <v>103048</v>
      </c>
    </row>
    <row r="29288" spans="1:10" x14ac:dyDescent="0.35">
      <c r="A29288" s="1" t="s">
        <v>103007</v>
      </c>
      <c r="B29288" s="1" t="s">
        <v>96627</v>
      </c>
      <c r="C29288" s="1" t="s">
        <v>85</v>
      </c>
      <c r="D29288" s="1" t="s">
        <v>88718</v>
      </c>
      <c r="E29288" s="1" t="s">
        <v>54729</v>
      </c>
      <c r="F29288" s="1" t="s">
        <v>103049</v>
      </c>
      <c r="G29288" s="1" t="s">
        <v>103010</v>
      </c>
      <c r="H29288" s="1" t="s">
        <v>103011</v>
      </c>
      <c r="I29288" s="1" t="s">
        <v>96632</v>
      </c>
      <c r="J29288" s="1" t="s">
        <v>103050</v>
      </c>
    </row>
    <row r="29289" spans="1:10" x14ac:dyDescent="0.35">
      <c r="A29289" s="1" t="s">
        <v>103007</v>
      </c>
      <c r="B29289" s="1" t="s">
        <v>96627</v>
      </c>
      <c r="C29289" s="1" t="s">
        <v>90</v>
      </c>
      <c r="D29289" s="1" t="s">
        <v>103051</v>
      </c>
      <c r="E29289" s="1" t="s">
        <v>58546</v>
      </c>
      <c r="F29289" s="1" t="s">
        <v>102465</v>
      </c>
      <c r="G29289" s="1" t="s">
        <v>103010</v>
      </c>
      <c r="H29289" s="1" t="s">
        <v>103011</v>
      </c>
      <c r="I29289" s="1" t="s">
        <v>96632</v>
      </c>
      <c r="J29289" s="1" t="s">
        <v>103052</v>
      </c>
    </row>
    <row r="29290" spans="1:10" x14ac:dyDescent="0.35">
      <c r="A29290" s="1" t="s">
        <v>103007</v>
      </c>
      <c r="B29290" s="1" t="s">
        <v>96627</v>
      </c>
      <c r="C29290" s="1" t="s">
        <v>95</v>
      </c>
      <c r="D29290" s="1" t="s">
        <v>94309</v>
      </c>
      <c r="E29290" s="1" t="s">
        <v>41407</v>
      </c>
      <c r="F29290" s="1" t="s">
        <v>103053</v>
      </c>
      <c r="G29290" s="1" t="s">
        <v>103010</v>
      </c>
      <c r="H29290" s="1" t="s">
        <v>103011</v>
      </c>
      <c r="I29290" s="1" t="s">
        <v>96632</v>
      </c>
      <c r="J29290" s="1" t="s">
        <v>103054</v>
      </c>
    </row>
    <row r="29291" spans="1:10" x14ac:dyDescent="0.35">
      <c r="A29291" s="1" t="s">
        <v>103007</v>
      </c>
      <c r="B29291" s="1" t="s">
        <v>96627</v>
      </c>
      <c r="C29291" s="1" t="s">
        <v>100</v>
      </c>
      <c r="D29291" s="1" t="s">
        <v>78877</v>
      </c>
      <c r="E29291" s="1" t="s">
        <v>41586</v>
      </c>
      <c r="F29291" s="1" t="s">
        <v>103055</v>
      </c>
      <c r="G29291" s="1" t="s">
        <v>103010</v>
      </c>
      <c r="H29291" s="1" t="s">
        <v>103011</v>
      </c>
      <c r="I29291" s="1" t="s">
        <v>96632</v>
      </c>
      <c r="J29291" s="1" t="s">
        <v>103056</v>
      </c>
    </row>
    <row r="29292" spans="1:10" x14ac:dyDescent="0.35">
      <c r="A29292" s="1" t="s">
        <v>103007</v>
      </c>
      <c r="B29292" s="1" t="s">
        <v>96627</v>
      </c>
      <c r="C29292" s="1" t="s">
        <v>105</v>
      </c>
      <c r="D29292" s="1" t="s">
        <v>103057</v>
      </c>
      <c r="E29292" s="1" t="s">
        <v>22040</v>
      </c>
      <c r="F29292" s="1" t="s">
        <v>103058</v>
      </c>
      <c r="G29292" s="1" t="s">
        <v>103010</v>
      </c>
      <c r="H29292" s="1" t="s">
        <v>103011</v>
      </c>
      <c r="I29292" s="1" t="s">
        <v>96632</v>
      </c>
      <c r="J29292" s="1" t="s">
        <v>103059</v>
      </c>
    </row>
    <row r="29293" spans="1:10" x14ac:dyDescent="0.35">
      <c r="A29293" s="1" t="s">
        <v>103007</v>
      </c>
      <c r="B29293" s="1" t="s">
        <v>96627</v>
      </c>
      <c r="C29293" s="1" t="s">
        <v>110</v>
      </c>
      <c r="D29293" s="1" t="s">
        <v>92599</v>
      </c>
      <c r="E29293" s="1" t="s">
        <v>55983</v>
      </c>
      <c r="F29293" s="1" t="s">
        <v>103060</v>
      </c>
      <c r="G29293" s="1" t="s">
        <v>103010</v>
      </c>
      <c r="H29293" s="1" t="s">
        <v>103011</v>
      </c>
      <c r="I29293" s="1" t="s">
        <v>96632</v>
      </c>
      <c r="J29293" s="1" t="s">
        <v>103061</v>
      </c>
    </row>
    <row r="29294" spans="1:10" x14ac:dyDescent="0.35">
      <c r="A29294" s="1" t="s">
        <v>103007</v>
      </c>
      <c r="B29294" s="1" t="s">
        <v>96627</v>
      </c>
      <c r="C29294" s="1" t="s">
        <v>115</v>
      </c>
      <c r="D29294" s="1" t="s">
        <v>77511</v>
      </c>
      <c r="E29294" s="1" t="s">
        <v>12845</v>
      </c>
      <c r="F29294" s="1" t="s">
        <v>103062</v>
      </c>
      <c r="G29294" s="1" t="s">
        <v>103010</v>
      </c>
      <c r="H29294" s="1" t="s">
        <v>103011</v>
      </c>
      <c r="I29294" s="1" t="s">
        <v>96632</v>
      </c>
      <c r="J29294" s="1" t="s">
        <v>103063</v>
      </c>
    </row>
    <row r="29295" spans="1:10" x14ac:dyDescent="0.35">
      <c r="A29295" s="1" t="s">
        <v>103007</v>
      </c>
      <c r="B29295" s="1" t="s">
        <v>96627</v>
      </c>
      <c r="C29295" s="1" t="s">
        <v>120</v>
      </c>
      <c r="D29295" s="1" t="s">
        <v>76005</v>
      </c>
      <c r="E29295" s="1" t="s">
        <v>41567</v>
      </c>
      <c r="F29295" s="1" t="s">
        <v>103064</v>
      </c>
      <c r="G29295" s="1" t="s">
        <v>103010</v>
      </c>
      <c r="H29295" s="1" t="s">
        <v>103011</v>
      </c>
      <c r="I29295" s="1" t="s">
        <v>96632</v>
      </c>
      <c r="J29295" s="1" t="s">
        <v>103065</v>
      </c>
    </row>
    <row r="29296" spans="1:10" x14ac:dyDescent="0.35">
      <c r="A29296" s="1" t="s">
        <v>103007</v>
      </c>
      <c r="B29296" s="1" t="s">
        <v>96627</v>
      </c>
      <c r="C29296" s="1" t="s">
        <v>125</v>
      </c>
      <c r="D29296" s="1" t="s">
        <v>64525</v>
      </c>
      <c r="E29296" s="1" t="s">
        <v>103066</v>
      </c>
      <c r="F29296" s="1" t="s">
        <v>103067</v>
      </c>
      <c r="G29296" s="1" t="s">
        <v>103010</v>
      </c>
      <c r="H29296" s="1" t="s">
        <v>103011</v>
      </c>
      <c r="I29296" s="1" t="s">
        <v>96632</v>
      </c>
      <c r="J29296" s="1" t="s">
        <v>103068</v>
      </c>
    </row>
    <row r="29297" spans="1:10" x14ac:dyDescent="0.35">
      <c r="A29297" s="1" t="s">
        <v>103007</v>
      </c>
      <c r="B29297" s="1" t="s">
        <v>96627</v>
      </c>
      <c r="C29297" s="1" t="s">
        <v>130</v>
      </c>
      <c r="D29297" s="1" t="s">
        <v>60233</v>
      </c>
      <c r="E29297" s="1" t="s">
        <v>40741</v>
      </c>
      <c r="F29297" s="1" t="s">
        <v>103069</v>
      </c>
      <c r="G29297" s="1" t="s">
        <v>103010</v>
      </c>
      <c r="H29297" s="1" t="s">
        <v>103011</v>
      </c>
      <c r="I29297" s="1" t="s">
        <v>96632</v>
      </c>
      <c r="J29297" s="1" t="s">
        <v>103070</v>
      </c>
    </row>
    <row r="29298" spans="1:10" x14ac:dyDescent="0.35">
      <c r="A29298" s="1" t="s">
        <v>103007</v>
      </c>
      <c r="B29298" s="1" t="s">
        <v>96627</v>
      </c>
      <c r="C29298" s="1" t="s">
        <v>135</v>
      </c>
      <c r="D29298" s="1" t="s">
        <v>103071</v>
      </c>
      <c r="E29298" s="1" t="s">
        <v>97005</v>
      </c>
      <c r="F29298" s="1" t="s">
        <v>103072</v>
      </c>
      <c r="G29298" s="1" t="s">
        <v>103010</v>
      </c>
      <c r="H29298" s="1" t="s">
        <v>103011</v>
      </c>
      <c r="I29298" s="1" t="s">
        <v>96632</v>
      </c>
      <c r="J29298" s="1" t="s">
        <v>103073</v>
      </c>
    </row>
    <row r="29299" spans="1:10" x14ac:dyDescent="0.35">
      <c r="A29299" s="1" t="s">
        <v>103007</v>
      </c>
      <c r="B29299" s="1" t="s">
        <v>96627</v>
      </c>
      <c r="C29299" s="1" t="s">
        <v>140</v>
      </c>
      <c r="D29299" s="1" t="s">
        <v>103074</v>
      </c>
      <c r="E29299" s="1" t="s">
        <v>56913</v>
      </c>
      <c r="F29299" s="1" t="s">
        <v>103075</v>
      </c>
      <c r="G29299" s="1" t="s">
        <v>103010</v>
      </c>
      <c r="H29299" s="1" t="s">
        <v>103011</v>
      </c>
      <c r="I29299" s="1" t="s">
        <v>96632</v>
      </c>
      <c r="J29299" s="1" t="s">
        <v>103076</v>
      </c>
    </row>
    <row r="29300" spans="1:10" x14ac:dyDescent="0.35">
      <c r="A29300" s="1" t="s">
        <v>103007</v>
      </c>
      <c r="B29300" s="1" t="s">
        <v>96627</v>
      </c>
      <c r="C29300" s="1" t="s">
        <v>145</v>
      </c>
      <c r="D29300" s="1" t="s">
        <v>103077</v>
      </c>
      <c r="E29300" s="1" t="s">
        <v>24229</v>
      </c>
      <c r="F29300" s="1" t="s">
        <v>103078</v>
      </c>
      <c r="G29300" s="1" t="s">
        <v>103010</v>
      </c>
      <c r="H29300" s="1" t="s">
        <v>103011</v>
      </c>
      <c r="I29300" s="1" t="s">
        <v>96632</v>
      </c>
      <c r="J29300" s="1" t="s">
        <v>103079</v>
      </c>
    </row>
    <row r="29301" spans="1:10" x14ac:dyDescent="0.35">
      <c r="A29301" s="1" t="s">
        <v>103007</v>
      </c>
      <c r="B29301" s="1" t="s">
        <v>96627</v>
      </c>
      <c r="C29301" s="1" t="s">
        <v>150</v>
      </c>
      <c r="D29301" s="1" t="s">
        <v>103080</v>
      </c>
      <c r="E29301" s="1" t="s">
        <v>55248</v>
      </c>
      <c r="F29301" s="1" t="s">
        <v>103081</v>
      </c>
      <c r="G29301" s="1" t="s">
        <v>103010</v>
      </c>
      <c r="H29301" s="1" t="s">
        <v>103011</v>
      </c>
      <c r="I29301" s="1" t="s">
        <v>96632</v>
      </c>
      <c r="J29301" s="1" t="s">
        <v>103082</v>
      </c>
    </row>
    <row r="29302" spans="1:10" x14ac:dyDescent="0.35">
      <c r="A29302" s="1" t="s">
        <v>103007</v>
      </c>
      <c r="B29302" s="1" t="s">
        <v>96627</v>
      </c>
      <c r="C29302" s="1" t="s">
        <v>155</v>
      </c>
      <c r="D29302" s="1" t="s">
        <v>94155</v>
      </c>
      <c r="E29302" s="1" t="s">
        <v>56901</v>
      </c>
      <c r="F29302" s="1" t="s">
        <v>103083</v>
      </c>
      <c r="G29302" s="1" t="s">
        <v>103010</v>
      </c>
      <c r="H29302" s="1" t="s">
        <v>103011</v>
      </c>
      <c r="I29302" s="1" t="s">
        <v>96632</v>
      </c>
      <c r="J29302" s="1" t="s">
        <v>103084</v>
      </c>
    </row>
    <row r="29303" spans="1:10" x14ac:dyDescent="0.35">
      <c r="A29303" s="1" t="s">
        <v>103007</v>
      </c>
      <c r="B29303" s="1" t="s">
        <v>96627</v>
      </c>
      <c r="C29303" s="1" t="s">
        <v>160</v>
      </c>
      <c r="D29303" s="1" t="s">
        <v>69708</v>
      </c>
      <c r="E29303" s="1" t="s">
        <v>63887</v>
      </c>
      <c r="F29303" s="1" t="s">
        <v>103085</v>
      </c>
      <c r="G29303" s="1" t="s">
        <v>103010</v>
      </c>
      <c r="H29303" s="1" t="s">
        <v>103011</v>
      </c>
      <c r="I29303" s="1" t="s">
        <v>96632</v>
      </c>
      <c r="J29303" s="1" t="s">
        <v>103086</v>
      </c>
    </row>
    <row r="29304" spans="1:10" x14ac:dyDescent="0.35">
      <c r="A29304" s="1" t="s">
        <v>103007</v>
      </c>
      <c r="B29304" s="1" t="s">
        <v>96627</v>
      </c>
      <c r="C29304" s="1" t="s">
        <v>165</v>
      </c>
      <c r="D29304" s="1" t="s">
        <v>53863</v>
      </c>
      <c r="E29304" s="1" t="s">
        <v>24377</v>
      </c>
      <c r="F29304" s="1" t="s">
        <v>103087</v>
      </c>
      <c r="G29304" s="1" t="s">
        <v>103010</v>
      </c>
      <c r="H29304" s="1" t="s">
        <v>103011</v>
      </c>
      <c r="I29304" s="1" t="s">
        <v>96632</v>
      </c>
      <c r="J29304" s="1" t="s">
        <v>103088</v>
      </c>
    </row>
    <row r="29305" spans="1:10" x14ac:dyDescent="0.35">
      <c r="A29305" s="1" t="s">
        <v>103007</v>
      </c>
      <c r="B29305" s="1" t="s">
        <v>96627</v>
      </c>
      <c r="C29305" s="1" t="s">
        <v>170</v>
      </c>
      <c r="D29305" s="1" t="s">
        <v>65651</v>
      </c>
      <c r="E29305" s="1" t="s">
        <v>41206</v>
      </c>
      <c r="F29305" s="1" t="s">
        <v>103089</v>
      </c>
      <c r="G29305" s="1" t="s">
        <v>103010</v>
      </c>
      <c r="H29305" s="1" t="s">
        <v>103011</v>
      </c>
      <c r="I29305" s="1" t="s">
        <v>96632</v>
      </c>
      <c r="J29305" s="1" t="s">
        <v>103090</v>
      </c>
    </row>
    <row r="29306" spans="1:10" x14ac:dyDescent="0.35">
      <c r="A29306" s="1" t="s">
        <v>1138</v>
      </c>
      <c r="B29306" s="1" t="s">
        <v>96627</v>
      </c>
      <c r="C29306" s="1" t="s">
        <v>8</v>
      </c>
      <c r="D29306" s="1" t="s">
        <v>52528</v>
      </c>
      <c r="E29306" s="1" t="s">
        <v>103091</v>
      </c>
      <c r="F29306" s="1" t="s">
        <v>103092</v>
      </c>
      <c r="G29306" s="1" t="s">
        <v>103093</v>
      </c>
      <c r="H29306" s="1" t="s">
        <v>103094</v>
      </c>
      <c r="I29306" s="1" t="s">
        <v>96632</v>
      </c>
      <c r="J29306" s="1" t="s">
        <v>13</v>
      </c>
    </row>
    <row r="29307" spans="1:10" x14ac:dyDescent="0.35">
      <c r="A29307" s="1" t="s">
        <v>1138</v>
      </c>
      <c r="B29307" s="1" t="s">
        <v>96627</v>
      </c>
      <c r="C29307" s="1" t="s">
        <v>15</v>
      </c>
      <c r="D29307" s="1" t="s">
        <v>103095</v>
      </c>
      <c r="E29307" s="1" t="s">
        <v>103096</v>
      </c>
      <c r="F29307" s="1" t="s">
        <v>103097</v>
      </c>
      <c r="G29307" s="1" t="s">
        <v>103093</v>
      </c>
      <c r="H29307" s="1" t="s">
        <v>103094</v>
      </c>
      <c r="I29307" s="1" t="s">
        <v>96632</v>
      </c>
      <c r="J29307" s="1" t="s">
        <v>103098</v>
      </c>
    </row>
    <row r="29308" spans="1:10" x14ac:dyDescent="0.35">
      <c r="A29308" s="1" t="s">
        <v>1138</v>
      </c>
      <c r="B29308" s="1" t="s">
        <v>96627</v>
      </c>
      <c r="C29308" s="1" t="s">
        <v>20</v>
      </c>
      <c r="D29308" s="1" t="s">
        <v>103099</v>
      </c>
      <c r="E29308" s="1" t="s">
        <v>103100</v>
      </c>
      <c r="F29308" s="1" t="s">
        <v>103101</v>
      </c>
      <c r="G29308" s="1" t="s">
        <v>103093</v>
      </c>
      <c r="H29308" s="1" t="s">
        <v>103094</v>
      </c>
      <c r="I29308" s="1" t="s">
        <v>96632</v>
      </c>
      <c r="J29308" s="1" t="s">
        <v>103102</v>
      </c>
    </row>
    <row r="29309" spans="1:10" x14ac:dyDescent="0.35">
      <c r="A29309" s="1" t="s">
        <v>1138</v>
      </c>
      <c r="B29309" s="1" t="s">
        <v>96627</v>
      </c>
      <c r="C29309" s="1" t="s">
        <v>25</v>
      </c>
      <c r="D29309" s="1" t="s">
        <v>98130</v>
      </c>
      <c r="E29309" s="1" t="s">
        <v>103103</v>
      </c>
      <c r="F29309" s="1" t="s">
        <v>103104</v>
      </c>
      <c r="G29309" s="1" t="s">
        <v>103093</v>
      </c>
      <c r="H29309" s="1" t="s">
        <v>103094</v>
      </c>
      <c r="I29309" s="1" t="s">
        <v>96632</v>
      </c>
      <c r="J29309" s="1" t="s">
        <v>103105</v>
      </c>
    </row>
    <row r="29310" spans="1:10" x14ac:dyDescent="0.35">
      <c r="A29310" s="1" t="s">
        <v>1138</v>
      </c>
      <c r="B29310" s="1" t="s">
        <v>96627</v>
      </c>
      <c r="C29310" s="1" t="s">
        <v>30</v>
      </c>
      <c r="D29310" s="1" t="s">
        <v>76142</v>
      </c>
      <c r="E29310" s="1" t="s">
        <v>103106</v>
      </c>
      <c r="F29310" s="1" t="s">
        <v>103107</v>
      </c>
      <c r="G29310" s="1" t="s">
        <v>103093</v>
      </c>
      <c r="H29310" s="1" t="s">
        <v>103094</v>
      </c>
      <c r="I29310" s="1" t="s">
        <v>96632</v>
      </c>
      <c r="J29310" s="1" t="s">
        <v>103108</v>
      </c>
    </row>
    <row r="29311" spans="1:10" x14ac:dyDescent="0.35">
      <c r="A29311" s="1" t="s">
        <v>1138</v>
      </c>
      <c r="B29311" s="1" t="s">
        <v>96627</v>
      </c>
      <c r="C29311" s="1" t="s">
        <v>35</v>
      </c>
      <c r="D29311" s="1" t="s">
        <v>98846</v>
      </c>
      <c r="E29311" s="1" t="s">
        <v>103109</v>
      </c>
      <c r="F29311" s="1" t="s">
        <v>103110</v>
      </c>
      <c r="G29311" s="1" t="s">
        <v>103093</v>
      </c>
      <c r="H29311" s="1" t="s">
        <v>103094</v>
      </c>
      <c r="I29311" s="1" t="s">
        <v>96632</v>
      </c>
      <c r="J29311" s="1" t="s">
        <v>103111</v>
      </c>
    </row>
    <row r="29312" spans="1:10" x14ac:dyDescent="0.35">
      <c r="A29312" s="1" t="s">
        <v>1138</v>
      </c>
      <c r="B29312" s="1" t="s">
        <v>96627</v>
      </c>
      <c r="C29312" s="1" t="s">
        <v>40</v>
      </c>
      <c r="D29312" s="1" t="s">
        <v>103112</v>
      </c>
      <c r="E29312" s="1" t="s">
        <v>103113</v>
      </c>
      <c r="F29312" s="1" t="s">
        <v>103114</v>
      </c>
      <c r="G29312" s="1" t="s">
        <v>103093</v>
      </c>
      <c r="H29312" s="1" t="s">
        <v>103094</v>
      </c>
      <c r="I29312" s="1" t="s">
        <v>96632</v>
      </c>
      <c r="J29312" s="1" t="s">
        <v>103115</v>
      </c>
    </row>
    <row r="29313" spans="1:10" x14ac:dyDescent="0.35">
      <c r="A29313" s="1" t="s">
        <v>1138</v>
      </c>
      <c r="B29313" s="1" t="s">
        <v>96627</v>
      </c>
      <c r="C29313" s="1" t="s">
        <v>45</v>
      </c>
      <c r="D29313" s="1" t="s">
        <v>103116</v>
      </c>
      <c r="E29313" s="1" t="s">
        <v>103117</v>
      </c>
      <c r="F29313" s="1" t="s">
        <v>103118</v>
      </c>
      <c r="G29313" s="1" t="s">
        <v>103093</v>
      </c>
      <c r="H29313" s="1" t="s">
        <v>103094</v>
      </c>
      <c r="I29313" s="1" t="s">
        <v>96632</v>
      </c>
      <c r="J29313" s="1" t="s">
        <v>103119</v>
      </c>
    </row>
    <row r="29314" spans="1:10" x14ac:dyDescent="0.35">
      <c r="A29314" s="1" t="s">
        <v>1138</v>
      </c>
      <c r="B29314" s="1" t="s">
        <v>96627</v>
      </c>
      <c r="C29314" s="1" t="s">
        <v>50</v>
      </c>
      <c r="D29314" s="1" t="s">
        <v>95819</v>
      </c>
      <c r="E29314" s="1" t="s">
        <v>103120</v>
      </c>
      <c r="F29314" s="1" t="s">
        <v>103121</v>
      </c>
      <c r="G29314" s="1" t="s">
        <v>103093</v>
      </c>
      <c r="H29314" s="1" t="s">
        <v>103094</v>
      </c>
      <c r="I29314" s="1" t="s">
        <v>96632</v>
      </c>
      <c r="J29314" s="1" t="s">
        <v>103122</v>
      </c>
    </row>
    <row r="29315" spans="1:10" x14ac:dyDescent="0.35">
      <c r="A29315" s="1" t="s">
        <v>1138</v>
      </c>
      <c r="B29315" s="1" t="s">
        <v>96627</v>
      </c>
      <c r="C29315" s="1" t="s">
        <v>55</v>
      </c>
      <c r="D29315" s="1" t="s">
        <v>103123</v>
      </c>
      <c r="E29315" s="1" t="s">
        <v>103124</v>
      </c>
      <c r="F29315" s="1" t="s">
        <v>103125</v>
      </c>
      <c r="G29315" s="1" t="s">
        <v>103093</v>
      </c>
      <c r="H29315" s="1" t="s">
        <v>103094</v>
      </c>
      <c r="I29315" s="1" t="s">
        <v>96632</v>
      </c>
      <c r="J29315" s="1" t="s">
        <v>103126</v>
      </c>
    </row>
    <row r="29316" spans="1:10" x14ac:dyDescent="0.35">
      <c r="A29316" s="1" t="s">
        <v>1138</v>
      </c>
      <c r="B29316" s="1" t="s">
        <v>96627</v>
      </c>
      <c r="C29316" s="1" t="s">
        <v>60</v>
      </c>
      <c r="D29316" s="1" t="s">
        <v>103127</v>
      </c>
      <c r="E29316" s="1" t="s">
        <v>103128</v>
      </c>
      <c r="F29316" s="1" t="s">
        <v>103129</v>
      </c>
      <c r="G29316" s="1" t="s">
        <v>103093</v>
      </c>
      <c r="H29316" s="1" t="s">
        <v>103094</v>
      </c>
      <c r="I29316" s="1" t="s">
        <v>96632</v>
      </c>
      <c r="J29316" s="1" t="s">
        <v>103130</v>
      </c>
    </row>
    <row r="29317" spans="1:10" x14ac:dyDescent="0.35">
      <c r="A29317" s="1" t="s">
        <v>1138</v>
      </c>
      <c r="B29317" s="1" t="s">
        <v>96627</v>
      </c>
      <c r="C29317" s="1" t="s">
        <v>65</v>
      </c>
      <c r="D29317" s="1" t="s">
        <v>103131</v>
      </c>
      <c r="E29317" s="1" t="s">
        <v>103132</v>
      </c>
      <c r="F29317" s="1" t="s">
        <v>103133</v>
      </c>
      <c r="G29317" s="1" t="s">
        <v>103093</v>
      </c>
      <c r="H29317" s="1" t="s">
        <v>103094</v>
      </c>
      <c r="I29317" s="1" t="s">
        <v>96632</v>
      </c>
      <c r="J29317" s="1" t="s">
        <v>103134</v>
      </c>
    </row>
    <row r="29318" spans="1:10" x14ac:dyDescent="0.35">
      <c r="A29318" s="1" t="s">
        <v>1138</v>
      </c>
      <c r="B29318" s="1" t="s">
        <v>96627</v>
      </c>
      <c r="C29318" s="1" t="s">
        <v>70</v>
      </c>
      <c r="D29318" s="1" t="s">
        <v>103135</v>
      </c>
      <c r="E29318" s="1" t="s">
        <v>103136</v>
      </c>
      <c r="F29318" s="1" t="s">
        <v>103137</v>
      </c>
      <c r="G29318" s="1" t="s">
        <v>103093</v>
      </c>
      <c r="H29318" s="1" t="s">
        <v>103094</v>
      </c>
      <c r="I29318" s="1" t="s">
        <v>96632</v>
      </c>
      <c r="J29318" s="1" t="s">
        <v>103138</v>
      </c>
    </row>
    <row r="29319" spans="1:10" x14ac:dyDescent="0.35">
      <c r="A29319" s="1" t="s">
        <v>1138</v>
      </c>
      <c r="B29319" s="1" t="s">
        <v>96627</v>
      </c>
      <c r="C29319" s="1" t="s">
        <v>75</v>
      </c>
      <c r="D29319" s="1" t="s">
        <v>85845</v>
      </c>
      <c r="E29319" s="1" t="s">
        <v>103139</v>
      </c>
      <c r="F29319" s="1" t="s">
        <v>103140</v>
      </c>
      <c r="G29319" s="1" t="s">
        <v>103093</v>
      </c>
      <c r="H29319" s="1" t="s">
        <v>103094</v>
      </c>
      <c r="I29319" s="1" t="s">
        <v>96632</v>
      </c>
      <c r="J29319" s="1" t="s">
        <v>103141</v>
      </c>
    </row>
    <row r="29320" spans="1:10" x14ac:dyDescent="0.35">
      <c r="A29320" s="1" t="s">
        <v>1138</v>
      </c>
      <c r="B29320" s="1" t="s">
        <v>96627</v>
      </c>
      <c r="C29320" s="1" t="s">
        <v>80</v>
      </c>
      <c r="D29320" s="1" t="s">
        <v>68417</v>
      </c>
      <c r="E29320" s="1" t="s">
        <v>103142</v>
      </c>
      <c r="F29320" s="1" t="s">
        <v>103143</v>
      </c>
      <c r="G29320" s="1" t="s">
        <v>103093</v>
      </c>
      <c r="H29320" s="1" t="s">
        <v>103094</v>
      </c>
      <c r="I29320" s="1" t="s">
        <v>96632</v>
      </c>
      <c r="J29320" s="1" t="s">
        <v>103144</v>
      </c>
    </row>
    <row r="29321" spans="1:10" x14ac:dyDescent="0.35">
      <c r="A29321" s="1" t="s">
        <v>1138</v>
      </c>
      <c r="B29321" s="1" t="s">
        <v>96627</v>
      </c>
      <c r="C29321" s="1" t="s">
        <v>85</v>
      </c>
      <c r="D29321" s="1" t="s">
        <v>103145</v>
      </c>
      <c r="E29321" s="1" t="s">
        <v>103146</v>
      </c>
      <c r="F29321" s="1" t="s">
        <v>103147</v>
      </c>
      <c r="G29321" s="1" t="s">
        <v>103093</v>
      </c>
      <c r="H29321" s="1" t="s">
        <v>103094</v>
      </c>
      <c r="I29321" s="1" t="s">
        <v>96632</v>
      </c>
      <c r="J29321" s="1" t="s">
        <v>103148</v>
      </c>
    </row>
    <row r="29322" spans="1:10" x14ac:dyDescent="0.35">
      <c r="A29322" s="1" t="s">
        <v>1138</v>
      </c>
      <c r="B29322" s="1" t="s">
        <v>96627</v>
      </c>
      <c r="C29322" s="1" t="s">
        <v>90</v>
      </c>
      <c r="D29322" s="1" t="s">
        <v>103149</v>
      </c>
      <c r="E29322" s="1" t="s">
        <v>103150</v>
      </c>
      <c r="F29322" s="1" t="s">
        <v>103151</v>
      </c>
      <c r="G29322" s="1" t="s">
        <v>103093</v>
      </c>
      <c r="H29322" s="1" t="s">
        <v>103094</v>
      </c>
      <c r="I29322" s="1" t="s">
        <v>96632</v>
      </c>
      <c r="J29322" s="1" t="s">
        <v>103152</v>
      </c>
    </row>
    <row r="29323" spans="1:10" x14ac:dyDescent="0.35">
      <c r="A29323" s="1" t="s">
        <v>1138</v>
      </c>
      <c r="B29323" s="1" t="s">
        <v>96627</v>
      </c>
      <c r="C29323" s="1" t="s">
        <v>95</v>
      </c>
      <c r="D29323" s="1" t="s">
        <v>68040</v>
      </c>
      <c r="E29323" s="1" t="s">
        <v>103153</v>
      </c>
      <c r="F29323" s="1" t="s">
        <v>103154</v>
      </c>
      <c r="G29323" s="1" t="s">
        <v>103093</v>
      </c>
      <c r="H29323" s="1" t="s">
        <v>103094</v>
      </c>
      <c r="I29323" s="1" t="s">
        <v>96632</v>
      </c>
      <c r="J29323" s="1" t="s">
        <v>103155</v>
      </c>
    </row>
    <row r="29324" spans="1:10" x14ac:dyDescent="0.35">
      <c r="A29324" s="1" t="s">
        <v>1138</v>
      </c>
      <c r="B29324" s="1" t="s">
        <v>96627</v>
      </c>
      <c r="C29324" s="1" t="s">
        <v>100</v>
      </c>
      <c r="D29324" s="1" t="s">
        <v>103156</v>
      </c>
      <c r="E29324" s="1" t="s">
        <v>103157</v>
      </c>
      <c r="F29324" s="1" t="s">
        <v>103158</v>
      </c>
      <c r="G29324" s="1" t="s">
        <v>103093</v>
      </c>
      <c r="H29324" s="1" t="s">
        <v>103094</v>
      </c>
      <c r="I29324" s="1" t="s">
        <v>96632</v>
      </c>
      <c r="J29324" s="1" t="s">
        <v>103159</v>
      </c>
    </row>
    <row r="29325" spans="1:10" x14ac:dyDescent="0.35">
      <c r="A29325" s="1" t="s">
        <v>1138</v>
      </c>
      <c r="B29325" s="1" t="s">
        <v>96627</v>
      </c>
      <c r="C29325" s="1" t="s">
        <v>105</v>
      </c>
      <c r="D29325" s="1" t="s">
        <v>103160</v>
      </c>
      <c r="E29325" s="1" t="s">
        <v>103161</v>
      </c>
      <c r="F29325" s="1" t="s">
        <v>103162</v>
      </c>
      <c r="G29325" s="1" t="s">
        <v>103093</v>
      </c>
      <c r="H29325" s="1" t="s">
        <v>103094</v>
      </c>
      <c r="I29325" s="1" t="s">
        <v>96632</v>
      </c>
      <c r="J29325" s="1" t="s">
        <v>103163</v>
      </c>
    </row>
    <row r="29326" spans="1:10" x14ac:dyDescent="0.35">
      <c r="A29326" s="1" t="s">
        <v>1138</v>
      </c>
      <c r="B29326" s="1" t="s">
        <v>96627</v>
      </c>
      <c r="C29326" s="1" t="s">
        <v>110</v>
      </c>
      <c r="D29326" s="1" t="s">
        <v>103164</v>
      </c>
      <c r="E29326" s="1" t="s">
        <v>103165</v>
      </c>
      <c r="F29326" s="1" t="s">
        <v>103166</v>
      </c>
      <c r="G29326" s="1" t="s">
        <v>103093</v>
      </c>
      <c r="H29326" s="1" t="s">
        <v>103094</v>
      </c>
      <c r="I29326" s="1" t="s">
        <v>96632</v>
      </c>
      <c r="J29326" s="1" t="s">
        <v>103167</v>
      </c>
    </row>
    <row r="29327" spans="1:10" x14ac:dyDescent="0.35">
      <c r="A29327" s="1" t="s">
        <v>1138</v>
      </c>
      <c r="B29327" s="1" t="s">
        <v>96627</v>
      </c>
      <c r="C29327" s="1" t="s">
        <v>115</v>
      </c>
      <c r="D29327" s="1" t="s">
        <v>103168</v>
      </c>
      <c r="E29327" s="1" t="s">
        <v>103169</v>
      </c>
      <c r="F29327" s="1" t="s">
        <v>103170</v>
      </c>
      <c r="G29327" s="1" t="s">
        <v>103093</v>
      </c>
      <c r="H29327" s="1" t="s">
        <v>103094</v>
      </c>
      <c r="I29327" s="1" t="s">
        <v>96632</v>
      </c>
      <c r="J29327" s="1" t="s">
        <v>103171</v>
      </c>
    </row>
    <row r="29328" spans="1:10" x14ac:dyDescent="0.35">
      <c r="A29328" s="1" t="s">
        <v>1138</v>
      </c>
      <c r="B29328" s="1" t="s">
        <v>96627</v>
      </c>
      <c r="C29328" s="1" t="s">
        <v>120</v>
      </c>
      <c r="D29328" s="1" t="s">
        <v>60224</v>
      </c>
      <c r="E29328" s="1" t="s">
        <v>103172</v>
      </c>
      <c r="F29328" s="1" t="s">
        <v>103173</v>
      </c>
      <c r="G29328" s="1" t="s">
        <v>103093</v>
      </c>
      <c r="H29328" s="1" t="s">
        <v>103094</v>
      </c>
      <c r="I29328" s="1" t="s">
        <v>96632</v>
      </c>
      <c r="J29328" s="1" t="s">
        <v>103174</v>
      </c>
    </row>
    <row r="29329" spans="1:10" x14ac:dyDescent="0.35">
      <c r="A29329" s="1" t="s">
        <v>1138</v>
      </c>
      <c r="B29329" s="1" t="s">
        <v>96627</v>
      </c>
      <c r="C29329" s="1" t="s">
        <v>125</v>
      </c>
      <c r="D29329" s="1" t="s">
        <v>60348</v>
      </c>
      <c r="E29329" s="1" t="s">
        <v>103175</v>
      </c>
      <c r="F29329" s="1" t="s">
        <v>103176</v>
      </c>
      <c r="G29329" s="1" t="s">
        <v>103093</v>
      </c>
      <c r="H29329" s="1" t="s">
        <v>103094</v>
      </c>
      <c r="I29329" s="1" t="s">
        <v>96632</v>
      </c>
      <c r="J29329" s="1" t="s">
        <v>103177</v>
      </c>
    </row>
    <row r="29330" spans="1:10" x14ac:dyDescent="0.35">
      <c r="A29330" s="1" t="s">
        <v>1138</v>
      </c>
      <c r="B29330" s="1" t="s">
        <v>96627</v>
      </c>
      <c r="C29330" s="1" t="s">
        <v>130</v>
      </c>
      <c r="D29330" s="1" t="s">
        <v>53992</v>
      </c>
      <c r="E29330" s="1" t="s">
        <v>103178</v>
      </c>
      <c r="F29330" s="1" t="s">
        <v>103179</v>
      </c>
      <c r="G29330" s="1" t="s">
        <v>103093</v>
      </c>
      <c r="H29330" s="1" t="s">
        <v>103094</v>
      </c>
      <c r="I29330" s="1" t="s">
        <v>96632</v>
      </c>
      <c r="J29330" s="1" t="s">
        <v>103180</v>
      </c>
    </row>
    <row r="29331" spans="1:10" x14ac:dyDescent="0.35">
      <c r="A29331" s="1" t="s">
        <v>1138</v>
      </c>
      <c r="B29331" s="1" t="s">
        <v>96627</v>
      </c>
      <c r="C29331" s="1" t="s">
        <v>135</v>
      </c>
      <c r="D29331" s="1" t="s">
        <v>103181</v>
      </c>
      <c r="E29331" s="1" t="s">
        <v>103182</v>
      </c>
      <c r="F29331" s="1" t="s">
        <v>103183</v>
      </c>
      <c r="G29331" s="1" t="s">
        <v>103093</v>
      </c>
      <c r="H29331" s="1" t="s">
        <v>103094</v>
      </c>
      <c r="I29331" s="1" t="s">
        <v>96632</v>
      </c>
      <c r="J29331" s="1" t="s">
        <v>103184</v>
      </c>
    </row>
    <row r="29332" spans="1:10" x14ac:dyDescent="0.35">
      <c r="A29332" s="1" t="s">
        <v>1138</v>
      </c>
      <c r="B29332" s="1" t="s">
        <v>96627</v>
      </c>
      <c r="C29332" s="1" t="s">
        <v>140</v>
      </c>
      <c r="D29332" s="1" t="s">
        <v>88295</v>
      </c>
      <c r="E29332" s="1" t="s">
        <v>103185</v>
      </c>
      <c r="F29332" s="1" t="s">
        <v>103186</v>
      </c>
      <c r="G29332" s="1" t="s">
        <v>103093</v>
      </c>
      <c r="H29332" s="1" t="s">
        <v>103094</v>
      </c>
      <c r="I29332" s="1" t="s">
        <v>96632</v>
      </c>
      <c r="J29332" s="1" t="s">
        <v>103187</v>
      </c>
    </row>
    <row r="29333" spans="1:10" x14ac:dyDescent="0.35">
      <c r="A29333" s="1" t="s">
        <v>1138</v>
      </c>
      <c r="B29333" s="1" t="s">
        <v>96627</v>
      </c>
      <c r="C29333" s="1" t="s">
        <v>145</v>
      </c>
      <c r="D29333" s="1" t="s">
        <v>92969</v>
      </c>
      <c r="E29333" s="1" t="s">
        <v>103188</v>
      </c>
      <c r="F29333" s="1" t="s">
        <v>103189</v>
      </c>
      <c r="G29333" s="1" t="s">
        <v>103093</v>
      </c>
      <c r="H29333" s="1" t="s">
        <v>103094</v>
      </c>
      <c r="I29333" s="1" t="s">
        <v>96632</v>
      </c>
      <c r="J29333" s="1" t="s">
        <v>103190</v>
      </c>
    </row>
    <row r="29334" spans="1:10" x14ac:dyDescent="0.35">
      <c r="A29334" s="1" t="s">
        <v>1138</v>
      </c>
      <c r="B29334" s="1" t="s">
        <v>96627</v>
      </c>
      <c r="C29334" s="1" t="s">
        <v>150</v>
      </c>
      <c r="D29334" s="1" t="s">
        <v>103191</v>
      </c>
      <c r="E29334" s="1" t="s">
        <v>103192</v>
      </c>
      <c r="F29334" s="1" t="s">
        <v>103193</v>
      </c>
      <c r="G29334" s="1" t="s">
        <v>103093</v>
      </c>
      <c r="H29334" s="1" t="s">
        <v>103094</v>
      </c>
      <c r="I29334" s="1" t="s">
        <v>96632</v>
      </c>
      <c r="J29334" s="1" t="s">
        <v>103194</v>
      </c>
    </row>
    <row r="29335" spans="1:10" x14ac:dyDescent="0.35">
      <c r="A29335" s="1" t="s">
        <v>1138</v>
      </c>
      <c r="B29335" s="1" t="s">
        <v>96627</v>
      </c>
      <c r="C29335" s="1" t="s">
        <v>155</v>
      </c>
      <c r="D29335" s="1" t="s">
        <v>87106</v>
      </c>
      <c r="E29335" s="1" t="s">
        <v>103195</v>
      </c>
      <c r="F29335" s="1" t="s">
        <v>103196</v>
      </c>
      <c r="G29335" s="1" t="s">
        <v>103093</v>
      </c>
      <c r="H29335" s="1" t="s">
        <v>103094</v>
      </c>
      <c r="I29335" s="1" t="s">
        <v>96632</v>
      </c>
      <c r="J29335" s="1" t="s">
        <v>103197</v>
      </c>
    </row>
    <row r="29336" spans="1:10" x14ac:dyDescent="0.35">
      <c r="A29336" s="1" t="s">
        <v>1138</v>
      </c>
      <c r="B29336" s="1" t="s">
        <v>96627</v>
      </c>
      <c r="C29336" s="1" t="s">
        <v>160</v>
      </c>
      <c r="D29336" s="1" t="s">
        <v>103198</v>
      </c>
      <c r="E29336" s="1" t="s">
        <v>103199</v>
      </c>
      <c r="F29336" s="1" t="s">
        <v>103200</v>
      </c>
      <c r="G29336" s="1" t="s">
        <v>103093</v>
      </c>
      <c r="H29336" s="1" t="s">
        <v>103094</v>
      </c>
      <c r="I29336" s="1" t="s">
        <v>96632</v>
      </c>
      <c r="J29336" s="1" t="s">
        <v>103201</v>
      </c>
    </row>
    <row r="29337" spans="1:10" x14ac:dyDescent="0.35">
      <c r="A29337" s="1" t="s">
        <v>1138</v>
      </c>
      <c r="B29337" s="1" t="s">
        <v>96627</v>
      </c>
      <c r="C29337" s="1" t="s">
        <v>165</v>
      </c>
      <c r="D29337" s="1" t="s">
        <v>103202</v>
      </c>
      <c r="E29337" s="1" t="s">
        <v>103203</v>
      </c>
      <c r="F29337" s="1" t="s">
        <v>103204</v>
      </c>
      <c r="G29337" s="1" t="s">
        <v>103093</v>
      </c>
      <c r="H29337" s="1" t="s">
        <v>103094</v>
      </c>
      <c r="I29337" s="1" t="s">
        <v>96632</v>
      </c>
      <c r="J29337" s="1" t="s">
        <v>103205</v>
      </c>
    </row>
    <row r="29338" spans="1:10" x14ac:dyDescent="0.35">
      <c r="A29338" s="1" t="s">
        <v>1138</v>
      </c>
      <c r="B29338" s="1" t="s">
        <v>96627</v>
      </c>
      <c r="C29338" s="1" t="s">
        <v>170</v>
      </c>
      <c r="D29338" s="1" t="s">
        <v>68823</v>
      </c>
      <c r="E29338" s="1" t="s">
        <v>103206</v>
      </c>
      <c r="F29338" s="1" t="s">
        <v>103207</v>
      </c>
      <c r="G29338" s="1" t="s">
        <v>103093</v>
      </c>
      <c r="H29338" s="1" t="s">
        <v>103094</v>
      </c>
      <c r="I29338" s="1" t="s">
        <v>96632</v>
      </c>
      <c r="J29338" s="1" t="s">
        <v>103208</v>
      </c>
    </row>
    <row r="29339" spans="1:10" x14ac:dyDescent="0.35">
      <c r="A29339" s="1" t="s">
        <v>103209</v>
      </c>
      <c r="B29339" s="1" t="s">
        <v>96627</v>
      </c>
      <c r="C29339" s="1" t="s">
        <v>8</v>
      </c>
      <c r="D29339" s="1" t="s">
        <v>103210</v>
      </c>
      <c r="E29339" s="1" t="s">
        <v>103211</v>
      </c>
      <c r="F29339" s="1" t="s">
        <v>103212</v>
      </c>
      <c r="G29339" s="1" t="s">
        <v>103213</v>
      </c>
      <c r="H29339" s="1" t="s">
        <v>103214</v>
      </c>
      <c r="I29339" s="1" t="s">
        <v>96632</v>
      </c>
      <c r="J29339" s="1" t="s">
        <v>13</v>
      </c>
    </row>
    <row r="29340" spans="1:10" x14ac:dyDescent="0.35">
      <c r="A29340" s="1" t="s">
        <v>103209</v>
      </c>
      <c r="B29340" s="1" t="s">
        <v>96627</v>
      </c>
      <c r="C29340" s="1" t="s">
        <v>15</v>
      </c>
      <c r="D29340" s="1" t="s">
        <v>86848</v>
      </c>
      <c r="E29340" s="1" t="s">
        <v>103215</v>
      </c>
      <c r="F29340" s="1" t="s">
        <v>103216</v>
      </c>
      <c r="G29340" s="1" t="s">
        <v>103213</v>
      </c>
      <c r="H29340" s="1" t="s">
        <v>103214</v>
      </c>
      <c r="I29340" s="1" t="s">
        <v>96632</v>
      </c>
      <c r="J29340" s="1" t="s">
        <v>103217</v>
      </c>
    </row>
    <row r="29341" spans="1:10" x14ac:dyDescent="0.35">
      <c r="A29341" s="1" t="s">
        <v>103209</v>
      </c>
      <c r="B29341" s="1" t="s">
        <v>96627</v>
      </c>
      <c r="C29341" s="1" t="s">
        <v>20</v>
      </c>
      <c r="D29341" s="1" t="s">
        <v>60186</v>
      </c>
      <c r="E29341" s="1" t="s">
        <v>103218</v>
      </c>
      <c r="F29341" s="1" t="s">
        <v>103219</v>
      </c>
      <c r="G29341" s="1" t="s">
        <v>103213</v>
      </c>
      <c r="H29341" s="1" t="s">
        <v>103214</v>
      </c>
      <c r="I29341" s="1" t="s">
        <v>96632</v>
      </c>
      <c r="J29341" s="1" t="s">
        <v>103220</v>
      </c>
    </row>
    <row r="29342" spans="1:10" x14ac:dyDescent="0.35">
      <c r="A29342" s="1" t="s">
        <v>103209</v>
      </c>
      <c r="B29342" s="1" t="s">
        <v>96627</v>
      </c>
      <c r="C29342" s="1" t="s">
        <v>25</v>
      </c>
      <c r="D29342" s="1" t="s">
        <v>52636</v>
      </c>
      <c r="E29342" s="1" t="s">
        <v>103221</v>
      </c>
      <c r="F29342" s="1" t="s">
        <v>103222</v>
      </c>
      <c r="G29342" s="1" t="s">
        <v>103213</v>
      </c>
      <c r="H29342" s="1" t="s">
        <v>103214</v>
      </c>
      <c r="I29342" s="1" t="s">
        <v>96632</v>
      </c>
      <c r="J29342" s="1" t="s">
        <v>103223</v>
      </c>
    </row>
    <row r="29343" spans="1:10" x14ac:dyDescent="0.35">
      <c r="A29343" s="1" t="s">
        <v>103209</v>
      </c>
      <c r="B29343" s="1" t="s">
        <v>96627</v>
      </c>
      <c r="C29343" s="1" t="s">
        <v>30</v>
      </c>
      <c r="D29343" s="1" t="s">
        <v>61658</v>
      </c>
      <c r="E29343" s="1" t="s">
        <v>103224</v>
      </c>
      <c r="F29343" s="1" t="s">
        <v>103225</v>
      </c>
      <c r="G29343" s="1" t="s">
        <v>103213</v>
      </c>
      <c r="H29343" s="1" t="s">
        <v>103214</v>
      </c>
      <c r="I29343" s="1" t="s">
        <v>96632</v>
      </c>
      <c r="J29343" s="1" t="s">
        <v>103226</v>
      </c>
    </row>
    <row r="29344" spans="1:10" x14ac:dyDescent="0.35">
      <c r="A29344" s="1" t="s">
        <v>103209</v>
      </c>
      <c r="B29344" s="1" t="s">
        <v>96627</v>
      </c>
      <c r="C29344" s="1" t="s">
        <v>35</v>
      </c>
      <c r="D29344" s="1" t="s">
        <v>80885</v>
      </c>
      <c r="E29344" s="1" t="s">
        <v>103227</v>
      </c>
      <c r="F29344" s="1" t="s">
        <v>103228</v>
      </c>
      <c r="G29344" s="1" t="s">
        <v>103213</v>
      </c>
      <c r="H29344" s="1" t="s">
        <v>103214</v>
      </c>
      <c r="I29344" s="1" t="s">
        <v>96632</v>
      </c>
      <c r="J29344" s="1" t="s">
        <v>103229</v>
      </c>
    </row>
    <row r="29345" spans="1:10" x14ac:dyDescent="0.35">
      <c r="A29345" s="1" t="s">
        <v>103209</v>
      </c>
      <c r="B29345" s="1" t="s">
        <v>96627</v>
      </c>
      <c r="C29345" s="1" t="s">
        <v>40</v>
      </c>
      <c r="D29345" s="1" t="s">
        <v>103230</v>
      </c>
      <c r="E29345" s="1" t="s">
        <v>103231</v>
      </c>
      <c r="F29345" s="1" t="s">
        <v>103232</v>
      </c>
      <c r="G29345" s="1" t="s">
        <v>103213</v>
      </c>
      <c r="H29345" s="1" t="s">
        <v>103214</v>
      </c>
      <c r="I29345" s="1" t="s">
        <v>96632</v>
      </c>
      <c r="J29345" s="1" t="s">
        <v>103233</v>
      </c>
    </row>
    <row r="29346" spans="1:10" x14ac:dyDescent="0.35">
      <c r="A29346" s="1" t="s">
        <v>103209</v>
      </c>
      <c r="B29346" s="1" t="s">
        <v>96627</v>
      </c>
      <c r="C29346" s="1" t="s">
        <v>45</v>
      </c>
      <c r="D29346" s="1" t="s">
        <v>103135</v>
      </c>
      <c r="E29346" s="1" t="s">
        <v>103234</v>
      </c>
      <c r="F29346" s="1" t="s">
        <v>103235</v>
      </c>
      <c r="G29346" s="1" t="s">
        <v>103213</v>
      </c>
      <c r="H29346" s="1" t="s">
        <v>103214</v>
      </c>
      <c r="I29346" s="1" t="s">
        <v>96632</v>
      </c>
      <c r="J29346" s="1" t="s">
        <v>103236</v>
      </c>
    </row>
    <row r="29347" spans="1:10" x14ac:dyDescent="0.35">
      <c r="A29347" s="1" t="s">
        <v>103209</v>
      </c>
      <c r="B29347" s="1" t="s">
        <v>96627</v>
      </c>
      <c r="C29347" s="1" t="s">
        <v>50</v>
      </c>
      <c r="D29347" s="1" t="s">
        <v>103237</v>
      </c>
      <c r="E29347" s="1" t="s">
        <v>103238</v>
      </c>
      <c r="F29347" s="1" t="s">
        <v>103239</v>
      </c>
      <c r="G29347" s="1" t="s">
        <v>103213</v>
      </c>
      <c r="H29347" s="1" t="s">
        <v>103214</v>
      </c>
      <c r="I29347" s="1" t="s">
        <v>96632</v>
      </c>
      <c r="J29347" s="1" t="s">
        <v>103240</v>
      </c>
    </row>
    <row r="29348" spans="1:10" x14ac:dyDescent="0.35">
      <c r="A29348" s="1" t="s">
        <v>103209</v>
      </c>
      <c r="B29348" s="1" t="s">
        <v>96627</v>
      </c>
      <c r="C29348" s="1" t="s">
        <v>55</v>
      </c>
      <c r="D29348" s="1" t="s">
        <v>7728</v>
      </c>
      <c r="E29348" s="1" t="s">
        <v>103241</v>
      </c>
      <c r="F29348" s="1" t="s">
        <v>103242</v>
      </c>
      <c r="G29348" s="1" t="s">
        <v>103213</v>
      </c>
      <c r="H29348" s="1" t="s">
        <v>103214</v>
      </c>
      <c r="I29348" s="1" t="s">
        <v>96632</v>
      </c>
      <c r="J29348" s="1" t="s">
        <v>103243</v>
      </c>
    </row>
    <row r="29349" spans="1:10" x14ac:dyDescent="0.35">
      <c r="A29349" s="1" t="s">
        <v>103209</v>
      </c>
      <c r="B29349" s="1" t="s">
        <v>96627</v>
      </c>
      <c r="C29349" s="1" t="s">
        <v>60</v>
      </c>
      <c r="D29349" s="1" t="s">
        <v>103244</v>
      </c>
      <c r="E29349" s="1" t="s">
        <v>103245</v>
      </c>
      <c r="F29349" s="1" t="s">
        <v>103246</v>
      </c>
      <c r="G29349" s="1" t="s">
        <v>103213</v>
      </c>
      <c r="H29349" s="1" t="s">
        <v>103214</v>
      </c>
      <c r="I29349" s="1" t="s">
        <v>96632</v>
      </c>
      <c r="J29349" s="1" t="s">
        <v>103247</v>
      </c>
    </row>
    <row r="29350" spans="1:10" x14ac:dyDescent="0.35">
      <c r="A29350" s="1" t="s">
        <v>103209</v>
      </c>
      <c r="B29350" s="1" t="s">
        <v>96627</v>
      </c>
      <c r="C29350" s="1" t="s">
        <v>65</v>
      </c>
      <c r="D29350" s="1" t="s">
        <v>62011</v>
      </c>
      <c r="E29350" s="1" t="s">
        <v>103248</v>
      </c>
      <c r="F29350" s="1" t="s">
        <v>103249</v>
      </c>
      <c r="G29350" s="1" t="s">
        <v>103213</v>
      </c>
      <c r="H29350" s="1" t="s">
        <v>103214</v>
      </c>
      <c r="I29350" s="1" t="s">
        <v>96632</v>
      </c>
      <c r="J29350" s="1" t="s">
        <v>103250</v>
      </c>
    </row>
    <row r="29351" spans="1:10" x14ac:dyDescent="0.35">
      <c r="A29351" s="1" t="s">
        <v>103209</v>
      </c>
      <c r="B29351" s="1" t="s">
        <v>96627</v>
      </c>
      <c r="C29351" s="1" t="s">
        <v>70</v>
      </c>
      <c r="D29351" s="1" t="s">
        <v>60827</v>
      </c>
      <c r="E29351" s="1" t="s">
        <v>103251</v>
      </c>
      <c r="F29351" s="1" t="s">
        <v>103252</v>
      </c>
      <c r="G29351" s="1" t="s">
        <v>103213</v>
      </c>
      <c r="H29351" s="1" t="s">
        <v>103214</v>
      </c>
      <c r="I29351" s="1" t="s">
        <v>96632</v>
      </c>
      <c r="J29351" s="1" t="s">
        <v>103253</v>
      </c>
    </row>
    <row r="29352" spans="1:10" x14ac:dyDescent="0.35">
      <c r="A29352" s="1" t="s">
        <v>103209</v>
      </c>
      <c r="B29352" s="1" t="s">
        <v>96627</v>
      </c>
      <c r="C29352" s="1" t="s">
        <v>75</v>
      </c>
      <c r="D29352" s="1" t="s">
        <v>103254</v>
      </c>
      <c r="E29352" s="1" t="s">
        <v>103255</v>
      </c>
      <c r="F29352" s="1" t="s">
        <v>103256</v>
      </c>
      <c r="G29352" s="1" t="s">
        <v>103213</v>
      </c>
      <c r="H29352" s="1" t="s">
        <v>103214</v>
      </c>
      <c r="I29352" s="1" t="s">
        <v>96632</v>
      </c>
      <c r="J29352" s="1" t="s">
        <v>103257</v>
      </c>
    </row>
    <row r="29353" spans="1:10" x14ac:dyDescent="0.35">
      <c r="A29353" s="1" t="s">
        <v>103209</v>
      </c>
      <c r="B29353" s="1" t="s">
        <v>96627</v>
      </c>
      <c r="C29353" s="1" t="s">
        <v>80</v>
      </c>
      <c r="D29353" s="1" t="s">
        <v>103258</v>
      </c>
      <c r="E29353" s="1" t="s">
        <v>103259</v>
      </c>
      <c r="F29353" s="1" t="s">
        <v>103260</v>
      </c>
      <c r="G29353" s="1" t="s">
        <v>103213</v>
      </c>
      <c r="H29353" s="1" t="s">
        <v>103214</v>
      </c>
      <c r="I29353" s="1" t="s">
        <v>96632</v>
      </c>
      <c r="J29353" s="1" t="s">
        <v>103261</v>
      </c>
    </row>
    <row r="29354" spans="1:10" x14ac:dyDescent="0.35">
      <c r="A29354" s="1" t="s">
        <v>103209</v>
      </c>
      <c r="B29354" s="1" t="s">
        <v>96627</v>
      </c>
      <c r="C29354" s="1" t="s">
        <v>85</v>
      </c>
      <c r="D29354" s="1" t="s">
        <v>60995</v>
      </c>
      <c r="E29354" s="1" t="s">
        <v>103262</v>
      </c>
      <c r="F29354" s="1" t="s">
        <v>103263</v>
      </c>
      <c r="G29354" s="1" t="s">
        <v>103213</v>
      </c>
      <c r="H29354" s="1" t="s">
        <v>103214</v>
      </c>
      <c r="I29354" s="1" t="s">
        <v>96632</v>
      </c>
      <c r="J29354" s="1" t="s">
        <v>103264</v>
      </c>
    </row>
    <row r="29355" spans="1:10" x14ac:dyDescent="0.35">
      <c r="A29355" s="1" t="s">
        <v>103209</v>
      </c>
      <c r="B29355" s="1" t="s">
        <v>96627</v>
      </c>
      <c r="C29355" s="1" t="s">
        <v>90</v>
      </c>
      <c r="D29355" s="1" t="s">
        <v>22610</v>
      </c>
      <c r="E29355" s="1" t="s">
        <v>103265</v>
      </c>
      <c r="F29355" s="1" t="s">
        <v>103266</v>
      </c>
      <c r="G29355" s="1" t="s">
        <v>103213</v>
      </c>
      <c r="H29355" s="1" t="s">
        <v>103214</v>
      </c>
      <c r="I29355" s="1" t="s">
        <v>96632</v>
      </c>
      <c r="J29355" s="1" t="s">
        <v>103267</v>
      </c>
    </row>
    <row r="29356" spans="1:10" x14ac:dyDescent="0.35">
      <c r="A29356" s="1" t="s">
        <v>103209</v>
      </c>
      <c r="B29356" s="1" t="s">
        <v>96627</v>
      </c>
      <c r="C29356" s="1" t="s">
        <v>95</v>
      </c>
      <c r="D29356" s="1" t="s">
        <v>103268</v>
      </c>
      <c r="E29356" s="1" t="s">
        <v>103269</v>
      </c>
      <c r="F29356" s="1" t="s">
        <v>103270</v>
      </c>
      <c r="G29356" s="1" t="s">
        <v>103213</v>
      </c>
      <c r="H29356" s="1" t="s">
        <v>103214</v>
      </c>
      <c r="I29356" s="1" t="s">
        <v>96632</v>
      </c>
      <c r="J29356" s="1" t="s">
        <v>103271</v>
      </c>
    </row>
    <row r="29357" spans="1:10" x14ac:dyDescent="0.35">
      <c r="A29357" s="1" t="s">
        <v>103209</v>
      </c>
      <c r="B29357" s="1" t="s">
        <v>96627</v>
      </c>
      <c r="C29357" s="1" t="s">
        <v>100</v>
      </c>
      <c r="D29357" s="1" t="s">
        <v>24152</v>
      </c>
      <c r="E29357" s="1" t="s">
        <v>103272</v>
      </c>
      <c r="F29357" s="1" t="s">
        <v>103273</v>
      </c>
      <c r="G29357" s="1" t="s">
        <v>103213</v>
      </c>
      <c r="H29357" s="1" t="s">
        <v>103214</v>
      </c>
      <c r="I29357" s="1" t="s">
        <v>96632</v>
      </c>
      <c r="J29357" s="1" t="s">
        <v>103274</v>
      </c>
    </row>
    <row r="29358" spans="1:10" x14ac:dyDescent="0.35">
      <c r="A29358" s="1" t="s">
        <v>103209</v>
      </c>
      <c r="B29358" s="1" t="s">
        <v>96627</v>
      </c>
      <c r="C29358" s="1" t="s">
        <v>105</v>
      </c>
      <c r="D29358" s="1" t="s">
        <v>103275</v>
      </c>
      <c r="E29358" s="1" t="s">
        <v>103276</v>
      </c>
      <c r="F29358" s="1" t="s">
        <v>103277</v>
      </c>
      <c r="G29358" s="1" t="s">
        <v>103213</v>
      </c>
      <c r="H29358" s="1" t="s">
        <v>103214</v>
      </c>
      <c r="I29358" s="1" t="s">
        <v>96632</v>
      </c>
      <c r="J29358" s="1" t="s">
        <v>103278</v>
      </c>
    </row>
    <row r="29359" spans="1:10" x14ac:dyDescent="0.35">
      <c r="A29359" s="1" t="s">
        <v>103209</v>
      </c>
      <c r="B29359" s="1" t="s">
        <v>96627</v>
      </c>
      <c r="C29359" s="1" t="s">
        <v>110</v>
      </c>
      <c r="D29359" s="1" t="s">
        <v>103279</v>
      </c>
      <c r="E29359" s="1" t="s">
        <v>103280</v>
      </c>
      <c r="F29359" s="1" t="s">
        <v>103281</v>
      </c>
      <c r="G29359" s="1" t="s">
        <v>103213</v>
      </c>
      <c r="H29359" s="1" t="s">
        <v>103214</v>
      </c>
      <c r="I29359" s="1" t="s">
        <v>96632</v>
      </c>
      <c r="J29359" s="1" t="s">
        <v>103282</v>
      </c>
    </row>
    <row r="29360" spans="1:10" x14ac:dyDescent="0.35">
      <c r="A29360" s="1" t="s">
        <v>103209</v>
      </c>
      <c r="B29360" s="1" t="s">
        <v>96627</v>
      </c>
      <c r="C29360" s="1" t="s">
        <v>115</v>
      </c>
      <c r="D29360" s="1" t="s">
        <v>61763</v>
      </c>
      <c r="E29360" s="1" t="s">
        <v>103283</v>
      </c>
      <c r="F29360" s="1" t="s">
        <v>103284</v>
      </c>
      <c r="G29360" s="1" t="s">
        <v>103213</v>
      </c>
      <c r="H29360" s="1" t="s">
        <v>103214</v>
      </c>
      <c r="I29360" s="1" t="s">
        <v>96632</v>
      </c>
      <c r="J29360" s="1" t="s">
        <v>103285</v>
      </c>
    </row>
    <row r="29361" spans="1:10" x14ac:dyDescent="0.35">
      <c r="A29361" s="1" t="s">
        <v>103209</v>
      </c>
      <c r="B29361" s="1" t="s">
        <v>96627</v>
      </c>
      <c r="C29361" s="1" t="s">
        <v>120</v>
      </c>
      <c r="D29361" s="1" t="s">
        <v>63546</v>
      </c>
      <c r="E29361" s="1" t="s">
        <v>103286</v>
      </c>
      <c r="F29361" s="1" t="s">
        <v>103287</v>
      </c>
      <c r="G29361" s="1" t="s">
        <v>103213</v>
      </c>
      <c r="H29361" s="1" t="s">
        <v>103214</v>
      </c>
      <c r="I29361" s="1" t="s">
        <v>96632</v>
      </c>
      <c r="J29361" s="1" t="s">
        <v>103288</v>
      </c>
    </row>
    <row r="29362" spans="1:10" x14ac:dyDescent="0.35">
      <c r="A29362" s="1" t="s">
        <v>103209</v>
      </c>
      <c r="B29362" s="1" t="s">
        <v>96627</v>
      </c>
      <c r="C29362" s="1" t="s">
        <v>125</v>
      </c>
      <c r="D29362" s="1" t="s">
        <v>2766</v>
      </c>
      <c r="E29362" s="1" t="s">
        <v>103289</v>
      </c>
      <c r="F29362" s="1" t="s">
        <v>103290</v>
      </c>
      <c r="G29362" s="1" t="s">
        <v>103213</v>
      </c>
      <c r="H29362" s="1" t="s">
        <v>103214</v>
      </c>
      <c r="I29362" s="1" t="s">
        <v>96632</v>
      </c>
      <c r="J29362" s="1" t="s">
        <v>103291</v>
      </c>
    </row>
    <row r="29363" spans="1:10" x14ac:dyDescent="0.35">
      <c r="A29363" s="1" t="s">
        <v>103209</v>
      </c>
      <c r="B29363" s="1" t="s">
        <v>96627</v>
      </c>
      <c r="C29363" s="1" t="s">
        <v>130</v>
      </c>
      <c r="D29363" s="1" t="s">
        <v>103292</v>
      </c>
      <c r="E29363" s="1" t="s">
        <v>103293</v>
      </c>
      <c r="F29363" s="1" t="s">
        <v>103294</v>
      </c>
      <c r="G29363" s="1" t="s">
        <v>103213</v>
      </c>
      <c r="H29363" s="1" t="s">
        <v>103214</v>
      </c>
      <c r="I29363" s="1" t="s">
        <v>96632</v>
      </c>
      <c r="J29363" s="1" t="s">
        <v>103295</v>
      </c>
    </row>
    <row r="29364" spans="1:10" x14ac:dyDescent="0.35">
      <c r="A29364" s="1" t="s">
        <v>103209</v>
      </c>
      <c r="B29364" s="1" t="s">
        <v>96627</v>
      </c>
      <c r="C29364" s="1" t="s">
        <v>135</v>
      </c>
      <c r="D29364" s="1" t="s">
        <v>103296</v>
      </c>
      <c r="E29364" s="1" t="s">
        <v>103297</v>
      </c>
      <c r="F29364" s="1" t="s">
        <v>103298</v>
      </c>
      <c r="G29364" s="1" t="s">
        <v>103213</v>
      </c>
      <c r="H29364" s="1" t="s">
        <v>103214</v>
      </c>
      <c r="I29364" s="1" t="s">
        <v>96632</v>
      </c>
      <c r="J29364" s="1" t="s">
        <v>103299</v>
      </c>
    </row>
    <row r="29365" spans="1:10" x14ac:dyDescent="0.35">
      <c r="A29365" s="1" t="s">
        <v>103209</v>
      </c>
      <c r="B29365" s="1" t="s">
        <v>96627</v>
      </c>
      <c r="C29365" s="1" t="s">
        <v>140</v>
      </c>
      <c r="D29365" s="1" t="s">
        <v>103300</v>
      </c>
      <c r="E29365" s="1" t="s">
        <v>103301</v>
      </c>
      <c r="F29365" s="1" t="s">
        <v>103302</v>
      </c>
      <c r="G29365" s="1" t="s">
        <v>103213</v>
      </c>
      <c r="H29365" s="1" t="s">
        <v>103214</v>
      </c>
      <c r="I29365" s="1" t="s">
        <v>96632</v>
      </c>
      <c r="J29365" s="1" t="s">
        <v>103303</v>
      </c>
    </row>
    <row r="29366" spans="1:10" x14ac:dyDescent="0.35">
      <c r="A29366" s="1" t="s">
        <v>103209</v>
      </c>
      <c r="B29366" s="1" t="s">
        <v>96627</v>
      </c>
      <c r="C29366" s="1" t="s">
        <v>145</v>
      </c>
      <c r="D29366" s="1" t="s">
        <v>103304</v>
      </c>
      <c r="E29366" s="1" t="s">
        <v>103305</v>
      </c>
      <c r="F29366" s="1" t="s">
        <v>103306</v>
      </c>
      <c r="G29366" s="1" t="s">
        <v>103213</v>
      </c>
      <c r="H29366" s="1" t="s">
        <v>103214</v>
      </c>
      <c r="I29366" s="1" t="s">
        <v>96632</v>
      </c>
      <c r="J29366" s="1" t="s">
        <v>103307</v>
      </c>
    </row>
    <row r="29367" spans="1:10" x14ac:dyDescent="0.35">
      <c r="A29367" s="1" t="s">
        <v>103209</v>
      </c>
      <c r="B29367" s="1" t="s">
        <v>96627</v>
      </c>
      <c r="C29367" s="1" t="s">
        <v>150</v>
      </c>
      <c r="D29367" s="1" t="s">
        <v>103308</v>
      </c>
      <c r="E29367" s="1" t="s">
        <v>103309</v>
      </c>
      <c r="F29367" s="1" t="s">
        <v>103310</v>
      </c>
      <c r="G29367" s="1" t="s">
        <v>103213</v>
      </c>
      <c r="H29367" s="1" t="s">
        <v>103214</v>
      </c>
      <c r="I29367" s="1" t="s">
        <v>96632</v>
      </c>
      <c r="J29367" s="1" t="s">
        <v>103311</v>
      </c>
    </row>
    <row r="29368" spans="1:10" x14ac:dyDescent="0.35">
      <c r="A29368" s="1" t="s">
        <v>103209</v>
      </c>
      <c r="B29368" s="1" t="s">
        <v>96627</v>
      </c>
      <c r="C29368" s="1" t="s">
        <v>155</v>
      </c>
      <c r="D29368" s="1" t="s">
        <v>92331</v>
      </c>
      <c r="E29368" s="1" t="s">
        <v>103312</v>
      </c>
      <c r="F29368" s="1" t="s">
        <v>103313</v>
      </c>
      <c r="G29368" s="1" t="s">
        <v>103213</v>
      </c>
      <c r="H29368" s="1" t="s">
        <v>103214</v>
      </c>
      <c r="I29368" s="1" t="s">
        <v>96632</v>
      </c>
      <c r="J29368" s="1" t="s">
        <v>103314</v>
      </c>
    </row>
    <row r="29369" spans="1:10" x14ac:dyDescent="0.35">
      <c r="A29369" s="1" t="s">
        <v>103209</v>
      </c>
      <c r="B29369" s="1" t="s">
        <v>96627</v>
      </c>
      <c r="C29369" s="1" t="s">
        <v>160</v>
      </c>
      <c r="D29369" s="1" t="s">
        <v>22583</v>
      </c>
      <c r="E29369" s="1" t="s">
        <v>103315</v>
      </c>
      <c r="F29369" s="1" t="s">
        <v>103316</v>
      </c>
      <c r="G29369" s="1" t="s">
        <v>103213</v>
      </c>
      <c r="H29369" s="1" t="s">
        <v>103214</v>
      </c>
      <c r="I29369" s="1" t="s">
        <v>96632</v>
      </c>
      <c r="J29369" s="1" t="s">
        <v>103317</v>
      </c>
    </row>
    <row r="29370" spans="1:10" x14ac:dyDescent="0.35">
      <c r="A29370" s="1" t="s">
        <v>103209</v>
      </c>
      <c r="B29370" s="1" t="s">
        <v>96627</v>
      </c>
      <c r="C29370" s="1" t="s">
        <v>165</v>
      </c>
      <c r="D29370" s="1" t="s">
        <v>103318</v>
      </c>
      <c r="E29370" s="1" t="s">
        <v>103319</v>
      </c>
      <c r="F29370" s="1" t="s">
        <v>103320</v>
      </c>
      <c r="G29370" s="1" t="s">
        <v>103213</v>
      </c>
      <c r="H29370" s="1" t="s">
        <v>103214</v>
      </c>
      <c r="I29370" s="1" t="s">
        <v>96632</v>
      </c>
      <c r="J29370" s="1" t="s">
        <v>103321</v>
      </c>
    </row>
    <row r="29371" spans="1:10" x14ac:dyDescent="0.35">
      <c r="A29371" s="1" t="s">
        <v>103209</v>
      </c>
      <c r="B29371" s="1" t="s">
        <v>96627</v>
      </c>
      <c r="C29371" s="1" t="s">
        <v>170</v>
      </c>
      <c r="D29371" s="1" t="s">
        <v>67665</v>
      </c>
      <c r="E29371" s="1" t="s">
        <v>103322</v>
      </c>
      <c r="F29371" s="1" t="s">
        <v>103323</v>
      </c>
      <c r="G29371" s="1" t="s">
        <v>103213</v>
      </c>
      <c r="H29371" s="1" t="s">
        <v>103214</v>
      </c>
      <c r="I29371" s="1" t="s">
        <v>96632</v>
      </c>
      <c r="J29371" s="1" t="s">
        <v>103324</v>
      </c>
    </row>
    <row r="29372" spans="1:10" x14ac:dyDescent="0.35">
      <c r="A29372" s="1" t="s">
        <v>12048</v>
      </c>
      <c r="B29372" s="1" t="s">
        <v>96627</v>
      </c>
      <c r="C29372" s="1" t="s">
        <v>8</v>
      </c>
      <c r="D29372" s="1" t="s">
        <v>103325</v>
      </c>
      <c r="E29372" s="1" t="s">
        <v>65214</v>
      </c>
      <c r="F29372" s="1" t="s">
        <v>103326</v>
      </c>
      <c r="G29372" s="1" t="s">
        <v>103327</v>
      </c>
      <c r="H29372" s="1" t="s">
        <v>103328</v>
      </c>
      <c r="I29372" s="1" t="s">
        <v>96632</v>
      </c>
      <c r="J29372" s="1" t="s">
        <v>13</v>
      </c>
    </row>
    <row r="29373" spans="1:10" x14ac:dyDescent="0.35">
      <c r="A29373" s="1" t="s">
        <v>12048</v>
      </c>
      <c r="B29373" s="1" t="s">
        <v>96627</v>
      </c>
      <c r="C29373" s="1" t="s">
        <v>15</v>
      </c>
      <c r="D29373" s="1" t="s">
        <v>103329</v>
      </c>
      <c r="E29373" s="1" t="s">
        <v>53834</v>
      </c>
      <c r="F29373" s="1" t="s">
        <v>103330</v>
      </c>
      <c r="G29373" s="1" t="s">
        <v>103327</v>
      </c>
      <c r="H29373" s="1" t="s">
        <v>103328</v>
      </c>
      <c r="I29373" s="1" t="s">
        <v>96632</v>
      </c>
      <c r="J29373" s="1" t="s">
        <v>103331</v>
      </c>
    </row>
    <row r="29374" spans="1:10" x14ac:dyDescent="0.35">
      <c r="A29374" s="1" t="s">
        <v>12048</v>
      </c>
      <c r="B29374" s="1" t="s">
        <v>96627</v>
      </c>
      <c r="C29374" s="1" t="s">
        <v>20</v>
      </c>
      <c r="D29374" s="1" t="s">
        <v>84750</v>
      </c>
      <c r="E29374" s="1" t="s">
        <v>32061</v>
      </c>
      <c r="F29374" s="1" t="s">
        <v>23150</v>
      </c>
      <c r="G29374" s="1" t="s">
        <v>103327</v>
      </c>
      <c r="H29374" s="1" t="s">
        <v>103328</v>
      </c>
      <c r="I29374" s="1" t="s">
        <v>96632</v>
      </c>
      <c r="J29374" s="1" t="s">
        <v>103332</v>
      </c>
    </row>
    <row r="29375" spans="1:10" x14ac:dyDescent="0.35">
      <c r="A29375" s="1" t="s">
        <v>12048</v>
      </c>
      <c r="B29375" s="1" t="s">
        <v>96627</v>
      </c>
      <c r="C29375" s="1" t="s">
        <v>25</v>
      </c>
      <c r="D29375" s="1" t="s">
        <v>103333</v>
      </c>
      <c r="E29375" s="1" t="s">
        <v>59517</v>
      </c>
      <c r="F29375" s="1" t="s">
        <v>103334</v>
      </c>
      <c r="G29375" s="1" t="s">
        <v>103327</v>
      </c>
      <c r="H29375" s="1" t="s">
        <v>103328</v>
      </c>
      <c r="I29375" s="1" t="s">
        <v>96632</v>
      </c>
      <c r="J29375" s="1" t="s">
        <v>103335</v>
      </c>
    </row>
    <row r="29376" spans="1:10" x14ac:dyDescent="0.35">
      <c r="A29376" s="1" t="s">
        <v>12048</v>
      </c>
      <c r="B29376" s="1" t="s">
        <v>96627</v>
      </c>
      <c r="C29376" s="1" t="s">
        <v>30</v>
      </c>
      <c r="D29376" s="1" t="s">
        <v>103336</v>
      </c>
      <c r="E29376" s="1" t="s">
        <v>54038</v>
      </c>
      <c r="F29376" s="1" t="s">
        <v>103337</v>
      </c>
      <c r="G29376" s="1" t="s">
        <v>103327</v>
      </c>
      <c r="H29376" s="1" t="s">
        <v>103328</v>
      </c>
      <c r="I29376" s="1" t="s">
        <v>96632</v>
      </c>
      <c r="J29376" s="1" t="s">
        <v>103338</v>
      </c>
    </row>
    <row r="29377" spans="1:10" x14ac:dyDescent="0.35">
      <c r="A29377" s="1" t="s">
        <v>12048</v>
      </c>
      <c r="B29377" s="1" t="s">
        <v>96627</v>
      </c>
      <c r="C29377" s="1" t="s">
        <v>35</v>
      </c>
      <c r="D29377" s="1" t="s">
        <v>24265</v>
      </c>
      <c r="E29377" s="1" t="s">
        <v>24213</v>
      </c>
      <c r="F29377" s="1" t="s">
        <v>103339</v>
      </c>
      <c r="G29377" s="1" t="s">
        <v>103327</v>
      </c>
      <c r="H29377" s="1" t="s">
        <v>103328</v>
      </c>
      <c r="I29377" s="1" t="s">
        <v>96632</v>
      </c>
      <c r="J29377" s="1" t="s">
        <v>103340</v>
      </c>
    </row>
    <row r="29378" spans="1:10" x14ac:dyDescent="0.35">
      <c r="A29378" s="1" t="s">
        <v>12048</v>
      </c>
      <c r="B29378" s="1" t="s">
        <v>96627</v>
      </c>
      <c r="C29378" s="1" t="s">
        <v>40</v>
      </c>
      <c r="D29378" s="1" t="s">
        <v>101216</v>
      </c>
      <c r="E29378" s="1" t="s">
        <v>56651</v>
      </c>
      <c r="F29378" s="1" t="s">
        <v>103341</v>
      </c>
      <c r="G29378" s="1" t="s">
        <v>103327</v>
      </c>
      <c r="H29378" s="1" t="s">
        <v>103328</v>
      </c>
      <c r="I29378" s="1" t="s">
        <v>96632</v>
      </c>
      <c r="J29378" s="1" t="s">
        <v>103342</v>
      </c>
    </row>
    <row r="29379" spans="1:10" x14ac:dyDescent="0.35">
      <c r="A29379" s="1" t="s">
        <v>12048</v>
      </c>
      <c r="B29379" s="1" t="s">
        <v>96627</v>
      </c>
      <c r="C29379" s="1" t="s">
        <v>45</v>
      </c>
      <c r="D29379" s="1" t="s">
        <v>103343</v>
      </c>
      <c r="E29379" s="1" t="s">
        <v>15349</v>
      </c>
      <c r="F29379" s="1" t="s">
        <v>53914</v>
      </c>
      <c r="G29379" s="1" t="s">
        <v>103327</v>
      </c>
      <c r="H29379" s="1" t="s">
        <v>103328</v>
      </c>
      <c r="I29379" s="1" t="s">
        <v>96632</v>
      </c>
      <c r="J29379" s="1" t="s">
        <v>103344</v>
      </c>
    </row>
    <row r="29380" spans="1:10" x14ac:dyDescent="0.35">
      <c r="A29380" s="1" t="s">
        <v>12048</v>
      </c>
      <c r="B29380" s="1" t="s">
        <v>96627</v>
      </c>
      <c r="C29380" s="1" t="s">
        <v>50</v>
      </c>
      <c r="D29380" s="1" t="s">
        <v>103345</v>
      </c>
      <c r="E29380" s="1" t="s">
        <v>31368</v>
      </c>
      <c r="F29380" s="1" t="s">
        <v>103346</v>
      </c>
      <c r="G29380" s="1" t="s">
        <v>103327</v>
      </c>
      <c r="H29380" s="1" t="s">
        <v>103328</v>
      </c>
      <c r="I29380" s="1" t="s">
        <v>96632</v>
      </c>
      <c r="J29380" s="1" t="s">
        <v>103347</v>
      </c>
    </row>
    <row r="29381" spans="1:10" x14ac:dyDescent="0.35">
      <c r="A29381" s="1" t="s">
        <v>12048</v>
      </c>
      <c r="B29381" s="1" t="s">
        <v>96627</v>
      </c>
      <c r="C29381" s="1" t="s">
        <v>55</v>
      </c>
      <c r="D29381" s="1" t="s">
        <v>54649</v>
      </c>
      <c r="E29381" s="1" t="s">
        <v>21834</v>
      </c>
      <c r="F29381" s="1" t="s">
        <v>61388</v>
      </c>
      <c r="G29381" s="1" t="s">
        <v>103327</v>
      </c>
      <c r="H29381" s="1" t="s">
        <v>103328</v>
      </c>
      <c r="I29381" s="1" t="s">
        <v>96632</v>
      </c>
      <c r="J29381" s="1" t="s">
        <v>103348</v>
      </c>
    </row>
    <row r="29382" spans="1:10" x14ac:dyDescent="0.35">
      <c r="A29382" s="1" t="s">
        <v>12048</v>
      </c>
      <c r="B29382" s="1" t="s">
        <v>96627</v>
      </c>
      <c r="C29382" s="1" t="s">
        <v>60</v>
      </c>
      <c r="D29382" s="1" t="s">
        <v>103237</v>
      </c>
      <c r="E29382" s="1" t="s">
        <v>58396</v>
      </c>
      <c r="F29382" s="1" t="s">
        <v>103349</v>
      </c>
      <c r="G29382" s="1" t="s">
        <v>103327</v>
      </c>
      <c r="H29382" s="1" t="s">
        <v>103328</v>
      </c>
      <c r="I29382" s="1" t="s">
        <v>96632</v>
      </c>
      <c r="J29382" s="1" t="s">
        <v>103350</v>
      </c>
    </row>
    <row r="29383" spans="1:10" x14ac:dyDescent="0.35">
      <c r="A29383" s="1" t="s">
        <v>12048</v>
      </c>
      <c r="B29383" s="1" t="s">
        <v>96627</v>
      </c>
      <c r="C29383" s="1" t="s">
        <v>65</v>
      </c>
      <c r="D29383" s="1" t="s">
        <v>103351</v>
      </c>
      <c r="E29383" s="1" t="s">
        <v>23446</v>
      </c>
      <c r="F29383" s="1" t="s">
        <v>103352</v>
      </c>
      <c r="G29383" s="1" t="s">
        <v>103327</v>
      </c>
      <c r="H29383" s="1" t="s">
        <v>103328</v>
      </c>
      <c r="I29383" s="1" t="s">
        <v>96632</v>
      </c>
      <c r="J29383" s="1" t="s">
        <v>103353</v>
      </c>
    </row>
    <row r="29384" spans="1:10" x14ac:dyDescent="0.35">
      <c r="A29384" s="1" t="s">
        <v>12048</v>
      </c>
      <c r="B29384" s="1" t="s">
        <v>96627</v>
      </c>
      <c r="C29384" s="1" t="s">
        <v>70</v>
      </c>
      <c r="D29384" s="1" t="s">
        <v>21897</v>
      </c>
      <c r="E29384" s="1" t="s">
        <v>32065</v>
      </c>
      <c r="F29384" s="1" t="s">
        <v>98592</v>
      </c>
      <c r="G29384" s="1" t="s">
        <v>103327</v>
      </c>
      <c r="H29384" s="1" t="s">
        <v>103328</v>
      </c>
      <c r="I29384" s="1" t="s">
        <v>96632</v>
      </c>
      <c r="J29384" s="1" t="s">
        <v>103354</v>
      </c>
    </row>
    <row r="29385" spans="1:10" x14ac:dyDescent="0.35">
      <c r="A29385" s="1" t="s">
        <v>12048</v>
      </c>
      <c r="B29385" s="1" t="s">
        <v>96627</v>
      </c>
      <c r="C29385" s="1" t="s">
        <v>75</v>
      </c>
      <c r="D29385" s="1" t="s">
        <v>60697</v>
      </c>
      <c r="E29385" s="1" t="s">
        <v>32584</v>
      </c>
      <c r="F29385" s="1" t="s">
        <v>103355</v>
      </c>
      <c r="G29385" s="1" t="s">
        <v>103327</v>
      </c>
      <c r="H29385" s="1" t="s">
        <v>103328</v>
      </c>
      <c r="I29385" s="1" t="s">
        <v>96632</v>
      </c>
      <c r="J29385" s="1" t="s">
        <v>103356</v>
      </c>
    </row>
    <row r="29386" spans="1:10" x14ac:dyDescent="0.35">
      <c r="A29386" s="1" t="s">
        <v>12048</v>
      </c>
      <c r="B29386" s="1" t="s">
        <v>96627</v>
      </c>
      <c r="C29386" s="1" t="s">
        <v>80</v>
      </c>
      <c r="D29386" s="1" t="s">
        <v>103357</v>
      </c>
      <c r="E29386" s="1" t="s">
        <v>62154</v>
      </c>
      <c r="F29386" s="1" t="s">
        <v>103358</v>
      </c>
      <c r="G29386" s="1" t="s">
        <v>103327</v>
      </c>
      <c r="H29386" s="1" t="s">
        <v>103328</v>
      </c>
      <c r="I29386" s="1" t="s">
        <v>96632</v>
      </c>
      <c r="J29386" s="1" t="s">
        <v>103359</v>
      </c>
    </row>
    <row r="29387" spans="1:10" x14ac:dyDescent="0.35">
      <c r="A29387" s="1" t="s">
        <v>12048</v>
      </c>
      <c r="B29387" s="1" t="s">
        <v>96627</v>
      </c>
      <c r="C29387" s="1" t="s">
        <v>85</v>
      </c>
      <c r="D29387" s="1" t="s">
        <v>103360</v>
      </c>
      <c r="E29387" s="1" t="s">
        <v>24201</v>
      </c>
      <c r="F29387" s="1" t="s">
        <v>103361</v>
      </c>
      <c r="G29387" s="1" t="s">
        <v>103327</v>
      </c>
      <c r="H29387" s="1" t="s">
        <v>103328</v>
      </c>
      <c r="I29387" s="1" t="s">
        <v>96632</v>
      </c>
      <c r="J29387" s="1" t="s">
        <v>103362</v>
      </c>
    </row>
    <row r="29388" spans="1:10" x14ac:dyDescent="0.35">
      <c r="A29388" s="1" t="s">
        <v>12048</v>
      </c>
      <c r="B29388" s="1" t="s">
        <v>96627</v>
      </c>
      <c r="C29388" s="1" t="s">
        <v>90</v>
      </c>
      <c r="D29388" s="1" t="s">
        <v>103363</v>
      </c>
      <c r="E29388" s="1" t="s">
        <v>21849</v>
      </c>
      <c r="F29388" s="1" t="s">
        <v>60818</v>
      </c>
      <c r="G29388" s="1" t="s">
        <v>103327</v>
      </c>
      <c r="H29388" s="1" t="s">
        <v>103328</v>
      </c>
      <c r="I29388" s="1" t="s">
        <v>96632</v>
      </c>
      <c r="J29388" s="1" t="s">
        <v>103364</v>
      </c>
    </row>
    <row r="29389" spans="1:10" x14ac:dyDescent="0.35">
      <c r="A29389" s="1" t="s">
        <v>12048</v>
      </c>
      <c r="B29389" s="1" t="s">
        <v>96627</v>
      </c>
      <c r="C29389" s="1" t="s">
        <v>95</v>
      </c>
      <c r="D29389" s="1" t="s">
        <v>103365</v>
      </c>
      <c r="E29389" s="1" t="s">
        <v>23491</v>
      </c>
      <c r="F29389" s="1" t="s">
        <v>66638</v>
      </c>
      <c r="G29389" s="1" t="s">
        <v>103327</v>
      </c>
      <c r="H29389" s="1" t="s">
        <v>103328</v>
      </c>
      <c r="I29389" s="1" t="s">
        <v>96632</v>
      </c>
      <c r="J29389" s="1" t="s">
        <v>103366</v>
      </c>
    </row>
    <row r="29390" spans="1:10" x14ac:dyDescent="0.35">
      <c r="A29390" s="1" t="s">
        <v>12048</v>
      </c>
      <c r="B29390" s="1" t="s">
        <v>96627</v>
      </c>
      <c r="C29390" s="1" t="s">
        <v>100</v>
      </c>
      <c r="D29390" s="1" t="s">
        <v>93432</v>
      </c>
      <c r="E29390" s="1" t="s">
        <v>32407</v>
      </c>
      <c r="F29390" s="1" t="s">
        <v>67731</v>
      </c>
      <c r="G29390" s="1" t="s">
        <v>103327</v>
      </c>
      <c r="H29390" s="1" t="s">
        <v>103328</v>
      </c>
      <c r="I29390" s="1" t="s">
        <v>96632</v>
      </c>
      <c r="J29390" s="1" t="s">
        <v>103367</v>
      </c>
    </row>
    <row r="29391" spans="1:10" x14ac:dyDescent="0.35">
      <c r="A29391" s="1" t="s">
        <v>12048</v>
      </c>
      <c r="B29391" s="1" t="s">
        <v>96627</v>
      </c>
      <c r="C29391" s="1" t="s">
        <v>105</v>
      </c>
      <c r="D29391" s="1" t="s">
        <v>92101</v>
      </c>
      <c r="E29391" s="1" t="s">
        <v>65214</v>
      </c>
      <c r="F29391" s="1" t="s">
        <v>66630</v>
      </c>
      <c r="G29391" s="1" t="s">
        <v>103327</v>
      </c>
      <c r="H29391" s="1" t="s">
        <v>103328</v>
      </c>
      <c r="I29391" s="1" t="s">
        <v>96632</v>
      </c>
      <c r="J29391" s="1" t="s">
        <v>103368</v>
      </c>
    </row>
    <row r="29392" spans="1:10" x14ac:dyDescent="0.35">
      <c r="A29392" s="1" t="s">
        <v>12048</v>
      </c>
      <c r="B29392" s="1" t="s">
        <v>96627</v>
      </c>
      <c r="C29392" s="1" t="s">
        <v>110</v>
      </c>
      <c r="D29392" s="1" t="s">
        <v>103369</v>
      </c>
      <c r="E29392" s="1" t="s">
        <v>21190</v>
      </c>
      <c r="F29392" s="1" t="s">
        <v>71192</v>
      </c>
      <c r="G29392" s="1" t="s">
        <v>103327</v>
      </c>
      <c r="H29392" s="1" t="s">
        <v>103328</v>
      </c>
      <c r="I29392" s="1" t="s">
        <v>96632</v>
      </c>
      <c r="J29392" s="1" t="s">
        <v>103370</v>
      </c>
    </row>
    <row r="29393" spans="1:10" x14ac:dyDescent="0.35">
      <c r="A29393" s="1" t="s">
        <v>12048</v>
      </c>
      <c r="B29393" s="1" t="s">
        <v>96627</v>
      </c>
      <c r="C29393" s="1" t="s">
        <v>115</v>
      </c>
      <c r="D29393" s="1" t="s">
        <v>103371</v>
      </c>
      <c r="E29393" s="1" t="s">
        <v>60525</v>
      </c>
      <c r="F29393" s="1" t="s">
        <v>103372</v>
      </c>
      <c r="G29393" s="1" t="s">
        <v>103327</v>
      </c>
      <c r="H29393" s="1" t="s">
        <v>103328</v>
      </c>
      <c r="I29393" s="1" t="s">
        <v>96632</v>
      </c>
      <c r="J29393" s="1" t="s">
        <v>103373</v>
      </c>
    </row>
    <row r="29394" spans="1:10" x14ac:dyDescent="0.35">
      <c r="A29394" s="1" t="s">
        <v>12048</v>
      </c>
      <c r="B29394" s="1" t="s">
        <v>96627</v>
      </c>
      <c r="C29394" s="1" t="s">
        <v>120</v>
      </c>
      <c r="D29394" s="1" t="s">
        <v>84658</v>
      </c>
      <c r="E29394" s="1" t="s">
        <v>41298</v>
      </c>
      <c r="F29394" s="1" t="s">
        <v>103374</v>
      </c>
      <c r="G29394" s="1" t="s">
        <v>103327</v>
      </c>
      <c r="H29394" s="1" t="s">
        <v>103328</v>
      </c>
      <c r="I29394" s="1" t="s">
        <v>96632</v>
      </c>
      <c r="J29394" s="1" t="s">
        <v>103375</v>
      </c>
    </row>
    <row r="29395" spans="1:10" x14ac:dyDescent="0.35">
      <c r="A29395" s="1" t="s">
        <v>12048</v>
      </c>
      <c r="B29395" s="1" t="s">
        <v>96627</v>
      </c>
      <c r="C29395" s="1" t="s">
        <v>125</v>
      </c>
      <c r="D29395" s="1" t="s">
        <v>62854</v>
      </c>
      <c r="E29395" s="1" t="s">
        <v>32376</v>
      </c>
      <c r="F29395" s="1" t="s">
        <v>103376</v>
      </c>
      <c r="G29395" s="1" t="s">
        <v>103327</v>
      </c>
      <c r="H29395" s="1" t="s">
        <v>103328</v>
      </c>
      <c r="I29395" s="1" t="s">
        <v>96632</v>
      </c>
      <c r="J29395" s="1" t="s">
        <v>103377</v>
      </c>
    </row>
    <row r="29396" spans="1:10" x14ac:dyDescent="0.35">
      <c r="A29396" s="1" t="s">
        <v>12048</v>
      </c>
      <c r="B29396" s="1" t="s">
        <v>96627</v>
      </c>
      <c r="C29396" s="1" t="s">
        <v>130</v>
      </c>
      <c r="D29396" s="1" t="s">
        <v>103378</v>
      </c>
      <c r="E29396" s="1" t="s">
        <v>21849</v>
      </c>
      <c r="F29396" s="1" t="s">
        <v>103379</v>
      </c>
      <c r="G29396" s="1" t="s">
        <v>103327</v>
      </c>
      <c r="H29396" s="1" t="s">
        <v>103328</v>
      </c>
      <c r="I29396" s="1" t="s">
        <v>96632</v>
      </c>
      <c r="J29396" s="1" t="s">
        <v>103380</v>
      </c>
    </row>
    <row r="29397" spans="1:10" x14ac:dyDescent="0.35">
      <c r="A29397" s="1" t="s">
        <v>12048</v>
      </c>
      <c r="B29397" s="1" t="s">
        <v>96627</v>
      </c>
      <c r="C29397" s="1" t="s">
        <v>135</v>
      </c>
      <c r="D29397" s="1" t="s">
        <v>87070</v>
      </c>
      <c r="E29397" s="1" t="s">
        <v>15228</v>
      </c>
      <c r="F29397" s="1" t="s">
        <v>103381</v>
      </c>
      <c r="G29397" s="1" t="s">
        <v>103327</v>
      </c>
      <c r="H29397" s="1" t="s">
        <v>103328</v>
      </c>
      <c r="I29397" s="1" t="s">
        <v>96632</v>
      </c>
      <c r="J29397" s="1" t="s">
        <v>103382</v>
      </c>
    </row>
    <row r="29398" spans="1:10" x14ac:dyDescent="0.35">
      <c r="A29398" s="1" t="s">
        <v>12048</v>
      </c>
      <c r="B29398" s="1" t="s">
        <v>96627</v>
      </c>
      <c r="C29398" s="1" t="s">
        <v>140</v>
      </c>
      <c r="D29398" s="1" t="s">
        <v>90665</v>
      </c>
      <c r="E29398" s="1" t="s">
        <v>16146</v>
      </c>
      <c r="F29398" s="1" t="s">
        <v>100663</v>
      </c>
      <c r="G29398" s="1" t="s">
        <v>103327</v>
      </c>
      <c r="H29398" s="1" t="s">
        <v>103328</v>
      </c>
      <c r="I29398" s="1" t="s">
        <v>96632</v>
      </c>
      <c r="J29398" s="1" t="s">
        <v>103383</v>
      </c>
    </row>
    <row r="29399" spans="1:10" x14ac:dyDescent="0.35">
      <c r="A29399" s="1" t="s">
        <v>12048</v>
      </c>
      <c r="B29399" s="1" t="s">
        <v>96627</v>
      </c>
      <c r="C29399" s="1" t="s">
        <v>145</v>
      </c>
      <c r="D29399" s="1" t="s">
        <v>99832</v>
      </c>
      <c r="E29399" s="1" t="s">
        <v>23232</v>
      </c>
      <c r="F29399" s="1" t="s">
        <v>103384</v>
      </c>
      <c r="G29399" s="1" t="s">
        <v>103327</v>
      </c>
      <c r="H29399" s="1" t="s">
        <v>103328</v>
      </c>
      <c r="I29399" s="1" t="s">
        <v>96632</v>
      </c>
      <c r="J29399" s="1" t="s">
        <v>103385</v>
      </c>
    </row>
    <row r="29400" spans="1:10" x14ac:dyDescent="0.35">
      <c r="A29400" s="1" t="s">
        <v>12048</v>
      </c>
      <c r="B29400" s="1" t="s">
        <v>96627</v>
      </c>
      <c r="C29400" s="1" t="s">
        <v>150</v>
      </c>
      <c r="D29400" s="1" t="s">
        <v>103386</v>
      </c>
      <c r="E29400" s="1" t="s">
        <v>12825</v>
      </c>
      <c r="F29400" s="1" t="s">
        <v>59533</v>
      </c>
      <c r="G29400" s="1" t="s">
        <v>103327</v>
      </c>
      <c r="H29400" s="1" t="s">
        <v>103328</v>
      </c>
      <c r="I29400" s="1" t="s">
        <v>96632</v>
      </c>
      <c r="J29400" s="1" t="s">
        <v>103387</v>
      </c>
    </row>
    <row r="29401" spans="1:10" x14ac:dyDescent="0.35">
      <c r="A29401" s="1" t="s">
        <v>12048</v>
      </c>
      <c r="B29401" s="1" t="s">
        <v>96627</v>
      </c>
      <c r="C29401" s="1" t="s">
        <v>155</v>
      </c>
      <c r="D29401" s="1" t="s">
        <v>24393</v>
      </c>
      <c r="E29401" s="1" t="s">
        <v>15267</v>
      </c>
      <c r="F29401" s="1" t="s">
        <v>99178</v>
      </c>
      <c r="G29401" s="1" t="s">
        <v>103327</v>
      </c>
      <c r="H29401" s="1" t="s">
        <v>103328</v>
      </c>
      <c r="I29401" s="1" t="s">
        <v>96632</v>
      </c>
      <c r="J29401" s="1" t="s">
        <v>103388</v>
      </c>
    </row>
    <row r="29402" spans="1:10" x14ac:dyDescent="0.35">
      <c r="A29402" s="1" t="s">
        <v>12048</v>
      </c>
      <c r="B29402" s="1" t="s">
        <v>96627</v>
      </c>
      <c r="C29402" s="1" t="s">
        <v>160</v>
      </c>
      <c r="D29402" s="1" t="s">
        <v>103389</v>
      </c>
      <c r="E29402" s="1" t="s">
        <v>54197</v>
      </c>
      <c r="F29402" s="1" t="s">
        <v>55460</v>
      </c>
      <c r="G29402" s="1" t="s">
        <v>103327</v>
      </c>
      <c r="H29402" s="1" t="s">
        <v>103328</v>
      </c>
      <c r="I29402" s="1" t="s">
        <v>96632</v>
      </c>
      <c r="J29402" s="1" t="s">
        <v>103390</v>
      </c>
    </row>
    <row r="29403" spans="1:10" x14ac:dyDescent="0.35">
      <c r="A29403" s="1" t="s">
        <v>12048</v>
      </c>
      <c r="B29403" s="1" t="s">
        <v>96627</v>
      </c>
      <c r="C29403" s="1" t="s">
        <v>165</v>
      </c>
      <c r="D29403" s="1" t="s">
        <v>103391</v>
      </c>
      <c r="E29403" s="1" t="s">
        <v>15349</v>
      </c>
      <c r="F29403" s="1" t="s">
        <v>103392</v>
      </c>
      <c r="G29403" s="1" t="s">
        <v>103327</v>
      </c>
      <c r="H29403" s="1" t="s">
        <v>103328</v>
      </c>
      <c r="I29403" s="1" t="s">
        <v>96632</v>
      </c>
      <c r="J29403" s="1" t="s">
        <v>103393</v>
      </c>
    </row>
    <row r="29404" spans="1:10" x14ac:dyDescent="0.35">
      <c r="A29404" s="1" t="s">
        <v>12048</v>
      </c>
      <c r="B29404" s="1" t="s">
        <v>96627</v>
      </c>
      <c r="C29404" s="1" t="s">
        <v>170</v>
      </c>
      <c r="D29404" s="1" t="s">
        <v>103394</v>
      </c>
      <c r="E29404" s="1" t="s">
        <v>26225</v>
      </c>
      <c r="F29404" s="1" t="s">
        <v>103395</v>
      </c>
      <c r="G29404" s="1" t="s">
        <v>103327</v>
      </c>
      <c r="H29404" s="1" t="s">
        <v>103328</v>
      </c>
      <c r="I29404" s="1" t="s">
        <v>96632</v>
      </c>
      <c r="J29404" s="1" t="s">
        <v>103396</v>
      </c>
    </row>
    <row r="29405" spans="1:10" x14ac:dyDescent="0.35">
      <c r="A29405" s="1" t="s">
        <v>103397</v>
      </c>
      <c r="B29405" s="1" t="s">
        <v>96627</v>
      </c>
      <c r="C29405" s="1" t="s">
        <v>8</v>
      </c>
      <c r="D29405" s="1" t="s">
        <v>93704</v>
      </c>
      <c r="E29405" s="1" t="s">
        <v>22099</v>
      </c>
      <c r="F29405" s="1" t="s">
        <v>60556</v>
      </c>
      <c r="G29405" s="1" t="s">
        <v>103398</v>
      </c>
      <c r="H29405" s="1" t="s">
        <v>103399</v>
      </c>
      <c r="I29405" s="1" t="s">
        <v>96632</v>
      </c>
      <c r="J29405" s="1" t="s">
        <v>13</v>
      </c>
    </row>
    <row r="29406" spans="1:10" x14ac:dyDescent="0.35">
      <c r="A29406" s="1" t="s">
        <v>103397</v>
      </c>
      <c r="B29406" s="1" t="s">
        <v>96627</v>
      </c>
      <c r="C29406" s="1" t="s">
        <v>15</v>
      </c>
      <c r="D29406" s="1" t="s">
        <v>53996</v>
      </c>
      <c r="E29406" s="1" t="s">
        <v>61042</v>
      </c>
      <c r="F29406" s="1" t="s">
        <v>62873</v>
      </c>
      <c r="G29406" s="1" t="s">
        <v>103398</v>
      </c>
      <c r="H29406" s="1" t="s">
        <v>103399</v>
      </c>
      <c r="I29406" s="1" t="s">
        <v>96632</v>
      </c>
      <c r="J29406" s="1" t="s">
        <v>103400</v>
      </c>
    </row>
    <row r="29407" spans="1:10" x14ac:dyDescent="0.35">
      <c r="A29407" s="1" t="s">
        <v>103397</v>
      </c>
      <c r="B29407" s="1" t="s">
        <v>96627</v>
      </c>
      <c r="C29407" s="1" t="s">
        <v>20</v>
      </c>
      <c r="D29407" s="1" t="s">
        <v>69556</v>
      </c>
      <c r="E29407" s="1" t="s">
        <v>103401</v>
      </c>
      <c r="F29407" s="1" t="s">
        <v>103402</v>
      </c>
      <c r="G29407" s="1" t="s">
        <v>103398</v>
      </c>
      <c r="H29407" s="1" t="s">
        <v>103399</v>
      </c>
      <c r="I29407" s="1" t="s">
        <v>96632</v>
      </c>
      <c r="J29407" s="1" t="s">
        <v>103403</v>
      </c>
    </row>
    <row r="29408" spans="1:10" x14ac:dyDescent="0.35">
      <c r="A29408" s="1" t="s">
        <v>103397</v>
      </c>
      <c r="B29408" s="1" t="s">
        <v>96627</v>
      </c>
      <c r="C29408" s="1" t="s">
        <v>25</v>
      </c>
      <c r="D29408" s="1" t="s">
        <v>103404</v>
      </c>
      <c r="E29408" s="1" t="s">
        <v>15217</v>
      </c>
      <c r="F29408" s="1" t="s">
        <v>99132</v>
      </c>
      <c r="G29408" s="1" t="s">
        <v>103398</v>
      </c>
      <c r="H29408" s="1" t="s">
        <v>103399</v>
      </c>
      <c r="I29408" s="1" t="s">
        <v>96632</v>
      </c>
      <c r="J29408" s="1" t="s">
        <v>103405</v>
      </c>
    </row>
    <row r="29409" spans="1:10" x14ac:dyDescent="0.35">
      <c r="A29409" s="1" t="s">
        <v>103397</v>
      </c>
      <c r="B29409" s="1" t="s">
        <v>96627</v>
      </c>
      <c r="C29409" s="1" t="s">
        <v>30</v>
      </c>
      <c r="D29409" s="1" t="s">
        <v>75752</v>
      </c>
      <c r="E29409" s="1" t="s">
        <v>12853</v>
      </c>
      <c r="F29409" s="1" t="s">
        <v>103406</v>
      </c>
      <c r="G29409" s="1" t="s">
        <v>103398</v>
      </c>
      <c r="H29409" s="1" t="s">
        <v>103399</v>
      </c>
      <c r="I29409" s="1" t="s">
        <v>96632</v>
      </c>
      <c r="J29409" s="1" t="s">
        <v>103407</v>
      </c>
    </row>
    <row r="29410" spans="1:10" x14ac:dyDescent="0.35">
      <c r="A29410" s="1" t="s">
        <v>103397</v>
      </c>
      <c r="B29410" s="1" t="s">
        <v>96627</v>
      </c>
      <c r="C29410" s="1" t="s">
        <v>35</v>
      </c>
      <c r="D29410" s="1" t="s">
        <v>103408</v>
      </c>
      <c r="E29410" s="1" t="s">
        <v>55251</v>
      </c>
      <c r="F29410" s="1" t="s">
        <v>30657</v>
      </c>
      <c r="G29410" s="1" t="s">
        <v>103398</v>
      </c>
      <c r="H29410" s="1" t="s">
        <v>103399</v>
      </c>
      <c r="I29410" s="1" t="s">
        <v>96632</v>
      </c>
      <c r="J29410" s="1" t="s">
        <v>103409</v>
      </c>
    </row>
    <row r="29411" spans="1:10" x14ac:dyDescent="0.35">
      <c r="A29411" s="1" t="s">
        <v>103397</v>
      </c>
      <c r="B29411" s="1" t="s">
        <v>96627</v>
      </c>
      <c r="C29411" s="1" t="s">
        <v>40</v>
      </c>
      <c r="D29411" s="1" t="s">
        <v>20838</v>
      </c>
      <c r="E29411" s="1" t="s">
        <v>31365</v>
      </c>
      <c r="F29411" s="1" t="s">
        <v>103410</v>
      </c>
      <c r="G29411" s="1" t="s">
        <v>103398</v>
      </c>
      <c r="H29411" s="1" t="s">
        <v>103399</v>
      </c>
      <c r="I29411" s="1" t="s">
        <v>96632</v>
      </c>
      <c r="J29411" s="1" t="s">
        <v>103411</v>
      </c>
    </row>
    <row r="29412" spans="1:10" x14ac:dyDescent="0.35">
      <c r="A29412" s="1" t="s">
        <v>103397</v>
      </c>
      <c r="B29412" s="1" t="s">
        <v>96627</v>
      </c>
      <c r="C29412" s="1" t="s">
        <v>45</v>
      </c>
      <c r="D29412" s="1" t="s">
        <v>60263</v>
      </c>
      <c r="E29412" s="1" t="s">
        <v>41233</v>
      </c>
      <c r="F29412" s="1" t="s">
        <v>58702</v>
      </c>
      <c r="G29412" s="1" t="s">
        <v>103398</v>
      </c>
      <c r="H29412" s="1" t="s">
        <v>103399</v>
      </c>
      <c r="I29412" s="1" t="s">
        <v>96632</v>
      </c>
      <c r="J29412" s="1" t="s">
        <v>103412</v>
      </c>
    </row>
    <row r="29413" spans="1:10" x14ac:dyDescent="0.35">
      <c r="A29413" s="1" t="s">
        <v>103397</v>
      </c>
      <c r="B29413" s="1" t="s">
        <v>96627</v>
      </c>
      <c r="C29413" s="1" t="s">
        <v>50</v>
      </c>
      <c r="D29413" s="1" t="s">
        <v>103413</v>
      </c>
      <c r="E29413" s="1" t="s">
        <v>32076</v>
      </c>
      <c r="F29413" s="1" t="s">
        <v>103414</v>
      </c>
      <c r="G29413" s="1" t="s">
        <v>103398</v>
      </c>
      <c r="H29413" s="1" t="s">
        <v>103399</v>
      </c>
      <c r="I29413" s="1" t="s">
        <v>96632</v>
      </c>
      <c r="J29413" s="1" t="s">
        <v>103415</v>
      </c>
    </row>
    <row r="29414" spans="1:10" x14ac:dyDescent="0.35">
      <c r="A29414" s="1" t="s">
        <v>103397</v>
      </c>
      <c r="B29414" s="1" t="s">
        <v>96627</v>
      </c>
      <c r="C29414" s="1" t="s">
        <v>55</v>
      </c>
      <c r="D29414" s="1" t="s">
        <v>103416</v>
      </c>
      <c r="E29414" s="1" t="s">
        <v>41237</v>
      </c>
      <c r="F29414" s="1" t="s">
        <v>103417</v>
      </c>
      <c r="G29414" s="1" t="s">
        <v>103398</v>
      </c>
      <c r="H29414" s="1" t="s">
        <v>103399</v>
      </c>
      <c r="I29414" s="1" t="s">
        <v>96632</v>
      </c>
      <c r="J29414" s="1" t="s">
        <v>103418</v>
      </c>
    </row>
    <row r="29415" spans="1:10" x14ac:dyDescent="0.35">
      <c r="A29415" s="1" t="s">
        <v>103397</v>
      </c>
      <c r="B29415" s="1" t="s">
        <v>96627</v>
      </c>
      <c r="C29415" s="1" t="s">
        <v>60</v>
      </c>
      <c r="D29415" s="1" t="s">
        <v>103419</v>
      </c>
      <c r="E29415" s="1" t="s">
        <v>57099</v>
      </c>
      <c r="F29415" s="1" t="s">
        <v>103420</v>
      </c>
      <c r="G29415" s="1" t="s">
        <v>103398</v>
      </c>
      <c r="H29415" s="1" t="s">
        <v>103399</v>
      </c>
      <c r="I29415" s="1" t="s">
        <v>96632</v>
      </c>
      <c r="J29415" s="1" t="s">
        <v>103421</v>
      </c>
    </row>
    <row r="29416" spans="1:10" x14ac:dyDescent="0.35">
      <c r="A29416" s="1" t="s">
        <v>103397</v>
      </c>
      <c r="B29416" s="1" t="s">
        <v>96627</v>
      </c>
      <c r="C29416" s="1" t="s">
        <v>65</v>
      </c>
      <c r="D29416" s="1" t="s">
        <v>103422</v>
      </c>
      <c r="E29416" s="1" t="s">
        <v>12825</v>
      </c>
      <c r="F29416" s="1" t="s">
        <v>59901</v>
      </c>
      <c r="G29416" s="1" t="s">
        <v>103398</v>
      </c>
      <c r="H29416" s="1" t="s">
        <v>103399</v>
      </c>
      <c r="I29416" s="1" t="s">
        <v>96632</v>
      </c>
      <c r="J29416" s="1" t="s">
        <v>103423</v>
      </c>
    </row>
    <row r="29417" spans="1:10" x14ac:dyDescent="0.35">
      <c r="A29417" s="1" t="s">
        <v>103397</v>
      </c>
      <c r="B29417" s="1" t="s">
        <v>96627</v>
      </c>
      <c r="C29417" s="1" t="s">
        <v>70</v>
      </c>
      <c r="D29417" s="1" t="s">
        <v>85515</v>
      </c>
      <c r="E29417" s="1" t="s">
        <v>32384</v>
      </c>
      <c r="F29417" s="1" t="s">
        <v>103424</v>
      </c>
      <c r="G29417" s="1" t="s">
        <v>103398</v>
      </c>
      <c r="H29417" s="1" t="s">
        <v>103399</v>
      </c>
      <c r="I29417" s="1" t="s">
        <v>96632</v>
      </c>
      <c r="J29417" s="1" t="s">
        <v>103425</v>
      </c>
    </row>
    <row r="29418" spans="1:10" x14ac:dyDescent="0.35">
      <c r="A29418" s="1" t="s">
        <v>103397</v>
      </c>
      <c r="B29418" s="1" t="s">
        <v>96627</v>
      </c>
      <c r="C29418" s="1" t="s">
        <v>75</v>
      </c>
      <c r="D29418" s="1" t="s">
        <v>103426</v>
      </c>
      <c r="E29418" s="1" t="s">
        <v>15849</v>
      </c>
      <c r="F29418" s="1" t="s">
        <v>60709</v>
      </c>
      <c r="G29418" s="1" t="s">
        <v>103398</v>
      </c>
      <c r="H29418" s="1" t="s">
        <v>103399</v>
      </c>
      <c r="I29418" s="1" t="s">
        <v>96632</v>
      </c>
      <c r="J29418" s="1" t="s">
        <v>103427</v>
      </c>
    </row>
    <row r="29419" spans="1:10" x14ac:dyDescent="0.35">
      <c r="A29419" s="1" t="s">
        <v>103397</v>
      </c>
      <c r="B29419" s="1" t="s">
        <v>96627</v>
      </c>
      <c r="C29419" s="1" t="s">
        <v>80</v>
      </c>
      <c r="D29419" s="1" t="s">
        <v>103428</v>
      </c>
      <c r="E29419" s="1" t="s">
        <v>16168</v>
      </c>
      <c r="F29419" s="1" t="s">
        <v>99878</v>
      </c>
      <c r="G29419" s="1" t="s">
        <v>103398</v>
      </c>
      <c r="H29419" s="1" t="s">
        <v>103399</v>
      </c>
      <c r="I29419" s="1" t="s">
        <v>96632</v>
      </c>
      <c r="J29419" s="1" t="s">
        <v>103429</v>
      </c>
    </row>
    <row r="29420" spans="1:10" x14ac:dyDescent="0.35">
      <c r="A29420" s="1" t="s">
        <v>103397</v>
      </c>
      <c r="B29420" s="1" t="s">
        <v>96627</v>
      </c>
      <c r="C29420" s="1" t="s">
        <v>85</v>
      </c>
      <c r="D29420" s="1" t="s">
        <v>93242</v>
      </c>
      <c r="E29420" s="1" t="s">
        <v>24201</v>
      </c>
      <c r="F29420" s="1" t="s">
        <v>103430</v>
      </c>
      <c r="G29420" s="1" t="s">
        <v>103398</v>
      </c>
      <c r="H29420" s="1" t="s">
        <v>103399</v>
      </c>
      <c r="I29420" s="1" t="s">
        <v>96632</v>
      </c>
      <c r="J29420" s="1" t="s">
        <v>103431</v>
      </c>
    </row>
    <row r="29421" spans="1:10" x14ac:dyDescent="0.35">
      <c r="A29421" s="1" t="s">
        <v>103397</v>
      </c>
      <c r="B29421" s="1" t="s">
        <v>96627</v>
      </c>
      <c r="C29421" s="1" t="s">
        <v>90</v>
      </c>
      <c r="D29421" s="1" t="s">
        <v>103432</v>
      </c>
      <c r="E29421" s="1" t="s">
        <v>32567</v>
      </c>
      <c r="F29421" s="1" t="s">
        <v>59313</v>
      </c>
      <c r="G29421" s="1" t="s">
        <v>103398</v>
      </c>
      <c r="H29421" s="1" t="s">
        <v>103399</v>
      </c>
      <c r="I29421" s="1" t="s">
        <v>96632</v>
      </c>
      <c r="J29421" s="1" t="s">
        <v>103433</v>
      </c>
    </row>
    <row r="29422" spans="1:10" x14ac:dyDescent="0.35">
      <c r="A29422" s="1" t="s">
        <v>103397</v>
      </c>
      <c r="B29422" s="1" t="s">
        <v>96627</v>
      </c>
      <c r="C29422" s="1" t="s">
        <v>95</v>
      </c>
      <c r="D29422" s="1" t="s">
        <v>103434</v>
      </c>
      <c r="E29422" s="1" t="s">
        <v>15285</v>
      </c>
      <c r="F29422" s="1" t="s">
        <v>103435</v>
      </c>
      <c r="G29422" s="1" t="s">
        <v>103398</v>
      </c>
      <c r="H29422" s="1" t="s">
        <v>103399</v>
      </c>
      <c r="I29422" s="1" t="s">
        <v>96632</v>
      </c>
      <c r="J29422" s="1" t="s">
        <v>103436</v>
      </c>
    </row>
    <row r="29423" spans="1:10" x14ac:dyDescent="0.35">
      <c r="A29423" s="1" t="s">
        <v>103397</v>
      </c>
      <c r="B29423" s="1" t="s">
        <v>96627</v>
      </c>
      <c r="C29423" s="1" t="s">
        <v>100</v>
      </c>
      <c r="D29423" s="1" t="s">
        <v>103437</v>
      </c>
      <c r="E29423" s="1" t="s">
        <v>15228</v>
      </c>
      <c r="F29423" s="1" t="s">
        <v>56836</v>
      </c>
      <c r="G29423" s="1" t="s">
        <v>103398</v>
      </c>
      <c r="H29423" s="1" t="s">
        <v>103399</v>
      </c>
      <c r="I29423" s="1" t="s">
        <v>96632</v>
      </c>
      <c r="J29423" s="1" t="s">
        <v>103438</v>
      </c>
    </row>
    <row r="29424" spans="1:10" x14ac:dyDescent="0.35">
      <c r="A29424" s="1" t="s">
        <v>103397</v>
      </c>
      <c r="B29424" s="1" t="s">
        <v>96627</v>
      </c>
      <c r="C29424" s="1" t="s">
        <v>105</v>
      </c>
      <c r="D29424" s="1" t="s">
        <v>103439</v>
      </c>
      <c r="E29424" s="1" t="s">
        <v>21834</v>
      </c>
      <c r="F29424" s="1" t="s">
        <v>103440</v>
      </c>
      <c r="G29424" s="1" t="s">
        <v>103398</v>
      </c>
      <c r="H29424" s="1" t="s">
        <v>103399</v>
      </c>
      <c r="I29424" s="1" t="s">
        <v>96632</v>
      </c>
      <c r="J29424" s="1" t="s">
        <v>103441</v>
      </c>
    </row>
    <row r="29425" spans="1:10" x14ac:dyDescent="0.35">
      <c r="A29425" s="1" t="s">
        <v>103397</v>
      </c>
      <c r="B29425" s="1" t="s">
        <v>96627</v>
      </c>
      <c r="C29425" s="1" t="s">
        <v>110</v>
      </c>
      <c r="D29425" s="1" t="s">
        <v>103442</v>
      </c>
      <c r="E29425" s="1" t="s">
        <v>31401</v>
      </c>
      <c r="F29425" s="1" t="s">
        <v>61132</v>
      </c>
      <c r="G29425" s="1" t="s">
        <v>103398</v>
      </c>
      <c r="H29425" s="1" t="s">
        <v>103399</v>
      </c>
      <c r="I29425" s="1" t="s">
        <v>96632</v>
      </c>
      <c r="J29425" s="1" t="s">
        <v>103443</v>
      </c>
    </row>
    <row r="29426" spans="1:10" x14ac:dyDescent="0.35">
      <c r="A29426" s="1" t="s">
        <v>103397</v>
      </c>
      <c r="B29426" s="1" t="s">
        <v>96627</v>
      </c>
      <c r="C29426" s="1" t="s">
        <v>115</v>
      </c>
      <c r="D29426" s="1" t="s">
        <v>103444</v>
      </c>
      <c r="E29426" s="1" t="s">
        <v>22290</v>
      </c>
      <c r="F29426" s="1" t="s">
        <v>53982</v>
      </c>
      <c r="G29426" s="1" t="s">
        <v>103398</v>
      </c>
      <c r="H29426" s="1" t="s">
        <v>103399</v>
      </c>
      <c r="I29426" s="1" t="s">
        <v>96632</v>
      </c>
      <c r="J29426" s="1" t="s">
        <v>103445</v>
      </c>
    </row>
    <row r="29427" spans="1:10" x14ac:dyDescent="0.35">
      <c r="A29427" s="1" t="s">
        <v>103397</v>
      </c>
      <c r="B29427" s="1" t="s">
        <v>96627</v>
      </c>
      <c r="C29427" s="1" t="s">
        <v>120</v>
      </c>
      <c r="D29427" s="1" t="s">
        <v>103446</v>
      </c>
      <c r="E29427" s="1" t="s">
        <v>54747</v>
      </c>
      <c r="F29427" s="1" t="s">
        <v>103447</v>
      </c>
      <c r="G29427" s="1" t="s">
        <v>103398</v>
      </c>
      <c r="H29427" s="1" t="s">
        <v>103399</v>
      </c>
      <c r="I29427" s="1" t="s">
        <v>96632</v>
      </c>
      <c r="J29427" s="1" t="s">
        <v>103448</v>
      </c>
    </row>
    <row r="29428" spans="1:10" x14ac:dyDescent="0.35">
      <c r="A29428" s="1" t="s">
        <v>103397</v>
      </c>
      <c r="B29428" s="1" t="s">
        <v>96627</v>
      </c>
      <c r="C29428" s="1" t="s">
        <v>125</v>
      </c>
      <c r="D29428" s="1" t="s">
        <v>41486</v>
      </c>
      <c r="E29428" s="1" t="s">
        <v>59335</v>
      </c>
      <c r="F29428" s="1" t="s">
        <v>64809</v>
      </c>
      <c r="G29428" s="1" t="s">
        <v>103398</v>
      </c>
      <c r="H29428" s="1" t="s">
        <v>103399</v>
      </c>
      <c r="I29428" s="1" t="s">
        <v>96632</v>
      </c>
      <c r="J29428" s="1" t="s">
        <v>103449</v>
      </c>
    </row>
    <row r="29429" spans="1:10" x14ac:dyDescent="0.35">
      <c r="A29429" s="1" t="s">
        <v>103397</v>
      </c>
      <c r="B29429" s="1" t="s">
        <v>96627</v>
      </c>
      <c r="C29429" s="1" t="s">
        <v>130</v>
      </c>
      <c r="D29429" s="1" t="s">
        <v>103450</v>
      </c>
      <c r="E29429" s="1" t="s">
        <v>22282</v>
      </c>
      <c r="F29429" s="1" t="s">
        <v>60698</v>
      </c>
      <c r="G29429" s="1" t="s">
        <v>103398</v>
      </c>
      <c r="H29429" s="1" t="s">
        <v>103399</v>
      </c>
      <c r="I29429" s="1" t="s">
        <v>96632</v>
      </c>
      <c r="J29429" s="1" t="s">
        <v>103451</v>
      </c>
    </row>
    <row r="29430" spans="1:10" x14ac:dyDescent="0.35">
      <c r="A29430" s="1" t="s">
        <v>103397</v>
      </c>
      <c r="B29430" s="1" t="s">
        <v>96627</v>
      </c>
      <c r="C29430" s="1" t="s">
        <v>135</v>
      </c>
      <c r="D29430" s="1" t="s">
        <v>103452</v>
      </c>
      <c r="E29430" s="1" t="s">
        <v>22267</v>
      </c>
      <c r="F29430" s="1" t="s">
        <v>56883</v>
      </c>
      <c r="G29430" s="1" t="s">
        <v>103398</v>
      </c>
      <c r="H29430" s="1" t="s">
        <v>103399</v>
      </c>
      <c r="I29430" s="1" t="s">
        <v>96632</v>
      </c>
      <c r="J29430" s="1" t="s">
        <v>103453</v>
      </c>
    </row>
    <row r="29431" spans="1:10" x14ac:dyDescent="0.35">
      <c r="A29431" s="1" t="s">
        <v>103397</v>
      </c>
      <c r="B29431" s="1" t="s">
        <v>96627</v>
      </c>
      <c r="C29431" s="1" t="s">
        <v>140</v>
      </c>
      <c r="D29431" s="1" t="s">
        <v>103454</v>
      </c>
      <c r="E29431" s="1" t="s">
        <v>23413</v>
      </c>
      <c r="F29431" s="1" t="s">
        <v>82961</v>
      </c>
      <c r="G29431" s="1" t="s">
        <v>103398</v>
      </c>
      <c r="H29431" s="1" t="s">
        <v>103399</v>
      </c>
      <c r="I29431" s="1" t="s">
        <v>96632</v>
      </c>
      <c r="J29431" s="1" t="s">
        <v>103455</v>
      </c>
    </row>
    <row r="29432" spans="1:10" x14ac:dyDescent="0.35">
      <c r="A29432" s="1" t="s">
        <v>103397</v>
      </c>
      <c r="B29432" s="1" t="s">
        <v>96627</v>
      </c>
      <c r="C29432" s="1" t="s">
        <v>145</v>
      </c>
      <c r="D29432" s="1" t="s">
        <v>27149</v>
      </c>
      <c r="E29432" s="1" t="s">
        <v>57609</v>
      </c>
      <c r="F29432" s="1" t="s">
        <v>32908</v>
      </c>
      <c r="G29432" s="1" t="s">
        <v>103398</v>
      </c>
      <c r="H29432" s="1" t="s">
        <v>103399</v>
      </c>
      <c r="I29432" s="1" t="s">
        <v>96632</v>
      </c>
      <c r="J29432" s="1" t="s">
        <v>103456</v>
      </c>
    </row>
    <row r="29433" spans="1:10" x14ac:dyDescent="0.35">
      <c r="A29433" s="1" t="s">
        <v>103397</v>
      </c>
      <c r="B29433" s="1" t="s">
        <v>96627</v>
      </c>
      <c r="C29433" s="1" t="s">
        <v>150</v>
      </c>
      <c r="D29433" s="1" t="s">
        <v>103457</v>
      </c>
      <c r="E29433" s="1" t="s">
        <v>62090</v>
      </c>
      <c r="F29433" s="1" t="s">
        <v>103458</v>
      </c>
      <c r="G29433" s="1" t="s">
        <v>103398</v>
      </c>
      <c r="H29433" s="1" t="s">
        <v>103399</v>
      </c>
      <c r="I29433" s="1" t="s">
        <v>96632</v>
      </c>
      <c r="J29433" s="1" t="s">
        <v>103459</v>
      </c>
    </row>
    <row r="29434" spans="1:10" x14ac:dyDescent="0.35">
      <c r="A29434" s="1" t="s">
        <v>103397</v>
      </c>
      <c r="B29434" s="1" t="s">
        <v>96627</v>
      </c>
      <c r="C29434" s="1" t="s">
        <v>155</v>
      </c>
      <c r="D29434" s="1" t="s">
        <v>103460</v>
      </c>
      <c r="E29434" s="1" t="s">
        <v>54118</v>
      </c>
      <c r="F29434" s="1" t="s">
        <v>103461</v>
      </c>
      <c r="G29434" s="1" t="s">
        <v>103398</v>
      </c>
      <c r="H29434" s="1" t="s">
        <v>103399</v>
      </c>
      <c r="I29434" s="1" t="s">
        <v>96632</v>
      </c>
      <c r="J29434" s="1" t="s">
        <v>103462</v>
      </c>
    </row>
    <row r="29435" spans="1:10" x14ac:dyDescent="0.35">
      <c r="A29435" s="1" t="s">
        <v>103397</v>
      </c>
      <c r="B29435" s="1" t="s">
        <v>96627</v>
      </c>
      <c r="C29435" s="1" t="s">
        <v>160</v>
      </c>
      <c r="D29435" s="1" t="s">
        <v>64120</v>
      </c>
      <c r="E29435" s="1" t="s">
        <v>15380</v>
      </c>
      <c r="F29435" s="1" t="s">
        <v>103463</v>
      </c>
      <c r="G29435" s="1" t="s">
        <v>103398</v>
      </c>
      <c r="H29435" s="1" t="s">
        <v>103399</v>
      </c>
      <c r="I29435" s="1" t="s">
        <v>96632</v>
      </c>
      <c r="J29435" s="1" t="s">
        <v>103464</v>
      </c>
    </row>
    <row r="29436" spans="1:10" x14ac:dyDescent="0.35">
      <c r="A29436" s="1" t="s">
        <v>103397</v>
      </c>
      <c r="B29436" s="1" t="s">
        <v>96627</v>
      </c>
      <c r="C29436" s="1" t="s">
        <v>165</v>
      </c>
      <c r="D29436" s="1" t="s">
        <v>103465</v>
      </c>
      <c r="E29436" s="1" t="s">
        <v>97228</v>
      </c>
      <c r="F29436" s="1" t="s">
        <v>60095</v>
      </c>
      <c r="G29436" s="1" t="s">
        <v>103398</v>
      </c>
      <c r="H29436" s="1" t="s">
        <v>103399</v>
      </c>
      <c r="I29436" s="1" t="s">
        <v>96632</v>
      </c>
      <c r="J29436" s="1" t="s">
        <v>103466</v>
      </c>
    </row>
    <row r="29437" spans="1:10" x14ac:dyDescent="0.35">
      <c r="A29437" s="1" t="s">
        <v>103397</v>
      </c>
      <c r="B29437" s="1" t="s">
        <v>96627</v>
      </c>
      <c r="C29437" s="1" t="s">
        <v>170</v>
      </c>
      <c r="D29437" s="1" t="s">
        <v>103467</v>
      </c>
      <c r="E29437" s="1" t="s">
        <v>32595</v>
      </c>
      <c r="F29437" s="1" t="s">
        <v>103468</v>
      </c>
      <c r="G29437" s="1" t="s">
        <v>103398</v>
      </c>
      <c r="H29437" s="1" t="s">
        <v>103399</v>
      </c>
      <c r="I29437" s="1" t="s">
        <v>96632</v>
      </c>
      <c r="J29437" s="1" t="s">
        <v>103469</v>
      </c>
    </row>
    <row r="29438" spans="1:10" x14ac:dyDescent="0.35">
      <c r="A29438" s="1" t="s">
        <v>103470</v>
      </c>
      <c r="B29438" s="1" t="s">
        <v>96627</v>
      </c>
      <c r="C29438" s="1" t="s">
        <v>8</v>
      </c>
      <c r="D29438" s="1" t="s">
        <v>98714</v>
      </c>
      <c r="E29438" s="1" t="s">
        <v>103471</v>
      </c>
      <c r="F29438" s="1" t="s">
        <v>103472</v>
      </c>
      <c r="G29438" s="1" t="s">
        <v>103473</v>
      </c>
      <c r="H29438" s="1" t="s">
        <v>103474</v>
      </c>
      <c r="I29438" s="1" t="s">
        <v>96632</v>
      </c>
      <c r="J29438" s="1" t="s">
        <v>13</v>
      </c>
    </row>
    <row r="29439" spans="1:10" x14ac:dyDescent="0.35">
      <c r="A29439" s="1" t="s">
        <v>103470</v>
      </c>
      <c r="B29439" s="1" t="s">
        <v>96627</v>
      </c>
      <c r="C29439" s="1" t="s">
        <v>15</v>
      </c>
      <c r="D29439" s="1" t="s">
        <v>20545</v>
      </c>
      <c r="E29439" s="1" t="s">
        <v>103475</v>
      </c>
      <c r="F29439" s="1" t="s">
        <v>103476</v>
      </c>
      <c r="G29439" s="1" t="s">
        <v>103473</v>
      </c>
      <c r="H29439" s="1" t="s">
        <v>103474</v>
      </c>
      <c r="I29439" s="1" t="s">
        <v>96632</v>
      </c>
      <c r="J29439" s="1" t="s">
        <v>103477</v>
      </c>
    </row>
    <row r="29440" spans="1:10" x14ac:dyDescent="0.35">
      <c r="A29440" s="1" t="s">
        <v>103470</v>
      </c>
      <c r="B29440" s="1" t="s">
        <v>96627</v>
      </c>
      <c r="C29440" s="1" t="s">
        <v>20</v>
      </c>
      <c r="D29440" s="1" t="s">
        <v>20558</v>
      </c>
      <c r="E29440" s="1" t="s">
        <v>103478</v>
      </c>
      <c r="F29440" s="1" t="s">
        <v>103479</v>
      </c>
      <c r="G29440" s="1" t="s">
        <v>103473</v>
      </c>
      <c r="H29440" s="1" t="s">
        <v>103474</v>
      </c>
      <c r="I29440" s="1" t="s">
        <v>96632</v>
      </c>
      <c r="J29440" s="1" t="s">
        <v>103480</v>
      </c>
    </row>
    <row r="29441" spans="1:10" x14ac:dyDescent="0.35">
      <c r="A29441" s="1" t="s">
        <v>103470</v>
      </c>
      <c r="B29441" s="1" t="s">
        <v>96627</v>
      </c>
      <c r="C29441" s="1" t="s">
        <v>25</v>
      </c>
      <c r="D29441" s="1" t="s">
        <v>103481</v>
      </c>
      <c r="E29441" s="1" t="s">
        <v>103482</v>
      </c>
      <c r="F29441" s="1" t="s">
        <v>103483</v>
      </c>
      <c r="G29441" s="1" t="s">
        <v>103473</v>
      </c>
      <c r="H29441" s="1" t="s">
        <v>103474</v>
      </c>
      <c r="I29441" s="1" t="s">
        <v>96632</v>
      </c>
      <c r="J29441" s="1" t="s">
        <v>103484</v>
      </c>
    </row>
    <row r="29442" spans="1:10" x14ac:dyDescent="0.35">
      <c r="A29442" s="1" t="s">
        <v>103470</v>
      </c>
      <c r="B29442" s="1" t="s">
        <v>96627</v>
      </c>
      <c r="C29442" s="1" t="s">
        <v>30</v>
      </c>
      <c r="D29442" s="1" t="s">
        <v>103485</v>
      </c>
      <c r="E29442" s="1" t="s">
        <v>103486</v>
      </c>
      <c r="F29442" s="1" t="s">
        <v>103487</v>
      </c>
      <c r="G29442" s="1" t="s">
        <v>103473</v>
      </c>
      <c r="H29442" s="1" t="s">
        <v>103474</v>
      </c>
      <c r="I29442" s="1" t="s">
        <v>96632</v>
      </c>
      <c r="J29442" s="1" t="s">
        <v>103488</v>
      </c>
    </row>
    <row r="29443" spans="1:10" x14ac:dyDescent="0.35">
      <c r="A29443" s="1" t="s">
        <v>103470</v>
      </c>
      <c r="B29443" s="1" t="s">
        <v>96627</v>
      </c>
      <c r="C29443" s="1" t="s">
        <v>35</v>
      </c>
      <c r="D29443" s="1" t="s">
        <v>103489</v>
      </c>
      <c r="E29443" s="1" t="s">
        <v>103490</v>
      </c>
      <c r="F29443" s="1" t="s">
        <v>103491</v>
      </c>
      <c r="G29443" s="1" t="s">
        <v>103473</v>
      </c>
      <c r="H29443" s="1" t="s">
        <v>103474</v>
      </c>
      <c r="I29443" s="1" t="s">
        <v>96632</v>
      </c>
      <c r="J29443" s="1" t="s">
        <v>103492</v>
      </c>
    </row>
    <row r="29444" spans="1:10" x14ac:dyDescent="0.35">
      <c r="A29444" s="1" t="s">
        <v>103470</v>
      </c>
      <c r="B29444" s="1" t="s">
        <v>96627</v>
      </c>
      <c r="C29444" s="1" t="s">
        <v>40</v>
      </c>
      <c r="D29444" s="1" t="s">
        <v>59915</v>
      </c>
      <c r="E29444" s="1" t="s">
        <v>103493</v>
      </c>
      <c r="F29444" s="1" t="s">
        <v>103494</v>
      </c>
      <c r="G29444" s="1" t="s">
        <v>103473</v>
      </c>
      <c r="H29444" s="1" t="s">
        <v>103474</v>
      </c>
      <c r="I29444" s="1" t="s">
        <v>96632</v>
      </c>
      <c r="J29444" s="1" t="s">
        <v>103495</v>
      </c>
    </row>
    <row r="29445" spans="1:10" x14ac:dyDescent="0.35">
      <c r="A29445" s="1" t="s">
        <v>103470</v>
      </c>
      <c r="B29445" s="1" t="s">
        <v>96627</v>
      </c>
      <c r="C29445" s="1" t="s">
        <v>45</v>
      </c>
      <c r="D29445" s="1" t="s">
        <v>103496</v>
      </c>
      <c r="E29445" s="1" t="s">
        <v>103497</v>
      </c>
      <c r="F29445" s="1" t="s">
        <v>103498</v>
      </c>
      <c r="G29445" s="1" t="s">
        <v>103473</v>
      </c>
      <c r="H29445" s="1" t="s">
        <v>103474</v>
      </c>
      <c r="I29445" s="1" t="s">
        <v>96632</v>
      </c>
      <c r="J29445" s="1" t="s">
        <v>103499</v>
      </c>
    </row>
    <row r="29446" spans="1:10" x14ac:dyDescent="0.35">
      <c r="A29446" s="1" t="s">
        <v>103470</v>
      </c>
      <c r="B29446" s="1" t="s">
        <v>96627</v>
      </c>
      <c r="C29446" s="1" t="s">
        <v>50</v>
      </c>
      <c r="D29446" s="1" t="s">
        <v>56259</v>
      </c>
      <c r="E29446" s="1" t="s">
        <v>103500</v>
      </c>
      <c r="F29446" s="1" t="s">
        <v>103501</v>
      </c>
      <c r="G29446" s="1" t="s">
        <v>103473</v>
      </c>
      <c r="H29446" s="1" t="s">
        <v>103474</v>
      </c>
      <c r="I29446" s="1" t="s">
        <v>96632</v>
      </c>
      <c r="J29446" s="1" t="s">
        <v>103502</v>
      </c>
    </row>
    <row r="29447" spans="1:10" x14ac:dyDescent="0.35">
      <c r="A29447" s="1" t="s">
        <v>103470</v>
      </c>
      <c r="B29447" s="1" t="s">
        <v>96627</v>
      </c>
      <c r="C29447" s="1" t="s">
        <v>55</v>
      </c>
      <c r="D29447" s="1" t="s">
        <v>103503</v>
      </c>
      <c r="E29447" s="1" t="s">
        <v>103504</v>
      </c>
      <c r="F29447" s="1" t="s">
        <v>103505</v>
      </c>
      <c r="G29447" s="1" t="s">
        <v>103473</v>
      </c>
      <c r="H29447" s="1" t="s">
        <v>103474</v>
      </c>
      <c r="I29447" s="1" t="s">
        <v>96632</v>
      </c>
      <c r="J29447" s="1" t="s">
        <v>103506</v>
      </c>
    </row>
    <row r="29448" spans="1:10" x14ac:dyDescent="0.35">
      <c r="A29448" s="1" t="s">
        <v>103470</v>
      </c>
      <c r="B29448" s="1" t="s">
        <v>96627</v>
      </c>
      <c r="C29448" s="1" t="s">
        <v>60</v>
      </c>
      <c r="D29448" s="1" t="s">
        <v>39342</v>
      </c>
      <c r="E29448" s="1" t="s">
        <v>103507</v>
      </c>
      <c r="F29448" s="1" t="s">
        <v>103508</v>
      </c>
      <c r="G29448" s="1" t="s">
        <v>103473</v>
      </c>
      <c r="H29448" s="1" t="s">
        <v>103474</v>
      </c>
      <c r="I29448" s="1" t="s">
        <v>96632</v>
      </c>
      <c r="J29448" s="1" t="s">
        <v>103509</v>
      </c>
    </row>
    <row r="29449" spans="1:10" x14ac:dyDescent="0.35">
      <c r="A29449" s="1" t="s">
        <v>103470</v>
      </c>
      <c r="B29449" s="1" t="s">
        <v>96627</v>
      </c>
      <c r="C29449" s="1" t="s">
        <v>65</v>
      </c>
      <c r="D29449" s="1" t="s">
        <v>93982</v>
      </c>
      <c r="E29449" s="1" t="s">
        <v>103510</v>
      </c>
      <c r="F29449" s="1" t="s">
        <v>103511</v>
      </c>
      <c r="G29449" s="1" t="s">
        <v>103473</v>
      </c>
      <c r="H29449" s="1" t="s">
        <v>103474</v>
      </c>
      <c r="I29449" s="1" t="s">
        <v>96632</v>
      </c>
      <c r="J29449" s="1" t="s">
        <v>103512</v>
      </c>
    </row>
    <row r="29450" spans="1:10" x14ac:dyDescent="0.35">
      <c r="A29450" s="1" t="s">
        <v>103470</v>
      </c>
      <c r="B29450" s="1" t="s">
        <v>96627</v>
      </c>
      <c r="C29450" s="1" t="s">
        <v>70</v>
      </c>
      <c r="D29450" s="1" t="s">
        <v>86208</v>
      </c>
      <c r="E29450" s="1" t="s">
        <v>103513</v>
      </c>
      <c r="F29450" s="1" t="s">
        <v>103514</v>
      </c>
      <c r="G29450" s="1" t="s">
        <v>103473</v>
      </c>
      <c r="H29450" s="1" t="s">
        <v>103474</v>
      </c>
      <c r="I29450" s="1" t="s">
        <v>96632</v>
      </c>
      <c r="J29450" s="1" t="s">
        <v>103515</v>
      </c>
    </row>
    <row r="29451" spans="1:10" x14ac:dyDescent="0.35">
      <c r="A29451" s="1" t="s">
        <v>103470</v>
      </c>
      <c r="B29451" s="1" t="s">
        <v>96627</v>
      </c>
      <c r="C29451" s="1" t="s">
        <v>75</v>
      </c>
      <c r="D29451" s="1" t="s">
        <v>103516</v>
      </c>
      <c r="E29451" s="1" t="s">
        <v>103517</v>
      </c>
      <c r="F29451" s="1" t="s">
        <v>103518</v>
      </c>
      <c r="G29451" s="1" t="s">
        <v>103473</v>
      </c>
      <c r="H29451" s="1" t="s">
        <v>103474</v>
      </c>
      <c r="I29451" s="1" t="s">
        <v>96632</v>
      </c>
      <c r="J29451" s="1" t="s">
        <v>103519</v>
      </c>
    </row>
    <row r="29452" spans="1:10" x14ac:dyDescent="0.35">
      <c r="A29452" s="1" t="s">
        <v>103470</v>
      </c>
      <c r="B29452" s="1" t="s">
        <v>96627</v>
      </c>
      <c r="C29452" s="1" t="s">
        <v>80</v>
      </c>
      <c r="D29452" s="1" t="s">
        <v>64712</v>
      </c>
      <c r="E29452" s="1" t="s">
        <v>103520</v>
      </c>
      <c r="F29452" s="1" t="s">
        <v>103521</v>
      </c>
      <c r="G29452" s="1" t="s">
        <v>103473</v>
      </c>
      <c r="H29452" s="1" t="s">
        <v>103474</v>
      </c>
      <c r="I29452" s="1" t="s">
        <v>96632</v>
      </c>
      <c r="J29452" s="1" t="s">
        <v>103522</v>
      </c>
    </row>
    <row r="29453" spans="1:10" x14ac:dyDescent="0.35">
      <c r="A29453" s="1" t="s">
        <v>103470</v>
      </c>
      <c r="B29453" s="1" t="s">
        <v>96627</v>
      </c>
      <c r="C29453" s="1" t="s">
        <v>85</v>
      </c>
      <c r="D29453" s="1" t="s">
        <v>93094</v>
      </c>
      <c r="E29453" s="1" t="s">
        <v>103523</v>
      </c>
      <c r="F29453" s="1" t="s">
        <v>103524</v>
      </c>
      <c r="G29453" s="1" t="s">
        <v>103473</v>
      </c>
      <c r="H29453" s="1" t="s">
        <v>103474</v>
      </c>
      <c r="I29453" s="1" t="s">
        <v>96632</v>
      </c>
      <c r="J29453" s="1" t="s">
        <v>103525</v>
      </c>
    </row>
    <row r="29454" spans="1:10" x14ac:dyDescent="0.35">
      <c r="A29454" s="1" t="s">
        <v>103470</v>
      </c>
      <c r="B29454" s="1" t="s">
        <v>96627</v>
      </c>
      <c r="C29454" s="1" t="s">
        <v>90</v>
      </c>
      <c r="D29454" s="1" t="s">
        <v>66569</v>
      </c>
      <c r="E29454" s="1" t="s">
        <v>103526</v>
      </c>
      <c r="F29454" s="1" t="s">
        <v>103527</v>
      </c>
      <c r="G29454" s="1" t="s">
        <v>103473</v>
      </c>
      <c r="H29454" s="1" t="s">
        <v>103474</v>
      </c>
      <c r="I29454" s="1" t="s">
        <v>96632</v>
      </c>
      <c r="J29454" s="1" t="s">
        <v>103528</v>
      </c>
    </row>
    <row r="29455" spans="1:10" x14ac:dyDescent="0.35">
      <c r="A29455" s="1" t="s">
        <v>103470</v>
      </c>
      <c r="B29455" s="1" t="s">
        <v>96627</v>
      </c>
      <c r="C29455" s="1" t="s">
        <v>95</v>
      </c>
      <c r="D29455" s="1" t="s">
        <v>26736</v>
      </c>
      <c r="E29455" s="1" t="s">
        <v>103529</v>
      </c>
      <c r="F29455" s="1" t="s">
        <v>103530</v>
      </c>
      <c r="G29455" s="1" t="s">
        <v>103473</v>
      </c>
      <c r="H29455" s="1" t="s">
        <v>103474</v>
      </c>
      <c r="I29455" s="1" t="s">
        <v>96632</v>
      </c>
      <c r="J29455" s="1" t="s">
        <v>103531</v>
      </c>
    </row>
    <row r="29456" spans="1:10" x14ac:dyDescent="0.35">
      <c r="A29456" s="1" t="s">
        <v>103470</v>
      </c>
      <c r="B29456" s="1" t="s">
        <v>96627</v>
      </c>
      <c r="C29456" s="1" t="s">
        <v>100</v>
      </c>
      <c r="D29456" s="1" t="s">
        <v>95543</v>
      </c>
      <c r="E29456" s="1" t="s">
        <v>103532</v>
      </c>
      <c r="F29456" s="1" t="s">
        <v>103533</v>
      </c>
      <c r="G29456" s="1" t="s">
        <v>103473</v>
      </c>
      <c r="H29456" s="1" t="s">
        <v>103474</v>
      </c>
      <c r="I29456" s="1" t="s">
        <v>96632</v>
      </c>
      <c r="J29456" s="1" t="s">
        <v>103534</v>
      </c>
    </row>
    <row r="29457" spans="1:10" x14ac:dyDescent="0.35">
      <c r="A29457" s="1" t="s">
        <v>103470</v>
      </c>
      <c r="B29457" s="1" t="s">
        <v>96627</v>
      </c>
      <c r="C29457" s="1" t="s">
        <v>105</v>
      </c>
      <c r="D29457" s="1" t="s">
        <v>33347</v>
      </c>
      <c r="E29457" s="1" t="s">
        <v>103535</v>
      </c>
      <c r="F29457" s="1" t="s">
        <v>103536</v>
      </c>
      <c r="G29457" s="1" t="s">
        <v>103473</v>
      </c>
      <c r="H29457" s="1" t="s">
        <v>103474</v>
      </c>
      <c r="I29457" s="1" t="s">
        <v>96632</v>
      </c>
      <c r="J29457" s="1" t="s">
        <v>103537</v>
      </c>
    </row>
    <row r="29458" spans="1:10" x14ac:dyDescent="0.35">
      <c r="A29458" s="1" t="s">
        <v>103470</v>
      </c>
      <c r="B29458" s="1" t="s">
        <v>96627</v>
      </c>
      <c r="C29458" s="1" t="s">
        <v>110</v>
      </c>
      <c r="D29458" s="1" t="s">
        <v>103538</v>
      </c>
      <c r="E29458" s="1" t="s">
        <v>103539</v>
      </c>
      <c r="F29458" s="1" t="s">
        <v>103540</v>
      </c>
      <c r="G29458" s="1" t="s">
        <v>103473</v>
      </c>
      <c r="H29458" s="1" t="s">
        <v>103474</v>
      </c>
      <c r="I29458" s="1" t="s">
        <v>96632</v>
      </c>
      <c r="J29458" s="1" t="s">
        <v>103541</v>
      </c>
    </row>
    <row r="29459" spans="1:10" x14ac:dyDescent="0.35">
      <c r="A29459" s="1" t="s">
        <v>103470</v>
      </c>
      <c r="B29459" s="1" t="s">
        <v>96627</v>
      </c>
      <c r="C29459" s="1" t="s">
        <v>115</v>
      </c>
      <c r="D29459" s="1" t="s">
        <v>63181</v>
      </c>
      <c r="E29459" s="1" t="s">
        <v>103542</v>
      </c>
      <c r="F29459" s="1" t="s">
        <v>103543</v>
      </c>
      <c r="G29459" s="1" t="s">
        <v>103473</v>
      </c>
      <c r="H29459" s="1" t="s">
        <v>103474</v>
      </c>
      <c r="I29459" s="1" t="s">
        <v>96632</v>
      </c>
      <c r="J29459" s="1" t="s">
        <v>103544</v>
      </c>
    </row>
    <row r="29460" spans="1:10" x14ac:dyDescent="0.35">
      <c r="A29460" s="1" t="s">
        <v>103470</v>
      </c>
      <c r="B29460" s="1" t="s">
        <v>96627</v>
      </c>
      <c r="C29460" s="1" t="s">
        <v>120</v>
      </c>
      <c r="D29460" s="1" t="s">
        <v>54653</v>
      </c>
      <c r="E29460" s="1" t="s">
        <v>103545</v>
      </c>
      <c r="F29460" s="1" t="s">
        <v>103546</v>
      </c>
      <c r="G29460" s="1" t="s">
        <v>103473</v>
      </c>
      <c r="H29460" s="1" t="s">
        <v>103474</v>
      </c>
      <c r="I29460" s="1" t="s">
        <v>96632</v>
      </c>
      <c r="J29460" s="1" t="s">
        <v>103547</v>
      </c>
    </row>
    <row r="29461" spans="1:10" x14ac:dyDescent="0.35">
      <c r="A29461" s="1" t="s">
        <v>103470</v>
      </c>
      <c r="B29461" s="1" t="s">
        <v>96627</v>
      </c>
      <c r="C29461" s="1" t="s">
        <v>125</v>
      </c>
      <c r="D29461" s="1" t="s">
        <v>4956</v>
      </c>
      <c r="E29461" s="1" t="s">
        <v>103548</v>
      </c>
      <c r="F29461" s="1" t="s">
        <v>103549</v>
      </c>
      <c r="G29461" s="1" t="s">
        <v>103473</v>
      </c>
      <c r="H29461" s="1" t="s">
        <v>103474</v>
      </c>
      <c r="I29461" s="1" t="s">
        <v>96632</v>
      </c>
      <c r="J29461" s="1" t="s">
        <v>103550</v>
      </c>
    </row>
    <row r="29462" spans="1:10" x14ac:dyDescent="0.35">
      <c r="A29462" s="1" t="s">
        <v>103470</v>
      </c>
      <c r="B29462" s="1" t="s">
        <v>96627</v>
      </c>
      <c r="C29462" s="1" t="s">
        <v>130</v>
      </c>
      <c r="D29462" s="1" t="s">
        <v>103551</v>
      </c>
      <c r="E29462" s="1" t="s">
        <v>103552</v>
      </c>
      <c r="F29462" s="1" t="s">
        <v>103553</v>
      </c>
      <c r="G29462" s="1" t="s">
        <v>103473</v>
      </c>
      <c r="H29462" s="1" t="s">
        <v>103474</v>
      </c>
      <c r="I29462" s="1" t="s">
        <v>96632</v>
      </c>
      <c r="J29462" s="1" t="s">
        <v>103554</v>
      </c>
    </row>
    <row r="29463" spans="1:10" x14ac:dyDescent="0.35">
      <c r="A29463" s="1" t="s">
        <v>103470</v>
      </c>
      <c r="B29463" s="1" t="s">
        <v>96627</v>
      </c>
      <c r="C29463" s="1" t="s">
        <v>135</v>
      </c>
      <c r="D29463" s="1" t="s">
        <v>103555</v>
      </c>
      <c r="E29463" s="1" t="s">
        <v>103556</v>
      </c>
      <c r="F29463" s="1" t="s">
        <v>103557</v>
      </c>
      <c r="G29463" s="1" t="s">
        <v>103473</v>
      </c>
      <c r="H29463" s="1" t="s">
        <v>103474</v>
      </c>
      <c r="I29463" s="1" t="s">
        <v>96632</v>
      </c>
      <c r="J29463" s="1" t="s">
        <v>103558</v>
      </c>
    </row>
    <row r="29464" spans="1:10" x14ac:dyDescent="0.35">
      <c r="A29464" s="1" t="s">
        <v>103470</v>
      </c>
      <c r="B29464" s="1" t="s">
        <v>96627</v>
      </c>
      <c r="C29464" s="1" t="s">
        <v>140</v>
      </c>
      <c r="D29464" s="1" t="s">
        <v>103559</v>
      </c>
      <c r="E29464" s="1" t="s">
        <v>103560</v>
      </c>
      <c r="F29464" s="1" t="s">
        <v>103561</v>
      </c>
      <c r="G29464" s="1" t="s">
        <v>103473</v>
      </c>
      <c r="H29464" s="1" t="s">
        <v>103474</v>
      </c>
      <c r="I29464" s="1" t="s">
        <v>96632</v>
      </c>
      <c r="J29464" s="1" t="s">
        <v>103562</v>
      </c>
    </row>
    <row r="29465" spans="1:10" x14ac:dyDescent="0.35">
      <c r="A29465" s="1" t="s">
        <v>103470</v>
      </c>
      <c r="B29465" s="1" t="s">
        <v>96627</v>
      </c>
      <c r="C29465" s="1" t="s">
        <v>145</v>
      </c>
      <c r="D29465" s="1" t="s">
        <v>103563</v>
      </c>
      <c r="E29465" s="1" t="s">
        <v>103564</v>
      </c>
      <c r="F29465" s="1" t="s">
        <v>103565</v>
      </c>
      <c r="G29465" s="1" t="s">
        <v>103473</v>
      </c>
      <c r="H29465" s="1" t="s">
        <v>103474</v>
      </c>
      <c r="I29465" s="1" t="s">
        <v>96632</v>
      </c>
      <c r="J29465" s="1" t="s">
        <v>103566</v>
      </c>
    </row>
    <row r="29466" spans="1:10" x14ac:dyDescent="0.35">
      <c r="A29466" s="1" t="s">
        <v>103470</v>
      </c>
      <c r="B29466" s="1" t="s">
        <v>96627</v>
      </c>
      <c r="C29466" s="1" t="s">
        <v>150</v>
      </c>
      <c r="D29466" s="1" t="s">
        <v>95569</v>
      </c>
      <c r="E29466" s="1" t="s">
        <v>103567</v>
      </c>
      <c r="F29466" s="1" t="s">
        <v>103568</v>
      </c>
      <c r="G29466" s="1" t="s">
        <v>103473</v>
      </c>
      <c r="H29466" s="1" t="s">
        <v>103474</v>
      </c>
      <c r="I29466" s="1" t="s">
        <v>96632</v>
      </c>
      <c r="J29466" s="1" t="s">
        <v>103569</v>
      </c>
    </row>
    <row r="29467" spans="1:10" x14ac:dyDescent="0.35">
      <c r="A29467" s="1" t="s">
        <v>103470</v>
      </c>
      <c r="B29467" s="1" t="s">
        <v>96627</v>
      </c>
      <c r="C29467" s="1" t="s">
        <v>155</v>
      </c>
      <c r="D29467" s="1" t="s">
        <v>62381</v>
      </c>
      <c r="E29467" s="1" t="s">
        <v>103570</v>
      </c>
      <c r="F29467" s="1" t="s">
        <v>103571</v>
      </c>
      <c r="G29467" s="1" t="s">
        <v>103473</v>
      </c>
      <c r="H29467" s="1" t="s">
        <v>103474</v>
      </c>
      <c r="I29467" s="1" t="s">
        <v>96632</v>
      </c>
      <c r="J29467" s="1" t="s">
        <v>103572</v>
      </c>
    </row>
    <row r="29468" spans="1:10" x14ac:dyDescent="0.35">
      <c r="A29468" s="1" t="s">
        <v>103470</v>
      </c>
      <c r="B29468" s="1" t="s">
        <v>96627</v>
      </c>
      <c r="C29468" s="1" t="s">
        <v>160</v>
      </c>
      <c r="D29468" s="1" t="s">
        <v>103573</v>
      </c>
      <c r="E29468" s="1" t="s">
        <v>103574</v>
      </c>
      <c r="F29468" s="1" t="s">
        <v>103575</v>
      </c>
      <c r="G29468" s="1" t="s">
        <v>103473</v>
      </c>
      <c r="H29468" s="1" t="s">
        <v>103474</v>
      </c>
      <c r="I29468" s="1" t="s">
        <v>96632</v>
      </c>
      <c r="J29468" s="1" t="s">
        <v>103576</v>
      </c>
    </row>
    <row r="29469" spans="1:10" x14ac:dyDescent="0.35">
      <c r="A29469" s="1" t="s">
        <v>103470</v>
      </c>
      <c r="B29469" s="1" t="s">
        <v>96627</v>
      </c>
      <c r="C29469" s="1" t="s">
        <v>165</v>
      </c>
      <c r="D29469" s="1" t="s">
        <v>103577</v>
      </c>
      <c r="E29469" s="1" t="s">
        <v>103578</v>
      </c>
      <c r="F29469" s="1" t="s">
        <v>103579</v>
      </c>
      <c r="G29469" s="1" t="s">
        <v>103473</v>
      </c>
      <c r="H29469" s="1" t="s">
        <v>103474</v>
      </c>
      <c r="I29469" s="1" t="s">
        <v>96632</v>
      </c>
      <c r="J29469" s="1" t="s">
        <v>103580</v>
      </c>
    </row>
    <row r="29470" spans="1:10" x14ac:dyDescent="0.35">
      <c r="A29470" s="1" t="s">
        <v>103470</v>
      </c>
      <c r="B29470" s="1" t="s">
        <v>96627</v>
      </c>
      <c r="C29470" s="1" t="s">
        <v>170</v>
      </c>
      <c r="D29470" s="1" t="s">
        <v>92973</v>
      </c>
      <c r="E29470" s="1" t="s">
        <v>103581</v>
      </c>
      <c r="F29470" s="1" t="s">
        <v>103582</v>
      </c>
      <c r="G29470" s="1" t="s">
        <v>103473</v>
      </c>
      <c r="H29470" s="1" t="s">
        <v>103474</v>
      </c>
      <c r="I29470" s="1" t="s">
        <v>96632</v>
      </c>
      <c r="J29470" s="1" t="s">
        <v>103583</v>
      </c>
    </row>
    <row r="29471" spans="1:10" x14ac:dyDescent="0.35">
      <c r="A29471" s="1" t="s">
        <v>27947</v>
      </c>
      <c r="B29471" s="1" t="s">
        <v>96627</v>
      </c>
      <c r="C29471" s="1" t="s">
        <v>8</v>
      </c>
      <c r="D29471" s="1" t="s">
        <v>103584</v>
      </c>
      <c r="E29471" s="1" t="s">
        <v>57156</v>
      </c>
      <c r="F29471" s="1" t="s">
        <v>103585</v>
      </c>
      <c r="G29471" s="1" t="s">
        <v>103586</v>
      </c>
      <c r="H29471" s="1" t="s">
        <v>103587</v>
      </c>
      <c r="I29471" s="1" t="s">
        <v>96632</v>
      </c>
      <c r="J29471" s="1" t="s">
        <v>13</v>
      </c>
    </row>
    <row r="29472" spans="1:10" x14ac:dyDescent="0.35">
      <c r="A29472" s="1" t="s">
        <v>27947</v>
      </c>
      <c r="B29472" s="1" t="s">
        <v>96627</v>
      </c>
      <c r="C29472" s="1" t="s">
        <v>15</v>
      </c>
      <c r="D29472" s="1" t="s">
        <v>60677</v>
      </c>
      <c r="E29472" s="1" t="s">
        <v>54074</v>
      </c>
      <c r="F29472" s="1" t="s">
        <v>54182</v>
      </c>
      <c r="G29472" s="1" t="s">
        <v>103586</v>
      </c>
      <c r="H29472" s="1" t="s">
        <v>103587</v>
      </c>
      <c r="I29472" s="1" t="s">
        <v>96632</v>
      </c>
      <c r="J29472" s="1" t="s">
        <v>103588</v>
      </c>
    </row>
    <row r="29473" spans="1:10" x14ac:dyDescent="0.35">
      <c r="A29473" s="1" t="s">
        <v>27947</v>
      </c>
      <c r="B29473" s="1" t="s">
        <v>96627</v>
      </c>
      <c r="C29473" s="1" t="s">
        <v>20</v>
      </c>
      <c r="D29473" s="1" t="s">
        <v>89407</v>
      </c>
      <c r="E29473" s="1" t="s">
        <v>31459</v>
      </c>
      <c r="F29473" s="1" t="s">
        <v>103589</v>
      </c>
      <c r="G29473" s="1" t="s">
        <v>103586</v>
      </c>
      <c r="H29473" s="1" t="s">
        <v>103587</v>
      </c>
      <c r="I29473" s="1" t="s">
        <v>96632</v>
      </c>
      <c r="J29473" s="1" t="s">
        <v>103590</v>
      </c>
    </row>
    <row r="29474" spans="1:10" x14ac:dyDescent="0.35">
      <c r="A29474" s="1" t="s">
        <v>27947</v>
      </c>
      <c r="B29474" s="1" t="s">
        <v>96627</v>
      </c>
      <c r="C29474" s="1" t="s">
        <v>25</v>
      </c>
      <c r="D29474" s="1" t="s">
        <v>65393</v>
      </c>
      <c r="E29474" s="1" t="s">
        <v>21853</v>
      </c>
      <c r="F29474" s="1" t="s">
        <v>63795</v>
      </c>
      <c r="G29474" s="1" t="s">
        <v>103586</v>
      </c>
      <c r="H29474" s="1" t="s">
        <v>103587</v>
      </c>
      <c r="I29474" s="1" t="s">
        <v>96632</v>
      </c>
      <c r="J29474" s="1" t="s">
        <v>103591</v>
      </c>
    </row>
    <row r="29475" spans="1:10" x14ac:dyDescent="0.35">
      <c r="A29475" s="1" t="s">
        <v>27947</v>
      </c>
      <c r="B29475" s="1" t="s">
        <v>96627</v>
      </c>
      <c r="C29475" s="1" t="s">
        <v>30</v>
      </c>
      <c r="D29475" s="1" t="s">
        <v>93410</v>
      </c>
      <c r="E29475" s="1" t="s">
        <v>15235</v>
      </c>
      <c r="F29475" s="1" t="s">
        <v>103592</v>
      </c>
      <c r="G29475" s="1" t="s">
        <v>103586</v>
      </c>
      <c r="H29475" s="1" t="s">
        <v>103587</v>
      </c>
      <c r="I29475" s="1" t="s">
        <v>96632</v>
      </c>
      <c r="J29475" s="1" t="s">
        <v>103593</v>
      </c>
    </row>
    <row r="29476" spans="1:10" x14ac:dyDescent="0.35">
      <c r="A29476" s="1" t="s">
        <v>27947</v>
      </c>
      <c r="B29476" s="1" t="s">
        <v>96627</v>
      </c>
      <c r="C29476" s="1" t="s">
        <v>35</v>
      </c>
      <c r="D29476" s="1" t="s">
        <v>103594</v>
      </c>
      <c r="E29476" s="1" t="s">
        <v>54099</v>
      </c>
      <c r="F29476" s="1" t="s">
        <v>103595</v>
      </c>
      <c r="G29476" s="1" t="s">
        <v>103586</v>
      </c>
      <c r="H29476" s="1" t="s">
        <v>103587</v>
      </c>
      <c r="I29476" s="1" t="s">
        <v>96632</v>
      </c>
      <c r="J29476" s="1" t="s">
        <v>103596</v>
      </c>
    </row>
    <row r="29477" spans="1:10" x14ac:dyDescent="0.35">
      <c r="A29477" s="1" t="s">
        <v>27947</v>
      </c>
      <c r="B29477" s="1" t="s">
        <v>96627</v>
      </c>
      <c r="C29477" s="1" t="s">
        <v>40</v>
      </c>
      <c r="D29477" s="1" t="s">
        <v>103597</v>
      </c>
      <c r="E29477" s="1" t="s">
        <v>66906</v>
      </c>
      <c r="F29477" s="1" t="s">
        <v>103598</v>
      </c>
      <c r="G29477" s="1" t="s">
        <v>103586</v>
      </c>
      <c r="H29477" s="1" t="s">
        <v>103587</v>
      </c>
      <c r="I29477" s="1" t="s">
        <v>96632</v>
      </c>
      <c r="J29477" s="1" t="s">
        <v>103599</v>
      </c>
    </row>
    <row r="29478" spans="1:10" x14ac:dyDescent="0.35">
      <c r="A29478" s="1" t="s">
        <v>27947</v>
      </c>
      <c r="B29478" s="1" t="s">
        <v>96627</v>
      </c>
      <c r="C29478" s="1" t="s">
        <v>45</v>
      </c>
      <c r="D29478" s="1" t="s">
        <v>103600</v>
      </c>
      <c r="E29478" s="1" t="s">
        <v>27104</v>
      </c>
      <c r="F29478" s="1" t="s">
        <v>103601</v>
      </c>
      <c r="G29478" s="1" t="s">
        <v>103586</v>
      </c>
      <c r="H29478" s="1" t="s">
        <v>103587</v>
      </c>
      <c r="I29478" s="1" t="s">
        <v>96632</v>
      </c>
      <c r="J29478" s="1" t="s">
        <v>103602</v>
      </c>
    </row>
    <row r="29479" spans="1:10" x14ac:dyDescent="0.35">
      <c r="A29479" s="1" t="s">
        <v>27947</v>
      </c>
      <c r="B29479" s="1" t="s">
        <v>96627</v>
      </c>
      <c r="C29479" s="1" t="s">
        <v>50</v>
      </c>
      <c r="D29479" s="1" t="s">
        <v>102085</v>
      </c>
      <c r="E29479" s="1" t="s">
        <v>31480</v>
      </c>
      <c r="F29479" s="1" t="s">
        <v>103603</v>
      </c>
      <c r="G29479" s="1" t="s">
        <v>103586</v>
      </c>
      <c r="H29479" s="1" t="s">
        <v>103587</v>
      </c>
      <c r="I29479" s="1" t="s">
        <v>96632</v>
      </c>
      <c r="J29479" s="1" t="s">
        <v>103604</v>
      </c>
    </row>
    <row r="29480" spans="1:10" x14ac:dyDescent="0.35">
      <c r="A29480" s="1" t="s">
        <v>27947</v>
      </c>
      <c r="B29480" s="1" t="s">
        <v>96627</v>
      </c>
      <c r="C29480" s="1" t="s">
        <v>55</v>
      </c>
      <c r="D29480" s="1" t="s">
        <v>56868</v>
      </c>
      <c r="E29480" s="1" t="s">
        <v>26198</v>
      </c>
      <c r="F29480" s="1" t="s">
        <v>103605</v>
      </c>
      <c r="G29480" s="1" t="s">
        <v>103586</v>
      </c>
      <c r="H29480" s="1" t="s">
        <v>103587</v>
      </c>
      <c r="I29480" s="1" t="s">
        <v>96632</v>
      </c>
      <c r="J29480" s="1" t="s">
        <v>103606</v>
      </c>
    </row>
    <row r="29481" spans="1:10" x14ac:dyDescent="0.35">
      <c r="A29481" s="1" t="s">
        <v>27947</v>
      </c>
      <c r="B29481" s="1" t="s">
        <v>96627</v>
      </c>
      <c r="C29481" s="1" t="s">
        <v>60</v>
      </c>
      <c r="D29481" s="1" t="s">
        <v>103607</v>
      </c>
      <c r="E29481" s="1" t="s">
        <v>54829</v>
      </c>
      <c r="F29481" s="1" t="s">
        <v>31456</v>
      </c>
      <c r="G29481" s="1" t="s">
        <v>103586</v>
      </c>
      <c r="H29481" s="1" t="s">
        <v>103587</v>
      </c>
      <c r="I29481" s="1" t="s">
        <v>96632</v>
      </c>
      <c r="J29481" s="1" t="s">
        <v>103608</v>
      </c>
    </row>
    <row r="29482" spans="1:10" x14ac:dyDescent="0.35">
      <c r="A29482" s="1" t="s">
        <v>27947</v>
      </c>
      <c r="B29482" s="1" t="s">
        <v>96627</v>
      </c>
      <c r="C29482" s="1" t="s">
        <v>65</v>
      </c>
      <c r="D29482" s="1" t="s">
        <v>103609</v>
      </c>
      <c r="E29482" s="1" t="s">
        <v>26556</v>
      </c>
      <c r="F29482" s="1" t="s">
        <v>32308</v>
      </c>
      <c r="G29482" s="1" t="s">
        <v>103586</v>
      </c>
      <c r="H29482" s="1" t="s">
        <v>103587</v>
      </c>
      <c r="I29482" s="1" t="s">
        <v>96632</v>
      </c>
      <c r="J29482" s="1" t="s">
        <v>103610</v>
      </c>
    </row>
    <row r="29483" spans="1:10" x14ac:dyDescent="0.35">
      <c r="A29483" s="1" t="s">
        <v>27947</v>
      </c>
      <c r="B29483" s="1" t="s">
        <v>96627</v>
      </c>
      <c r="C29483" s="1" t="s">
        <v>70</v>
      </c>
      <c r="D29483" s="1" t="s">
        <v>62669</v>
      </c>
      <c r="E29483" s="1" t="s">
        <v>22302</v>
      </c>
      <c r="F29483" s="1" t="s">
        <v>103611</v>
      </c>
      <c r="G29483" s="1" t="s">
        <v>103586</v>
      </c>
      <c r="H29483" s="1" t="s">
        <v>103587</v>
      </c>
      <c r="I29483" s="1" t="s">
        <v>96632</v>
      </c>
      <c r="J29483" s="1" t="s">
        <v>103612</v>
      </c>
    </row>
    <row r="29484" spans="1:10" x14ac:dyDescent="0.35">
      <c r="A29484" s="1" t="s">
        <v>27947</v>
      </c>
      <c r="B29484" s="1" t="s">
        <v>96627</v>
      </c>
      <c r="C29484" s="1" t="s">
        <v>75</v>
      </c>
      <c r="D29484" s="1" t="s">
        <v>101991</v>
      </c>
      <c r="E29484" s="1" t="s">
        <v>26586</v>
      </c>
      <c r="F29484" s="1" t="s">
        <v>103613</v>
      </c>
      <c r="G29484" s="1" t="s">
        <v>103586</v>
      </c>
      <c r="H29484" s="1" t="s">
        <v>103587</v>
      </c>
      <c r="I29484" s="1" t="s">
        <v>96632</v>
      </c>
      <c r="J29484" s="1" t="s">
        <v>103614</v>
      </c>
    </row>
    <row r="29485" spans="1:10" x14ac:dyDescent="0.35">
      <c r="A29485" s="1" t="s">
        <v>27947</v>
      </c>
      <c r="B29485" s="1" t="s">
        <v>96627</v>
      </c>
      <c r="C29485" s="1" t="s">
        <v>80</v>
      </c>
      <c r="D29485" s="1" t="s">
        <v>103615</v>
      </c>
      <c r="E29485" s="1" t="s">
        <v>22290</v>
      </c>
      <c r="F29485" s="1" t="s">
        <v>103616</v>
      </c>
      <c r="G29485" s="1" t="s">
        <v>103586</v>
      </c>
      <c r="H29485" s="1" t="s">
        <v>103587</v>
      </c>
      <c r="I29485" s="1" t="s">
        <v>96632</v>
      </c>
      <c r="J29485" s="1" t="s">
        <v>103617</v>
      </c>
    </row>
    <row r="29486" spans="1:10" x14ac:dyDescent="0.35">
      <c r="A29486" s="1" t="s">
        <v>27947</v>
      </c>
      <c r="B29486" s="1" t="s">
        <v>96627</v>
      </c>
      <c r="C29486" s="1" t="s">
        <v>85</v>
      </c>
      <c r="D29486" s="1" t="s">
        <v>103618</v>
      </c>
      <c r="E29486" s="1" t="s">
        <v>54219</v>
      </c>
      <c r="F29486" s="1" t="s">
        <v>69713</v>
      </c>
      <c r="G29486" s="1" t="s">
        <v>103586</v>
      </c>
      <c r="H29486" s="1" t="s">
        <v>103587</v>
      </c>
      <c r="I29486" s="1" t="s">
        <v>96632</v>
      </c>
      <c r="J29486" s="1" t="s">
        <v>103619</v>
      </c>
    </row>
    <row r="29487" spans="1:10" x14ac:dyDescent="0.35">
      <c r="A29487" s="1" t="s">
        <v>27947</v>
      </c>
      <c r="B29487" s="1" t="s">
        <v>96627</v>
      </c>
      <c r="C29487" s="1" t="s">
        <v>90</v>
      </c>
      <c r="D29487" s="1" t="s">
        <v>63134</v>
      </c>
      <c r="E29487" s="1" t="s">
        <v>96539</v>
      </c>
      <c r="F29487" s="1" t="s">
        <v>63955</v>
      </c>
      <c r="G29487" s="1" t="s">
        <v>103586</v>
      </c>
      <c r="H29487" s="1" t="s">
        <v>103587</v>
      </c>
      <c r="I29487" s="1" t="s">
        <v>96632</v>
      </c>
      <c r="J29487" s="1" t="s">
        <v>103620</v>
      </c>
    </row>
    <row r="29488" spans="1:10" x14ac:dyDescent="0.35">
      <c r="A29488" s="1" t="s">
        <v>27947</v>
      </c>
      <c r="B29488" s="1" t="s">
        <v>96627</v>
      </c>
      <c r="C29488" s="1" t="s">
        <v>95</v>
      </c>
      <c r="D29488" s="1" t="s">
        <v>103621</v>
      </c>
      <c r="E29488" s="1" t="s">
        <v>23240</v>
      </c>
      <c r="F29488" s="1" t="s">
        <v>103622</v>
      </c>
      <c r="G29488" s="1" t="s">
        <v>103586</v>
      </c>
      <c r="H29488" s="1" t="s">
        <v>103587</v>
      </c>
      <c r="I29488" s="1" t="s">
        <v>96632</v>
      </c>
      <c r="J29488" s="1" t="s">
        <v>103623</v>
      </c>
    </row>
    <row r="29489" spans="1:10" x14ac:dyDescent="0.35">
      <c r="A29489" s="1" t="s">
        <v>27947</v>
      </c>
      <c r="B29489" s="1" t="s">
        <v>96627</v>
      </c>
      <c r="C29489" s="1" t="s">
        <v>100</v>
      </c>
      <c r="D29489" s="1" t="s">
        <v>103624</v>
      </c>
      <c r="E29489" s="1" t="s">
        <v>59323</v>
      </c>
      <c r="F29489" s="1" t="s">
        <v>103625</v>
      </c>
      <c r="G29489" s="1" t="s">
        <v>103586</v>
      </c>
      <c r="H29489" s="1" t="s">
        <v>103587</v>
      </c>
      <c r="I29489" s="1" t="s">
        <v>96632</v>
      </c>
      <c r="J29489" s="1" t="s">
        <v>103626</v>
      </c>
    </row>
    <row r="29490" spans="1:10" x14ac:dyDescent="0.35">
      <c r="A29490" s="1" t="s">
        <v>27947</v>
      </c>
      <c r="B29490" s="1" t="s">
        <v>96627</v>
      </c>
      <c r="C29490" s="1" t="s">
        <v>105</v>
      </c>
      <c r="D29490" s="1" t="s">
        <v>103627</v>
      </c>
      <c r="E29490" s="1" t="s">
        <v>15884</v>
      </c>
      <c r="F29490" s="1" t="s">
        <v>103628</v>
      </c>
      <c r="G29490" s="1" t="s">
        <v>103586</v>
      </c>
      <c r="H29490" s="1" t="s">
        <v>103587</v>
      </c>
      <c r="I29490" s="1" t="s">
        <v>96632</v>
      </c>
      <c r="J29490" s="1" t="s">
        <v>103629</v>
      </c>
    </row>
    <row r="29491" spans="1:10" x14ac:dyDescent="0.35">
      <c r="A29491" s="1" t="s">
        <v>27947</v>
      </c>
      <c r="B29491" s="1" t="s">
        <v>96627</v>
      </c>
      <c r="C29491" s="1" t="s">
        <v>110</v>
      </c>
      <c r="D29491" s="1" t="s">
        <v>103630</v>
      </c>
      <c r="E29491" s="1" t="s">
        <v>15345</v>
      </c>
      <c r="F29491" s="1" t="s">
        <v>103631</v>
      </c>
      <c r="G29491" s="1" t="s">
        <v>103586</v>
      </c>
      <c r="H29491" s="1" t="s">
        <v>103587</v>
      </c>
      <c r="I29491" s="1" t="s">
        <v>96632</v>
      </c>
      <c r="J29491" s="1" t="s">
        <v>103632</v>
      </c>
    </row>
    <row r="29492" spans="1:10" x14ac:dyDescent="0.35">
      <c r="A29492" s="1" t="s">
        <v>27947</v>
      </c>
      <c r="B29492" s="1" t="s">
        <v>96627</v>
      </c>
      <c r="C29492" s="1" t="s">
        <v>115</v>
      </c>
      <c r="D29492" s="1" t="s">
        <v>103633</v>
      </c>
      <c r="E29492" s="1" t="s">
        <v>15845</v>
      </c>
      <c r="F29492" s="1" t="s">
        <v>103634</v>
      </c>
      <c r="G29492" s="1" t="s">
        <v>103586</v>
      </c>
      <c r="H29492" s="1" t="s">
        <v>103587</v>
      </c>
      <c r="I29492" s="1" t="s">
        <v>96632</v>
      </c>
      <c r="J29492" s="1" t="s">
        <v>103635</v>
      </c>
    </row>
    <row r="29493" spans="1:10" x14ac:dyDescent="0.35">
      <c r="A29493" s="1" t="s">
        <v>27947</v>
      </c>
      <c r="B29493" s="1" t="s">
        <v>96627</v>
      </c>
      <c r="C29493" s="1" t="s">
        <v>120</v>
      </c>
      <c r="D29493" s="1" t="s">
        <v>69804</v>
      </c>
      <c r="E29493" s="1" t="s">
        <v>15214</v>
      </c>
      <c r="F29493" s="1" t="s">
        <v>59075</v>
      </c>
      <c r="G29493" s="1" t="s">
        <v>103586</v>
      </c>
      <c r="H29493" s="1" t="s">
        <v>103587</v>
      </c>
      <c r="I29493" s="1" t="s">
        <v>96632</v>
      </c>
      <c r="J29493" s="1" t="s">
        <v>103636</v>
      </c>
    </row>
    <row r="29494" spans="1:10" x14ac:dyDescent="0.35">
      <c r="A29494" s="1" t="s">
        <v>27947</v>
      </c>
      <c r="B29494" s="1" t="s">
        <v>96627</v>
      </c>
      <c r="C29494" s="1" t="s">
        <v>125</v>
      </c>
      <c r="D29494" s="1" t="s">
        <v>103637</v>
      </c>
      <c r="E29494" s="1" t="s">
        <v>15214</v>
      </c>
      <c r="F29494" s="1" t="s">
        <v>103638</v>
      </c>
      <c r="G29494" s="1" t="s">
        <v>103586</v>
      </c>
      <c r="H29494" s="1" t="s">
        <v>103587</v>
      </c>
      <c r="I29494" s="1" t="s">
        <v>96632</v>
      </c>
      <c r="J29494" s="1" t="s">
        <v>103639</v>
      </c>
    </row>
    <row r="29495" spans="1:10" x14ac:dyDescent="0.35">
      <c r="A29495" s="1" t="s">
        <v>27947</v>
      </c>
      <c r="B29495" s="1" t="s">
        <v>96627</v>
      </c>
      <c r="C29495" s="1" t="s">
        <v>130</v>
      </c>
      <c r="D29495" s="1" t="s">
        <v>103640</v>
      </c>
      <c r="E29495" s="1" t="s">
        <v>103641</v>
      </c>
      <c r="F29495" s="1" t="s">
        <v>58851</v>
      </c>
      <c r="G29495" s="1" t="s">
        <v>103586</v>
      </c>
      <c r="H29495" s="1" t="s">
        <v>103587</v>
      </c>
      <c r="I29495" s="1" t="s">
        <v>96632</v>
      </c>
      <c r="J29495" s="1" t="s">
        <v>103642</v>
      </c>
    </row>
    <row r="29496" spans="1:10" x14ac:dyDescent="0.35">
      <c r="A29496" s="1" t="s">
        <v>27947</v>
      </c>
      <c r="B29496" s="1" t="s">
        <v>96627</v>
      </c>
      <c r="C29496" s="1" t="s">
        <v>135</v>
      </c>
      <c r="D29496" s="1" t="s">
        <v>103643</v>
      </c>
      <c r="E29496" s="1" t="s">
        <v>68410</v>
      </c>
      <c r="F29496" s="1" t="s">
        <v>54143</v>
      </c>
      <c r="G29496" s="1" t="s">
        <v>103586</v>
      </c>
      <c r="H29496" s="1" t="s">
        <v>103587</v>
      </c>
      <c r="I29496" s="1" t="s">
        <v>96632</v>
      </c>
      <c r="J29496" s="1" t="s">
        <v>103644</v>
      </c>
    </row>
    <row r="29497" spans="1:10" x14ac:dyDescent="0.35">
      <c r="A29497" s="1" t="s">
        <v>27947</v>
      </c>
      <c r="B29497" s="1" t="s">
        <v>96627</v>
      </c>
      <c r="C29497" s="1" t="s">
        <v>140</v>
      </c>
      <c r="D29497" s="1" t="s">
        <v>103645</v>
      </c>
      <c r="E29497" s="1" t="s">
        <v>31949</v>
      </c>
      <c r="F29497" s="1" t="s">
        <v>103646</v>
      </c>
      <c r="G29497" s="1" t="s">
        <v>103586</v>
      </c>
      <c r="H29497" s="1" t="s">
        <v>103587</v>
      </c>
      <c r="I29497" s="1" t="s">
        <v>96632</v>
      </c>
      <c r="J29497" s="1" t="s">
        <v>103647</v>
      </c>
    </row>
    <row r="29498" spans="1:10" x14ac:dyDescent="0.35">
      <c r="A29498" s="1" t="s">
        <v>27947</v>
      </c>
      <c r="B29498" s="1" t="s">
        <v>96627</v>
      </c>
      <c r="C29498" s="1" t="s">
        <v>145</v>
      </c>
      <c r="D29498" s="1" t="s">
        <v>103648</v>
      </c>
      <c r="E29498" s="1" t="s">
        <v>58124</v>
      </c>
      <c r="F29498" s="1" t="s">
        <v>60512</v>
      </c>
      <c r="G29498" s="1" t="s">
        <v>103586</v>
      </c>
      <c r="H29498" s="1" t="s">
        <v>103587</v>
      </c>
      <c r="I29498" s="1" t="s">
        <v>96632</v>
      </c>
      <c r="J29498" s="1" t="s">
        <v>103649</v>
      </c>
    </row>
    <row r="29499" spans="1:10" x14ac:dyDescent="0.35">
      <c r="A29499" s="1" t="s">
        <v>27947</v>
      </c>
      <c r="B29499" s="1" t="s">
        <v>96627</v>
      </c>
      <c r="C29499" s="1" t="s">
        <v>150</v>
      </c>
      <c r="D29499" s="1" t="s">
        <v>60726</v>
      </c>
      <c r="E29499" s="1" t="s">
        <v>24262</v>
      </c>
      <c r="F29499" s="1" t="s">
        <v>103650</v>
      </c>
      <c r="G29499" s="1" t="s">
        <v>103586</v>
      </c>
      <c r="H29499" s="1" t="s">
        <v>103587</v>
      </c>
      <c r="I29499" s="1" t="s">
        <v>96632</v>
      </c>
      <c r="J29499" s="1" t="s">
        <v>103651</v>
      </c>
    </row>
    <row r="29500" spans="1:10" x14ac:dyDescent="0.35">
      <c r="A29500" s="1" t="s">
        <v>27947</v>
      </c>
      <c r="B29500" s="1" t="s">
        <v>96627</v>
      </c>
      <c r="C29500" s="1" t="s">
        <v>155</v>
      </c>
      <c r="D29500" s="1" t="s">
        <v>84581</v>
      </c>
      <c r="E29500" s="1" t="s">
        <v>16178</v>
      </c>
      <c r="F29500" s="1" t="s">
        <v>65569</v>
      </c>
      <c r="G29500" s="1" t="s">
        <v>103586</v>
      </c>
      <c r="H29500" s="1" t="s">
        <v>103587</v>
      </c>
      <c r="I29500" s="1" t="s">
        <v>96632</v>
      </c>
      <c r="J29500" s="1" t="s">
        <v>103652</v>
      </c>
    </row>
    <row r="29501" spans="1:10" x14ac:dyDescent="0.35">
      <c r="A29501" s="1" t="s">
        <v>27947</v>
      </c>
      <c r="B29501" s="1" t="s">
        <v>96627</v>
      </c>
      <c r="C29501" s="1" t="s">
        <v>160</v>
      </c>
      <c r="D29501" s="1" t="s">
        <v>103653</v>
      </c>
      <c r="E29501" s="1" t="s">
        <v>27115</v>
      </c>
      <c r="F29501" s="1" t="s">
        <v>57976</v>
      </c>
      <c r="G29501" s="1" t="s">
        <v>103586</v>
      </c>
      <c r="H29501" s="1" t="s">
        <v>103587</v>
      </c>
      <c r="I29501" s="1" t="s">
        <v>96632</v>
      </c>
      <c r="J29501" s="1" t="s">
        <v>103654</v>
      </c>
    </row>
    <row r="29502" spans="1:10" x14ac:dyDescent="0.35">
      <c r="A29502" s="1" t="s">
        <v>27947</v>
      </c>
      <c r="B29502" s="1" t="s">
        <v>96627</v>
      </c>
      <c r="C29502" s="1" t="s">
        <v>165</v>
      </c>
      <c r="D29502" s="1" t="s">
        <v>103655</v>
      </c>
      <c r="E29502" s="1" t="s">
        <v>31459</v>
      </c>
      <c r="F29502" s="1" t="s">
        <v>56695</v>
      </c>
      <c r="G29502" s="1" t="s">
        <v>103586</v>
      </c>
      <c r="H29502" s="1" t="s">
        <v>103587</v>
      </c>
      <c r="I29502" s="1" t="s">
        <v>96632</v>
      </c>
      <c r="J29502" s="1" t="s">
        <v>103656</v>
      </c>
    </row>
    <row r="29503" spans="1:10" x14ac:dyDescent="0.35">
      <c r="A29503" s="1" t="s">
        <v>27947</v>
      </c>
      <c r="B29503" s="1" t="s">
        <v>96627</v>
      </c>
      <c r="C29503" s="1" t="s">
        <v>170</v>
      </c>
      <c r="D29503" s="1" t="s">
        <v>103657</v>
      </c>
      <c r="E29503" s="1" t="s">
        <v>100278</v>
      </c>
      <c r="F29503" s="1" t="s">
        <v>103658</v>
      </c>
      <c r="G29503" s="1" t="s">
        <v>103586</v>
      </c>
      <c r="H29503" s="1" t="s">
        <v>103587</v>
      </c>
      <c r="I29503" s="1" t="s">
        <v>96632</v>
      </c>
      <c r="J29503" s="1" t="s">
        <v>103659</v>
      </c>
    </row>
    <row r="29504" spans="1:10" x14ac:dyDescent="0.35">
      <c r="A29504" s="1" t="s">
        <v>103660</v>
      </c>
      <c r="B29504" s="1" t="s">
        <v>96627</v>
      </c>
      <c r="C29504" s="1" t="s">
        <v>8</v>
      </c>
      <c r="D29504" s="1" t="s">
        <v>86429</v>
      </c>
      <c r="E29504" s="1" t="s">
        <v>63929</v>
      </c>
      <c r="F29504" s="1" t="s">
        <v>103661</v>
      </c>
      <c r="G29504" s="1" t="s">
        <v>103662</v>
      </c>
      <c r="H29504" s="1" t="s">
        <v>103663</v>
      </c>
      <c r="I29504" s="1" t="s">
        <v>96632</v>
      </c>
      <c r="J29504" s="1" t="s">
        <v>13</v>
      </c>
    </row>
    <row r="29505" spans="1:10" x14ac:dyDescent="0.35">
      <c r="A29505" s="1" t="s">
        <v>103660</v>
      </c>
      <c r="B29505" s="1" t="s">
        <v>96627</v>
      </c>
      <c r="C29505" s="1" t="s">
        <v>15</v>
      </c>
      <c r="D29505" s="1" t="s">
        <v>39790</v>
      </c>
      <c r="E29505" s="1" t="s">
        <v>31368</v>
      </c>
      <c r="F29505" s="1" t="s">
        <v>103664</v>
      </c>
      <c r="G29505" s="1" t="s">
        <v>103662</v>
      </c>
      <c r="H29505" s="1" t="s">
        <v>103663</v>
      </c>
      <c r="I29505" s="1" t="s">
        <v>96632</v>
      </c>
      <c r="J29505" s="1" t="s">
        <v>103665</v>
      </c>
    </row>
    <row r="29506" spans="1:10" x14ac:dyDescent="0.35">
      <c r="A29506" s="1" t="s">
        <v>103660</v>
      </c>
      <c r="B29506" s="1" t="s">
        <v>96627</v>
      </c>
      <c r="C29506" s="1" t="s">
        <v>20</v>
      </c>
      <c r="D29506" s="1" t="s">
        <v>103666</v>
      </c>
      <c r="E29506" s="1" t="s">
        <v>26492</v>
      </c>
      <c r="F29506" s="1" t="s">
        <v>57565</v>
      </c>
      <c r="G29506" s="1" t="s">
        <v>103662</v>
      </c>
      <c r="H29506" s="1" t="s">
        <v>103663</v>
      </c>
      <c r="I29506" s="1" t="s">
        <v>96632</v>
      </c>
      <c r="J29506" s="1" t="s">
        <v>103667</v>
      </c>
    </row>
    <row r="29507" spans="1:10" x14ac:dyDescent="0.35">
      <c r="A29507" s="1" t="s">
        <v>103660</v>
      </c>
      <c r="B29507" s="1" t="s">
        <v>96627</v>
      </c>
      <c r="C29507" s="1" t="s">
        <v>25</v>
      </c>
      <c r="D29507" s="1" t="s">
        <v>80655</v>
      </c>
      <c r="E29507" s="1" t="s">
        <v>22103</v>
      </c>
      <c r="F29507" s="1" t="s">
        <v>103668</v>
      </c>
      <c r="G29507" s="1" t="s">
        <v>103662</v>
      </c>
      <c r="H29507" s="1" t="s">
        <v>103663</v>
      </c>
      <c r="I29507" s="1" t="s">
        <v>96632</v>
      </c>
      <c r="J29507" s="1" t="s">
        <v>103669</v>
      </c>
    </row>
    <row r="29508" spans="1:10" x14ac:dyDescent="0.35">
      <c r="A29508" s="1" t="s">
        <v>103660</v>
      </c>
      <c r="B29508" s="1" t="s">
        <v>96627</v>
      </c>
      <c r="C29508" s="1" t="s">
        <v>30</v>
      </c>
      <c r="D29508" s="1" t="s">
        <v>103670</v>
      </c>
      <c r="E29508" s="1" t="s">
        <v>54634</v>
      </c>
      <c r="F29508" s="1" t="s">
        <v>103671</v>
      </c>
      <c r="G29508" s="1" t="s">
        <v>103662</v>
      </c>
      <c r="H29508" s="1" t="s">
        <v>103663</v>
      </c>
      <c r="I29508" s="1" t="s">
        <v>96632</v>
      </c>
      <c r="J29508" s="1" t="s">
        <v>103672</v>
      </c>
    </row>
    <row r="29509" spans="1:10" x14ac:dyDescent="0.35">
      <c r="A29509" s="1" t="s">
        <v>103660</v>
      </c>
      <c r="B29509" s="1" t="s">
        <v>96627</v>
      </c>
      <c r="C29509" s="1" t="s">
        <v>35</v>
      </c>
      <c r="D29509" s="1" t="s">
        <v>4858</v>
      </c>
      <c r="E29509" s="1" t="s">
        <v>15865</v>
      </c>
      <c r="F29509" s="1" t="s">
        <v>63072</v>
      </c>
      <c r="G29509" s="1" t="s">
        <v>103662</v>
      </c>
      <c r="H29509" s="1" t="s">
        <v>103663</v>
      </c>
      <c r="I29509" s="1" t="s">
        <v>96632</v>
      </c>
      <c r="J29509" s="1" t="s">
        <v>103673</v>
      </c>
    </row>
    <row r="29510" spans="1:10" x14ac:dyDescent="0.35">
      <c r="A29510" s="1" t="s">
        <v>103660</v>
      </c>
      <c r="B29510" s="1" t="s">
        <v>96627</v>
      </c>
      <c r="C29510" s="1" t="s">
        <v>40</v>
      </c>
      <c r="D29510" s="1" t="s">
        <v>103674</v>
      </c>
      <c r="E29510" s="1" t="s">
        <v>56345</v>
      </c>
      <c r="F29510" s="1" t="s">
        <v>103675</v>
      </c>
      <c r="G29510" s="1" t="s">
        <v>103662</v>
      </c>
      <c r="H29510" s="1" t="s">
        <v>103663</v>
      </c>
      <c r="I29510" s="1" t="s">
        <v>96632</v>
      </c>
      <c r="J29510" s="1" t="s">
        <v>103676</v>
      </c>
    </row>
    <row r="29511" spans="1:10" x14ac:dyDescent="0.35">
      <c r="A29511" s="1" t="s">
        <v>103660</v>
      </c>
      <c r="B29511" s="1" t="s">
        <v>96627</v>
      </c>
      <c r="C29511" s="1" t="s">
        <v>45</v>
      </c>
      <c r="D29511" s="1" t="s">
        <v>85379</v>
      </c>
      <c r="E29511" s="1" t="s">
        <v>103677</v>
      </c>
      <c r="F29511" s="1" t="s">
        <v>62177</v>
      </c>
      <c r="G29511" s="1" t="s">
        <v>103662</v>
      </c>
      <c r="H29511" s="1" t="s">
        <v>103663</v>
      </c>
      <c r="I29511" s="1" t="s">
        <v>96632</v>
      </c>
      <c r="J29511" s="1" t="s">
        <v>103678</v>
      </c>
    </row>
    <row r="29512" spans="1:10" x14ac:dyDescent="0.35">
      <c r="A29512" s="1" t="s">
        <v>103660</v>
      </c>
      <c r="B29512" s="1" t="s">
        <v>96627</v>
      </c>
      <c r="C29512" s="1" t="s">
        <v>50</v>
      </c>
      <c r="D29512" s="1" t="s">
        <v>103679</v>
      </c>
      <c r="E29512" s="1" t="s">
        <v>31441</v>
      </c>
      <c r="F29512" s="1" t="s">
        <v>67256</v>
      </c>
      <c r="G29512" s="1" t="s">
        <v>103662</v>
      </c>
      <c r="H29512" s="1" t="s">
        <v>103663</v>
      </c>
      <c r="I29512" s="1" t="s">
        <v>96632</v>
      </c>
      <c r="J29512" s="1" t="s">
        <v>103680</v>
      </c>
    </row>
    <row r="29513" spans="1:10" x14ac:dyDescent="0.35">
      <c r="A29513" s="1" t="s">
        <v>103660</v>
      </c>
      <c r="B29513" s="1" t="s">
        <v>96627</v>
      </c>
      <c r="C29513" s="1" t="s">
        <v>55</v>
      </c>
      <c r="D29513" s="1" t="s">
        <v>103681</v>
      </c>
      <c r="E29513" s="1" t="s">
        <v>54118</v>
      </c>
      <c r="F29513" s="1" t="s">
        <v>103682</v>
      </c>
      <c r="G29513" s="1" t="s">
        <v>103662</v>
      </c>
      <c r="H29513" s="1" t="s">
        <v>103663</v>
      </c>
      <c r="I29513" s="1" t="s">
        <v>96632</v>
      </c>
      <c r="J29513" s="1" t="s">
        <v>103683</v>
      </c>
    </row>
    <row r="29514" spans="1:10" x14ac:dyDescent="0.35">
      <c r="A29514" s="1" t="s">
        <v>103660</v>
      </c>
      <c r="B29514" s="1" t="s">
        <v>96627</v>
      </c>
      <c r="C29514" s="1" t="s">
        <v>60</v>
      </c>
      <c r="D29514" s="1" t="s">
        <v>103684</v>
      </c>
      <c r="E29514" s="1" t="s">
        <v>26478</v>
      </c>
      <c r="F29514" s="1" t="s">
        <v>103685</v>
      </c>
      <c r="G29514" s="1" t="s">
        <v>103662</v>
      </c>
      <c r="H29514" s="1" t="s">
        <v>103663</v>
      </c>
      <c r="I29514" s="1" t="s">
        <v>96632</v>
      </c>
      <c r="J29514" s="1" t="s">
        <v>103686</v>
      </c>
    </row>
    <row r="29515" spans="1:10" x14ac:dyDescent="0.35">
      <c r="A29515" s="1" t="s">
        <v>103660</v>
      </c>
      <c r="B29515" s="1" t="s">
        <v>96627</v>
      </c>
      <c r="C29515" s="1" t="s">
        <v>65</v>
      </c>
      <c r="D29515" s="1" t="s">
        <v>103434</v>
      </c>
      <c r="E29515" s="1" t="s">
        <v>27137</v>
      </c>
      <c r="F29515" s="1" t="s">
        <v>103687</v>
      </c>
      <c r="G29515" s="1" t="s">
        <v>103662</v>
      </c>
      <c r="H29515" s="1" t="s">
        <v>103663</v>
      </c>
      <c r="I29515" s="1" t="s">
        <v>96632</v>
      </c>
      <c r="J29515" s="1" t="s">
        <v>103688</v>
      </c>
    </row>
    <row r="29516" spans="1:10" x14ac:dyDescent="0.35">
      <c r="A29516" s="1" t="s">
        <v>103660</v>
      </c>
      <c r="B29516" s="1" t="s">
        <v>96627</v>
      </c>
      <c r="C29516" s="1" t="s">
        <v>70</v>
      </c>
      <c r="D29516" s="1" t="s">
        <v>103689</v>
      </c>
      <c r="E29516" s="1" t="s">
        <v>15576</v>
      </c>
      <c r="F29516" s="1" t="s">
        <v>103690</v>
      </c>
      <c r="G29516" s="1" t="s">
        <v>103662</v>
      </c>
      <c r="H29516" s="1" t="s">
        <v>103663</v>
      </c>
      <c r="I29516" s="1" t="s">
        <v>96632</v>
      </c>
      <c r="J29516" s="1" t="s">
        <v>103691</v>
      </c>
    </row>
    <row r="29517" spans="1:10" x14ac:dyDescent="0.35">
      <c r="A29517" s="1" t="s">
        <v>103660</v>
      </c>
      <c r="B29517" s="1" t="s">
        <v>96627</v>
      </c>
      <c r="C29517" s="1" t="s">
        <v>75</v>
      </c>
      <c r="D29517" s="1" t="s">
        <v>85529</v>
      </c>
      <c r="E29517" s="1" t="s">
        <v>27126</v>
      </c>
      <c r="F29517" s="1" t="s">
        <v>103692</v>
      </c>
      <c r="G29517" s="1" t="s">
        <v>103662</v>
      </c>
      <c r="H29517" s="1" t="s">
        <v>103663</v>
      </c>
      <c r="I29517" s="1" t="s">
        <v>96632</v>
      </c>
      <c r="J29517" s="1" t="s">
        <v>103693</v>
      </c>
    </row>
    <row r="29518" spans="1:10" x14ac:dyDescent="0.35">
      <c r="A29518" s="1" t="s">
        <v>103660</v>
      </c>
      <c r="B29518" s="1" t="s">
        <v>96627</v>
      </c>
      <c r="C29518" s="1" t="s">
        <v>80</v>
      </c>
      <c r="D29518" s="1" t="s">
        <v>103694</v>
      </c>
      <c r="E29518" s="1" t="s">
        <v>56517</v>
      </c>
      <c r="F29518" s="1" t="s">
        <v>103695</v>
      </c>
      <c r="G29518" s="1" t="s">
        <v>103662</v>
      </c>
      <c r="H29518" s="1" t="s">
        <v>103663</v>
      </c>
      <c r="I29518" s="1" t="s">
        <v>96632</v>
      </c>
      <c r="J29518" s="1" t="s">
        <v>103696</v>
      </c>
    </row>
    <row r="29519" spans="1:10" x14ac:dyDescent="0.35">
      <c r="A29519" s="1" t="s">
        <v>103660</v>
      </c>
      <c r="B29519" s="1" t="s">
        <v>96627</v>
      </c>
      <c r="C29519" s="1" t="s">
        <v>85</v>
      </c>
      <c r="D29519" s="1" t="s">
        <v>103697</v>
      </c>
      <c r="E29519" s="1" t="s">
        <v>15263</v>
      </c>
      <c r="F29519" s="1" t="s">
        <v>65520</v>
      </c>
      <c r="G29519" s="1" t="s">
        <v>103662</v>
      </c>
      <c r="H29519" s="1" t="s">
        <v>103663</v>
      </c>
      <c r="I29519" s="1" t="s">
        <v>96632</v>
      </c>
      <c r="J29519" s="1" t="s">
        <v>103698</v>
      </c>
    </row>
    <row r="29520" spans="1:10" x14ac:dyDescent="0.35">
      <c r="A29520" s="1" t="s">
        <v>103660</v>
      </c>
      <c r="B29520" s="1" t="s">
        <v>96627</v>
      </c>
      <c r="C29520" s="1" t="s">
        <v>90</v>
      </c>
      <c r="D29520" s="1" t="s">
        <v>103699</v>
      </c>
      <c r="E29520" s="1" t="s">
        <v>54165</v>
      </c>
      <c r="F29520" s="1" t="s">
        <v>103402</v>
      </c>
      <c r="G29520" s="1" t="s">
        <v>103662</v>
      </c>
      <c r="H29520" s="1" t="s">
        <v>103663</v>
      </c>
      <c r="I29520" s="1" t="s">
        <v>96632</v>
      </c>
      <c r="J29520" s="1" t="s">
        <v>103700</v>
      </c>
    </row>
    <row r="29521" spans="1:10" x14ac:dyDescent="0.35">
      <c r="A29521" s="1" t="s">
        <v>103660</v>
      </c>
      <c r="B29521" s="1" t="s">
        <v>96627</v>
      </c>
      <c r="C29521" s="1" t="s">
        <v>95</v>
      </c>
      <c r="D29521" s="1" t="s">
        <v>103701</v>
      </c>
      <c r="E29521" s="1" t="s">
        <v>56164</v>
      </c>
      <c r="F29521" s="1" t="s">
        <v>103702</v>
      </c>
      <c r="G29521" s="1" t="s">
        <v>103662</v>
      </c>
      <c r="H29521" s="1" t="s">
        <v>103663</v>
      </c>
      <c r="I29521" s="1" t="s">
        <v>96632</v>
      </c>
      <c r="J29521" s="1" t="s">
        <v>103703</v>
      </c>
    </row>
    <row r="29522" spans="1:10" x14ac:dyDescent="0.35">
      <c r="A29522" s="1" t="s">
        <v>103660</v>
      </c>
      <c r="B29522" s="1" t="s">
        <v>96627</v>
      </c>
      <c r="C29522" s="1" t="s">
        <v>100</v>
      </c>
      <c r="D29522" s="1" t="s">
        <v>103704</v>
      </c>
      <c r="E29522" s="1" t="s">
        <v>15293</v>
      </c>
      <c r="F29522" s="1" t="s">
        <v>103705</v>
      </c>
      <c r="G29522" s="1" t="s">
        <v>103662</v>
      </c>
      <c r="H29522" s="1" t="s">
        <v>103663</v>
      </c>
      <c r="I29522" s="1" t="s">
        <v>96632</v>
      </c>
      <c r="J29522" s="1" t="s">
        <v>103706</v>
      </c>
    </row>
    <row r="29523" spans="1:10" x14ac:dyDescent="0.35">
      <c r="A29523" s="1" t="s">
        <v>103660</v>
      </c>
      <c r="B29523" s="1" t="s">
        <v>96627</v>
      </c>
      <c r="C29523" s="1" t="s">
        <v>105</v>
      </c>
      <c r="D29523" s="1" t="s">
        <v>103707</v>
      </c>
      <c r="E29523" s="1" t="s">
        <v>15241</v>
      </c>
      <c r="F29523" s="1" t="s">
        <v>31934</v>
      </c>
      <c r="G29523" s="1" t="s">
        <v>103662</v>
      </c>
      <c r="H29523" s="1" t="s">
        <v>103663</v>
      </c>
      <c r="I29523" s="1" t="s">
        <v>96632</v>
      </c>
      <c r="J29523" s="1" t="s">
        <v>103708</v>
      </c>
    </row>
    <row r="29524" spans="1:10" x14ac:dyDescent="0.35">
      <c r="A29524" s="1" t="s">
        <v>103660</v>
      </c>
      <c r="B29524" s="1" t="s">
        <v>96627</v>
      </c>
      <c r="C29524" s="1" t="s">
        <v>110</v>
      </c>
      <c r="D29524" s="1" t="s">
        <v>103709</v>
      </c>
      <c r="E29524" s="1" t="s">
        <v>54379</v>
      </c>
      <c r="F29524" s="1" t="s">
        <v>65881</v>
      </c>
      <c r="G29524" s="1" t="s">
        <v>103662</v>
      </c>
      <c r="H29524" s="1" t="s">
        <v>103663</v>
      </c>
      <c r="I29524" s="1" t="s">
        <v>96632</v>
      </c>
      <c r="J29524" s="1" t="s">
        <v>103710</v>
      </c>
    </row>
    <row r="29525" spans="1:10" x14ac:dyDescent="0.35">
      <c r="A29525" s="1" t="s">
        <v>103660</v>
      </c>
      <c r="B29525" s="1" t="s">
        <v>96627</v>
      </c>
      <c r="C29525" s="1" t="s">
        <v>115</v>
      </c>
      <c r="D29525" s="1" t="s">
        <v>103711</v>
      </c>
      <c r="E29525" s="1" t="s">
        <v>22317</v>
      </c>
      <c r="F29525" s="1" t="s">
        <v>58384</v>
      </c>
      <c r="G29525" s="1" t="s">
        <v>103662</v>
      </c>
      <c r="H29525" s="1" t="s">
        <v>103663</v>
      </c>
      <c r="I29525" s="1" t="s">
        <v>96632</v>
      </c>
      <c r="J29525" s="1" t="s">
        <v>103712</v>
      </c>
    </row>
    <row r="29526" spans="1:10" x14ac:dyDescent="0.35">
      <c r="A29526" s="1" t="s">
        <v>103660</v>
      </c>
      <c r="B29526" s="1" t="s">
        <v>96627</v>
      </c>
      <c r="C29526" s="1" t="s">
        <v>120</v>
      </c>
      <c r="D29526" s="1" t="s">
        <v>66471</v>
      </c>
      <c r="E29526" s="1" t="s">
        <v>57982</v>
      </c>
      <c r="F29526" s="1" t="s">
        <v>103713</v>
      </c>
      <c r="G29526" s="1" t="s">
        <v>103662</v>
      </c>
      <c r="H29526" s="1" t="s">
        <v>103663</v>
      </c>
      <c r="I29526" s="1" t="s">
        <v>96632</v>
      </c>
      <c r="J29526" s="1" t="s">
        <v>103714</v>
      </c>
    </row>
    <row r="29527" spans="1:10" x14ac:dyDescent="0.35">
      <c r="A29527" s="1" t="s">
        <v>103660</v>
      </c>
      <c r="B29527" s="1" t="s">
        <v>96627</v>
      </c>
      <c r="C29527" s="1" t="s">
        <v>125</v>
      </c>
      <c r="D29527" s="1" t="s">
        <v>41534</v>
      </c>
      <c r="E29527" s="1" t="s">
        <v>56931</v>
      </c>
      <c r="F29527" s="1" t="s">
        <v>103715</v>
      </c>
      <c r="G29527" s="1" t="s">
        <v>103662</v>
      </c>
      <c r="H29527" s="1" t="s">
        <v>103663</v>
      </c>
      <c r="I29527" s="1" t="s">
        <v>96632</v>
      </c>
      <c r="J29527" s="1" t="s">
        <v>103716</v>
      </c>
    </row>
    <row r="29528" spans="1:10" x14ac:dyDescent="0.35">
      <c r="A29528" s="1" t="s">
        <v>103660</v>
      </c>
      <c r="B29528" s="1" t="s">
        <v>96627</v>
      </c>
      <c r="C29528" s="1" t="s">
        <v>130</v>
      </c>
      <c r="D29528" s="1" t="s">
        <v>24765</v>
      </c>
      <c r="E29528" s="1" t="s">
        <v>24209</v>
      </c>
      <c r="F29528" s="1" t="s">
        <v>63032</v>
      </c>
      <c r="G29528" s="1" t="s">
        <v>103662</v>
      </c>
      <c r="H29528" s="1" t="s">
        <v>103663</v>
      </c>
      <c r="I29528" s="1" t="s">
        <v>96632</v>
      </c>
      <c r="J29528" s="1" t="s">
        <v>103717</v>
      </c>
    </row>
    <row r="29529" spans="1:10" x14ac:dyDescent="0.35">
      <c r="A29529" s="1" t="s">
        <v>103660</v>
      </c>
      <c r="B29529" s="1" t="s">
        <v>96627</v>
      </c>
      <c r="C29529" s="1" t="s">
        <v>135</v>
      </c>
      <c r="D29529" s="1" t="s">
        <v>103718</v>
      </c>
      <c r="E29529" s="1" t="s">
        <v>57713</v>
      </c>
      <c r="F29529" s="1" t="s">
        <v>52483</v>
      </c>
      <c r="G29529" s="1" t="s">
        <v>103662</v>
      </c>
      <c r="H29529" s="1" t="s">
        <v>103663</v>
      </c>
      <c r="I29529" s="1" t="s">
        <v>96632</v>
      </c>
      <c r="J29529" s="1" t="s">
        <v>103719</v>
      </c>
    </row>
    <row r="29530" spans="1:10" x14ac:dyDescent="0.35">
      <c r="A29530" s="1" t="s">
        <v>103660</v>
      </c>
      <c r="B29530" s="1" t="s">
        <v>96627</v>
      </c>
      <c r="C29530" s="1" t="s">
        <v>140</v>
      </c>
      <c r="D29530" s="1" t="s">
        <v>103720</v>
      </c>
      <c r="E29530" s="1" t="s">
        <v>62090</v>
      </c>
      <c r="F29530" s="1" t="s">
        <v>103721</v>
      </c>
      <c r="G29530" s="1" t="s">
        <v>103662</v>
      </c>
      <c r="H29530" s="1" t="s">
        <v>103663</v>
      </c>
      <c r="I29530" s="1" t="s">
        <v>96632</v>
      </c>
      <c r="J29530" s="1" t="s">
        <v>103722</v>
      </c>
    </row>
    <row r="29531" spans="1:10" x14ac:dyDescent="0.35">
      <c r="A29531" s="1" t="s">
        <v>103660</v>
      </c>
      <c r="B29531" s="1" t="s">
        <v>96627</v>
      </c>
      <c r="C29531" s="1" t="s">
        <v>145</v>
      </c>
      <c r="D29531" s="1" t="s">
        <v>103723</v>
      </c>
      <c r="E29531" s="1" t="s">
        <v>32090</v>
      </c>
      <c r="F29531" s="1" t="s">
        <v>63776</v>
      </c>
      <c r="G29531" s="1" t="s">
        <v>103662</v>
      </c>
      <c r="H29531" s="1" t="s">
        <v>103663</v>
      </c>
      <c r="I29531" s="1" t="s">
        <v>96632</v>
      </c>
      <c r="J29531" s="1" t="s">
        <v>103724</v>
      </c>
    </row>
    <row r="29532" spans="1:10" x14ac:dyDescent="0.35">
      <c r="A29532" s="1" t="s">
        <v>103660</v>
      </c>
      <c r="B29532" s="1" t="s">
        <v>96627</v>
      </c>
      <c r="C29532" s="1" t="s">
        <v>150</v>
      </c>
      <c r="D29532" s="1" t="s">
        <v>103725</v>
      </c>
      <c r="E29532" s="1" t="s">
        <v>26474</v>
      </c>
      <c r="F29532" s="1" t="s">
        <v>103726</v>
      </c>
      <c r="G29532" s="1" t="s">
        <v>103662</v>
      </c>
      <c r="H29532" s="1" t="s">
        <v>103663</v>
      </c>
      <c r="I29532" s="1" t="s">
        <v>96632</v>
      </c>
      <c r="J29532" s="1" t="s">
        <v>103727</v>
      </c>
    </row>
    <row r="29533" spans="1:10" x14ac:dyDescent="0.35">
      <c r="A29533" s="1" t="s">
        <v>103660</v>
      </c>
      <c r="B29533" s="1" t="s">
        <v>96627</v>
      </c>
      <c r="C29533" s="1" t="s">
        <v>155</v>
      </c>
      <c r="D29533" s="1" t="s">
        <v>103728</v>
      </c>
      <c r="E29533" s="1" t="s">
        <v>32143</v>
      </c>
      <c r="F29533" s="1" t="s">
        <v>103729</v>
      </c>
      <c r="G29533" s="1" t="s">
        <v>103662</v>
      </c>
      <c r="H29533" s="1" t="s">
        <v>103663</v>
      </c>
      <c r="I29533" s="1" t="s">
        <v>96632</v>
      </c>
      <c r="J29533" s="1" t="s">
        <v>103730</v>
      </c>
    </row>
    <row r="29534" spans="1:10" x14ac:dyDescent="0.35">
      <c r="A29534" s="1" t="s">
        <v>103660</v>
      </c>
      <c r="B29534" s="1" t="s">
        <v>96627</v>
      </c>
      <c r="C29534" s="1" t="s">
        <v>160</v>
      </c>
      <c r="D29534" s="1" t="s">
        <v>62599</v>
      </c>
      <c r="E29534" s="1" t="s">
        <v>27066</v>
      </c>
      <c r="F29534" s="1" t="s">
        <v>103731</v>
      </c>
      <c r="G29534" s="1" t="s">
        <v>103662</v>
      </c>
      <c r="H29534" s="1" t="s">
        <v>103663</v>
      </c>
      <c r="I29534" s="1" t="s">
        <v>96632</v>
      </c>
      <c r="J29534" s="1" t="s">
        <v>103732</v>
      </c>
    </row>
    <row r="29535" spans="1:10" x14ac:dyDescent="0.35">
      <c r="A29535" s="1" t="s">
        <v>103660</v>
      </c>
      <c r="B29535" s="1" t="s">
        <v>96627</v>
      </c>
      <c r="C29535" s="1" t="s">
        <v>165</v>
      </c>
      <c r="D29535" s="1" t="s">
        <v>103733</v>
      </c>
      <c r="E29535" s="1" t="s">
        <v>54118</v>
      </c>
      <c r="F29535" s="1" t="s">
        <v>64726</v>
      </c>
      <c r="G29535" s="1" t="s">
        <v>103662</v>
      </c>
      <c r="H29535" s="1" t="s">
        <v>103663</v>
      </c>
      <c r="I29535" s="1" t="s">
        <v>96632</v>
      </c>
      <c r="J29535" s="1" t="s">
        <v>103734</v>
      </c>
    </row>
    <row r="29536" spans="1:10" x14ac:dyDescent="0.35">
      <c r="A29536" s="1" t="s">
        <v>103660</v>
      </c>
      <c r="B29536" s="1" t="s">
        <v>96627</v>
      </c>
      <c r="C29536" s="1" t="s">
        <v>170</v>
      </c>
      <c r="D29536" s="1" t="s">
        <v>103735</v>
      </c>
      <c r="E29536" s="1" t="s">
        <v>72841</v>
      </c>
      <c r="F29536" s="1" t="s">
        <v>103736</v>
      </c>
      <c r="G29536" s="1" t="s">
        <v>103662</v>
      </c>
      <c r="H29536" s="1" t="s">
        <v>103663</v>
      </c>
      <c r="I29536" s="1" t="s">
        <v>96632</v>
      </c>
      <c r="J29536" s="1" t="s">
        <v>103737</v>
      </c>
    </row>
    <row r="29537" spans="1:10" x14ac:dyDescent="0.35">
      <c r="A29537" s="1" t="s">
        <v>103738</v>
      </c>
      <c r="B29537" s="1" t="s">
        <v>96627</v>
      </c>
      <c r="C29537" s="1" t="s">
        <v>8</v>
      </c>
      <c r="D29537" s="1" t="s">
        <v>64715</v>
      </c>
      <c r="E29537" s="1" t="s">
        <v>54478</v>
      </c>
      <c r="F29537" s="1" t="s">
        <v>103739</v>
      </c>
      <c r="G29537" s="1" t="s">
        <v>103740</v>
      </c>
      <c r="H29537" s="1" t="s">
        <v>103741</v>
      </c>
      <c r="I29537" s="1" t="s">
        <v>96632</v>
      </c>
      <c r="J29537" s="1" t="s">
        <v>13</v>
      </c>
    </row>
    <row r="29538" spans="1:10" x14ac:dyDescent="0.35">
      <c r="A29538" s="1" t="s">
        <v>103738</v>
      </c>
      <c r="B29538" s="1" t="s">
        <v>96627</v>
      </c>
      <c r="C29538" s="1" t="s">
        <v>15</v>
      </c>
      <c r="D29538" s="1" t="s">
        <v>103742</v>
      </c>
      <c r="E29538" s="1" t="s">
        <v>41468</v>
      </c>
      <c r="F29538" s="1" t="s">
        <v>103743</v>
      </c>
      <c r="G29538" s="1" t="s">
        <v>103740</v>
      </c>
      <c r="H29538" s="1" t="s">
        <v>103741</v>
      </c>
      <c r="I29538" s="1" t="s">
        <v>96632</v>
      </c>
      <c r="J29538" s="1" t="s">
        <v>103744</v>
      </c>
    </row>
    <row r="29539" spans="1:10" x14ac:dyDescent="0.35">
      <c r="A29539" s="1" t="s">
        <v>103738</v>
      </c>
      <c r="B29539" s="1" t="s">
        <v>96627</v>
      </c>
      <c r="C29539" s="1" t="s">
        <v>20</v>
      </c>
      <c r="D29539" s="1" t="s">
        <v>103745</v>
      </c>
      <c r="E29539" s="1" t="s">
        <v>12790</v>
      </c>
      <c r="F29539" s="1" t="s">
        <v>103746</v>
      </c>
      <c r="G29539" s="1" t="s">
        <v>103740</v>
      </c>
      <c r="H29539" s="1" t="s">
        <v>103741</v>
      </c>
      <c r="I29539" s="1" t="s">
        <v>96632</v>
      </c>
      <c r="J29539" s="1" t="s">
        <v>103747</v>
      </c>
    </row>
    <row r="29540" spans="1:10" x14ac:dyDescent="0.35">
      <c r="A29540" s="1" t="s">
        <v>103738</v>
      </c>
      <c r="B29540" s="1" t="s">
        <v>96627</v>
      </c>
      <c r="C29540" s="1" t="s">
        <v>25</v>
      </c>
      <c r="D29540" s="1" t="s">
        <v>91995</v>
      </c>
      <c r="E29540" s="1" t="s">
        <v>24373</v>
      </c>
      <c r="F29540" s="1" t="s">
        <v>54486</v>
      </c>
      <c r="G29540" s="1" t="s">
        <v>103740</v>
      </c>
      <c r="H29540" s="1" t="s">
        <v>103741</v>
      </c>
      <c r="I29540" s="1" t="s">
        <v>96632</v>
      </c>
      <c r="J29540" s="1" t="s">
        <v>103748</v>
      </c>
    </row>
    <row r="29541" spans="1:10" x14ac:dyDescent="0.35">
      <c r="A29541" s="1" t="s">
        <v>103738</v>
      </c>
      <c r="B29541" s="1" t="s">
        <v>96627</v>
      </c>
      <c r="C29541" s="1" t="s">
        <v>30</v>
      </c>
      <c r="D29541" s="1" t="s">
        <v>103749</v>
      </c>
      <c r="E29541" s="1" t="s">
        <v>54074</v>
      </c>
      <c r="F29541" s="1" t="s">
        <v>103750</v>
      </c>
      <c r="G29541" s="1" t="s">
        <v>103740</v>
      </c>
      <c r="H29541" s="1" t="s">
        <v>103741</v>
      </c>
      <c r="I29541" s="1" t="s">
        <v>96632</v>
      </c>
      <c r="J29541" s="1" t="s">
        <v>103751</v>
      </c>
    </row>
    <row r="29542" spans="1:10" x14ac:dyDescent="0.35">
      <c r="A29542" s="1" t="s">
        <v>103738</v>
      </c>
      <c r="B29542" s="1" t="s">
        <v>96627</v>
      </c>
      <c r="C29542" s="1" t="s">
        <v>35</v>
      </c>
      <c r="D29542" s="1" t="s">
        <v>22083</v>
      </c>
      <c r="E29542" s="1" t="s">
        <v>32076</v>
      </c>
      <c r="F29542" s="1" t="s">
        <v>31887</v>
      </c>
      <c r="G29542" s="1" t="s">
        <v>103740</v>
      </c>
      <c r="H29542" s="1" t="s">
        <v>103741</v>
      </c>
      <c r="I29542" s="1" t="s">
        <v>96632</v>
      </c>
      <c r="J29542" s="1" t="s">
        <v>103752</v>
      </c>
    </row>
    <row r="29543" spans="1:10" x14ac:dyDescent="0.35">
      <c r="A29543" s="1" t="s">
        <v>103738</v>
      </c>
      <c r="B29543" s="1" t="s">
        <v>96627</v>
      </c>
      <c r="C29543" s="1" t="s">
        <v>40</v>
      </c>
      <c r="D29543" s="1" t="s">
        <v>103753</v>
      </c>
      <c r="E29543" s="1" t="s">
        <v>15205</v>
      </c>
      <c r="F29543" s="1" t="s">
        <v>103754</v>
      </c>
      <c r="G29543" s="1" t="s">
        <v>103740</v>
      </c>
      <c r="H29543" s="1" t="s">
        <v>103741</v>
      </c>
      <c r="I29543" s="1" t="s">
        <v>96632</v>
      </c>
      <c r="J29543" s="1" t="s">
        <v>103755</v>
      </c>
    </row>
    <row r="29544" spans="1:10" x14ac:dyDescent="0.35">
      <c r="A29544" s="1" t="s">
        <v>103738</v>
      </c>
      <c r="B29544" s="1" t="s">
        <v>96627</v>
      </c>
      <c r="C29544" s="1" t="s">
        <v>45</v>
      </c>
      <c r="D29544" s="1" t="s">
        <v>103756</v>
      </c>
      <c r="E29544" s="1" t="s">
        <v>15361</v>
      </c>
      <c r="F29544" s="1" t="s">
        <v>103757</v>
      </c>
      <c r="G29544" s="1" t="s">
        <v>103740</v>
      </c>
      <c r="H29544" s="1" t="s">
        <v>103741</v>
      </c>
      <c r="I29544" s="1" t="s">
        <v>96632</v>
      </c>
      <c r="J29544" s="1" t="s">
        <v>103758</v>
      </c>
    </row>
    <row r="29545" spans="1:10" x14ac:dyDescent="0.35">
      <c r="A29545" s="1" t="s">
        <v>103738</v>
      </c>
      <c r="B29545" s="1" t="s">
        <v>96627</v>
      </c>
      <c r="C29545" s="1" t="s">
        <v>50</v>
      </c>
      <c r="D29545" s="1" t="s">
        <v>103759</v>
      </c>
      <c r="E29545" s="1" t="s">
        <v>41344</v>
      </c>
      <c r="F29545" s="1" t="s">
        <v>57934</v>
      </c>
      <c r="G29545" s="1" t="s">
        <v>103740</v>
      </c>
      <c r="H29545" s="1" t="s">
        <v>103741</v>
      </c>
      <c r="I29545" s="1" t="s">
        <v>96632</v>
      </c>
      <c r="J29545" s="1" t="s">
        <v>103760</v>
      </c>
    </row>
    <row r="29546" spans="1:10" x14ac:dyDescent="0.35">
      <c r="A29546" s="1" t="s">
        <v>103738</v>
      </c>
      <c r="B29546" s="1" t="s">
        <v>96627</v>
      </c>
      <c r="C29546" s="1" t="s">
        <v>55</v>
      </c>
      <c r="D29546" s="1" t="s">
        <v>20658</v>
      </c>
      <c r="E29546" s="1" t="s">
        <v>54650</v>
      </c>
      <c r="F29546" s="1" t="s">
        <v>103761</v>
      </c>
      <c r="G29546" s="1" t="s">
        <v>103740</v>
      </c>
      <c r="H29546" s="1" t="s">
        <v>103741</v>
      </c>
      <c r="I29546" s="1" t="s">
        <v>96632</v>
      </c>
      <c r="J29546" s="1" t="s">
        <v>103762</v>
      </c>
    </row>
    <row r="29547" spans="1:10" x14ac:dyDescent="0.35">
      <c r="A29547" s="1" t="s">
        <v>103738</v>
      </c>
      <c r="B29547" s="1" t="s">
        <v>96627</v>
      </c>
      <c r="C29547" s="1" t="s">
        <v>60</v>
      </c>
      <c r="D29547" s="1" t="s">
        <v>103763</v>
      </c>
      <c r="E29547" s="1" t="s">
        <v>53965</v>
      </c>
      <c r="F29547" s="1" t="s">
        <v>103764</v>
      </c>
      <c r="G29547" s="1" t="s">
        <v>103740</v>
      </c>
      <c r="H29547" s="1" t="s">
        <v>103741</v>
      </c>
      <c r="I29547" s="1" t="s">
        <v>96632</v>
      </c>
      <c r="J29547" s="1" t="s">
        <v>103765</v>
      </c>
    </row>
    <row r="29548" spans="1:10" x14ac:dyDescent="0.35">
      <c r="A29548" s="1" t="s">
        <v>103738</v>
      </c>
      <c r="B29548" s="1" t="s">
        <v>96627</v>
      </c>
      <c r="C29548" s="1" t="s">
        <v>65</v>
      </c>
      <c r="D29548" s="1" t="s">
        <v>103766</v>
      </c>
      <c r="E29548" s="1" t="s">
        <v>12794</v>
      </c>
      <c r="F29548" s="1" t="s">
        <v>61207</v>
      </c>
      <c r="G29548" s="1" t="s">
        <v>103740</v>
      </c>
      <c r="H29548" s="1" t="s">
        <v>103741</v>
      </c>
      <c r="I29548" s="1" t="s">
        <v>96632</v>
      </c>
      <c r="J29548" s="1" t="s">
        <v>103767</v>
      </c>
    </row>
    <row r="29549" spans="1:10" x14ac:dyDescent="0.35">
      <c r="A29549" s="1" t="s">
        <v>103738</v>
      </c>
      <c r="B29549" s="1" t="s">
        <v>96627</v>
      </c>
      <c r="C29549" s="1" t="s">
        <v>70</v>
      </c>
      <c r="D29549" s="1" t="s">
        <v>103768</v>
      </c>
      <c r="E29549" s="1" t="s">
        <v>32359</v>
      </c>
      <c r="F29549" s="1" t="s">
        <v>55186</v>
      </c>
      <c r="G29549" s="1" t="s">
        <v>103740</v>
      </c>
      <c r="H29549" s="1" t="s">
        <v>103741</v>
      </c>
      <c r="I29549" s="1" t="s">
        <v>96632</v>
      </c>
      <c r="J29549" s="1" t="s">
        <v>103769</v>
      </c>
    </row>
    <row r="29550" spans="1:10" x14ac:dyDescent="0.35">
      <c r="A29550" s="1" t="s">
        <v>103738</v>
      </c>
      <c r="B29550" s="1" t="s">
        <v>96627</v>
      </c>
      <c r="C29550" s="1" t="s">
        <v>75</v>
      </c>
      <c r="D29550" s="1" t="s">
        <v>103770</v>
      </c>
      <c r="E29550" s="1" t="s">
        <v>54650</v>
      </c>
      <c r="F29550" s="1" t="s">
        <v>103771</v>
      </c>
      <c r="G29550" s="1" t="s">
        <v>103740</v>
      </c>
      <c r="H29550" s="1" t="s">
        <v>103741</v>
      </c>
      <c r="I29550" s="1" t="s">
        <v>96632</v>
      </c>
      <c r="J29550" s="1" t="s">
        <v>103772</v>
      </c>
    </row>
    <row r="29551" spans="1:10" x14ac:dyDescent="0.35">
      <c r="A29551" s="1" t="s">
        <v>103738</v>
      </c>
      <c r="B29551" s="1" t="s">
        <v>96627</v>
      </c>
      <c r="C29551" s="1" t="s">
        <v>80</v>
      </c>
      <c r="D29551" s="1" t="s">
        <v>54485</v>
      </c>
      <c r="E29551" s="1" t="s">
        <v>26185</v>
      </c>
      <c r="F29551" s="1" t="s">
        <v>59882</v>
      </c>
      <c r="G29551" s="1" t="s">
        <v>103740</v>
      </c>
      <c r="H29551" s="1" t="s">
        <v>103741</v>
      </c>
      <c r="I29551" s="1" t="s">
        <v>96632</v>
      </c>
      <c r="J29551" s="1" t="s">
        <v>103773</v>
      </c>
    </row>
    <row r="29552" spans="1:10" x14ac:dyDescent="0.35">
      <c r="A29552" s="1" t="s">
        <v>103738</v>
      </c>
      <c r="B29552" s="1" t="s">
        <v>96627</v>
      </c>
      <c r="C29552" s="1" t="s">
        <v>85</v>
      </c>
      <c r="D29552" s="1" t="s">
        <v>103774</v>
      </c>
      <c r="E29552" s="1" t="s">
        <v>58063</v>
      </c>
      <c r="F29552" s="1" t="s">
        <v>103775</v>
      </c>
      <c r="G29552" s="1" t="s">
        <v>103740</v>
      </c>
      <c r="H29552" s="1" t="s">
        <v>103741</v>
      </c>
      <c r="I29552" s="1" t="s">
        <v>96632</v>
      </c>
      <c r="J29552" s="1" t="s">
        <v>103776</v>
      </c>
    </row>
    <row r="29553" spans="1:10" x14ac:dyDescent="0.35">
      <c r="A29553" s="1" t="s">
        <v>103738</v>
      </c>
      <c r="B29553" s="1" t="s">
        <v>96627</v>
      </c>
      <c r="C29553" s="1" t="s">
        <v>90</v>
      </c>
      <c r="D29553" s="1" t="s">
        <v>103777</v>
      </c>
      <c r="E29553" s="1" t="s">
        <v>27111</v>
      </c>
      <c r="F29553" s="1" t="s">
        <v>60971</v>
      </c>
      <c r="G29553" s="1" t="s">
        <v>103740</v>
      </c>
      <c r="H29553" s="1" t="s">
        <v>103741</v>
      </c>
      <c r="I29553" s="1" t="s">
        <v>96632</v>
      </c>
      <c r="J29553" s="1" t="s">
        <v>103778</v>
      </c>
    </row>
    <row r="29554" spans="1:10" x14ac:dyDescent="0.35">
      <c r="A29554" s="1" t="s">
        <v>103738</v>
      </c>
      <c r="B29554" s="1" t="s">
        <v>96627</v>
      </c>
      <c r="C29554" s="1" t="s">
        <v>95</v>
      </c>
      <c r="D29554" s="1" t="s">
        <v>103779</v>
      </c>
      <c r="E29554" s="1" t="s">
        <v>21974</v>
      </c>
      <c r="F29554" s="1" t="s">
        <v>103780</v>
      </c>
      <c r="G29554" s="1" t="s">
        <v>103740</v>
      </c>
      <c r="H29554" s="1" t="s">
        <v>103741</v>
      </c>
      <c r="I29554" s="1" t="s">
        <v>96632</v>
      </c>
      <c r="J29554" s="1" t="s">
        <v>103781</v>
      </c>
    </row>
    <row r="29555" spans="1:10" x14ac:dyDescent="0.35">
      <c r="A29555" s="1" t="s">
        <v>103738</v>
      </c>
      <c r="B29555" s="1" t="s">
        <v>96627</v>
      </c>
      <c r="C29555" s="1" t="s">
        <v>100</v>
      </c>
      <c r="D29555" s="1" t="s">
        <v>24750</v>
      </c>
      <c r="E29555" s="1" t="s">
        <v>12875</v>
      </c>
      <c r="F29555" s="1" t="s">
        <v>54376</v>
      </c>
      <c r="G29555" s="1" t="s">
        <v>103740</v>
      </c>
      <c r="H29555" s="1" t="s">
        <v>103741</v>
      </c>
      <c r="I29555" s="1" t="s">
        <v>96632</v>
      </c>
      <c r="J29555" s="1" t="s">
        <v>103782</v>
      </c>
    </row>
    <row r="29556" spans="1:10" x14ac:dyDescent="0.35">
      <c r="A29556" s="1" t="s">
        <v>103738</v>
      </c>
      <c r="B29556" s="1" t="s">
        <v>96627</v>
      </c>
      <c r="C29556" s="1" t="s">
        <v>105</v>
      </c>
      <c r="D29556" s="1" t="s">
        <v>103783</v>
      </c>
      <c r="E29556" s="1" t="s">
        <v>15853</v>
      </c>
      <c r="F29556" s="1" t="s">
        <v>103784</v>
      </c>
      <c r="G29556" s="1" t="s">
        <v>103740</v>
      </c>
      <c r="H29556" s="1" t="s">
        <v>103741</v>
      </c>
      <c r="I29556" s="1" t="s">
        <v>96632</v>
      </c>
      <c r="J29556" s="1" t="s">
        <v>103785</v>
      </c>
    </row>
    <row r="29557" spans="1:10" x14ac:dyDescent="0.35">
      <c r="A29557" s="1" t="s">
        <v>103738</v>
      </c>
      <c r="B29557" s="1" t="s">
        <v>96627</v>
      </c>
      <c r="C29557" s="1" t="s">
        <v>110</v>
      </c>
      <c r="D29557" s="1" t="s">
        <v>103786</v>
      </c>
      <c r="E29557" s="1" t="s">
        <v>53808</v>
      </c>
      <c r="F29557" s="1" t="s">
        <v>103787</v>
      </c>
      <c r="G29557" s="1" t="s">
        <v>103740</v>
      </c>
      <c r="H29557" s="1" t="s">
        <v>103741</v>
      </c>
      <c r="I29557" s="1" t="s">
        <v>96632</v>
      </c>
      <c r="J29557" s="1" t="s">
        <v>103788</v>
      </c>
    </row>
    <row r="29558" spans="1:10" x14ac:dyDescent="0.35">
      <c r="A29558" s="1" t="s">
        <v>103738</v>
      </c>
      <c r="B29558" s="1" t="s">
        <v>96627</v>
      </c>
      <c r="C29558" s="1" t="s">
        <v>115</v>
      </c>
      <c r="D29558" s="1" t="s">
        <v>69812</v>
      </c>
      <c r="E29558" s="1" t="s">
        <v>24258</v>
      </c>
      <c r="F29558" s="1" t="s">
        <v>103789</v>
      </c>
      <c r="G29558" s="1" t="s">
        <v>103740</v>
      </c>
      <c r="H29558" s="1" t="s">
        <v>103741</v>
      </c>
      <c r="I29558" s="1" t="s">
        <v>96632</v>
      </c>
      <c r="J29558" s="1" t="s">
        <v>103790</v>
      </c>
    </row>
    <row r="29559" spans="1:10" x14ac:dyDescent="0.35">
      <c r="A29559" s="1" t="s">
        <v>103738</v>
      </c>
      <c r="B29559" s="1" t="s">
        <v>96627</v>
      </c>
      <c r="C29559" s="1" t="s">
        <v>120</v>
      </c>
      <c r="D29559" s="1" t="s">
        <v>62045</v>
      </c>
      <c r="E29559" s="1" t="s">
        <v>54796</v>
      </c>
      <c r="F29559" s="1" t="s">
        <v>103791</v>
      </c>
      <c r="G29559" s="1" t="s">
        <v>103740</v>
      </c>
      <c r="H29559" s="1" t="s">
        <v>103741</v>
      </c>
      <c r="I29559" s="1" t="s">
        <v>96632</v>
      </c>
      <c r="J29559" s="1" t="s">
        <v>103792</v>
      </c>
    </row>
    <row r="29560" spans="1:10" x14ac:dyDescent="0.35">
      <c r="A29560" s="1" t="s">
        <v>103738</v>
      </c>
      <c r="B29560" s="1" t="s">
        <v>96627</v>
      </c>
      <c r="C29560" s="1" t="s">
        <v>125</v>
      </c>
      <c r="D29560" s="1" t="s">
        <v>103793</v>
      </c>
      <c r="E29560" s="1" t="s">
        <v>12757</v>
      </c>
      <c r="F29560" s="1" t="s">
        <v>62242</v>
      </c>
      <c r="G29560" s="1" t="s">
        <v>103740</v>
      </c>
      <c r="H29560" s="1" t="s">
        <v>103741</v>
      </c>
      <c r="I29560" s="1" t="s">
        <v>96632</v>
      </c>
      <c r="J29560" s="1" t="s">
        <v>103794</v>
      </c>
    </row>
    <row r="29561" spans="1:10" x14ac:dyDescent="0.35">
      <c r="A29561" s="1" t="s">
        <v>103738</v>
      </c>
      <c r="B29561" s="1" t="s">
        <v>96627</v>
      </c>
      <c r="C29561" s="1" t="s">
        <v>130</v>
      </c>
      <c r="D29561" s="1" t="s">
        <v>103795</v>
      </c>
      <c r="E29561" s="1" t="s">
        <v>15865</v>
      </c>
      <c r="F29561" s="1" t="s">
        <v>61200</v>
      </c>
      <c r="G29561" s="1" t="s">
        <v>103740</v>
      </c>
      <c r="H29561" s="1" t="s">
        <v>103741</v>
      </c>
      <c r="I29561" s="1" t="s">
        <v>96632</v>
      </c>
      <c r="J29561" s="1" t="s">
        <v>103796</v>
      </c>
    </row>
    <row r="29562" spans="1:10" x14ac:dyDescent="0.35">
      <c r="A29562" s="1" t="s">
        <v>103738</v>
      </c>
      <c r="B29562" s="1" t="s">
        <v>96627</v>
      </c>
      <c r="C29562" s="1" t="s">
        <v>135</v>
      </c>
      <c r="D29562" s="1" t="s">
        <v>91472</v>
      </c>
      <c r="E29562" s="1" t="s">
        <v>57099</v>
      </c>
      <c r="F29562" s="1" t="s">
        <v>96966</v>
      </c>
      <c r="G29562" s="1" t="s">
        <v>103740</v>
      </c>
      <c r="H29562" s="1" t="s">
        <v>103741</v>
      </c>
      <c r="I29562" s="1" t="s">
        <v>96632</v>
      </c>
      <c r="J29562" s="1" t="s">
        <v>103797</v>
      </c>
    </row>
    <row r="29563" spans="1:10" x14ac:dyDescent="0.35">
      <c r="A29563" s="1" t="s">
        <v>103738</v>
      </c>
      <c r="B29563" s="1" t="s">
        <v>96627</v>
      </c>
      <c r="C29563" s="1" t="s">
        <v>140</v>
      </c>
      <c r="D29563" s="1" t="s">
        <v>103798</v>
      </c>
      <c r="E29563" s="1" t="s">
        <v>12809</v>
      </c>
      <c r="F29563" s="1" t="s">
        <v>103799</v>
      </c>
      <c r="G29563" s="1" t="s">
        <v>103740</v>
      </c>
      <c r="H29563" s="1" t="s">
        <v>103741</v>
      </c>
      <c r="I29563" s="1" t="s">
        <v>96632</v>
      </c>
      <c r="J29563" s="1" t="s">
        <v>103800</v>
      </c>
    </row>
    <row r="29564" spans="1:10" x14ac:dyDescent="0.35">
      <c r="A29564" s="1" t="s">
        <v>103738</v>
      </c>
      <c r="B29564" s="1" t="s">
        <v>96627</v>
      </c>
      <c r="C29564" s="1" t="s">
        <v>145</v>
      </c>
      <c r="D29564" s="1" t="s">
        <v>103801</v>
      </c>
      <c r="E29564" s="1" t="s">
        <v>21849</v>
      </c>
      <c r="F29564" s="1" t="s">
        <v>103802</v>
      </c>
      <c r="G29564" s="1" t="s">
        <v>103740</v>
      </c>
      <c r="H29564" s="1" t="s">
        <v>103741</v>
      </c>
      <c r="I29564" s="1" t="s">
        <v>96632</v>
      </c>
      <c r="J29564" s="1" t="s">
        <v>103803</v>
      </c>
    </row>
    <row r="29565" spans="1:10" x14ac:dyDescent="0.35">
      <c r="A29565" s="1" t="s">
        <v>103738</v>
      </c>
      <c r="B29565" s="1" t="s">
        <v>96627</v>
      </c>
      <c r="C29565" s="1" t="s">
        <v>150</v>
      </c>
      <c r="D29565" s="1" t="s">
        <v>103804</v>
      </c>
      <c r="E29565" s="1" t="s">
        <v>69522</v>
      </c>
      <c r="F29565" s="1" t="s">
        <v>103805</v>
      </c>
      <c r="G29565" s="1" t="s">
        <v>103740</v>
      </c>
      <c r="H29565" s="1" t="s">
        <v>103741</v>
      </c>
      <c r="I29565" s="1" t="s">
        <v>96632</v>
      </c>
      <c r="J29565" s="1" t="s">
        <v>103806</v>
      </c>
    </row>
    <row r="29566" spans="1:10" x14ac:dyDescent="0.35">
      <c r="A29566" s="1" t="s">
        <v>103738</v>
      </c>
      <c r="B29566" s="1" t="s">
        <v>96627</v>
      </c>
      <c r="C29566" s="1" t="s">
        <v>155</v>
      </c>
      <c r="D29566" s="1" t="s">
        <v>103807</v>
      </c>
      <c r="E29566" s="1" t="s">
        <v>24217</v>
      </c>
      <c r="F29566" s="1" t="s">
        <v>103808</v>
      </c>
      <c r="G29566" s="1" t="s">
        <v>103740</v>
      </c>
      <c r="H29566" s="1" t="s">
        <v>103741</v>
      </c>
      <c r="I29566" s="1" t="s">
        <v>96632</v>
      </c>
      <c r="J29566" s="1" t="s">
        <v>103809</v>
      </c>
    </row>
    <row r="29567" spans="1:10" x14ac:dyDescent="0.35">
      <c r="A29567" s="1" t="s">
        <v>103738</v>
      </c>
      <c r="B29567" s="1" t="s">
        <v>96627</v>
      </c>
      <c r="C29567" s="1" t="s">
        <v>160</v>
      </c>
      <c r="D29567" s="1" t="s">
        <v>103810</v>
      </c>
      <c r="E29567" s="1" t="s">
        <v>26191</v>
      </c>
      <c r="F29567" s="1" t="s">
        <v>103811</v>
      </c>
      <c r="G29567" s="1" t="s">
        <v>103740</v>
      </c>
      <c r="H29567" s="1" t="s">
        <v>103741</v>
      </c>
      <c r="I29567" s="1" t="s">
        <v>96632</v>
      </c>
      <c r="J29567" s="1" t="s">
        <v>103812</v>
      </c>
    </row>
    <row r="29568" spans="1:10" x14ac:dyDescent="0.35">
      <c r="A29568" s="1" t="s">
        <v>103738</v>
      </c>
      <c r="B29568" s="1" t="s">
        <v>96627</v>
      </c>
      <c r="C29568" s="1" t="s">
        <v>165</v>
      </c>
      <c r="D29568" s="1" t="s">
        <v>103813</v>
      </c>
      <c r="E29568" s="1" t="s">
        <v>55286</v>
      </c>
      <c r="F29568" s="1" t="s">
        <v>69018</v>
      </c>
      <c r="G29568" s="1" t="s">
        <v>103740</v>
      </c>
      <c r="H29568" s="1" t="s">
        <v>103741</v>
      </c>
      <c r="I29568" s="1" t="s">
        <v>96632</v>
      </c>
      <c r="J29568" s="1" t="s">
        <v>103814</v>
      </c>
    </row>
    <row r="29569" spans="1:10" x14ac:dyDescent="0.35">
      <c r="A29569" s="1" t="s">
        <v>103738</v>
      </c>
      <c r="B29569" s="1" t="s">
        <v>96627</v>
      </c>
      <c r="C29569" s="1" t="s">
        <v>170</v>
      </c>
      <c r="D29569" s="1" t="s">
        <v>103815</v>
      </c>
      <c r="E29569" s="1" t="s">
        <v>22298</v>
      </c>
      <c r="F29569" s="1" t="s">
        <v>103816</v>
      </c>
      <c r="G29569" s="1" t="s">
        <v>103740</v>
      </c>
      <c r="H29569" s="1" t="s">
        <v>103741</v>
      </c>
      <c r="I29569" s="1" t="s">
        <v>96632</v>
      </c>
      <c r="J29569" s="1" t="s">
        <v>103817</v>
      </c>
    </row>
    <row r="29570" spans="1:10" x14ac:dyDescent="0.35">
      <c r="A29570" s="1" t="s">
        <v>103818</v>
      </c>
      <c r="B29570" s="1" t="s">
        <v>96627</v>
      </c>
      <c r="C29570" s="1" t="s">
        <v>8</v>
      </c>
      <c r="D29570" s="1" t="s">
        <v>103819</v>
      </c>
      <c r="E29570" s="1" t="s">
        <v>31949</v>
      </c>
      <c r="F29570" s="1" t="s">
        <v>103820</v>
      </c>
      <c r="G29570" s="1" t="s">
        <v>103821</v>
      </c>
      <c r="H29570" s="1" t="s">
        <v>103822</v>
      </c>
      <c r="I29570" s="1" t="s">
        <v>96632</v>
      </c>
      <c r="J29570" s="1" t="s">
        <v>13</v>
      </c>
    </row>
    <row r="29571" spans="1:10" x14ac:dyDescent="0.35">
      <c r="A29571" s="1" t="s">
        <v>103818</v>
      </c>
      <c r="B29571" s="1" t="s">
        <v>96627</v>
      </c>
      <c r="C29571" s="1" t="s">
        <v>15</v>
      </c>
      <c r="D29571" s="1" t="s">
        <v>103823</v>
      </c>
      <c r="E29571" s="1" t="s">
        <v>12790</v>
      </c>
      <c r="F29571" s="1" t="s">
        <v>68693</v>
      </c>
      <c r="G29571" s="1" t="s">
        <v>103821</v>
      </c>
      <c r="H29571" s="1" t="s">
        <v>103822</v>
      </c>
      <c r="I29571" s="1" t="s">
        <v>96632</v>
      </c>
      <c r="J29571" s="1" t="s">
        <v>103824</v>
      </c>
    </row>
    <row r="29572" spans="1:10" x14ac:dyDescent="0.35">
      <c r="A29572" s="1" t="s">
        <v>103818</v>
      </c>
      <c r="B29572" s="1" t="s">
        <v>96627</v>
      </c>
      <c r="C29572" s="1" t="s">
        <v>20</v>
      </c>
      <c r="D29572" s="1" t="s">
        <v>103825</v>
      </c>
      <c r="E29572" s="1" t="s">
        <v>56784</v>
      </c>
      <c r="F29572" s="1" t="s">
        <v>103826</v>
      </c>
      <c r="G29572" s="1" t="s">
        <v>103821</v>
      </c>
      <c r="H29572" s="1" t="s">
        <v>103822</v>
      </c>
      <c r="I29572" s="1" t="s">
        <v>96632</v>
      </c>
      <c r="J29572" s="1" t="s">
        <v>103827</v>
      </c>
    </row>
    <row r="29573" spans="1:10" x14ac:dyDescent="0.35">
      <c r="A29573" s="1" t="s">
        <v>103818</v>
      </c>
      <c r="B29573" s="1" t="s">
        <v>96627</v>
      </c>
      <c r="C29573" s="1" t="s">
        <v>25</v>
      </c>
      <c r="D29573" s="1" t="s">
        <v>103828</v>
      </c>
      <c r="E29573" s="1" t="s">
        <v>16090</v>
      </c>
      <c r="F29573" s="1" t="s">
        <v>103829</v>
      </c>
      <c r="G29573" s="1" t="s">
        <v>103821</v>
      </c>
      <c r="H29573" s="1" t="s">
        <v>103822</v>
      </c>
      <c r="I29573" s="1" t="s">
        <v>96632</v>
      </c>
      <c r="J29573" s="1" t="s">
        <v>103830</v>
      </c>
    </row>
    <row r="29574" spans="1:10" x14ac:dyDescent="0.35">
      <c r="A29574" s="1" t="s">
        <v>103818</v>
      </c>
      <c r="B29574" s="1" t="s">
        <v>96627</v>
      </c>
      <c r="C29574" s="1" t="s">
        <v>30</v>
      </c>
      <c r="D29574" s="1" t="s">
        <v>103831</v>
      </c>
      <c r="E29574" s="1" t="s">
        <v>55269</v>
      </c>
      <c r="F29574" s="1" t="s">
        <v>55332</v>
      </c>
      <c r="G29574" s="1" t="s">
        <v>103821</v>
      </c>
      <c r="H29574" s="1" t="s">
        <v>103822</v>
      </c>
      <c r="I29574" s="1" t="s">
        <v>96632</v>
      </c>
      <c r="J29574" s="1" t="s">
        <v>103832</v>
      </c>
    </row>
    <row r="29575" spans="1:10" x14ac:dyDescent="0.35">
      <c r="A29575" s="1" t="s">
        <v>103818</v>
      </c>
      <c r="B29575" s="1" t="s">
        <v>96627</v>
      </c>
      <c r="C29575" s="1" t="s">
        <v>35</v>
      </c>
      <c r="D29575" s="1" t="s">
        <v>24754</v>
      </c>
      <c r="E29575" s="1" t="s">
        <v>15576</v>
      </c>
      <c r="F29575" s="1" t="s">
        <v>32137</v>
      </c>
      <c r="G29575" s="1" t="s">
        <v>103821</v>
      </c>
      <c r="H29575" s="1" t="s">
        <v>103822</v>
      </c>
      <c r="I29575" s="1" t="s">
        <v>96632</v>
      </c>
      <c r="J29575" s="1" t="s">
        <v>103833</v>
      </c>
    </row>
    <row r="29576" spans="1:10" x14ac:dyDescent="0.35">
      <c r="A29576" s="1" t="s">
        <v>103818</v>
      </c>
      <c r="B29576" s="1" t="s">
        <v>96627</v>
      </c>
      <c r="C29576" s="1" t="s">
        <v>40</v>
      </c>
      <c r="D29576" s="1" t="s">
        <v>103834</v>
      </c>
      <c r="E29576" s="1" t="s">
        <v>24377</v>
      </c>
      <c r="F29576" s="1" t="s">
        <v>62469</v>
      </c>
      <c r="G29576" s="1" t="s">
        <v>103821</v>
      </c>
      <c r="H29576" s="1" t="s">
        <v>103822</v>
      </c>
      <c r="I29576" s="1" t="s">
        <v>96632</v>
      </c>
      <c r="J29576" s="1" t="s">
        <v>103835</v>
      </c>
    </row>
    <row r="29577" spans="1:10" x14ac:dyDescent="0.35">
      <c r="A29577" s="1" t="s">
        <v>103818</v>
      </c>
      <c r="B29577" s="1" t="s">
        <v>96627</v>
      </c>
      <c r="C29577" s="1" t="s">
        <v>45</v>
      </c>
      <c r="D29577" s="1" t="s">
        <v>103836</v>
      </c>
      <c r="E29577" s="1" t="s">
        <v>23262</v>
      </c>
      <c r="F29577" s="1" t="s">
        <v>56247</v>
      </c>
      <c r="G29577" s="1" t="s">
        <v>103821</v>
      </c>
      <c r="H29577" s="1" t="s">
        <v>103822</v>
      </c>
      <c r="I29577" s="1" t="s">
        <v>96632</v>
      </c>
      <c r="J29577" s="1" t="s">
        <v>103837</v>
      </c>
    </row>
    <row r="29578" spans="1:10" x14ac:dyDescent="0.35">
      <c r="A29578" s="1" t="s">
        <v>103818</v>
      </c>
      <c r="B29578" s="1" t="s">
        <v>96627</v>
      </c>
      <c r="C29578" s="1" t="s">
        <v>50</v>
      </c>
      <c r="D29578" s="1" t="s">
        <v>103838</v>
      </c>
      <c r="E29578" s="1" t="s">
        <v>31441</v>
      </c>
      <c r="F29578" s="1" t="s">
        <v>103839</v>
      </c>
      <c r="G29578" s="1" t="s">
        <v>103821</v>
      </c>
      <c r="H29578" s="1" t="s">
        <v>103822</v>
      </c>
      <c r="I29578" s="1" t="s">
        <v>96632</v>
      </c>
      <c r="J29578" s="1" t="s">
        <v>103840</v>
      </c>
    </row>
    <row r="29579" spans="1:10" x14ac:dyDescent="0.35">
      <c r="A29579" s="1" t="s">
        <v>103818</v>
      </c>
      <c r="B29579" s="1" t="s">
        <v>96627</v>
      </c>
      <c r="C29579" s="1" t="s">
        <v>55</v>
      </c>
      <c r="D29579" s="1" t="s">
        <v>103841</v>
      </c>
      <c r="E29579" s="1" t="s">
        <v>23244</v>
      </c>
      <c r="F29579" s="1" t="s">
        <v>103842</v>
      </c>
      <c r="G29579" s="1" t="s">
        <v>103821</v>
      </c>
      <c r="H29579" s="1" t="s">
        <v>103822</v>
      </c>
      <c r="I29579" s="1" t="s">
        <v>96632</v>
      </c>
      <c r="J29579" s="1" t="s">
        <v>103843</v>
      </c>
    </row>
    <row r="29580" spans="1:10" x14ac:dyDescent="0.35">
      <c r="A29580" s="1" t="s">
        <v>103818</v>
      </c>
      <c r="B29580" s="1" t="s">
        <v>96627</v>
      </c>
      <c r="C29580" s="1" t="s">
        <v>60</v>
      </c>
      <c r="D29580" s="1" t="s">
        <v>103844</v>
      </c>
      <c r="E29580" s="1" t="s">
        <v>69425</v>
      </c>
      <c r="F29580" s="1" t="s">
        <v>21280</v>
      </c>
      <c r="G29580" s="1" t="s">
        <v>103821</v>
      </c>
      <c r="H29580" s="1" t="s">
        <v>103822</v>
      </c>
      <c r="I29580" s="1" t="s">
        <v>96632</v>
      </c>
      <c r="J29580" s="1" t="s">
        <v>103845</v>
      </c>
    </row>
    <row r="29581" spans="1:10" x14ac:dyDescent="0.35">
      <c r="A29581" s="1" t="s">
        <v>103818</v>
      </c>
      <c r="B29581" s="1" t="s">
        <v>96627</v>
      </c>
      <c r="C29581" s="1" t="s">
        <v>65</v>
      </c>
      <c r="D29581" s="1" t="s">
        <v>103846</v>
      </c>
      <c r="E29581" s="1" t="s">
        <v>22259</v>
      </c>
      <c r="F29581" s="1" t="s">
        <v>103847</v>
      </c>
      <c r="G29581" s="1" t="s">
        <v>103821</v>
      </c>
      <c r="H29581" s="1" t="s">
        <v>103822</v>
      </c>
      <c r="I29581" s="1" t="s">
        <v>96632</v>
      </c>
      <c r="J29581" s="1" t="s">
        <v>103848</v>
      </c>
    </row>
    <row r="29582" spans="1:10" x14ac:dyDescent="0.35">
      <c r="A29582" s="1" t="s">
        <v>103818</v>
      </c>
      <c r="B29582" s="1" t="s">
        <v>96627</v>
      </c>
      <c r="C29582" s="1" t="s">
        <v>70</v>
      </c>
      <c r="D29582" s="1" t="s">
        <v>103849</v>
      </c>
      <c r="E29582" s="1" t="s">
        <v>57609</v>
      </c>
      <c r="F29582" s="1" t="s">
        <v>61176</v>
      </c>
      <c r="G29582" s="1" t="s">
        <v>103821</v>
      </c>
      <c r="H29582" s="1" t="s">
        <v>103822</v>
      </c>
      <c r="I29582" s="1" t="s">
        <v>96632</v>
      </c>
      <c r="J29582" s="1" t="s">
        <v>103850</v>
      </c>
    </row>
    <row r="29583" spans="1:10" x14ac:dyDescent="0.35">
      <c r="A29583" s="1" t="s">
        <v>103818</v>
      </c>
      <c r="B29583" s="1" t="s">
        <v>96627</v>
      </c>
      <c r="C29583" s="1" t="s">
        <v>75</v>
      </c>
      <c r="D29583" s="1" t="s">
        <v>103851</v>
      </c>
      <c r="E29583" s="1" t="s">
        <v>15837</v>
      </c>
      <c r="F29583" s="1" t="s">
        <v>103852</v>
      </c>
      <c r="G29583" s="1" t="s">
        <v>103821</v>
      </c>
      <c r="H29583" s="1" t="s">
        <v>103822</v>
      </c>
      <c r="I29583" s="1" t="s">
        <v>96632</v>
      </c>
      <c r="J29583" s="1" t="s">
        <v>103853</v>
      </c>
    </row>
    <row r="29584" spans="1:10" x14ac:dyDescent="0.35">
      <c r="A29584" s="1" t="s">
        <v>103818</v>
      </c>
      <c r="B29584" s="1" t="s">
        <v>96627</v>
      </c>
      <c r="C29584" s="1" t="s">
        <v>80</v>
      </c>
      <c r="D29584" s="1" t="s">
        <v>103854</v>
      </c>
      <c r="E29584" s="1" t="s">
        <v>31725</v>
      </c>
      <c r="F29584" s="1" t="s">
        <v>103855</v>
      </c>
      <c r="G29584" s="1" t="s">
        <v>103821</v>
      </c>
      <c r="H29584" s="1" t="s">
        <v>103822</v>
      </c>
      <c r="I29584" s="1" t="s">
        <v>96632</v>
      </c>
      <c r="J29584" s="1" t="s">
        <v>103856</v>
      </c>
    </row>
    <row r="29585" spans="1:10" x14ac:dyDescent="0.35">
      <c r="A29585" s="1" t="s">
        <v>103818</v>
      </c>
      <c r="B29585" s="1" t="s">
        <v>96627</v>
      </c>
      <c r="C29585" s="1" t="s">
        <v>85</v>
      </c>
      <c r="D29585" s="1" t="s">
        <v>103857</v>
      </c>
      <c r="E29585" s="1" t="s">
        <v>56039</v>
      </c>
      <c r="F29585" s="1" t="s">
        <v>60535</v>
      </c>
      <c r="G29585" s="1" t="s">
        <v>103821</v>
      </c>
      <c r="H29585" s="1" t="s">
        <v>103822</v>
      </c>
      <c r="I29585" s="1" t="s">
        <v>96632</v>
      </c>
      <c r="J29585" s="1" t="s">
        <v>103858</v>
      </c>
    </row>
    <row r="29586" spans="1:10" x14ac:dyDescent="0.35">
      <c r="A29586" s="1" t="s">
        <v>103818</v>
      </c>
      <c r="B29586" s="1" t="s">
        <v>96627</v>
      </c>
      <c r="C29586" s="1" t="s">
        <v>90</v>
      </c>
      <c r="D29586" s="1" t="s">
        <v>103859</v>
      </c>
      <c r="E29586" s="1" t="s">
        <v>15598</v>
      </c>
      <c r="F29586" s="1" t="s">
        <v>103860</v>
      </c>
      <c r="G29586" s="1" t="s">
        <v>103821</v>
      </c>
      <c r="H29586" s="1" t="s">
        <v>103822</v>
      </c>
      <c r="I29586" s="1" t="s">
        <v>96632</v>
      </c>
      <c r="J29586" s="1" t="s">
        <v>103861</v>
      </c>
    </row>
    <row r="29587" spans="1:10" x14ac:dyDescent="0.35">
      <c r="A29587" s="1" t="s">
        <v>103818</v>
      </c>
      <c r="B29587" s="1" t="s">
        <v>96627</v>
      </c>
      <c r="C29587" s="1" t="s">
        <v>95</v>
      </c>
      <c r="D29587" s="1" t="s">
        <v>103862</v>
      </c>
      <c r="E29587" s="1" t="s">
        <v>31472</v>
      </c>
      <c r="F29587" s="1" t="s">
        <v>65368</v>
      </c>
      <c r="G29587" s="1" t="s">
        <v>103821</v>
      </c>
      <c r="H29587" s="1" t="s">
        <v>103822</v>
      </c>
      <c r="I29587" s="1" t="s">
        <v>96632</v>
      </c>
      <c r="J29587" s="1" t="s">
        <v>103863</v>
      </c>
    </row>
    <row r="29588" spans="1:10" x14ac:dyDescent="0.35">
      <c r="A29588" s="1" t="s">
        <v>103818</v>
      </c>
      <c r="B29588" s="1" t="s">
        <v>96627</v>
      </c>
      <c r="C29588" s="1" t="s">
        <v>100</v>
      </c>
      <c r="D29588" s="1" t="s">
        <v>55334</v>
      </c>
      <c r="E29588" s="1" t="s">
        <v>23195</v>
      </c>
      <c r="F29588" s="1" t="s">
        <v>103864</v>
      </c>
      <c r="G29588" s="1" t="s">
        <v>103821</v>
      </c>
      <c r="H29588" s="1" t="s">
        <v>103822</v>
      </c>
      <c r="I29588" s="1" t="s">
        <v>96632</v>
      </c>
      <c r="J29588" s="1" t="s">
        <v>103865</v>
      </c>
    </row>
    <row r="29589" spans="1:10" x14ac:dyDescent="0.35">
      <c r="A29589" s="1" t="s">
        <v>103818</v>
      </c>
      <c r="B29589" s="1" t="s">
        <v>96627</v>
      </c>
      <c r="C29589" s="1" t="s">
        <v>105</v>
      </c>
      <c r="D29589" s="1" t="s">
        <v>103866</v>
      </c>
      <c r="E29589" s="1" t="s">
        <v>31445</v>
      </c>
      <c r="F29589" s="1" t="s">
        <v>103867</v>
      </c>
      <c r="G29589" s="1" t="s">
        <v>103821</v>
      </c>
      <c r="H29589" s="1" t="s">
        <v>103822</v>
      </c>
      <c r="I29589" s="1" t="s">
        <v>96632</v>
      </c>
      <c r="J29589" s="1" t="s">
        <v>103868</v>
      </c>
    </row>
    <row r="29590" spans="1:10" x14ac:dyDescent="0.35">
      <c r="A29590" s="1" t="s">
        <v>103818</v>
      </c>
      <c r="B29590" s="1" t="s">
        <v>96627</v>
      </c>
      <c r="C29590" s="1" t="s">
        <v>110</v>
      </c>
      <c r="D29590" s="1" t="s">
        <v>103869</v>
      </c>
      <c r="E29590" s="1" t="s">
        <v>16101</v>
      </c>
      <c r="F29590" s="1" t="s">
        <v>69224</v>
      </c>
      <c r="G29590" s="1" t="s">
        <v>103821</v>
      </c>
      <c r="H29590" s="1" t="s">
        <v>103822</v>
      </c>
      <c r="I29590" s="1" t="s">
        <v>96632</v>
      </c>
      <c r="J29590" s="1" t="s">
        <v>103870</v>
      </c>
    </row>
    <row r="29591" spans="1:10" x14ac:dyDescent="0.35">
      <c r="A29591" s="1" t="s">
        <v>103818</v>
      </c>
      <c r="B29591" s="1" t="s">
        <v>96627</v>
      </c>
      <c r="C29591" s="1" t="s">
        <v>115</v>
      </c>
      <c r="D29591" s="1" t="s">
        <v>103871</v>
      </c>
      <c r="E29591" s="1" t="s">
        <v>26637</v>
      </c>
      <c r="F29591" s="1" t="s">
        <v>103872</v>
      </c>
      <c r="G29591" s="1" t="s">
        <v>103821</v>
      </c>
      <c r="H29591" s="1" t="s">
        <v>103822</v>
      </c>
      <c r="I29591" s="1" t="s">
        <v>96632</v>
      </c>
      <c r="J29591" s="1" t="s">
        <v>103873</v>
      </c>
    </row>
    <row r="29592" spans="1:10" x14ac:dyDescent="0.35">
      <c r="A29592" s="1" t="s">
        <v>103818</v>
      </c>
      <c r="B29592" s="1" t="s">
        <v>96627</v>
      </c>
      <c r="C29592" s="1" t="s">
        <v>120</v>
      </c>
      <c r="D29592" s="1" t="s">
        <v>103874</v>
      </c>
      <c r="E29592" s="1" t="s">
        <v>60824</v>
      </c>
      <c r="F29592" s="1" t="s">
        <v>103875</v>
      </c>
      <c r="G29592" s="1" t="s">
        <v>103821</v>
      </c>
      <c r="H29592" s="1" t="s">
        <v>103822</v>
      </c>
      <c r="I29592" s="1" t="s">
        <v>96632</v>
      </c>
      <c r="J29592" s="1" t="s">
        <v>103876</v>
      </c>
    </row>
    <row r="29593" spans="1:10" x14ac:dyDescent="0.35">
      <c r="A29593" s="1" t="s">
        <v>103818</v>
      </c>
      <c r="B29593" s="1" t="s">
        <v>96627</v>
      </c>
      <c r="C29593" s="1" t="s">
        <v>125</v>
      </c>
      <c r="D29593" s="1" t="s">
        <v>103877</v>
      </c>
      <c r="E29593" s="1" t="s">
        <v>23232</v>
      </c>
      <c r="F29593" s="1" t="s">
        <v>103878</v>
      </c>
      <c r="G29593" s="1" t="s">
        <v>103821</v>
      </c>
      <c r="H29593" s="1" t="s">
        <v>103822</v>
      </c>
      <c r="I29593" s="1" t="s">
        <v>96632</v>
      </c>
      <c r="J29593" s="1" t="s">
        <v>103879</v>
      </c>
    </row>
    <row r="29594" spans="1:10" x14ac:dyDescent="0.35">
      <c r="A29594" s="1" t="s">
        <v>103818</v>
      </c>
      <c r="B29594" s="1" t="s">
        <v>96627</v>
      </c>
      <c r="C29594" s="1" t="s">
        <v>130</v>
      </c>
      <c r="D29594" s="1" t="s">
        <v>103880</v>
      </c>
      <c r="E29594" s="1" t="s">
        <v>57128</v>
      </c>
      <c r="F29594" s="1" t="s">
        <v>103881</v>
      </c>
      <c r="G29594" s="1" t="s">
        <v>103821</v>
      </c>
      <c r="H29594" s="1" t="s">
        <v>103822</v>
      </c>
      <c r="I29594" s="1" t="s">
        <v>96632</v>
      </c>
      <c r="J29594" s="1" t="s">
        <v>103882</v>
      </c>
    </row>
    <row r="29595" spans="1:10" x14ac:dyDescent="0.35">
      <c r="A29595" s="1" t="s">
        <v>103818</v>
      </c>
      <c r="B29595" s="1" t="s">
        <v>96627</v>
      </c>
      <c r="C29595" s="1" t="s">
        <v>135</v>
      </c>
      <c r="D29595" s="1" t="s">
        <v>103883</v>
      </c>
      <c r="E29595" s="1" t="s">
        <v>24250</v>
      </c>
      <c r="F29595" s="1" t="s">
        <v>103884</v>
      </c>
      <c r="G29595" s="1" t="s">
        <v>103821</v>
      </c>
      <c r="H29595" s="1" t="s">
        <v>103822</v>
      </c>
      <c r="I29595" s="1" t="s">
        <v>96632</v>
      </c>
      <c r="J29595" s="1" t="s">
        <v>103885</v>
      </c>
    </row>
    <row r="29596" spans="1:10" x14ac:dyDescent="0.35">
      <c r="A29596" s="1" t="s">
        <v>103818</v>
      </c>
      <c r="B29596" s="1" t="s">
        <v>96627</v>
      </c>
      <c r="C29596" s="1" t="s">
        <v>140</v>
      </c>
      <c r="D29596" s="1" t="s">
        <v>103886</v>
      </c>
      <c r="E29596" s="1" t="s">
        <v>62764</v>
      </c>
      <c r="F29596" s="1" t="s">
        <v>54437</v>
      </c>
      <c r="G29596" s="1" t="s">
        <v>103821</v>
      </c>
      <c r="H29596" s="1" t="s">
        <v>103822</v>
      </c>
      <c r="I29596" s="1" t="s">
        <v>96632</v>
      </c>
      <c r="J29596" s="1" t="s">
        <v>103887</v>
      </c>
    </row>
    <row r="29597" spans="1:10" x14ac:dyDescent="0.35">
      <c r="A29597" s="1" t="s">
        <v>103818</v>
      </c>
      <c r="B29597" s="1" t="s">
        <v>96627</v>
      </c>
      <c r="C29597" s="1" t="s">
        <v>145</v>
      </c>
      <c r="D29597" s="1" t="s">
        <v>103888</v>
      </c>
      <c r="E29597" s="1" t="s">
        <v>64074</v>
      </c>
      <c r="F29597" s="1" t="s">
        <v>69118</v>
      </c>
      <c r="G29597" s="1" t="s">
        <v>103821</v>
      </c>
      <c r="H29597" s="1" t="s">
        <v>103822</v>
      </c>
      <c r="I29597" s="1" t="s">
        <v>96632</v>
      </c>
      <c r="J29597" s="1" t="s">
        <v>103889</v>
      </c>
    </row>
    <row r="29598" spans="1:10" x14ac:dyDescent="0.35">
      <c r="A29598" s="1" t="s">
        <v>103818</v>
      </c>
      <c r="B29598" s="1" t="s">
        <v>96627</v>
      </c>
      <c r="C29598" s="1" t="s">
        <v>150</v>
      </c>
      <c r="D29598" s="1" t="s">
        <v>103890</v>
      </c>
      <c r="E29598" s="1" t="s">
        <v>15927</v>
      </c>
      <c r="F29598" s="1" t="s">
        <v>103891</v>
      </c>
      <c r="G29598" s="1" t="s">
        <v>103821</v>
      </c>
      <c r="H29598" s="1" t="s">
        <v>103822</v>
      </c>
      <c r="I29598" s="1" t="s">
        <v>96632</v>
      </c>
      <c r="J29598" s="1" t="s">
        <v>103892</v>
      </c>
    </row>
    <row r="29599" spans="1:10" x14ac:dyDescent="0.35">
      <c r="A29599" s="1" t="s">
        <v>103818</v>
      </c>
      <c r="B29599" s="1" t="s">
        <v>96627</v>
      </c>
      <c r="C29599" s="1" t="s">
        <v>155</v>
      </c>
      <c r="D29599" s="1" t="s">
        <v>103893</v>
      </c>
      <c r="E29599" s="1" t="s">
        <v>27093</v>
      </c>
      <c r="F29599" s="1" t="s">
        <v>103894</v>
      </c>
      <c r="G29599" s="1" t="s">
        <v>103821</v>
      </c>
      <c r="H29599" s="1" t="s">
        <v>103822</v>
      </c>
      <c r="I29599" s="1" t="s">
        <v>96632</v>
      </c>
      <c r="J29599" s="1" t="s">
        <v>103895</v>
      </c>
    </row>
    <row r="29600" spans="1:10" x14ac:dyDescent="0.35">
      <c r="A29600" s="1" t="s">
        <v>103818</v>
      </c>
      <c r="B29600" s="1" t="s">
        <v>96627</v>
      </c>
      <c r="C29600" s="1" t="s">
        <v>160</v>
      </c>
      <c r="D29600" s="1" t="s">
        <v>103896</v>
      </c>
      <c r="E29600" s="1" t="s">
        <v>26625</v>
      </c>
      <c r="F29600" s="1" t="s">
        <v>103897</v>
      </c>
      <c r="G29600" s="1" t="s">
        <v>103821</v>
      </c>
      <c r="H29600" s="1" t="s">
        <v>103822</v>
      </c>
      <c r="I29600" s="1" t="s">
        <v>96632</v>
      </c>
      <c r="J29600" s="1" t="s">
        <v>103898</v>
      </c>
    </row>
    <row r="29601" spans="1:10" x14ac:dyDescent="0.35">
      <c r="A29601" s="1" t="s">
        <v>103818</v>
      </c>
      <c r="B29601" s="1" t="s">
        <v>96627</v>
      </c>
      <c r="C29601" s="1" t="s">
        <v>165</v>
      </c>
      <c r="D29601" s="1" t="s">
        <v>103899</v>
      </c>
      <c r="E29601" s="1" t="s">
        <v>54817</v>
      </c>
      <c r="F29601" s="1" t="s">
        <v>65500</v>
      </c>
      <c r="G29601" s="1" t="s">
        <v>103821</v>
      </c>
      <c r="H29601" s="1" t="s">
        <v>103822</v>
      </c>
      <c r="I29601" s="1" t="s">
        <v>96632</v>
      </c>
      <c r="J29601" s="1" t="s">
        <v>103900</v>
      </c>
    </row>
    <row r="29602" spans="1:10" x14ac:dyDescent="0.35">
      <c r="A29602" s="1" t="s">
        <v>103818</v>
      </c>
      <c r="B29602" s="1" t="s">
        <v>96627</v>
      </c>
      <c r="C29602" s="1" t="s">
        <v>170</v>
      </c>
      <c r="D29602" s="1" t="s">
        <v>103901</v>
      </c>
      <c r="E29602" s="1" t="s">
        <v>15571</v>
      </c>
      <c r="F29602" s="1" t="s">
        <v>31442</v>
      </c>
      <c r="G29602" s="1" t="s">
        <v>103821</v>
      </c>
      <c r="H29602" s="1" t="s">
        <v>103822</v>
      </c>
      <c r="I29602" s="1" t="s">
        <v>96632</v>
      </c>
      <c r="J29602" s="1" t="s">
        <v>103902</v>
      </c>
    </row>
    <row r="29603" spans="1:10" x14ac:dyDescent="0.35">
      <c r="A29603" s="1" t="s">
        <v>6282</v>
      </c>
      <c r="B29603" s="1" t="s">
        <v>96627</v>
      </c>
      <c r="C29603" s="1" t="s">
        <v>8</v>
      </c>
      <c r="D29603" s="1" t="s">
        <v>103903</v>
      </c>
      <c r="E29603" s="1" t="s">
        <v>15369</v>
      </c>
      <c r="F29603" s="1" t="s">
        <v>103904</v>
      </c>
      <c r="G29603" s="1" t="s">
        <v>103905</v>
      </c>
      <c r="H29603" s="1" t="s">
        <v>103906</v>
      </c>
      <c r="I29603" s="1" t="s">
        <v>96632</v>
      </c>
      <c r="J29603" s="1" t="s">
        <v>13</v>
      </c>
    </row>
    <row r="29604" spans="1:10" x14ac:dyDescent="0.35">
      <c r="A29604" s="1" t="s">
        <v>6282</v>
      </c>
      <c r="B29604" s="1" t="s">
        <v>96627</v>
      </c>
      <c r="C29604" s="1" t="s">
        <v>15</v>
      </c>
      <c r="D29604" s="1" t="s">
        <v>90446</v>
      </c>
      <c r="E29604" s="1" t="s">
        <v>55234</v>
      </c>
      <c r="F29604" s="1" t="s">
        <v>59839</v>
      </c>
      <c r="G29604" s="1" t="s">
        <v>103905</v>
      </c>
      <c r="H29604" s="1" t="s">
        <v>103906</v>
      </c>
      <c r="I29604" s="1" t="s">
        <v>96632</v>
      </c>
      <c r="J29604" s="1" t="s">
        <v>103907</v>
      </c>
    </row>
    <row r="29605" spans="1:10" x14ac:dyDescent="0.35">
      <c r="A29605" s="1" t="s">
        <v>6282</v>
      </c>
      <c r="B29605" s="1" t="s">
        <v>96627</v>
      </c>
      <c r="C29605" s="1" t="s">
        <v>20</v>
      </c>
      <c r="D29605" s="1" t="s">
        <v>103908</v>
      </c>
      <c r="E29605" s="1" t="s">
        <v>53936</v>
      </c>
      <c r="F29605" s="1" t="s">
        <v>68308</v>
      </c>
      <c r="G29605" s="1" t="s">
        <v>103905</v>
      </c>
      <c r="H29605" s="1" t="s">
        <v>103906</v>
      </c>
      <c r="I29605" s="1" t="s">
        <v>96632</v>
      </c>
      <c r="J29605" s="1" t="s">
        <v>103909</v>
      </c>
    </row>
    <row r="29606" spans="1:10" x14ac:dyDescent="0.35">
      <c r="A29606" s="1" t="s">
        <v>6282</v>
      </c>
      <c r="B29606" s="1" t="s">
        <v>96627</v>
      </c>
      <c r="C29606" s="1" t="s">
        <v>25</v>
      </c>
      <c r="D29606" s="1" t="s">
        <v>61308</v>
      </c>
      <c r="E29606" s="1" t="s">
        <v>103910</v>
      </c>
      <c r="F29606" s="1" t="s">
        <v>103911</v>
      </c>
      <c r="G29606" s="1" t="s">
        <v>103905</v>
      </c>
      <c r="H29606" s="1" t="s">
        <v>103906</v>
      </c>
      <c r="I29606" s="1" t="s">
        <v>96632</v>
      </c>
      <c r="J29606" s="1" t="s">
        <v>103912</v>
      </c>
    </row>
    <row r="29607" spans="1:10" x14ac:dyDescent="0.35">
      <c r="A29607" s="1" t="s">
        <v>6282</v>
      </c>
      <c r="B29607" s="1" t="s">
        <v>96627</v>
      </c>
      <c r="C29607" s="1" t="s">
        <v>30</v>
      </c>
      <c r="D29607" s="1" t="s">
        <v>103913</v>
      </c>
      <c r="E29607" s="1" t="s">
        <v>23521</v>
      </c>
      <c r="F29607" s="1" t="s">
        <v>103914</v>
      </c>
      <c r="G29607" s="1" t="s">
        <v>103905</v>
      </c>
      <c r="H29607" s="1" t="s">
        <v>103906</v>
      </c>
      <c r="I29607" s="1" t="s">
        <v>96632</v>
      </c>
      <c r="J29607" s="1" t="s">
        <v>103915</v>
      </c>
    </row>
    <row r="29608" spans="1:10" x14ac:dyDescent="0.35">
      <c r="A29608" s="1" t="s">
        <v>6282</v>
      </c>
      <c r="B29608" s="1" t="s">
        <v>96627</v>
      </c>
      <c r="C29608" s="1" t="s">
        <v>35</v>
      </c>
      <c r="D29608" s="1" t="s">
        <v>103916</v>
      </c>
      <c r="E29608" s="1" t="s">
        <v>62764</v>
      </c>
      <c r="F29608" s="1" t="s">
        <v>99086</v>
      </c>
      <c r="G29608" s="1" t="s">
        <v>103905</v>
      </c>
      <c r="H29608" s="1" t="s">
        <v>103906</v>
      </c>
      <c r="I29608" s="1" t="s">
        <v>96632</v>
      </c>
      <c r="J29608" s="1" t="s">
        <v>103917</v>
      </c>
    </row>
    <row r="29609" spans="1:10" x14ac:dyDescent="0.35">
      <c r="A29609" s="1" t="s">
        <v>6282</v>
      </c>
      <c r="B29609" s="1" t="s">
        <v>96627</v>
      </c>
      <c r="C29609" s="1" t="s">
        <v>40</v>
      </c>
      <c r="D29609" s="1" t="s">
        <v>103918</v>
      </c>
      <c r="E29609" s="1" t="s">
        <v>54413</v>
      </c>
      <c r="F29609" s="1" t="s">
        <v>59262</v>
      </c>
      <c r="G29609" s="1" t="s">
        <v>103905</v>
      </c>
      <c r="H29609" s="1" t="s">
        <v>103906</v>
      </c>
      <c r="I29609" s="1" t="s">
        <v>96632</v>
      </c>
      <c r="J29609" s="1" t="s">
        <v>103919</v>
      </c>
    </row>
    <row r="29610" spans="1:10" x14ac:dyDescent="0.35">
      <c r="A29610" s="1" t="s">
        <v>6282</v>
      </c>
      <c r="B29610" s="1" t="s">
        <v>96627</v>
      </c>
      <c r="C29610" s="1" t="s">
        <v>45</v>
      </c>
      <c r="D29610" s="1" t="s">
        <v>103920</v>
      </c>
      <c r="E29610" s="1" t="s">
        <v>15278</v>
      </c>
      <c r="F29610" s="1" t="s">
        <v>103921</v>
      </c>
      <c r="G29610" s="1" t="s">
        <v>103905</v>
      </c>
      <c r="H29610" s="1" t="s">
        <v>103906</v>
      </c>
      <c r="I29610" s="1" t="s">
        <v>96632</v>
      </c>
      <c r="J29610" s="1" t="s">
        <v>103922</v>
      </c>
    </row>
    <row r="29611" spans="1:10" x14ac:dyDescent="0.35">
      <c r="A29611" s="1" t="s">
        <v>6282</v>
      </c>
      <c r="B29611" s="1" t="s">
        <v>96627</v>
      </c>
      <c r="C29611" s="1" t="s">
        <v>50</v>
      </c>
      <c r="D29611" s="1" t="s">
        <v>76337</v>
      </c>
      <c r="E29611" s="1" t="s">
        <v>56784</v>
      </c>
      <c r="F29611" s="1" t="s">
        <v>60795</v>
      </c>
      <c r="G29611" s="1" t="s">
        <v>103905</v>
      </c>
      <c r="H29611" s="1" t="s">
        <v>103906</v>
      </c>
      <c r="I29611" s="1" t="s">
        <v>96632</v>
      </c>
      <c r="J29611" s="1" t="s">
        <v>103923</v>
      </c>
    </row>
    <row r="29612" spans="1:10" x14ac:dyDescent="0.35">
      <c r="A29612" s="1" t="s">
        <v>6282</v>
      </c>
      <c r="B29612" s="1" t="s">
        <v>96627</v>
      </c>
      <c r="C29612" s="1" t="s">
        <v>55</v>
      </c>
      <c r="D29612" s="1" t="s">
        <v>61750</v>
      </c>
      <c r="E29612" s="1" t="s">
        <v>15841</v>
      </c>
      <c r="F29612" s="1" t="s">
        <v>103924</v>
      </c>
      <c r="G29612" s="1" t="s">
        <v>103905</v>
      </c>
      <c r="H29612" s="1" t="s">
        <v>103906</v>
      </c>
      <c r="I29612" s="1" t="s">
        <v>96632</v>
      </c>
      <c r="J29612" s="1" t="s">
        <v>103925</v>
      </c>
    </row>
    <row r="29613" spans="1:10" x14ac:dyDescent="0.35">
      <c r="A29613" s="1" t="s">
        <v>6282</v>
      </c>
      <c r="B29613" s="1" t="s">
        <v>96627</v>
      </c>
      <c r="C29613" s="1" t="s">
        <v>60</v>
      </c>
      <c r="D29613" s="1" t="s">
        <v>26467</v>
      </c>
      <c r="E29613" s="1" t="s">
        <v>58951</v>
      </c>
      <c r="F29613" s="1" t="s">
        <v>60871</v>
      </c>
      <c r="G29613" s="1" t="s">
        <v>103905</v>
      </c>
      <c r="H29613" s="1" t="s">
        <v>103906</v>
      </c>
      <c r="I29613" s="1" t="s">
        <v>96632</v>
      </c>
      <c r="J29613" s="1" t="s">
        <v>103926</v>
      </c>
    </row>
    <row r="29614" spans="1:10" x14ac:dyDescent="0.35">
      <c r="A29614" s="1" t="s">
        <v>6282</v>
      </c>
      <c r="B29614" s="1" t="s">
        <v>96627</v>
      </c>
      <c r="C29614" s="1" t="s">
        <v>65</v>
      </c>
      <c r="D29614" s="1" t="s">
        <v>98569</v>
      </c>
      <c r="E29614" s="1" t="s">
        <v>54650</v>
      </c>
      <c r="F29614" s="1" t="s">
        <v>54656</v>
      </c>
      <c r="G29614" s="1" t="s">
        <v>103905</v>
      </c>
      <c r="H29614" s="1" t="s">
        <v>103906</v>
      </c>
      <c r="I29614" s="1" t="s">
        <v>96632</v>
      </c>
      <c r="J29614" s="1" t="s">
        <v>103927</v>
      </c>
    </row>
    <row r="29615" spans="1:10" x14ac:dyDescent="0.35">
      <c r="A29615" s="1" t="s">
        <v>6282</v>
      </c>
      <c r="B29615" s="1" t="s">
        <v>96627</v>
      </c>
      <c r="C29615" s="1" t="s">
        <v>70</v>
      </c>
      <c r="D29615" s="1" t="s">
        <v>103928</v>
      </c>
      <c r="E29615" s="1" t="s">
        <v>24182</v>
      </c>
      <c r="F29615" s="1" t="s">
        <v>103929</v>
      </c>
      <c r="G29615" s="1" t="s">
        <v>103905</v>
      </c>
      <c r="H29615" s="1" t="s">
        <v>103906</v>
      </c>
      <c r="I29615" s="1" t="s">
        <v>96632</v>
      </c>
      <c r="J29615" s="1" t="s">
        <v>103930</v>
      </c>
    </row>
    <row r="29616" spans="1:10" x14ac:dyDescent="0.35">
      <c r="A29616" s="1" t="s">
        <v>6282</v>
      </c>
      <c r="B29616" s="1" t="s">
        <v>96627</v>
      </c>
      <c r="C29616" s="1" t="s">
        <v>75</v>
      </c>
      <c r="D29616" s="1" t="s">
        <v>101131</v>
      </c>
      <c r="E29616" s="1" t="s">
        <v>15872</v>
      </c>
      <c r="F29616" s="1" t="s">
        <v>103931</v>
      </c>
      <c r="G29616" s="1" t="s">
        <v>103905</v>
      </c>
      <c r="H29616" s="1" t="s">
        <v>103906</v>
      </c>
      <c r="I29616" s="1" t="s">
        <v>96632</v>
      </c>
      <c r="J29616" s="1" t="s">
        <v>103932</v>
      </c>
    </row>
    <row r="29617" spans="1:10" x14ac:dyDescent="0.35">
      <c r="A29617" s="1" t="s">
        <v>6282</v>
      </c>
      <c r="B29617" s="1" t="s">
        <v>96627</v>
      </c>
      <c r="C29617" s="1" t="s">
        <v>80</v>
      </c>
      <c r="D29617" s="1" t="s">
        <v>20335</v>
      </c>
      <c r="E29617" s="1" t="s">
        <v>56842</v>
      </c>
      <c r="F29617" s="1" t="s">
        <v>30671</v>
      </c>
      <c r="G29617" s="1" t="s">
        <v>103905</v>
      </c>
      <c r="H29617" s="1" t="s">
        <v>103906</v>
      </c>
      <c r="I29617" s="1" t="s">
        <v>96632</v>
      </c>
      <c r="J29617" s="1" t="s">
        <v>103933</v>
      </c>
    </row>
    <row r="29618" spans="1:10" x14ac:dyDescent="0.35">
      <c r="A29618" s="1" t="s">
        <v>6282</v>
      </c>
      <c r="B29618" s="1" t="s">
        <v>96627</v>
      </c>
      <c r="C29618" s="1" t="s">
        <v>85</v>
      </c>
      <c r="D29618" s="1" t="s">
        <v>103934</v>
      </c>
      <c r="E29618" s="1" t="s">
        <v>23221</v>
      </c>
      <c r="F29618" s="1" t="s">
        <v>103935</v>
      </c>
      <c r="G29618" s="1" t="s">
        <v>103905</v>
      </c>
      <c r="H29618" s="1" t="s">
        <v>103906</v>
      </c>
      <c r="I29618" s="1" t="s">
        <v>96632</v>
      </c>
      <c r="J29618" s="1" t="s">
        <v>103936</v>
      </c>
    </row>
    <row r="29619" spans="1:10" x14ac:dyDescent="0.35">
      <c r="A29619" s="1" t="s">
        <v>6282</v>
      </c>
      <c r="B29619" s="1" t="s">
        <v>96627</v>
      </c>
      <c r="C29619" s="1" t="s">
        <v>90</v>
      </c>
      <c r="D29619" s="1" t="s">
        <v>53532</v>
      </c>
      <c r="E29619" s="1" t="s">
        <v>23517</v>
      </c>
      <c r="F29619" s="1" t="s">
        <v>103937</v>
      </c>
      <c r="G29619" s="1" t="s">
        <v>103905</v>
      </c>
      <c r="H29619" s="1" t="s">
        <v>103906</v>
      </c>
      <c r="I29619" s="1" t="s">
        <v>96632</v>
      </c>
      <c r="J29619" s="1" t="s">
        <v>103938</v>
      </c>
    </row>
    <row r="29620" spans="1:10" x14ac:dyDescent="0.35">
      <c r="A29620" s="1" t="s">
        <v>6282</v>
      </c>
      <c r="B29620" s="1" t="s">
        <v>96627</v>
      </c>
      <c r="C29620" s="1" t="s">
        <v>95</v>
      </c>
      <c r="D29620" s="1" t="s">
        <v>103939</v>
      </c>
      <c r="E29620" s="1" t="s">
        <v>23210</v>
      </c>
      <c r="F29620" s="1" t="s">
        <v>103940</v>
      </c>
      <c r="G29620" s="1" t="s">
        <v>103905</v>
      </c>
      <c r="H29620" s="1" t="s">
        <v>103906</v>
      </c>
      <c r="I29620" s="1" t="s">
        <v>96632</v>
      </c>
      <c r="J29620" s="1" t="s">
        <v>103941</v>
      </c>
    </row>
    <row r="29621" spans="1:10" x14ac:dyDescent="0.35">
      <c r="A29621" s="1" t="s">
        <v>6282</v>
      </c>
      <c r="B29621" s="1" t="s">
        <v>96627</v>
      </c>
      <c r="C29621" s="1" t="s">
        <v>100</v>
      </c>
      <c r="D29621" s="1" t="s">
        <v>89984</v>
      </c>
      <c r="E29621" s="1" t="s">
        <v>26560</v>
      </c>
      <c r="F29621" s="1" t="s">
        <v>103942</v>
      </c>
      <c r="G29621" s="1" t="s">
        <v>103905</v>
      </c>
      <c r="H29621" s="1" t="s">
        <v>103906</v>
      </c>
      <c r="I29621" s="1" t="s">
        <v>96632</v>
      </c>
      <c r="J29621" s="1" t="s">
        <v>103943</v>
      </c>
    </row>
    <row r="29622" spans="1:10" x14ac:dyDescent="0.35">
      <c r="A29622" s="1" t="s">
        <v>6282</v>
      </c>
      <c r="B29622" s="1" t="s">
        <v>96627</v>
      </c>
      <c r="C29622" s="1" t="s">
        <v>105</v>
      </c>
      <c r="D29622" s="1" t="s">
        <v>56743</v>
      </c>
      <c r="E29622" s="1" t="s">
        <v>23195</v>
      </c>
      <c r="F29622" s="1" t="s">
        <v>21907</v>
      </c>
      <c r="G29622" s="1" t="s">
        <v>103905</v>
      </c>
      <c r="H29622" s="1" t="s">
        <v>103906</v>
      </c>
      <c r="I29622" s="1" t="s">
        <v>96632</v>
      </c>
      <c r="J29622" s="1" t="s">
        <v>103944</v>
      </c>
    </row>
    <row r="29623" spans="1:10" x14ac:dyDescent="0.35">
      <c r="A29623" s="1" t="s">
        <v>6282</v>
      </c>
      <c r="B29623" s="1" t="s">
        <v>96627</v>
      </c>
      <c r="C29623" s="1" t="s">
        <v>110</v>
      </c>
      <c r="D29623" s="1" t="s">
        <v>65861</v>
      </c>
      <c r="E29623" s="1" t="s">
        <v>55308</v>
      </c>
      <c r="F29623" s="1" t="s">
        <v>31816</v>
      </c>
      <c r="G29623" s="1" t="s">
        <v>103905</v>
      </c>
      <c r="H29623" s="1" t="s">
        <v>103906</v>
      </c>
      <c r="I29623" s="1" t="s">
        <v>96632</v>
      </c>
      <c r="J29623" s="1" t="s">
        <v>103945</v>
      </c>
    </row>
    <row r="29624" spans="1:10" x14ac:dyDescent="0.35">
      <c r="A29624" s="1" t="s">
        <v>6282</v>
      </c>
      <c r="B29624" s="1" t="s">
        <v>96627</v>
      </c>
      <c r="C29624" s="1" t="s">
        <v>115</v>
      </c>
      <c r="D29624" s="1" t="s">
        <v>89279</v>
      </c>
      <c r="E29624" s="1" t="s">
        <v>15365</v>
      </c>
      <c r="F29624" s="1" t="s">
        <v>103946</v>
      </c>
      <c r="G29624" s="1" t="s">
        <v>103905</v>
      </c>
      <c r="H29624" s="1" t="s">
        <v>103906</v>
      </c>
      <c r="I29624" s="1" t="s">
        <v>96632</v>
      </c>
      <c r="J29624" s="1" t="s">
        <v>103947</v>
      </c>
    </row>
    <row r="29625" spans="1:10" x14ac:dyDescent="0.35">
      <c r="A29625" s="1" t="s">
        <v>6282</v>
      </c>
      <c r="B29625" s="1" t="s">
        <v>96627</v>
      </c>
      <c r="C29625" s="1" t="s">
        <v>120</v>
      </c>
      <c r="D29625" s="1" t="s">
        <v>103948</v>
      </c>
      <c r="E29625" s="1" t="s">
        <v>26247</v>
      </c>
      <c r="F29625" s="1" t="s">
        <v>103949</v>
      </c>
      <c r="G29625" s="1" t="s">
        <v>103905</v>
      </c>
      <c r="H29625" s="1" t="s">
        <v>103906</v>
      </c>
      <c r="I29625" s="1" t="s">
        <v>96632</v>
      </c>
      <c r="J29625" s="1" t="s">
        <v>103950</v>
      </c>
    </row>
    <row r="29626" spans="1:10" x14ac:dyDescent="0.35">
      <c r="A29626" s="1" t="s">
        <v>6282</v>
      </c>
      <c r="B29626" s="1" t="s">
        <v>96627</v>
      </c>
      <c r="C29626" s="1" t="s">
        <v>125</v>
      </c>
      <c r="D29626" s="1" t="s">
        <v>103951</v>
      </c>
      <c r="E29626" s="1" t="s">
        <v>58783</v>
      </c>
      <c r="F29626" s="1" t="s">
        <v>103952</v>
      </c>
      <c r="G29626" s="1" t="s">
        <v>103905</v>
      </c>
      <c r="H29626" s="1" t="s">
        <v>103906</v>
      </c>
      <c r="I29626" s="1" t="s">
        <v>96632</v>
      </c>
      <c r="J29626" s="1" t="s">
        <v>103953</v>
      </c>
    </row>
    <row r="29627" spans="1:10" x14ac:dyDescent="0.35">
      <c r="A29627" s="1" t="s">
        <v>6282</v>
      </c>
      <c r="B29627" s="1" t="s">
        <v>96627</v>
      </c>
      <c r="C29627" s="1" t="s">
        <v>130</v>
      </c>
      <c r="D29627" s="1" t="s">
        <v>103954</v>
      </c>
      <c r="E29627" s="1" t="s">
        <v>15413</v>
      </c>
      <c r="F29627" s="1" t="s">
        <v>103955</v>
      </c>
      <c r="G29627" s="1" t="s">
        <v>103905</v>
      </c>
      <c r="H29627" s="1" t="s">
        <v>103906</v>
      </c>
      <c r="I29627" s="1" t="s">
        <v>96632</v>
      </c>
      <c r="J29627" s="1" t="s">
        <v>103956</v>
      </c>
    </row>
    <row r="29628" spans="1:10" x14ac:dyDescent="0.35">
      <c r="A29628" s="1" t="s">
        <v>6282</v>
      </c>
      <c r="B29628" s="1" t="s">
        <v>96627</v>
      </c>
      <c r="C29628" s="1" t="s">
        <v>135</v>
      </c>
      <c r="D29628" s="1" t="s">
        <v>103957</v>
      </c>
      <c r="E29628" s="1" t="s">
        <v>63929</v>
      </c>
      <c r="F29628" s="1" t="s">
        <v>103958</v>
      </c>
      <c r="G29628" s="1" t="s">
        <v>103905</v>
      </c>
      <c r="H29628" s="1" t="s">
        <v>103906</v>
      </c>
      <c r="I29628" s="1" t="s">
        <v>96632</v>
      </c>
      <c r="J29628" s="1" t="s">
        <v>103959</v>
      </c>
    </row>
    <row r="29629" spans="1:10" x14ac:dyDescent="0.35">
      <c r="A29629" s="1" t="s">
        <v>6282</v>
      </c>
      <c r="B29629" s="1" t="s">
        <v>96627</v>
      </c>
      <c r="C29629" s="1" t="s">
        <v>140</v>
      </c>
      <c r="D29629" s="1" t="s">
        <v>69757</v>
      </c>
      <c r="E29629" s="1" t="s">
        <v>65303</v>
      </c>
      <c r="F29629" s="1" t="s">
        <v>58303</v>
      </c>
      <c r="G29629" s="1" t="s">
        <v>103905</v>
      </c>
      <c r="H29629" s="1" t="s">
        <v>103906</v>
      </c>
      <c r="I29629" s="1" t="s">
        <v>96632</v>
      </c>
      <c r="J29629" s="1" t="s">
        <v>103960</v>
      </c>
    </row>
    <row r="29630" spans="1:10" x14ac:dyDescent="0.35">
      <c r="A29630" s="1" t="s">
        <v>6282</v>
      </c>
      <c r="B29630" s="1" t="s">
        <v>96627</v>
      </c>
      <c r="C29630" s="1" t="s">
        <v>145</v>
      </c>
      <c r="D29630" s="1" t="s">
        <v>24926</v>
      </c>
      <c r="E29630" s="1" t="s">
        <v>22302</v>
      </c>
      <c r="F29630" s="1" t="s">
        <v>62638</v>
      </c>
      <c r="G29630" s="1" t="s">
        <v>103905</v>
      </c>
      <c r="H29630" s="1" t="s">
        <v>103906</v>
      </c>
      <c r="I29630" s="1" t="s">
        <v>96632</v>
      </c>
      <c r="J29630" s="1" t="s">
        <v>103961</v>
      </c>
    </row>
    <row r="29631" spans="1:10" x14ac:dyDescent="0.35">
      <c r="A29631" s="1" t="s">
        <v>6282</v>
      </c>
      <c r="B29631" s="1" t="s">
        <v>96627</v>
      </c>
      <c r="C29631" s="1" t="s">
        <v>150</v>
      </c>
      <c r="D29631" s="1" t="s">
        <v>103962</v>
      </c>
      <c r="E29631" s="1" t="s">
        <v>31953</v>
      </c>
      <c r="F29631" s="1" t="s">
        <v>103963</v>
      </c>
      <c r="G29631" s="1" t="s">
        <v>103905</v>
      </c>
      <c r="H29631" s="1" t="s">
        <v>103906</v>
      </c>
      <c r="I29631" s="1" t="s">
        <v>96632</v>
      </c>
      <c r="J29631" s="1" t="s">
        <v>103964</v>
      </c>
    </row>
    <row r="29632" spans="1:10" x14ac:dyDescent="0.35">
      <c r="A29632" s="1" t="s">
        <v>6282</v>
      </c>
      <c r="B29632" s="1" t="s">
        <v>96627</v>
      </c>
      <c r="C29632" s="1" t="s">
        <v>155</v>
      </c>
      <c r="D29632" s="1" t="s">
        <v>67305</v>
      </c>
      <c r="E29632" s="1" t="s">
        <v>15927</v>
      </c>
      <c r="F29632" s="1" t="s">
        <v>103965</v>
      </c>
      <c r="G29632" s="1" t="s">
        <v>103905</v>
      </c>
      <c r="H29632" s="1" t="s">
        <v>103906</v>
      </c>
      <c r="I29632" s="1" t="s">
        <v>96632</v>
      </c>
      <c r="J29632" s="1" t="s">
        <v>103966</v>
      </c>
    </row>
    <row r="29633" spans="1:10" x14ac:dyDescent="0.35">
      <c r="A29633" s="1" t="s">
        <v>6282</v>
      </c>
      <c r="B29633" s="1" t="s">
        <v>96627</v>
      </c>
      <c r="C29633" s="1" t="s">
        <v>160</v>
      </c>
      <c r="D29633" s="1" t="s">
        <v>69567</v>
      </c>
      <c r="E29633" s="1" t="s">
        <v>32113</v>
      </c>
      <c r="F29633" s="1" t="s">
        <v>103967</v>
      </c>
      <c r="G29633" s="1" t="s">
        <v>103905</v>
      </c>
      <c r="H29633" s="1" t="s">
        <v>103906</v>
      </c>
      <c r="I29633" s="1" t="s">
        <v>96632</v>
      </c>
      <c r="J29633" s="1" t="s">
        <v>103968</v>
      </c>
    </row>
    <row r="29634" spans="1:10" x14ac:dyDescent="0.35">
      <c r="A29634" s="1" t="s">
        <v>6282</v>
      </c>
      <c r="B29634" s="1" t="s">
        <v>96627</v>
      </c>
      <c r="C29634" s="1" t="s">
        <v>165</v>
      </c>
      <c r="D29634" s="1" t="s">
        <v>100626</v>
      </c>
      <c r="E29634" s="1" t="s">
        <v>15841</v>
      </c>
      <c r="F29634" s="1" t="s">
        <v>103969</v>
      </c>
      <c r="G29634" s="1" t="s">
        <v>103905</v>
      </c>
      <c r="H29634" s="1" t="s">
        <v>103906</v>
      </c>
      <c r="I29634" s="1" t="s">
        <v>96632</v>
      </c>
      <c r="J29634" s="1" t="s">
        <v>103970</v>
      </c>
    </row>
    <row r="29635" spans="1:10" x14ac:dyDescent="0.35">
      <c r="A29635" s="1" t="s">
        <v>6282</v>
      </c>
      <c r="B29635" s="1" t="s">
        <v>96627</v>
      </c>
      <c r="C29635" s="1" t="s">
        <v>170</v>
      </c>
      <c r="D29635" s="1" t="s">
        <v>103971</v>
      </c>
      <c r="E29635" s="1" t="s">
        <v>97155</v>
      </c>
      <c r="F29635" s="1" t="s">
        <v>56251</v>
      </c>
      <c r="G29635" s="1" t="s">
        <v>103905</v>
      </c>
      <c r="H29635" s="1" t="s">
        <v>103906</v>
      </c>
      <c r="I29635" s="1" t="s">
        <v>96632</v>
      </c>
      <c r="J29635" s="1" t="s">
        <v>103972</v>
      </c>
    </row>
    <row r="29636" spans="1:10" x14ac:dyDescent="0.35">
      <c r="A29636" s="1" t="s">
        <v>12903</v>
      </c>
      <c r="B29636" s="1" t="s">
        <v>96627</v>
      </c>
      <c r="C29636" s="1" t="s">
        <v>8</v>
      </c>
      <c r="D29636" s="1" t="s">
        <v>103973</v>
      </c>
      <c r="E29636" s="1" t="s">
        <v>54474</v>
      </c>
      <c r="F29636" s="1" t="s">
        <v>103974</v>
      </c>
      <c r="G29636" s="1" t="s">
        <v>103975</v>
      </c>
      <c r="H29636" s="1" t="s">
        <v>103976</v>
      </c>
      <c r="I29636" s="1" t="s">
        <v>96632</v>
      </c>
      <c r="J29636" s="1" t="s">
        <v>13</v>
      </c>
    </row>
    <row r="29637" spans="1:10" x14ac:dyDescent="0.35">
      <c r="A29637" s="1" t="s">
        <v>12903</v>
      </c>
      <c r="B29637" s="1" t="s">
        <v>96627</v>
      </c>
      <c r="C29637" s="1" t="s">
        <v>15</v>
      </c>
      <c r="D29637" s="1" t="s">
        <v>101207</v>
      </c>
      <c r="E29637" s="1" t="s">
        <v>57237</v>
      </c>
      <c r="F29637" s="1" t="s">
        <v>69248</v>
      </c>
      <c r="G29637" s="1" t="s">
        <v>103975</v>
      </c>
      <c r="H29637" s="1" t="s">
        <v>103976</v>
      </c>
      <c r="I29637" s="1" t="s">
        <v>96632</v>
      </c>
      <c r="J29637" s="1" t="s">
        <v>103977</v>
      </c>
    </row>
    <row r="29638" spans="1:10" x14ac:dyDescent="0.35">
      <c r="A29638" s="1" t="s">
        <v>12903</v>
      </c>
      <c r="B29638" s="1" t="s">
        <v>96627</v>
      </c>
      <c r="C29638" s="1" t="s">
        <v>20</v>
      </c>
      <c r="D29638" s="1" t="s">
        <v>103978</v>
      </c>
      <c r="E29638" s="1" t="s">
        <v>23195</v>
      </c>
      <c r="F29638" s="1" t="s">
        <v>103979</v>
      </c>
      <c r="G29638" s="1" t="s">
        <v>103975</v>
      </c>
      <c r="H29638" s="1" t="s">
        <v>103976</v>
      </c>
      <c r="I29638" s="1" t="s">
        <v>96632</v>
      </c>
      <c r="J29638" s="1" t="s">
        <v>103980</v>
      </c>
    </row>
    <row r="29639" spans="1:10" x14ac:dyDescent="0.35">
      <c r="A29639" s="1" t="s">
        <v>12903</v>
      </c>
      <c r="B29639" s="1" t="s">
        <v>96627</v>
      </c>
      <c r="C29639" s="1" t="s">
        <v>25</v>
      </c>
      <c r="D29639" s="1" t="s">
        <v>103981</v>
      </c>
      <c r="E29639" s="1" t="s">
        <v>41298</v>
      </c>
      <c r="F29639" s="1" t="s">
        <v>56251</v>
      </c>
      <c r="G29639" s="1" t="s">
        <v>103975</v>
      </c>
      <c r="H29639" s="1" t="s">
        <v>103976</v>
      </c>
      <c r="I29639" s="1" t="s">
        <v>96632</v>
      </c>
      <c r="J29639" s="1" t="s">
        <v>103982</v>
      </c>
    </row>
    <row r="29640" spans="1:10" x14ac:dyDescent="0.35">
      <c r="A29640" s="1" t="s">
        <v>12903</v>
      </c>
      <c r="B29640" s="1" t="s">
        <v>96627</v>
      </c>
      <c r="C29640" s="1" t="s">
        <v>30</v>
      </c>
      <c r="D29640" s="1" t="s">
        <v>103983</v>
      </c>
      <c r="E29640" s="1" t="s">
        <v>24408</v>
      </c>
      <c r="F29640" s="1" t="s">
        <v>26638</v>
      </c>
      <c r="G29640" s="1" t="s">
        <v>103975</v>
      </c>
      <c r="H29640" s="1" t="s">
        <v>103976</v>
      </c>
      <c r="I29640" s="1" t="s">
        <v>96632</v>
      </c>
      <c r="J29640" s="1" t="s">
        <v>103984</v>
      </c>
    </row>
    <row r="29641" spans="1:10" x14ac:dyDescent="0.35">
      <c r="A29641" s="1" t="s">
        <v>12903</v>
      </c>
      <c r="B29641" s="1" t="s">
        <v>96627</v>
      </c>
      <c r="C29641" s="1" t="s">
        <v>35</v>
      </c>
      <c r="D29641" s="1" t="s">
        <v>62951</v>
      </c>
      <c r="E29641" s="1" t="s">
        <v>15361</v>
      </c>
      <c r="F29641" s="1" t="s">
        <v>103985</v>
      </c>
      <c r="G29641" s="1" t="s">
        <v>103975</v>
      </c>
      <c r="H29641" s="1" t="s">
        <v>103976</v>
      </c>
      <c r="I29641" s="1" t="s">
        <v>96632</v>
      </c>
      <c r="J29641" s="1" t="s">
        <v>103986</v>
      </c>
    </row>
    <row r="29642" spans="1:10" x14ac:dyDescent="0.35">
      <c r="A29642" s="1" t="s">
        <v>12903</v>
      </c>
      <c r="B29642" s="1" t="s">
        <v>96627</v>
      </c>
      <c r="C29642" s="1" t="s">
        <v>40</v>
      </c>
      <c r="D29642" s="1" t="s">
        <v>58743</v>
      </c>
      <c r="E29642" s="1" t="s">
        <v>15221</v>
      </c>
      <c r="F29642" s="1" t="s">
        <v>103987</v>
      </c>
      <c r="G29642" s="1" t="s">
        <v>103975</v>
      </c>
      <c r="H29642" s="1" t="s">
        <v>103976</v>
      </c>
      <c r="I29642" s="1" t="s">
        <v>96632</v>
      </c>
      <c r="J29642" s="1" t="s">
        <v>103988</v>
      </c>
    </row>
    <row r="29643" spans="1:10" x14ac:dyDescent="0.35">
      <c r="A29643" s="1" t="s">
        <v>12903</v>
      </c>
      <c r="B29643" s="1" t="s">
        <v>96627</v>
      </c>
      <c r="C29643" s="1" t="s">
        <v>45</v>
      </c>
      <c r="D29643" s="1" t="s">
        <v>103989</v>
      </c>
      <c r="E29643" s="1" t="s">
        <v>15903</v>
      </c>
      <c r="F29643" s="1" t="s">
        <v>103990</v>
      </c>
      <c r="G29643" s="1" t="s">
        <v>103975</v>
      </c>
      <c r="H29643" s="1" t="s">
        <v>103976</v>
      </c>
      <c r="I29643" s="1" t="s">
        <v>96632</v>
      </c>
      <c r="J29643" s="1" t="s">
        <v>103991</v>
      </c>
    </row>
    <row r="29644" spans="1:10" x14ac:dyDescent="0.35">
      <c r="A29644" s="1" t="s">
        <v>12903</v>
      </c>
      <c r="B29644" s="1" t="s">
        <v>96627</v>
      </c>
      <c r="C29644" s="1" t="s">
        <v>50</v>
      </c>
      <c r="D29644" s="1" t="s">
        <v>88738</v>
      </c>
      <c r="E29644" s="1" t="s">
        <v>15293</v>
      </c>
      <c r="F29644" s="1" t="s">
        <v>56954</v>
      </c>
      <c r="G29644" s="1" t="s">
        <v>103975</v>
      </c>
      <c r="H29644" s="1" t="s">
        <v>103976</v>
      </c>
      <c r="I29644" s="1" t="s">
        <v>96632</v>
      </c>
      <c r="J29644" s="1" t="s">
        <v>103992</v>
      </c>
    </row>
    <row r="29645" spans="1:10" x14ac:dyDescent="0.35">
      <c r="A29645" s="1" t="s">
        <v>12903</v>
      </c>
      <c r="B29645" s="1" t="s">
        <v>96627</v>
      </c>
      <c r="C29645" s="1" t="s">
        <v>55</v>
      </c>
      <c r="D29645" s="1" t="s">
        <v>103993</v>
      </c>
      <c r="E29645" s="1" t="s">
        <v>56134</v>
      </c>
      <c r="F29645" s="1" t="s">
        <v>27108</v>
      </c>
      <c r="G29645" s="1" t="s">
        <v>103975</v>
      </c>
      <c r="H29645" s="1" t="s">
        <v>103976</v>
      </c>
      <c r="I29645" s="1" t="s">
        <v>96632</v>
      </c>
      <c r="J29645" s="1" t="s">
        <v>103994</v>
      </c>
    </row>
    <row r="29646" spans="1:10" x14ac:dyDescent="0.35">
      <c r="A29646" s="1" t="s">
        <v>12903</v>
      </c>
      <c r="B29646" s="1" t="s">
        <v>96627</v>
      </c>
      <c r="C29646" s="1" t="s">
        <v>60</v>
      </c>
      <c r="D29646" s="1" t="s">
        <v>103995</v>
      </c>
      <c r="E29646" s="1" t="s">
        <v>56686</v>
      </c>
      <c r="F29646" s="1" t="s">
        <v>103996</v>
      </c>
      <c r="G29646" s="1" t="s">
        <v>103975</v>
      </c>
      <c r="H29646" s="1" t="s">
        <v>103976</v>
      </c>
      <c r="I29646" s="1" t="s">
        <v>96632</v>
      </c>
      <c r="J29646" s="1" t="s">
        <v>103997</v>
      </c>
    </row>
    <row r="29647" spans="1:10" x14ac:dyDescent="0.35">
      <c r="A29647" s="1" t="s">
        <v>12903</v>
      </c>
      <c r="B29647" s="1" t="s">
        <v>96627</v>
      </c>
      <c r="C29647" s="1" t="s">
        <v>65</v>
      </c>
      <c r="D29647" s="1" t="s">
        <v>55224</v>
      </c>
      <c r="E29647" s="1" t="s">
        <v>15214</v>
      </c>
      <c r="F29647" s="1" t="s">
        <v>103998</v>
      </c>
      <c r="G29647" s="1" t="s">
        <v>103975</v>
      </c>
      <c r="H29647" s="1" t="s">
        <v>103976</v>
      </c>
      <c r="I29647" s="1" t="s">
        <v>96632</v>
      </c>
      <c r="J29647" s="1" t="s">
        <v>103999</v>
      </c>
    </row>
    <row r="29648" spans="1:10" x14ac:dyDescent="0.35">
      <c r="A29648" s="1" t="s">
        <v>12903</v>
      </c>
      <c r="B29648" s="1" t="s">
        <v>96627</v>
      </c>
      <c r="C29648" s="1" t="s">
        <v>70</v>
      </c>
      <c r="D29648" s="1" t="s">
        <v>69419</v>
      </c>
      <c r="E29648" s="1" t="s">
        <v>104000</v>
      </c>
      <c r="F29648" s="1" t="s">
        <v>65371</v>
      </c>
      <c r="G29648" s="1" t="s">
        <v>103975</v>
      </c>
      <c r="H29648" s="1" t="s">
        <v>103976</v>
      </c>
      <c r="I29648" s="1" t="s">
        <v>96632</v>
      </c>
      <c r="J29648" s="1" t="s">
        <v>104001</v>
      </c>
    </row>
    <row r="29649" spans="1:10" x14ac:dyDescent="0.35">
      <c r="A29649" s="1" t="s">
        <v>12903</v>
      </c>
      <c r="B29649" s="1" t="s">
        <v>96627</v>
      </c>
      <c r="C29649" s="1" t="s">
        <v>75</v>
      </c>
      <c r="D29649" s="1" t="s">
        <v>104002</v>
      </c>
      <c r="E29649" s="1" t="s">
        <v>31480</v>
      </c>
      <c r="F29649" s="1" t="s">
        <v>104003</v>
      </c>
      <c r="G29649" s="1" t="s">
        <v>103975</v>
      </c>
      <c r="H29649" s="1" t="s">
        <v>103976</v>
      </c>
      <c r="I29649" s="1" t="s">
        <v>96632</v>
      </c>
      <c r="J29649" s="1" t="s">
        <v>104004</v>
      </c>
    </row>
    <row r="29650" spans="1:10" x14ac:dyDescent="0.35">
      <c r="A29650" s="1" t="s">
        <v>12903</v>
      </c>
      <c r="B29650" s="1" t="s">
        <v>96627</v>
      </c>
      <c r="C29650" s="1" t="s">
        <v>80</v>
      </c>
      <c r="D29650" s="1" t="s">
        <v>104005</v>
      </c>
      <c r="E29650" s="1" t="s">
        <v>31510</v>
      </c>
      <c r="F29650" s="1" t="s">
        <v>104006</v>
      </c>
      <c r="G29650" s="1" t="s">
        <v>103975</v>
      </c>
      <c r="H29650" s="1" t="s">
        <v>103976</v>
      </c>
      <c r="I29650" s="1" t="s">
        <v>96632</v>
      </c>
      <c r="J29650" s="1" t="s">
        <v>104007</v>
      </c>
    </row>
    <row r="29651" spans="1:10" x14ac:dyDescent="0.35">
      <c r="A29651" s="1" t="s">
        <v>12903</v>
      </c>
      <c r="B29651" s="1" t="s">
        <v>96627</v>
      </c>
      <c r="C29651" s="1" t="s">
        <v>85</v>
      </c>
      <c r="D29651" s="1" t="s">
        <v>104008</v>
      </c>
      <c r="E29651" s="1" t="s">
        <v>12883</v>
      </c>
      <c r="F29651" s="1" t="s">
        <v>104009</v>
      </c>
      <c r="G29651" s="1" t="s">
        <v>103975</v>
      </c>
      <c r="H29651" s="1" t="s">
        <v>103976</v>
      </c>
      <c r="I29651" s="1" t="s">
        <v>96632</v>
      </c>
      <c r="J29651" s="1" t="s">
        <v>104010</v>
      </c>
    </row>
    <row r="29652" spans="1:10" x14ac:dyDescent="0.35">
      <c r="A29652" s="1" t="s">
        <v>12903</v>
      </c>
      <c r="B29652" s="1" t="s">
        <v>96627</v>
      </c>
      <c r="C29652" s="1" t="s">
        <v>90</v>
      </c>
      <c r="D29652" s="1" t="s">
        <v>80982</v>
      </c>
      <c r="E29652" s="1" t="s">
        <v>26474</v>
      </c>
      <c r="F29652" s="1" t="s">
        <v>104011</v>
      </c>
      <c r="G29652" s="1" t="s">
        <v>103975</v>
      </c>
      <c r="H29652" s="1" t="s">
        <v>103976</v>
      </c>
      <c r="I29652" s="1" t="s">
        <v>96632</v>
      </c>
      <c r="J29652" s="1" t="s">
        <v>104012</v>
      </c>
    </row>
    <row r="29653" spans="1:10" x14ac:dyDescent="0.35">
      <c r="A29653" s="1" t="s">
        <v>12903</v>
      </c>
      <c r="B29653" s="1" t="s">
        <v>96627</v>
      </c>
      <c r="C29653" s="1" t="s">
        <v>95</v>
      </c>
      <c r="D29653" s="1" t="s">
        <v>104013</v>
      </c>
      <c r="E29653" s="1" t="s">
        <v>26225</v>
      </c>
      <c r="F29653" s="1" t="s">
        <v>104014</v>
      </c>
      <c r="G29653" s="1" t="s">
        <v>103975</v>
      </c>
      <c r="H29653" s="1" t="s">
        <v>103976</v>
      </c>
      <c r="I29653" s="1" t="s">
        <v>96632</v>
      </c>
      <c r="J29653" s="1" t="s">
        <v>104015</v>
      </c>
    </row>
    <row r="29654" spans="1:10" x14ac:dyDescent="0.35">
      <c r="A29654" s="1" t="s">
        <v>12903</v>
      </c>
      <c r="B29654" s="1" t="s">
        <v>96627</v>
      </c>
      <c r="C29654" s="1" t="s">
        <v>100</v>
      </c>
      <c r="D29654" s="1" t="s">
        <v>70538</v>
      </c>
      <c r="E29654" s="1" t="s">
        <v>16121</v>
      </c>
      <c r="F29654" s="1" t="s">
        <v>68477</v>
      </c>
      <c r="G29654" s="1" t="s">
        <v>103975</v>
      </c>
      <c r="H29654" s="1" t="s">
        <v>103976</v>
      </c>
      <c r="I29654" s="1" t="s">
        <v>96632</v>
      </c>
      <c r="J29654" s="1" t="s">
        <v>104016</v>
      </c>
    </row>
    <row r="29655" spans="1:10" x14ac:dyDescent="0.35">
      <c r="A29655" s="1" t="s">
        <v>12903</v>
      </c>
      <c r="B29655" s="1" t="s">
        <v>96627</v>
      </c>
      <c r="C29655" s="1" t="s">
        <v>105</v>
      </c>
      <c r="D29655" s="1" t="s">
        <v>104017</v>
      </c>
      <c r="E29655" s="1" t="s">
        <v>61432</v>
      </c>
      <c r="F29655" s="1" t="s">
        <v>104018</v>
      </c>
      <c r="G29655" s="1" t="s">
        <v>103975</v>
      </c>
      <c r="H29655" s="1" t="s">
        <v>103976</v>
      </c>
      <c r="I29655" s="1" t="s">
        <v>96632</v>
      </c>
      <c r="J29655" s="1" t="s">
        <v>104019</v>
      </c>
    </row>
    <row r="29656" spans="1:10" x14ac:dyDescent="0.35">
      <c r="A29656" s="1" t="s">
        <v>12903</v>
      </c>
      <c r="B29656" s="1" t="s">
        <v>96627</v>
      </c>
      <c r="C29656" s="1" t="s">
        <v>110</v>
      </c>
      <c r="D29656" s="1" t="s">
        <v>104020</v>
      </c>
      <c r="E29656" s="1" t="s">
        <v>41159</v>
      </c>
      <c r="F29656" s="1" t="s">
        <v>104021</v>
      </c>
      <c r="G29656" s="1" t="s">
        <v>103975</v>
      </c>
      <c r="H29656" s="1" t="s">
        <v>103976</v>
      </c>
      <c r="I29656" s="1" t="s">
        <v>96632</v>
      </c>
      <c r="J29656" s="1" t="s">
        <v>104022</v>
      </c>
    </row>
    <row r="29657" spans="1:10" x14ac:dyDescent="0.35">
      <c r="A29657" s="1" t="s">
        <v>12903</v>
      </c>
      <c r="B29657" s="1" t="s">
        <v>96627</v>
      </c>
      <c r="C29657" s="1" t="s">
        <v>115</v>
      </c>
      <c r="D29657" s="1" t="s">
        <v>104023</v>
      </c>
      <c r="E29657" s="1" t="s">
        <v>53890</v>
      </c>
      <c r="F29657" s="1" t="s">
        <v>104024</v>
      </c>
      <c r="G29657" s="1" t="s">
        <v>103975</v>
      </c>
      <c r="H29657" s="1" t="s">
        <v>103976</v>
      </c>
      <c r="I29657" s="1" t="s">
        <v>96632</v>
      </c>
      <c r="J29657" s="1" t="s">
        <v>104025</v>
      </c>
    </row>
    <row r="29658" spans="1:10" x14ac:dyDescent="0.35">
      <c r="A29658" s="1" t="s">
        <v>12903</v>
      </c>
      <c r="B29658" s="1" t="s">
        <v>96627</v>
      </c>
      <c r="C29658" s="1" t="s">
        <v>120</v>
      </c>
      <c r="D29658" s="1" t="s">
        <v>76669</v>
      </c>
      <c r="E29658" s="1" t="s">
        <v>104026</v>
      </c>
      <c r="F29658" s="1" t="s">
        <v>96926</v>
      </c>
      <c r="G29658" s="1" t="s">
        <v>103975</v>
      </c>
      <c r="H29658" s="1" t="s">
        <v>103976</v>
      </c>
      <c r="I29658" s="1" t="s">
        <v>96632</v>
      </c>
      <c r="J29658" s="1" t="s">
        <v>104027</v>
      </c>
    </row>
    <row r="29659" spans="1:10" x14ac:dyDescent="0.35">
      <c r="A29659" s="1" t="s">
        <v>12903</v>
      </c>
      <c r="B29659" s="1" t="s">
        <v>96627</v>
      </c>
      <c r="C29659" s="1" t="s">
        <v>125</v>
      </c>
      <c r="D29659" s="1" t="s">
        <v>104028</v>
      </c>
      <c r="E29659" s="1" t="s">
        <v>24213</v>
      </c>
      <c r="F29659" s="1" t="s">
        <v>21982</v>
      </c>
      <c r="G29659" s="1" t="s">
        <v>103975</v>
      </c>
      <c r="H29659" s="1" t="s">
        <v>103976</v>
      </c>
      <c r="I29659" s="1" t="s">
        <v>96632</v>
      </c>
      <c r="J29659" s="1" t="s">
        <v>104029</v>
      </c>
    </row>
    <row r="29660" spans="1:10" x14ac:dyDescent="0.35">
      <c r="A29660" s="1" t="s">
        <v>12903</v>
      </c>
      <c r="B29660" s="1" t="s">
        <v>96627</v>
      </c>
      <c r="C29660" s="1" t="s">
        <v>130</v>
      </c>
      <c r="D29660" s="1" t="s">
        <v>40300</v>
      </c>
      <c r="E29660" s="1" t="s">
        <v>27104</v>
      </c>
      <c r="F29660" s="1" t="s">
        <v>104030</v>
      </c>
      <c r="G29660" s="1" t="s">
        <v>103975</v>
      </c>
      <c r="H29660" s="1" t="s">
        <v>103976</v>
      </c>
      <c r="I29660" s="1" t="s">
        <v>96632</v>
      </c>
      <c r="J29660" s="1" t="s">
        <v>104031</v>
      </c>
    </row>
    <row r="29661" spans="1:10" x14ac:dyDescent="0.35">
      <c r="A29661" s="1" t="s">
        <v>12903</v>
      </c>
      <c r="B29661" s="1" t="s">
        <v>96627</v>
      </c>
      <c r="C29661" s="1" t="s">
        <v>135</v>
      </c>
      <c r="D29661" s="1" t="s">
        <v>104032</v>
      </c>
      <c r="E29661" s="1" t="s">
        <v>15857</v>
      </c>
      <c r="F29661" s="1" t="s">
        <v>104033</v>
      </c>
      <c r="G29661" s="1" t="s">
        <v>103975</v>
      </c>
      <c r="H29661" s="1" t="s">
        <v>103976</v>
      </c>
      <c r="I29661" s="1" t="s">
        <v>96632</v>
      </c>
      <c r="J29661" s="1" t="s">
        <v>104034</v>
      </c>
    </row>
    <row r="29662" spans="1:10" x14ac:dyDescent="0.35">
      <c r="A29662" s="1" t="s">
        <v>12903</v>
      </c>
      <c r="B29662" s="1" t="s">
        <v>96627</v>
      </c>
      <c r="C29662" s="1" t="s">
        <v>140</v>
      </c>
      <c r="D29662" s="1" t="s">
        <v>104035</v>
      </c>
      <c r="E29662" s="1" t="s">
        <v>53864</v>
      </c>
      <c r="F29662" s="1" t="s">
        <v>104036</v>
      </c>
      <c r="G29662" s="1" t="s">
        <v>103975</v>
      </c>
      <c r="H29662" s="1" t="s">
        <v>103976</v>
      </c>
      <c r="I29662" s="1" t="s">
        <v>96632</v>
      </c>
      <c r="J29662" s="1" t="s">
        <v>104037</v>
      </c>
    </row>
    <row r="29663" spans="1:10" x14ac:dyDescent="0.35">
      <c r="A29663" s="1" t="s">
        <v>12903</v>
      </c>
      <c r="B29663" s="1" t="s">
        <v>96627</v>
      </c>
      <c r="C29663" s="1" t="s">
        <v>145</v>
      </c>
      <c r="D29663" s="1" t="s">
        <v>104038</v>
      </c>
      <c r="E29663" s="1" t="s">
        <v>23517</v>
      </c>
      <c r="F29663" s="1" t="s">
        <v>23253</v>
      </c>
      <c r="G29663" s="1" t="s">
        <v>103975</v>
      </c>
      <c r="H29663" s="1" t="s">
        <v>103976</v>
      </c>
      <c r="I29663" s="1" t="s">
        <v>96632</v>
      </c>
      <c r="J29663" s="1" t="s">
        <v>104039</v>
      </c>
    </row>
    <row r="29664" spans="1:10" x14ac:dyDescent="0.35">
      <c r="A29664" s="1" t="s">
        <v>12903</v>
      </c>
      <c r="B29664" s="1" t="s">
        <v>96627</v>
      </c>
      <c r="C29664" s="1" t="s">
        <v>150</v>
      </c>
      <c r="D29664" s="1" t="s">
        <v>104040</v>
      </c>
      <c r="E29664" s="1" t="s">
        <v>26269</v>
      </c>
      <c r="F29664" s="1" t="s">
        <v>56544</v>
      </c>
      <c r="G29664" s="1" t="s">
        <v>103975</v>
      </c>
      <c r="H29664" s="1" t="s">
        <v>103976</v>
      </c>
      <c r="I29664" s="1" t="s">
        <v>96632</v>
      </c>
      <c r="J29664" s="1" t="s">
        <v>104041</v>
      </c>
    </row>
    <row r="29665" spans="1:10" x14ac:dyDescent="0.35">
      <c r="A29665" s="1" t="s">
        <v>12903</v>
      </c>
      <c r="B29665" s="1" t="s">
        <v>96627</v>
      </c>
      <c r="C29665" s="1" t="s">
        <v>155</v>
      </c>
      <c r="D29665" s="1" t="s">
        <v>104042</v>
      </c>
      <c r="E29665" s="1" t="s">
        <v>23262</v>
      </c>
      <c r="F29665" s="1" t="s">
        <v>104043</v>
      </c>
      <c r="G29665" s="1" t="s">
        <v>103975</v>
      </c>
      <c r="H29665" s="1" t="s">
        <v>103976</v>
      </c>
      <c r="I29665" s="1" t="s">
        <v>96632</v>
      </c>
      <c r="J29665" s="1" t="s">
        <v>104044</v>
      </c>
    </row>
    <row r="29666" spans="1:10" x14ac:dyDescent="0.35">
      <c r="A29666" s="1" t="s">
        <v>12903</v>
      </c>
      <c r="B29666" s="1" t="s">
        <v>96627</v>
      </c>
      <c r="C29666" s="1" t="s">
        <v>160</v>
      </c>
      <c r="D29666" s="1" t="s">
        <v>92417</v>
      </c>
      <c r="E29666" s="1" t="s">
        <v>24236</v>
      </c>
      <c r="F29666" s="1" t="s">
        <v>104045</v>
      </c>
      <c r="G29666" s="1" t="s">
        <v>103975</v>
      </c>
      <c r="H29666" s="1" t="s">
        <v>103976</v>
      </c>
      <c r="I29666" s="1" t="s">
        <v>96632</v>
      </c>
      <c r="J29666" s="1" t="s">
        <v>104046</v>
      </c>
    </row>
    <row r="29667" spans="1:10" x14ac:dyDescent="0.35">
      <c r="A29667" s="1" t="s">
        <v>12903</v>
      </c>
      <c r="B29667" s="1" t="s">
        <v>96627</v>
      </c>
      <c r="C29667" s="1" t="s">
        <v>165</v>
      </c>
      <c r="D29667" s="1" t="s">
        <v>104047</v>
      </c>
      <c r="E29667" s="1" t="s">
        <v>66573</v>
      </c>
      <c r="F29667" s="1" t="s">
        <v>104048</v>
      </c>
      <c r="G29667" s="1" t="s">
        <v>103975</v>
      </c>
      <c r="H29667" s="1" t="s">
        <v>103976</v>
      </c>
      <c r="I29667" s="1" t="s">
        <v>96632</v>
      </c>
      <c r="J29667" s="1" t="s">
        <v>104049</v>
      </c>
    </row>
    <row r="29668" spans="1:10" x14ac:dyDescent="0.35">
      <c r="A29668" s="1" t="s">
        <v>12903</v>
      </c>
      <c r="B29668" s="1" t="s">
        <v>96627</v>
      </c>
      <c r="C29668" s="1" t="s">
        <v>170</v>
      </c>
      <c r="D29668" s="1" t="s">
        <v>67012</v>
      </c>
      <c r="E29668" s="1" t="s">
        <v>15845</v>
      </c>
      <c r="F29668" s="1" t="s">
        <v>104050</v>
      </c>
      <c r="G29668" s="1" t="s">
        <v>103975</v>
      </c>
      <c r="H29668" s="1" t="s">
        <v>103976</v>
      </c>
      <c r="I29668" s="1" t="s">
        <v>96632</v>
      </c>
      <c r="J29668" s="1" t="s">
        <v>104051</v>
      </c>
    </row>
    <row r="29669" spans="1:10" x14ac:dyDescent="0.35">
      <c r="A29669" s="1" t="s">
        <v>1146</v>
      </c>
      <c r="B29669" s="1" t="s">
        <v>104052</v>
      </c>
      <c r="C29669" s="1" t="s">
        <v>8</v>
      </c>
      <c r="D29669" s="1" t="s">
        <v>104053</v>
      </c>
      <c r="E29669" s="1" t="s">
        <v>104054</v>
      </c>
      <c r="F29669" s="1" t="s">
        <v>104055</v>
      </c>
      <c r="G29669" s="1" t="s">
        <v>104056</v>
      </c>
      <c r="H29669" s="1" t="s">
        <v>104057</v>
      </c>
      <c r="I29669" s="1" t="s">
        <v>104058</v>
      </c>
      <c r="J29669" s="1" t="s">
        <v>13</v>
      </c>
    </row>
    <row r="29670" spans="1:10" x14ac:dyDescent="0.35">
      <c r="A29670" s="1" t="s">
        <v>1146</v>
      </c>
      <c r="B29670" s="1" t="s">
        <v>104052</v>
      </c>
      <c r="C29670" s="1" t="s">
        <v>15</v>
      </c>
      <c r="D29670" s="1" t="s">
        <v>33663</v>
      </c>
      <c r="E29670" s="1" t="s">
        <v>104059</v>
      </c>
      <c r="F29670" s="1" t="s">
        <v>104060</v>
      </c>
      <c r="G29670" s="1" t="s">
        <v>104056</v>
      </c>
      <c r="H29670" s="1" t="s">
        <v>104057</v>
      </c>
      <c r="I29670" s="1" t="s">
        <v>104058</v>
      </c>
      <c r="J29670" s="1" t="s">
        <v>104061</v>
      </c>
    </row>
    <row r="29671" spans="1:10" x14ac:dyDescent="0.35">
      <c r="A29671" s="1" t="s">
        <v>1146</v>
      </c>
      <c r="B29671" s="1" t="s">
        <v>104052</v>
      </c>
      <c r="C29671" s="1" t="s">
        <v>20</v>
      </c>
      <c r="D29671" s="1" t="s">
        <v>104062</v>
      </c>
      <c r="E29671" s="1" t="s">
        <v>104063</v>
      </c>
      <c r="F29671" s="1" t="s">
        <v>104064</v>
      </c>
      <c r="G29671" s="1" t="s">
        <v>104056</v>
      </c>
      <c r="H29671" s="1" t="s">
        <v>104057</v>
      </c>
      <c r="I29671" s="1" t="s">
        <v>104058</v>
      </c>
      <c r="J29671" s="1" t="s">
        <v>104065</v>
      </c>
    </row>
    <row r="29672" spans="1:10" x14ac:dyDescent="0.35">
      <c r="A29672" s="1" t="s">
        <v>1146</v>
      </c>
      <c r="B29672" s="1" t="s">
        <v>104052</v>
      </c>
      <c r="C29672" s="1" t="s">
        <v>25</v>
      </c>
      <c r="D29672" s="1" t="s">
        <v>14983</v>
      </c>
      <c r="E29672" s="1" t="s">
        <v>104066</v>
      </c>
      <c r="F29672" s="1" t="s">
        <v>104067</v>
      </c>
      <c r="G29672" s="1" t="s">
        <v>104056</v>
      </c>
      <c r="H29672" s="1" t="s">
        <v>104057</v>
      </c>
      <c r="I29672" s="1" t="s">
        <v>104058</v>
      </c>
      <c r="J29672" s="1" t="s">
        <v>104068</v>
      </c>
    </row>
    <row r="29673" spans="1:10" x14ac:dyDescent="0.35">
      <c r="A29673" s="1" t="s">
        <v>1146</v>
      </c>
      <c r="B29673" s="1" t="s">
        <v>104052</v>
      </c>
      <c r="C29673" s="1" t="s">
        <v>30</v>
      </c>
      <c r="D29673" s="1" t="s">
        <v>25386</v>
      </c>
      <c r="E29673" s="1" t="s">
        <v>104069</v>
      </c>
      <c r="F29673" s="1" t="s">
        <v>104070</v>
      </c>
      <c r="G29673" s="1" t="s">
        <v>104056</v>
      </c>
      <c r="H29673" s="1" t="s">
        <v>104057</v>
      </c>
      <c r="I29673" s="1" t="s">
        <v>104058</v>
      </c>
      <c r="J29673" s="1" t="s">
        <v>104071</v>
      </c>
    </row>
    <row r="29674" spans="1:10" x14ac:dyDescent="0.35">
      <c r="A29674" s="1" t="s">
        <v>1146</v>
      </c>
      <c r="B29674" s="1" t="s">
        <v>104052</v>
      </c>
      <c r="C29674" s="1" t="s">
        <v>35</v>
      </c>
      <c r="D29674" s="1" t="s">
        <v>104072</v>
      </c>
      <c r="E29674" s="1" t="s">
        <v>104073</v>
      </c>
      <c r="F29674" s="1" t="s">
        <v>104074</v>
      </c>
      <c r="G29674" s="1" t="s">
        <v>104056</v>
      </c>
      <c r="H29674" s="1" t="s">
        <v>104057</v>
      </c>
      <c r="I29674" s="1" t="s">
        <v>104058</v>
      </c>
      <c r="J29674" s="1" t="s">
        <v>104075</v>
      </c>
    </row>
    <row r="29675" spans="1:10" x14ac:dyDescent="0.35">
      <c r="A29675" s="1" t="s">
        <v>1146</v>
      </c>
      <c r="B29675" s="1" t="s">
        <v>104052</v>
      </c>
      <c r="C29675" s="1" t="s">
        <v>40</v>
      </c>
      <c r="D29675" s="1" t="s">
        <v>14130</v>
      </c>
      <c r="E29675" s="1" t="s">
        <v>104076</v>
      </c>
      <c r="F29675" s="1" t="s">
        <v>104077</v>
      </c>
      <c r="G29675" s="1" t="s">
        <v>104056</v>
      </c>
      <c r="H29675" s="1" t="s">
        <v>104057</v>
      </c>
      <c r="I29675" s="1" t="s">
        <v>104058</v>
      </c>
      <c r="J29675" s="1" t="s">
        <v>104078</v>
      </c>
    </row>
    <row r="29676" spans="1:10" x14ac:dyDescent="0.35">
      <c r="A29676" s="1" t="s">
        <v>1146</v>
      </c>
      <c r="B29676" s="1" t="s">
        <v>104052</v>
      </c>
      <c r="C29676" s="1" t="s">
        <v>45</v>
      </c>
      <c r="D29676" s="1" t="s">
        <v>104079</v>
      </c>
      <c r="E29676" s="1" t="s">
        <v>104080</v>
      </c>
      <c r="F29676" s="1" t="s">
        <v>104081</v>
      </c>
      <c r="G29676" s="1" t="s">
        <v>104056</v>
      </c>
      <c r="H29676" s="1" t="s">
        <v>104057</v>
      </c>
      <c r="I29676" s="1" t="s">
        <v>104058</v>
      </c>
      <c r="J29676" s="1" t="s">
        <v>104082</v>
      </c>
    </row>
    <row r="29677" spans="1:10" x14ac:dyDescent="0.35">
      <c r="A29677" s="1" t="s">
        <v>1146</v>
      </c>
      <c r="B29677" s="1" t="s">
        <v>104052</v>
      </c>
      <c r="C29677" s="1" t="s">
        <v>50</v>
      </c>
      <c r="D29677" s="1" t="s">
        <v>46446</v>
      </c>
      <c r="E29677" s="1" t="s">
        <v>104083</v>
      </c>
      <c r="F29677" s="1" t="s">
        <v>104084</v>
      </c>
      <c r="G29677" s="1" t="s">
        <v>104056</v>
      </c>
      <c r="H29677" s="1" t="s">
        <v>104057</v>
      </c>
      <c r="I29677" s="1" t="s">
        <v>104058</v>
      </c>
      <c r="J29677" s="1" t="s">
        <v>104085</v>
      </c>
    </row>
    <row r="29678" spans="1:10" x14ac:dyDescent="0.35">
      <c r="A29678" s="1" t="s">
        <v>1146</v>
      </c>
      <c r="B29678" s="1" t="s">
        <v>104052</v>
      </c>
      <c r="C29678" s="1" t="s">
        <v>55</v>
      </c>
      <c r="D29678" s="1" t="s">
        <v>2873</v>
      </c>
      <c r="E29678" s="1" t="s">
        <v>104086</v>
      </c>
      <c r="F29678" s="1" t="s">
        <v>104087</v>
      </c>
      <c r="G29678" s="1" t="s">
        <v>104056</v>
      </c>
      <c r="H29678" s="1" t="s">
        <v>104057</v>
      </c>
      <c r="I29678" s="1" t="s">
        <v>104058</v>
      </c>
      <c r="J29678" s="1" t="s">
        <v>104088</v>
      </c>
    </row>
    <row r="29679" spans="1:10" x14ac:dyDescent="0.35">
      <c r="A29679" s="1" t="s">
        <v>1146</v>
      </c>
      <c r="B29679" s="1" t="s">
        <v>104052</v>
      </c>
      <c r="C29679" s="1" t="s">
        <v>60</v>
      </c>
      <c r="D29679" s="1" t="s">
        <v>14203</v>
      </c>
      <c r="E29679" s="1" t="s">
        <v>104089</v>
      </c>
      <c r="F29679" s="1" t="s">
        <v>104090</v>
      </c>
      <c r="G29679" s="1" t="s">
        <v>104056</v>
      </c>
      <c r="H29679" s="1" t="s">
        <v>104057</v>
      </c>
      <c r="I29679" s="1" t="s">
        <v>104058</v>
      </c>
      <c r="J29679" s="1" t="s">
        <v>104091</v>
      </c>
    </row>
    <row r="29680" spans="1:10" x14ac:dyDescent="0.35">
      <c r="A29680" s="1" t="s">
        <v>1146</v>
      </c>
      <c r="B29680" s="1" t="s">
        <v>104052</v>
      </c>
      <c r="C29680" s="1" t="s">
        <v>65</v>
      </c>
      <c r="D29680" s="1" t="s">
        <v>104092</v>
      </c>
      <c r="E29680" s="1" t="s">
        <v>104093</v>
      </c>
      <c r="F29680" s="1" t="s">
        <v>104094</v>
      </c>
      <c r="G29680" s="1" t="s">
        <v>104056</v>
      </c>
      <c r="H29680" s="1" t="s">
        <v>104057</v>
      </c>
      <c r="I29680" s="1" t="s">
        <v>104058</v>
      </c>
      <c r="J29680" s="1" t="s">
        <v>104095</v>
      </c>
    </row>
    <row r="29681" spans="1:10" x14ac:dyDescent="0.35">
      <c r="A29681" s="1" t="s">
        <v>1146</v>
      </c>
      <c r="B29681" s="1" t="s">
        <v>104052</v>
      </c>
      <c r="C29681" s="1" t="s">
        <v>70</v>
      </c>
      <c r="D29681" s="1" t="s">
        <v>104096</v>
      </c>
      <c r="E29681" s="1" t="s">
        <v>104097</v>
      </c>
      <c r="F29681" s="1" t="s">
        <v>104098</v>
      </c>
      <c r="G29681" s="1" t="s">
        <v>104056</v>
      </c>
      <c r="H29681" s="1" t="s">
        <v>104057</v>
      </c>
      <c r="I29681" s="1" t="s">
        <v>104058</v>
      </c>
      <c r="J29681" s="1" t="s">
        <v>104099</v>
      </c>
    </row>
    <row r="29682" spans="1:10" x14ac:dyDescent="0.35">
      <c r="A29682" s="1" t="s">
        <v>1146</v>
      </c>
      <c r="B29682" s="1" t="s">
        <v>104052</v>
      </c>
      <c r="C29682" s="1" t="s">
        <v>75</v>
      </c>
      <c r="D29682" s="1" t="s">
        <v>104100</v>
      </c>
      <c r="E29682" s="1" t="s">
        <v>104101</v>
      </c>
      <c r="F29682" s="1" t="s">
        <v>104102</v>
      </c>
      <c r="G29682" s="1" t="s">
        <v>104056</v>
      </c>
      <c r="H29682" s="1" t="s">
        <v>104057</v>
      </c>
      <c r="I29682" s="1" t="s">
        <v>104058</v>
      </c>
      <c r="J29682" s="1" t="s">
        <v>104103</v>
      </c>
    </row>
    <row r="29683" spans="1:10" x14ac:dyDescent="0.35">
      <c r="A29683" s="1" t="s">
        <v>1146</v>
      </c>
      <c r="B29683" s="1" t="s">
        <v>104052</v>
      </c>
      <c r="C29683" s="1" t="s">
        <v>80</v>
      </c>
      <c r="D29683" s="1" t="s">
        <v>104104</v>
      </c>
      <c r="E29683" s="1" t="s">
        <v>104105</v>
      </c>
      <c r="F29683" s="1" t="s">
        <v>104106</v>
      </c>
      <c r="G29683" s="1" t="s">
        <v>104056</v>
      </c>
      <c r="H29683" s="1" t="s">
        <v>104057</v>
      </c>
      <c r="I29683" s="1" t="s">
        <v>104058</v>
      </c>
      <c r="J29683" s="1" t="s">
        <v>104107</v>
      </c>
    </row>
    <row r="29684" spans="1:10" x14ac:dyDescent="0.35">
      <c r="A29684" s="1" t="s">
        <v>1146</v>
      </c>
      <c r="B29684" s="1" t="s">
        <v>104052</v>
      </c>
      <c r="C29684" s="1" t="s">
        <v>85</v>
      </c>
      <c r="D29684" s="1" t="s">
        <v>75369</v>
      </c>
      <c r="E29684" s="1" t="s">
        <v>104108</v>
      </c>
      <c r="F29684" s="1" t="s">
        <v>104109</v>
      </c>
      <c r="G29684" s="1" t="s">
        <v>104056</v>
      </c>
      <c r="H29684" s="1" t="s">
        <v>104057</v>
      </c>
      <c r="I29684" s="1" t="s">
        <v>104058</v>
      </c>
      <c r="J29684" s="1" t="s">
        <v>104110</v>
      </c>
    </row>
    <row r="29685" spans="1:10" x14ac:dyDescent="0.35">
      <c r="A29685" s="1" t="s">
        <v>1146</v>
      </c>
      <c r="B29685" s="1" t="s">
        <v>104052</v>
      </c>
      <c r="C29685" s="1" t="s">
        <v>90</v>
      </c>
      <c r="D29685" s="1" t="s">
        <v>104111</v>
      </c>
      <c r="E29685" s="1" t="s">
        <v>104112</v>
      </c>
      <c r="F29685" s="1" t="s">
        <v>104113</v>
      </c>
      <c r="G29685" s="1" t="s">
        <v>104056</v>
      </c>
      <c r="H29685" s="1" t="s">
        <v>104057</v>
      </c>
      <c r="I29685" s="1" t="s">
        <v>104058</v>
      </c>
      <c r="J29685" s="1" t="s">
        <v>104114</v>
      </c>
    </row>
    <row r="29686" spans="1:10" x14ac:dyDescent="0.35">
      <c r="A29686" s="1" t="s">
        <v>1146</v>
      </c>
      <c r="B29686" s="1" t="s">
        <v>104052</v>
      </c>
      <c r="C29686" s="1" t="s">
        <v>95</v>
      </c>
      <c r="D29686" s="1" t="s">
        <v>34064</v>
      </c>
      <c r="E29686" s="1" t="s">
        <v>104115</v>
      </c>
      <c r="F29686" s="1" t="s">
        <v>104116</v>
      </c>
      <c r="G29686" s="1" t="s">
        <v>104056</v>
      </c>
      <c r="H29686" s="1" t="s">
        <v>104057</v>
      </c>
      <c r="I29686" s="1" t="s">
        <v>104058</v>
      </c>
      <c r="J29686" s="1" t="s">
        <v>104117</v>
      </c>
    </row>
    <row r="29687" spans="1:10" x14ac:dyDescent="0.35">
      <c r="A29687" s="1" t="s">
        <v>1146</v>
      </c>
      <c r="B29687" s="1" t="s">
        <v>104052</v>
      </c>
      <c r="C29687" s="1" t="s">
        <v>100</v>
      </c>
      <c r="D29687" s="1" t="s">
        <v>25032</v>
      </c>
      <c r="E29687" s="1" t="s">
        <v>104118</v>
      </c>
      <c r="F29687" s="1" t="s">
        <v>104119</v>
      </c>
      <c r="G29687" s="1" t="s">
        <v>104056</v>
      </c>
      <c r="H29687" s="1" t="s">
        <v>104057</v>
      </c>
      <c r="I29687" s="1" t="s">
        <v>104058</v>
      </c>
      <c r="J29687" s="1" t="s">
        <v>4069</v>
      </c>
    </row>
    <row r="29688" spans="1:10" x14ac:dyDescent="0.35">
      <c r="A29688" s="1" t="s">
        <v>1146</v>
      </c>
      <c r="B29688" s="1" t="s">
        <v>104052</v>
      </c>
      <c r="C29688" s="1" t="s">
        <v>105</v>
      </c>
      <c r="D29688" s="1" t="s">
        <v>104120</v>
      </c>
      <c r="E29688" s="1" t="s">
        <v>104121</v>
      </c>
      <c r="F29688" s="1" t="s">
        <v>104122</v>
      </c>
      <c r="G29688" s="1" t="s">
        <v>104056</v>
      </c>
      <c r="H29688" s="1" t="s">
        <v>104057</v>
      </c>
      <c r="I29688" s="1" t="s">
        <v>104058</v>
      </c>
      <c r="J29688" s="1" t="s">
        <v>104123</v>
      </c>
    </row>
    <row r="29689" spans="1:10" x14ac:dyDescent="0.35">
      <c r="A29689" s="1" t="s">
        <v>1146</v>
      </c>
      <c r="B29689" s="1" t="s">
        <v>104052</v>
      </c>
      <c r="C29689" s="1" t="s">
        <v>110</v>
      </c>
      <c r="D29689" s="1" t="s">
        <v>104124</v>
      </c>
      <c r="E29689" s="1" t="s">
        <v>104125</v>
      </c>
      <c r="F29689" s="1" t="s">
        <v>104126</v>
      </c>
      <c r="G29689" s="1" t="s">
        <v>104056</v>
      </c>
      <c r="H29689" s="1" t="s">
        <v>104057</v>
      </c>
      <c r="I29689" s="1" t="s">
        <v>104058</v>
      </c>
      <c r="J29689" s="1" t="s">
        <v>104127</v>
      </c>
    </row>
    <row r="29690" spans="1:10" x14ac:dyDescent="0.35">
      <c r="A29690" s="1" t="s">
        <v>1146</v>
      </c>
      <c r="B29690" s="1" t="s">
        <v>104052</v>
      </c>
      <c r="C29690" s="1" t="s">
        <v>115</v>
      </c>
      <c r="D29690" s="1" t="s">
        <v>47912</v>
      </c>
      <c r="E29690" s="1" t="s">
        <v>104128</v>
      </c>
      <c r="F29690" s="1" t="s">
        <v>104129</v>
      </c>
      <c r="G29690" s="1" t="s">
        <v>104056</v>
      </c>
      <c r="H29690" s="1" t="s">
        <v>104057</v>
      </c>
      <c r="I29690" s="1" t="s">
        <v>104058</v>
      </c>
      <c r="J29690" s="1" t="s">
        <v>104130</v>
      </c>
    </row>
    <row r="29691" spans="1:10" x14ac:dyDescent="0.35">
      <c r="A29691" s="1" t="s">
        <v>1146</v>
      </c>
      <c r="B29691" s="1" t="s">
        <v>104052</v>
      </c>
      <c r="C29691" s="1" t="s">
        <v>120</v>
      </c>
      <c r="D29691" s="1" t="s">
        <v>104131</v>
      </c>
      <c r="E29691" s="1" t="s">
        <v>104132</v>
      </c>
      <c r="F29691" s="1" t="s">
        <v>104133</v>
      </c>
      <c r="G29691" s="1" t="s">
        <v>104056</v>
      </c>
      <c r="H29691" s="1" t="s">
        <v>104057</v>
      </c>
      <c r="I29691" s="1" t="s">
        <v>104058</v>
      </c>
      <c r="J29691" s="1" t="s">
        <v>104134</v>
      </c>
    </row>
    <row r="29692" spans="1:10" x14ac:dyDescent="0.35">
      <c r="A29692" s="1" t="s">
        <v>1146</v>
      </c>
      <c r="B29692" s="1" t="s">
        <v>104052</v>
      </c>
      <c r="C29692" s="1" t="s">
        <v>125</v>
      </c>
      <c r="D29692" s="1" t="s">
        <v>49746</v>
      </c>
      <c r="E29692" s="1" t="s">
        <v>104135</v>
      </c>
      <c r="F29692" s="1" t="s">
        <v>104136</v>
      </c>
      <c r="G29692" s="1" t="s">
        <v>104056</v>
      </c>
      <c r="H29692" s="1" t="s">
        <v>104057</v>
      </c>
      <c r="I29692" s="1" t="s">
        <v>104058</v>
      </c>
      <c r="J29692" s="1" t="s">
        <v>104137</v>
      </c>
    </row>
    <row r="29693" spans="1:10" x14ac:dyDescent="0.35">
      <c r="A29693" s="1" t="s">
        <v>1146</v>
      </c>
      <c r="B29693" s="1" t="s">
        <v>104052</v>
      </c>
      <c r="C29693" s="1" t="s">
        <v>130</v>
      </c>
      <c r="D29693" s="1" t="s">
        <v>49787</v>
      </c>
      <c r="E29693" s="1" t="s">
        <v>104138</v>
      </c>
      <c r="F29693" s="1" t="s">
        <v>104139</v>
      </c>
      <c r="G29693" s="1" t="s">
        <v>104056</v>
      </c>
      <c r="H29693" s="1" t="s">
        <v>104057</v>
      </c>
      <c r="I29693" s="1" t="s">
        <v>104058</v>
      </c>
      <c r="J29693" s="1" t="s">
        <v>104140</v>
      </c>
    </row>
    <row r="29694" spans="1:10" x14ac:dyDescent="0.35">
      <c r="A29694" s="1" t="s">
        <v>1146</v>
      </c>
      <c r="B29694" s="1" t="s">
        <v>104052</v>
      </c>
      <c r="C29694" s="1" t="s">
        <v>135</v>
      </c>
      <c r="D29694" s="1" t="s">
        <v>37506</v>
      </c>
      <c r="E29694" s="1" t="s">
        <v>104141</v>
      </c>
      <c r="F29694" s="1" t="s">
        <v>104142</v>
      </c>
      <c r="G29694" s="1" t="s">
        <v>104056</v>
      </c>
      <c r="H29694" s="1" t="s">
        <v>104057</v>
      </c>
      <c r="I29694" s="1" t="s">
        <v>104058</v>
      </c>
      <c r="J29694" s="1" t="s">
        <v>104143</v>
      </c>
    </row>
    <row r="29695" spans="1:10" x14ac:dyDescent="0.35">
      <c r="A29695" s="1" t="s">
        <v>1146</v>
      </c>
      <c r="B29695" s="1" t="s">
        <v>104052</v>
      </c>
      <c r="C29695" s="1" t="s">
        <v>140</v>
      </c>
      <c r="D29695" s="1" t="s">
        <v>104144</v>
      </c>
      <c r="E29695" s="1" t="s">
        <v>104145</v>
      </c>
      <c r="F29695" s="1" t="s">
        <v>104146</v>
      </c>
      <c r="G29695" s="1" t="s">
        <v>104056</v>
      </c>
      <c r="H29695" s="1" t="s">
        <v>104057</v>
      </c>
      <c r="I29695" s="1" t="s">
        <v>104058</v>
      </c>
      <c r="J29695" s="1" t="s">
        <v>104147</v>
      </c>
    </row>
    <row r="29696" spans="1:10" x14ac:dyDescent="0.35">
      <c r="A29696" s="1" t="s">
        <v>1146</v>
      </c>
      <c r="B29696" s="1" t="s">
        <v>104052</v>
      </c>
      <c r="C29696" s="1" t="s">
        <v>145</v>
      </c>
      <c r="D29696" s="1" t="s">
        <v>15292</v>
      </c>
      <c r="E29696" s="1" t="s">
        <v>104148</v>
      </c>
      <c r="F29696" s="1" t="s">
        <v>104149</v>
      </c>
      <c r="G29696" s="1" t="s">
        <v>104056</v>
      </c>
      <c r="H29696" s="1" t="s">
        <v>104057</v>
      </c>
      <c r="I29696" s="1" t="s">
        <v>104058</v>
      </c>
      <c r="J29696" s="1" t="s">
        <v>104150</v>
      </c>
    </row>
    <row r="29697" spans="1:10" x14ac:dyDescent="0.35">
      <c r="A29697" s="1" t="s">
        <v>1146</v>
      </c>
      <c r="B29697" s="1" t="s">
        <v>104052</v>
      </c>
      <c r="C29697" s="1" t="s">
        <v>150</v>
      </c>
      <c r="D29697" s="1" t="s">
        <v>104151</v>
      </c>
      <c r="E29697" s="1" t="s">
        <v>104152</v>
      </c>
      <c r="F29697" s="1" t="s">
        <v>104153</v>
      </c>
      <c r="G29697" s="1" t="s">
        <v>104056</v>
      </c>
      <c r="H29697" s="1" t="s">
        <v>104057</v>
      </c>
      <c r="I29697" s="1" t="s">
        <v>104058</v>
      </c>
      <c r="J29697" s="1" t="s">
        <v>104154</v>
      </c>
    </row>
    <row r="29698" spans="1:10" x14ac:dyDescent="0.35">
      <c r="A29698" s="1" t="s">
        <v>1146</v>
      </c>
      <c r="B29698" s="1" t="s">
        <v>104052</v>
      </c>
      <c r="C29698" s="1" t="s">
        <v>155</v>
      </c>
      <c r="D29698" s="1" t="s">
        <v>104155</v>
      </c>
      <c r="E29698" s="1" t="s">
        <v>104156</v>
      </c>
      <c r="F29698" s="1" t="s">
        <v>104157</v>
      </c>
      <c r="G29698" s="1" t="s">
        <v>104056</v>
      </c>
      <c r="H29698" s="1" t="s">
        <v>104057</v>
      </c>
      <c r="I29698" s="1" t="s">
        <v>104058</v>
      </c>
      <c r="J29698" s="1" t="s">
        <v>104158</v>
      </c>
    </row>
    <row r="29699" spans="1:10" x14ac:dyDescent="0.35">
      <c r="A29699" s="1" t="s">
        <v>1146</v>
      </c>
      <c r="B29699" s="1" t="s">
        <v>104052</v>
      </c>
      <c r="C29699" s="1" t="s">
        <v>160</v>
      </c>
      <c r="D29699" s="1" t="s">
        <v>13255</v>
      </c>
      <c r="E29699" s="1" t="s">
        <v>104159</v>
      </c>
      <c r="F29699" s="1" t="s">
        <v>104160</v>
      </c>
      <c r="G29699" s="1" t="s">
        <v>104056</v>
      </c>
      <c r="H29699" s="1" t="s">
        <v>104057</v>
      </c>
      <c r="I29699" s="1" t="s">
        <v>104058</v>
      </c>
      <c r="J29699" s="1" t="s">
        <v>104161</v>
      </c>
    </row>
    <row r="29700" spans="1:10" x14ac:dyDescent="0.35">
      <c r="A29700" s="1" t="s">
        <v>1146</v>
      </c>
      <c r="B29700" s="1" t="s">
        <v>104052</v>
      </c>
      <c r="C29700" s="1" t="s">
        <v>165</v>
      </c>
      <c r="D29700" s="1" t="s">
        <v>104162</v>
      </c>
      <c r="E29700" s="1" t="s">
        <v>104163</v>
      </c>
      <c r="F29700" s="1" t="s">
        <v>104164</v>
      </c>
      <c r="G29700" s="1" t="s">
        <v>104056</v>
      </c>
      <c r="H29700" s="1" t="s">
        <v>104057</v>
      </c>
      <c r="I29700" s="1" t="s">
        <v>104058</v>
      </c>
      <c r="J29700" s="1" t="s">
        <v>104165</v>
      </c>
    </row>
    <row r="29701" spans="1:10" x14ac:dyDescent="0.35">
      <c r="A29701" s="1" t="s">
        <v>1146</v>
      </c>
      <c r="B29701" s="1" t="s">
        <v>104052</v>
      </c>
      <c r="C29701" s="1" t="s">
        <v>170</v>
      </c>
      <c r="D29701" s="1" t="s">
        <v>104166</v>
      </c>
      <c r="E29701" s="1" t="s">
        <v>104167</v>
      </c>
      <c r="F29701" s="1" t="s">
        <v>104168</v>
      </c>
      <c r="G29701" s="1" t="s">
        <v>104056</v>
      </c>
      <c r="H29701" s="1" t="s">
        <v>104057</v>
      </c>
      <c r="I29701" s="1" t="s">
        <v>104058</v>
      </c>
      <c r="J29701" s="1" t="s">
        <v>104169</v>
      </c>
    </row>
    <row r="29702" spans="1:10" x14ac:dyDescent="0.35">
      <c r="A29702" s="1" t="s">
        <v>13182</v>
      </c>
      <c r="B29702" s="1" t="s">
        <v>104052</v>
      </c>
      <c r="C29702" s="1" t="s">
        <v>8</v>
      </c>
      <c r="D29702" s="1" t="s">
        <v>73233</v>
      </c>
      <c r="E29702" s="1" t="s">
        <v>104170</v>
      </c>
      <c r="F29702" s="1" t="s">
        <v>104171</v>
      </c>
      <c r="G29702" s="1" t="s">
        <v>104172</v>
      </c>
      <c r="H29702" s="1" t="s">
        <v>104173</v>
      </c>
      <c r="I29702" s="1" t="s">
        <v>104058</v>
      </c>
      <c r="J29702" s="1" t="s">
        <v>13</v>
      </c>
    </row>
    <row r="29703" spans="1:10" x14ac:dyDescent="0.35">
      <c r="A29703" s="1" t="s">
        <v>13182</v>
      </c>
      <c r="B29703" s="1" t="s">
        <v>104052</v>
      </c>
      <c r="C29703" s="1" t="s">
        <v>15</v>
      </c>
      <c r="D29703" s="1" t="s">
        <v>104174</v>
      </c>
      <c r="E29703" s="1" t="s">
        <v>104175</v>
      </c>
      <c r="F29703" s="1" t="s">
        <v>104176</v>
      </c>
      <c r="G29703" s="1" t="s">
        <v>104172</v>
      </c>
      <c r="H29703" s="1" t="s">
        <v>104173</v>
      </c>
      <c r="I29703" s="1" t="s">
        <v>104058</v>
      </c>
      <c r="J29703" s="1" t="s">
        <v>104177</v>
      </c>
    </row>
    <row r="29704" spans="1:10" x14ac:dyDescent="0.35">
      <c r="A29704" s="1" t="s">
        <v>13182</v>
      </c>
      <c r="B29704" s="1" t="s">
        <v>104052</v>
      </c>
      <c r="C29704" s="1" t="s">
        <v>20</v>
      </c>
      <c r="D29704" s="1" t="s">
        <v>104178</v>
      </c>
      <c r="E29704" s="1" t="s">
        <v>104179</v>
      </c>
      <c r="F29704" s="1" t="s">
        <v>104180</v>
      </c>
      <c r="G29704" s="1" t="s">
        <v>104172</v>
      </c>
      <c r="H29704" s="1" t="s">
        <v>104173</v>
      </c>
      <c r="I29704" s="1" t="s">
        <v>104058</v>
      </c>
      <c r="J29704" s="1" t="s">
        <v>104181</v>
      </c>
    </row>
    <row r="29705" spans="1:10" x14ac:dyDescent="0.35">
      <c r="A29705" s="1" t="s">
        <v>13182</v>
      </c>
      <c r="B29705" s="1" t="s">
        <v>104052</v>
      </c>
      <c r="C29705" s="1" t="s">
        <v>25</v>
      </c>
      <c r="D29705" s="1" t="s">
        <v>104182</v>
      </c>
      <c r="E29705" s="1" t="s">
        <v>104183</v>
      </c>
      <c r="F29705" s="1" t="s">
        <v>104184</v>
      </c>
      <c r="G29705" s="1" t="s">
        <v>104172</v>
      </c>
      <c r="H29705" s="1" t="s">
        <v>104173</v>
      </c>
      <c r="I29705" s="1" t="s">
        <v>104058</v>
      </c>
      <c r="J29705" s="1" t="s">
        <v>104185</v>
      </c>
    </row>
    <row r="29706" spans="1:10" x14ac:dyDescent="0.35">
      <c r="A29706" s="1" t="s">
        <v>13182</v>
      </c>
      <c r="B29706" s="1" t="s">
        <v>104052</v>
      </c>
      <c r="C29706" s="1" t="s">
        <v>30</v>
      </c>
      <c r="D29706" s="1" t="s">
        <v>104186</v>
      </c>
      <c r="E29706" s="1" t="s">
        <v>104187</v>
      </c>
      <c r="F29706" s="1" t="s">
        <v>104188</v>
      </c>
      <c r="G29706" s="1" t="s">
        <v>104172</v>
      </c>
      <c r="H29706" s="1" t="s">
        <v>104173</v>
      </c>
      <c r="I29706" s="1" t="s">
        <v>104058</v>
      </c>
      <c r="J29706" s="1" t="s">
        <v>104189</v>
      </c>
    </row>
    <row r="29707" spans="1:10" x14ac:dyDescent="0.35">
      <c r="A29707" s="1" t="s">
        <v>13182</v>
      </c>
      <c r="B29707" s="1" t="s">
        <v>104052</v>
      </c>
      <c r="C29707" s="1" t="s">
        <v>35</v>
      </c>
      <c r="D29707" s="1" t="s">
        <v>46113</v>
      </c>
      <c r="E29707" s="1" t="s">
        <v>104190</v>
      </c>
      <c r="F29707" s="1" t="s">
        <v>104191</v>
      </c>
      <c r="G29707" s="1" t="s">
        <v>104172</v>
      </c>
      <c r="H29707" s="1" t="s">
        <v>104173</v>
      </c>
      <c r="I29707" s="1" t="s">
        <v>104058</v>
      </c>
      <c r="J29707" s="1" t="s">
        <v>104192</v>
      </c>
    </row>
    <row r="29708" spans="1:10" x14ac:dyDescent="0.35">
      <c r="A29708" s="1" t="s">
        <v>13182</v>
      </c>
      <c r="B29708" s="1" t="s">
        <v>104052</v>
      </c>
      <c r="C29708" s="1" t="s">
        <v>40</v>
      </c>
      <c r="D29708" s="1" t="s">
        <v>104193</v>
      </c>
      <c r="E29708" s="1" t="s">
        <v>104194</v>
      </c>
      <c r="F29708" s="1" t="s">
        <v>104195</v>
      </c>
      <c r="G29708" s="1" t="s">
        <v>104172</v>
      </c>
      <c r="H29708" s="1" t="s">
        <v>104173</v>
      </c>
      <c r="I29708" s="1" t="s">
        <v>104058</v>
      </c>
      <c r="J29708" s="1" t="s">
        <v>104196</v>
      </c>
    </row>
    <row r="29709" spans="1:10" x14ac:dyDescent="0.35">
      <c r="A29709" s="1" t="s">
        <v>13182</v>
      </c>
      <c r="B29709" s="1" t="s">
        <v>104052</v>
      </c>
      <c r="C29709" s="1" t="s">
        <v>45</v>
      </c>
      <c r="D29709" s="1" t="s">
        <v>104197</v>
      </c>
      <c r="E29709" s="1" t="s">
        <v>104198</v>
      </c>
      <c r="F29709" s="1" t="s">
        <v>104199</v>
      </c>
      <c r="G29709" s="1" t="s">
        <v>104172</v>
      </c>
      <c r="H29709" s="1" t="s">
        <v>104173</v>
      </c>
      <c r="I29709" s="1" t="s">
        <v>104058</v>
      </c>
      <c r="J29709" s="1" t="s">
        <v>104200</v>
      </c>
    </row>
    <row r="29710" spans="1:10" x14ac:dyDescent="0.35">
      <c r="A29710" s="1" t="s">
        <v>13182</v>
      </c>
      <c r="B29710" s="1" t="s">
        <v>104052</v>
      </c>
      <c r="C29710" s="1" t="s">
        <v>50</v>
      </c>
      <c r="D29710" s="1" t="s">
        <v>104201</v>
      </c>
      <c r="E29710" s="1" t="s">
        <v>104202</v>
      </c>
      <c r="F29710" s="1" t="s">
        <v>104203</v>
      </c>
      <c r="G29710" s="1" t="s">
        <v>104172</v>
      </c>
      <c r="H29710" s="1" t="s">
        <v>104173</v>
      </c>
      <c r="I29710" s="1" t="s">
        <v>104058</v>
      </c>
      <c r="J29710" s="1" t="s">
        <v>104204</v>
      </c>
    </row>
    <row r="29711" spans="1:10" x14ac:dyDescent="0.35">
      <c r="A29711" s="1" t="s">
        <v>13182</v>
      </c>
      <c r="B29711" s="1" t="s">
        <v>104052</v>
      </c>
      <c r="C29711" s="1" t="s">
        <v>55</v>
      </c>
      <c r="D29711" s="1" t="s">
        <v>25899</v>
      </c>
      <c r="E29711" s="1" t="s">
        <v>104205</v>
      </c>
      <c r="F29711" s="1" t="s">
        <v>104206</v>
      </c>
      <c r="G29711" s="1" t="s">
        <v>104172</v>
      </c>
      <c r="H29711" s="1" t="s">
        <v>104173</v>
      </c>
      <c r="I29711" s="1" t="s">
        <v>104058</v>
      </c>
      <c r="J29711" s="1" t="s">
        <v>104207</v>
      </c>
    </row>
    <row r="29712" spans="1:10" x14ac:dyDescent="0.35">
      <c r="A29712" s="1" t="s">
        <v>13182</v>
      </c>
      <c r="B29712" s="1" t="s">
        <v>104052</v>
      </c>
      <c r="C29712" s="1" t="s">
        <v>60</v>
      </c>
      <c r="D29712" s="1" t="s">
        <v>104208</v>
      </c>
      <c r="E29712" s="1" t="s">
        <v>104209</v>
      </c>
      <c r="F29712" s="1" t="s">
        <v>104210</v>
      </c>
      <c r="G29712" s="1" t="s">
        <v>104172</v>
      </c>
      <c r="H29712" s="1" t="s">
        <v>104173</v>
      </c>
      <c r="I29712" s="1" t="s">
        <v>104058</v>
      </c>
      <c r="J29712" s="1" t="s">
        <v>104211</v>
      </c>
    </row>
    <row r="29713" spans="1:10" x14ac:dyDescent="0.35">
      <c r="A29713" s="1" t="s">
        <v>13182</v>
      </c>
      <c r="B29713" s="1" t="s">
        <v>104052</v>
      </c>
      <c r="C29713" s="1" t="s">
        <v>65</v>
      </c>
      <c r="D29713" s="1" t="s">
        <v>29231</v>
      </c>
      <c r="E29713" s="1" t="s">
        <v>104212</v>
      </c>
      <c r="F29713" s="1" t="s">
        <v>104213</v>
      </c>
      <c r="G29713" s="1" t="s">
        <v>104172</v>
      </c>
      <c r="H29713" s="1" t="s">
        <v>104173</v>
      </c>
      <c r="I29713" s="1" t="s">
        <v>104058</v>
      </c>
      <c r="J29713" s="1" t="s">
        <v>104214</v>
      </c>
    </row>
    <row r="29714" spans="1:10" x14ac:dyDescent="0.35">
      <c r="A29714" s="1" t="s">
        <v>13182</v>
      </c>
      <c r="B29714" s="1" t="s">
        <v>104052</v>
      </c>
      <c r="C29714" s="1" t="s">
        <v>70</v>
      </c>
      <c r="D29714" s="1" t="s">
        <v>3375</v>
      </c>
      <c r="E29714" s="1" t="s">
        <v>104215</v>
      </c>
      <c r="F29714" s="1" t="s">
        <v>104216</v>
      </c>
      <c r="G29714" s="1" t="s">
        <v>104172</v>
      </c>
      <c r="H29714" s="1" t="s">
        <v>104173</v>
      </c>
      <c r="I29714" s="1" t="s">
        <v>104058</v>
      </c>
      <c r="J29714" s="1" t="s">
        <v>104217</v>
      </c>
    </row>
    <row r="29715" spans="1:10" x14ac:dyDescent="0.35">
      <c r="A29715" s="1" t="s">
        <v>13182</v>
      </c>
      <c r="B29715" s="1" t="s">
        <v>104052</v>
      </c>
      <c r="C29715" s="1" t="s">
        <v>75</v>
      </c>
      <c r="D29715" s="1" t="s">
        <v>25762</v>
      </c>
      <c r="E29715" s="1" t="s">
        <v>104218</v>
      </c>
      <c r="F29715" s="1" t="s">
        <v>104219</v>
      </c>
      <c r="G29715" s="1" t="s">
        <v>104172</v>
      </c>
      <c r="H29715" s="1" t="s">
        <v>104173</v>
      </c>
      <c r="I29715" s="1" t="s">
        <v>104058</v>
      </c>
      <c r="J29715" s="1" t="s">
        <v>104220</v>
      </c>
    </row>
    <row r="29716" spans="1:10" x14ac:dyDescent="0.35">
      <c r="A29716" s="1" t="s">
        <v>13182</v>
      </c>
      <c r="B29716" s="1" t="s">
        <v>104052</v>
      </c>
      <c r="C29716" s="1" t="s">
        <v>80</v>
      </c>
      <c r="D29716" s="1" t="s">
        <v>8000</v>
      </c>
      <c r="E29716" s="1" t="s">
        <v>104221</v>
      </c>
      <c r="F29716" s="1" t="s">
        <v>104222</v>
      </c>
      <c r="G29716" s="1" t="s">
        <v>104172</v>
      </c>
      <c r="H29716" s="1" t="s">
        <v>104173</v>
      </c>
      <c r="I29716" s="1" t="s">
        <v>104058</v>
      </c>
      <c r="J29716" s="1" t="s">
        <v>104223</v>
      </c>
    </row>
    <row r="29717" spans="1:10" x14ac:dyDescent="0.35">
      <c r="A29717" s="1" t="s">
        <v>13182</v>
      </c>
      <c r="B29717" s="1" t="s">
        <v>104052</v>
      </c>
      <c r="C29717" s="1" t="s">
        <v>85</v>
      </c>
      <c r="D29717" s="1" t="s">
        <v>46950</v>
      </c>
      <c r="E29717" s="1" t="s">
        <v>104224</v>
      </c>
      <c r="F29717" s="1" t="s">
        <v>104225</v>
      </c>
      <c r="G29717" s="1" t="s">
        <v>104172</v>
      </c>
      <c r="H29717" s="1" t="s">
        <v>104173</v>
      </c>
      <c r="I29717" s="1" t="s">
        <v>104058</v>
      </c>
      <c r="J29717" s="1" t="s">
        <v>104226</v>
      </c>
    </row>
    <row r="29718" spans="1:10" x14ac:dyDescent="0.35">
      <c r="A29718" s="1" t="s">
        <v>13182</v>
      </c>
      <c r="B29718" s="1" t="s">
        <v>104052</v>
      </c>
      <c r="C29718" s="1" t="s">
        <v>90</v>
      </c>
      <c r="D29718" s="1" t="s">
        <v>33945</v>
      </c>
      <c r="E29718" s="1" t="s">
        <v>104227</v>
      </c>
      <c r="F29718" s="1" t="s">
        <v>104228</v>
      </c>
      <c r="G29718" s="1" t="s">
        <v>104172</v>
      </c>
      <c r="H29718" s="1" t="s">
        <v>104173</v>
      </c>
      <c r="I29718" s="1" t="s">
        <v>104058</v>
      </c>
      <c r="J29718" s="1" t="s">
        <v>104229</v>
      </c>
    </row>
    <row r="29719" spans="1:10" x14ac:dyDescent="0.35">
      <c r="A29719" s="1" t="s">
        <v>13182</v>
      </c>
      <c r="B29719" s="1" t="s">
        <v>104052</v>
      </c>
      <c r="C29719" s="1" t="s">
        <v>95</v>
      </c>
      <c r="D29719" s="1" t="s">
        <v>104230</v>
      </c>
      <c r="E29719" s="1" t="s">
        <v>104231</v>
      </c>
      <c r="F29719" s="1" t="s">
        <v>104232</v>
      </c>
      <c r="G29719" s="1" t="s">
        <v>104172</v>
      </c>
      <c r="H29719" s="1" t="s">
        <v>104173</v>
      </c>
      <c r="I29719" s="1" t="s">
        <v>104058</v>
      </c>
      <c r="J29719" s="1" t="s">
        <v>104233</v>
      </c>
    </row>
    <row r="29720" spans="1:10" x14ac:dyDescent="0.35">
      <c r="A29720" s="1" t="s">
        <v>13182</v>
      </c>
      <c r="B29720" s="1" t="s">
        <v>104052</v>
      </c>
      <c r="C29720" s="1" t="s">
        <v>100</v>
      </c>
      <c r="D29720" s="1" t="s">
        <v>42126</v>
      </c>
      <c r="E29720" s="1" t="s">
        <v>104234</v>
      </c>
      <c r="F29720" s="1" t="s">
        <v>104235</v>
      </c>
      <c r="G29720" s="1" t="s">
        <v>104172</v>
      </c>
      <c r="H29720" s="1" t="s">
        <v>104173</v>
      </c>
      <c r="I29720" s="1" t="s">
        <v>104058</v>
      </c>
      <c r="J29720" s="1" t="s">
        <v>104236</v>
      </c>
    </row>
    <row r="29721" spans="1:10" x14ac:dyDescent="0.35">
      <c r="A29721" s="1" t="s">
        <v>13182</v>
      </c>
      <c r="B29721" s="1" t="s">
        <v>104052</v>
      </c>
      <c r="C29721" s="1" t="s">
        <v>105</v>
      </c>
      <c r="D29721" s="1" t="s">
        <v>37514</v>
      </c>
      <c r="E29721" s="1" t="s">
        <v>104237</v>
      </c>
      <c r="F29721" s="1" t="s">
        <v>104238</v>
      </c>
      <c r="G29721" s="1" t="s">
        <v>104172</v>
      </c>
      <c r="H29721" s="1" t="s">
        <v>104173</v>
      </c>
      <c r="I29721" s="1" t="s">
        <v>104058</v>
      </c>
      <c r="J29721" s="1" t="s">
        <v>104239</v>
      </c>
    </row>
    <row r="29722" spans="1:10" x14ac:dyDescent="0.35">
      <c r="A29722" s="1" t="s">
        <v>13182</v>
      </c>
      <c r="B29722" s="1" t="s">
        <v>104052</v>
      </c>
      <c r="C29722" s="1" t="s">
        <v>110</v>
      </c>
      <c r="D29722" s="1" t="s">
        <v>104240</v>
      </c>
      <c r="E29722" s="1" t="s">
        <v>104241</v>
      </c>
      <c r="F29722" s="1" t="s">
        <v>104242</v>
      </c>
      <c r="G29722" s="1" t="s">
        <v>104172</v>
      </c>
      <c r="H29722" s="1" t="s">
        <v>104173</v>
      </c>
      <c r="I29722" s="1" t="s">
        <v>104058</v>
      </c>
      <c r="J29722" s="1" t="s">
        <v>104243</v>
      </c>
    </row>
    <row r="29723" spans="1:10" x14ac:dyDescent="0.35">
      <c r="A29723" s="1" t="s">
        <v>13182</v>
      </c>
      <c r="B29723" s="1" t="s">
        <v>104052</v>
      </c>
      <c r="C29723" s="1" t="s">
        <v>115</v>
      </c>
      <c r="D29723" s="1" t="s">
        <v>18451</v>
      </c>
      <c r="E29723" s="1" t="s">
        <v>104244</v>
      </c>
      <c r="F29723" s="1" t="s">
        <v>104245</v>
      </c>
      <c r="G29723" s="1" t="s">
        <v>104172</v>
      </c>
      <c r="H29723" s="1" t="s">
        <v>104173</v>
      </c>
      <c r="I29723" s="1" t="s">
        <v>104058</v>
      </c>
      <c r="J29723" s="1" t="s">
        <v>104246</v>
      </c>
    </row>
    <row r="29724" spans="1:10" x14ac:dyDescent="0.35">
      <c r="A29724" s="1" t="s">
        <v>13182</v>
      </c>
      <c r="B29724" s="1" t="s">
        <v>104052</v>
      </c>
      <c r="C29724" s="1" t="s">
        <v>120</v>
      </c>
      <c r="D29724" s="1" t="s">
        <v>104247</v>
      </c>
      <c r="E29724" s="1" t="s">
        <v>104248</v>
      </c>
      <c r="F29724" s="1" t="s">
        <v>104249</v>
      </c>
      <c r="G29724" s="1" t="s">
        <v>104172</v>
      </c>
      <c r="H29724" s="1" t="s">
        <v>104173</v>
      </c>
      <c r="I29724" s="1" t="s">
        <v>104058</v>
      </c>
      <c r="J29724" s="1" t="s">
        <v>104250</v>
      </c>
    </row>
    <row r="29725" spans="1:10" x14ac:dyDescent="0.35">
      <c r="A29725" s="1" t="s">
        <v>13182</v>
      </c>
      <c r="B29725" s="1" t="s">
        <v>104052</v>
      </c>
      <c r="C29725" s="1" t="s">
        <v>125</v>
      </c>
      <c r="D29725" s="1" t="s">
        <v>104251</v>
      </c>
      <c r="E29725" s="1" t="s">
        <v>104252</v>
      </c>
      <c r="F29725" s="1" t="s">
        <v>104253</v>
      </c>
      <c r="G29725" s="1" t="s">
        <v>104172</v>
      </c>
      <c r="H29725" s="1" t="s">
        <v>104173</v>
      </c>
      <c r="I29725" s="1" t="s">
        <v>104058</v>
      </c>
      <c r="J29725" s="1" t="s">
        <v>104254</v>
      </c>
    </row>
    <row r="29726" spans="1:10" x14ac:dyDescent="0.35">
      <c r="A29726" s="1" t="s">
        <v>13182</v>
      </c>
      <c r="B29726" s="1" t="s">
        <v>104052</v>
      </c>
      <c r="C29726" s="1" t="s">
        <v>130</v>
      </c>
      <c r="D29726" s="1" t="s">
        <v>104255</v>
      </c>
      <c r="E29726" s="1" t="s">
        <v>104256</v>
      </c>
      <c r="F29726" s="1" t="s">
        <v>104257</v>
      </c>
      <c r="G29726" s="1" t="s">
        <v>104172</v>
      </c>
      <c r="H29726" s="1" t="s">
        <v>104173</v>
      </c>
      <c r="I29726" s="1" t="s">
        <v>104058</v>
      </c>
      <c r="J29726" s="1" t="s">
        <v>104258</v>
      </c>
    </row>
    <row r="29727" spans="1:10" x14ac:dyDescent="0.35">
      <c r="A29727" s="1" t="s">
        <v>13182</v>
      </c>
      <c r="B29727" s="1" t="s">
        <v>104052</v>
      </c>
      <c r="C29727" s="1" t="s">
        <v>135</v>
      </c>
      <c r="D29727" s="1" t="s">
        <v>104259</v>
      </c>
      <c r="E29727" s="1" t="s">
        <v>104260</v>
      </c>
      <c r="F29727" s="1" t="s">
        <v>104261</v>
      </c>
      <c r="G29727" s="1" t="s">
        <v>104172</v>
      </c>
      <c r="H29727" s="1" t="s">
        <v>104173</v>
      </c>
      <c r="I29727" s="1" t="s">
        <v>104058</v>
      </c>
      <c r="J29727" s="1" t="s">
        <v>104262</v>
      </c>
    </row>
    <row r="29728" spans="1:10" x14ac:dyDescent="0.35">
      <c r="A29728" s="1" t="s">
        <v>13182</v>
      </c>
      <c r="B29728" s="1" t="s">
        <v>104052</v>
      </c>
      <c r="C29728" s="1" t="s">
        <v>140</v>
      </c>
      <c r="D29728" s="1" t="s">
        <v>104263</v>
      </c>
      <c r="E29728" s="1" t="s">
        <v>104264</v>
      </c>
      <c r="F29728" s="1" t="s">
        <v>104265</v>
      </c>
      <c r="G29728" s="1" t="s">
        <v>104172</v>
      </c>
      <c r="H29728" s="1" t="s">
        <v>104173</v>
      </c>
      <c r="I29728" s="1" t="s">
        <v>104058</v>
      </c>
      <c r="J29728" s="1" t="s">
        <v>104266</v>
      </c>
    </row>
    <row r="29729" spans="1:10" x14ac:dyDescent="0.35">
      <c r="A29729" s="1" t="s">
        <v>13182</v>
      </c>
      <c r="B29729" s="1" t="s">
        <v>104052</v>
      </c>
      <c r="C29729" s="1" t="s">
        <v>145</v>
      </c>
      <c r="D29729" s="1" t="s">
        <v>104267</v>
      </c>
      <c r="E29729" s="1" t="s">
        <v>104268</v>
      </c>
      <c r="F29729" s="1" t="s">
        <v>104269</v>
      </c>
      <c r="G29729" s="1" t="s">
        <v>104172</v>
      </c>
      <c r="H29729" s="1" t="s">
        <v>104173</v>
      </c>
      <c r="I29729" s="1" t="s">
        <v>104058</v>
      </c>
      <c r="J29729" s="1" t="s">
        <v>104270</v>
      </c>
    </row>
    <row r="29730" spans="1:10" x14ac:dyDescent="0.35">
      <c r="A29730" s="1" t="s">
        <v>13182</v>
      </c>
      <c r="B29730" s="1" t="s">
        <v>104052</v>
      </c>
      <c r="C29730" s="1" t="s">
        <v>150</v>
      </c>
      <c r="D29730" s="1" t="s">
        <v>104271</v>
      </c>
      <c r="E29730" s="1" t="s">
        <v>104272</v>
      </c>
      <c r="F29730" s="1" t="s">
        <v>104273</v>
      </c>
      <c r="G29730" s="1" t="s">
        <v>104172</v>
      </c>
      <c r="H29730" s="1" t="s">
        <v>104173</v>
      </c>
      <c r="I29730" s="1" t="s">
        <v>104058</v>
      </c>
      <c r="J29730" s="1" t="s">
        <v>104274</v>
      </c>
    </row>
    <row r="29731" spans="1:10" x14ac:dyDescent="0.35">
      <c r="A29731" s="1" t="s">
        <v>13182</v>
      </c>
      <c r="B29731" s="1" t="s">
        <v>104052</v>
      </c>
      <c r="C29731" s="1" t="s">
        <v>155</v>
      </c>
      <c r="D29731" s="1" t="s">
        <v>104275</v>
      </c>
      <c r="E29731" s="1" t="s">
        <v>104276</v>
      </c>
      <c r="F29731" s="1" t="s">
        <v>104277</v>
      </c>
      <c r="G29731" s="1" t="s">
        <v>104172</v>
      </c>
      <c r="H29731" s="1" t="s">
        <v>104173</v>
      </c>
      <c r="I29731" s="1" t="s">
        <v>104058</v>
      </c>
      <c r="J29731" s="1" t="s">
        <v>104278</v>
      </c>
    </row>
    <row r="29732" spans="1:10" x14ac:dyDescent="0.35">
      <c r="A29732" s="1" t="s">
        <v>13182</v>
      </c>
      <c r="B29732" s="1" t="s">
        <v>104052</v>
      </c>
      <c r="C29732" s="1" t="s">
        <v>160</v>
      </c>
      <c r="D29732" s="1" t="s">
        <v>104279</v>
      </c>
      <c r="E29732" s="1" t="s">
        <v>104280</v>
      </c>
      <c r="F29732" s="1" t="s">
        <v>104281</v>
      </c>
      <c r="G29732" s="1" t="s">
        <v>104172</v>
      </c>
      <c r="H29732" s="1" t="s">
        <v>104173</v>
      </c>
      <c r="I29732" s="1" t="s">
        <v>104058</v>
      </c>
      <c r="J29732" s="1" t="s">
        <v>104282</v>
      </c>
    </row>
    <row r="29733" spans="1:10" x14ac:dyDescent="0.35">
      <c r="A29733" s="1" t="s">
        <v>13182</v>
      </c>
      <c r="B29733" s="1" t="s">
        <v>104052</v>
      </c>
      <c r="C29733" s="1" t="s">
        <v>165</v>
      </c>
      <c r="D29733" s="1" t="s">
        <v>104283</v>
      </c>
      <c r="E29733" s="1" t="s">
        <v>104284</v>
      </c>
      <c r="F29733" s="1" t="s">
        <v>104285</v>
      </c>
      <c r="G29733" s="1" t="s">
        <v>104172</v>
      </c>
      <c r="H29733" s="1" t="s">
        <v>104173</v>
      </c>
      <c r="I29733" s="1" t="s">
        <v>104058</v>
      </c>
      <c r="J29733" s="1" t="s">
        <v>104286</v>
      </c>
    </row>
    <row r="29734" spans="1:10" x14ac:dyDescent="0.35">
      <c r="A29734" s="1" t="s">
        <v>13182</v>
      </c>
      <c r="B29734" s="1" t="s">
        <v>104052</v>
      </c>
      <c r="C29734" s="1" t="s">
        <v>170</v>
      </c>
      <c r="D29734" s="1" t="s">
        <v>98659</v>
      </c>
      <c r="E29734" s="1" t="s">
        <v>104287</v>
      </c>
      <c r="F29734" s="1" t="s">
        <v>104288</v>
      </c>
      <c r="G29734" s="1" t="s">
        <v>104172</v>
      </c>
      <c r="H29734" s="1" t="s">
        <v>104173</v>
      </c>
      <c r="I29734" s="1" t="s">
        <v>104058</v>
      </c>
      <c r="J29734" s="1" t="s">
        <v>104289</v>
      </c>
    </row>
    <row r="29735" spans="1:10" x14ac:dyDescent="0.35">
      <c r="A29735" s="1" t="s">
        <v>9201</v>
      </c>
      <c r="B29735" s="1" t="s">
        <v>104052</v>
      </c>
      <c r="C29735" s="1" t="s">
        <v>8</v>
      </c>
      <c r="D29735" s="1" t="s">
        <v>31136</v>
      </c>
      <c r="E29735" s="1" t="s">
        <v>104290</v>
      </c>
      <c r="F29735" s="1" t="s">
        <v>104291</v>
      </c>
      <c r="G29735" s="1" t="s">
        <v>104292</v>
      </c>
      <c r="H29735" s="1" t="s">
        <v>104293</v>
      </c>
      <c r="I29735" s="1" t="s">
        <v>104058</v>
      </c>
      <c r="J29735" s="1" t="s">
        <v>13</v>
      </c>
    </row>
    <row r="29736" spans="1:10" x14ac:dyDescent="0.35">
      <c r="A29736" s="1" t="s">
        <v>9201</v>
      </c>
      <c r="B29736" s="1" t="s">
        <v>104052</v>
      </c>
      <c r="C29736" s="1" t="s">
        <v>15</v>
      </c>
      <c r="D29736" s="1" t="s">
        <v>104294</v>
      </c>
      <c r="E29736" s="1" t="s">
        <v>104295</v>
      </c>
      <c r="F29736" s="1" t="s">
        <v>104296</v>
      </c>
      <c r="G29736" s="1" t="s">
        <v>104292</v>
      </c>
      <c r="H29736" s="1" t="s">
        <v>104293</v>
      </c>
      <c r="I29736" s="1" t="s">
        <v>104058</v>
      </c>
      <c r="J29736" s="1" t="s">
        <v>104297</v>
      </c>
    </row>
    <row r="29737" spans="1:10" x14ac:dyDescent="0.35">
      <c r="A29737" s="1" t="s">
        <v>9201</v>
      </c>
      <c r="B29737" s="1" t="s">
        <v>104052</v>
      </c>
      <c r="C29737" s="1" t="s">
        <v>20</v>
      </c>
      <c r="D29737" s="1" t="s">
        <v>30164</v>
      </c>
      <c r="E29737" s="1" t="s">
        <v>104298</v>
      </c>
      <c r="F29737" s="1" t="s">
        <v>104299</v>
      </c>
      <c r="G29737" s="1" t="s">
        <v>104292</v>
      </c>
      <c r="H29737" s="1" t="s">
        <v>104293</v>
      </c>
      <c r="I29737" s="1" t="s">
        <v>104058</v>
      </c>
      <c r="J29737" s="1" t="s">
        <v>104300</v>
      </c>
    </row>
    <row r="29738" spans="1:10" x14ac:dyDescent="0.35">
      <c r="A29738" s="1" t="s">
        <v>9201</v>
      </c>
      <c r="B29738" s="1" t="s">
        <v>104052</v>
      </c>
      <c r="C29738" s="1" t="s">
        <v>25</v>
      </c>
      <c r="D29738" s="1" t="s">
        <v>3604</v>
      </c>
      <c r="E29738" s="1" t="s">
        <v>104301</v>
      </c>
      <c r="F29738" s="1" t="s">
        <v>104302</v>
      </c>
      <c r="G29738" s="1" t="s">
        <v>104292</v>
      </c>
      <c r="H29738" s="1" t="s">
        <v>104293</v>
      </c>
      <c r="I29738" s="1" t="s">
        <v>104058</v>
      </c>
      <c r="J29738" s="1" t="s">
        <v>104303</v>
      </c>
    </row>
    <row r="29739" spans="1:10" x14ac:dyDescent="0.35">
      <c r="A29739" s="1" t="s">
        <v>9201</v>
      </c>
      <c r="B29739" s="1" t="s">
        <v>104052</v>
      </c>
      <c r="C29739" s="1" t="s">
        <v>30</v>
      </c>
      <c r="D29739" s="1" t="s">
        <v>1217</v>
      </c>
      <c r="E29739" s="1" t="s">
        <v>104304</v>
      </c>
      <c r="F29739" s="1" t="s">
        <v>104305</v>
      </c>
      <c r="G29739" s="1" t="s">
        <v>104292</v>
      </c>
      <c r="H29739" s="1" t="s">
        <v>104293</v>
      </c>
      <c r="I29739" s="1" t="s">
        <v>104058</v>
      </c>
      <c r="J29739" s="1" t="s">
        <v>104306</v>
      </c>
    </row>
    <row r="29740" spans="1:10" x14ac:dyDescent="0.35">
      <c r="A29740" s="1" t="s">
        <v>9201</v>
      </c>
      <c r="B29740" s="1" t="s">
        <v>104052</v>
      </c>
      <c r="C29740" s="1" t="s">
        <v>35</v>
      </c>
      <c r="D29740" s="1" t="s">
        <v>104307</v>
      </c>
      <c r="E29740" s="1" t="s">
        <v>104308</v>
      </c>
      <c r="F29740" s="1" t="s">
        <v>104309</v>
      </c>
      <c r="G29740" s="1" t="s">
        <v>104292</v>
      </c>
      <c r="H29740" s="1" t="s">
        <v>104293</v>
      </c>
      <c r="I29740" s="1" t="s">
        <v>104058</v>
      </c>
      <c r="J29740" s="1" t="s">
        <v>104310</v>
      </c>
    </row>
    <row r="29741" spans="1:10" x14ac:dyDescent="0.35">
      <c r="A29741" s="1" t="s">
        <v>9201</v>
      </c>
      <c r="B29741" s="1" t="s">
        <v>104052</v>
      </c>
      <c r="C29741" s="1" t="s">
        <v>40</v>
      </c>
      <c r="D29741" s="1" t="s">
        <v>104311</v>
      </c>
      <c r="E29741" s="1" t="s">
        <v>104312</v>
      </c>
      <c r="F29741" s="1" t="s">
        <v>104313</v>
      </c>
      <c r="G29741" s="1" t="s">
        <v>104292</v>
      </c>
      <c r="H29741" s="1" t="s">
        <v>104293</v>
      </c>
      <c r="I29741" s="1" t="s">
        <v>104058</v>
      </c>
      <c r="J29741" s="1" t="s">
        <v>104314</v>
      </c>
    </row>
    <row r="29742" spans="1:10" x14ac:dyDescent="0.35">
      <c r="A29742" s="1" t="s">
        <v>9201</v>
      </c>
      <c r="B29742" s="1" t="s">
        <v>104052</v>
      </c>
      <c r="C29742" s="1" t="s">
        <v>45</v>
      </c>
      <c r="D29742" s="1" t="s">
        <v>46231</v>
      </c>
      <c r="E29742" s="1" t="s">
        <v>104315</v>
      </c>
      <c r="F29742" s="1" t="s">
        <v>104316</v>
      </c>
      <c r="G29742" s="1" t="s">
        <v>104292</v>
      </c>
      <c r="H29742" s="1" t="s">
        <v>104293</v>
      </c>
      <c r="I29742" s="1" t="s">
        <v>104058</v>
      </c>
      <c r="J29742" s="1" t="s">
        <v>104317</v>
      </c>
    </row>
    <row r="29743" spans="1:10" x14ac:dyDescent="0.35">
      <c r="A29743" s="1" t="s">
        <v>9201</v>
      </c>
      <c r="B29743" s="1" t="s">
        <v>104052</v>
      </c>
      <c r="C29743" s="1" t="s">
        <v>50</v>
      </c>
      <c r="D29743" s="1" t="s">
        <v>104318</v>
      </c>
      <c r="E29743" s="1" t="s">
        <v>104319</v>
      </c>
      <c r="F29743" s="1" t="s">
        <v>104320</v>
      </c>
      <c r="G29743" s="1" t="s">
        <v>104292</v>
      </c>
      <c r="H29743" s="1" t="s">
        <v>104293</v>
      </c>
      <c r="I29743" s="1" t="s">
        <v>104058</v>
      </c>
      <c r="J29743" s="1" t="s">
        <v>104321</v>
      </c>
    </row>
    <row r="29744" spans="1:10" x14ac:dyDescent="0.35">
      <c r="A29744" s="1" t="s">
        <v>9201</v>
      </c>
      <c r="B29744" s="1" t="s">
        <v>104052</v>
      </c>
      <c r="C29744" s="1" t="s">
        <v>55</v>
      </c>
      <c r="D29744" s="1" t="s">
        <v>7575</v>
      </c>
      <c r="E29744" s="1" t="s">
        <v>104322</v>
      </c>
      <c r="F29744" s="1" t="s">
        <v>104323</v>
      </c>
      <c r="G29744" s="1" t="s">
        <v>104292</v>
      </c>
      <c r="H29744" s="1" t="s">
        <v>104293</v>
      </c>
      <c r="I29744" s="1" t="s">
        <v>104058</v>
      </c>
      <c r="J29744" s="1" t="s">
        <v>104324</v>
      </c>
    </row>
    <row r="29745" spans="1:10" x14ac:dyDescent="0.35">
      <c r="A29745" s="1" t="s">
        <v>9201</v>
      </c>
      <c r="B29745" s="1" t="s">
        <v>104052</v>
      </c>
      <c r="C29745" s="1" t="s">
        <v>60</v>
      </c>
      <c r="D29745" s="1" t="s">
        <v>27588</v>
      </c>
      <c r="E29745" s="1" t="s">
        <v>104325</v>
      </c>
      <c r="F29745" s="1" t="s">
        <v>104326</v>
      </c>
      <c r="G29745" s="1" t="s">
        <v>104292</v>
      </c>
      <c r="H29745" s="1" t="s">
        <v>104293</v>
      </c>
      <c r="I29745" s="1" t="s">
        <v>104058</v>
      </c>
      <c r="J29745" s="1" t="s">
        <v>104327</v>
      </c>
    </row>
    <row r="29746" spans="1:10" x14ac:dyDescent="0.35">
      <c r="A29746" s="1" t="s">
        <v>9201</v>
      </c>
      <c r="B29746" s="1" t="s">
        <v>104052</v>
      </c>
      <c r="C29746" s="1" t="s">
        <v>65</v>
      </c>
      <c r="D29746" s="1" t="s">
        <v>104328</v>
      </c>
      <c r="E29746" s="1" t="s">
        <v>104329</v>
      </c>
      <c r="F29746" s="1" t="s">
        <v>104330</v>
      </c>
      <c r="G29746" s="1" t="s">
        <v>104292</v>
      </c>
      <c r="H29746" s="1" t="s">
        <v>104293</v>
      </c>
      <c r="I29746" s="1" t="s">
        <v>104058</v>
      </c>
      <c r="J29746" s="1" t="s">
        <v>104331</v>
      </c>
    </row>
    <row r="29747" spans="1:10" x14ac:dyDescent="0.35">
      <c r="A29747" s="1" t="s">
        <v>9201</v>
      </c>
      <c r="B29747" s="1" t="s">
        <v>104052</v>
      </c>
      <c r="C29747" s="1" t="s">
        <v>70</v>
      </c>
      <c r="D29747" s="1" t="s">
        <v>104332</v>
      </c>
      <c r="E29747" s="1" t="s">
        <v>104333</v>
      </c>
      <c r="F29747" s="1" t="s">
        <v>104334</v>
      </c>
      <c r="G29747" s="1" t="s">
        <v>104292</v>
      </c>
      <c r="H29747" s="1" t="s">
        <v>104293</v>
      </c>
      <c r="I29747" s="1" t="s">
        <v>104058</v>
      </c>
      <c r="J29747" s="1" t="s">
        <v>104335</v>
      </c>
    </row>
    <row r="29748" spans="1:10" x14ac:dyDescent="0.35">
      <c r="A29748" s="1" t="s">
        <v>9201</v>
      </c>
      <c r="B29748" s="1" t="s">
        <v>104052</v>
      </c>
      <c r="C29748" s="1" t="s">
        <v>75</v>
      </c>
      <c r="D29748" s="1" t="s">
        <v>104336</v>
      </c>
      <c r="E29748" s="1" t="s">
        <v>104337</v>
      </c>
      <c r="F29748" s="1" t="s">
        <v>104338</v>
      </c>
      <c r="G29748" s="1" t="s">
        <v>104292</v>
      </c>
      <c r="H29748" s="1" t="s">
        <v>104293</v>
      </c>
      <c r="I29748" s="1" t="s">
        <v>104058</v>
      </c>
      <c r="J29748" s="1" t="s">
        <v>104339</v>
      </c>
    </row>
    <row r="29749" spans="1:10" x14ac:dyDescent="0.35">
      <c r="A29749" s="1" t="s">
        <v>9201</v>
      </c>
      <c r="B29749" s="1" t="s">
        <v>104052</v>
      </c>
      <c r="C29749" s="1" t="s">
        <v>80</v>
      </c>
      <c r="D29749" s="1" t="s">
        <v>25426</v>
      </c>
      <c r="E29749" s="1" t="s">
        <v>104340</v>
      </c>
      <c r="F29749" s="1" t="s">
        <v>104341</v>
      </c>
      <c r="G29749" s="1" t="s">
        <v>104292</v>
      </c>
      <c r="H29749" s="1" t="s">
        <v>104293</v>
      </c>
      <c r="I29749" s="1" t="s">
        <v>104058</v>
      </c>
      <c r="J29749" s="1" t="s">
        <v>104342</v>
      </c>
    </row>
    <row r="29750" spans="1:10" x14ac:dyDescent="0.35">
      <c r="A29750" s="1" t="s">
        <v>9201</v>
      </c>
      <c r="B29750" s="1" t="s">
        <v>104052</v>
      </c>
      <c r="C29750" s="1" t="s">
        <v>85</v>
      </c>
      <c r="D29750" s="1" t="s">
        <v>45767</v>
      </c>
      <c r="E29750" s="1" t="s">
        <v>104343</v>
      </c>
      <c r="F29750" s="1" t="s">
        <v>104344</v>
      </c>
      <c r="G29750" s="1" t="s">
        <v>104292</v>
      </c>
      <c r="H29750" s="1" t="s">
        <v>104293</v>
      </c>
      <c r="I29750" s="1" t="s">
        <v>104058</v>
      </c>
      <c r="J29750" s="1" t="s">
        <v>104345</v>
      </c>
    </row>
    <row r="29751" spans="1:10" x14ac:dyDescent="0.35">
      <c r="A29751" s="1" t="s">
        <v>9201</v>
      </c>
      <c r="B29751" s="1" t="s">
        <v>104052</v>
      </c>
      <c r="C29751" s="1" t="s">
        <v>90</v>
      </c>
      <c r="D29751" s="1" t="s">
        <v>104346</v>
      </c>
      <c r="E29751" s="1" t="s">
        <v>104347</v>
      </c>
      <c r="F29751" s="1" t="s">
        <v>104348</v>
      </c>
      <c r="G29751" s="1" t="s">
        <v>104292</v>
      </c>
      <c r="H29751" s="1" t="s">
        <v>104293</v>
      </c>
      <c r="I29751" s="1" t="s">
        <v>104058</v>
      </c>
      <c r="J29751" s="1" t="s">
        <v>104349</v>
      </c>
    </row>
    <row r="29752" spans="1:10" x14ac:dyDescent="0.35">
      <c r="A29752" s="1" t="s">
        <v>9201</v>
      </c>
      <c r="B29752" s="1" t="s">
        <v>104052</v>
      </c>
      <c r="C29752" s="1" t="s">
        <v>95</v>
      </c>
      <c r="D29752" s="1" t="s">
        <v>71103</v>
      </c>
      <c r="E29752" s="1" t="s">
        <v>104350</v>
      </c>
      <c r="F29752" s="1" t="s">
        <v>104351</v>
      </c>
      <c r="G29752" s="1" t="s">
        <v>104292</v>
      </c>
      <c r="H29752" s="1" t="s">
        <v>104293</v>
      </c>
      <c r="I29752" s="1" t="s">
        <v>104058</v>
      </c>
      <c r="J29752" s="1" t="s">
        <v>104352</v>
      </c>
    </row>
    <row r="29753" spans="1:10" x14ac:dyDescent="0.35">
      <c r="A29753" s="1" t="s">
        <v>9201</v>
      </c>
      <c r="B29753" s="1" t="s">
        <v>104052</v>
      </c>
      <c r="C29753" s="1" t="s">
        <v>100</v>
      </c>
      <c r="D29753" s="1" t="s">
        <v>104353</v>
      </c>
      <c r="E29753" s="1" t="s">
        <v>104354</v>
      </c>
      <c r="F29753" s="1" t="s">
        <v>104355</v>
      </c>
      <c r="G29753" s="1" t="s">
        <v>104292</v>
      </c>
      <c r="H29753" s="1" t="s">
        <v>104293</v>
      </c>
      <c r="I29753" s="1" t="s">
        <v>104058</v>
      </c>
      <c r="J29753" s="1" t="s">
        <v>104356</v>
      </c>
    </row>
    <row r="29754" spans="1:10" x14ac:dyDescent="0.35">
      <c r="A29754" s="1" t="s">
        <v>9201</v>
      </c>
      <c r="B29754" s="1" t="s">
        <v>104052</v>
      </c>
      <c r="C29754" s="1" t="s">
        <v>105</v>
      </c>
      <c r="D29754" s="1" t="s">
        <v>104357</v>
      </c>
      <c r="E29754" s="1" t="s">
        <v>104358</v>
      </c>
      <c r="F29754" s="1" t="s">
        <v>104359</v>
      </c>
      <c r="G29754" s="1" t="s">
        <v>104292</v>
      </c>
      <c r="H29754" s="1" t="s">
        <v>104293</v>
      </c>
      <c r="I29754" s="1" t="s">
        <v>104058</v>
      </c>
      <c r="J29754" s="1" t="s">
        <v>104360</v>
      </c>
    </row>
    <row r="29755" spans="1:10" x14ac:dyDescent="0.35">
      <c r="A29755" s="1" t="s">
        <v>9201</v>
      </c>
      <c r="B29755" s="1" t="s">
        <v>104052</v>
      </c>
      <c r="C29755" s="1" t="s">
        <v>110</v>
      </c>
      <c r="D29755" s="1" t="s">
        <v>104361</v>
      </c>
      <c r="E29755" s="1" t="s">
        <v>104362</v>
      </c>
      <c r="F29755" s="1" t="s">
        <v>104363</v>
      </c>
      <c r="G29755" s="1" t="s">
        <v>104292</v>
      </c>
      <c r="H29755" s="1" t="s">
        <v>104293</v>
      </c>
      <c r="I29755" s="1" t="s">
        <v>104058</v>
      </c>
      <c r="J29755" s="1" t="s">
        <v>104364</v>
      </c>
    </row>
    <row r="29756" spans="1:10" x14ac:dyDescent="0.35">
      <c r="A29756" s="1" t="s">
        <v>9201</v>
      </c>
      <c r="B29756" s="1" t="s">
        <v>104052</v>
      </c>
      <c r="C29756" s="1" t="s">
        <v>115</v>
      </c>
      <c r="D29756" s="1" t="s">
        <v>48405</v>
      </c>
      <c r="E29756" s="1" t="s">
        <v>104365</v>
      </c>
      <c r="F29756" s="1" t="s">
        <v>104366</v>
      </c>
      <c r="G29756" s="1" t="s">
        <v>104292</v>
      </c>
      <c r="H29756" s="1" t="s">
        <v>104293</v>
      </c>
      <c r="I29756" s="1" t="s">
        <v>104058</v>
      </c>
      <c r="J29756" s="1" t="s">
        <v>104367</v>
      </c>
    </row>
    <row r="29757" spans="1:10" x14ac:dyDescent="0.35">
      <c r="A29757" s="1" t="s">
        <v>9201</v>
      </c>
      <c r="B29757" s="1" t="s">
        <v>104052</v>
      </c>
      <c r="C29757" s="1" t="s">
        <v>120</v>
      </c>
      <c r="D29757" s="1" t="s">
        <v>72123</v>
      </c>
      <c r="E29757" s="1" t="s">
        <v>104368</v>
      </c>
      <c r="F29757" s="1" t="s">
        <v>104369</v>
      </c>
      <c r="G29757" s="1" t="s">
        <v>104292</v>
      </c>
      <c r="H29757" s="1" t="s">
        <v>104293</v>
      </c>
      <c r="I29757" s="1" t="s">
        <v>104058</v>
      </c>
      <c r="J29757" s="1" t="s">
        <v>104370</v>
      </c>
    </row>
    <row r="29758" spans="1:10" x14ac:dyDescent="0.35">
      <c r="A29758" s="1" t="s">
        <v>9201</v>
      </c>
      <c r="B29758" s="1" t="s">
        <v>104052</v>
      </c>
      <c r="C29758" s="1" t="s">
        <v>125</v>
      </c>
      <c r="D29758" s="1" t="s">
        <v>42024</v>
      </c>
      <c r="E29758" s="1" t="s">
        <v>104371</v>
      </c>
      <c r="F29758" s="1" t="s">
        <v>37810</v>
      </c>
      <c r="G29758" s="1" t="s">
        <v>104292</v>
      </c>
      <c r="H29758" s="1" t="s">
        <v>104293</v>
      </c>
      <c r="I29758" s="1" t="s">
        <v>104058</v>
      </c>
      <c r="J29758" s="1" t="s">
        <v>104372</v>
      </c>
    </row>
    <row r="29759" spans="1:10" x14ac:dyDescent="0.35">
      <c r="A29759" s="1" t="s">
        <v>9201</v>
      </c>
      <c r="B29759" s="1" t="s">
        <v>104052</v>
      </c>
      <c r="C29759" s="1" t="s">
        <v>130</v>
      </c>
      <c r="D29759" s="1" t="s">
        <v>104373</v>
      </c>
      <c r="E29759" s="1" t="s">
        <v>104374</v>
      </c>
      <c r="F29759" s="1" t="s">
        <v>104375</v>
      </c>
      <c r="G29759" s="1" t="s">
        <v>104292</v>
      </c>
      <c r="H29759" s="1" t="s">
        <v>104293</v>
      </c>
      <c r="I29759" s="1" t="s">
        <v>104058</v>
      </c>
      <c r="J29759" s="1" t="s">
        <v>104376</v>
      </c>
    </row>
    <row r="29760" spans="1:10" x14ac:dyDescent="0.35">
      <c r="A29760" s="1" t="s">
        <v>9201</v>
      </c>
      <c r="B29760" s="1" t="s">
        <v>104052</v>
      </c>
      <c r="C29760" s="1" t="s">
        <v>135</v>
      </c>
      <c r="D29760" s="1" t="s">
        <v>16372</v>
      </c>
      <c r="E29760" s="1" t="s">
        <v>104377</v>
      </c>
      <c r="F29760" s="1" t="s">
        <v>104378</v>
      </c>
      <c r="G29760" s="1" t="s">
        <v>104292</v>
      </c>
      <c r="H29760" s="1" t="s">
        <v>104293</v>
      </c>
      <c r="I29760" s="1" t="s">
        <v>104058</v>
      </c>
      <c r="J29760" s="1" t="s">
        <v>104379</v>
      </c>
    </row>
    <row r="29761" spans="1:10" x14ac:dyDescent="0.35">
      <c r="A29761" s="1" t="s">
        <v>9201</v>
      </c>
      <c r="B29761" s="1" t="s">
        <v>104052</v>
      </c>
      <c r="C29761" s="1" t="s">
        <v>140</v>
      </c>
      <c r="D29761" s="1" t="s">
        <v>104380</v>
      </c>
      <c r="E29761" s="1" t="s">
        <v>104381</v>
      </c>
      <c r="F29761" s="1" t="s">
        <v>104382</v>
      </c>
      <c r="G29761" s="1" t="s">
        <v>104292</v>
      </c>
      <c r="H29761" s="1" t="s">
        <v>104293</v>
      </c>
      <c r="I29761" s="1" t="s">
        <v>104058</v>
      </c>
      <c r="J29761" s="1" t="s">
        <v>104383</v>
      </c>
    </row>
    <row r="29762" spans="1:10" x14ac:dyDescent="0.35">
      <c r="A29762" s="1" t="s">
        <v>9201</v>
      </c>
      <c r="B29762" s="1" t="s">
        <v>104052</v>
      </c>
      <c r="C29762" s="1" t="s">
        <v>145</v>
      </c>
      <c r="D29762" s="1" t="s">
        <v>17859</v>
      </c>
      <c r="E29762" s="1" t="s">
        <v>104384</v>
      </c>
      <c r="F29762" s="1" t="s">
        <v>104385</v>
      </c>
      <c r="G29762" s="1" t="s">
        <v>104292</v>
      </c>
      <c r="H29762" s="1" t="s">
        <v>104293</v>
      </c>
      <c r="I29762" s="1" t="s">
        <v>104058</v>
      </c>
      <c r="J29762" s="1" t="s">
        <v>104386</v>
      </c>
    </row>
    <row r="29763" spans="1:10" x14ac:dyDescent="0.35">
      <c r="A29763" s="1" t="s">
        <v>9201</v>
      </c>
      <c r="B29763" s="1" t="s">
        <v>104052</v>
      </c>
      <c r="C29763" s="1" t="s">
        <v>150</v>
      </c>
      <c r="D29763" s="1" t="s">
        <v>16188</v>
      </c>
      <c r="E29763" s="1" t="s">
        <v>104387</v>
      </c>
      <c r="F29763" s="1" t="s">
        <v>104388</v>
      </c>
      <c r="G29763" s="1" t="s">
        <v>104292</v>
      </c>
      <c r="H29763" s="1" t="s">
        <v>104293</v>
      </c>
      <c r="I29763" s="1" t="s">
        <v>104058</v>
      </c>
      <c r="J29763" s="1" t="s">
        <v>104389</v>
      </c>
    </row>
    <row r="29764" spans="1:10" x14ac:dyDescent="0.35">
      <c r="A29764" s="1" t="s">
        <v>9201</v>
      </c>
      <c r="B29764" s="1" t="s">
        <v>104052</v>
      </c>
      <c r="C29764" s="1" t="s">
        <v>155</v>
      </c>
      <c r="D29764" s="1" t="s">
        <v>45920</v>
      </c>
      <c r="E29764" s="1" t="s">
        <v>104390</v>
      </c>
      <c r="F29764" s="1" t="s">
        <v>104391</v>
      </c>
      <c r="G29764" s="1" t="s">
        <v>104292</v>
      </c>
      <c r="H29764" s="1" t="s">
        <v>104293</v>
      </c>
      <c r="I29764" s="1" t="s">
        <v>104058</v>
      </c>
      <c r="J29764" s="1" t="s">
        <v>104392</v>
      </c>
    </row>
    <row r="29765" spans="1:10" x14ac:dyDescent="0.35">
      <c r="A29765" s="1" t="s">
        <v>9201</v>
      </c>
      <c r="B29765" s="1" t="s">
        <v>104052</v>
      </c>
      <c r="C29765" s="1" t="s">
        <v>160</v>
      </c>
      <c r="D29765" s="1" t="s">
        <v>104393</v>
      </c>
      <c r="E29765" s="1" t="s">
        <v>104394</v>
      </c>
      <c r="F29765" s="1" t="s">
        <v>104395</v>
      </c>
      <c r="G29765" s="1" t="s">
        <v>104292</v>
      </c>
      <c r="H29765" s="1" t="s">
        <v>104293</v>
      </c>
      <c r="I29765" s="1" t="s">
        <v>104058</v>
      </c>
      <c r="J29765" s="1" t="s">
        <v>104396</v>
      </c>
    </row>
    <row r="29766" spans="1:10" x14ac:dyDescent="0.35">
      <c r="A29766" s="1" t="s">
        <v>9201</v>
      </c>
      <c r="B29766" s="1" t="s">
        <v>104052</v>
      </c>
      <c r="C29766" s="1" t="s">
        <v>165</v>
      </c>
      <c r="D29766" s="1" t="s">
        <v>104397</v>
      </c>
      <c r="E29766" s="1" t="s">
        <v>104398</v>
      </c>
      <c r="F29766" s="1" t="s">
        <v>104399</v>
      </c>
      <c r="G29766" s="1" t="s">
        <v>104292</v>
      </c>
      <c r="H29766" s="1" t="s">
        <v>104293</v>
      </c>
      <c r="I29766" s="1" t="s">
        <v>104058</v>
      </c>
      <c r="J29766" s="1" t="s">
        <v>104400</v>
      </c>
    </row>
    <row r="29767" spans="1:10" x14ac:dyDescent="0.35">
      <c r="A29767" s="1" t="s">
        <v>9201</v>
      </c>
      <c r="B29767" s="1" t="s">
        <v>104052</v>
      </c>
      <c r="C29767" s="1" t="s">
        <v>170</v>
      </c>
      <c r="D29767" s="1" t="s">
        <v>12769</v>
      </c>
      <c r="E29767" s="1" t="s">
        <v>104401</v>
      </c>
      <c r="F29767" s="1" t="s">
        <v>104402</v>
      </c>
      <c r="G29767" s="1" t="s">
        <v>104292</v>
      </c>
      <c r="H29767" s="1" t="s">
        <v>104293</v>
      </c>
      <c r="I29767" s="1" t="s">
        <v>104058</v>
      </c>
      <c r="J29767" s="1" t="s">
        <v>104403</v>
      </c>
    </row>
    <row r="29768" spans="1:10" x14ac:dyDescent="0.35">
      <c r="A29768" s="1" t="s">
        <v>12024</v>
      </c>
      <c r="B29768" s="1" t="s">
        <v>104052</v>
      </c>
      <c r="C29768" s="1" t="s">
        <v>8</v>
      </c>
      <c r="D29768" s="1" t="s">
        <v>104404</v>
      </c>
      <c r="E29768" s="1" t="s">
        <v>104405</v>
      </c>
      <c r="F29768" s="1" t="s">
        <v>104406</v>
      </c>
      <c r="G29768" s="1" t="s">
        <v>104407</v>
      </c>
      <c r="H29768" s="1" t="s">
        <v>104408</v>
      </c>
      <c r="I29768" s="1" t="s">
        <v>104058</v>
      </c>
      <c r="J29768" s="1" t="s">
        <v>13</v>
      </c>
    </row>
    <row r="29769" spans="1:10" x14ac:dyDescent="0.35">
      <c r="A29769" s="1" t="s">
        <v>12024</v>
      </c>
      <c r="B29769" s="1" t="s">
        <v>104052</v>
      </c>
      <c r="C29769" s="1" t="s">
        <v>15</v>
      </c>
      <c r="D29769" s="1" t="s">
        <v>72766</v>
      </c>
      <c r="E29769" s="1" t="s">
        <v>104409</v>
      </c>
      <c r="F29769" s="1" t="s">
        <v>104410</v>
      </c>
      <c r="G29769" s="1" t="s">
        <v>104407</v>
      </c>
      <c r="H29769" s="1" t="s">
        <v>104408</v>
      </c>
      <c r="I29769" s="1" t="s">
        <v>104058</v>
      </c>
      <c r="J29769" s="1" t="s">
        <v>104411</v>
      </c>
    </row>
    <row r="29770" spans="1:10" x14ac:dyDescent="0.35">
      <c r="A29770" s="1" t="s">
        <v>12024</v>
      </c>
      <c r="B29770" s="1" t="s">
        <v>104052</v>
      </c>
      <c r="C29770" s="1" t="s">
        <v>20</v>
      </c>
      <c r="D29770" s="1" t="s">
        <v>10213</v>
      </c>
      <c r="E29770" s="1" t="s">
        <v>104412</v>
      </c>
      <c r="F29770" s="1" t="s">
        <v>104413</v>
      </c>
      <c r="G29770" s="1" t="s">
        <v>104407</v>
      </c>
      <c r="H29770" s="1" t="s">
        <v>104408</v>
      </c>
      <c r="I29770" s="1" t="s">
        <v>104058</v>
      </c>
      <c r="J29770" s="1" t="s">
        <v>104414</v>
      </c>
    </row>
    <row r="29771" spans="1:10" x14ac:dyDescent="0.35">
      <c r="A29771" s="1" t="s">
        <v>12024</v>
      </c>
      <c r="B29771" s="1" t="s">
        <v>104052</v>
      </c>
      <c r="C29771" s="1" t="s">
        <v>25</v>
      </c>
      <c r="D29771" s="1" t="s">
        <v>30121</v>
      </c>
      <c r="E29771" s="1" t="s">
        <v>104415</v>
      </c>
      <c r="F29771" s="1" t="s">
        <v>104416</v>
      </c>
      <c r="G29771" s="1" t="s">
        <v>104407</v>
      </c>
      <c r="H29771" s="1" t="s">
        <v>104408</v>
      </c>
      <c r="I29771" s="1" t="s">
        <v>104058</v>
      </c>
      <c r="J29771" s="1" t="s">
        <v>104417</v>
      </c>
    </row>
    <row r="29772" spans="1:10" x14ac:dyDescent="0.35">
      <c r="A29772" s="1" t="s">
        <v>12024</v>
      </c>
      <c r="B29772" s="1" t="s">
        <v>104052</v>
      </c>
      <c r="C29772" s="1" t="s">
        <v>30</v>
      </c>
      <c r="D29772" s="1" t="s">
        <v>28026</v>
      </c>
      <c r="E29772" s="1" t="s">
        <v>104418</v>
      </c>
      <c r="F29772" s="1" t="s">
        <v>104419</v>
      </c>
      <c r="G29772" s="1" t="s">
        <v>104407</v>
      </c>
      <c r="H29772" s="1" t="s">
        <v>104408</v>
      </c>
      <c r="I29772" s="1" t="s">
        <v>104058</v>
      </c>
      <c r="J29772" s="1" t="s">
        <v>104420</v>
      </c>
    </row>
    <row r="29773" spans="1:10" x14ac:dyDescent="0.35">
      <c r="A29773" s="1" t="s">
        <v>12024</v>
      </c>
      <c r="B29773" s="1" t="s">
        <v>104052</v>
      </c>
      <c r="C29773" s="1" t="s">
        <v>35</v>
      </c>
      <c r="D29773" s="1" t="s">
        <v>6384</v>
      </c>
      <c r="E29773" s="1" t="s">
        <v>104421</v>
      </c>
      <c r="F29773" s="1" t="s">
        <v>104422</v>
      </c>
      <c r="G29773" s="1" t="s">
        <v>104407</v>
      </c>
      <c r="H29773" s="1" t="s">
        <v>104408</v>
      </c>
      <c r="I29773" s="1" t="s">
        <v>104058</v>
      </c>
      <c r="J29773" s="1" t="s">
        <v>104423</v>
      </c>
    </row>
    <row r="29774" spans="1:10" x14ac:dyDescent="0.35">
      <c r="A29774" s="1" t="s">
        <v>12024</v>
      </c>
      <c r="B29774" s="1" t="s">
        <v>104052</v>
      </c>
      <c r="C29774" s="1" t="s">
        <v>40</v>
      </c>
      <c r="D29774" s="1" t="s">
        <v>6435</v>
      </c>
      <c r="E29774" s="1" t="s">
        <v>104424</v>
      </c>
      <c r="F29774" s="1" t="s">
        <v>104425</v>
      </c>
      <c r="G29774" s="1" t="s">
        <v>104407</v>
      </c>
      <c r="H29774" s="1" t="s">
        <v>104408</v>
      </c>
      <c r="I29774" s="1" t="s">
        <v>104058</v>
      </c>
      <c r="J29774" s="1" t="s">
        <v>104426</v>
      </c>
    </row>
    <row r="29775" spans="1:10" x14ac:dyDescent="0.35">
      <c r="A29775" s="1" t="s">
        <v>12024</v>
      </c>
      <c r="B29775" s="1" t="s">
        <v>104052</v>
      </c>
      <c r="C29775" s="1" t="s">
        <v>45</v>
      </c>
      <c r="D29775" s="1" t="s">
        <v>104427</v>
      </c>
      <c r="E29775" s="1" t="s">
        <v>104428</v>
      </c>
      <c r="F29775" s="1" t="s">
        <v>104429</v>
      </c>
      <c r="G29775" s="1" t="s">
        <v>104407</v>
      </c>
      <c r="H29775" s="1" t="s">
        <v>104408</v>
      </c>
      <c r="I29775" s="1" t="s">
        <v>104058</v>
      </c>
      <c r="J29775" s="1" t="s">
        <v>104430</v>
      </c>
    </row>
    <row r="29776" spans="1:10" x14ac:dyDescent="0.35">
      <c r="A29776" s="1" t="s">
        <v>12024</v>
      </c>
      <c r="B29776" s="1" t="s">
        <v>104052</v>
      </c>
      <c r="C29776" s="1" t="s">
        <v>50</v>
      </c>
      <c r="D29776" s="1" t="s">
        <v>104431</v>
      </c>
      <c r="E29776" s="1" t="s">
        <v>104432</v>
      </c>
      <c r="F29776" s="1" t="s">
        <v>104433</v>
      </c>
      <c r="G29776" s="1" t="s">
        <v>104407</v>
      </c>
      <c r="H29776" s="1" t="s">
        <v>104408</v>
      </c>
      <c r="I29776" s="1" t="s">
        <v>104058</v>
      </c>
      <c r="J29776" s="1" t="s">
        <v>104434</v>
      </c>
    </row>
    <row r="29777" spans="1:10" x14ac:dyDescent="0.35">
      <c r="A29777" s="1" t="s">
        <v>12024</v>
      </c>
      <c r="B29777" s="1" t="s">
        <v>104052</v>
      </c>
      <c r="C29777" s="1" t="s">
        <v>55</v>
      </c>
      <c r="D29777" s="1" t="s">
        <v>4404</v>
      </c>
      <c r="E29777" s="1" t="s">
        <v>104435</v>
      </c>
      <c r="F29777" s="1" t="s">
        <v>104436</v>
      </c>
      <c r="G29777" s="1" t="s">
        <v>104407</v>
      </c>
      <c r="H29777" s="1" t="s">
        <v>104408</v>
      </c>
      <c r="I29777" s="1" t="s">
        <v>104058</v>
      </c>
      <c r="J29777" s="1" t="s">
        <v>104437</v>
      </c>
    </row>
    <row r="29778" spans="1:10" x14ac:dyDescent="0.35">
      <c r="A29778" s="1" t="s">
        <v>12024</v>
      </c>
      <c r="B29778" s="1" t="s">
        <v>104052</v>
      </c>
      <c r="C29778" s="1" t="s">
        <v>60</v>
      </c>
      <c r="D29778" s="1" t="s">
        <v>7548</v>
      </c>
      <c r="E29778" s="1" t="s">
        <v>104438</v>
      </c>
      <c r="F29778" s="1" t="s">
        <v>104439</v>
      </c>
      <c r="G29778" s="1" t="s">
        <v>104407</v>
      </c>
      <c r="H29778" s="1" t="s">
        <v>104408</v>
      </c>
      <c r="I29778" s="1" t="s">
        <v>104058</v>
      </c>
      <c r="J29778" s="1" t="s">
        <v>104440</v>
      </c>
    </row>
    <row r="29779" spans="1:10" x14ac:dyDescent="0.35">
      <c r="A29779" s="1" t="s">
        <v>12024</v>
      </c>
      <c r="B29779" s="1" t="s">
        <v>104052</v>
      </c>
      <c r="C29779" s="1" t="s">
        <v>65</v>
      </c>
      <c r="D29779" s="1" t="s">
        <v>104441</v>
      </c>
      <c r="E29779" s="1" t="s">
        <v>104442</v>
      </c>
      <c r="F29779" s="1" t="s">
        <v>104443</v>
      </c>
      <c r="G29779" s="1" t="s">
        <v>104407</v>
      </c>
      <c r="H29779" s="1" t="s">
        <v>104408</v>
      </c>
      <c r="I29779" s="1" t="s">
        <v>104058</v>
      </c>
      <c r="J29779" s="1" t="s">
        <v>104444</v>
      </c>
    </row>
    <row r="29780" spans="1:10" x14ac:dyDescent="0.35">
      <c r="A29780" s="1" t="s">
        <v>12024</v>
      </c>
      <c r="B29780" s="1" t="s">
        <v>104052</v>
      </c>
      <c r="C29780" s="1" t="s">
        <v>70</v>
      </c>
      <c r="D29780" s="1" t="s">
        <v>104445</v>
      </c>
      <c r="E29780" s="1" t="s">
        <v>104446</v>
      </c>
      <c r="F29780" s="1" t="s">
        <v>104447</v>
      </c>
      <c r="G29780" s="1" t="s">
        <v>104407</v>
      </c>
      <c r="H29780" s="1" t="s">
        <v>104408</v>
      </c>
      <c r="I29780" s="1" t="s">
        <v>104058</v>
      </c>
      <c r="J29780" s="1" t="s">
        <v>104448</v>
      </c>
    </row>
    <row r="29781" spans="1:10" x14ac:dyDescent="0.35">
      <c r="A29781" s="1" t="s">
        <v>12024</v>
      </c>
      <c r="B29781" s="1" t="s">
        <v>104052</v>
      </c>
      <c r="C29781" s="1" t="s">
        <v>75</v>
      </c>
      <c r="D29781" s="1" t="s">
        <v>104449</v>
      </c>
      <c r="E29781" s="1" t="s">
        <v>104450</v>
      </c>
      <c r="F29781" s="1" t="s">
        <v>104451</v>
      </c>
      <c r="G29781" s="1" t="s">
        <v>104407</v>
      </c>
      <c r="H29781" s="1" t="s">
        <v>104408</v>
      </c>
      <c r="I29781" s="1" t="s">
        <v>104058</v>
      </c>
      <c r="J29781" s="1" t="s">
        <v>104452</v>
      </c>
    </row>
    <row r="29782" spans="1:10" x14ac:dyDescent="0.35">
      <c r="A29782" s="1" t="s">
        <v>12024</v>
      </c>
      <c r="B29782" s="1" t="s">
        <v>104052</v>
      </c>
      <c r="C29782" s="1" t="s">
        <v>80</v>
      </c>
      <c r="D29782" s="1" t="s">
        <v>104453</v>
      </c>
      <c r="E29782" s="1" t="s">
        <v>104454</v>
      </c>
      <c r="F29782" s="1" t="s">
        <v>104455</v>
      </c>
      <c r="G29782" s="1" t="s">
        <v>104407</v>
      </c>
      <c r="H29782" s="1" t="s">
        <v>104408</v>
      </c>
      <c r="I29782" s="1" t="s">
        <v>104058</v>
      </c>
      <c r="J29782" s="1" t="s">
        <v>104456</v>
      </c>
    </row>
    <row r="29783" spans="1:10" x14ac:dyDescent="0.35">
      <c r="A29783" s="1" t="s">
        <v>12024</v>
      </c>
      <c r="B29783" s="1" t="s">
        <v>104052</v>
      </c>
      <c r="C29783" s="1" t="s">
        <v>85</v>
      </c>
      <c r="D29783" s="1" t="s">
        <v>45028</v>
      </c>
      <c r="E29783" s="1" t="s">
        <v>104457</v>
      </c>
      <c r="F29783" s="1" t="s">
        <v>104458</v>
      </c>
      <c r="G29783" s="1" t="s">
        <v>104407</v>
      </c>
      <c r="H29783" s="1" t="s">
        <v>104408</v>
      </c>
      <c r="I29783" s="1" t="s">
        <v>104058</v>
      </c>
      <c r="J29783" s="1" t="s">
        <v>104459</v>
      </c>
    </row>
    <row r="29784" spans="1:10" x14ac:dyDescent="0.35">
      <c r="A29784" s="1" t="s">
        <v>12024</v>
      </c>
      <c r="B29784" s="1" t="s">
        <v>104052</v>
      </c>
      <c r="C29784" s="1" t="s">
        <v>90</v>
      </c>
      <c r="D29784" s="1" t="s">
        <v>10834</v>
      </c>
      <c r="E29784" s="1" t="s">
        <v>104460</v>
      </c>
      <c r="F29784" s="1" t="s">
        <v>104461</v>
      </c>
      <c r="G29784" s="1" t="s">
        <v>104407</v>
      </c>
      <c r="H29784" s="1" t="s">
        <v>104408</v>
      </c>
      <c r="I29784" s="1" t="s">
        <v>104058</v>
      </c>
      <c r="J29784" s="1" t="s">
        <v>104462</v>
      </c>
    </row>
    <row r="29785" spans="1:10" x14ac:dyDescent="0.35">
      <c r="A29785" s="1" t="s">
        <v>12024</v>
      </c>
      <c r="B29785" s="1" t="s">
        <v>104052</v>
      </c>
      <c r="C29785" s="1" t="s">
        <v>95</v>
      </c>
      <c r="D29785" s="1" t="s">
        <v>36170</v>
      </c>
      <c r="E29785" s="1" t="s">
        <v>104463</v>
      </c>
      <c r="F29785" s="1" t="s">
        <v>104464</v>
      </c>
      <c r="G29785" s="1" t="s">
        <v>104407</v>
      </c>
      <c r="H29785" s="1" t="s">
        <v>104408</v>
      </c>
      <c r="I29785" s="1" t="s">
        <v>104058</v>
      </c>
      <c r="J29785" s="1" t="s">
        <v>104465</v>
      </c>
    </row>
    <row r="29786" spans="1:10" x14ac:dyDescent="0.35">
      <c r="A29786" s="1" t="s">
        <v>12024</v>
      </c>
      <c r="B29786" s="1" t="s">
        <v>104052</v>
      </c>
      <c r="C29786" s="1" t="s">
        <v>100</v>
      </c>
      <c r="D29786" s="1" t="s">
        <v>311</v>
      </c>
      <c r="E29786" s="1" t="s">
        <v>104466</v>
      </c>
      <c r="F29786" s="1" t="s">
        <v>104467</v>
      </c>
      <c r="G29786" s="1" t="s">
        <v>104407</v>
      </c>
      <c r="H29786" s="1" t="s">
        <v>104408</v>
      </c>
      <c r="I29786" s="1" t="s">
        <v>104058</v>
      </c>
      <c r="J29786" s="1" t="s">
        <v>104468</v>
      </c>
    </row>
    <row r="29787" spans="1:10" x14ac:dyDescent="0.35">
      <c r="A29787" s="1" t="s">
        <v>12024</v>
      </c>
      <c r="B29787" s="1" t="s">
        <v>104052</v>
      </c>
      <c r="C29787" s="1" t="s">
        <v>105</v>
      </c>
      <c r="D29787" s="1" t="s">
        <v>104469</v>
      </c>
      <c r="E29787" s="1" t="s">
        <v>104470</v>
      </c>
      <c r="F29787" s="1" t="s">
        <v>104471</v>
      </c>
      <c r="G29787" s="1" t="s">
        <v>104407</v>
      </c>
      <c r="H29787" s="1" t="s">
        <v>104408</v>
      </c>
      <c r="I29787" s="1" t="s">
        <v>104058</v>
      </c>
      <c r="J29787" s="1" t="s">
        <v>104472</v>
      </c>
    </row>
    <row r="29788" spans="1:10" x14ac:dyDescent="0.35">
      <c r="A29788" s="1" t="s">
        <v>12024</v>
      </c>
      <c r="B29788" s="1" t="s">
        <v>104052</v>
      </c>
      <c r="C29788" s="1" t="s">
        <v>110</v>
      </c>
      <c r="D29788" s="1" t="s">
        <v>47229</v>
      </c>
      <c r="E29788" s="1" t="s">
        <v>104473</v>
      </c>
      <c r="F29788" s="1" t="s">
        <v>104474</v>
      </c>
      <c r="G29788" s="1" t="s">
        <v>104407</v>
      </c>
      <c r="H29788" s="1" t="s">
        <v>104408</v>
      </c>
      <c r="I29788" s="1" t="s">
        <v>104058</v>
      </c>
      <c r="J29788" s="1" t="s">
        <v>104475</v>
      </c>
    </row>
    <row r="29789" spans="1:10" x14ac:dyDescent="0.35">
      <c r="A29789" s="1" t="s">
        <v>12024</v>
      </c>
      <c r="B29789" s="1" t="s">
        <v>104052</v>
      </c>
      <c r="C29789" s="1" t="s">
        <v>115</v>
      </c>
      <c r="D29789" s="1" t="s">
        <v>25277</v>
      </c>
      <c r="E29789" s="1" t="s">
        <v>104476</v>
      </c>
      <c r="F29789" s="1" t="s">
        <v>104477</v>
      </c>
      <c r="G29789" s="1" t="s">
        <v>104407</v>
      </c>
      <c r="H29789" s="1" t="s">
        <v>104408</v>
      </c>
      <c r="I29789" s="1" t="s">
        <v>104058</v>
      </c>
      <c r="J29789" s="1" t="s">
        <v>104478</v>
      </c>
    </row>
    <row r="29790" spans="1:10" x14ac:dyDescent="0.35">
      <c r="A29790" s="1" t="s">
        <v>12024</v>
      </c>
      <c r="B29790" s="1" t="s">
        <v>104052</v>
      </c>
      <c r="C29790" s="1" t="s">
        <v>120</v>
      </c>
      <c r="D29790" s="1" t="s">
        <v>104479</v>
      </c>
      <c r="E29790" s="1" t="s">
        <v>104480</v>
      </c>
      <c r="F29790" s="1" t="s">
        <v>104481</v>
      </c>
      <c r="G29790" s="1" t="s">
        <v>104407</v>
      </c>
      <c r="H29790" s="1" t="s">
        <v>104408</v>
      </c>
      <c r="I29790" s="1" t="s">
        <v>104058</v>
      </c>
      <c r="J29790" s="1" t="s">
        <v>104482</v>
      </c>
    </row>
    <row r="29791" spans="1:10" x14ac:dyDescent="0.35">
      <c r="A29791" s="1" t="s">
        <v>12024</v>
      </c>
      <c r="B29791" s="1" t="s">
        <v>104052</v>
      </c>
      <c r="C29791" s="1" t="s">
        <v>125</v>
      </c>
      <c r="D29791" s="1" t="s">
        <v>19484</v>
      </c>
      <c r="E29791" s="1" t="s">
        <v>104483</v>
      </c>
      <c r="F29791" s="1" t="s">
        <v>104484</v>
      </c>
      <c r="G29791" s="1" t="s">
        <v>104407</v>
      </c>
      <c r="H29791" s="1" t="s">
        <v>104408</v>
      </c>
      <c r="I29791" s="1" t="s">
        <v>104058</v>
      </c>
      <c r="J29791" s="1" t="s">
        <v>104485</v>
      </c>
    </row>
    <row r="29792" spans="1:10" x14ac:dyDescent="0.35">
      <c r="A29792" s="1" t="s">
        <v>12024</v>
      </c>
      <c r="B29792" s="1" t="s">
        <v>104052</v>
      </c>
      <c r="C29792" s="1" t="s">
        <v>130</v>
      </c>
      <c r="D29792" s="1" t="s">
        <v>3627</v>
      </c>
      <c r="E29792" s="1" t="s">
        <v>104486</v>
      </c>
      <c r="F29792" s="1" t="s">
        <v>104487</v>
      </c>
      <c r="G29792" s="1" t="s">
        <v>104407</v>
      </c>
      <c r="H29792" s="1" t="s">
        <v>104408</v>
      </c>
      <c r="I29792" s="1" t="s">
        <v>104058</v>
      </c>
      <c r="J29792" s="1" t="s">
        <v>104488</v>
      </c>
    </row>
    <row r="29793" spans="1:10" x14ac:dyDescent="0.35">
      <c r="A29793" s="1" t="s">
        <v>12024</v>
      </c>
      <c r="B29793" s="1" t="s">
        <v>104052</v>
      </c>
      <c r="C29793" s="1" t="s">
        <v>135</v>
      </c>
      <c r="D29793" s="1" t="s">
        <v>37518</v>
      </c>
      <c r="E29793" s="1" t="s">
        <v>104489</v>
      </c>
      <c r="F29793" s="1" t="s">
        <v>104490</v>
      </c>
      <c r="G29793" s="1" t="s">
        <v>104407</v>
      </c>
      <c r="H29793" s="1" t="s">
        <v>104408</v>
      </c>
      <c r="I29793" s="1" t="s">
        <v>104058</v>
      </c>
      <c r="J29793" s="1" t="s">
        <v>104491</v>
      </c>
    </row>
    <row r="29794" spans="1:10" x14ac:dyDescent="0.35">
      <c r="A29794" s="1" t="s">
        <v>12024</v>
      </c>
      <c r="B29794" s="1" t="s">
        <v>104052</v>
      </c>
      <c r="C29794" s="1" t="s">
        <v>140</v>
      </c>
      <c r="D29794" s="1" t="s">
        <v>31360</v>
      </c>
      <c r="E29794" s="1" t="s">
        <v>104492</v>
      </c>
      <c r="F29794" s="1" t="s">
        <v>104493</v>
      </c>
      <c r="G29794" s="1" t="s">
        <v>104407</v>
      </c>
      <c r="H29794" s="1" t="s">
        <v>104408</v>
      </c>
      <c r="I29794" s="1" t="s">
        <v>104058</v>
      </c>
      <c r="J29794" s="1" t="s">
        <v>104494</v>
      </c>
    </row>
    <row r="29795" spans="1:10" x14ac:dyDescent="0.35">
      <c r="A29795" s="1" t="s">
        <v>12024</v>
      </c>
      <c r="B29795" s="1" t="s">
        <v>104052</v>
      </c>
      <c r="C29795" s="1" t="s">
        <v>145</v>
      </c>
      <c r="D29795" s="1" t="s">
        <v>35891</v>
      </c>
      <c r="E29795" s="1" t="s">
        <v>104495</v>
      </c>
      <c r="F29795" s="1" t="s">
        <v>104496</v>
      </c>
      <c r="G29795" s="1" t="s">
        <v>104407</v>
      </c>
      <c r="H29795" s="1" t="s">
        <v>104408</v>
      </c>
      <c r="I29795" s="1" t="s">
        <v>104058</v>
      </c>
      <c r="J29795" s="1" t="s">
        <v>104497</v>
      </c>
    </row>
    <row r="29796" spans="1:10" x14ac:dyDescent="0.35">
      <c r="A29796" s="1" t="s">
        <v>12024</v>
      </c>
      <c r="B29796" s="1" t="s">
        <v>104052</v>
      </c>
      <c r="C29796" s="1" t="s">
        <v>150</v>
      </c>
      <c r="D29796" s="1" t="s">
        <v>104498</v>
      </c>
      <c r="E29796" s="1" t="s">
        <v>104499</v>
      </c>
      <c r="F29796" s="1" t="s">
        <v>104500</v>
      </c>
      <c r="G29796" s="1" t="s">
        <v>104407</v>
      </c>
      <c r="H29796" s="1" t="s">
        <v>104408</v>
      </c>
      <c r="I29796" s="1" t="s">
        <v>104058</v>
      </c>
      <c r="J29796" s="1" t="s">
        <v>104501</v>
      </c>
    </row>
    <row r="29797" spans="1:10" x14ac:dyDescent="0.35">
      <c r="A29797" s="1" t="s">
        <v>12024</v>
      </c>
      <c r="B29797" s="1" t="s">
        <v>104052</v>
      </c>
      <c r="C29797" s="1" t="s">
        <v>155</v>
      </c>
      <c r="D29797" s="1" t="s">
        <v>104502</v>
      </c>
      <c r="E29797" s="1" t="s">
        <v>104503</v>
      </c>
      <c r="F29797" s="1" t="s">
        <v>104504</v>
      </c>
      <c r="G29797" s="1" t="s">
        <v>104407</v>
      </c>
      <c r="H29797" s="1" t="s">
        <v>104408</v>
      </c>
      <c r="I29797" s="1" t="s">
        <v>104058</v>
      </c>
      <c r="J29797" s="1" t="s">
        <v>104505</v>
      </c>
    </row>
    <row r="29798" spans="1:10" x14ac:dyDescent="0.35">
      <c r="A29798" s="1" t="s">
        <v>12024</v>
      </c>
      <c r="B29798" s="1" t="s">
        <v>104052</v>
      </c>
      <c r="C29798" s="1" t="s">
        <v>160</v>
      </c>
      <c r="D29798" s="1" t="s">
        <v>49845</v>
      </c>
      <c r="E29798" s="1" t="s">
        <v>104506</v>
      </c>
      <c r="F29798" s="1" t="s">
        <v>104507</v>
      </c>
      <c r="G29798" s="1" t="s">
        <v>104407</v>
      </c>
      <c r="H29798" s="1" t="s">
        <v>104408</v>
      </c>
      <c r="I29798" s="1" t="s">
        <v>104058</v>
      </c>
      <c r="J29798" s="1" t="s">
        <v>104508</v>
      </c>
    </row>
    <row r="29799" spans="1:10" x14ac:dyDescent="0.35">
      <c r="A29799" s="1" t="s">
        <v>12024</v>
      </c>
      <c r="B29799" s="1" t="s">
        <v>104052</v>
      </c>
      <c r="C29799" s="1" t="s">
        <v>165</v>
      </c>
      <c r="D29799" s="1" t="s">
        <v>104509</v>
      </c>
      <c r="E29799" s="1" t="s">
        <v>104510</v>
      </c>
      <c r="F29799" s="1" t="s">
        <v>104511</v>
      </c>
      <c r="G29799" s="1" t="s">
        <v>104407</v>
      </c>
      <c r="H29799" s="1" t="s">
        <v>104408</v>
      </c>
      <c r="I29799" s="1" t="s">
        <v>104058</v>
      </c>
      <c r="J29799" s="1" t="s">
        <v>104512</v>
      </c>
    </row>
    <row r="29800" spans="1:10" x14ac:dyDescent="0.35">
      <c r="A29800" s="1" t="s">
        <v>12024</v>
      </c>
      <c r="B29800" s="1" t="s">
        <v>104052</v>
      </c>
      <c r="C29800" s="1" t="s">
        <v>170</v>
      </c>
      <c r="D29800" s="1" t="s">
        <v>50395</v>
      </c>
      <c r="E29800" s="1" t="s">
        <v>104513</v>
      </c>
      <c r="F29800" s="1" t="s">
        <v>104514</v>
      </c>
      <c r="G29800" s="1" t="s">
        <v>104407</v>
      </c>
      <c r="H29800" s="1" t="s">
        <v>104408</v>
      </c>
      <c r="I29800" s="1" t="s">
        <v>104058</v>
      </c>
      <c r="J29800" s="1" t="s">
        <v>104515</v>
      </c>
    </row>
    <row r="29801" spans="1:10" x14ac:dyDescent="0.35">
      <c r="A29801" s="1" t="s">
        <v>46685</v>
      </c>
      <c r="B29801" s="1" t="s">
        <v>104052</v>
      </c>
      <c r="C29801" s="1" t="s">
        <v>8</v>
      </c>
      <c r="D29801" s="1" t="s">
        <v>104151</v>
      </c>
      <c r="E29801" s="1" t="s">
        <v>104516</v>
      </c>
      <c r="F29801" s="1" t="s">
        <v>104517</v>
      </c>
      <c r="G29801" s="1" t="s">
        <v>104518</v>
      </c>
      <c r="H29801" s="1" t="s">
        <v>104519</v>
      </c>
      <c r="I29801" s="1" t="s">
        <v>104058</v>
      </c>
      <c r="J29801" s="1" t="s">
        <v>13</v>
      </c>
    </row>
    <row r="29802" spans="1:10" x14ac:dyDescent="0.35">
      <c r="A29802" s="1" t="s">
        <v>46685</v>
      </c>
      <c r="B29802" s="1" t="s">
        <v>104052</v>
      </c>
      <c r="C29802" s="1" t="s">
        <v>15</v>
      </c>
      <c r="D29802" s="1" t="s">
        <v>104520</v>
      </c>
      <c r="E29802" s="1" t="s">
        <v>104521</v>
      </c>
      <c r="F29802" s="1" t="s">
        <v>104522</v>
      </c>
      <c r="G29802" s="1" t="s">
        <v>104518</v>
      </c>
      <c r="H29802" s="1" t="s">
        <v>104519</v>
      </c>
      <c r="I29802" s="1" t="s">
        <v>104058</v>
      </c>
      <c r="J29802" s="1" t="s">
        <v>104523</v>
      </c>
    </row>
    <row r="29803" spans="1:10" x14ac:dyDescent="0.35">
      <c r="A29803" s="1" t="s">
        <v>46685</v>
      </c>
      <c r="B29803" s="1" t="s">
        <v>104052</v>
      </c>
      <c r="C29803" s="1" t="s">
        <v>20</v>
      </c>
      <c r="D29803" s="1" t="s">
        <v>37714</v>
      </c>
      <c r="E29803" s="1" t="s">
        <v>104524</v>
      </c>
      <c r="F29803" s="1" t="s">
        <v>104525</v>
      </c>
      <c r="G29803" s="1" t="s">
        <v>104518</v>
      </c>
      <c r="H29803" s="1" t="s">
        <v>104519</v>
      </c>
      <c r="I29803" s="1" t="s">
        <v>104058</v>
      </c>
      <c r="J29803" s="1" t="s">
        <v>104526</v>
      </c>
    </row>
    <row r="29804" spans="1:10" x14ac:dyDescent="0.35">
      <c r="A29804" s="1" t="s">
        <v>46685</v>
      </c>
      <c r="B29804" s="1" t="s">
        <v>104052</v>
      </c>
      <c r="C29804" s="1" t="s">
        <v>25</v>
      </c>
      <c r="D29804" s="1" t="s">
        <v>4737</v>
      </c>
      <c r="E29804" s="1" t="s">
        <v>104527</v>
      </c>
      <c r="F29804" s="1" t="s">
        <v>104528</v>
      </c>
      <c r="G29804" s="1" t="s">
        <v>104518</v>
      </c>
      <c r="H29804" s="1" t="s">
        <v>104519</v>
      </c>
      <c r="I29804" s="1" t="s">
        <v>104058</v>
      </c>
      <c r="J29804" s="1" t="s">
        <v>104529</v>
      </c>
    </row>
    <row r="29805" spans="1:10" x14ac:dyDescent="0.35">
      <c r="A29805" s="1" t="s">
        <v>46685</v>
      </c>
      <c r="B29805" s="1" t="s">
        <v>104052</v>
      </c>
      <c r="C29805" s="1" t="s">
        <v>30</v>
      </c>
      <c r="D29805" s="1" t="s">
        <v>14126</v>
      </c>
      <c r="E29805" s="1" t="s">
        <v>104530</v>
      </c>
      <c r="F29805" s="1" t="s">
        <v>104531</v>
      </c>
      <c r="G29805" s="1" t="s">
        <v>104518</v>
      </c>
      <c r="H29805" s="1" t="s">
        <v>104519</v>
      </c>
      <c r="I29805" s="1" t="s">
        <v>104058</v>
      </c>
      <c r="J29805" s="1" t="s">
        <v>104532</v>
      </c>
    </row>
    <row r="29806" spans="1:10" x14ac:dyDescent="0.35">
      <c r="A29806" s="1" t="s">
        <v>46685</v>
      </c>
      <c r="B29806" s="1" t="s">
        <v>104052</v>
      </c>
      <c r="C29806" s="1" t="s">
        <v>35</v>
      </c>
      <c r="D29806" s="1" t="s">
        <v>8349</v>
      </c>
      <c r="E29806" s="1" t="s">
        <v>104533</v>
      </c>
      <c r="F29806" s="1" t="s">
        <v>104534</v>
      </c>
      <c r="G29806" s="1" t="s">
        <v>104518</v>
      </c>
      <c r="H29806" s="1" t="s">
        <v>104519</v>
      </c>
      <c r="I29806" s="1" t="s">
        <v>104058</v>
      </c>
      <c r="J29806" s="1" t="s">
        <v>104535</v>
      </c>
    </row>
    <row r="29807" spans="1:10" x14ac:dyDescent="0.35">
      <c r="A29807" s="1" t="s">
        <v>46685</v>
      </c>
      <c r="B29807" s="1" t="s">
        <v>104052</v>
      </c>
      <c r="C29807" s="1" t="s">
        <v>40</v>
      </c>
      <c r="D29807" s="1" t="s">
        <v>10952</v>
      </c>
      <c r="E29807" s="1" t="s">
        <v>104536</v>
      </c>
      <c r="F29807" s="1" t="s">
        <v>104537</v>
      </c>
      <c r="G29807" s="1" t="s">
        <v>104518</v>
      </c>
      <c r="H29807" s="1" t="s">
        <v>104519</v>
      </c>
      <c r="I29807" s="1" t="s">
        <v>104058</v>
      </c>
      <c r="J29807" s="1" t="s">
        <v>104538</v>
      </c>
    </row>
    <row r="29808" spans="1:10" x14ac:dyDescent="0.35">
      <c r="A29808" s="1" t="s">
        <v>46685</v>
      </c>
      <c r="B29808" s="1" t="s">
        <v>104052</v>
      </c>
      <c r="C29808" s="1" t="s">
        <v>45</v>
      </c>
      <c r="D29808" s="1" t="s">
        <v>30171</v>
      </c>
      <c r="E29808" s="1" t="s">
        <v>104539</v>
      </c>
      <c r="F29808" s="1" t="s">
        <v>104540</v>
      </c>
      <c r="G29808" s="1" t="s">
        <v>104518</v>
      </c>
      <c r="H29808" s="1" t="s">
        <v>104519</v>
      </c>
      <c r="I29808" s="1" t="s">
        <v>104058</v>
      </c>
      <c r="J29808" s="1" t="s">
        <v>104541</v>
      </c>
    </row>
    <row r="29809" spans="1:10" x14ac:dyDescent="0.35">
      <c r="A29809" s="1" t="s">
        <v>46685</v>
      </c>
      <c r="B29809" s="1" t="s">
        <v>104052</v>
      </c>
      <c r="C29809" s="1" t="s">
        <v>50</v>
      </c>
      <c r="D29809" s="1" t="s">
        <v>104542</v>
      </c>
      <c r="E29809" s="1" t="s">
        <v>104543</v>
      </c>
      <c r="F29809" s="1" t="s">
        <v>104544</v>
      </c>
      <c r="G29809" s="1" t="s">
        <v>104518</v>
      </c>
      <c r="H29809" s="1" t="s">
        <v>104519</v>
      </c>
      <c r="I29809" s="1" t="s">
        <v>104058</v>
      </c>
      <c r="J29809" s="1" t="s">
        <v>104545</v>
      </c>
    </row>
    <row r="29810" spans="1:10" x14ac:dyDescent="0.35">
      <c r="A29810" s="1" t="s">
        <v>46685</v>
      </c>
      <c r="B29810" s="1" t="s">
        <v>104052</v>
      </c>
      <c r="C29810" s="1" t="s">
        <v>55</v>
      </c>
      <c r="D29810" s="1" t="s">
        <v>104546</v>
      </c>
      <c r="E29810" s="1" t="s">
        <v>104547</v>
      </c>
      <c r="F29810" s="1" t="s">
        <v>104548</v>
      </c>
      <c r="G29810" s="1" t="s">
        <v>104518</v>
      </c>
      <c r="H29810" s="1" t="s">
        <v>104519</v>
      </c>
      <c r="I29810" s="1" t="s">
        <v>104058</v>
      </c>
      <c r="J29810" s="1" t="s">
        <v>104549</v>
      </c>
    </row>
    <row r="29811" spans="1:10" x14ac:dyDescent="0.35">
      <c r="A29811" s="1" t="s">
        <v>46685</v>
      </c>
      <c r="B29811" s="1" t="s">
        <v>104052</v>
      </c>
      <c r="C29811" s="1" t="s">
        <v>60</v>
      </c>
      <c r="D29811" s="1" t="s">
        <v>25000</v>
      </c>
      <c r="E29811" s="1" t="s">
        <v>104550</v>
      </c>
      <c r="F29811" s="1" t="s">
        <v>104551</v>
      </c>
      <c r="G29811" s="1" t="s">
        <v>104518</v>
      </c>
      <c r="H29811" s="1" t="s">
        <v>104519</v>
      </c>
      <c r="I29811" s="1" t="s">
        <v>104058</v>
      </c>
      <c r="J29811" s="1" t="s">
        <v>104552</v>
      </c>
    </row>
    <row r="29812" spans="1:10" x14ac:dyDescent="0.35">
      <c r="A29812" s="1" t="s">
        <v>46685</v>
      </c>
      <c r="B29812" s="1" t="s">
        <v>104052</v>
      </c>
      <c r="C29812" s="1" t="s">
        <v>65</v>
      </c>
      <c r="D29812" s="1" t="s">
        <v>104553</v>
      </c>
      <c r="E29812" s="1" t="s">
        <v>104554</v>
      </c>
      <c r="F29812" s="1" t="s">
        <v>104555</v>
      </c>
      <c r="G29812" s="1" t="s">
        <v>104518</v>
      </c>
      <c r="H29812" s="1" t="s">
        <v>104519</v>
      </c>
      <c r="I29812" s="1" t="s">
        <v>104058</v>
      </c>
      <c r="J29812" s="1" t="s">
        <v>104556</v>
      </c>
    </row>
    <row r="29813" spans="1:10" x14ac:dyDescent="0.35">
      <c r="A29813" s="1" t="s">
        <v>46685</v>
      </c>
      <c r="B29813" s="1" t="s">
        <v>104052</v>
      </c>
      <c r="C29813" s="1" t="s">
        <v>70</v>
      </c>
      <c r="D29813" s="1" t="s">
        <v>7086</v>
      </c>
      <c r="E29813" s="1" t="s">
        <v>104557</v>
      </c>
      <c r="F29813" s="1" t="s">
        <v>104558</v>
      </c>
      <c r="G29813" s="1" t="s">
        <v>104518</v>
      </c>
      <c r="H29813" s="1" t="s">
        <v>104519</v>
      </c>
      <c r="I29813" s="1" t="s">
        <v>104058</v>
      </c>
      <c r="J29813" s="1" t="s">
        <v>104559</v>
      </c>
    </row>
    <row r="29814" spans="1:10" x14ac:dyDescent="0.35">
      <c r="A29814" s="1" t="s">
        <v>46685</v>
      </c>
      <c r="B29814" s="1" t="s">
        <v>104052</v>
      </c>
      <c r="C29814" s="1" t="s">
        <v>75</v>
      </c>
      <c r="D29814" s="1" t="s">
        <v>104560</v>
      </c>
      <c r="E29814" s="1" t="s">
        <v>104561</v>
      </c>
      <c r="F29814" s="1" t="s">
        <v>104562</v>
      </c>
      <c r="G29814" s="1" t="s">
        <v>104518</v>
      </c>
      <c r="H29814" s="1" t="s">
        <v>104519</v>
      </c>
      <c r="I29814" s="1" t="s">
        <v>104058</v>
      </c>
      <c r="J29814" s="1" t="s">
        <v>104563</v>
      </c>
    </row>
    <row r="29815" spans="1:10" x14ac:dyDescent="0.35">
      <c r="A29815" s="1" t="s">
        <v>46685</v>
      </c>
      <c r="B29815" s="1" t="s">
        <v>104052</v>
      </c>
      <c r="C29815" s="1" t="s">
        <v>80</v>
      </c>
      <c r="D29815" s="1" t="s">
        <v>104564</v>
      </c>
      <c r="E29815" s="1" t="s">
        <v>104565</v>
      </c>
      <c r="F29815" s="1" t="s">
        <v>104566</v>
      </c>
      <c r="G29815" s="1" t="s">
        <v>104518</v>
      </c>
      <c r="H29815" s="1" t="s">
        <v>104519</v>
      </c>
      <c r="I29815" s="1" t="s">
        <v>104058</v>
      </c>
      <c r="J29815" s="1" t="s">
        <v>104567</v>
      </c>
    </row>
    <row r="29816" spans="1:10" x14ac:dyDescent="0.35">
      <c r="A29816" s="1" t="s">
        <v>46685</v>
      </c>
      <c r="B29816" s="1" t="s">
        <v>104052</v>
      </c>
      <c r="C29816" s="1" t="s">
        <v>85</v>
      </c>
      <c r="D29816" s="1" t="s">
        <v>35715</v>
      </c>
      <c r="E29816" s="1" t="s">
        <v>104568</v>
      </c>
      <c r="F29816" s="1" t="s">
        <v>104569</v>
      </c>
      <c r="G29816" s="1" t="s">
        <v>104518</v>
      </c>
      <c r="H29816" s="1" t="s">
        <v>104519</v>
      </c>
      <c r="I29816" s="1" t="s">
        <v>104058</v>
      </c>
      <c r="J29816" s="1" t="s">
        <v>104570</v>
      </c>
    </row>
    <row r="29817" spans="1:10" x14ac:dyDescent="0.35">
      <c r="A29817" s="1" t="s">
        <v>46685</v>
      </c>
      <c r="B29817" s="1" t="s">
        <v>104052</v>
      </c>
      <c r="C29817" s="1" t="s">
        <v>90</v>
      </c>
      <c r="D29817" s="1" t="s">
        <v>104571</v>
      </c>
      <c r="E29817" s="1" t="s">
        <v>104572</v>
      </c>
      <c r="F29817" s="1" t="s">
        <v>104573</v>
      </c>
      <c r="G29817" s="1" t="s">
        <v>104518</v>
      </c>
      <c r="H29817" s="1" t="s">
        <v>104519</v>
      </c>
      <c r="I29817" s="1" t="s">
        <v>104058</v>
      </c>
      <c r="J29817" s="1" t="s">
        <v>104574</v>
      </c>
    </row>
    <row r="29818" spans="1:10" x14ac:dyDescent="0.35">
      <c r="A29818" s="1" t="s">
        <v>46685</v>
      </c>
      <c r="B29818" s="1" t="s">
        <v>104052</v>
      </c>
      <c r="C29818" s="1" t="s">
        <v>95</v>
      </c>
      <c r="D29818" s="1" t="s">
        <v>71922</v>
      </c>
      <c r="E29818" s="1" t="s">
        <v>104575</v>
      </c>
      <c r="F29818" s="1" t="s">
        <v>104576</v>
      </c>
      <c r="G29818" s="1" t="s">
        <v>104518</v>
      </c>
      <c r="H29818" s="1" t="s">
        <v>104519</v>
      </c>
      <c r="I29818" s="1" t="s">
        <v>104058</v>
      </c>
      <c r="J29818" s="1" t="s">
        <v>104577</v>
      </c>
    </row>
    <row r="29819" spans="1:10" x14ac:dyDescent="0.35">
      <c r="A29819" s="1" t="s">
        <v>46685</v>
      </c>
      <c r="B29819" s="1" t="s">
        <v>104052</v>
      </c>
      <c r="C29819" s="1" t="s">
        <v>100</v>
      </c>
      <c r="D29819" s="1" t="s">
        <v>104578</v>
      </c>
      <c r="E29819" s="1" t="s">
        <v>104579</v>
      </c>
      <c r="F29819" s="1" t="s">
        <v>104580</v>
      </c>
      <c r="G29819" s="1" t="s">
        <v>104518</v>
      </c>
      <c r="H29819" s="1" t="s">
        <v>104519</v>
      </c>
      <c r="I29819" s="1" t="s">
        <v>104058</v>
      </c>
      <c r="J29819" s="1" t="s">
        <v>104581</v>
      </c>
    </row>
    <row r="29820" spans="1:10" x14ac:dyDescent="0.35">
      <c r="A29820" s="1" t="s">
        <v>46685</v>
      </c>
      <c r="B29820" s="1" t="s">
        <v>104052</v>
      </c>
      <c r="C29820" s="1" t="s">
        <v>105</v>
      </c>
      <c r="D29820" s="1" t="s">
        <v>281</v>
      </c>
      <c r="E29820" s="1" t="s">
        <v>104582</v>
      </c>
      <c r="F29820" s="1" t="s">
        <v>104583</v>
      </c>
      <c r="G29820" s="1" t="s">
        <v>104518</v>
      </c>
      <c r="H29820" s="1" t="s">
        <v>104519</v>
      </c>
      <c r="I29820" s="1" t="s">
        <v>104058</v>
      </c>
      <c r="J29820" s="1" t="s">
        <v>104584</v>
      </c>
    </row>
    <row r="29821" spans="1:10" x14ac:dyDescent="0.35">
      <c r="A29821" s="1" t="s">
        <v>46685</v>
      </c>
      <c r="B29821" s="1" t="s">
        <v>104052</v>
      </c>
      <c r="C29821" s="1" t="s">
        <v>110</v>
      </c>
      <c r="D29821" s="1" t="s">
        <v>104585</v>
      </c>
      <c r="E29821" s="1" t="s">
        <v>104586</v>
      </c>
      <c r="F29821" s="1" t="s">
        <v>104587</v>
      </c>
      <c r="G29821" s="1" t="s">
        <v>104518</v>
      </c>
      <c r="H29821" s="1" t="s">
        <v>104519</v>
      </c>
      <c r="I29821" s="1" t="s">
        <v>104058</v>
      </c>
      <c r="J29821" s="1" t="s">
        <v>104588</v>
      </c>
    </row>
    <row r="29822" spans="1:10" x14ac:dyDescent="0.35">
      <c r="A29822" s="1" t="s">
        <v>46685</v>
      </c>
      <c r="B29822" s="1" t="s">
        <v>104052</v>
      </c>
      <c r="C29822" s="1" t="s">
        <v>115</v>
      </c>
      <c r="D29822" s="1" t="s">
        <v>104589</v>
      </c>
      <c r="E29822" s="1" t="s">
        <v>104590</v>
      </c>
      <c r="F29822" s="1" t="s">
        <v>104591</v>
      </c>
      <c r="G29822" s="1" t="s">
        <v>104518</v>
      </c>
      <c r="H29822" s="1" t="s">
        <v>104519</v>
      </c>
      <c r="I29822" s="1" t="s">
        <v>104058</v>
      </c>
      <c r="J29822" s="1" t="s">
        <v>104592</v>
      </c>
    </row>
    <row r="29823" spans="1:10" x14ac:dyDescent="0.35">
      <c r="A29823" s="1" t="s">
        <v>46685</v>
      </c>
      <c r="B29823" s="1" t="s">
        <v>104052</v>
      </c>
      <c r="C29823" s="1" t="s">
        <v>120</v>
      </c>
      <c r="D29823" s="1" t="s">
        <v>832</v>
      </c>
      <c r="E29823" s="1" t="s">
        <v>104593</v>
      </c>
      <c r="F29823" s="1" t="s">
        <v>104594</v>
      </c>
      <c r="G29823" s="1" t="s">
        <v>104518</v>
      </c>
      <c r="H29823" s="1" t="s">
        <v>104519</v>
      </c>
      <c r="I29823" s="1" t="s">
        <v>104058</v>
      </c>
      <c r="J29823" s="1" t="s">
        <v>104595</v>
      </c>
    </row>
    <row r="29824" spans="1:10" x14ac:dyDescent="0.35">
      <c r="A29824" s="1" t="s">
        <v>46685</v>
      </c>
      <c r="B29824" s="1" t="s">
        <v>104052</v>
      </c>
      <c r="C29824" s="1" t="s">
        <v>125</v>
      </c>
      <c r="D29824" s="1" t="s">
        <v>104596</v>
      </c>
      <c r="E29824" s="1" t="s">
        <v>104597</v>
      </c>
      <c r="F29824" s="1" t="s">
        <v>104598</v>
      </c>
      <c r="G29824" s="1" t="s">
        <v>104518</v>
      </c>
      <c r="H29824" s="1" t="s">
        <v>104519</v>
      </c>
      <c r="I29824" s="1" t="s">
        <v>104058</v>
      </c>
      <c r="J29824" s="1" t="s">
        <v>104599</v>
      </c>
    </row>
    <row r="29825" spans="1:10" x14ac:dyDescent="0.35">
      <c r="A29825" s="1" t="s">
        <v>46685</v>
      </c>
      <c r="B29825" s="1" t="s">
        <v>104052</v>
      </c>
      <c r="C29825" s="1" t="s">
        <v>130</v>
      </c>
      <c r="D29825" s="1" t="s">
        <v>46772</v>
      </c>
      <c r="E29825" s="1" t="s">
        <v>104600</v>
      </c>
      <c r="F29825" s="1" t="s">
        <v>104601</v>
      </c>
      <c r="G29825" s="1" t="s">
        <v>104518</v>
      </c>
      <c r="H29825" s="1" t="s">
        <v>104519</v>
      </c>
      <c r="I29825" s="1" t="s">
        <v>104058</v>
      </c>
      <c r="J29825" s="1" t="s">
        <v>104602</v>
      </c>
    </row>
    <row r="29826" spans="1:10" x14ac:dyDescent="0.35">
      <c r="A29826" s="1" t="s">
        <v>46685</v>
      </c>
      <c r="B29826" s="1" t="s">
        <v>104052</v>
      </c>
      <c r="C29826" s="1" t="s">
        <v>135</v>
      </c>
      <c r="D29826" s="1" t="s">
        <v>31607</v>
      </c>
      <c r="E29826" s="1" t="s">
        <v>104603</v>
      </c>
      <c r="F29826" s="1" t="s">
        <v>104604</v>
      </c>
      <c r="G29826" s="1" t="s">
        <v>104518</v>
      </c>
      <c r="H29826" s="1" t="s">
        <v>104519</v>
      </c>
      <c r="I29826" s="1" t="s">
        <v>104058</v>
      </c>
      <c r="J29826" s="1" t="s">
        <v>104605</v>
      </c>
    </row>
    <row r="29827" spans="1:10" x14ac:dyDescent="0.35">
      <c r="A29827" s="1" t="s">
        <v>46685</v>
      </c>
      <c r="B29827" s="1" t="s">
        <v>104052</v>
      </c>
      <c r="C29827" s="1" t="s">
        <v>140</v>
      </c>
      <c r="D29827" s="1" t="s">
        <v>104606</v>
      </c>
      <c r="E29827" s="1" t="s">
        <v>104607</v>
      </c>
      <c r="F29827" s="1" t="s">
        <v>104608</v>
      </c>
      <c r="G29827" s="1" t="s">
        <v>104518</v>
      </c>
      <c r="H29827" s="1" t="s">
        <v>104519</v>
      </c>
      <c r="I29827" s="1" t="s">
        <v>104058</v>
      </c>
      <c r="J29827" s="1" t="s">
        <v>104609</v>
      </c>
    </row>
    <row r="29828" spans="1:10" x14ac:dyDescent="0.35">
      <c r="A29828" s="1" t="s">
        <v>46685</v>
      </c>
      <c r="B29828" s="1" t="s">
        <v>104052</v>
      </c>
      <c r="C29828" s="1" t="s">
        <v>145</v>
      </c>
      <c r="D29828" s="1" t="s">
        <v>104610</v>
      </c>
      <c r="E29828" s="1" t="s">
        <v>104611</v>
      </c>
      <c r="F29828" s="1" t="s">
        <v>104612</v>
      </c>
      <c r="G29828" s="1" t="s">
        <v>104518</v>
      </c>
      <c r="H29828" s="1" t="s">
        <v>104519</v>
      </c>
      <c r="I29828" s="1" t="s">
        <v>104058</v>
      </c>
      <c r="J29828" s="1" t="s">
        <v>104613</v>
      </c>
    </row>
    <row r="29829" spans="1:10" x14ac:dyDescent="0.35">
      <c r="A29829" s="1" t="s">
        <v>46685</v>
      </c>
      <c r="B29829" s="1" t="s">
        <v>104052</v>
      </c>
      <c r="C29829" s="1" t="s">
        <v>150</v>
      </c>
      <c r="D29829" s="1" t="s">
        <v>32598</v>
      </c>
      <c r="E29829" s="1" t="s">
        <v>104614</v>
      </c>
      <c r="F29829" s="1" t="s">
        <v>104615</v>
      </c>
      <c r="G29829" s="1" t="s">
        <v>104518</v>
      </c>
      <c r="H29829" s="1" t="s">
        <v>104519</v>
      </c>
      <c r="I29829" s="1" t="s">
        <v>104058</v>
      </c>
      <c r="J29829" s="1" t="s">
        <v>104616</v>
      </c>
    </row>
    <row r="29830" spans="1:10" x14ac:dyDescent="0.35">
      <c r="A29830" s="1" t="s">
        <v>46685</v>
      </c>
      <c r="B29830" s="1" t="s">
        <v>104052</v>
      </c>
      <c r="C29830" s="1" t="s">
        <v>155</v>
      </c>
      <c r="D29830" s="1" t="s">
        <v>104617</v>
      </c>
      <c r="E29830" s="1" t="s">
        <v>104618</v>
      </c>
      <c r="F29830" s="1" t="s">
        <v>104619</v>
      </c>
      <c r="G29830" s="1" t="s">
        <v>104518</v>
      </c>
      <c r="H29830" s="1" t="s">
        <v>104519</v>
      </c>
      <c r="I29830" s="1" t="s">
        <v>104058</v>
      </c>
      <c r="J29830" s="1" t="s">
        <v>104620</v>
      </c>
    </row>
    <row r="29831" spans="1:10" x14ac:dyDescent="0.35">
      <c r="A29831" s="1" t="s">
        <v>46685</v>
      </c>
      <c r="B29831" s="1" t="s">
        <v>104052</v>
      </c>
      <c r="C29831" s="1" t="s">
        <v>160</v>
      </c>
      <c r="D29831" s="1" t="s">
        <v>5453</v>
      </c>
      <c r="E29831" s="1" t="s">
        <v>104621</v>
      </c>
      <c r="F29831" s="1" t="s">
        <v>104622</v>
      </c>
      <c r="G29831" s="1" t="s">
        <v>104518</v>
      </c>
      <c r="H29831" s="1" t="s">
        <v>104519</v>
      </c>
      <c r="I29831" s="1" t="s">
        <v>104058</v>
      </c>
      <c r="J29831" s="1" t="s">
        <v>104623</v>
      </c>
    </row>
    <row r="29832" spans="1:10" x14ac:dyDescent="0.35">
      <c r="A29832" s="1" t="s">
        <v>46685</v>
      </c>
      <c r="B29832" s="1" t="s">
        <v>104052</v>
      </c>
      <c r="C29832" s="1" t="s">
        <v>165</v>
      </c>
      <c r="D29832" s="1" t="s">
        <v>104624</v>
      </c>
      <c r="E29832" s="1" t="s">
        <v>104625</v>
      </c>
      <c r="F29832" s="1" t="s">
        <v>104626</v>
      </c>
      <c r="G29832" s="1" t="s">
        <v>104518</v>
      </c>
      <c r="H29832" s="1" t="s">
        <v>104519</v>
      </c>
      <c r="I29832" s="1" t="s">
        <v>104058</v>
      </c>
      <c r="J29832" s="1" t="s">
        <v>104627</v>
      </c>
    </row>
    <row r="29833" spans="1:10" x14ac:dyDescent="0.35">
      <c r="A29833" s="1" t="s">
        <v>46685</v>
      </c>
      <c r="B29833" s="1" t="s">
        <v>104052</v>
      </c>
      <c r="C29833" s="1" t="s">
        <v>170</v>
      </c>
      <c r="D29833" s="1" t="s">
        <v>104628</v>
      </c>
      <c r="E29833" s="1" t="s">
        <v>104629</v>
      </c>
      <c r="F29833" s="1" t="s">
        <v>104630</v>
      </c>
      <c r="G29833" s="1" t="s">
        <v>104518</v>
      </c>
      <c r="H29833" s="1" t="s">
        <v>104519</v>
      </c>
      <c r="I29833" s="1" t="s">
        <v>104058</v>
      </c>
      <c r="J29833" s="1" t="s">
        <v>104631</v>
      </c>
    </row>
    <row r="29834" spans="1:10" x14ac:dyDescent="0.35">
      <c r="A29834" s="1" t="s">
        <v>104632</v>
      </c>
      <c r="B29834" s="1" t="s">
        <v>104052</v>
      </c>
      <c r="C29834" s="1" t="s">
        <v>8</v>
      </c>
      <c r="D29834" s="1" t="s">
        <v>44371</v>
      </c>
      <c r="E29834" s="1" t="s">
        <v>104633</v>
      </c>
      <c r="F29834" s="1" t="s">
        <v>104634</v>
      </c>
      <c r="G29834" s="1" t="s">
        <v>104635</v>
      </c>
      <c r="H29834" s="1" t="s">
        <v>104636</v>
      </c>
      <c r="I29834" s="1" t="s">
        <v>104058</v>
      </c>
      <c r="J29834" s="1" t="s">
        <v>13</v>
      </c>
    </row>
    <row r="29835" spans="1:10" x14ac:dyDescent="0.35">
      <c r="A29835" s="1" t="s">
        <v>104632</v>
      </c>
      <c r="B29835" s="1" t="s">
        <v>104052</v>
      </c>
      <c r="C29835" s="1" t="s">
        <v>15</v>
      </c>
      <c r="D29835" s="1" t="s">
        <v>71912</v>
      </c>
      <c r="E29835" s="1" t="s">
        <v>104637</v>
      </c>
      <c r="F29835" s="1" t="s">
        <v>104638</v>
      </c>
      <c r="G29835" s="1" t="s">
        <v>104635</v>
      </c>
      <c r="H29835" s="1" t="s">
        <v>104636</v>
      </c>
      <c r="I29835" s="1" t="s">
        <v>104058</v>
      </c>
      <c r="J29835" s="1" t="s">
        <v>104639</v>
      </c>
    </row>
    <row r="29836" spans="1:10" x14ac:dyDescent="0.35">
      <c r="A29836" s="1" t="s">
        <v>104632</v>
      </c>
      <c r="B29836" s="1" t="s">
        <v>104052</v>
      </c>
      <c r="C29836" s="1" t="s">
        <v>20</v>
      </c>
      <c r="D29836" s="1" t="s">
        <v>7920</v>
      </c>
      <c r="E29836" s="1" t="s">
        <v>14698</v>
      </c>
      <c r="F29836" s="1" t="s">
        <v>104640</v>
      </c>
      <c r="G29836" s="1" t="s">
        <v>104635</v>
      </c>
      <c r="H29836" s="1" t="s">
        <v>104636</v>
      </c>
      <c r="I29836" s="1" t="s">
        <v>104058</v>
      </c>
      <c r="J29836" s="1" t="s">
        <v>104641</v>
      </c>
    </row>
    <row r="29837" spans="1:10" x14ac:dyDescent="0.35">
      <c r="A29837" s="1" t="s">
        <v>104632</v>
      </c>
      <c r="B29837" s="1" t="s">
        <v>104052</v>
      </c>
      <c r="C29837" s="1" t="s">
        <v>25</v>
      </c>
      <c r="D29837" s="1" t="s">
        <v>9942</v>
      </c>
      <c r="E29837" s="1" t="s">
        <v>104642</v>
      </c>
      <c r="F29837" s="1" t="s">
        <v>104643</v>
      </c>
      <c r="G29837" s="1" t="s">
        <v>104635</v>
      </c>
      <c r="H29837" s="1" t="s">
        <v>104636</v>
      </c>
      <c r="I29837" s="1" t="s">
        <v>104058</v>
      </c>
      <c r="J29837" s="1" t="s">
        <v>104644</v>
      </c>
    </row>
    <row r="29838" spans="1:10" x14ac:dyDescent="0.35">
      <c r="A29838" s="1" t="s">
        <v>104632</v>
      </c>
      <c r="B29838" s="1" t="s">
        <v>104052</v>
      </c>
      <c r="C29838" s="1" t="s">
        <v>30</v>
      </c>
      <c r="D29838" s="1" t="s">
        <v>8679</v>
      </c>
      <c r="E29838" s="1" t="s">
        <v>24689</v>
      </c>
      <c r="F29838" s="1" t="s">
        <v>104645</v>
      </c>
      <c r="G29838" s="1" t="s">
        <v>104635</v>
      </c>
      <c r="H29838" s="1" t="s">
        <v>104636</v>
      </c>
      <c r="I29838" s="1" t="s">
        <v>104058</v>
      </c>
      <c r="J29838" s="1" t="s">
        <v>104646</v>
      </c>
    </row>
    <row r="29839" spans="1:10" x14ac:dyDescent="0.35">
      <c r="A29839" s="1" t="s">
        <v>104632</v>
      </c>
      <c r="B29839" s="1" t="s">
        <v>104052</v>
      </c>
      <c r="C29839" s="1" t="s">
        <v>35</v>
      </c>
      <c r="D29839" s="1" t="s">
        <v>5079</v>
      </c>
      <c r="E29839" s="1" t="s">
        <v>23903</v>
      </c>
      <c r="F29839" s="1" t="s">
        <v>104647</v>
      </c>
      <c r="G29839" s="1" t="s">
        <v>104635</v>
      </c>
      <c r="H29839" s="1" t="s">
        <v>104636</v>
      </c>
      <c r="I29839" s="1" t="s">
        <v>104058</v>
      </c>
      <c r="J29839" s="1" t="s">
        <v>104648</v>
      </c>
    </row>
    <row r="29840" spans="1:10" x14ac:dyDescent="0.35">
      <c r="A29840" s="1" t="s">
        <v>104632</v>
      </c>
      <c r="B29840" s="1" t="s">
        <v>104052</v>
      </c>
      <c r="C29840" s="1" t="s">
        <v>40</v>
      </c>
      <c r="D29840" s="1" t="s">
        <v>104649</v>
      </c>
      <c r="E29840" s="1" t="s">
        <v>104650</v>
      </c>
      <c r="F29840" s="1" t="s">
        <v>104651</v>
      </c>
      <c r="G29840" s="1" t="s">
        <v>104635</v>
      </c>
      <c r="H29840" s="1" t="s">
        <v>104636</v>
      </c>
      <c r="I29840" s="1" t="s">
        <v>104058</v>
      </c>
      <c r="J29840" s="1" t="s">
        <v>104652</v>
      </c>
    </row>
    <row r="29841" spans="1:10" x14ac:dyDescent="0.35">
      <c r="A29841" s="1" t="s">
        <v>104632</v>
      </c>
      <c r="B29841" s="1" t="s">
        <v>104052</v>
      </c>
      <c r="C29841" s="1" t="s">
        <v>45</v>
      </c>
      <c r="D29841" s="1" t="s">
        <v>104653</v>
      </c>
      <c r="E29841" s="1" t="s">
        <v>104654</v>
      </c>
      <c r="F29841" s="1" t="s">
        <v>104655</v>
      </c>
      <c r="G29841" s="1" t="s">
        <v>104635</v>
      </c>
      <c r="H29841" s="1" t="s">
        <v>104636</v>
      </c>
      <c r="I29841" s="1" t="s">
        <v>104058</v>
      </c>
      <c r="J29841" s="1" t="s">
        <v>104656</v>
      </c>
    </row>
    <row r="29842" spans="1:10" x14ac:dyDescent="0.35">
      <c r="A29842" s="1" t="s">
        <v>104632</v>
      </c>
      <c r="B29842" s="1" t="s">
        <v>104052</v>
      </c>
      <c r="C29842" s="1" t="s">
        <v>50</v>
      </c>
      <c r="D29842" s="1" t="s">
        <v>104657</v>
      </c>
      <c r="E29842" s="1" t="s">
        <v>52543</v>
      </c>
      <c r="F29842" s="1" t="s">
        <v>104658</v>
      </c>
      <c r="G29842" s="1" t="s">
        <v>104635</v>
      </c>
      <c r="H29842" s="1" t="s">
        <v>104636</v>
      </c>
      <c r="I29842" s="1" t="s">
        <v>104058</v>
      </c>
      <c r="J29842" s="1" t="s">
        <v>104659</v>
      </c>
    </row>
    <row r="29843" spans="1:10" x14ac:dyDescent="0.35">
      <c r="A29843" s="1" t="s">
        <v>104632</v>
      </c>
      <c r="B29843" s="1" t="s">
        <v>104052</v>
      </c>
      <c r="C29843" s="1" t="s">
        <v>55</v>
      </c>
      <c r="D29843" s="1" t="s">
        <v>104660</v>
      </c>
      <c r="E29843" s="1" t="s">
        <v>62542</v>
      </c>
      <c r="F29843" s="1" t="s">
        <v>104661</v>
      </c>
      <c r="G29843" s="1" t="s">
        <v>104635</v>
      </c>
      <c r="H29843" s="1" t="s">
        <v>104636</v>
      </c>
      <c r="I29843" s="1" t="s">
        <v>104058</v>
      </c>
      <c r="J29843" s="1" t="s">
        <v>104662</v>
      </c>
    </row>
    <row r="29844" spans="1:10" x14ac:dyDescent="0.35">
      <c r="A29844" s="1" t="s">
        <v>104632</v>
      </c>
      <c r="B29844" s="1" t="s">
        <v>104052</v>
      </c>
      <c r="C29844" s="1" t="s">
        <v>60</v>
      </c>
      <c r="D29844" s="1" t="s">
        <v>7606</v>
      </c>
      <c r="E29844" s="1" t="s">
        <v>23021</v>
      </c>
      <c r="F29844" s="1" t="s">
        <v>104663</v>
      </c>
      <c r="G29844" s="1" t="s">
        <v>104635</v>
      </c>
      <c r="H29844" s="1" t="s">
        <v>104636</v>
      </c>
      <c r="I29844" s="1" t="s">
        <v>104058</v>
      </c>
      <c r="J29844" s="1" t="s">
        <v>104664</v>
      </c>
    </row>
    <row r="29845" spans="1:10" x14ac:dyDescent="0.35">
      <c r="A29845" s="1" t="s">
        <v>104632</v>
      </c>
      <c r="B29845" s="1" t="s">
        <v>104052</v>
      </c>
      <c r="C29845" s="1" t="s">
        <v>65</v>
      </c>
      <c r="D29845" s="1" t="s">
        <v>36707</v>
      </c>
      <c r="E29845" s="1" t="s">
        <v>40655</v>
      </c>
      <c r="F29845" s="1" t="s">
        <v>104665</v>
      </c>
      <c r="G29845" s="1" t="s">
        <v>104635</v>
      </c>
      <c r="H29845" s="1" t="s">
        <v>104636</v>
      </c>
      <c r="I29845" s="1" t="s">
        <v>104058</v>
      </c>
      <c r="J29845" s="1" t="s">
        <v>104666</v>
      </c>
    </row>
    <row r="29846" spans="1:10" x14ac:dyDescent="0.35">
      <c r="A29846" s="1" t="s">
        <v>104632</v>
      </c>
      <c r="B29846" s="1" t="s">
        <v>104052</v>
      </c>
      <c r="C29846" s="1" t="s">
        <v>70</v>
      </c>
      <c r="D29846" s="1" t="s">
        <v>25262</v>
      </c>
      <c r="E29846" s="1" t="s">
        <v>82125</v>
      </c>
      <c r="F29846" s="1" t="s">
        <v>104667</v>
      </c>
      <c r="G29846" s="1" t="s">
        <v>104635</v>
      </c>
      <c r="H29846" s="1" t="s">
        <v>104636</v>
      </c>
      <c r="I29846" s="1" t="s">
        <v>104058</v>
      </c>
      <c r="J29846" s="1" t="s">
        <v>104668</v>
      </c>
    </row>
    <row r="29847" spans="1:10" x14ac:dyDescent="0.35">
      <c r="A29847" s="1" t="s">
        <v>104632</v>
      </c>
      <c r="B29847" s="1" t="s">
        <v>104052</v>
      </c>
      <c r="C29847" s="1" t="s">
        <v>75</v>
      </c>
      <c r="D29847" s="1" t="s">
        <v>36166</v>
      </c>
      <c r="E29847" s="1" t="s">
        <v>24758</v>
      </c>
      <c r="F29847" s="1" t="s">
        <v>104669</v>
      </c>
      <c r="G29847" s="1" t="s">
        <v>104635</v>
      </c>
      <c r="H29847" s="1" t="s">
        <v>104636</v>
      </c>
      <c r="I29847" s="1" t="s">
        <v>104058</v>
      </c>
      <c r="J29847" s="1" t="s">
        <v>104670</v>
      </c>
    </row>
    <row r="29848" spans="1:10" x14ac:dyDescent="0.35">
      <c r="A29848" s="1" t="s">
        <v>104632</v>
      </c>
      <c r="B29848" s="1" t="s">
        <v>104052</v>
      </c>
      <c r="C29848" s="1" t="s">
        <v>80</v>
      </c>
      <c r="D29848" s="1" t="s">
        <v>52039</v>
      </c>
      <c r="E29848" s="1" t="s">
        <v>59488</v>
      </c>
      <c r="F29848" s="1" t="s">
        <v>104671</v>
      </c>
      <c r="G29848" s="1" t="s">
        <v>104635</v>
      </c>
      <c r="H29848" s="1" t="s">
        <v>104636</v>
      </c>
      <c r="I29848" s="1" t="s">
        <v>104058</v>
      </c>
      <c r="J29848" s="1" t="s">
        <v>104672</v>
      </c>
    </row>
    <row r="29849" spans="1:10" x14ac:dyDescent="0.35">
      <c r="A29849" s="1" t="s">
        <v>104632</v>
      </c>
      <c r="B29849" s="1" t="s">
        <v>104052</v>
      </c>
      <c r="C29849" s="1" t="s">
        <v>85</v>
      </c>
      <c r="D29849" s="1" t="s">
        <v>37344</v>
      </c>
      <c r="E29849" s="1" t="s">
        <v>58686</v>
      </c>
      <c r="F29849" s="1" t="s">
        <v>88234</v>
      </c>
      <c r="G29849" s="1" t="s">
        <v>104635</v>
      </c>
      <c r="H29849" s="1" t="s">
        <v>104636</v>
      </c>
      <c r="I29849" s="1" t="s">
        <v>104058</v>
      </c>
      <c r="J29849" s="1" t="s">
        <v>104673</v>
      </c>
    </row>
    <row r="29850" spans="1:10" x14ac:dyDescent="0.35">
      <c r="A29850" s="1" t="s">
        <v>104632</v>
      </c>
      <c r="B29850" s="1" t="s">
        <v>104052</v>
      </c>
      <c r="C29850" s="1" t="s">
        <v>90</v>
      </c>
      <c r="D29850" s="1" t="s">
        <v>104674</v>
      </c>
      <c r="E29850" s="1" t="s">
        <v>55023</v>
      </c>
      <c r="F29850" s="1" t="s">
        <v>104675</v>
      </c>
      <c r="G29850" s="1" t="s">
        <v>104635</v>
      </c>
      <c r="H29850" s="1" t="s">
        <v>104636</v>
      </c>
      <c r="I29850" s="1" t="s">
        <v>104058</v>
      </c>
      <c r="J29850" s="1" t="s">
        <v>104676</v>
      </c>
    </row>
    <row r="29851" spans="1:10" x14ac:dyDescent="0.35">
      <c r="A29851" s="1" t="s">
        <v>104632</v>
      </c>
      <c r="B29851" s="1" t="s">
        <v>104052</v>
      </c>
      <c r="C29851" s="1" t="s">
        <v>95</v>
      </c>
      <c r="D29851" s="1" t="s">
        <v>104677</v>
      </c>
      <c r="E29851" s="1" t="s">
        <v>24720</v>
      </c>
      <c r="F29851" s="1" t="s">
        <v>104678</v>
      </c>
      <c r="G29851" s="1" t="s">
        <v>104635</v>
      </c>
      <c r="H29851" s="1" t="s">
        <v>104636</v>
      </c>
      <c r="I29851" s="1" t="s">
        <v>104058</v>
      </c>
      <c r="J29851" s="1" t="s">
        <v>104679</v>
      </c>
    </row>
    <row r="29852" spans="1:10" x14ac:dyDescent="0.35">
      <c r="A29852" s="1" t="s">
        <v>104632</v>
      </c>
      <c r="B29852" s="1" t="s">
        <v>104052</v>
      </c>
      <c r="C29852" s="1" t="s">
        <v>100</v>
      </c>
      <c r="D29852" s="1" t="s">
        <v>48871</v>
      </c>
      <c r="E29852" s="1" t="s">
        <v>104680</v>
      </c>
      <c r="F29852" s="1" t="s">
        <v>41193</v>
      </c>
      <c r="G29852" s="1" t="s">
        <v>104635</v>
      </c>
      <c r="H29852" s="1" t="s">
        <v>104636</v>
      </c>
      <c r="I29852" s="1" t="s">
        <v>104058</v>
      </c>
      <c r="J29852" s="1" t="s">
        <v>104681</v>
      </c>
    </row>
    <row r="29853" spans="1:10" x14ac:dyDescent="0.35">
      <c r="A29853" s="1" t="s">
        <v>104632</v>
      </c>
      <c r="B29853" s="1" t="s">
        <v>104052</v>
      </c>
      <c r="C29853" s="1" t="s">
        <v>105</v>
      </c>
      <c r="D29853" s="1" t="s">
        <v>38196</v>
      </c>
      <c r="E29853" s="1" t="s">
        <v>41539</v>
      </c>
      <c r="F29853" s="1" t="s">
        <v>104682</v>
      </c>
      <c r="G29853" s="1" t="s">
        <v>104635</v>
      </c>
      <c r="H29853" s="1" t="s">
        <v>104636</v>
      </c>
      <c r="I29853" s="1" t="s">
        <v>104058</v>
      </c>
      <c r="J29853" s="1" t="s">
        <v>104683</v>
      </c>
    </row>
    <row r="29854" spans="1:10" x14ac:dyDescent="0.35">
      <c r="A29854" s="1" t="s">
        <v>104632</v>
      </c>
      <c r="B29854" s="1" t="s">
        <v>104052</v>
      </c>
      <c r="C29854" s="1" t="s">
        <v>110</v>
      </c>
      <c r="D29854" s="1" t="s">
        <v>104684</v>
      </c>
      <c r="E29854" s="1" t="s">
        <v>26572</v>
      </c>
      <c r="F29854" s="1" t="s">
        <v>104685</v>
      </c>
      <c r="G29854" s="1" t="s">
        <v>104635</v>
      </c>
      <c r="H29854" s="1" t="s">
        <v>104636</v>
      </c>
      <c r="I29854" s="1" t="s">
        <v>104058</v>
      </c>
      <c r="J29854" s="1" t="s">
        <v>104686</v>
      </c>
    </row>
    <row r="29855" spans="1:10" x14ac:dyDescent="0.35">
      <c r="A29855" s="1" t="s">
        <v>104632</v>
      </c>
      <c r="B29855" s="1" t="s">
        <v>104052</v>
      </c>
      <c r="C29855" s="1" t="s">
        <v>115</v>
      </c>
      <c r="D29855" s="1" t="s">
        <v>104687</v>
      </c>
      <c r="E29855" s="1" t="s">
        <v>104688</v>
      </c>
      <c r="F29855" s="1" t="s">
        <v>104689</v>
      </c>
      <c r="G29855" s="1" t="s">
        <v>104635</v>
      </c>
      <c r="H29855" s="1" t="s">
        <v>104636</v>
      </c>
      <c r="I29855" s="1" t="s">
        <v>104058</v>
      </c>
      <c r="J29855" s="1" t="s">
        <v>104690</v>
      </c>
    </row>
    <row r="29856" spans="1:10" x14ac:dyDescent="0.35">
      <c r="A29856" s="1" t="s">
        <v>104632</v>
      </c>
      <c r="B29856" s="1" t="s">
        <v>104052</v>
      </c>
      <c r="C29856" s="1" t="s">
        <v>120</v>
      </c>
      <c r="D29856" s="1" t="s">
        <v>31356</v>
      </c>
      <c r="E29856" s="1" t="s">
        <v>104691</v>
      </c>
      <c r="F29856" s="1" t="s">
        <v>104692</v>
      </c>
      <c r="G29856" s="1" t="s">
        <v>104635</v>
      </c>
      <c r="H29856" s="1" t="s">
        <v>104636</v>
      </c>
      <c r="I29856" s="1" t="s">
        <v>104058</v>
      </c>
      <c r="J29856" s="1" t="s">
        <v>104693</v>
      </c>
    </row>
    <row r="29857" spans="1:10" x14ac:dyDescent="0.35">
      <c r="A29857" s="1" t="s">
        <v>104632</v>
      </c>
      <c r="B29857" s="1" t="s">
        <v>104052</v>
      </c>
      <c r="C29857" s="1" t="s">
        <v>125</v>
      </c>
      <c r="D29857" s="1" t="s">
        <v>104694</v>
      </c>
      <c r="E29857" s="1" t="s">
        <v>69716</v>
      </c>
      <c r="F29857" s="1" t="s">
        <v>104695</v>
      </c>
      <c r="G29857" s="1" t="s">
        <v>104635</v>
      </c>
      <c r="H29857" s="1" t="s">
        <v>104636</v>
      </c>
      <c r="I29857" s="1" t="s">
        <v>104058</v>
      </c>
      <c r="J29857" s="1" t="s">
        <v>104696</v>
      </c>
    </row>
    <row r="29858" spans="1:10" x14ac:dyDescent="0.35">
      <c r="A29858" s="1" t="s">
        <v>104632</v>
      </c>
      <c r="B29858" s="1" t="s">
        <v>104052</v>
      </c>
      <c r="C29858" s="1" t="s">
        <v>130</v>
      </c>
      <c r="D29858" s="1" t="s">
        <v>16420</v>
      </c>
      <c r="E29858" s="1" t="s">
        <v>102442</v>
      </c>
      <c r="F29858" s="1" t="s">
        <v>104697</v>
      </c>
      <c r="G29858" s="1" t="s">
        <v>104635</v>
      </c>
      <c r="H29858" s="1" t="s">
        <v>104636</v>
      </c>
      <c r="I29858" s="1" t="s">
        <v>104058</v>
      </c>
      <c r="J29858" s="1" t="s">
        <v>104698</v>
      </c>
    </row>
    <row r="29859" spans="1:10" x14ac:dyDescent="0.35">
      <c r="A29859" s="1" t="s">
        <v>104632</v>
      </c>
      <c r="B29859" s="1" t="s">
        <v>104052</v>
      </c>
      <c r="C29859" s="1" t="s">
        <v>135</v>
      </c>
      <c r="D29859" s="1" t="s">
        <v>104699</v>
      </c>
      <c r="E29859" s="1" t="s">
        <v>23894</v>
      </c>
      <c r="F29859" s="1" t="s">
        <v>104700</v>
      </c>
      <c r="G29859" s="1" t="s">
        <v>104635</v>
      </c>
      <c r="H29859" s="1" t="s">
        <v>104636</v>
      </c>
      <c r="I29859" s="1" t="s">
        <v>104058</v>
      </c>
      <c r="J29859" s="1" t="s">
        <v>104701</v>
      </c>
    </row>
    <row r="29860" spans="1:10" x14ac:dyDescent="0.35">
      <c r="A29860" s="1" t="s">
        <v>104632</v>
      </c>
      <c r="B29860" s="1" t="s">
        <v>104052</v>
      </c>
      <c r="C29860" s="1" t="s">
        <v>140</v>
      </c>
      <c r="D29860" s="1" t="s">
        <v>104702</v>
      </c>
      <c r="E29860" s="1" t="s">
        <v>55195</v>
      </c>
      <c r="F29860" s="1" t="s">
        <v>104703</v>
      </c>
      <c r="G29860" s="1" t="s">
        <v>104635</v>
      </c>
      <c r="H29860" s="1" t="s">
        <v>104636</v>
      </c>
      <c r="I29860" s="1" t="s">
        <v>104058</v>
      </c>
      <c r="J29860" s="1" t="s">
        <v>104704</v>
      </c>
    </row>
    <row r="29861" spans="1:10" x14ac:dyDescent="0.35">
      <c r="A29861" s="1" t="s">
        <v>104632</v>
      </c>
      <c r="B29861" s="1" t="s">
        <v>104052</v>
      </c>
      <c r="C29861" s="1" t="s">
        <v>145</v>
      </c>
      <c r="D29861" s="1" t="s">
        <v>104705</v>
      </c>
      <c r="E29861" s="1" t="s">
        <v>60081</v>
      </c>
      <c r="F29861" s="1" t="s">
        <v>104706</v>
      </c>
      <c r="G29861" s="1" t="s">
        <v>104635</v>
      </c>
      <c r="H29861" s="1" t="s">
        <v>104636</v>
      </c>
      <c r="I29861" s="1" t="s">
        <v>104058</v>
      </c>
      <c r="J29861" s="1" t="s">
        <v>104707</v>
      </c>
    </row>
    <row r="29862" spans="1:10" x14ac:dyDescent="0.35">
      <c r="A29862" s="1" t="s">
        <v>104632</v>
      </c>
      <c r="B29862" s="1" t="s">
        <v>104052</v>
      </c>
      <c r="C29862" s="1" t="s">
        <v>150</v>
      </c>
      <c r="D29862" s="1" t="s">
        <v>31815</v>
      </c>
      <c r="E29862" s="1" t="s">
        <v>54085</v>
      </c>
      <c r="F29862" s="1" t="s">
        <v>104708</v>
      </c>
      <c r="G29862" s="1" t="s">
        <v>104635</v>
      </c>
      <c r="H29862" s="1" t="s">
        <v>104636</v>
      </c>
      <c r="I29862" s="1" t="s">
        <v>104058</v>
      </c>
      <c r="J29862" s="1" t="s">
        <v>104709</v>
      </c>
    </row>
    <row r="29863" spans="1:10" x14ac:dyDescent="0.35">
      <c r="A29863" s="1" t="s">
        <v>104632</v>
      </c>
      <c r="B29863" s="1" t="s">
        <v>104052</v>
      </c>
      <c r="C29863" s="1" t="s">
        <v>155</v>
      </c>
      <c r="D29863" s="1" t="s">
        <v>104710</v>
      </c>
      <c r="E29863" s="1" t="s">
        <v>55913</v>
      </c>
      <c r="F29863" s="1" t="s">
        <v>104711</v>
      </c>
      <c r="G29863" s="1" t="s">
        <v>104635</v>
      </c>
      <c r="H29863" s="1" t="s">
        <v>104636</v>
      </c>
      <c r="I29863" s="1" t="s">
        <v>104058</v>
      </c>
      <c r="J29863" s="1" t="s">
        <v>104712</v>
      </c>
    </row>
    <row r="29864" spans="1:10" x14ac:dyDescent="0.35">
      <c r="A29864" s="1" t="s">
        <v>104632</v>
      </c>
      <c r="B29864" s="1" t="s">
        <v>104052</v>
      </c>
      <c r="C29864" s="1" t="s">
        <v>160</v>
      </c>
      <c r="D29864" s="1" t="s">
        <v>104713</v>
      </c>
      <c r="E29864" s="1" t="s">
        <v>104714</v>
      </c>
      <c r="F29864" s="1" t="s">
        <v>86929</v>
      </c>
      <c r="G29864" s="1" t="s">
        <v>104635</v>
      </c>
      <c r="H29864" s="1" t="s">
        <v>104636</v>
      </c>
      <c r="I29864" s="1" t="s">
        <v>104058</v>
      </c>
      <c r="J29864" s="1" t="s">
        <v>104715</v>
      </c>
    </row>
    <row r="29865" spans="1:10" x14ac:dyDescent="0.35">
      <c r="A29865" s="1" t="s">
        <v>104632</v>
      </c>
      <c r="B29865" s="1" t="s">
        <v>104052</v>
      </c>
      <c r="C29865" s="1" t="s">
        <v>165</v>
      </c>
      <c r="D29865" s="1" t="s">
        <v>104716</v>
      </c>
      <c r="E29865" s="1" t="s">
        <v>101682</v>
      </c>
      <c r="F29865" s="1" t="s">
        <v>104717</v>
      </c>
      <c r="G29865" s="1" t="s">
        <v>104635</v>
      </c>
      <c r="H29865" s="1" t="s">
        <v>104636</v>
      </c>
      <c r="I29865" s="1" t="s">
        <v>104058</v>
      </c>
      <c r="J29865" s="1" t="s">
        <v>104718</v>
      </c>
    </row>
    <row r="29866" spans="1:10" x14ac:dyDescent="0.35">
      <c r="A29866" s="1" t="s">
        <v>104632</v>
      </c>
      <c r="B29866" s="1" t="s">
        <v>104052</v>
      </c>
      <c r="C29866" s="1" t="s">
        <v>170</v>
      </c>
      <c r="D29866" s="1" t="s">
        <v>104719</v>
      </c>
      <c r="E29866" s="1" t="s">
        <v>23083</v>
      </c>
      <c r="F29866" s="1" t="s">
        <v>101594</v>
      </c>
      <c r="G29866" s="1" t="s">
        <v>104635</v>
      </c>
      <c r="H29866" s="1" t="s">
        <v>104636</v>
      </c>
      <c r="I29866" s="1" t="s">
        <v>104058</v>
      </c>
      <c r="J29866" s="1" t="s">
        <v>104720</v>
      </c>
    </row>
    <row r="29867" spans="1:10" x14ac:dyDescent="0.35">
      <c r="A29867" s="1" t="s">
        <v>10496</v>
      </c>
      <c r="B29867" s="1" t="s">
        <v>104052</v>
      </c>
      <c r="C29867" s="1" t="s">
        <v>8</v>
      </c>
      <c r="D29867" s="1" t="s">
        <v>104053</v>
      </c>
      <c r="E29867" s="1" t="s">
        <v>104721</v>
      </c>
      <c r="F29867" s="1" t="s">
        <v>104722</v>
      </c>
      <c r="G29867" s="1" t="s">
        <v>104723</v>
      </c>
      <c r="H29867" s="1" t="s">
        <v>104724</v>
      </c>
      <c r="I29867" s="1" t="s">
        <v>104058</v>
      </c>
      <c r="J29867" s="1" t="s">
        <v>13</v>
      </c>
    </row>
    <row r="29868" spans="1:10" x14ac:dyDescent="0.35">
      <c r="A29868" s="1" t="s">
        <v>10496</v>
      </c>
      <c r="B29868" s="1" t="s">
        <v>104052</v>
      </c>
      <c r="C29868" s="1" t="s">
        <v>15</v>
      </c>
      <c r="D29868" s="1" t="s">
        <v>33663</v>
      </c>
      <c r="E29868" s="1" t="s">
        <v>104725</v>
      </c>
      <c r="F29868" s="1" t="s">
        <v>104726</v>
      </c>
      <c r="G29868" s="1" t="s">
        <v>104723</v>
      </c>
      <c r="H29868" s="1" t="s">
        <v>104724</v>
      </c>
      <c r="I29868" s="1" t="s">
        <v>104058</v>
      </c>
      <c r="J29868" s="1" t="s">
        <v>104061</v>
      </c>
    </row>
    <row r="29869" spans="1:10" x14ac:dyDescent="0.35">
      <c r="A29869" s="1" t="s">
        <v>10496</v>
      </c>
      <c r="B29869" s="1" t="s">
        <v>104052</v>
      </c>
      <c r="C29869" s="1" t="s">
        <v>20</v>
      </c>
      <c r="D29869" s="1" t="s">
        <v>104062</v>
      </c>
      <c r="E29869" s="1" t="s">
        <v>104727</v>
      </c>
      <c r="F29869" s="1" t="s">
        <v>104728</v>
      </c>
      <c r="G29869" s="1" t="s">
        <v>104723</v>
      </c>
      <c r="H29869" s="1" t="s">
        <v>104724</v>
      </c>
      <c r="I29869" s="1" t="s">
        <v>104058</v>
      </c>
      <c r="J29869" s="1" t="s">
        <v>104065</v>
      </c>
    </row>
    <row r="29870" spans="1:10" x14ac:dyDescent="0.35">
      <c r="A29870" s="1" t="s">
        <v>10496</v>
      </c>
      <c r="B29870" s="1" t="s">
        <v>104052</v>
      </c>
      <c r="C29870" s="1" t="s">
        <v>25</v>
      </c>
      <c r="D29870" s="1" t="s">
        <v>14983</v>
      </c>
      <c r="E29870" s="1" t="s">
        <v>104729</v>
      </c>
      <c r="F29870" s="1" t="s">
        <v>104730</v>
      </c>
      <c r="G29870" s="1" t="s">
        <v>104723</v>
      </c>
      <c r="H29870" s="1" t="s">
        <v>104724</v>
      </c>
      <c r="I29870" s="1" t="s">
        <v>104058</v>
      </c>
      <c r="J29870" s="1" t="s">
        <v>104068</v>
      </c>
    </row>
    <row r="29871" spans="1:10" x14ac:dyDescent="0.35">
      <c r="A29871" s="1" t="s">
        <v>10496</v>
      </c>
      <c r="B29871" s="1" t="s">
        <v>104052</v>
      </c>
      <c r="C29871" s="1" t="s">
        <v>30</v>
      </c>
      <c r="D29871" s="1" t="s">
        <v>25386</v>
      </c>
      <c r="E29871" s="1" t="s">
        <v>104731</v>
      </c>
      <c r="F29871" s="1" t="s">
        <v>104732</v>
      </c>
      <c r="G29871" s="1" t="s">
        <v>104723</v>
      </c>
      <c r="H29871" s="1" t="s">
        <v>104724</v>
      </c>
      <c r="I29871" s="1" t="s">
        <v>104058</v>
      </c>
      <c r="J29871" s="1" t="s">
        <v>104071</v>
      </c>
    </row>
    <row r="29872" spans="1:10" x14ac:dyDescent="0.35">
      <c r="A29872" s="1" t="s">
        <v>10496</v>
      </c>
      <c r="B29872" s="1" t="s">
        <v>104052</v>
      </c>
      <c r="C29872" s="1" t="s">
        <v>35</v>
      </c>
      <c r="D29872" s="1" t="s">
        <v>104072</v>
      </c>
      <c r="E29872" s="1" t="s">
        <v>104733</v>
      </c>
      <c r="F29872" s="1" t="s">
        <v>104734</v>
      </c>
      <c r="G29872" s="1" t="s">
        <v>104723</v>
      </c>
      <c r="H29872" s="1" t="s">
        <v>104724</v>
      </c>
      <c r="I29872" s="1" t="s">
        <v>104058</v>
      </c>
      <c r="J29872" s="1" t="s">
        <v>104075</v>
      </c>
    </row>
    <row r="29873" spans="1:10" x14ac:dyDescent="0.35">
      <c r="A29873" s="1" t="s">
        <v>10496</v>
      </c>
      <c r="B29873" s="1" t="s">
        <v>104052</v>
      </c>
      <c r="C29873" s="1" t="s">
        <v>40</v>
      </c>
      <c r="D29873" s="1" t="s">
        <v>14130</v>
      </c>
      <c r="E29873" s="1" t="s">
        <v>104735</v>
      </c>
      <c r="F29873" s="1" t="s">
        <v>104736</v>
      </c>
      <c r="G29873" s="1" t="s">
        <v>104723</v>
      </c>
      <c r="H29873" s="1" t="s">
        <v>104724</v>
      </c>
      <c r="I29873" s="1" t="s">
        <v>104058</v>
      </c>
      <c r="J29873" s="1" t="s">
        <v>104078</v>
      </c>
    </row>
    <row r="29874" spans="1:10" x14ac:dyDescent="0.35">
      <c r="A29874" s="1" t="s">
        <v>10496</v>
      </c>
      <c r="B29874" s="1" t="s">
        <v>104052</v>
      </c>
      <c r="C29874" s="1" t="s">
        <v>45</v>
      </c>
      <c r="D29874" s="1" t="s">
        <v>104079</v>
      </c>
      <c r="E29874" s="1" t="s">
        <v>104737</v>
      </c>
      <c r="F29874" s="1" t="s">
        <v>104738</v>
      </c>
      <c r="G29874" s="1" t="s">
        <v>104723</v>
      </c>
      <c r="H29874" s="1" t="s">
        <v>104724</v>
      </c>
      <c r="I29874" s="1" t="s">
        <v>104058</v>
      </c>
      <c r="J29874" s="1" t="s">
        <v>104082</v>
      </c>
    </row>
    <row r="29875" spans="1:10" x14ac:dyDescent="0.35">
      <c r="A29875" s="1" t="s">
        <v>10496</v>
      </c>
      <c r="B29875" s="1" t="s">
        <v>104052</v>
      </c>
      <c r="C29875" s="1" t="s">
        <v>50</v>
      </c>
      <c r="D29875" s="1" t="s">
        <v>46446</v>
      </c>
      <c r="E29875" s="1" t="s">
        <v>104739</v>
      </c>
      <c r="F29875" s="1" t="s">
        <v>104740</v>
      </c>
      <c r="G29875" s="1" t="s">
        <v>104723</v>
      </c>
      <c r="H29875" s="1" t="s">
        <v>104724</v>
      </c>
      <c r="I29875" s="1" t="s">
        <v>104058</v>
      </c>
      <c r="J29875" s="1" t="s">
        <v>104085</v>
      </c>
    </row>
    <row r="29876" spans="1:10" x14ac:dyDescent="0.35">
      <c r="A29876" s="1" t="s">
        <v>10496</v>
      </c>
      <c r="B29876" s="1" t="s">
        <v>104052</v>
      </c>
      <c r="C29876" s="1" t="s">
        <v>55</v>
      </c>
      <c r="D29876" s="1" t="s">
        <v>2873</v>
      </c>
      <c r="E29876" s="1" t="s">
        <v>104741</v>
      </c>
      <c r="F29876" s="1" t="s">
        <v>104742</v>
      </c>
      <c r="G29876" s="1" t="s">
        <v>104723</v>
      </c>
      <c r="H29876" s="1" t="s">
        <v>104724</v>
      </c>
      <c r="I29876" s="1" t="s">
        <v>104058</v>
      </c>
      <c r="J29876" s="1" t="s">
        <v>104088</v>
      </c>
    </row>
    <row r="29877" spans="1:10" x14ac:dyDescent="0.35">
      <c r="A29877" s="1" t="s">
        <v>10496</v>
      </c>
      <c r="B29877" s="1" t="s">
        <v>104052</v>
      </c>
      <c r="C29877" s="1" t="s">
        <v>60</v>
      </c>
      <c r="D29877" s="1" t="s">
        <v>14203</v>
      </c>
      <c r="E29877" s="1" t="s">
        <v>104743</v>
      </c>
      <c r="F29877" s="1" t="s">
        <v>104744</v>
      </c>
      <c r="G29877" s="1" t="s">
        <v>104723</v>
      </c>
      <c r="H29877" s="1" t="s">
        <v>104724</v>
      </c>
      <c r="I29877" s="1" t="s">
        <v>104058</v>
      </c>
      <c r="J29877" s="1" t="s">
        <v>104091</v>
      </c>
    </row>
    <row r="29878" spans="1:10" x14ac:dyDescent="0.35">
      <c r="A29878" s="1" t="s">
        <v>10496</v>
      </c>
      <c r="B29878" s="1" t="s">
        <v>104052</v>
      </c>
      <c r="C29878" s="1" t="s">
        <v>65</v>
      </c>
      <c r="D29878" s="1" t="s">
        <v>104092</v>
      </c>
      <c r="E29878" s="1" t="s">
        <v>104745</v>
      </c>
      <c r="F29878" s="1" t="s">
        <v>104746</v>
      </c>
      <c r="G29878" s="1" t="s">
        <v>104723</v>
      </c>
      <c r="H29878" s="1" t="s">
        <v>104724</v>
      </c>
      <c r="I29878" s="1" t="s">
        <v>104058</v>
      </c>
      <c r="J29878" s="1" t="s">
        <v>104095</v>
      </c>
    </row>
    <row r="29879" spans="1:10" x14ac:dyDescent="0.35">
      <c r="A29879" s="1" t="s">
        <v>10496</v>
      </c>
      <c r="B29879" s="1" t="s">
        <v>104052</v>
      </c>
      <c r="C29879" s="1" t="s">
        <v>70</v>
      </c>
      <c r="D29879" s="1" t="s">
        <v>104096</v>
      </c>
      <c r="E29879" s="1" t="s">
        <v>104747</v>
      </c>
      <c r="F29879" s="1" t="s">
        <v>104748</v>
      </c>
      <c r="G29879" s="1" t="s">
        <v>104723</v>
      </c>
      <c r="H29879" s="1" t="s">
        <v>104724</v>
      </c>
      <c r="I29879" s="1" t="s">
        <v>104058</v>
      </c>
      <c r="J29879" s="1" t="s">
        <v>104099</v>
      </c>
    </row>
    <row r="29880" spans="1:10" x14ac:dyDescent="0.35">
      <c r="A29880" s="1" t="s">
        <v>10496</v>
      </c>
      <c r="B29880" s="1" t="s">
        <v>104052</v>
      </c>
      <c r="C29880" s="1" t="s">
        <v>75</v>
      </c>
      <c r="D29880" s="1" t="s">
        <v>104100</v>
      </c>
      <c r="E29880" s="1" t="s">
        <v>104749</v>
      </c>
      <c r="F29880" s="1" t="s">
        <v>104750</v>
      </c>
      <c r="G29880" s="1" t="s">
        <v>104723</v>
      </c>
      <c r="H29880" s="1" t="s">
        <v>104724</v>
      </c>
      <c r="I29880" s="1" t="s">
        <v>104058</v>
      </c>
      <c r="J29880" s="1" t="s">
        <v>104103</v>
      </c>
    </row>
    <row r="29881" spans="1:10" x14ac:dyDescent="0.35">
      <c r="A29881" s="1" t="s">
        <v>10496</v>
      </c>
      <c r="B29881" s="1" t="s">
        <v>104052</v>
      </c>
      <c r="C29881" s="1" t="s">
        <v>80</v>
      </c>
      <c r="D29881" s="1" t="s">
        <v>104104</v>
      </c>
      <c r="E29881" s="1" t="s">
        <v>104751</v>
      </c>
      <c r="F29881" s="1" t="s">
        <v>104752</v>
      </c>
      <c r="G29881" s="1" t="s">
        <v>104723</v>
      </c>
      <c r="H29881" s="1" t="s">
        <v>104724</v>
      </c>
      <c r="I29881" s="1" t="s">
        <v>104058</v>
      </c>
      <c r="J29881" s="1" t="s">
        <v>104107</v>
      </c>
    </row>
    <row r="29882" spans="1:10" x14ac:dyDescent="0.35">
      <c r="A29882" s="1" t="s">
        <v>10496</v>
      </c>
      <c r="B29882" s="1" t="s">
        <v>104052</v>
      </c>
      <c r="C29882" s="1" t="s">
        <v>85</v>
      </c>
      <c r="D29882" s="1" t="s">
        <v>75369</v>
      </c>
      <c r="E29882" s="1" t="s">
        <v>104753</v>
      </c>
      <c r="F29882" s="1" t="s">
        <v>104754</v>
      </c>
      <c r="G29882" s="1" t="s">
        <v>104723</v>
      </c>
      <c r="H29882" s="1" t="s">
        <v>104724</v>
      </c>
      <c r="I29882" s="1" t="s">
        <v>104058</v>
      </c>
      <c r="J29882" s="1" t="s">
        <v>104110</v>
      </c>
    </row>
    <row r="29883" spans="1:10" x14ac:dyDescent="0.35">
      <c r="A29883" s="1" t="s">
        <v>10496</v>
      </c>
      <c r="B29883" s="1" t="s">
        <v>104052</v>
      </c>
      <c r="C29883" s="1" t="s">
        <v>90</v>
      </c>
      <c r="D29883" s="1" t="s">
        <v>104111</v>
      </c>
      <c r="E29883" s="1" t="s">
        <v>104755</v>
      </c>
      <c r="F29883" s="1" t="s">
        <v>104756</v>
      </c>
      <c r="G29883" s="1" t="s">
        <v>104723</v>
      </c>
      <c r="H29883" s="1" t="s">
        <v>104724</v>
      </c>
      <c r="I29883" s="1" t="s">
        <v>104058</v>
      </c>
      <c r="J29883" s="1" t="s">
        <v>104114</v>
      </c>
    </row>
    <row r="29884" spans="1:10" x14ac:dyDescent="0.35">
      <c r="A29884" s="1" t="s">
        <v>10496</v>
      </c>
      <c r="B29884" s="1" t="s">
        <v>104052</v>
      </c>
      <c r="C29884" s="1" t="s">
        <v>95</v>
      </c>
      <c r="D29884" s="1" t="s">
        <v>34064</v>
      </c>
      <c r="E29884" s="1" t="s">
        <v>104757</v>
      </c>
      <c r="F29884" s="1" t="s">
        <v>104758</v>
      </c>
      <c r="G29884" s="1" t="s">
        <v>104723</v>
      </c>
      <c r="H29884" s="1" t="s">
        <v>104724</v>
      </c>
      <c r="I29884" s="1" t="s">
        <v>104058</v>
      </c>
      <c r="J29884" s="1" t="s">
        <v>104117</v>
      </c>
    </row>
    <row r="29885" spans="1:10" x14ac:dyDescent="0.35">
      <c r="A29885" s="1" t="s">
        <v>10496</v>
      </c>
      <c r="B29885" s="1" t="s">
        <v>104052</v>
      </c>
      <c r="C29885" s="1" t="s">
        <v>100</v>
      </c>
      <c r="D29885" s="1" t="s">
        <v>25032</v>
      </c>
      <c r="E29885" s="1" t="s">
        <v>104759</v>
      </c>
      <c r="F29885" s="1" t="s">
        <v>104760</v>
      </c>
      <c r="G29885" s="1" t="s">
        <v>104723</v>
      </c>
      <c r="H29885" s="1" t="s">
        <v>104724</v>
      </c>
      <c r="I29885" s="1" t="s">
        <v>104058</v>
      </c>
      <c r="J29885" s="1" t="s">
        <v>4069</v>
      </c>
    </row>
    <row r="29886" spans="1:10" x14ac:dyDescent="0.35">
      <c r="A29886" s="1" t="s">
        <v>10496</v>
      </c>
      <c r="B29886" s="1" t="s">
        <v>104052</v>
      </c>
      <c r="C29886" s="1" t="s">
        <v>105</v>
      </c>
      <c r="D29886" s="1" t="s">
        <v>104120</v>
      </c>
      <c r="E29886" s="1" t="s">
        <v>104761</v>
      </c>
      <c r="F29886" s="1" t="s">
        <v>104762</v>
      </c>
      <c r="G29886" s="1" t="s">
        <v>104723</v>
      </c>
      <c r="H29886" s="1" t="s">
        <v>104724</v>
      </c>
      <c r="I29886" s="1" t="s">
        <v>104058</v>
      </c>
      <c r="J29886" s="1" t="s">
        <v>104123</v>
      </c>
    </row>
    <row r="29887" spans="1:10" x14ac:dyDescent="0.35">
      <c r="A29887" s="1" t="s">
        <v>10496</v>
      </c>
      <c r="B29887" s="1" t="s">
        <v>104052</v>
      </c>
      <c r="C29887" s="1" t="s">
        <v>110</v>
      </c>
      <c r="D29887" s="1" t="s">
        <v>104124</v>
      </c>
      <c r="E29887" s="1" t="s">
        <v>104763</v>
      </c>
      <c r="F29887" s="1" t="s">
        <v>104764</v>
      </c>
      <c r="G29887" s="1" t="s">
        <v>104723</v>
      </c>
      <c r="H29887" s="1" t="s">
        <v>104724</v>
      </c>
      <c r="I29887" s="1" t="s">
        <v>104058</v>
      </c>
      <c r="J29887" s="1" t="s">
        <v>104127</v>
      </c>
    </row>
    <row r="29888" spans="1:10" x14ac:dyDescent="0.35">
      <c r="A29888" s="1" t="s">
        <v>10496</v>
      </c>
      <c r="B29888" s="1" t="s">
        <v>104052</v>
      </c>
      <c r="C29888" s="1" t="s">
        <v>115</v>
      </c>
      <c r="D29888" s="1" t="s">
        <v>47912</v>
      </c>
      <c r="E29888" s="1" t="s">
        <v>104765</v>
      </c>
      <c r="F29888" s="1" t="s">
        <v>104766</v>
      </c>
      <c r="G29888" s="1" t="s">
        <v>104723</v>
      </c>
      <c r="H29888" s="1" t="s">
        <v>104724</v>
      </c>
      <c r="I29888" s="1" t="s">
        <v>104058</v>
      </c>
      <c r="J29888" s="1" t="s">
        <v>104130</v>
      </c>
    </row>
    <row r="29889" spans="1:10" x14ac:dyDescent="0.35">
      <c r="A29889" s="1" t="s">
        <v>10496</v>
      </c>
      <c r="B29889" s="1" t="s">
        <v>104052</v>
      </c>
      <c r="C29889" s="1" t="s">
        <v>120</v>
      </c>
      <c r="D29889" s="1" t="s">
        <v>104131</v>
      </c>
      <c r="E29889" s="1" t="s">
        <v>104767</v>
      </c>
      <c r="F29889" s="1" t="s">
        <v>104768</v>
      </c>
      <c r="G29889" s="1" t="s">
        <v>104723</v>
      </c>
      <c r="H29889" s="1" t="s">
        <v>104724</v>
      </c>
      <c r="I29889" s="1" t="s">
        <v>104058</v>
      </c>
      <c r="J29889" s="1" t="s">
        <v>104134</v>
      </c>
    </row>
    <row r="29890" spans="1:10" x14ac:dyDescent="0.35">
      <c r="A29890" s="1" t="s">
        <v>10496</v>
      </c>
      <c r="B29890" s="1" t="s">
        <v>104052</v>
      </c>
      <c r="C29890" s="1" t="s">
        <v>125</v>
      </c>
      <c r="D29890" s="1" t="s">
        <v>49746</v>
      </c>
      <c r="E29890" s="1" t="s">
        <v>104769</v>
      </c>
      <c r="F29890" s="1" t="s">
        <v>104770</v>
      </c>
      <c r="G29890" s="1" t="s">
        <v>104723</v>
      </c>
      <c r="H29890" s="1" t="s">
        <v>104724</v>
      </c>
      <c r="I29890" s="1" t="s">
        <v>104058</v>
      </c>
      <c r="J29890" s="1" t="s">
        <v>104137</v>
      </c>
    </row>
    <row r="29891" spans="1:10" x14ac:dyDescent="0.35">
      <c r="A29891" s="1" t="s">
        <v>10496</v>
      </c>
      <c r="B29891" s="1" t="s">
        <v>104052</v>
      </c>
      <c r="C29891" s="1" t="s">
        <v>130</v>
      </c>
      <c r="D29891" s="1" t="s">
        <v>49787</v>
      </c>
      <c r="E29891" s="1" t="s">
        <v>104771</v>
      </c>
      <c r="F29891" s="1" t="s">
        <v>104772</v>
      </c>
      <c r="G29891" s="1" t="s">
        <v>104723</v>
      </c>
      <c r="H29891" s="1" t="s">
        <v>104724</v>
      </c>
      <c r="I29891" s="1" t="s">
        <v>104058</v>
      </c>
      <c r="J29891" s="1" t="s">
        <v>104140</v>
      </c>
    </row>
    <row r="29892" spans="1:10" x14ac:dyDescent="0.35">
      <c r="A29892" s="1" t="s">
        <v>10496</v>
      </c>
      <c r="B29892" s="1" t="s">
        <v>104052</v>
      </c>
      <c r="C29892" s="1" t="s">
        <v>135</v>
      </c>
      <c r="D29892" s="1" t="s">
        <v>37506</v>
      </c>
      <c r="E29892" s="1" t="s">
        <v>104773</v>
      </c>
      <c r="F29892" s="1" t="s">
        <v>104774</v>
      </c>
      <c r="G29892" s="1" t="s">
        <v>104723</v>
      </c>
      <c r="H29892" s="1" t="s">
        <v>104724</v>
      </c>
      <c r="I29892" s="1" t="s">
        <v>104058</v>
      </c>
      <c r="J29892" s="1" t="s">
        <v>104143</v>
      </c>
    </row>
    <row r="29893" spans="1:10" x14ac:dyDescent="0.35">
      <c r="A29893" s="1" t="s">
        <v>10496</v>
      </c>
      <c r="B29893" s="1" t="s">
        <v>104052</v>
      </c>
      <c r="C29893" s="1" t="s">
        <v>140</v>
      </c>
      <c r="D29893" s="1" t="s">
        <v>104144</v>
      </c>
      <c r="E29893" s="1" t="s">
        <v>104775</v>
      </c>
      <c r="F29893" s="1" t="s">
        <v>104776</v>
      </c>
      <c r="G29893" s="1" t="s">
        <v>104723</v>
      </c>
      <c r="H29893" s="1" t="s">
        <v>104724</v>
      </c>
      <c r="I29893" s="1" t="s">
        <v>104058</v>
      </c>
      <c r="J29893" s="1" t="s">
        <v>104147</v>
      </c>
    </row>
    <row r="29894" spans="1:10" x14ac:dyDescent="0.35">
      <c r="A29894" s="1" t="s">
        <v>10496</v>
      </c>
      <c r="B29894" s="1" t="s">
        <v>104052</v>
      </c>
      <c r="C29894" s="1" t="s">
        <v>145</v>
      </c>
      <c r="D29894" s="1" t="s">
        <v>15292</v>
      </c>
      <c r="E29894" s="1" t="s">
        <v>104777</v>
      </c>
      <c r="F29894" s="1" t="s">
        <v>104778</v>
      </c>
      <c r="G29894" s="1" t="s">
        <v>104723</v>
      </c>
      <c r="H29894" s="1" t="s">
        <v>104724</v>
      </c>
      <c r="I29894" s="1" t="s">
        <v>104058</v>
      </c>
      <c r="J29894" s="1" t="s">
        <v>104150</v>
      </c>
    </row>
    <row r="29895" spans="1:10" x14ac:dyDescent="0.35">
      <c r="A29895" s="1" t="s">
        <v>10496</v>
      </c>
      <c r="B29895" s="1" t="s">
        <v>104052</v>
      </c>
      <c r="C29895" s="1" t="s">
        <v>150</v>
      </c>
      <c r="D29895" s="1" t="s">
        <v>104151</v>
      </c>
      <c r="E29895" s="1" t="s">
        <v>104779</v>
      </c>
      <c r="F29895" s="1" t="s">
        <v>104780</v>
      </c>
      <c r="G29895" s="1" t="s">
        <v>104723</v>
      </c>
      <c r="H29895" s="1" t="s">
        <v>104724</v>
      </c>
      <c r="I29895" s="1" t="s">
        <v>104058</v>
      </c>
      <c r="J29895" s="1" t="s">
        <v>104154</v>
      </c>
    </row>
    <row r="29896" spans="1:10" x14ac:dyDescent="0.35">
      <c r="A29896" s="1" t="s">
        <v>10496</v>
      </c>
      <c r="B29896" s="1" t="s">
        <v>104052</v>
      </c>
      <c r="C29896" s="1" t="s">
        <v>155</v>
      </c>
      <c r="D29896" s="1" t="s">
        <v>104155</v>
      </c>
      <c r="E29896" s="1" t="s">
        <v>104781</v>
      </c>
      <c r="F29896" s="1" t="s">
        <v>104782</v>
      </c>
      <c r="G29896" s="1" t="s">
        <v>104723</v>
      </c>
      <c r="H29896" s="1" t="s">
        <v>104724</v>
      </c>
      <c r="I29896" s="1" t="s">
        <v>104058</v>
      </c>
      <c r="J29896" s="1" t="s">
        <v>104158</v>
      </c>
    </row>
    <row r="29897" spans="1:10" x14ac:dyDescent="0.35">
      <c r="A29897" s="1" t="s">
        <v>10496</v>
      </c>
      <c r="B29897" s="1" t="s">
        <v>104052</v>
      </c>
      <c r="C29897" s="1" t="s">
        <v>160</v>
      </c>
      <c r="D29897" s="1" t="s">
        <v>13255</v>
      </c>
      <c r="E29897" s="1" t="s">
        <v>104783</v>
      </c>
      <c r="F29897" s="1" t="s">
        <v>104784</v>
      </c>
      <c r="G29897" s="1" t="s">
        <v>104723</v>
      </c>
      <c r="H29897" s="1" t="s">
        <v>104724</v>
      </c>
      <c r="I29897" s="1" t="s">
        <v>104058</v>
      </c>
      <c r="J29897" s="1" t="s">
        <v>104161</v>
      </c>
    </row>
    <row r="29898" spans="1:10" x14ac:dyDescent="0.35">
      <c r="A29898" s="1" t="s">
        <v>10496</v>
      </c>
      <c r="B29898" s="1" t="s">
        <v>104052</v>
      </c>
      <c r="C29898" s="1" t="s">
        <v>165</v>
      </c>
      <c r="D29898" s="1" t="s">
        <v>104162</v>
      </c>
      <c r="E29898" s="1" t="s">
        <v>104785</v>
      </c>
      <c r="F29898" s="1" t="s">
        <v>104786</v>
      </c>
      <c r="G29898" s="1" t="s">
        <v>104723</v>
      </c>
      <c r="H29898" s="1" t="s">
        <v>104724</v>
      </c>
      <c r="I29898" s="1" t="s">
        <v>104058</v>
      </c>
      <c r="J29898" s="1" t="s">
        <v>104165</v>
      </c>
    </row>
    <row r="29899" spans="1:10" x14ac:dyDescent="0.35">
      <c r="A29899" s="1" t="s">
        <v>10496</v>
      </c>
      <c r="B29899" s="1" t="s">
        <v>104052</v>
      </c>
      <c r="C29899" s="1" t="s">
        <v>170</v>
      </c>
      <c r="D29899" s="1" t="s">
        <v>104166</v>
      </c>
      <c r="E29899" s="1" t="s">
        <v>104787</v>
      </c>
      <c r="F29899" s="1" t="s">
        <v>104788</v>
      </c>
      <c r="G29899" s="1" t="s">
        <v>104723</v>
      </c>
      <c r="H29899" s="1" t="s">
        <v>104724</v>
      </c>
      <c r="I29899" s="1" t="s">
        <v>104058</v>
      </c>
      <c r="J29899" s="1" t="s">
        <v>104169</v>
      </c>
    </row>
    <row r="29900" spans="1:10" x14ac:dyDescent="0.35">
      <c r="A29900" s="1" t="s">
        <v>104789</v>
      </c>
      <c r="B29900" s="1" t="s">
        <v>104052</v>
      </c>
      <c r="C29900" s="1" t="s">
        <v>8</v>
      </c>
      <c r="D29900" s="1" t="s">
        <v>104790</v>
      </c>
      <c r="E29900" s="1" t="s">
        <v>104791</v>
      </c>
      <c r="F29900" s="1" t="s">
        <v>104792</v>
      </c>
      <c r="G29900" s="1" t="s">
        <v>104793</v>
      </c>
      <c r="H29900" s="1" t="s">
        <v>104794</v>
      </c>
      <c r="I29900" s="1" t="s">
        <v>104058</v>
      </c>
      <c r="J29900" s="1" t="s">
        <v>13</v>
      </c>
    </row>
    <row r="29901" spans="1:10" x14ac:dyDescent="0.35">
      <c r="A29901" s="1" t="s">
        <v>104789</v>
      </c>
      <c r="B29901" s="1" t="s">
        <v>104052</v>
      </c>
      <c r="C29901" s="1" t="s">
        <v>15</v>
      </c>
      <c r="D29901" s="1" t="s">
        <v>70981</v>
      </c>
      <c r="E29901" s="1" t="s">
        <v>104795</v>
      </c>
      <c r="F29901" s="1" t="s">
        <v>104796</v>
      </c>
      <c r="G29901" s="1" t="s">
        <v>104793</v>
      </c>
      <c r="H29901" s="1" t="s">
        <v>104794</v>
      </c>
      <c r="I29901" s="1" t="s">
        <v>104058</v>
      </c>
      <c r="J29901" s="1" t="s">
        <v>104797</v>
      </c>
    </row>
    <row r="29902" spans="1:10" x14ac:dyDescent="0.35">
      <c r="A29902" s="1" t="s">
        <v>104789</v>
      </c>
      <c r="B29902" s="1" t="s">
        <v>104052</v>
      </c>
      <c r="C29902" s="1" t="s">
        <v>20</v>
      </c>
      <c r="D29902" s="1" t="s">
        <v>50967</v>
      </c>
      <c r="E29902" s="1" t="s">
        <v>104798</v>
      </c>
      <c r="F29902" s="1" t="s">
        <v>104799</v>
      </c>
      <c r="G29902" s="1" t="s">
        <v>104793</v>
      </c>
      <c r="H29902" s="1" t="s">
        <v>104794</v>
      </c>
      <c r="I29902" s="1" t="s">
        <v>104058</v>
      </c>
      <c r="J29902" s="1" t="s">
        <v>104800</v>
      </c>
    </row>
    <row r="29903" spans="1:10" x14ac:dyDescent="0.35">
      <c r="A29903" s="1" t="s">
        <v>104789</v>
      </c>
      <c r="B29903" s="1" t="s">
        <v>104052</v>
      </c>
      <c r="C29903" s="1" t="s">
        <v>25</v>
      </c>
      <c r="D29903" s="1" t="s">
        <v>104801</v>
      </c>
      <c r="E29903" s="1" t="s">
        <v>104802</v>
      </c>
      <c r="F29903" s="1" t="s">
        <v>104803</v>
      </c>
      <c r="G29903" s="1" t="s">
        <v>104793</v>
      </c>
      <c r="H29903" s="1" t="s">
        <v>104794</v>
      </c>
      <c r="I29903" s="1" t="s">
        <v>104058</v>
      </c>
      <c r="J29903" s="1" t="s">
        <v>104804</v>
      </c>
    </row>
    <row r="29904" spans="1:10" x14ac:dyDescent="0.35">
      <c r="A29904" s="1" t="s">
        <v>104789</v>
      </c>
      <c r="B29904" s="1" t="s">
        <v>104052</v>
      </c>
      <c r="C29904" s="1" t="s">
        <v>30</v>
      </c>
      <c r="D29904" s="1" t="s">
        <v>4392</v>
      </c>
      <c r="E29904" s="1" t="s">
        <v>104805</v>
      </c>
      <c r="F29904" s="1" t="s">
        <v>104806</v>
      </c>
      <c r="G29904" s="1" t="s">
        <v>104793</v>
      </c>
      <c r="H29904" s="1" t="s">
        <v>104794</v>
      </c>
      <c r="I29904" s="1" t="s">
        <v>104058</v>
      </c>
      <c r="J29904" s="1" t="s">
        <v>104807</v>
      </c>
    </row>
    <row r="29905" spans="1:10" x14ac:dyDescent="0.35">
      <c r="A29905" s="1" t="s">
        <v>104789</v>
      </c>
      <c r="B29905" s="1" t="s">
        <v>104052</v>
      </c>
      <c r="C29905" s="1" t="s">
        <v>35</v>
      </c>
      <c r="D29905" s="1" t="s">
        <v>10172</v>
      </c>
      <c r="E29905" s="1" t="s">
        <v>104808</v>
      </c>
      <c r="F29905" s="1" t="s">
        <v>104809</v>
      </c>
      <c r="G29905" s="1" t="s">
        <v>104793</v>
      </c>
      <c r="H29905" s="1" t="s">
        <v>104794</v>
      </c>
      <c r="I29905" s="1" t="s">
        <v>104058</v>
      </c>
      <c r="J29905" s="1" t="s">
        <v>104810</v>
      </c>
    </row>
    <row r="29906" spans="1:10" x14ac:dyDescent="0.35">
      <c r="A29906" s="1" t="s">
        <v>104789</v>
      </c>
      <c r="B29906" s="1" t="s">
        <v>104052</v>
      </c>
      <c r="C29906" s="1" t="s">
        <v>40</v>
      </c>
      <c r="D29906" s="1" t="s">
        <v>46235</v>
      </c>
      <c r="E29906" s="1" t="s">
        <v>104811</v>
      </c>
      <c r="F29906" s="1" t="s">
        <v>104812</v>
      </c>
      <c r="G29906" s="1" t="s">
        <v>104793</v>
      </c>
      <c r="H29906" s="1" t="s">
        <v>104794</v>
      </c>
      <c r="I29906" s="1" t="s">
        <v>104058</v>
      </c>
      <c r="J29906" s="1" t="s">
        <v>104813</v>
      </c>
    </row>
    <row r="29907" spans="1:10" x14ac:dyDescent="0.35">
      <c r="A29907" s="1" t="s">
        <v>104789</v>
      </c>
      <c r="B29907" s="1" t="s">
        <v>104052</v>
      </c>
      <c r="C29907" s="1" t="s">
        <v>45</v>
      </c>
      <c r="D29907" s="1" t="s">
        <v>104328</v>
      </c>
      <c r="E29907" s="1" t="s">
        <v>104814</v>
      </c>
      <c r="F29907" s="1" t="s">
        <v>104815</v>
      </c>
      <c r="G29907" s="1" t="s">
        <v>104793</v>
      </c>
      <c r="H29907" s="1" t="s">
        <v>104794</v>
      </c>
      <c r="I29907" s="1" t="s">
        <v>104058</v>
      </c>
      <c r="J29907" s="1" t="s">
        <v>104816</v>
      </c>
    </row>
    <row r="29908" spans="1:10" x14ac:dyDescent="0.35">
      <c r="A29908" s="1" t="s">
        <v>104789</v>
      </c>
      <c r="B29908" s="1" t="s">
        <v>104052</v>
      </c>
      <c r="C29908" s="1" t="s">
        <v>50</v>
      </c>
      <c r="D29908" s="1" t="s">
        <v>29208</v>
      </c>
      <c r="E29908" s="1" t="s">
        <v>104817</v>
      </c>
      <c r="F29908" s="1" t="s">
        <v>104818</v>
      </c>
      <c r="G29908" s="1" t="s">
        <v>104793</v>
      </c>
      <c r="H29908" s="1" t="s">
        <v>104794</v>
      </c>
      <c r="I29908" s="1" t="s">
        <v>104058</v>
      </c>
      <c r="J29908" s="1" t="s">
        <v>104819</v>
      </c>
    </row>
    <row r="29909" spans="1:10" x14ac:dyDescent="0.35">
      <c r="A29909" s="1" t="s">
        <v>104789</v>
      </c>
      <c r="B29909" s="1" t="s">
        <v>104052</v>
      </c>
      <c r="C29909" s="1" t="s">
        <v>55</v>
      </c>
      <c r="D29909" s="1" t="s">
        <v>104820</v>
      </c>
      <c r="E29909" s="1" t="s">
        <v>104821</v>
      </c>
      <c r="F29909" s="1" t="s">
        <v>104822</v>
      </c>
      <c r="G29909" s="1" t="s">
        <v>104793</v>
      </c>
      <c r="H29909" s="1" t="s">
        <v>104794</v>
      </c>
      <c r="I29909" s="1" t="s">
        <v>104058</v>
      </c>
      <c r="J29909" s="1" t="s">
        <v>104823</v>
      </c>
    </row>
    <row r="29910" spans="1:10" x14ac:dyDescent="0.35">
      <c r="A29910" s="1" t="s">
        <v>104789</v>
      </c>
      <c r="B29910" s="1" t="s">
        <v>104052</v>
      </c>
      <c r="C29910" s="1" t="s">
        <v>60</v>
      </c>
      <c r="D29910" s="1" t="s">
        <v>104824</v>
      </c>
      <c r="E29910" s="1" t="s">
        <v>104825</v>
      </c>
      <c r="F29910" s="1" t="s">
        <v>104826</v>
      </c>
      <c r="G29910" s="1" t="s">
        <v>104793</v>
      </c>
      <c r="H29910" s="1" t="s">
        <v>104794</v>
      </c>
      <c r="I29910" s="1" t="s">
        <v>104058</v>
      </c>
      <c r="J29910" s="1" t="s">
        <v>104827</v>
      </c>
    </row>
    <row r="29911" spans="1:10" x14ac:dyDescent="0.35">
      <c r="A29911" s="1" t="s">
        <v>104789</v>
      </c>
      <c r="B29911" s="1" t="s">
        <v>104052</v>
      </c>
      <c r="C29911" s="1" t="s">
        <v>65</v>
      </c>
      <c r="D29911" s="1" t="s">
        <v>104828</v>
      </c>
      <c r="E29911" s="1" t="s">
        <v>104829</v>
      </c>
      <c r="F29911" s="1" t="s">
        <v>104830</v>
      </c>
      <c r="G29911" s="1" t="s">
        <v>104793</v>
      </c>
      <c r="H29911" s="1" t="s">
        <v>104794</v>
      </c>
      <c r="I29911" s="1" t="s">
        <v>104058</v>
      </c>
      <c r="J29911" s="1" t="s">
        <v>104831</v>
      </c>
    </row>
    <row r="29912" spans="1:10" x14ac:dyDescent="0.35">
      <c r="A29912" s="1" t="s">
        <v>104789</v>
      </c>
      <c r="B29912" s="1" t="s">
        <v>104052</v>
      </c>
      <c r="C29912" s="1" t="s">
        <v>70</v>
      </c>
      <c r="D29912" s="1" t="s">
        <v>104832</v>
      </c>
      <c r="E29912" s="1" t="s">
        <v>104833</v>
      </c>
      <c r="F29912" s="1" t="s">
        <v>104834</v>
      </c>
      <c r="G29912" s="1" t="s">
        <v>104793</v>
      </c>
      <c r="H29912" s="1" t="s">
        <v>104794</v>
      </c>
      <c r="I29912" s="1" t="s">
        <v>104058</v>
      </c>
      <c r="J29912" s="1" t="s">
        <v>104835</v>
      </c>
    </row>
    <row r="29913" spans="1:10" x14ac:dyDescent="0.35">
      <c r="A29913" s="1" t="s">
        <v>104789</v>
      </c>
      <c r="B29913" s="1" t="s">
        <v>104052</v>
      </c>
      <c r="C29913" s="1" t="s">
        <v>75</v>
      </c>
      <c r="D29913" s="1" t="s">
        <v>70765</v>
      </c>
      <c r="E29913" s="1" t="s">
        <v>104836</v>
      </c>
      <c r="F29913" s="1" t="s">
        <v>104837</v>
      </c>
      <c r="G29913" s="1" t="s">
        <v>104793</v>
      </c>
      <c r="H29913" s="1" t="s">
        <v>104794</v>
      </c>
      <c r="I29913" s="1" t="s">
        <v>104058</v>
      </c>
      <c r="J29913" s="1" t="s">
        <v>104838</v>
      </c>
    </row>
    <row r="29914" spans="1:10" x14ac:dyDescent="0.35">
      <c r="A29914" s="1" t="s">
        <v>104789</v>
      </c>
      <c r="B29914" s="1" t="s">
        <v>104052</v>
      </c>
      <c r="C29914" s="1" t="s">
        <v>80</v>
      </c>
      <c r="D29914" s="1" t="s">
        <v>104839</v>
      </c>
      <c r="E29914" s="1" t="s">
        <v>104840</v>
      </c>
      <c r="F29914" s="1" t="s">
        <v>104841</v>
      </c>
      <c r="G29914" s="1" t="s">
        <v>104793</v>
      </c>
      <c r="H29914" s="1" t="s">
        <v>104794</v>
      </c>
      <c r="I29914" s="1" t="s">
        <v>104058</v>
      </c>
      <c r="J29914" s="1" t="s">
        <v>104842</v>
      </c>
    </row>
    <row r="29915" spans="1:10" x14ac:dyDescent="0.35">
      <c r="A29915" s="1" t="s">
        <v>104789</v>
      </c>
      <c r="B29915" s="1" t="s">
        <v>104052</v>
      </c>
      <c r="C29915" s="1" t="s">
        <v>85</v>
      </c>
      <c r="D29915" s="1" t="s">
        <v>37558</v>
      </c>
      <c r="E29915" s="1" t="s">
        <v>104843</v>
      </c>
      <c r="F29915" s="1" t="s">
        <v>104844</v>
      </c>
      <c r="G29915" s="1" t="s">
        <v>104793</v>
      </c>
      <c r="H29915" s="1" t="s">
        <v>104794</v>
      </c>
      <c r="I29915" s="1" t="s">
        <v>104058</v>
      </c>
      <c r="J29915" s="1" t="s">
        <v>104845</v>
      </c>
    </row>
    <row r="29916" spans="1:10" x14ac:dyDescent="0.35">
      <c r="A29916" s="1" t="s">
        <v>104789</v>
      </c>
      <c r="B29916" s="1" t="s">
        <v>104052</v>
      </c>
      <c r="C29916" s="1" t="s">
        <v>90</v>
      </c>
      <c r="D29916" s="1" t="s">
        <v>104846</v>
      </c>
      <c r="E29916" s="1" t="s">
        <v>104847</v>
      </c>
      <c r="F29916" s="1" t="s">
        <v>104848</v>
      </c>
      <c r="G29916" s="1" t="s">
        <v>104793</v>
      </c>
      <c r="H29916" s="1" t="s">
        <v>104794</v>
      </c>
      <c r="I29916" s="1" t="s">
        <v>104058</v>
      </c>
      <c r="J29916" s="1" t="s">
        <v>104849</v>
      </c>
    </row>
    <row r="29917" spans="1:10" x14ac:dyDescent="0.35">
      <c r="A29917" s="1" t="s">
        <v>104789</v>
      </c>
      <c r="B29917" s="1" t="s">
        <v>104052</v>
      </c>
      <c r="C29917" s="1" t="s">
        <v>95</v>
      </c>
      <c r="D29917" s="1" t="s">
        <v>104850</v>
      </c>
      <c r="E29917" s="1" t="s">
        <v>104851</v>
      </c>
      <c r="F29917" s="1" t="s">
        <v>104852</v>
      </c>
      <c r="G29917" s="1" t="s">
        <v>104793</v>
      </c>
      <c r="H29917" s="1" t="s">
        <v>104794</v>
      </c>
      <c r="I29917" s="1" t="s">
        <v>104058</v>
      </c>
      <c r="J29917" s="1" t="s">
        <v>104853</v>
      </c>
    </row>
    <row r="29918" spans="1:10" x14ac:dyDescent="0.35">
      <c r="A29918" s="1" t="s">
        <v>104789</v>
      </c>
      <c r="B29918" s="1" t="s">
        <v>104052</v>
      </c>
      <c r="C29918" s="1" t="s">
        <v>100</v>
      </c>
      <c r="D29918" s="1" t="s">
        <v>104854</v>
      </c>
      <c r="E29918" s="1" t="s">
        <v>104855</v>
      </c>
      <c r="F29918" s="1" t="s">
        <v>104856</v>
      </c>
      <c r="G29918" s="1" t="s">
        <v>104793</v>
      </c>
      <c r="H29918" s="1" t="s">
        <v>104794</v>
      </c>
      <c r="I29918" s="1" t="s">
        <v>104058</v>
      </c>
      <c r="J29918" s="1" t="s">
        <v>104857</v>
      </c>
    </row>
    <row r="29919" spans="1:10" x14ac:dyDescent="0.35">
      <c r="A29919" s="1" t="s">
        <v>104789</v>
      </c>
      <c r="B29919" s="1" t="s">
        <v>104052</v>
      </c>
      <c r="C29919" s="1" t="s">
        <v>105</v>
      </c>
      <c r="D29919" s="1" t="s">
        <v>49565</v>
      </c>
      <c r="E29919" s="1" t="s">
        <v>104858</v>
      </c>
      <c r="F29919" s="1" t="s">
        <v>104859</v>
      </c>
      <c r="G29919" s="1" t="s">
        <v>104793</v>
      </c>
      <c r="H29919" s="1" t="s">
        <v>104794</v>
      </c>
      <c r="I29919" s="1" t="s">
        <v>104058</v>
      </c>
      <c r="J29919" s="1" t="s">
        <v>104860</v>
      </c>
    </row>
    <row r="29920" spans="1:10" x14ac:dyDescent="0.35">
      <c r="A29920" s="1" t="s">
        <v>104789</v>
      </c>
      <c r="B29920" s="1" t="s">
        <v>104052</v>
      </c>
      <c r="C29920" s="1" t="s">
        <v>110</v>
      </c>
      <c r="D29920" s="1" t="s">
        <v>104861</v>
      </c>
      <c r="E29920" s="1" t="s">
        <v>104862</v>
      </c>
      <c r="F29920" s="1" t="s">
        <v>104863</v>
      </c>
      <c r="G29920" s="1" t="s">
        <v>104793</v>
      </c>
      <c r="H29920" s="1" t="s">
        <v>104794</v>
      </c>
      <c r="I29920" s="1" t="s">
        <v>104058</v>
      </c>
      <c r="J29920" s="1" t="s">
        <v>104864</v>
      </c>
    </row>
    <row r="29921" spans="1:10" x14ac:dyDescent="0.35">
      <c r="A29921" s="1" t="s">
        <v>104789</v>
      </c>
      <c r="B29921" s="1" t="s">
        <v>104052</v>
      </c>
      <c r="C29921" s="1" t="s">
        <v>115</v>
      </c>
      <c r="D29921" s="1" t="s">
        <v>104865</v>
      </c>
      <c r="E29921" s="1" t="s">
        <v>104866</v>
      </c>
      <c r="F29921" s="1" t="s">
        <v>104867</v>
      </c>
      <c r="G29921" s="1" t="s">
        <v>104793</v>
      </c>
      <c r="H29921" s="1" t="s">
        <v>104794</v>
      </c>
      <c r="I29921" s="1" t="s">
        <v>104058</v>
      </c>
      <c r="J29921" s="1" t="s">
        <v>104868</v>
      </c>
    </row>
    <row r="29922" spans="1:10" x14ac:dyDescent="0.35">
      <c r="A29922" s="1" t="s">
        <v>104789</v>
      </c>
      <c r="B29922" s="1" t="s">
        <v>104052</v>
      </c>
      <c r="C29922" s="1" t="s">
        <v>120</v>
      </c>
      <c r="D29922" s="1" t="s">
        <v>74119</v>
      </c>
      <c r="E29922" s="1" t="s">
        <v>104869</v>
      </c>
      <c r="F29922" s="1" t="s">
        <v>104870</v>
      </c>
      <c r="G29922" s="1" t="s">
        <v>104793</v>
      </c>
      <c r="H29922" s="1" t="s">
        <v>104794</v>
      </c>
      <c r="I29922" s="1" t="s">
        <v>104058</v>
      </c>
      <c r="J29922" s="1" t="s">
        <v>104871</v>
      </c>
    </row>
    <row r="29923" spans="1:10" x14ac:dyDescent="0.35">
      <c r="A29923" s="1" t="s">
        <v>104789</v>
      </c>
      <c r="B29923" s="1" t="s">
        <v>104052</v>
      </c>
      <c r="C29923" s="1" t="s">
        <v>125</v>
      </c>
      <c r="D29923" s="1" t="s">
        <v>14821</v>
      </c>
      <c r="E29923" s="1" t="s">
        <v>104872</v>
      </c>
      <c r="F29923" s="1" t="s">
        <v>104873</v>
      </c>
      <c r="G29923" s="1" t="s">
        <v>104793</v>
      </c>
      <c r="H29923" s="1" t="s">
        <v>104794</v>
      </c>
      <c r="I29923" s="1" t="s">
        <v>104058</v>
      </c>
      <c r="J29923" s="1" t="s">
        <v>104874</v>
      </c>
    </row>
    <row r="29924" spans="1:10" x14ac:dyDescent="0.35">
      <c r="A29924" s="1" t="s">
        <v>104789</v>
      </c>
      <c r="B29924" s="1" t="s">
        <v>104052</v>
      </c>
      <c r="C29924" s="1" t="s">
        <v>130</v>
      </c>
      <c r="D29924" s="1" t="s">
        <v>104875</v>
      </c>
      <c r="E29924" s="1" t="s">
        <v>104876</v>
      </c>
      <c r="F29924" s="1" t="s">
        <v>104877</v>
      </c>
      <c r="G29924" s="1" t="s">
        <v>104793</v>
      </c>
      <c r="H29924" s="1" t="s">
        <v>104794</v>
      </c>
      <c r="I29924" s="1" t="s">
        <v>104058</v>
      </c>
      <c r="J29924" s="1" t="s">
        <v>104878</v>
      </c>
    </row>
    <row r="29925" spans="1:10" x14ac:dyDescent="0.35">
      <c r="A29925" s="1" t="s">
        <v>104789</v>
      </c>
      <c r="B29925" s="1" t="s">
        <v>104052</v>
      </c>
      <c r="C29925" s="1" t="s">
        <v>135</v>
      </c>
      <c r="D29925" s="1" t="s">
        <v>70972</v>
      </c>
      <c r="E29925" s="1" t="s">
        <v>104879</v>
      </c>
      <c r="F29925" s="1" t="s">
        <v>104880</v>
      </c>
      <c r="G29925" s="1" t="s">
        <v>104793</v>
      </c>
      <c r="H29925" s="1" t="s">
        <v>104794</v>
      </c>
      <c r="I29925" s="1" t="s">
        <v>104058</v>
      </c>
      <c r="J29925" s="1" t="s">
        <v>104881</v>
      </c>
    </row>
    <row r="29926" spans="1:10" x14ac:dyDescent="0.35">
      <c r="A29926" s="1" t="s">
        <v>104789</v>
      </c>
      <c r="B29926" s="1" t="s">
        <v>104052</v>
      </c>
      <c r="C29926" s="1" t="s">
        <v>140</v>
      </c>
      <c r="D29926" s="1" t="s">
        <v>74941</v>
      </c>
      <c r="E29926" s="1" t="s">
        <v>104882</v>
      </c>
      <c r="F29926" s="1" t="s">
        <v>104883</v>
      </c>
      <c r="G29926" s="1" t="s">
        <v>104793</v>
      </c>
      <c r="H29926" s="1" t="s">
        <v>104794</v>
      </c>
      <c r="I29926" s="1" t="s">
        <v>104058</v>
      </c>
      <c r="J29926" s="1" t="s">
        <v>104884</v>
      </c>
    </row>
    <row r="29927" spans="1:10" x14ac:dyDescent="0.35">
      <c r="A29927" s="1" t="s">
        <v>104789</v>
      </c>
      <c r="B29927" s="1" t="s">
        <v>104052</v>
      </c>
      <c r="C29927" s="1" t="s">
        <v>145</v>
      </c>
      <c r="D29927" s="1" t="s">
        <v>104885</v>
      </c>
      <c r="E29927" s="1" t="s">
        <v>104886</v>
      </c>
      <c r="F29927" s="1" t="s">
        <v>104887</v>
      </c>
      <c r="G29927" s="1" t="s">
        <v>104793</v>
      </c>
      <c r="H29927" s="1" t="s">
        <v>104794</v>
      </c>
      <c r="I29927" s="1" t="s">
        <v>104058</v>
      </c>
      <c r="J29927" s="1" t="s">
        <v>104888</v>
      </c>
    </row>
    <row r="29928" spans="1:10" x14ac:dyDescent="0.35">
      <c r="A29928" s="1" t="s">
        <v>104789</v>
      </c>
      <c r="B29928" s="1" t="s">
        <v>104052</v>
      </c>
      <c r="C29928" s="1" t="s">
        <v>150</v>
      </c>
      <c r="D29928" s="1" t="s">
        <v>104889</v>
      </c>
      <c r="E29928" s="1" t="s">
        <v>104890</v>
      </c>
      <c r="F29928" s="1" t="s">
        <v>104891</v>
      </c>
      <c r="G29928" s="1" t="s">
        <v>104793</v>
      </c>
      <c r="H29928" s="1" t="s">
        <v>104794</v>
      </c>
      <c r="I29928" s="1" t="s">
        <v>104058</v>
      </c>
      <c r="J29928" s="1" t="s">
        <v>104892</v>
      </c>
    </row>
    <row r="29929" spans="1:10" x14ac:dyDescent="0.35">
      <c r="A29929" s="1" t="s">
        <v>104789</v>
      </c>
      <c r="B29929" s="1" t="s">
        <v>104052</v>
      </c>
      <c r="C29929" s="1" t="s">
        <v>155</v>
      </c>
      <c r="D29929" s="1" t="s">
        <v>104893</v>
      </c>
      <c r="E29929" s="1" t="s">
        <v>104894</v>
      </c>
      <c r="F29929" s="1" t="s">
        <v>104895</v>
      </c>
      <c r="G29929" s="1" t="s">
        <v>104793</v>
      </c>
      <c r="H29929" s="1" t="s">
        <v>104794</v>
      </c>
      <c r="I29929" s="1" t="s">
        <v>104058</v>
      </c>
      <c r="J29929" s="1" t="s">
        <v>104896</v>
      </c>
    </row>
    <row r="29930" spans="1:10" x14ac:dyDescent="0.35">
      <c r="A29930" s="1" t="s">
        <v>104789</v>
      </c>
      <c r="B29930" s="1" t="s">
        <v>104052</v>
      </c>
      <c r="C29930" s="1" t="s">
        <v>160</v>
      </c>
      <c r="D29930" s="1" t="s">
        <v>32152</v>
      </c>
      <c r="E29930" s="1" t="s">
        <v>104897</v>
      </c>
      <c r="F29930" s="1" t="s">
        <v>104898</v>
      </c>
      <c r="G29930" s="1" t="s">
        <v>104793</v>
      </c>
      <c r="H29930" s="1" t="s">
        <v>104794</v>
      </c>
      <c r="I29930" s="1" t="s">
        <v>104058</v>
      </c>
      <c r="J29930" s="1" t="s">
        <v>104899</v>
      </c>
    </row>
    <row r="29931" spans="1:10" x14ac:dyDescent="0.35">
      <c r="A29931" s="1" t="s">
        <v>104789</v>
      </c>
      <c r="B29931" s="1" t="s">
        <v>104052</v>
      </c>
      <c r="C29931" s="1" t="s">
        <v>165</v>
      </c>
      <c r="D29931" s="1" t="s">
        <v>104900</v>
      </c>
      <c r="E29931" s="1" t="s">
        <v>104901</v>
      </c>
      <c r="F29931" s="1" t="s">
        <v>104902</v>
      </c>
      <c r="G29931" s="1" t="s">
        <v>104793</v>
      </c>
      <c r="H29931" s="1" t="s">
        <v>104794</v>
      </c>
      <c r="I29931" s="1" t="s">
        <v>104058</v>
      </c>
      <c r="J29931" s="1" t="s">
        <v>104903</v>
      </c>
    </row>
    <row r="29932" spans="1:10" x14ac:dyDescent="0.35">
      <c r="A29932" s="1" t="s">
        <v>104789</v>
      </c>
      <c r="B29932" s="1" t="s">
        <v>104052</v>
      </c>
      <c r="C29932" s="1" t="s">
        <v>170</v>
      </c>
      <c r="D29932" s="1" t="s">
        <v>104904</v>
      </c>
      <c r="E29932" s="1" t="s">
        <v>104905</v>
      </c>
      <c r="F29932" s="1" t="s">
        <v>104906</v>
      </c>
      <c r="G29932" s="1" t="s">
        <v>104793</v>
      </c>
      <c r="H29932" s="1" t="s">
        <v>104794</v>
      </c>
      <c r="I29932" s="1" t="s">
        <v>104058</v>
      </c>
      <c r="J29932" s="1" t="s">
        <v>104907</v>
      </c>
    </row>
    <row r="29933" spans="1:10" x14ac:dyDescent="0.35">
      <c r="A29933" s="1" t="s">
        <v>104908</v>
      </c>
      <c r="B29933" s="1" t="s">
        <v>104052</v>
      </c>
      <c r="C29933" s="1" t="s">
        <v>8</v>
      </c>
      <c r="D29933" s="1" t="s">
        <v>104909</v>
      </c>
      <c r="E29933" s="1" t="s">
        <v>104910</v>
      </c>
      <c r="F29933" s="1" t="s">
        <v>104911</v>
      </c>
      <c r="G29933" s="1" t="s">
        <v>104912</v>
      </c>
      <c r="H29933" s="1" t="s">
        <v>104913</v>
      </c>
      <c r="I29933" s="1" t="s">
        <v>104058</v>
      </c>
      <c r="J29933" s="1" t="s">
        <v>13</v>
      </c>
    </row>
    <row r="29934" spans="1:10" x14ac:dyDescent="0.35">
      <c r="A29934" s="1" t="s">
        <v>104908</v>
      </c>
      <c r="B29934" s="1" t="s">
        <v>104052</v>
      </c>
      <c r="C29934" s="1" t="s">
        <v>15</v>
      </c>
      <c r="D29934" s="1" t="s">
        <v>47945</v>
      </c>
      <c r="E29934" s="1" t="s">
        <v>104914</v>
      </c>
      <c r="F29934" s="1" t="s">
        <v>104915</v>
      </c>
      <c r="G29934" s="1" t="s">
        <v>104912</v>
      </c>
      <c r="H29934" s="1" t="s">
        <v>104913</v>
      </c>
      <c r="I29934" s="1" t="s">
        <v>104058</v>
      </c>
      <c r="J29934" s="1" t="s">
        <v>104916</v>
      </c>
    </row>
    <row r="29935" spans="1:10" x14ac:dyDescent="0.35">
      <c r="A29935" s="1" t="s">
        <v>104908</v>
      </c>
      <c r="B29935" s="1" t="s">
        <v>104052</v>
      </c>
      <c r="C29935" s="1" t="s">
        <v>20</v>
      </c>
      <c r="D29935" s="1" t="s">
        <v>104917</v>
      </c>
      <c r="E29935" s="1" t="s">
        <v>104918</v>
      </c>
      <c r="F29935" s="1" t="s">
        <v>104919</v>
      </c>
      <c r="G29935" s="1" t="s">
        <v>104912</v>
      </c>
      <c r="H29935" s="1" t="s">
        <v>104913</v>
      </c>
      <c r="I29935" s="1" t="s">
        <v>104058</v>
      </c>
      <c r="J29935" s="1" t="s">
        <v>104920</v>
      </c>
    </row>
    <row r="29936" spans="1:10" x14ac:dyDescent="0.35">
      <c r="A29936" s="1" t="s">
        <v>104908</v>
      </c>
      <c r="B29936" s="1" t="s">
        <v>104052</v>
      </c>
      <c r="C29936" s="1" t="s">
        <v>25</v>
      </c>
      <c r="D29936" s="1" t="s">
        <v>8917</v>
      </c>
      <c r="E29936" s="1" t="s">
        <v>104921</v>
      </c>
      <c r="F29936" s="1" t="s">
        <v>104922</v>
      </c>
      <c r="G29936" s="1" t="s">
        <v>104912</v>
      </c>
      <c r="H29936" s="1" t="s">
        <v>104913</v>
      </c>
      <c r="I29936" s="1" t="s">
        <v>104058</v>
      </c>
      <c r="J29936" s="1" t="s">
        <v>104923</v>
      </c>
    </row>
    <row r="29937" spans="1:10" x14ac:dyDescent="0.35">
      <c r="A29937" s="1" t="s">
        <v>104908</v>
      </c>
      <c r="B29937" s="1" t="s">
        <v>104052</v>
      </c>
      <c r="C29937" s="1" t="s">
        <v>30</v>
      </c>
      <c r="D29937" s="1" t="s">
        <v>104924</v>
      </c>
      <c r="E29937" s="1" t="s">
        <v>104925</v>
      </c>
      <c r="F29937" s="1" t="s">
        <v>104926</v>
      </c>
      <c r="G29937" s="1" t="s">
        <v>104912</v>
      </c>
      <c r="H29937" s="1" t="s">
        <v>104913</v>
      </c>
      <c r="I29937" s="1" t="s">
        <v>104058</v>
      </c>
      <c r="J29937" s="1" t="s">
        <v>104927</v>
      </c>
    </row>
    <row r="29938" spans="1:10" x14ac:dyDescent="0.35">
      <c r="A29938" s="1" t="s">
        <v>104908</v>
      </c>
      <c r="B29938" s="1" t="s">
        <v>104052</v>
      </c>
      <c r="C29938" s="1" t="s">
        <v>35</v>
      </c>
      <c r="D29938" s="1" t="s">
        <v>8087</v>
      </c>
      <c r="E29938" s="1" t="s">
        <v>104928</v>
      </c>
      <c r="F29938" s="1" t="s">
        <v>104929</v>
      </c>
      <c r="G29938" s="1" t="s">
        <v>104912</v>
      </c>
      <c r="H29938" s="1" t="s">
        <v>104913</v>
      </c>
      <c r="I29938" s="1" t="s">
        <v>104058</v>
      </c>
      <c r="J29938" s="1" t="s">
        <v>104930</v>
      </c>
    </row>
    <row r="29939" spans="1:10" x14ac:dyDescent="0.35">
      <c r="A29939" s="1" t="s">
        <v>104908</v>
      </c>
      <c r="B29939" s="1" t="s">
        <v>104052</v>
      </c>
      <c r="C29939" s="1" t="s">
        <v>40</v>
      </c>
      <c r="D29939" s="1" t="s">
        <v>104931</v>
      </c>
      <c r="E29939" s="1" t="s">
        <v>104932</v>
      </c>
      <c r="F29939" s="1" t="s">
        <v>104933</v>
      </c>
      <c r="G29939" s="1" t="s">
        <v>104912</v>
      </c>
      <c r="H29939" s="1" t="s">
        <v>104913</v>
      </c>
      <c r="I29939" s="1" t="s">
        <v>104058</v>
      </c>
      <c r="J29939" s="1" t="s">
        <v>104934</v>
      </c>
    </row>
    <row r="29940" spans="1:10" x14ac:dyDescent="0.35">
      <c r="A29940" s="1" t="s">
        <v>104908</v>
      </c>
      <c r="B29940" s="1" t="s">
        <v>104052</v>
      </c>
      <c r="C29940" s="1" t="s">
        <v>45</v>
      </c>
      <c r="D29940" s="1" t="s">
        <v>104935</v>
      </c>
      <c r="E29940" s="1" t="s">
        <v>104936</v>
      </c>
      <c r="F29940" s="1" t="s">
        <v>104937</v>
      </c>
      <c r="G29940" s="1" t="s">
        <v>104912</v>
      </c>
      <c r="H29940" s="1" t="s">
        <v>104913</v>
      </c>
      <c r="I29940" s="1" t="s">
        <v>104058</v>
      </c>
      <c r="J29940" s="1" t="s">
        <v>104938</v>
      </c>
    </row>
    <row r="29941" spans="1:10" x14ac:dyDescent="0.35">
      <c r="A29941" s="1" t="s">
        <v>104908</v>
      </c>
      <c r="B29941" s="1" t="s">
        <v>104052</v>
      </c>
      <c r="C29941" s="1" t="s">
        <v>50</v>
      </c>
      <c r="D29941" s="1" t="s">
        <v>104939</v>
      </c>
      <c r="E29941" s="1" t="s">
        <v>104940</v>
      </c>
      <c r="F29941" s="1" t="s">
        <v>104941</v>
      </c>
      <c r="G29941" s="1" t="s">
        <v>104912</v>
      </c>
      <c r="H29941" s="1" t="s">
        <v>104913</v>
      </c>
      <c r="I29941" s="1" t="s">
        <v>104058</v>
      </c>
      <c r="J29941" s="1" t="s">
        <v>104942</v>
      </c>
    </row>
    <row r="29942" spans="1:10" x14ac:dyDescent="0.35">
      <c r="A29942" s="1" t="s">
        <v>104908</v>
      </c>
      <c r="B29942" s="1" t="s">
        <v>104052</v>
      </c>
      <c r="C29942" s="1" t="s">
        <v>55</v>
      </c>
      <c r="D29942" s="1" t="s">
        <v>15720</v>
      </c>
      <c r="E29942" s="1" t="s">
        <v>104943</v>
      </c>
      <c r="F29942" s="1" t="s">
        <v>104944</v>
      </c>
      <c r="G29942" s="1" t="s">
        <v>104912</v>
      </c>
      <c r="H29942" s="1" t="s">
        <v>104913</v>
      </c>
      <c r="I29942" s="1" t="s">
        <v>104058</v>
      </c>
      <c r="J29942" s="1" t="s">
        <v>104945</v>
      </c>
    </row>
    <row r="29943" spans="1:10" x14ac:dyDescent="0.35">
      <c r="A29943" s="1" t="s">
        <v>104908</v>
      </c>
      <c r="B29943" s="1" t="s">
        <v>104052</v>
      </c>
      <c r="C29943" s="1" t="s">
        <v>60</v>
      </c>
      <c r="D29943" s="1" t="s">
        <v>2327</v>
      </c>
      <c r="E29943" s="1" t="s">
        <v>104946</v>
      </c>
      <c r="F29943" s="1" t="s">
        <v>104947</v>
      </c>
      <c r="G29943" s="1" t="s">
        <v>104912</v>
      </c>
      <c r="H29943" s="1" t="s">
        <v>104913</v>
      </c>
      <c r="I29943" s="1" t="s">
        <v>104058</v>
      </c>
      <c r="J29943" s="1" t="s">
        <v>104948</v>
      </c>
    </row>
    <row r="29944" spans="1:10" x14ac:dyDescent="0.35">
      <c r="A29944" s="1" t="s">
        <v>104908</v>
      </c>
      <c r="B29944" s="1" t="s">
        <v>104052</v>
      </c>
      <c r="C29944" s="1" t="s">
        <v>65</v>
      </c>
      <c r="D29944" s="1" t="s">
        <v>50159</v>
      </c>
      <c r="E29944" s="1" t="s">
        <v>104949</v>
      </c>
      <c r="F29944" s="1" t="s">
        <v>104950</v>
      </c>
      <c r="G29944" s="1" t="s">
        <v>104912</v>
      </c>
      <c r="H29944" s="1" t="s">
        <v>104913</v>
      </c>
      <c r="I29944" s="1" t="s">
        <v>104058</v>
      </c>
      <c r="J29944" s="1" t="s">
        <v>104951</v>
      </c>
    </row>
    <row r="29945" spans="1:10" x14ac:dyDescent="0.35">
      <c r="A29945" s="1" t="s">
        <v>104908</v>
      </c>
      <c r="B29945" s="1" t="s">
        <v>104052</v>
      </c>
      <c r="C29945" s="1" t="s">
        <v>70</v>
      </c>
      <c r="D29945" s="1" t="s">
        <v>73087</v>
      </c>
      <c r="E29945" s="1" t="s">
        <v>104952</v>
      </c>
      <c r="F29945" s="1" t="s">
        <v>104953</v>
      </c>
      <c r="G29945" s="1" t="s">
        <v>104912</v>
      </c>
      <c r="H29945" s="1" t="s">
        <v>104913</v>
      </c>
      <c r="I29945" s="1" t="s">
        <v>104058</v>
      </c>
      <c r="J29945" s="1" t="s">
        <v>104954</v>
      </c>
    </row>
    <row r="29946" spans="1:10" x14ac:dyDescent="0.35">
      <c r="A29946" s="1" t="s">
        <v>104908</v>
      </c>
      <c r="B29946" s="1" t="s">
        <v>104052</v>
      </c>
      <c r="C29946" s="1" t="s">
        <v>75</v>
      </c>
      <c r="D29946" s="1" t="s">
        <v>35030</v>
      </c>
      <c r="E29946" s="1" t="s">
        <v>104955</v>
      </c>
      <c r="F29946" s="1" t="s">
        <v>104956</v>
      </c>
      <c r="G29946" s="1" t="s">
        <v>104912</v>
      </c>
      <c r="H29946" s="1" t="s">
        <v>104913</v>
      </c>
      <c r="I29946" s="1" t="s">
        <v>104058</v>
      </c>
      <c r="J29946" s="1" t="s">
        <v>104957</v>
      </c>
    </row>
    <row r="29947" spans="1:10" x14ac:dyDescent="0.35">
      <c r="A29947" s="1" t="s">
        <v>104908</v>
      </c>
      <c r="B29947" s="1" t="s">
        <v>104052</v>
      </c>
      <c r="C29947" s="1" t="s">
        <v>80</v>
      </c>
      <c r="D29947" s="1" t="s">
        <v>25754</v>
      </c>
      <c r="E29947" s="1" t="s">
        <v>104958</v>
      </c>
      <c r="F29947" s="1" t="s">
        <v>104959</v>
      </c>
      <c r="G29947" s="1" t="s">
        <v>104912</v>
      </c>
      <c r="H29947" s="1" t="s">
        <v>104913</v>
      </c>
      <c r="I29947" s="1" t="s">
        <v>104058</v>
      </c>
      <c r="J29947" s="1" t="s">
        <v>104960</v>
      </c>
    </row>
    <row r="29948" spans="1:10" x14ac:dyDescent="0.35">
      <c r="A29948" s="1" t="s">
        <v>104908</v>
      </c>
      <c r="B29948" s="1" t="s">
        <v>104052</v>
      </c>
      <c r="C29948" s="1" t="s">
        <v>85</v>
      </c>
      <c r="D29948" s="1" t="s">
        <v>30748</v>
      </c>
      <c r="E29948" s="1" t="s">
        <v>104961</v>
      </c>
      <c r="F29948" s="1" t="s">
        <v>104962</v>
      </c>
      <c r="G29948" s="1" t="s">
        <v>104912</v>
      </c>
      <c r="H29948" s="1" t="s">
        <v>104913</v>
      </c>
      <c r="I29948" s="1" t="s">
        <v>104058</v>
      </c>
      <c r="J29948" s="1" t="s">
        <v>104963</v>
      </c>
    </row>
    <row r="29949" spans="1:10" x14ac:dyDescent="0.35">
      <c r="A29949" s="1" t="s">
        <v>104908</v>
      </c>
      <c r="B29949" s="1" t="s">
        <v>104052</v>
      </c>
      <c r="C29949" s="1" t="s">
        <v>90</v>
      </c>
      <c r="D29949" s="1" t="s">
        <v>31261</v>
      </c>
      <c r="E29949" s="1" t="s">
        <v>104964</v>
      </c>
      <c r="F29949" s="1" t="s">
        <v>104965</v>
      </c>
      <c r="G29949" s="1" t="s">
        <v>104912</v>
      </c>
      <c r="H29949" s="1" t="s">
        <v>104913</v>
      </c>
      <c r="I29949" s="1" t="s">
        <v>104058</v>
      </c>
      <c r="J29949" s="1" t="s">
        <v>104966</v>
      </c>
    </row>
    <row r="29950" spans="1:10" x14ac:dyDescent="0.35">
      <c r="A29950" s="1" t="s">
        <v>104908</v>
      </c>
      <c r="B29950" s="1" t="s">
        <v>104052</v>
      </c>
      <c r="C29950" s="1" t="s">
        <v>95</v>
      </c>
      <c r="D29950" s="1" t="s">
        <v>104967</v>
      </c>
      <c r="E29950" s="1" t="s">
        <v>104968</v>
      </c>
      <c r="F29950" s="1" t="s">
        <v>104969</v>
      </c>
      <c r="G29950" s="1" t="s">
        <v>104912</v>
      </c>
      <c r="H29950" s="1" t="s">
        <v>104913</v>
      </c>
      <c r="I29950" s="1" t="s">
        <v>104058</v>
      </c>
      <c r="J29950" s="1" t="s">
        <v>104970</v>
      </c>
    </row>
    <row r="29951" spans="1:10" x14ac:dyDescent="0.35">
      <c r="A29951" s="1" t="s">
        <v>104908</v>
      </c>
      <c r="B29951" s="1" t="s">
        <v>104052</v>
      </c>
      <c r="C29951" s="1" t="s">
        <v>100</v>
      </c>
      <c r="D29951" s="1" t="s">
        <v>104971</v>
      </c>
      <c r="E29951" s="1" t="s">
        <v>104972</v>
      </c>
      <c r="F29951" s="1" t="s">
        <v>104973</v>
      </c>
      <c r="G29951" s="1" t="s">
        <v>104912</v>
      </c>
      <c r="H29951" s="1" t="s">
        <v>104913</v>
      </c>
      <c r="I29951" s="1" t="s">
        <v>104058</v>
      </c>
      <c r="J29951" s="1" t="s">
        <v>104974</v>
      </c>
    </row>
    <row r="29952" spans="1:10" x14ac:dyDescent="0.35">
      <c r="A29952" s="1" t="s">
        <v>104908</v>
      </c>
      <c r="B29952" s="1" t="s">
        <v>104052</v>
      </c>
      <c r="C29952" s="1" t="s">
        <v>105</v>
      </c>
      <c r="D29952" s="1" t="s">
        <v>35825</v>
      </c>
      <c r="E29952" s="1" t="s">
        <v>104975</v>
      </c>
      <c r="F29952" s="1" t="s">
        <v>104976</v>
      </c>
      <c r="G29952" s="1" t="s">
        <v>104912</v>
      </c>
      <c r="H29952" s="1" t="s">
        <v>104913</v>
      </c>
      <c r="I29952" s="1" t="s">
        <v>104058</v>
      </c>
      <c r="J29952" s="1" t="s">
        <v>104977</v>
      </c>
    </row>
    <row r="29953" spans="1:10" x14ac:dyDescent="0.35">
      <c r="A29953" s="1" t="s">
        <v>104908</v>
      </c>
      <c r="B29953" s="1" t="s">
        <v>104052</v>
      </c>
      <c r="C29953" s="1" t="s">
        <v>110</v>
      </c>
      <c r="D29953" s="1" t="s">
        <v>74119</v>
      </c>
      <c r="E29953" s="1" t="s">
        <v>104978</v>
      </c>
      <c r="F29953" s="1" t="s">
        <v>104979</v>
      </c>
      <c r="G29953" s="1" t="s">
        <v>104912</v>
      </c>
      <c r="H29953" s="1" t="s">
        <v>104913</v>
      </c>
      <c r="I29953" s="1" t="s">
        <v>104058</v>
      </c>
      <c r="J29953" s="1" t="s">
        <v>104980</v>
      </c>
    </row>
    <row r="29954" spans="1:10" x14ac:dyDescent="0.35">
      <c r="A29954" s="1" t="s">
        <v>104908</v>
      </c>
      <c r="B29954" s="1" t="s">
        <v>104052</v>
      </c>
      <c r="C29954" s="1" t="s">
        <v>115</v>
      </c>
      <c r="D29954" s="1" t="s">
        <v>104981</v>
      </c>
      <c r="E29954" s="1" t="s">
        <v>104982</v>
      </c>
      <c r="F29954" s="1" t="s">
        <v>104983</v>
      </c>
      <c r="G29954" s="1" t="s">
        <v>104912</v>
      </c>
      <c r="H29954" s="1" t="s">
        <v>104913</v>
      </c>
      <c r="I29954" s="1" t="s">
        <v>104058</v>
      </c>
      <c r="J29954" s="1" t="s">
        <v>104984</v>
      </c>
    </row>
    <row r="29955" spans="1:10" x14ac:dyDescent="0.35">
      <c r="A29955" s="1" t="s">
        <v>104908</v>
      </c>
      <c r="B29955" s="1" t="s">
        <v>104052</v>
      </c>
      <c r="C29955" s="1" t="s">
        <v>120</v>
      </c>
      <c r="D29955" s="1" t="s">
        <v>104985</v>
      </c>
      <c r="E29955" s="1" t="s">
        <v>104986</v>
      </c>
      <c r="F29955" s="1" t="s">
        <v>104987</v>
      </c>
      <c r="G29955" s="1" t="s">
        <v>104912</v>
      </c>
      <c r="H29955" s="1" t="s">
        <v>104913</v>
      </c>
      <c r="I29955" s="1" t="s">
        <v>104058</v>
      </c>
      <c r="J29955" s="1" t="s">
        <v>104988</v>
      </c>
    </row>
    <row r="29956" spans="1:10" x14ac:dyDescent="0.35">
      <c r="A29956" s="1" t="s">
        <v>104908</v>
      </c>
      <c r="B29956" s="1" t="s">
        <v>104052</v>
      </c>
      <c r="C29956" s="1" t="s">
        <v>125</v>
      </c>
      <c r="D29956" s="1" t="s">
        <v>104989</v>
      </c>
      <c r="E29956" s="1" t="s">
        <v>104990</v>
      </c>
      <c r="F29956" s="1" t="s">
        <v>104991</v>
      </c>
      <c r="G29956" s="1" t="s">
        <v>104912</v>
      </c>
      <c r="H29956" s="1" t="s">
        <v>104913</v>
      </c>
      <c r="I29956" s="1" t="s">
        <v>104058</v>
      </c>
      <c r="J29956" s="1" t="s">
        <v>104992</v>
      </c>
    </row>
    <row r="29957" spans="1:10" x14ac:dyDescent="0.35">
      <c r="A29957" s="1" t="s">
        <v>104908</v>
      </c>
      <c r="B29957" s="1" t="s">
        <v>104052</v>
      </c>
      <c r="C29957" s="1" t="s">
        <v>130</v>
      </c>
      <c r="D29957" s="1" t="s">
        <v>104993</v>
      </c>
      <c r="E29957" s="1" t="s">
        <v>104994</v>
      </c>
      <c r="F29957" s="1" t="s">
        <v>104995</v>
      </c>
      <c r="G29957" s="1" t="s">
        <v>104912</v>
      </c>
      <c r="H29957" s="1" t="s">
        <v>104913</v>
      </c>
      <c r="I29957" s="1" t="s">
        <v>104058</v>
      </c>
      <c r="J29957" s="1" t="s">
        <v>104996</v>
      </c>
    </row>
    <row r="29958" spans="1:10" x14ac:dyDescent="0.35">
      <c r="A29958" s="1" t="s">
        <v>104908</v>
      </c>
      <c r="B29958" s="1" t="s">
        <v>104052</v>
      </c>
      <c r="C29958" s="1" t="s">
        <v>135</v>
      </c>
      <c r="D29958" s="1" t="s">
        <v>104997</v>
      </c>
      <c r="E29958" s="1" t="s">
        <v>104998</v>
      </c>
      <c r="F29958" s="1" t="s">
        <v>104999</v>
      </c>
      <c r="G29958" s="1" t="s">
        <v>104912</v>
      </c>
      <c r="H29958" s="1" t="s">
        <v>104913</v>
      </c>
      <c r="I29958" s="1" t="s">
        <v>104058</v>
      </c>
      <c r="J29958" s="1" t="s">
        <v>105000</v>
      </c>
    </row>
    <row r="29959" spans="1:10" x14ac:dyDescent="0.35">
      <c r="A29959" s="1" t="s">
        <v>104908</v>
      </c>
      <c r="B29959" s="1" t="s">
        <v>104052</v>
      </c>
      <c r="C29959" s="1" t="s">
        <v>140</v>
      </c>
      <c r="D29959" s="1" t="s">
        <v>3695</v>
      </c>
      <c r="E29959" s="1" t="s">
        <v>105001</v>
      </c>
      <c r="F29959" s="1" t="s">
        <v>105002</v>
      </c>
      <c r="G29959" s="1" t="s">
        <v>104912</v>
      </c>
      <c r="H29959" s="1" t="s">
        <v>104913</v>
      </c>
      <c r="I29959" s="1" t="s">
        <v>104058</v>
      </c>
      <c r="J29959" s="1" t="s">
        <v>105003</v>
      </c>
    </row>
    <row r="29960" spans="1:10" x14ac:dyDescent="0.35">
      <c r="A29960" s="1" t="s">
        <v>104908</v>
      </c>
      <c r="B29960" s="1" t="s">
        <v>104052</v>
      </c>
      <c r="C29960" s="1" t="s">
        <v>145</v>
      </c>
      <c r="D29960" s="1" t="s">
        <v>31022</v>
      </c>
      <c r="E29960" s="1" t="s">
        <v>105004</v>
      </c>
      <c r="F29960" s="1" t="s">
        <v>105005</v>
      </c>
      <c r="G29960" s="1" t="s">
        <v>104912</v>
      </c>
      <c r="H29960" s="1" t="s">
        <v>104913</v>
      </c>
      <c r="I29960" s="1" t="s">
        <v>104058</v>
      </c>
      <c r="J29960" s="1" t="s">
        <v>105006</v>
      </c>
    </row>
    <row r="29961" spans="1:10" x14ac:dyDescent="0.35">
      <c r="A29961" s="1" t="s">
        <v>104908</v>
      </c>
      <c r="B29961" s="1" t="s">
        <v>104052</v>
      </c>
      <c r="C29961" s="1" t="s">
        <v>150</v>
      </c>
      <c r="D29961" s="1" t="s">
        <v>105007</v>
      </c>
      <c r="E29961" s="1" t="s">
        <v>105008</v>
      </c>
      <c r="F29961" s="1" t="s">
        <v>105009</v>
      </c>
      <c r="G29961" s="1" t="s">
        <v>104912</v>
      </c>
      <c r="H29961" s="1" t="s">
        <v>104913</v>
      </c>
      <c r="I29961" s="1" t="s">
        <v>104058</v>
      </c>
      <c r="J29961" s="1" t="s">
        <v>105010</v>
      </c>
    </row>
    <row r="29962" spans="1:10" x14ac:dyDescent="0.35">
      <c r="A29962" s="1" t="s">
        <v>104908</v>
      </c>
      <c r="B29962" s="1" t="s">
        <v>104052</v>
      </c>
      <c r="C29962" s="1" t="s">
        <v>155</v>
      </c>
      <c r="D29962" s="1" t="s">
        <v>105011</v>
      </c>
      <c r="E29962" s="1" t="s">
        <v>105012</v>
      </c>
      <c r="F29962" s="1" t="s">
        <v>105013</v>
      </c>
      <c r="G29962" s="1" t="s">
        <v>104912</v>
      </c>
      <c r="H29962" s="1" t="s">
        <v>104913</v>
      </c>
      <c r="I29962" s="1" t="s">
        <v>104058</v>
      </c>
      <c r="J29962" s="1" t="s">
        <v>105014</v>
      </c>
    </row>
    <row r="29963" spans="1:10" x14ac:dyDescent="0.35">
      <c r="A29963" s="1" t="s">
        <v>104908</v>
      </c>
      <c r="B29963" s="1" t="s">
        <v>104052</v>
      </c>
      <c r="C29963" s="1" t="s">
        <v>160</v>
      </c>
      <c r="D29963" s="1" t="s">
        <v>105015</v>
      </c>
      <c r="E29963" s="1" t="s">
        <v>105016</v>
      </c>
      <c r="F29963" s="1" t="s">
        <v>105017</v>
      </c>
      <c r="G29963" s="1" t="s">
        <v>104912</v>
      </c>
      <c r="H29963" s="1" t="s">
        <v>104913</v>
      </c>
      <c r="I29963" s="1" t="s">
        <v>104058</v>
      </c>
      <c r="J29963" s="1" t="s">
        <v>105018</v>
      </c>
    </row>
    <row r="29964" spans="1:10" x14ac:dyDescent="0.35">
      <c r="A29964" s="1" t="s">
        <v>104908</v>
      </c>
      <c r="B29964" s="1" t="s">
        <v>104052</v>
      </c>
      <c r="C29964" s="1" t="s">
        <v>165</v>
      </c>
      <c r="D29964" s="1" t="s">
        <v>105019</v>
      </c>
      <c r="E29964" s="1" t="s">
        <v>105020</v>
      </c>
      <c r="F29964" s="1" t="s">
        <v>105021</v>
      </c>
      <c r="G29964" s="1" t="s">
        <v>104912</v>
      </c>
      <c r="H29964" s="1" t="s">
        <v>104913</v>
      </c>
      <c r="I29964" s="1" t="s">
        <v>104058</v>
      </c>
      <c r="J29964" s="1" t="s">
        <v>105022</v>
      </c>
    </row>
    <row r="29965" spans="1:10" x14ac:dyDescent="0.35">
      <c r="A29965" s="1" t="s">
        <v>104908</v>
      </c>
      <c r="B29965" s="1" t="s">
        <v>104052</v>
      </c>
      <c r="C29965" s="1" t="s">
        <v>170</v>
      </c>
      <c r="D29965" s="1" t="s">
        <v>105023</v>
      </c>
      <c r="E29965" s="1" t="s">
        <v>105024</v>
      </c>
      <c r="F29965" s="1" t="s">
        <v>105025</v>
      </c>
      <c r="G29965" s="1" t="s">
        <v>104912</v>
      </c>
      <c r="H29965" s="1" t="s">
        <v>104913</v>
      </c>
      <c r="I29965" s="1" t="s">
        <v>104058</v>
      </c>
      <c r="J29965" s="1" t="s">
        <v>105026</v>
      </c>
    </row>
    <row r="29966" spans="1:10" x14ac:dyDescent="0.35">
      <c r="A29966" s="1" t="s">
        <v>105027</v>
      </c>
      <c r="B29966" s="1" t="s">
        <v>104052</v>
      </c>
      <c r="C29966" s="1" t="s">
        <v>8</v>
      </c>
      <c r="D29966" s="1" t="s">
        <v>72945</v>
      </c>
      <c r="E29966" s="1" t="s">
        <v>105028</v>
      </c>
      <c r="F29966" s="1" t="s">
        <v>105029</v>
      </c>
      <c r="G29966" s="1" t="s">
        <v>105030</v>
      </c>
      <c r="H29966" s="1" t="s">
        <v>105031</v>
      </c>
      <c r="I29966" s="1" t="s">
        <v>104058</v>
      </c>
      <c r="J29966" s="1" t="s">
        <v>13</v>
      </c>
    </row>
    <row r="29967" spans="1:10" x14ac:dyDescent="0.35">
      <c r="A29967" s="1" t="s">
        <v>105027</v>
      </c>
      <c r="B29967" s="1" t="s">
        <v>104052</v>
      </c>
      <c r="C29967" s="1" t="s">
        <v>15</v>
      </c>
      <c r="D29967" s="1" t="s">
        <v>105032</v>
      </c>
      <c r="E29967" s="1" t="s">
        <v>105033</v>
      </c>
      <c r="F29967" s="1" t="s">
        <v>105034</v>
      </c>
      <c r="G29967" s="1" t="s">
        <v>105030</v>
      </c>
      <c r="H29967" s="1" t="s">
        <v>105031</v>
      </c>
      <c r="I29967" s="1" t="s">
        <v>104058</v>
      </c>
      <c r="J29967" s="1" t="s">
        <v>105035</v>
      </c>
    </row>
    <row r="29968" spans="1:10" x14ac:dyDescent="0.35">
      <c r="A29968" s="1" t="s">
        <v>105027</v>
      </c>
      <c r="B29968" s="1" t="s">
        <v>104052</v>
      </c>
      <c r="C29968" s="1" t="s">
        <v>20</v>
      </c>
      <c r="D29968" s="1" t="s">
        <v>105036</v>
      </c>
      <c r="E29968" s="1" t="s">
        <v>105037</v>
      </c>
      <c r="F29968" s="1" t="s">
        <v>105038</v>
      </c>
      <c r="G29968" s="1" t="s">
        <v>105030</v>
      </c>
      <c r="H29968" s="1" t="s">
        <v>105031</v>
      </c>
      <c r="I29968" s="1" t="s">
        <v>104058</v>
      </c>
      <c r="J29968" s="1" t="s">
        <v>105039</v>
      </c>
    </row>
    <row r="29969" spans="1:10" x14ac:dyDescent="0.35">
      <c r="A29969" s="1" t="s">
        <v>105027</v>
      </c>
      <c r="B29969" s="1" t="s">
        <v>104052</v>
      </c>
      <c r="C29969" s="1" t="s">
        <v>25</v>
      </c>
      <c r="D29969" s="1" t="s">
        <v>105040</v>
      </c>
      <c r="E29969" s="1" t="s">
        <v>105041</v>
      </c>
      <c r="F29969" s="1" t="s">
        <v>105042</v>
      </c>
      <c r="G29969" s="1" t="s">
        <v>105030</v>
      </c>
      <c r="H29969" s="1" t="s">
        <v>105031</v>
      </c>
      <c r="I29969" s="1" t="s">
        <v>104058</v>
      </c>
      <c r="J29969" s="1" t="s">
        <v>105043</v>
      </c>
    </row>
    <row r="29970" spans="1:10" x14ac:dyDescent="0.35">
      <c r="A29970" s="1" t="s">
        <v>105027</v>
      </c>
      <c r="B29970" s="1" t="s">
        <v>104052</v>
      </c>
      <c r="C29970" s="1" t="s">
        <v>30</v>
      </c>
      <c r="D29970" s="1" t="s">
        <v>3920</v>
      </c>
      <c r="E29970" s="1" t="s">
        <v>105044</v>
      </c>
      <c r="F29970" s="1" t="s">
        <v>105045</v>
      </c>
      <c r="G29970" s="1" t="s">
        <v>105030</v>
      </c>
      <c r="H29970" s="1" t="s">
        <v>105031</v>
      </c>
      <c r="I29970" s="1" t="s">
        <v>104058</v>
      </c>
      <c r="J29970" s="1" t="s">
        <v>105046</v>
      </c>
    </row>
    <row r="29971" spans="1:10" x14ac:dyDescent="0.35">
      <c r="A29971" s="1" t="s">
        <v>105027</v>
      </c>
      <c r="B29971" s="1" t="s">
        <v>104052</v>
      </c>
      <c r="C29971" s="1" t="s">
        <v>35</v>
      </c>
      <c r="D29971" s="1" t="s">
        <v>105047</v>
      </c>
      <c r="E29971" s="1" t="s">
        <v>105048</v>
      </c>
      <c r="F29971" s="1" t="s">
        <v>105049</v>
      </c>
      <c r="G29971" s="1" t="s">
        <v>105030</v>
      </c>
      <c r="H29971" s="1" t="s">
        <v>105031</v>
      </c>
      <c r="I29971" s="1" t="s">
        <v>104058</v>
      </c>
      <c r="J29971" s="1" t="s">
        <v>105050</v>
      </c>
    </row>
    <row r="29972" spans="1:10" x14ac:dyDescent="0.35">
      <c r="A29972" s="1" t="s">
        <v>105027</v>
      </c>
      <c r="B29972" s="1" t="s">
        <v>104052</v>
      </c>
      <c r="C29972" s="1" t="s">
        <v>40</v>
      </c>
      <c r="D29972" s="1" t="s">
        <v>9241</v>
      </c>
      <c r="E29972" s="1" t="s">
        <v>105051</v>
      </c>
      <c r="F29972" s="1" t="s">
        <v>105052</v>
      </c>
      <c r="G29972" s="1" t="s">
        <v>105030</v>
      </c>
      <c r="H29972" s="1" t="s">
        <v>105031</v>
      </c>
      <c r="I29972" s="1" t="s">
        <v>104058</v>
      </c>
      <c r="J29972" s="1" t="s">
        <v>105053</v>
      </c>
    </row>
    <row r="29973" spans="1:10" x14ac:dyDescent="0.35">
      <c r="A29973" s="1" t="s">
        <v>105027</v>
      </c>
      <c r="B29973" s="1" t="s">
        <v>104052</v>
      </c>
      <c r="C29973" s="1" t="s">
        <v>45</v>
      </c>
      <c r="D29973" s="1" t="s">
        <v>28253</v>
      </c>
      <c r="E29973" s="1" t="s">
        <v>105054</v>
      </c>
      <c r="F29973" s="1" t="s">
        <v>105055</v>
      </c>
      <c r="G29973" s="1" t="s">
        <v>105030</v>
      </c>
      <c r="H29973" s="1" t="s">
        <v>105031</v>
      </c>
      <c r="I29973" s="1" t="s">
        <v>104058</v>
      </c>
      <c r="J29973" s="1" t="s">
        <v>105056</v>
      </c>
    </row>
    <row r="29974" spans="1:10" x14ac:dyDescent="0.35">
      <c r="A29974" s="1" t="s">
        <v>105027</v>
      </c>
      <c r="B29974" s="1" t="s">
        <v>104052</v>
      </c>
      <c r="C29974" s="1" t="s">
        <v>50</v>
      </c>
      <c r="D29974" s="1" t="s">
        <v>105057</v>
      </c>
      <c r="E29974" s="1" t="s">
        <v>105058</v>
      </c>
      <c r="F29974" s="1" t="s">
        <v>105059</v>
      </c>
      <c r="G29974" s="1" t="s">
        <v>105030</v>
      </c>
      <c r="H29974" s="1" t="s">
        <v>105031</v>
      </c>
      <c r="I29974" s="1" t="s">
        <v>104058</v>
      </c>
      <c r="J29974" s="1" t="s">
        <v>105060</v>
      </c>
    </row>
    <row r="29975" spans="1:10" x14ac:dyDescent="0.35">
      <c r="A29975" s="1" t="s">
        <v>105027</v>
      </c>
      <c r="B29975" s="1" t="s">
        <v>104052</v>
      </c>
      <c r="C29975" s="1" t="s">
        <v>55</v>
      </c>
      <c r="D29975" s="1" t="s">
        <v>4765</v>
      </c>
      <c r="E29975" s="1" t="s">
        <v>105061</v>
      </c>
      <c r="F29975" s="1" t="s">
        <v>105062</v>
      </c>
      <c r="G29975" s="1" t="s">
        <v>105030</v>
      </c>
      <c r="H29975" s="1" t="s">
        <v>105031</v>
      </c>
      <c r="I29975" s="1" t="s">
        <v>104058</v>
      </c>
      <c r="J29975" s="1" t="s">
        <v>105063</v>
      </c>
    </row>
    <row r="29976" spans="1:10" x14ac:dyDescent="0.35">
      <c r="A29976" s="1" t="s">
        <v>105027</v>
      </c>
      <c r="B29976" s="1" t="s">
        <v>104052</v>
      </c>
      <c r="C29976" s="1" t="s">
        <v>60</v>
      </c>
      <c r="D29976" s="1" t="s">
        <v>105064</v>
      </c>
      <c r="E29976" s="1" t="s">
        <v>105065</v>
      </c>
      <c r="F29976" s="1" t="s">
        <v>105066</v>
      </c>
      <c r="G29976" s="1" t="s">
        <v>105030</v>
      </c>
      <c r="H29976" s="1" t="s">
        <v>105031</v>
      </c>
      <c r="I29976" s="1" t="s">
        <v>104058</v>
      </c>
      <c r="J29976" s="1" t="s">
        <v>105067</v>
      </c>
    </row>
    <row r="29977" spans="1:10" x14ac:dyDescent="0.35">
      <c r="A29977" s="1" t="s">
        <v>105027</v>
      </c>
      <c r="B29977" s="1" t="s">
        <v>104052</v>
      </c>
      <c r="C29977" s="1" t="s">
        <v>65</v>
      </c>
      <c r="D29977" s="1" t="s">
        <v>15323</v>
      </c>
      <c r="E29977" s="1" t="s">
        <v>105068</v>
      </c>
      <c r="F29977" s="1" t="s">
        <v>105069</v>
      </c>
      <c r="G29977" s="1" t="s">
        <v>105030</v>
      </c>
      <c r="H29977" s="1" t="s">
        <v>105031</v>
      </c>
      <c r="I29977" s="1" t="s">
        <v>104058</v>
      </c>
      <c r="J29977" s="1" t="s">
        <v>105070</v>
      </c>
    </row>
    <row r="29978" spans="1:10" x14ac:dyDescent="0.35">
      <c r="A29978" s="1" t="s">
        <v>105027</v>
      </c>
      <c r="B29978" s="1" t="s">
        <v>104052</v>
      </c>
      <c r="C29978" s="1" t="s">
        <v>70</v>
      </c>
      <c r="D29978" s="1" t="s">
        <v>105071</v>
      </c>
      <c r="E29978" s="1" t="s">
        <v>105072</v>
      </c>
      <c r="F29978" s="1" t="s">
        <v>105073</v>
      </c>
      <c r="G29978" s="1" t="s">
        <v>105030</v>
      </c>
      <c r="H29978" s="1" t="s">
        <v>105031</v>
      </c>
      <c r="I29978" s="1" t="s">
        <v>104058</v>
      </c>
      <c r="J29978" s="1" t="s">
        <v>105074</v>
      </c>
    </row>
    <row r="29979" spans="1:10" x14ac:dyDescent="0.35">
      <c r="A29979" s="1" t="s">
        <v>105027</v>
      </c>
      <c r="B29979" s="1" t="s">
        <v>104052</v>
      </c>
      <c r="C29979" s="1" t="s">
        <v>75</v>
      </c>
      <c r="D29979" s="1" t="s">
        <v>2560</v>
      </c>
      <c r="E29979" s="1" t="s">
        <v>105075</v>
      </c>
      <c r="F29979" s="1" t="s">
        <v>105076</v>
      </c>
      <c r="G29979" s="1" t="s">
        <v>105030</v>
      </c>
      <c r="H29979" s="1" t="s">
        <v>105031</v>
      </c>
      <c r="I29979" s="1" t="s">
        <v>104058</v>
      </c>
      <c r="J29979" s="1" t="s">
        <v>105077</v>
      </c>
    </row>
    <row r="29980" spans="1:10" x14ac:dyDescent="0.35">
      <c r="A29980" s="1" t="s">
        <v>105027</v>
      </c>
      <c r="B29980" s="1" t="s">
        <v>104052</v>
      </c>
      <c r="C29980" s="1" t="s">
        <v>80</v>
      </c>
      <c r="D29980" s="1" t="s">
        <v>105078</v>
      </c>
      <c r="E29980" s="1" t="s">
        <v>105079</v>
      </c>
      <c r="F29980" s="1" t="s">
        <v>105080</v>
      </c>
      <c r="G29980" s="1" t="s">
        <v>105030</v>
      </c>
      <c r="H29980" s="1" t="s">
        <v>105031</v>
      </c>
      <c r="I29980" s="1" t="s">
        <v>104058</v>
      </c>
      <c r="J29980" s="1" t="s">
        <v>105081</v>
      </c>
    </row>
    <row r="29981" spans="1:10" x14ac:dyDescent="0.35">
      <c r="A29981" s="1" t="s">
        <v>105027</v>
      </c>
      <c r="B29981" s="1" t="s">
        <v>104052</v>
      </c>
      <c r="C29981" s="1" t="s">
        <v>85</v>
      </c>
      <c r="D29981" s="1" t="s">
        <v>71874</v>
      </c>
      <c r="E29981" s="1" t="s">
        <v>105082</v>
      </c>
      <c r="F29981" s="1" t="s">
        <v>105083</v>
      </c>
      <c r="G29981" s="1" t="s">
        <v>105030</v>
      </c>
      <c r="H29981" s="1" t="s">
        <v>105031</v>
      </c>
      <c r="I29981" s="1" t="s">
        <v>104058</v>
      </c>
      <c r="J29981" s="1" t="s">
        <v>105084</v>
      </c>
    </row>
    <row r="29982" spans="1:10" x14ac:dyDescent="0.35">
      <c r="A29982" s="1" t="s">
        <v>105027</v>
      </c>
      <c r="B29982" s="1" t="s">
        <v>104052</v>
      </c>
      <c r="C29982" s="1" t="s">
        <v>90</v>
      </c>
      <c r="D29982" s="1" t="s">
        <v>105085</v>
      </c>
      <c r="E29982" s="1" t="s">
        <v>105086</v>
      </c>
      <c r="F29982" s="1" t="s">
        <v>105087</v>
      </c>
      <c r="G29982" s="1" t="s">
        <v>105030</v>
      </c>
      <c r="H29982" s="1" t="s">
        <v>105031</v>
      </c>
      <c r="I29982" s="1" t="s">
        <v>104058</v>
      </c>
      <c r="J29982" s="1" t="s">
        <v>105088</v>
      </c>
    </row>
    <row r="29983" spans="1:10" x14ac:dyDescent="0.35">
      <c r="A29983" s="1" t="s">
        <v>105027</v>
      </c>
      <c r="B29983" s="1" t="s">
        <v>104052</v>
      </c>
      <c r="C29983" s="1" t="s">
        <v>95</v>
      </c>
      <c r="D29983" s="1" t="s">
        <v>25032</v>
      </c>
      <c r="E29983" s="1" t="s">
        <v>105089</v>
      </c>
      <c r="F29983" s="1" t="s">
        <v>105090</v>
      </c>
      <c r="G29983" s="1" t="s">
        <v>105030</v>
      </c>
      <c r="H29983" s="1" t="s">
        <v>105031</v>
      </c>
      <c r="I29983" s="1" t="s">
        <v>104058</v>
      </c>
      <c r="J29983" s="1" t="s">
        <v>105091</v>
      </c>
    </row>
    <row r="29984" spans="1:10" x14ac:dyDescent="0.35">
      <c r="A29984" s="1" t="s">
        <v>105027</v>
      </c>
      <c r="B29984" s="1" t="s">
        <v>104052</v>
      </c>
      <c r="C29984" s="1" t="s">
        <v>100</v>
      </c>
      <c r="D29984" s="1" t="s">
        <v>105092</v>
      </c>
      <c r="E29984" s="1" t="s">
        <v>105093</v>
      </c>
      <c r="F29984" s="1" t="s">
        <v>105094</v>
      </c>
      <c r="G29984" s="1" t="s">
        <v>105030</v>
      </c>
      <c r="H29984" s="1" t="s">
        <v>105031</v>
      </c>
      <c r="I29984" s="1" t="s">
        <v>104058</v>
      </c>
      <c r="J29984" s="1" t="s">
        <v>105095</v>
      </c>
    </row>
    <row r="29985" spans="1:10" x14ac:dyDescent="0.35">
      <c r="A29985" s="1" t="s">
        <v>105027</v>
      </c>
      <c r="B29985" s="1" t="s">
        <v>104052</v>
      </c>
      <c r="C29985" s="1" t="s">
        <v>105</v>
      </c>
      <c r="D29985" s="1" t="s">
        <v>34723</v>
      </c>
      <c r="E29985" s="1" t="s">
        <v>105096</v>
      </c>
      <c r="F29985" s="1" t="s">
        <v>105097</v>
      </c>
      <c r="G29985" s="1" t="s">
        <v>105030</v>
      </c>
      <c r="H29985" s="1" t="s">
        <v>105031</v>
      </c>
      <c r="I29985" s="1" t="s">
        <v>104058</v>
      </c>
      <c r="J29985" s="1" t="s">
        <v>105098</v>
      </c>
    </row>
    <row r="29986" spans="1:10" x14ac:dyDescent="0.35">
      <c r="A29986" s="1" t="s">
        <v>105027</v>
      </c>
      <c r="B29986" s="1" t="s">
        <v>104052</v>
      </c>
      <c r="C29986" s="1" t="s">
        <v>110</v>
      </c>
      <c r="D29986" s="1" t="s">
        <v>105099</v>
      </c>
      <c r="E29986" s="1" t="s">
        <v>105100</v>
      </c>
      <c r="F29986" s="1" t="s">
        <v>105101</v>
      </c>
      <c r="G29986" s="1" t="s">
        <v>105030</v>
      </c>
      <c r="H29986" s="1" t="s">
        <v>105031</v>
      </c>
      <c r="I29986" s="1" t="s">
        <v>104058</v>
      </c>
      <c r="J29986" s="1" t="s">
        <v>105102</v>
      </c>
    </row>
    <row r="29987" spans="1:10" x14ac:dyDescent="0.35">
      <c r="A29987" s="1" t="s">
        <v>105027</v>
      </c>
      <c r="B29987" s="1" t="s">
        <v>104052</v>
      </c>
      <c r="C29987" s="1" t="s">
        <v>115</v>
      </c>
      <c r="D29987" s="1" t="s">
        <v>49465</v>
      </c>
      <c r="E29987" s="1" t="s">
        <v>105103</v>
      </c>
      <c r="F29987" s="1" t="s">
        <v>105104</v>
      </c>
      <c r="G29987" s="1" t="s">
        <v>105030</v>
      </c>
      <c r="H29987" s="1" t="s">
        <v>105031</v>
      </c>
      <c r="I29987" s="1" t="s">
        <v>104058</v>
      </c>
      <c r="J29987" s="1" t="s">
        <v>105105</v>
      </c>
    </row>
    <row r="29988" spans="1:10" x14ac:dyDescent="0.35">
      <c r="A29988" s="1" t="s">
        <v>105027</v>
      </c>
      <c r="B29988" s="1" t="s">
        <v>104052</v>
      </c>
      <c r="C29988" s="1" t="s">
        <v>120</v>
      </c>
      <c r="D29988" s="1" t="s">
        <v>35821</v>
      </c>
      <c r="E29988" s="1" t="s">
        <v>105106</v>
      </c>
      <c r="F29988" s="1" t="s">
        <v>105107</v>
      </c>
      <c r="G29988" s="1" t="s">
        <v>105030</v>
      </c>
      <c r="H29988" s="1" t="s">
        <v>105031</v>
      </c>
      <c r="I29988" s="1" t="s">
        <v>104058</v>
      </c>
      <c r="J29988" s="1" t="s">
        <v>105108</v>
      </c>
    </row>
    <row r="29989" spans="1:10" x14ac:dyDescent="0.35">
      <c r="A29989" s="1" t="s">
        <v>105027</v>
      </c>
      <c r="B29989" s="1" t="s">
        <v>104052</v>
      </c>
      <c r="C29989" s="1" t="s">
        <v>125</v>
      </c>
      <c r="D29989" s="1" t="s">
        <v>7175</v>
      </c>
      <c r="E29989" s="1" t="s">
        <v>105109</v>
      </c>
      <c r="F29989" s="1" t="s">
        <v>105110</v>
      </c>
      <c r="G29989" s="1" t="s">
        <v>105030</v>
      </c>
      <c r="H29989" s="1" t="s">
        <v>105031</v>
      </c>
      <c r="I29989" s="1" t="s">
        <v>104058</v>
      </c>
      <c r="J29989" s="1" t="s">
        <v>105111</v>
      </c>
    </row>
    <row r="29990" spans="1:10" x14ac:dyDescent="0.35">
      <c r="A29990" s="1" t="s">
        <v>105027</v>
      </c>
      <c r="B29990" s="1" t="s">
        <v>104052</v>
      </c>
      <c r="C29990" s="1" t="s">
        <v>130</v>
      </c>
      <c r="D29990" s="1" t="s">
        <v>105112</v>
      </c>
      <c r="E29990" s="1" t="s">
        <v>105113</v>
      </c>
      <c r="F29990" s="1" t="s">
        <v>105114</v>
      </c>
      <c r="G29990" s="1" t="s">
        <v>105030</v>
      </c>
      <c r="H29990" s="1" t="s">
        <v>105031</v>
      </c>
      <c r="I29990" s="1" t="s">
        <v>104058</v>
      </c>
      <c r="J29990" s="1" t="s">
        <v>105115</v>
      </c>
    </row>
    <row r="29991" spans="1:10" x14ac:dyDescent="0.35">
      <c r="A29991" s="1" t="s">
        <v>105027</v>
      </c>
      <c r="B29991" s="1" t="s">
        <v>104052</v>
      </c>
      <c r="C29991" s="1" t="s">
        <v>135</v>
      </c>
      <c r="D29991" s="1" t="s">
        <v>42528</v>
      </c>
      <c r="E29991" s="1" t="s">
        <v>105116</v>
      </c>
      <c r="F29991" s="1" t="s">
        <v>105117</v>
      </c>
      <c r="G29991" s="1" t="s">
        <v>105030</v>
      </c>
      <c r="H29991" s="1" t="s">
        <v>105031</v>
      </c>
      <c r="I29991" s="1" t="s">
        <v>104058</v>
      </c>
      <c r="J29991" s="1" t="s">
        <v>105118</v>
      </c>
    </row>
    <row r="29992" spans="1:10" x14ac:dyDescent="0.35">
      <c r="A29992" s="1" t="s">
        <v>105027</v>
      </c>
      <c r="B29992" s="1" t="s">
        <v>104052</v>
      </c>
      <c r="C29992" s="1" t="s">
        <v>140</v>
      </c>
      <c r="D29992" s="1" t="s">
        <v>74331</v>
      </c>
      <c r="E29992" s="1" t="s">
        <v>105119</v>
      </c>
      <c r="F29992" s="1" t="s">
        <v>105120</v>
      </c>
      <c r="G29992" s="1" t="s">
        <v>105030</v>
      </c>
      <c r="H29992" s="1" t="s">
        <v>105031</v>
      </c>
      <c r="I29992" s="1" t="s">
        <v>104058</v>
      </c>
      <c r="J29992" s="1" t="s">
        <v>105121</v>
      </c>
    </row>
    <row r="29993" spans="1:10" x14ac:dyDescent="0.35">
      <c r="A29993" s="1" t="s">
        <v>105027</v>
      </c>
      <c r="B29993" s="1" t="s">
        <v>104052</v>
      </c>
      <c r="C29993" s="1" t="s">
        <v>145</v>
      </c>
      <c r="D29993" s="1" t="s">
        <v>38327</v>
      </c>
      <c r="E29993" s="1" t="s">
        <v>105122</v>
      </c>
      <c r="F29993" s="1" t="s">
        <v>105123</v>
      </c>
      <c r="G29993" s="1" t="s">
        <v>105030</v>
      </c>
      <c r="H29993" s="1" t="s">
        <v>105031</v>
      </c>
      <c r="I29993" s="1" t="s">
        <v>104058</v>
      </c>
      <c r="J29993" s="1" t="s">
        <v>105124</v>
      </c>
    </row>
    <row r="29994" spans="1:10" x14ac:dyDescent="0.35">
      <c r="A29994" s="1" t="s">
        <v>105027</v>
      </c>
      <c r="B29994" s="1" t="s">
        <v>104052</v>
      </c>
      <c r="C29994" s="1" t="s">
        <v>150</v>
      </c>
      <c r="D29994" s="1" t="s">
        <v>105125</v>
      </c>
      <c r="E29994" s="1" t="s">
        <v>105126</v>
      </c>
      <c r="F29994" s="1" t="s">
        <v>22023</v>
      </c>
      <c r="G29994" s="1" t="s">
        <v>105030</v>
      </c>
      <c r="H29994" s="1" t="s">
        <v>105031</v>
      </c>
      <c r="I29994" s="1" t="s">
        <v>104058</v>
      </c>
      <c r="J29994" s="1" t="s">
        <v>105127</v>
      </c>
    </row>
    <row r="29995" spans="1:10" x14ac:dyDescent="0.35">
      <c r="A29995" s="1" t="s">
        <v>105027</v>
      </c>
      <c r="B29995" s="1" t="s">
        <v>104052</v>
      </c>
      <c r="C29995" s="1" t="s">
        <v>155</v>
      </c>
      <c r="D29995" s="1" t="s">
        <v>105128</v>
      </c>
      <c r="E29995" s="1" t="s">
        <v>105129</v>
      </c>
      <c r="F29995" s="1" t="s">
        <v>105130</v>
      </c>
      <c r="G29995" s="1" t="s">
        <v>105030</v>
      </c>
      <c r="H29995" s="1" t="s">
        <v>105031</v>
      </c>
      <c r="I29995" s="1" t="s">
        <v>104058</v>
      </c>
      <c r="J29995" s="1" t="s">
        <v>105131</v>
      </c>
    </row>
    <row r="29996" spans="1:10" x14ac:dyDescent="0.35">
      <c r="A29996" s="1" t="s">
        <v>105027</v>
      </c>
      <c r="B29996" s="1" t="s">
        <v>104052</v>
      </c>
      <c r="C29996" s="1" t="s">
        <v>160</v>
      </c>
      <c r="D29996" s="1" t="s">
        <v>105132</v>
      </c>
      <c r="E29996" s="1" t="s">
        <v>105133</v>
      </c>
      <c r="F29996" s="1" t="s">
        <v>105134</v>
      </c>
      <c r="G29996" s="1" t="s">
        <v>105030</v>
      </c>
      <c r="H29996" s="1" t="s">
        <v>105031</v>
      </c>
      <c r="I29996" s="1" t="s">
        <v>104058</v>
      </c>
      <c r="J29996" s="1" t="s">
        <v>105135</v>
      </c>
    </row>
    <row r="29997" spans="1:10" x14ac:dyDescent="0.35">
      <c r="A29997" s="1" t="s">
        <v>105027</v>
      </c>
      <c r="B29997" s="1" t="s">
        <v>104052</v>
      </c>
      <c r="C29997" s="1" t="s">
        <v>165</v>
      </c>
      <c r="D29997" s="1" t="s">
        <v>105136</v>
      </c>
      <c r="E29997" s="1" t="s">
        <v>105137</v>
      </c>
      <c r="F29997" s="1" t="s">
        <v>105138</v>
      </c>
      <c r="G29997" s="1" t="s">
        <v>105030</v>
      </c>
      <c r="H29997" s="1" t="s">
        <v>105031</v>
      </c>
      <c r="I29997" s="1" t="s">
        <v>104058</v>
      </c>
      <c r="J29997" s="1" t="s">
        <v>105139</v>
      </c>
    </row>
    <row r="29998" spans="1:10" x14ac:dyDescent="0.35">
      <c r="A29998" s="1" t="s">
        <v>105027</v>
      </c>
      <c r="B29998" s="1" t="s">
        <v>104052</v>
      </c>
      <c r="C29998" s="1" t="s">
        <v>170</v>
      </c>
      <c r="D29998" s="1" t="s">
        <v>105140</v>
      </c>
      <c r="E29998" s="1" t="s">
        <v>105141</v>
      </c>
      <c r="F29998" s="1" t="s">
        <v>105142</v>
      </c>
      <c r="G29998" s="1" t="s">
        <v>105030</v>
      </c>
      <c r="H29998" s="1" t="s">
        <v>105031</v>
      </c>
      <c r="I29998" s="1" t="s">
        <v>104058</v>
      </c>
      <c r="J29998" s="1" t="s">
        <v>105143</v>
      </c>
    </row>
    <row r="29999" spans="1:10" x14ac:dyDescent="0.35">
      <c r="A29999" s="1" t="s">
        <v>105144</v>
      </c>
      <c r="B29999" s="1" t="s">
        <v>104052</v>
      </c>
      <c r="C29999" s="1" t="s">
        <v>8</v>
      </c>
      <c r="D29999" s="1" t="s">
        <v>80266</v>
      </c>
      <c r="E29999" s="1" t="s">
        <v>105145</v>
      </c>
      <c r="F29999" s="1" t="s">
        <v>61860</v>
      </c>
      <c r="G29999" s="1" t="s">
        <v>105146</v>
      </c>
      <c r="H29999" s="1" t="s">
        <v>105147</v>
      </c>
      <c r="I29999" s="1" t="s">
        <v>104058</v>
      </c>
      <c r="J29999" s="1" t="s">
        <v>13</v>
      </c>
    </row>
    <row r="30000" spans="1:10" x14ac:dyDescent="0.35">
      <c r="A30000" s="1" t="s">
        <v>105144</v>
      </c>
      <c r="B30000" s="1" t="s">
        <v>104052</v>
      </c>
      <c r="C30000" s="1" t="s">
        <v>15</v>
      </c>
      <c r="D30000" s="1" t="s">
        <v>105148</v>
      </c>
      <c r="E30000" s="1" t="s">
        <v>22363</v>
      </c>
      <c r="F30000" s="1" t="s">
        <v>105149</v>
      </c>
      <c r="G30000" s="1" t="s">
        <v>105146</v>
      </c>
      <c r="H30000" s="1" t="s">
        <v>105147</v>
      </c>
      <c r="I30000" s="1" t="s">
        <v>104058</v>
      </c>
      <c r="J30000" s="1" t="s">
        <v>105150</v>
      </c>
    </row>
    <row r="30001" spans="1:10" x14ac:dyDescent="0.35">
      <c r="A30001" s="1" t="s">
        <v>105144</v>
      </c>
      <c r="B30001" s="1" t="s">
        <v>104052</v>
      </c>
      <c r="C30001" s="1" t="s">
        <v>20</v>
      </c>
      <c r="D30001" s="1" t="s">
        <v>42054</v>
      </c>
      <c r="E30001" s="1" t="s">
        <v>15200</v>
      </c>
      <c r="F30001" s="1" t="s">
        <v>105151</v>
      </c>
      <c r="G30001" s="1" t="s">
        <v>105146</v>
      </c>
      <c r="H30001" s="1" t="s">
        <v>105147</v>
      </c>
      <c r="I30001" s="1" t="s">
        <v>104058</v>
      </c>
      <c r="J30001" s="1" t="s">
        <v>105152</v>
      </c>
    </row>
    <row r="30002" spans="1:10" x14ac:dyDescent="0.35">
      <c r="A30002" s="1" t="s">
        <v>105144</v>
      </c>
      <c r="B30002" s="1" t="s">
        <v>104052</v>
      </c>
      <c r="C30002" s="1" t="s">
        <v>25</v>
      </c>
      <c r="D30002" s="1" t="s">
        <v>49756</v>
      </c>
      <c r="E30002" s="1" t="s">
        <v>15417</v>
      </c>
      <c r="F30002" s="1" t="s">
        <v>105153</v>
      </c>
      <c r="G30002" s="1" t="s">
        <v>105146</v>
      </c>
      <c r="H30002" s="1" t="s">
        <v>105147</v>
      </c>
      <c r="I30002" s="1" t="s">
        <v>104058</v>
      </c>
      <c r="J30002" s="1" t="s">
        <v>105154</v>
      </c>
    </row>
    <row r="30003" spans="1:10" x14ac:dyDescent="0.35">
      <c r="A30003" s="1" t="s">
        <v>105144</v>
      </c>
      <c r="B30003" s="1" t="s">
        <v>104052</v>
      </c>
      <c r="C30003" s="1" t="s">
        <v>30</v>
      </c>
      <c r="D30003" s="1" t="s">
        <v>105155</v>
      </c>
      <c r="E30003" s="1" t="s">
        <v>60518</v>
      </c>
      <c r="F30003" s="1" t="s">
        <v>105156</v>
      </c>
      <c r="G30003" s="1" t="s">
        <v>105146</v>
      </c>
      <c r="H30003" s="1" t="s">
        <v>105147</v>
      </c>
      <c r="I30003" s="1" t="s">
        <v>104058</v>
      </c>
      <c r="J30003" s="1" t="s">
        <v>105157</v>
      </c>
    </row>
    <row r="30004" spans="1:10" x14ac:dyDescent="0.35">
      <c r="A30004" s="1" t="s">
        <v>105144</v>
      </c>
      <c r="B30004" s="1" t="s">
        <v>104052</v>
      </c>
      <c r="C30004" s="1" t="s">
        <v>35</v>
      </c>
      <c r="D30004" s="1" t="s">
        <v>105158</v>
      </c>
      <c r="E30004" s="1" t="s">
        <v>31992</v>
      </c>
      <c r="F30004" s="1" t="s">
        <v>105159</v>
      </c>
      <c r="G30004" s="1" t="s">
        <v>105146</v>
      </c>
      <c r="H30004" s="1" t="s">
        <v>105147</v>
      </c>
      <c r="I30004" s="1" t="s">
        <v>104058</v>
      </c>
      <c r="J30004" s="1" t="s">
        <v>105160</v>
      </c>
    </row>
    <row r="30005" spans="1:10" x14ac:dyDescent="0.35">
      <c r="A30005" s="1" t="s">
        <v>105144</v>
      </c>
      <c r="B30005" s="1" t="s">
        <v>104052</v>
      </c>
      <c r="C30005" s="1" t="s">
        <v>40</v>
      </c>
      <c r="D30005" s="1" t="s">
        <v>105161</v>
      </c>
      <c r="E30005" s="1" t="s">
        <v>68463</v>
      </c>
      <c r="F30005" s="1" t="s">
        <v>105162</v>
      </c>
      <c r="G30005" s="1" t="s">
        <v>105146</v>
      </c>
      <c r="H30005" s="1" t="s">
        <v>105147</v>
      </c>
      <c r="I30005" s="1" t="s">
        <v>104058</v>
      </c>
      <c r="J30005" s="1" t="s">
        <v>105163</v>
      </c>
    </row>
    <row r="30006" spans="1:10" x14ac:dyDescent="0.35">
      <c r="A30006" s="1" t="s">
        <v>105144</v>
      </c>
      <c r="B30006" s="1" t="s">
        <v>104052</v>
      </c>
      <c r="C30006" s="1" t="s">
        <v>45</v>
      </c>
      <c r="D30006" s="1" t="s">
        <v>44371</v>
      </c>
      <c r="E30006" s="1" t="s">
        <v>54697</v>
      </c>
      <c r="F30006" s="1" t="s">
        <v>105164</v>
      </c>
      <c r="G30006" s="1" t="s">
        <v>105146</v>
      </c>
      <c r="H30006" s="1" t="s">
        <v>105147</v>
      </c>
      <c r="I30006" s="1" t="s">
        <v>104058</v>
      </c>
      <c r="J30006" s="1" t="s">
        <v>105165</v>
      </c>
    </row>
    <row r="30007" spans="1:10" x14ac:dyDescent="0.35">
      <c r="A30007" s="1" t="s">
        <v>105144</v>
      </c>
      <c r="B30007" s="1" t="s">
        <v>104052</v>
      </c>
      <c r="C30007" s="1" t="s">
        <v>50</v>
      </c>
      <c r="D30007" s="1" t="s">
        <v>30983</v>
      </c>
      <c r="E30007" s="1" t="s">
        <v>105166</v>
      </c>
      <c r="F30007" s="1" t="s">
        <v>105167</v>
      </c>
      <c r="G30007" s="1" t="s">
        <v>105146</v>
      </c>
      <c r="H30007" s="1" t="s">
        <v>105147</v>
      </c>
      <c r="I30007" s="1" t="s">
        <v>104058</v>
      </c>
      <c r="J30007" s="1" t="s">
        <v>105168</v>
      </c>
    </row>
    <row r="30008" spans="1:10" x14ac:dyDescent="0.35">
      <c r="A30008" s="1" t="s">
        <v>105144</v>
      </c>
      <c r="B30008" s="1" t="s">
        <v>104052</v>
      </c>
      <c r="C30008" s="1" t="s">
        <v>55</v>
      </c>
      <c r="D30008" s="1" t="s">
        <v>105169</v>
      </c>
      <c r="E30008" s="1" t="s">
        <v>105170</v>
      </c>
      <c r="F30008" s="1" t="s">
        <v>105171</v>
      </c>
      <c r="G30008" s="1" t="s">
        <v>105146</v>
      </c>
      <c r="H30008" s="1" t="s">
        <v>105147</v>
      </c>
      <c r="I30008" s="1" t="s">
        <v>104058</v>
      </c>
      <c r="J30008" s="1" t="s">
        <v>105172</v>
      </c>
    </row>
    <row r="30009" spans="1:10" x14ac:dyDescent="0.35">
      <c r="A30009" s="1" t="s">
        <v>105144</v>
      </c>
      <c r="B30009" s="1" t="s">
        <v>104052</v>
      </c>
      <c r="C30009" s="1" t="s">
        <v>60</v>
      </c>
      <c r="D30009" s="1" t="s">
        <v>105173</v>
      </c>
      <c r="E30009" s="1" t="s">
        <v>15588</v>
      </c>
      <c r="F30009" s="1" t="s">
        <v>105174</v>
      </c>
      <c r="G30009" s="1" t="s">
        <v>105146</v>
      </c>
      <c r="H30009" s="1" t="s">
        <v>105147</v>
      </c>
      <c r="I30009" s="1" t="s">
        <v>104058</v>
      </c>
      <c r="J30009" s="1" t="s">
        <v>105175</v>
      </c>
    </row>
    <row r="30010" spans="1:10" x14ac:dyDescent="0.35">
      <c r="A30010" s="1" t="s">
        <v>105144</v>
      </c>
      <c r="B30010" s="1" t="s">
        <v>104052</v>
      </c>
      <c r="C30010" s="1" t="s">
        <v>65</v>
      </c>
      <c r="D30010" s="1" t="s">
        <v>2433</v>
      </c>
      <c r="E30010" s="1" t="s">
        <v>105166</v>
      </c>
      <c r="F30010" s="1" t="s">
        <v>101424</v>
      </c>
      <c r="G30010" s="1" t="s">
        <v>105146</v>
      </c>
      <c r="H30010" s="1" t="s">
        <v>105147</v>
      </c>
      <c r="I30010" s="1" t="s">
        <v>104058</v>
      </c>
      <c r="J30010" s="1" t="s">
        <v>105176</v>
      </c>
    </row>
    <row r="30011" spans="1:10" x14ac:dyDescent="0.35">
      <c r="A30011" s="1" t="s">
        <v>105144</v>
      </c>
      <c r="B30011" s="1" t="s">
        <v>104052</v>
      </c>
      <c r="C30011" s="1" t="s">
        <v>70</v>
      </c>
      <c r="D30011" s="1" t="s">
        <v>105177</v>
      </c>
      <c r="E30011" s="1" t="s">
        <v>19908</v>
      </c>
      <c r="F30011" s="1" t="s">
        <v>98790</v>
      </c>
      <c r="G30011" s="1" t="s">
        <v>105146</v>
      </c>
      <c r="H30011" s="1" t="s">
        <v>105147</v>
      </c>
      <c r="I30011" s="1" t="s">
        <v>104058</v>
      </c>
      <c r="J30011" s="1" t="s">
        <v>105178</v>
      </c>
    </row>
    <row r="30012" spans="1:10" x14ac:dyDescent="0.35">
      <c r="A30012" s="1" t="s">
        <v>105144</v>
      </c>
      <c r="B30012" s="1" t="s">
        <v>104052</v>
      </c>
      <c r="C30012" s="1" t="s">
        <v>75</v>
      </c>
      <c r="D30012" s="1" t="s">
        <v>105179</v>
      </c>
      <c r="E30012" s="1" t="s">
        <v>105180</v>
      </c>
      <c r="F30012" s="1" t="s">
        <v>105181</v>
      </c>
      <c r="G30012" s="1" t="s">
        <v>105146</v>
      </c>
      <c r="H30012" s="1" t="s">
        <v>105147</v>
      </c>
      <c r="I30012" s="1" t="s">
        <v>104058</v>
      </c>
      <c r="J30012" s="1" t="s">
        <v>105182</v>
      </c>
    </row>
    <row r="30013" spans="1:10" x14ac:dyDescent="0.35">
      <c r="A30013" s="1" t="s">
        <v>105144</v>
      </c>
      <c r="B30013" s="1" t="s">
        <v>104052</v>
      </c>
      <c r="C30013" s="1" t="s">
        <v>80</v>
      </c>
      <c r="D30013" s="1" t="s">
        <v>105183</v>
      </c>
      <c r="E30013" s="1" t="s">
        <v>54720</v>
      </c>
      <c r="F30013" s="1" t="s">
        <v>105184</v>
      </c>
      <c r="G30013" s="1" t="s">
        <v>105146</v>
      </c>
      <c r="H30013" s="1" t="s">
        <v>105147</v>
      </c>
      <c r="I30013" s="1" t="s">
        <v>104058</v>
      </c>
      <c r="J30013" s="1" t="s">
        <v>105185</v>
      </c>
    </row>
    <row r="30014" spans="1:10" x14ac:dyDescent="0.35">
      <c r="A30014" s="1" t="s">
        <v>105144</v>
      </c>
      <c r="B30014" s="1" t="s">
        <v>104052</v>
      </c>
      <c r="C30014" s="1" t="s">
        <v>85</v>
      </c>
      <c r="D30014" s="1" t="s">
        <v>105186</v>
      </c>
      <c r="E30014" s="1" t="s">
        <v>58638</v>
      </c>
      <c r="F30014" s="1" t="s">
        <v>105187</v>
      </c>
      <c r="G30014" s="1" t="s">
        <v>105146</v>
      </c>
      <c r="H30014" s="1" t="s">
        <v>105147</v>
      </c>
      <c r="I30014" s="1" t="s">
        <v>104058</v>
      </c>
      <c r="J30014" s="1" t="s">
        <v>105188</v>
      </c>
    </row>
    <row r="30015" spans="1:10" x14ac:dyDescent="0.35">
      <c r="A30015" s="1" t="s">
        <v>105144</v>
      </c>
      <c r="B30015" s="1" t="s">
        <v>104052</v>
      </c>
      <c r="C30015" s="1" t="s">
        <v>90</v>
      </c>
      <c r="D30015" s="1" t="s">
        <v>105189</v>
      </c>
      <c r="E30015" s="1" t="s">
        <v>105190</v>
      </c>
      <c r="F30015" s="1" t="s">
        <v>33009</v>
      </c>
      <c r="G30015" s="1" t="s">
        <v>105146</v>
      </c>
      <c r="H30015" s="1" t="s">
        <v>105147</v>
      </c>
      <c r="I30015" s="1" t="s">
        <v>104058</v>
      </c>
      <c r="J30015" s="1" t="s">
        <v>105191</v>
      </c>
    </row>
    <row r="30016" spans="1:10" x14ac:dyDescent="0.35">
      <c r="A30016" s="1" t="s">
        <v>105144</v>
      </c>
      <c r="B30016" s="1" t="s">
        <v>104052</v>
      </c>
      <c r="C30016" s="1" t="s">
        <v>95</v>
      </c>
      <c r="D30016" s="1" t="s">
        <v>105192</v>
      </c>
      <c r="E30016" s="1" t="s">
        <v>58124</v>
      </c>
      <c r="F30016" s="1" t="s">
        <v>105193</v>
      </c>
      <c r="G30016" s="1" t="s">
        <v>105146</v>
      </c>
      <c r="H30016" s="1" t="s">
        <v>105147</v>
      </c>
      <c r="I30016" s="1" t="s">
        <v>104058</v>
      </c>
      <c r="J30016" s="1" t="s">
        <v>105194</v>
      </c>
    </row>
    <row r="30017" spans="1:10" x14ac:dyDescent="0.35">
      <c r="A30017" s="1" t="s">
        <v>105144</v>
      </c>
      <c r="B30017" s="1" t="s">
        <v>104052</v>
      </c>
      <c r="C30017" s="1" t="s">
        <v>100</v>
      </c>
      <c r="D30017" s="1" t="s">
        <v>105195</v>
      </c>
      <c r="E30017" s="1" t="s">
        <v>32972</v>
      </c>
      <c r="F30017" s="1" t="s">
        <v>59735</v>
      </c>
      <c r="G30017" s="1" t="s">
        <v>105146</v>
      </c>
      <c r="H30017" s="1" t="s">
        <v>105147</v>
      </c>
      <c r="I30017" s="1" t="s">
        <v>104058</v>
      </c>
      <c r="J30017" s="1" t="s">
        <v>105196</v>
      </c>
    </row>
    <row r="30018" spans="1:10" x14ac:dyDescent="0.35">
      <c r="A30018" s="1" t="s">
        <v>105144</v>
      </c>
      <c r="B30018" s="1" t="s">
        <v>104052</v>
      </c>
      <c r="C30018" s="1" t="s">
        <v>105</v>
      </c>
      <c r="D30018" s="1" t="s">
        <v>105197</v>
      </c>
      <c r="E30018" s="1" t="s">
        <v>105198</v>
      </c>
      <c r="F30018" s="1" t="s">
        <v>105199</v>
      </c>
      <c r="G30018" s="1" t="s">
        <v>105146</v>
      </c>
      <c r="H30018" s="1" t="s">
        <v>105147</v>
      </c>
      <c r="I30018" s="1" t="s">
        <v>104058</v>
      </c>
      <c r="J30018" s="1" t="s">
        <v>105200</v>
      </c>
    </row>
    <row r="30019" spans="1:10" x14ac:dyDescent="0.35">
      <c r="A30019" s="1" t="s">
        <v>105144</v>
      </c>
      <c r="B30019" s="1" t="s">
        <v>104052</v>
      </c>
      <c r="C30019" s="1" t="s">
        <v>110</v>
      </c>
      <c r="D30019" s="1" t="s">
        <v>105201</v>
      </c>
      <c r="E30019" s="1" t="s">
        <v>94880</v>
      </c>
      <c r="F30019" s="1" t="s">
        <v>66986</v>
      </c>
      <c r="G30019" s="1" t="s">
        <v>105146</v>
      </c>
      <c r="H30019" s="1" t="s">
        <v>105147</v>
      </c>
      <c r="I30019" s="1" t="s">
        <v>104058</v>
      </c>
      <c r="J30019" s="1" t="s">
        <v>105202</v>
      </c>
    </row>
    <row r="30020" spans="1:10" x14ac:dyDescent="0.35">
      <c r="A30020" s="1" t="s">
        <v>105144</v>
      </c>
      <c r="B30020" s="1" t="s">
        <v>104052</v>
      </c>
      <c r="C30020" s="1" t="s">
        <v>115</v>
      </c>
      <c r="D30020" s="1" t="s">
        <v>105203</v>
      </c>
      <c r="E30020" s="1" t="s">
        <v>72841</v>
      </c>
      <c r="F30020" s="1" t="s">
        <v>64819</v>
      </c>
      <c r="G30020" s="1" t="s">
        <v>105146</v>
      </c>
      <c r="H30020" s="1" t="s">
        <v>105147</v>
      </c>
      <c r="I30020" s="1" t="s">
        <v>104058</v>
      </c>
      <c r="J30020" s="1" t="s">
        <v>105204</v>
      </c>
    </row>
    <row r="30021" spans="1:10" x14ac:dyDescent="0.35">
      <c r="A30021" s="1" t="s">
        <v>105144</v>
      </c>
      <c r="B30021" s="1" t="s">
        <v>104052</v>
      </c>
      <c r="C30021" s="1" t="s">
        <v>120</v>
      </c>
      <c r="D30021" s="1" t="s">
        <v>80761</v>
      </c>
      <c r="E30021" s="1" t="s">
        <v>60568</v>
      </c>
      <c r="F30021" s="1" t="s">
        <v>105205</v>
      </c>
      <c r="G30021" s="1" t="s">
        <v>105146</v>
      </c>
      <c r="H30021" s="1" t="s">
        <v>105147</v>
      </c>
      <c r="I30021" s="1" t="s">
        <v>104058</v>
      </c>
      <c r="J30021" s="1" t="s">
        <v>105206</v>
      </c>
    </row>
    <row r="30022" spans="1:10" x14ac:dyDescent="0.35">
      <c r="A30022" s="1" t="s">
        <v>105144</v>
      </c>
      <c r="B30022" s="1" t="s">
        <v>104052</v>
      </c>
      <c r="C30022" s="1" t="s">
        <v>125</v>
      </c>
      <c r="D30022" s="1" t="s">
        <v>68752</v>
      </c>
      <c r="E30022" s="1" t="s">
        <v>31783</v>
      </c>
      <c r="F30022" s="1" t="s">
        <v>105207</v>
      </c>
      <c r="G30022" s="1" t="s">
        <v>105146</v>
      </c>
      <c r="H30022" s="1" t="s">
        <v>105147</v>
      </c>
      <c r="I30022" s="1" t="s">
        <v>104058</v>
      </c>
      <c r="J30022" s="1" t="s">
        <v>105208</v>
      </c>
    </row>
    <row r="30023" spans="1:10" x14ac:dyDescent="0.35">
      <c r="A30023" s="1" t="s">
        <v>105144</v>
      </c>
      <c r="B30023" s="1" t="s">
        <v>104052</v>
      </c>
      <c r="C30023" s="1" t="s">
        <v>130</v>
      </c>
      <c r="D30023" s="1" t="s">
        <v>99565</v>
      </c>
      <c r="E30023" s="1" t="s">
        <v>15684</v>
      </c>
      <c r="F30023" s="1" t="s">
        <v>105209</v>
      </c>
      <c r="G30023" s="1" t="s">
        <v>105146</v>
      </c>
      <c r="H30023" s="1" t="s">
        <v>105147</v>
      </c>
      <c r="I30023" s="1" t="s">
        <v>104058</v>
      </c>
      <c r="J30023" s="1" t="s">
        <v>105210</v>
      </c>
    </row>
    <row r="30024" spans="1:10" x14ac:dyDescent="0.35">
      <c r="A30024" s="1" t="s">
        <v>105144</v>
      </c>
      <c r="B30024" s="1" t="s">
        <v>104052</v>
      </c>
      <c r="C30024" s="1" t="s">
        <v>135</v>
      </c>
      <c r="D30024" s="1" t="s">
        <v>105211</v>
      </c>
      <c r="E30024" s="1" t="s">
        <v>19928</v>
      </c>
      <c r="F30024" s="1" t="s">
        <v>105212</v>
      </c>
      <c r="G30024" s="1" t="s">
        <v>105146</v>
      </c>
      <c r="H30024" s="1" t="s">
        <v>105147</v>
      </c>
      <c r="I30024" s="1" t="s">
        <v>104058</v>
      </c>
      <c r="J30024" s="1" t="s">
        <v>105213</v>
      </c>
    </row>
    <row r="30025" spans="1:10" x14ac:dyDescent="0.35">
      <c r="A30025" s="1" t="s">
        <v>105144</v>
      </c>
      <c r="B30025" s="1" t="s">
        <v>104052</v>
      </c>
      <c r="C30025" s="1" t="s">
        <v>140</v>
      </c>
      <c r="D30025" s="1" t="s">
        <v>101067</v>
      </c>
      <c r="E30025" s="1" t="s">
        <v>31534</v>
      </c>
      <c r="F30025" s="1" t="s">
        <v>52486</v>
      </c>
      <c r="G30025" s="1" t="s">
        <v>105146</v>
      </c>
      <c r="H30025" s="1" t="s">
        <v>105147</v>
      </c>
      <c r="I30025" s="1" t="s">
        <v>104058</v>
      </c>
      <c r="J30025" s="1" t="s">
        <v>105214</v>
      </c>
    </row>
    <row r="30026" spans="1:10" x14ac:dyDescent="0.35">
      <c r="A30026" s="1" t="s">
        <v>105144</v>
      </c>
      <c r="B30026" s="1" t="s">
        <v>104052</v>
      </c>
      <c r="C30026" s="1" t="s">
        <v>145</v>
      </c>
      <c r="D30026" s="1" t="s">
        <v>105215</v>
      </c>
      <c r="E30026" s="1" t="s">
        <v>15680</v>
      </c>
      <c r="F30026" s="1" t="s">
        <v>105216</v>
      </c>
      <c r="G30026" s="1" t="s">
        <v>105146</v>
      </c>
      <c r="H30026" s="1" t="s">
        <v>105147</v>
      </c>
      <c r="I30026" s="1" t="s">
        <v>104058</v>
      </c>
      <c r="J30026" s="1" t="s">
        <v>105217</v>
      </c>
    </row>
    <row r="30027" spans="1:10" x14ac:dyDescent="0.35">
      <c r="A30027" s="1" t="s">
        <v>105144</v>
      </c>
      <c r="B30027" s="1" t="s">
        <v>104052</v>
      </c>
      <c r="C30027" s="1" t="s">
        <v>150</v>
      </c>
      <c r="D30027" s="1" t="s">
        <v>105218</v>
      </c>
      <c r="E30027" s="1" t="s">
        <v>105219</v>
      </c>
      <c r="F30027" s="1" t="s">
        <v>105220</v>
      </c>
      <c r="G30027" s="1" t="s">
        <v>105146</v>
      </c>
      <c r="H30027" s="1" t="s">
        <v>105147</v>
      </c>
      <c r="I30027" s="1" t="s">
        <v>104058</v>
      </c>
      <c r="J30027" s="1" t="s">
        <v>105221</v>
      </c>
    </row>
    <row r="30028" spans="1:10" x14ac:dyDescent="0.35">
      <c r="A30028" s="1" t="s">
        <v>105144</v>
      </c>
      <c r="B30028" s="1" t="s">
        <v>104052</v>
      </c>
      <c r="C30028" s="1" t="s">
        <v>155</v>
      </c>
      <c r="D30028" s="1" t="s">
        <v>59768</v>
      </c>
      <c r="E30028" s="1" t="s">
        <v>19940</v>
      </c>
      <c r="F30028" s="1" t="s">
        <v>105222</v>
      </c>
      <c r="G30028" s="1" t="s">
        <v>105146</v>
      </c>
      <c r="H30028" s="1" t="s">
        <v>105147</v>
      </c>
      <c r="I30028" s="1" t="s">
        <v>104058</v>
      </c>
      <c r="J30028" s="1" t="s">
        <v>105223</v>
      </c>
    </row>
    <row r="30029" spans="1:10" x14ac:dyDescent="0.35">
      <c r="A30029" s="1" t="s">
        <v>105144</v>
      </c>
      <c r="B30029" s="1" t="s">
        <v>104052</v>
      </c>
      <c r="C30029" s="1" t="s">
        <v>160</v>
      </c>
      <c r="D30029" s="1" t="s">
        <v>105224</v>
      </c>
      <c r="E30029" s="1" t="s">
        <v>19948</v>
      </c>
      <c r="F30029" s="1" t="s">
        <v>105225</v>
      </c>
      <c r="G30029" s="1" t="s">
        <v>105146</v>
      </c>
      <c r="H30029" s="1" t="s">
        <v>105147</v>
      </c>
      <c r="I30029" s="1" t="s">
        <v>104058</v>
      </c>
      <c r="J30029" s="1" t="s">
        <v>105226</v>
      </c>
    </row>
    <row r="30030" spans="1:10" x14ac:dyDescent="0.35">
      <c r="A30030" s="1" t="s">
        <v>105144</v>
      </c>
      <c r="B30030" s="1" t="s">
        <v>104052</v>
      </c>
      <c r="C30030" s="1" t="s">
        <v>165</v>
      </c>
      <c r="D30030" s="1" t="s">
        <v>105227</v>
      </c>
      <c r="E30030" s="1" t="s">
        <v>105228</v>
      </c>
      <c r="F30030" s="1" t="s">
        <v>105229</v>
      </c>
      <c r="G30030" s="1" t="s">
        <v>105146</v>
      </c>
      <c r="H30030" s="1" t="s">
        <v>105147</v>
      </c>
      <c r="I30030" s="1" t="s">
        <v>104058</v>
      </c>
      <c r="J30030" s="1" t="s">
        <v>105230</v>
      </c>
    </row>
    <row r="30031" spans="1:10" x14ac:dyDescent="0.35">
      <c r="A30031" s="1" t="s">
        <v>105144</v>
      </c>
      <c r="B30031" s="1" t="s">
        <v>104052</v>
      </c>
      <c r="C30031" s="1" t="s">
        <v>170</v>
      </c>
      <c r="D30031" s="1" t="s">
        <v>105231</v>
      </c>
      <c r="E30031" s="1" t="s">
        <v>105228</v>
      </c>
      <c r="F30031" s="1" t="s">
        <v>105232</v>
      </c>
      <c r="G30031" s="1" t="s">
        <v>105146</v>
      </c>
      <c r="H30031" s="1" t="s">
        <v>105147</v>
      </c>
      <c r="I30031" s="1" t="s">
        <v>104058</v>
      </c>
      <c r="J30031" s="1" t="s">
        <v>105233</v>
      </c>
    </row>
    <row r="30032" spans="1:10" x14ac:dyDescent="0.35">
      <c r="A30032" s="1" t="s">
        <v>25214</v>
      </c>
      <c r="B30032" s="1" t="s">
        <v>105234</v>
      </c>
      <c r="C30032" s="1" t="s">
        <v>8</v>
      </c>
      <c r="D30032" s="1" t="s">
        <v>105235</v>
      </c>
      <c r="E30032" s="1" t="s">
        <v>48070</v>
      </c>
      <c r="F30032" s="1" t="s">
        <v>32991</v>
      </c>
      <c r="G30032" s="1" t="s">
        <v>105236</v>
      </c>
      <c r="H30032" s="1" t="s">
        <v>105237</v>
      </c>
      <c r="I30032" s="1" t="s">
        <v>105238</v>
      </c>
      <c r="J30032" s="1" t="s">
        <v>13</v>
      </c>
    </row>
    <row r="30033" spans="1:10" x14ac:dyDescent="0.35">
      <c r="A30033" s="1" t="s">
        <v>25214</v>
      </c>
      <c r="B30033" s="1" t="s">
        <v>105234</v>
      </c>
      <c r="C30033" s="1" t="s">
        <v>15</v>
      </c>
      <c r="D30033" s="1" t="s">
        <v>105239</v>
      </c>
      <c r="E30033" s="1" t="s">
        <v>105240</v>
      </c>
      <c r="F30033" s="1" t="s">
        <v>105241</v>
      </c>
      <c r="G30033" s="1" t="s">
        <v>105236</v>
      </c>
      <c r="H30033" s="1" t="s">
        <v>105237</v>
      </c>
      <c r="I30033" s="1" t="s">
        <v>105238</v>
      </c>
      <c r="J30033" s="1" t="s">
        <v>105242</v>
      </c>
    </row>
    <row r="30034" spans="1:10" x14ac:dyDescent="0.35">
      <c r="A30034" s="1" t="s">
        <v>25214</v>
      </c>
      <c r="B30034" s="1" t="s">
        <v>105234</v>
      </c>
      <c r="C30034" s="1" t="s">
        <v>20</v>
      </c>
      <c r="D30034" s="1" t="s">
        <v>105243</v>
      </c>
      <c r="E30034" s="1" t="s">
        <v>105244</v>
      </c>
      <c r="F30034" s="1" t="s">
        <v>105245</v>
      </c>
      <c r="G30034" s="1" t="s">
        <v>105236</v>
      </c>
      <c r="H30034" s="1" t="s">
        <v>105237</v>
      </c>
      <c r="I30034" s="1" t="s">
        <v>105238</v>
      </c>
      <c r="J30034" s="1" t="s">
        <v>105246</v>
      </c>
    </row>
    <row r="30035" spans="1:10" x14ac:dyDescent="0.35">
      <c r="A30035" s="1" t="s">
        <v>25214</v>
      </c>
      <c r="B30035" s="1" t="s">
        <v>105234</v>
      </c>
      <c r="C30035" s="1" t="s">
        <v>25</v>
      </c>
      <c r="D30035" s="1" t="s">
        <v>101781</v>
      </c>
      <c r="E30035" s="1" t="s">
        <v>105247</v>
      </c>
      <c r="F30035" s="1" t="s">
        <v>67504</v>
      </c>
      <c r="G30035" s="1" t="s">
        <v>105236</v>
      </c>
      <c r="H30035" s="1" t="s">
        <v>105237</v>
      </c>
      <c r="I30035" s="1" t="s">
        <v>105238</v>
      </c>
      <c r="J30035" s="1" t="s">
        <v>105248</v>
      </c>
    </row>
    <row r="30036" spans="1:10" x14ac:dyDescent="0.35">
      <c r="A30036" s="1" t="s">
        <v>25214</v>
      </c>
      <c r="B30036" s="1" t="s">
        <v>105234</v>
      </c>
      <c r="C30036" s="1" t="s">
        <v>30</v>
      </c>
      <c r="D30036" s="1" t="s">
        <v>105249</v>
      </c>
      <c r="E30036" s="1" t="s">
        <v>105250</v>
      </c>
      <c r="F30036" s="1" t="s">
        <v>105251</v>
      </c>
      <c r="G30036" s="1" t="s">
        <v>105236</v>
      </c>
      <c r="H30036" s="1" t="s">
        <v>105237</v>
      </c>
      <c r="I30036" s="1" t="s">
        <v>105238</v>
      </c>
      <c r="J30036" s="1" t="s">
        <v>105252</v>
      </c>
    </row>
    <row r="30037" spans="1:10" x14ac:dyDescent="0.35">
      <c r="A30037" s="1" t="s">
        <v>25214</v>
      </c>
      <c r="B30037" s="1" t="s">
        <v>105234</v>
      </c>
      <c r="C30037" s="1" t="s">
        <v>35</v>
      </c>
      <c r="D30037" s="1" t="s">
        <v>105253</v>
      </c>
      <c r="E30037" s="1" t="s">
        <v>94753</v>
      </c>
      <c r="F30037" s="1" t="s">
        <v>31504</v>
      </c>
      <c r="G30037" s="1" t="s">
        <v>105236</v>
      </c>
      <c r="H30037" s="1" t="s">
        <v>105237</v>
      </c>
      <c r="I30037" s="1" t="s">
        <v>105238</v>
      </c>
      <c r="J30037" s="1" t="s">
        <v>105254</v>
      </c>
    </row>
    <row r="30038" spans="1:10" x14ac:dyDescent="0.35">
      <c r="A30038" s="1" t="s">
        <v>25214</v>
      </c>
      <c r="B30038" s="1" t="s">
        <v>105234</v>
      </c>
      <c r="C30038" s="1" t="s">
        <v>40</v>
      </c>
      <c r="D30038" s="1" t="s">
        <v>105255</v>
      </c>
      <c r="E30038" s="1" t="s">
        <v>105256</v>
      </c>
      <c r="F30038" s="1" t="s">
        <v>105257</v>
      </c>
      <c r="G30038" s="1" t="s">
        <v>105236</v>
      </c>
      <c r="H30038" s="1" t="s">
        <v>105237</v>
      </c>
      <c r="I30038" s="1" t="s">
        <v>105238</v>
      </c>
      <c r="J30038" s="1" t="s">
        <v>105258</v>
      </c>
    </row>
    <row r="30039" spans="1:10" x14ac:dyDescent="0.35">
      <c r="A30039" s="1" t="s">
        <v>25214</v>
      </c>
      <c r="B30039" s="1" t="s">
        <v>105234</v>
      </c>
      <c r="C30039" s="1" t="s">
        <v>45</v>
      </c>
      <c r="D30039" s="1" t="s">
        <v>18092</v>
      </c>
      <c r="E30039" s="1" t="s">
        <v>105259</v>
      </c>
      <c r="F30039" s="1" t="s">
        <v>60425</v>
      </c>
      <c r="G30039" s="1" t="s">
        <v>105236</v>
      </c>
      <c r="H30039" s="1" t="s">
        <v>105237</v>
      </c>
      <c r="I30039" s="1" t="s">
        <v>105238</v>
      </c>
      <c r="J30039" s="1" t="s">
        <v>105260</v>
      </c>
    </row>
    <row r="30040" spans="1:10" x14ac:dyDescent="0.35">
      <c r="A30040" s="1" t="s">
        <v>25214</v>
      </c>
      <c r="B30040" s="1" t="s">
        <v>105234</v>
      </c>
      <c r="C30040" s="1" t="s">
        <v>50</v>
      </c>
      <c r="D30040" s="1" t="s">
        <v>105261</v>
      </c>
      <c r="E30040" s="1" t="s">
        <v>105262</v>
      </c>
      <c r="F30040" s="1" t="s">
        <v>105263</v>
      </c>
      <c r="G30040" s="1" t="s">
        <v>105236</v>
      </c>
      <c r="H30040" s="1" t="s">
        <v>105237</v>
      </c>
      <c r="I30040" s="1" t="s">
        <v>105238</v>
      </c>
      <c r="J30040" s="1" t="s">
        <v>105264</v>
      </c>
    </row>
    <row r="30041" spans="1:10" x14ac:dyDescent="0.35">
      <c r="A30041" s="1" t="s">
        <v>25214</v>
      </c>
      <c r="B30041" s="1" t="s">
        <v>105234</v>
      </c>
      <c r="C30041" s="1" t="s">
        <v>55</v>
      </c>
      <c r="D30041" s="1" t="s">
        <v>98763</v>
      </c>
      <c r="E30041" s="1" t="s">
        <v>105265</v>
      </c>
      <c r="F30041" s="1" t="s">
        <v>54711</v>
      </c>
      <c r="G30041" s="1" t="s">
        <v>105236</v>
      </c>
      <c r="H30041" s="1" t="s">
        <v>105237</v>
      </c>
      <c r="I30041" s="1" t="s">
        <v>105238</v>
      </c>
      <c r="J30041" s="1" t="s">
        <v>105266</v>
      </c>
    </row>
    <row r="30042" spans="1:10" x14ac:dyDescent="0.35">
      <c r="A30042" s="1" t="s">
        <v>25214</v>
      </c>
      <c r="B30042" s="1" t="s">
        <v>105234</v>
      </c>
      <c r="C30042" s="1" t="s">
        <v>60</v>
      </c>
      <c r="D30042" s="1" t="s">
        <v>105267</v>
      </c>
      <c r="E30042" s="1" t="s">
        <v>105268</v>
      </c>
      <c r="F30042" s="1" t="s">
        <v>105269</v>
      </c>
      <c r="G30042" s="1" t="s">
        <v>105236</v>
      </c>
      <c r="H30042" s="1" t="s">
        <v>105237</v>
      </c>
      <c r="I30042" s="1" t="s">
        <v>105238</v>
      </c>
      <c r="J30042" s="1" t="s">
        <v>105270</v>
      </c>
    </row>
    <row r="30043" spans="1:10" x14ac:dyDescent="0.35">
      <c r="A30043" s="1" t="s">
        <v>25214</v>
      </c>
      <c r="B30043" s="1" t="s">
        <v>105234</v>
      </c>
      <c r="C30043" s="1" t="s">
        <v>65</v>
      </c>
      <c r="D30043" s="1" t="s">
        <v>105271</v>
      </c>
      <c r="E30043" s="1" t="s">
        <v>105272</v>
      </c>
      <c r="F30043" s="1" t="s">
        <v>105273</v>
      </c>
      <c r="G30043" s="1" t="s">
        <v>105236</v>
      </c>
      <c r="H30043" s="1" t="s">
        <v>105237</v>
      </c>
      <c r="I30043" s="1" t="s">
        <v>105238</v>
      </c>
      <c r="J30043" s="1" t="s">
        <v>105274</v>
      </c>
    </row>
    <row r="30044" spans="1:10" x14ac:dyDescent="0.35">
      <c r="A30044" s="1" t="s">
        <v>25214</v>
      </c>
      <c r="B30044" s="1" t="s">
        <v>105234</v>
      </c>
      <c r="C30044" s="1" t="s">
        <v>70</v>
      </c>
      <c r="D30044" s="1" t="s">
        <v>98702</v>
      </c>
      <c r="E30044" s="1" t="s">
        <v>105275</v>
      </c>
      <c r="F30044" s="1" t="s">
        <v>65849</v>
      </c>
      <c r="G30044" s="1" t="s">
        <v>105236</v>
      </c>
      <c r="H30044" s="1" t="s">
        <v>105237</v>
      </c>
      <c r="I30044" s="1" t="s">
        <v>105238</v>
      </c>
      <c r="J30044" s="1" t="s">
        <v>105276</v>
      </c>
    </row>
    <row r="30045" spans="1:10" x14ac:dyDescent="0.35">
      <c r="A30045" s="1" t="s">
        <v>25214</v>
      </c>
      <c r="B30045" s="1" t="s">
        <v>105234</v>
      </c>
      <c r="C30045" s="1" t="s">
        <v>75</v>
      </c>
      <c r="D30045" s="1" t="s">
        <v>105277</v>
      </c>
      <c r="E30045" s="1" t="s">
        <v>105278</v>
      </c>
      <c r="F30045" s="1" t="s">
        <v>52439</v>
      </c>
      <c r="G30045" s="1" t="s">
        <v>105236</v>
      </c>
      <c r="H30045" s="1" t="s">
        <v>105237</v>
      </c>
      <c r="I30045" s="1" t="s">
        <v>105238</v>
      </c>
      <c r="J30045" s="1" t="s">
        <v>105279</v>
      </c>
    </row>
    <row r="30046" spans="1:10" x14ac:dyDescent="0.35">
      <c r="A30046" s="1" t="s">
        <v>25214</v>
      </c>
      <c r="B30046" s="1" t="s">
        <v>105234</v>
      </c>
      <c r="C30046" s="1" t="s">
        <v>80</v>
      </c>
      <c r="D30046" s="1" t="s">
        <v>105280</v>
      </c>
      <c r="E30046" s="1" t="s">
        <v>48067</v>
      </c>
      <c r="F30046" s="1" t="s">
        <v>61062</v>
      </c>
      <c r="G30046" s="1" t="s">
        <v>105236</v>
      </c>
      <c r="H30046" s="1" t="s">
        <v>105237</v>
      </c>
      <c r="I30046" s="1" t="s">
        <v>105238</v>
      </c>
      <c r="J30046" s="1" t="s">
        <v>105281</v>
      </c>
    </row>
    <row r="30047" spans="1:10" x14ac:dyDescent="0.35">
      <c r="A30047" s="1" t="s">
        <v>25214</v>
      </c>
      <c r="B30047" s="1" t="s">
        <v>105234</v>
      </c>
      <c r="C30047" s="1" t="s">
        <v>85</v>
      </c>
      <c r="D30047" s="1" t="s">
        <v>105282</v>
      </c>
      <c r="E30047" s="1" t="s">
        <v>105283</v>
      </c>
      <c r="F30047" s="1" t="s">
        <v>65492</v>
      </c>
      <c r="G30047" s="1" t="s">
        <v>105236</v>
      </c>
      <c r="H30047" s="1" t="s">
        <v>105237</v>
      </c>
      <c r="I30047" s="1" t="s">
        <v>105238</v>
      </c>
      <c r="J30047" s="1" t="s">
        <v>105284</v>
      </c>
    </row>
    <row r="30048" spans="1:10" x14ac:dyDescent="0.35">
      <c r="A30048" s="1" t="s">
        <v>25214</v>
      </c>
      <c r="B30048" s="1" t="s">
        <v>105234</v>
      </c>
      <c r="C30048" s="1" t="s">
        <v>90</v>
      </c>
      <c r="D30048" s="1" t="s">
        <v>105285</v>
      </c>
      <c r="E30048" s="1" t="s">
        <v>105286</v>
      </c>
      <c r="F30048" s="1" t="s">
        <v>105287</v>
      </c>
      <c r="G30048" s="1" t="s">
        <v>105236</v>
      </c>
      <c r="H30048" s="1" t="s">
        <v>105237</v>
      </c>
      <c r="I30048" s="1" t="s">
        <v>105238</v>
      </c>
      <c r="J30048" s="1" t="s">
        <v>105288</v>
      </c>
    </row>
    <row r="30049" spans="1:10" x14ac:dyDescent="0.35">
      <c r="A30049" s="1" t="s">
        <v>25214</v>
      </c>
      <c r="B30049" s="1" t="s">
        <v>105234</v>
      </c>
      <c r="C30049" s="1" t="s">
        <v>95</v>
      </c>
      <c r="D30049" s="1" t="s">
        <v>39054</v>
      </c>
      <c r="E30049" s="1" t="s">
        <v>15453</v>
      </c>
      <c r="F30049" s="1" t="s">
        <v>60169</v>
      </c>
      <c r="G30049" s="1" t="s">
        <v>105236</v>
      </c>
      <c r="H30049" s="1" t="s">
        <v>105237</v>
      </c>
      <c r="I30049" s="1" t="s">
        <v>105238</v>
      </c>
      <c r="J30049" s="1" t="s">
        <v>105289</v>
      </c>
    </row>
    <row r="30050" spans="1:10" x14ac:dyDescent="0.35">
      <c r="A30050" s="1" t="s">
        <v>25214</v>
      </c>
      <c r="B30050" s="1" t="s">
        <v>105234</v>
      </c>
      <c r="C30050" s="1" t="s">
        <v>100</v>
      </c>
      <c r="D30050" s="1" t="s">
        <v>105290</v>
      </c>
      <c r="E30050" s="1" t="s">
        <v>105291</v>
      </c>
      <c r="F30050" s="1" t="s">
        <v>56155</v>
      </c>
      <c r="G30050" s="1" t="s">
        <v>105236</v>
      </c>
      <c r="H30050" s="1" t="s">
        <v>105237</v>
      </c>
      <c r="I30050" s="1" t="s">
        <v>105238</v>
      </c>
      <c r="J30050" s="1" t="s">
        <v>105292</v>
      </c>
    </row>
    <row r="30051" spans="1:10" x14ac:dyDescent="0.35">
      <c r="A30051" s="1" t="s">
        <v>25214</v>
      </c>
      <c r="B30051" s="1" t="s">
        <v>105234</v>
      </c>
      <c r="C30051" s="1" t="s">
        <v>105</v>
      </c>
      <c r="D30051" s="1" t="s">
        <v>78271</v>
      </c>
      <c r="E30051" s="1" t="s">
        <v>105293</v>
      </c>
      <c r="F30051" s="1" t="s">
        <v>105294</v>
      </c>
      <c r="G30051" s="1" t="s">
        <v>105236</v>
      </c>
      <c r="H30051" s="1" t="s">
        <v>105237</v>
      </c>
      <c r="I30051" s="1" t="s">
        <v>105238</v>
      </c>
      <c r="J30051" s="1" t="s">
        <v>105295</v>
      </c>
    </row>
    <row r="30052" spans="1:10" x14ac:dyDescent="0.35">
      <c r="A30052" s="1" t="s">
        <v>25214</v>
      </c>
      <c r="B30052" s="1" t="s">
        <v>105234</v>
      </c>
      <c r="C30052" s="1" t="s">
        <v>110</v>
      </c>
      <c r="D30052" s="1" t="s">
        <v>105296</v>
      </c>
      <c r="E30052" s="1" t="s">
        <v>105297</v>
      </c>
      <c r="F30052" s="1" t="s">
        <v>105298</v>
      </c>
      <c r="G30052" s="1" t="s">
        <v>105236</v>
      </c>
      <c r="H30052" s="1" t="s">
        <v>105237</v>
      </c>
      <c r="I30052" s="1" t="s">
        <v>105238</v>
      </c>
      <c r="J30052" s="1" t="s">
        <v>105299</v>
      </c>
    </row>
    <row r="30053" spans="1:10" x14ac:dyDescent="0.35">
      <c r="A30053" s="1" t="s">
        <v>25214</v>
      </c>
      <c r="B30053" s="1" t="s">
        <v>105234</v>
      </c>
      <c r="C30053" s="1" t="s">
        <v>115</v>
      </c>
      <c r="D30053" s="1" t="s">
        <v>105300</v>
      </c>
      <c r="E30053" s="1" t="s">
        <v>105301</v>
      </c>
      <c r="F30053" s="1" t="s">
        <v>105302</v>
      </c>
      <c r="G30053" s="1" t="s">
        <v>105236</v>
      </c>
      <c r="H30053" s="1" t="s">
        <v>105237</v>
      </c>
      <c r="I30053" s="1" t="s">
        <v>105238</v>
      </c>
      <c r="J30053" s="1" t="s">
        <v>105303</v>
      </c>
    </row>
    <row r="30054" spans="1:10" x14ac:dyDescent="0.35">
      <c r="A30054" s="1" t="s">
        <v>25214</v>
      </c>
      <c r="B30054" s="1" t="s">
        <v>105234</v>
      </c>
      <c r="C30054" s="1" t="s">
        <v>120</v>
      </c>
      <c r="D30054" s="1" t="s">
        <v>105304</v>
      </c>
      <c r="E30054" s="1" t="s">
        <v>105305</v>
      </c>
      <c r="F30054" s="1" t="s">
        <v>57681</v>
      </c>
      <c r="G30054" s="1" t="s">
        <v>105236</v>
      </c>
      <c r="H30054" s="1" t="s">
        <v>105237</v>
      </c>
      <c r="I30054" s="1" t="s">
        <v>105238</v>
      </c>
      <c r="J30054" s="1" t="s">
        <v>105306</v>
      </c>
    </row>
    <row r="30055" spans="1:10" x14ac:dyDescent="0.35">
      <c r="A30055" s="1" t="s">
        <v>25214</v>
      </c>
      <c r="B30055" s="1" t="s">
        <v>105234</v>
      </c>
      <c r="C30055" s="1" t="s">
        <v>125</v>
      </c>
      <c r="D30055" s="1" t="s">
        <v>105307</v>
      </c>
      <c r="E30055" s="1" t="s">
        <v>105308</v>
      </c>
      <c r="F30055" s="1" t="s">
        <v>105309</v>
      </c>
      <c r="G30055" s="1" t="s">
        <v>105236</v>
      </c>
      <c r="H30055" s="1" t="s">
        <v>105237</v>
      </c>
      <c r="I30055" s="1" t="s">
        <v>105238</v>
      </c>
      <c r="J30055" s="1" t="s">
        <v>105310</v>
      </c>
    </row>
    <row r="30056" spans="1:10" x14ac:dyDescent="0.35">
      <c r="A30056" s="1" t="s">
        <v>25214</v>
      </c>
      <c r="B30056" s="1" t="s">
        <v>105234</v>
      </c>
      <c r="C30056" s="1" t="s">
        <v>130</v>
      </c>
      <c r="D30056" s="1" t="s">
        <v>105311</v>
      </c>
      <c r="E30056" s="1" t="s">
        <v>48089</v>
      </c>
      <c r="F30056" s="1" t="s">
        <v>105312</v>
      </c>
      <c r="G30056" s="1" t="s">
        <v>105236</v>
      </c>
      <c r="H30056" s="1" t="s">
        <v>105237</v>
      </c>
      <c r="I30056" s="1" t="s">
        <v>105238</v>
      </c>
      <c r="J30056" s="1" t="s">
        <v>105313</v>
      </c>
    </row>
    <row r="30057" spans="1:10" x14ac:dyDescent="0.35">
      <c r="A30057" s="1" t="s">
        <v>25214</v>
      </c>
      <c r="B30057" s="1" t="s">
        <v>105234</v>
      </c>
      <c r="C30057" s="1" t="s">
        <v>135</v>
      </c>
      <c r="D30057" s="1" t="s">
        <v>12635</v>
      </c>
      <c r="E30057" s="1" t="s">
        <v>105314</v>
      </c>
      <c r="F30057" s="1" t="s">
        <v>63786</v>
      </c>
      <c r="G30057" s="1" t="s">
        <v>105236</v>
      </c>
      <c r="H30057" s="1" t="s">
        <v>105237</v>
      </c>
      <c r="I30057" s="1" t="s">
        <v>105238</v>
      </c>
      <c r="J30057" s="1" t="s">
        <v>105315</v>
      </c>
    </row>
    <row r="30058" spans="1:10" x14ac:dyDescent="0.35">
      <c r="A30058" s="1" t="s">
        <v>25214</v>
      </c>
      <c r="B30058" s="1" t="s">
        <v>105234</v>
      </c>
      <c r="C30058" s="1" t="s">
        <v>140</v>
      </c>
      <c r="D30058" s="1" t="s">
        <v>105316</v>
      </c>
      <c r="E30058" s="1" t="s">
        <v>105317</v>
      </c>
      <c r="F30058" s="1" t="s">
        <v>105318</v>
      </c>
      <c r="G30058" s="1" t="s">
        <v>105236</v>
      </c>
      <c r="H30058" s="1" t="s">
        <v>105237</v>
      </c>
      <c r="I30058" s="1" t="s">
        <v>105238</v>
      </c>
      <c r="J30058" s="1" t="s">
        <v>105319</v>
      </c>
    </row>
    <row r="30059" spans="1:10" x14ac:dyDescent="0.35">
      <c r="A30059" s="1" t="s">
        <v>25214</v>
      </c>
      <c r="B30059" s="1" t="s">
        <v>105234</v>
      </c>
      <c r="C30059" s="1" t="s">
        <v>145</v>
      </c>
      <c r="D30059" s="1" t="s">
        <v>105320</v>
      </c>
      <c r="E30059" s="1" t="s">
        <v>105321</v>
      </c>
      <c r="F30059" s="1" t="s">
        <v>105322</v>
      </c>
      <c r="G30059" s="1" t="s">
        <v>105236</v>
      </c>
      <c r="H30059" s="1" t="s">
        <v>105237</v>
      </c>
      <c r="I30059" s="1" t="s">
        <v>105238</v>
      </c>
      <c r="J30059" s="1" t="s">
        <v>105323</v>
      </c>
    </row>
    <row r="30060" spans="1:10" x14ac:dyDescent="0.35">
      <c r="A30060" s="1" t="s">
        <v>25214</v>
      </c>
      <c r="B30060" s="1" t="s">
        <v>105234</v>
      </c>
      <c r="C30060" s="1" t="s">
        <v>150</v>
      </c>
      <c r="D30060" s="1" t="s">
        <v>105324</v>
      </c>
      <c r="E30060" s="1" t="s">
        <v>105325</v>
      </c>
      <c r="F30060" s="1" t="s">
        <v>105326</v>
      </c>
      <c r="G30060" s="1" t="s">
        <v>105236</v>
      </c>
      <c r="H30060" s="1" t="s">
        <v>105237</v>
      </c>
      <c r="I30060" s="1" t="s">
        <v>105238</v>
      </c>
      <c r="J30060" s="1" t="s">
        <v>105327</v>
      </c>
    </row>
    <row r="30061" spans="1:10" x14ac:dyDescent="0.35">
      <c r="A30061" s="1" t="s">
        <v>25214</v>
      </c>
      <c r="B30061" s="1" t="s">
        <v>105234</v>
      </c>
      <c r="C30061" s="1" t="s">
        <v>155</v>
      </c>
      <c r="D30061" s="1" t="s">
        <v>105328</v>
      </c>
      <c r="E30061" s="1" t="s">
        <v>15544</v>
      </c>
      <c r="F30061" s="1" t="s">
        <v>56225</v>
      </c>
      <c r="G30061" s="1" t="s">
        <v>105236</v>
      </c>
      <c r="H30061" s="1" t="s">
        <v>105237</v>
      </c>
      <c r="I30061" s="1" t="s">
        <v>105238</v>
      </c>
      <c r="J30061" s="1" t="s">
        <v>105329</v>
      </c>
    </row>
    <row r="30062" spans="1:10" x14ac:dyDescent="0.35">
      <c r="A30062" s="1" t="s">
        <v>25214</v>
      </c>
      <c r="B30062" s="1" t="s">
        <v>105234</v>
      </c>
      <c r="C30062" s="1" t="s">
        <v>160</v>
      </c>
      <c r="D30062" s="1" t="s">
        <v>68725</v>
      </c>
      <c r="E30062" s="1" t="s">
        <v>49733</v>
      </c>
      <c r="F30062" s="1" t="s">
        <v>105330</v>
      </c>
      <c r="G30062" s="1" t="s">
        <v>105236</v>
      </c>
      <c r="H30062" s="1" t="s">
        <v>105237</v>
      </c>
      <c r="I30062" s="1" t="s">
        <v>105238</v>
      </c>
      <c r="J30062" s="1" t="s">
        <v>105331</v>
      </c>
    </row>
    <row r="30063" spans="1:10" x14ac:dyDescent="0.35">
      <c r="A30063" s="1" t="s">
        <v>25214</v>
      </c>
      <c r="B30063" s="1" t="s">
        <v>105234</v>
      </c>
      <c r="C30063" s="1" t="s">
        <v>165</v>
      </c>
      <c r="D30063" s="1" t="s">
        <v>105332</v>
      </c>
      <c r="E30063" s="1" t="s">
        <v>105333</v>
      </c>
      <c r="F30063" s="1" t="s">
        <v>105334</v>
      </c>
      <c r="G30063" s="1" t="s">
        <v>105236</v>
      </c>
      <c r="H30063" s="1" t="s">
        <v>105237</v>
      </c>
      <c r="I30063" s="1" t="s">
        <v>105238</v>
      </c>
      <c r="J30063" s="1" t="s">
        <v>105335</v>
      </c>
    </row>
    <row r="30064" spans="1:10" x14ac:dyDescent="0.35">
      <c r="A30064" s="1" t="s">
        <v>25214</v>
      </c>
      <c r="B30064" s="1" t="s">
        <v>105234</v>
      </c>
      <c r="C30064" s="1" t="s">
        <v>170</v>
      </c>
      <c r="D30064" s="1" t="s">
        <v>105336</v>
      </c>
      <c r="E30064" s="1" t="s">
        <v>105337</v>
      </c>
      <c r="F30064" s="1" t="s">
        <v>105338</v>
      </c>
      <c r="G30064" s="1" t="s">
        <v>105236</v>
      </c>
      <c r="H30064" s="1" t="s">
        <v>105237</v>
      </c>
      <c r="I30064" s="1" t="s">
        <v>105238</v>
      </c>
      <c r="J30064" s="1" t="s">
        <v>105339</v>
      </c>
    </row>
    <row r="30065" spans="1:10" x14ac:dyDescent="0.35">
      <c r="A30065" s="1" t="s">
        <v>7017</v>
      </c>
      <c r="B30065" s="1" t="s">
        <v>105234</v>
      </c>
      <c r="C30065" s="1" t="s">
        <v>8</v>
      </c>
      <c r="D30065" s="1" t="s">
        <v>105340</v>
      </c>
      <c r="E30065" s="1" t="s">
        <v>105341</v>
      </c>
      <c r="F30065" s="1" t="s">
        <v>57257</v>
      </c>
      <c r="G30065" s="1" t="s">
        <v>105342</v>
      </c>
      <c r="H30065" s="1" t="s">
        <v>105343</v>
      </c>
      <c r="I30065" s="1" t="s">
        <v>105238</v>
      </c>
      <c r="J30065" s="1" t="s">
        <v>13</v>
      </c>
    </row>
    <row r="30066" spans="1:10" x14ac:dyDescent="0.35">
      <c r="A30066" s="1" t="s">
        <v>7017</v>
      </c>
      <c r="B30066" s="1" t="s">
        <v>105234</v>
      </c>
      <c r="C30066" s="1" t="s">
        <v>15</v>
      </c>
      <c r="D30066" s="1" t="s">
        <v>105344</v>
      </c>
      <c r="E30066" s="1" t="s">
        <v>105345</v>
      </c>
      <c r="F30066" s="1" t="s">
        <v>55993</v>
      </c>
      <c r="G30066" s="1" t="s">
        <v>105342</v>
      </c>
      <c r="H30066" s="1" t="s">
        <v>105343</v>
      </c>
      <c r="I30066" s="1" t="s">
        <v>105238</v>
      </c>
      <c r="J30066" s="1" t="s">
        <v>105346</v>
      </c>
    </row>
    <row r="30067" spans="1:10" x14ac:dyDescent="0.35">
      <c r="A30067" s="1" t="s">
        <v>7017</v>
      </c>
      <c r="B30067" s="1" t="s">
        <v>105234</v>
      </c>
      <c r="C30067" s="1" t="s">
        <v>20</v>
      </c>
      <c r="D30067" s="1" t="s">
        <v>105347</v>
      </c>
      <c r="E30067" s="1" t="s">
        <v>16039</v>
      </c>
      <c r="F30067" s="1" t="s">
        <v>105348</v>
      </c>
      <c r="G30067" s="1" t="s">
        <v>105342</v>
      </c>
      <c r="H30067" s="1" t="s">
        <v>105343</v>
      </c>
      <c r="I30067" s="1" t="s">
        <v>105238</v>
      </c>
      <c r="J30067" s="1" t="s">
        <v>105349</v>
      </c>
    </row>
    <row r="30068" spans="1:10" x14ac:dyDescent="0.35">
      <c r="A30068" s="1" t="s">
        <v>7017</v>
      </c>
      <c r="B30068" s="1" t="s">
        <v>105234</v>
      </c>
      <c r="C30068" s="1" t="s">
        <v>25</v>
      </c>
      <c r="D30068" s="1" t="s">
        <v>105350</v>
      </c>
      <c r="E30068" s="1" t="s">
        <v>105351</v>
      </c>
      <c r="F30068" s="1" t="s">
        <v>105352</v>
      </c>
      <c r="G30068" s="1" t="s">
        <v>105342</v>
      </c>
      <c r="H30068" s="1" t="s">
        <v>105343</v>
      </c>
      <c r="I30068" s="1" t="s">
        <v>105238</v>
      </c>
      <c r="J30068" s="1" t="s">
        <v>105353</v>
      </c>
    </row>
    <row r="30069" spans="1:10" x14ac:dyDescent="0.35">
      <c r="A30069" s="1" t="s">
        <v>7017</v>
      </c>
      <c r="B30069" s="1" t="s">
        <v>105234</v>
      </c>
      <c r="C30069" s="1" t="s">
        <v>30</v>
      </c>
      <c r="D30069" s="1" t="s">
        <v>38653</v>
      </c>
      <c r="E30069" s="1" t="s">
        <v>105354</v>
      </c>
      <c r="F30069" s="1" t="s">
        <v>105355</v>
      </c>
      <c r="G30069" s="1" t="s">
        <v>105342</v>
      </c>
      <c r="H30069" s="1" t="s">
        <v>105343</v>
      </c>
      <c r="I30069" s="1" t="s">
        <v>105238</v>
      </c>
      <c r="J30069" s="1" t="s">
        <v>105356</v>
      </c>
    </row>
    <row r="30070" spans="1:10" x14ac:dyDescent="0.35">
      <c r="A30070" s="1" t="s">
        <v>7017</v>
      </c>
      <c r="B30070" s="1" t="s">
        <v>105234</v>
      </c>
      <c r="C30070" s="1" t="s">
        <v>35</v>
      </c>
      <c r="D30070" s="1" t="s">
        <v>50041</v>
      </c>
      <c r="E30070" s="1" t="s">
        <v>105357</v>
      </c>
      <c r="F30070" s="1" t="s">
        <v>105358</v>
      </c>
      <c r="G30070" s="1" t="s">
        <v>105342</v>
      </c>
      <c r="H30070" s="1" t="s">
        <v>105343</v>
      </c>
      <c r="I30070" s="1" t="s">
        <v>105238</v>
      </c>
      <c r="J30070" s="1" t="s">
        <v>105359</v>
      </c>
    </row>
    <row r="30071" spans="1:10" x14ac:dyDescent="0.35">
      <c r="A30071" s="1" t="s">
        <v>7017</v>
      </c>
      <c r="B30071" s="1" t="s">
        <v>105234</v>
      </c>
      <c r="C30071" s="1" t="s">
        <v>40</v>
      </c>
      <c r="D30071" s="1" t="s">
        <v>105360</v>
      </c>
      <c r="E30071" s="1" t="s">
        <v>105361</v>
      </c>
      <c r="F30071" s="1" t="s">
        <v>105362</v>
      </c>
      <c r="G30071" s="1" t="s">
        <v>105342</v>
      </c>
      <c r="H30071" s="1" t="s">
        <v>105343</v>
      </c>
      <c r="I30071" s="1" t="s">
        <v>105238</v>
      </c>
      <c r="J30071" s="1" t="s">
        <v>105363</v>
      </c>
    </row>
    <row r="30072" spans="1:10" x14ac:dyDescent="0.35">
      <c r="A30072" s="1" t="s">
        <v>7017</v>
      </c>
      <c r="B30072" s="1" t="s">
        <v>105234</v>
      </c>
      <c r="C30072" s="1" t="s">
        <v>45</v>
      </c>
      <c r="D30072" s="1" t="s">
        <v>50049</v>
      </c>
      <c r="E30072" s="1" t="s">
        <v>105364</v>
      </c>
      <c r="F30072" s="1" t="s">
        <v>59862</v>
      </c>
      <c r="G30072" s="1" t="s">
        <v>105342</v>
      </c>
      <c r="H30072" s="1" t="s">
        <v>105343</v>
      </c>
      <c r="I30072" s="1" t="s">
        <v>105238</v>
      </c>
      <c r="J30072" s="1" t="s">
        <v>105365</v>
      </c>
    </row>
    <row r="30073" spans="1:10" x14ac:dyDescent="0.35">
      <c r="A30073" s="1" t="s">
        <v>7017</v>
      </c>
      <c r="B30073" s="1" t="s">
        <v>105234</v>
      </c>
      <c r="C30073" s="1" t="s">
        <v>50</v>
      </c>
      <c r="D30073" s="1" t="s">
        <v>32719</v>
      </c>
      <c r="E30073" s="1" t="s">
        <v>105366</v>
      </c>
      <c r="F30073" s="1" t="s">
        <v>105367</v>
      </c>
      <c r="G30073" s="1" t="s">
        <v>105342</v>
      </c>
      <c r="H30073" s="1" t="s">
        <v>105343</v>
      </c>
      <c r="I30073" s="1" t="s">
        <v>105238</v>
      </c>
      <c r="J30073" s="1" t="s">
        <v>105368</v>
      </c>
    </row>
    <row r="30074" spans="1:10" x14ac:dyDescent="0.35">
      <c r="A30074" s="1" t="s">
        <v>7017</v>
      </c>
      <c r="B30074" s="1" t="s">
        <v>105234</v>
      </c>
      <c r="C30074" s="1" t="s">
        <v>55</v>
      </c>
      <c r="D30074" s="1" t="s">
        <v>52552</v>
      </c>
      <c r="E30074" s="1" t="s">
        <v>105369</v>
      </c>
      <c r="F30074" s="1" t="s">
        <v>27116</v>
      </c>
      <c r="G30074" s="1" t="s">
        <v>105342</v>
      </c>
      <c r="H30074" s="1" t="s">
        <v>105343</v>
      </c>
      <c r="I30074" s="1" t="s">
        <v>105238</v>
      </c>
      <c r="J30074" s="1" t="s">
        <v>105370</v>
      </c>
    </row>
    <row r="30075" spans="1:10" x14ac:dyDescent="0.35">
      <c r="A30075" s="1" t="s">
        <v>7017</v>
      </c>
      <c r="B30075" s="1" t="s">
        <v>105234</v>
      </c>
      <c r="C30075" s="1" t="s">
        <v>60</v>
      </c>
      <c r="D30075" s="1" t="s">
        <v>105371</v>
      </c>
      <c r="E30075" s="1" t="s">
        <v>15563</v>
      </c>
      <c r="F30075" s="1" t="s">
        <v>61207</v>
      </c>
      <c r="G30075" s="1" t="s">
        <v>105342</v>
      </c>
      <c r="H30075" s="1" t="s">
        <v>105343</v>
      </c>
      <c r="I30075" s="1" t="s">
        <v>105238</v>
      </c>
      <c r="J30075" s="1" t="s">
        <v>105372</v>
      </c>
    </row>
    <row r="30076" spans="1:10" x14ac:dyDescent="0.35">
      <c r="A30076" s="1" t="s">
        <v>7017</v>
      </c>
      <c r="B30076" s="1" t="s">
        <v>105234</v>
      </c>
      <c r="C30076" s="1" t="s">
        <v>65</v>
      </c>
      <c r="D30076" s="1" t="s">
        <v>99107</v>
      </c>
      <c r="E30076" s="1" t="s">
        <v>105325</v>
      </c>
      <c r="F30076" s="1" t="s">
        <v>68897</v>
      </c>
      <c r="G30076" s="1" t="s">
        <v>105342</v>
      </c>
      <c r="H30076" s="1" t="s">
        <v>105343</v>
      </c>
      <c r="I30076" s="1" t="s">
        <v>105238</v>
      </c>
      <c r="J30076" s="1" t="s">
        <v>105373</v>
      </c>
    </row>
    <row r="30077" spans="1:10" x14ac:dyDescent="0.35">
      <c r="A30077" s="1" t="s">
        <v>7017</v>
      </c>
      <c r="B30077" s="1" t="s">
        <v>105234</v>
      </c>
      <c r="C30077" s="1" t="s">
        <v>70</v>
      </c>
      <c r="D30077" s="1" t="s">
        <v>105374</v>
      </c>
      <c r="E30077" s="1" t="s">
        <v>105375</v>
      </c>
      <c r="F30077" s="1" t="s">
        <v>12861</v>
      </c>
      <c r="G30077" s="1" t="s">
        <v>105342</v>
      </c>
      <c r="H30077" s="1" t="s">
        <v>105343</v>
      </c>
      <c r="I30077" s="1" t="s">
        <v>105238</v>
      </c>
      <c r="J30077" s="1" t="s">
        <v>105376</v>
      </c>
    </row>
    <row r="30078" spans="1:10" x14ac:dyDescent="0.35">
      <c r="A30078" s="1" t="s">
        <v>7017</v>
      </c>
      <c r="B30078" s="1" t="s">
        <v>105234</v>
      </c>
      <c r="C30078" s="1" t="s">
        <v>75</v>
      </c>
      <c r="D30078" s="1" t="s">
        <v>50862</v>
      </c>
      <c r="E30078" s="1" t="s">
        <v>105377</v>
      </c>
      <c r="F30078" s="1" t="s">
        <v>105378</v>
      </c>
      <c r="G30078" s="1" t="s">
        <v>105342</v>
      </c>
      <c r="H30078" s="1" t="s">
        <v>105343</v>
      </c>
      <c r="I30078" s="1" t="s">
        <v>105238</v>
      </c>
      <c r="J30078" s="1" t="s">
        <v>105379</v>
      </c>
    </row>
    <row r="30079" spans="1:10" x14ac:dyDescent="0.35">
      <c r="A30079" s="1" t="s">
        <v>7017</v>
      </c>
      <c r="B30079" s="1" t="s">
        <v>105234</v>
      </c>
      <c r="C30079" s="1" t="s">
        <v>80</v>
      </c>
      <c r="D30079" s="1" t="s">
        <v>105380</v>
      </c>
      <c r="E30079" s="1" t="s">
        <v>105381</v>
      </c>
      <c r="F30079" s="1" t="s">
        <v>105382</v>
      </c>
      <c r="G30079" s="1" t="s">
        <v>105342</v>
      </c>
      <c r="H30079" s="1" t="s">
        <v>105343</v>
      </c>
      <c r="I30079" s="1" t="s">
        <v>105238</v>
      </c>
      <c r="J30079" s="1" t="s">
        <v>105383</v>
      </c>
    </row>
    <row r="30080" spans="1:10" x14ac:dyDescent="0.35">
      <c r="A30080" s="1" t="s">
        <v>7017</v>
      </c>
      <c r="B30080" s="1" t="s">
        <v>105234</v>
      </c>
      <c r="C30080" s="1" t="s">
        <v>85</v>
      </c>
      <c r="D30080" s="1" t="s">
        <v>78056</v>
      </c>
      <c r="E30080" s="1" t="s">
        <v>105384</v>
      </c>
      <c r="F30080" s="1" t="s">
        <v>105385</v>
      </c>
      <c r="G30080" s="1" t="s">
        <v>105342</v>
      </c>
      <c r="H30080" s="1" t="s">
        <v>105343</v>
      </c>
      <c r="I30080" s="1" t="s">
        <v>105238</v>
      </c>
      <c r="J30080" s="1" t="s">
        <v>105386</v>
      </c>
    </row>
    <row r="30081" spans="1:10" x14ac:dyDescent="0.35">
      <c r="A30081" s="1" t="s">
        <v>7017</v>
      </c>
      <c r="B30081" s="1" t="s">
        <v>105234</v>
      </c>
      <c r="C30081" s="1" t="s">
        <v>90</v>
      </c>
      <c r="D30081" s="1" t="s">
        <v>69536</v>
      </c>
      <c r="E30081" s="1" t="s">
        <v>105387</v>
      </c>
      <c r="F30081" s="1" t="s">
        <v>105388</v>
      </c>
      <c r="G30081" s="1" t="s">
        <v>105342</v>
      </c>
      <c r="H30081" s="1" t="s">
        <v>105343</v>
      </c>
      <c r="I30081" s="1" t="s">
        <v>105238</v>
      </c>
      <c r="J30081" s="1" t="s">
        <v>105389</v>
      </c>
    </row>
    <row r="30082" spans="1:10" x14ac:dyDescent="0.35">
      <c r="A30082" s="1" t="s">
        <v>7017</v>
      </c>
      <c r="B30082" s="1" t="s">
        <v>105234</v>
      </c>
      <c r="C30082" s="1" t="s">
        <v>95</v>
      </c>
      <c r="D30082" s="1" t="s">
        <v>105390</v>
      </c>
      <c r="E30082" s="1" t="s">
        <v>105391</v>
      </c>
      <c r="F30082" s="1" t="s">
        <v>105392</v>
      </c>
      <c r="G30082" s="1" t="s">
        <v>105342</v>
      </c>
      <c r="H30082" s="1" t="s">
        <v>105343</v>
      </c>
      <c r="I30082" s="1" t="s">
        <v>105238</v>
      </c>
      <c r="J30082" s="1" t="s">
        <v>105393</v>
      </c>
    </row>
    <row r="30083" spans="1:10" x14ac:dyDescent="0.35">
      <c r="A30083" s="1" t="s">
        <v>7017</v>
      </c>
      <c r="B30083" s="1" t="s">
        <v>105234</v>
      </c>
      <c r="C30083" s="1" t="s">
        <v>100</v>
      </c>
      <c r="D30083" s="1" t="s">
        <v>58998</v>
      </c>
      <c r="E30083" s="1" t="s">
        <v>105394</v>
      </c>
      <c r="F30083" s="1" t="s">
        <v>105395</v>
      </c>
      <c r="G30083" s="1" t="s">
        <v>105342</v>
      </c>
      <c r="H30083" s="1" t="s">
        <v>105343</v>
      </c>
      <c r="I30083" s="1" t="s">
        <v>105238</v>
      </c>
      <c r="J30083" s="1" t="s">
        <v>105396</v>
      </c>
    </row>
    <row r="30084" spans="1:10" x14ac:dyDescent="0.35">
      <c r="A30084" s="1" t="s">
        <v>7017</v>
      </c>
      <c r="B30084" s="1" t="s">
        <v>105234</v>
      </c>
      <c r="C30084" s="1" t="s">
        <v>105</v>
      </c>
      <c r="D30084" s="1" t="s">
        <v>105397</v>
      </c>
      <c r="E30084" s="1" t="s">
        <v>105398</v>
      </c>
      <c r="F30084" s="1" t="s">
        <v>105399</v>
      </c>
      <c r="G30084" s="1" t="s">
        <v>105342</v>
      </c>
      <c r="H30084" s="1" t="s">
        <v>105343</v>
      </c>
      <c r="I30084" s="1" t="s">
        <v>105238</v>
      </c>
      <c r="J30084" s="1" t="s">
        <v>105400</v>
      </c>
    </row>
    <row r="30085" spans="1:10" x14ac:dyDescent="0.35">
      <c r="A30085" s="1" t="s">
        <v>7017</v>
      </c>
      <c r="B30085" s="1" t="s">
        <v>105234</v>
      </c>
      <c r="C30085" s="1" t="s">
        <v>110</v>
      </c>
      <c r="D30085" s="1" t="s">
        <v>105401</v>
      </c>
      <c r="E30085" s="1" t="s">
        <v>105402</v>
      </c>
      <c r="F30085" s="1" t="s">
        <v>16122</v>
      </c>
      <c r="G30085" s="1" t="s">
        <v>105342</v>
      </c>
      <c r="H30085" s="1" t="s">
        <v>105343</v>
      </c>
      <c r="I30085" s="1" t="s">
        <v>105238</v>
      </c>
      <c r="J30085" s="1" t="s">
        <v>105403</v>
      </c>
    </row>
    <row r="30086" spans="1:10" x14ac:dyDescent="0.35">
      <c r="A30086" s="1" t="s">
        <v>7017</v>
      </c>
      <c r="B30086" s="1" t="s">
        <v>105234</v>
      </c>
      <c r="C30086" s="1" t="s">
        <v>115</v>
      </c>
      <c r="D30086" s="1" t="s">
        <v>105404</v>
      </c>
      <c r="E30086" s="1" t="s">
        <v>105405</v>
      </c>
      <c r="F30086" s="1" t="s">
        <v>31438</v>
      </c>
      <c r="G30086" s="1" t="s">
        <v>105342</v>
      </c>
      <c r="H30086" s="1" t="s">
        <v>105343</v>
      </c>
      <c r="I30086" s="1" t="s">
        <v>105238</v>
      </c>
      <c r="J30086" s="1" t="s">
        <v>105406</v>
      </c>
    </row>
    <row r="30087" spans="1:10" x14ac:dyDescent="0.35">
      <c r="A30087" s="1" t="s">
        <v>7017</v>
      </c>
      <c r="B30087" s="1" t="s">
        <v>105234</v>
      </c>
      <c r="C30087" s="1" t="s">
        <v>120</v>
      </c>
      <c r="D30087" s="1" t="s">
        <v>105407</v>
      </c>
      <c r="E30087" s="1" t="s">
        <v>105408</v>
      </c>
      <c r="F30087" s="1" t="s">
        <v>20011</v>
      </c>
      <c r="G30087" s="1" t="s">
        <v>105342</v>
      </c>
      <c r="H30087" s="1" t="s">
        <v>105343</v>
      </c>
      <c r="I30087" s="1" t="s">
        <v>105238</v>
      </c>
      <c r="J30087" s="1" t="s">
        <v>105409</v>
      </c>
    </row>
    <row r="30088" spans="1:10" x14ac:dyDescent="0.35">
      <c r="A30088" s="1" t="s">
        <v>7017</v>
      </c>
      <c r="B30088" s="1" t="s">
        <v>105234</v>
      </c>
      <c r="C30088" s="1" t="s">
        <v>125</v>
      </c>
      <c r="D30088" s="1" t="s">
        <v>105410</v>
      </c>
      <c r="E30088" s="1" t="s">
        <v>105411</v>
      </c>
      <c r="F30088" s="1" t="s">
        <v>105412</v>
      </c>
      <c r="G30088" s="1" t="s">
        <v>105342</v>
      </c>
      <c r="H30088" s="1" t="s">
        <v>105343</v>
      </c>
      <c r="I30088" s="1" t="s">
        <v>105238</v>
      </c>
      <c r="J30088" s="1" t="s">
        <v>105413</v>
      </c>
    </row>
    <row r="30089" spans="1:10" x14ac:dyDescent="0.35">
      <c r="A30089" s="1" t="s">
        <v>7017</v>
      </c>
      <c r="B30089" s="1" t="s">
        <v>105234</v>
      </c>
      <c r="C30089" s="1" t="s">
        <v>130</v>
      </c>
      <c r="D30089" s="1" t="s">
        <v>105414</v>
      </c>
      <c r="E30089" s="1" t="s">
        <v>105415</v>
      </c>
      <c r="F30089" s="1" t="s">
        <v>12802</v>
      </c>
      <c r="G30089" s="1" t="s">
        <v>105342</v>
      </c>
      <c r="H30089" s="1" t="s">
        <v>105343</v>
      </c>
      <c r="I30089" s="1" t="s">
        <v>105238</v>
      </c>
      <c r="J30089" s="1" t="s">
        <v>105416</v>
      </c>
    </row>
    <row r="30090" spans="1:10" x14ac:dyDescent="0.35">
      <c r="A30090" s="1" t="s">
        <v>7017</v>
      </c>
      <c r="B30090" s="1" t="s">
        <v>105234</v>
      </c>
      <c r="C30090" s="1" t="s">
        <v>135</v>
      </c>
      <c r="D30090" s="1" t="s">
        <v>105417</v>
      </c>
      <c r="E30090" s="1" t="s">
        <v>105325</v>
      </c>
      <c r="F30090" s="1" t="s">
        <v>105418</v>
      </c>
      <c r="G30090" s="1" t="s">
        <v>105342</v>
      </c>
      <c r="H30090" s="1" t="s">
        <v>105343</v>
      </c>
      <c r="I30090" s="1" t="s">
        <v>105238</v>
      </c>
      <c r="J30090" s="1" t="s">
        <v>105419</v>
      </c>
    </row>
    <row r="30091" spans="1:10" x14ac:dyDescent="0.35">
      <c r="A30091" s="1" t="s">
        <v>7017</v>
      </c>
      <c r="B30091" s="1" t="s">
        <v>105234</v>
      </c>
      <c r="C30091" s="1" t="s">
        <v>140</v>
      </c>
      <c r="D30091" s="1" t="s">
        <v>105420</v>
      </c>
      <c r="E30091" s="1" t="s">
        <v>105421</v>
      </c>
      <c r="F30091" s="1" t="s">
        <v>65374</v>
      </c>
      <c r="G30091" s="1" t="s">
        <v>105342</v>
      </c>
      <c r="H30091" s="1" t="s">
        <v>105343</v>
      </c>
      <c r="I30091" s="1" t="s">
        <v>105238</v>
      </c>
      <c r="J30091" s="1" t="s">
        <v>105422</v>
      </c>
    </row>
    <row r="30092" spans="1:10" x14ac:dyDescent="0.35">
      <c r="A30092" s="1" t="s">
        <v>7017</v>
      </c>
      <c r="B30092" s="1" t="s">
        <v>105234</v>
      </c>
      <c r="C30092" s="1" t="s">
        <v>145</v>
      </c>
      <c r="D30092" s="1" t="s">
        <v>105423</v>
      </c>
      <c r="E30092" s="1" t="s">
        <v>105424</v>
      </c>
      <c r="F30092" s="1" t="s">
        <v>105425</v>
      </c>
      <c r="G30092" s="1" t="s">
        <v>105342</v>
      </c>
      <c r="H30092" s="1" t="s">
        <v>105343</v>
      </c>
      <c r="I30092" s="1" t="s">
        <v>105238</v>
      </c>
      <c r="J30092" s="1" t="s">
        <v>105426</v>
      </c>
    </row>
    <row r="30093" spans="1:10" x14ac:dyDescent="0.35">
      <c r="A30093" s="1" t="s">
        <v>7017</v>
      </c>
      <c r="B30093" s="1" t="s">
        <v>105234</v>
      </c>
      <c r="C30093" s="1" t="s">
        <v>150</v>
      </c>
      <c r="D30093" s="1" t="s">
        <v>105427</v>
      </c>
      <c r="E30093" s="1" t="s">
        <v>105428</v>
      </c>
      <c r="F30093" s="1" t="s">
        <v>105429</v>
      </c>
      <c r="G30093" s="1" t="s">
        <v>105342</v>
      </c>
      <c r="H30093" s="1" t="s">
        <v>105343</v>
      </c>
      <c r="I30093" s="1" t="s">
        <v>105238</v>
      </c>
      <c r="J30093" s="1" t="s">
        <v>105430</v>
      </c>
    </row>
    <row r="30094" spans="1:10" x14ac:dyDescent="0.35">
      <c r="A30094" s="1" t="s">
        <v>7017</v>
      </c>
      <c r="B30094" s="1" t="s">
        <v>105234</v>
      </c>
      <c r="C30094" s="1" t="s">
        <v>155</v>
      </c>
      <c r="D30094" s="1" t="s">
        <v>105431</v>
      </c>
      <c r="E30094" s="1" t="s">
        <v>81174</v>
      </c>
      <c r="F30094" s="1" t="s">
        <v>105432</v>
      </c>
      <c r="G30094" s="1" t="s">
        <v>105342</v>
      </c>
      <c r="H30094" s="1" t="s">
        <v>105343</v>
      </c>
      <c r="I30094" s="1" t="s">
        <v>105238</v>
      </c>
      <c r="J30094" s="1" t="s">
        <v>105433</v>
      </c>
    </row>
    <row r="30095" spans="1:10" x14ac:dyDescent="0.35">
      <c r="A30095" s="1" t="s">
        <v>7017</v>
      </c>
      <c r="B30095" s="1" t="s">
        <v>105234</v>
      </c>
      <c r="C30095" s="1" t="s">
        <v>160</v>
      </c>
      <c r="D30095" s="1" t="s">
        <v>105434</v>
      </c>
      <c r="E30095" s="1" t="s">
        <v>105435</v>
      </c>
      <c r="F30095" s="1" t="s">
        <v>105436</v>
      </c>
      <c r="G30095" s="1" t="s">
        <v>105342</v>
      </c>
      <c r="H30095" s="1" t="s">
        <v>105343</v>
      </c>
      <c r="I30095" s="1" t="s">
        <v>105238</v>
      </c>
      <c r="J30095" s="1" t="s">
        <v>105437</v>
      </c>
    </row>
    <row r="30096" spans="1:10" x14ac:dyDescent="0.35">
      <c r="A30096" s="1" t="s">
        <v>7017</v>
      </c>
      <c r="B30096" s="1" t="s">
        <v>105234</v>
      </c>
      <c r="C30096" s="1" t="s">
        <v>165</v>
      </c>
      <c r="D30096" s="1" t="s">
        <v>105438</v>
      </c>
      <c r="E30096" s="1" t="s">
        <v>105439</v>
      </c>
      <c r="F30096" s="1" t="s">
        <v>61414</v>
      </c>
      <c r="G30096" s="1" t="s">
        <v>105342</v>
      </c>
      <c r="H30096" s="1" t="s">
        <v>105343</v>
      </c>
      <c r="I30096" s="1" t="s">
        <v>105238</v>
      </c>
      <c r="J30096" s="1" t="s">
        <v>105440</v>
      </c>
    </row>
    <row r="30097" spans="1:10" x14ac:dyDescent="0.35">
      <c r="A30097" s="1" t="s">
        <v>7017</v>
      </c>
      <c r="B30097" s="1" t="s">
        <v>105234</v>
      </c>
      <c r="C30097" s="1" t="s">
        <v>170</v>
      </c>
      <c r="D30097" s="1" t="s">
        <v>105441</v>
      </c>
      <c r="E30097" s="1" t="s">
        <v>78835</v>
      </c>
      <c r="F30097" s="1" t="s">
        <v>68327</v>
      </c>
      <c r="G30097" s="1" t="s">
        <v>105342</v>
      </c>
      <c r="H30097" s="1" t="s">
        <v>105343</v>
      </c>
      <c r="I30097" s="1" t="s">
        <v>105238</v>
      </c>
      <c r="J30097" s="1" t="s">
        <v>105442</v>
      </c>
    </row>
    <row r="30098" spans="1:10" x14ac:dyDescent="0.35">
      <c r="A30098" s="1" t="s">
        <v>105443</v>
      </c>
      <c r="B30098" s="1" t="s">
        <v>105234</v>
      </c>
      <c r="C30098" s="1" t="s">
        <v>8</v>
      </c>
      <c r="D30098" s="1" t="s">
        <v>91240</v>
      </c>
      <c r="E30098" s="1" t="s">
        <v>105444</v>
      </c>
      <c r="F30098" s="1" t="s">
        <v>105445</v>
      </c>
      <c r="G30098" s="1" t="s">
        <v>105446</v>
      </c>
      <c r="H30098" s="1" t="s">
        <v>105447</v>
      </c>
      <c r="I30098" s="1" t="s">
        <v>105238</v>
      </c>
      <c r="J30098" s="1" t="s">
        <v>13</v>
      </c>
    </row>
    <row r="30099" spans="1:10" x14ac:dyDescent="0.35">
      <c r="A30099" s="1" t="s">
        <v>105443</v>
      </c>
      <c r="B30099" s="1" t="s">
        <v>105234</v>
      </c>
      <c r="C30099" s="1" t="s">
        <v>15</v>
      </c>
      <c r="D30099" s="1" t="s">
        <v>105448</v>
      </c>
      <c r="E30099" s="1" t="s">
        <v>105449</v>
      </c>
      <c r="F30099" s="1" t="s">
        <v>105450</v>
      </c>
      <c r="G30099" s="1" t="s">
        <v>105446</v>
      </c>
      <c r="H30099" s="1" t="s">
        <v>105447</v>
      </c>
      <c r="I30099" s="1" t="s">
        <v>105238</v>
      </c>
      <c r="J30099" s="1" t="s">
        <v>105451</v>
      </c>
    </row>
    <row r="30100" spans="1:10" x14ac:dyDescent="0.35">
      <c r="A30100" s="1" t="s">
        <v>105443</v>
      </c>
      <c r="B30100" s="1" t="s">
        <v>105234</v>
      </c>
      <c r="C30100" s="1" t="s">
        <v>20</v>
      </c>
      <c r="D30100" s="1" t="s">
        <v>105452</v>
      </c>
      <c r="E30100" s="1" t="s">
        <v>105453</v>
      </c>
      <c r="F30100" s="1" t="s">
        <v>105454</v>
      </c>
      <c r="G30100" s="1" t="s">
        <v>105446</v>
      </c>
      <c r="H30100" s="1" t="s">
        <v>105447</v>
      </c>
      <c r="I30100" s="1" t="s">
        <v>105238</v>
      </c>
      <c r="J30100" s="1" t="s">
        <v>105455</v>
      </c>
    </row>
    <row r="30101" spans="1:10" x14ac:dyDescent="0.35">
      <c r="A30101" s="1" t="s">
        <v>105443</v>
      </c>
      <c r="B30101" s="1" t="s">
        <v>105234</v>
      </c>
      <c r="C30101" s="1" t="s">
        <v>25</v>
      </c>
      <c r="D30101" s="1" t="s">
        <v>89430</v>
      </c>
      <c r="E30101" s="1" t="s">
        <v>105456</v>
      </c>
      <c r="F30101" s="1" t="s">
        <v>105457</v>
      </c>
      <c r="G30101" s="1" t="s">
        <v>105446</v>
      </c>
      <c r="H30101" s="1" t="s">
        <v>105447</v>
      </c>
      <c r="I30101" s="1" t="s">
        <v>105238</v>
      </c>
      <c r="J30101" s="1" t="s">
        <v>105458</v>
      </c>
    </row>
    <row r="30102" spans="1:10" x14ac:dyDescent="0.35">
      <c r="A30102" s="1" t="s">
        <v>105443</v>
      </c>
      <c r="B30102" s="1" t="s">
        <v>105234</v>
      </c>
      <c r="C30102" s="1" t="s">
        <v>30</v>
      </c>
      <c r="D30102" s="1" t="s">
        <v>53490</v>
      </c>
      <c r="E30102" s="1" t="s">
        <v>105459</v>
      </c>
      <c r="F30102" s="1" t="s">
        <v>105460</v>
      </c>
      <c r="G30102" s="1" t="s">
        <v>105446</v>
      </c>
      <c r="H30102" s="1" t="s">
        <v>105447</v>
      </c>
      <c r="I30102" s="1" t="s">
        <v>105238</v>
      </c>
      <c r="J30102" s="1" t="s">
        <v>105461</v>
      </c>
    </row>
    <row r="30103" spans="1:10" x14ac:dyDescent="0.35">
      <c r="A30103" s="1" t="s">
        <v>105443</v>
      </c>
      <c r="B30103" s="1" t="s">
        <v>105234</v>
      </c>
      <c r="C30103" s="1" t="s">
        <v>35</v>
      </c>
      <c r="D30103" s="1" t="s">
        <v>102612</v>
      </c>
      <c r="E30103" s="1" t="s">
        <v>105462</v>
      </c>
      <c r="F30103" s="1" t="s">
        <v>105463</v>
      </c>
      <c r="G30103" s="1" t="s">
        <v>105446</v>
      </c>
      <c r="H30103" s="1" t="s">
        <v>105447</v>
      </c>
      <c r="I30103" s="1" t="s">
        <v>105238</v>
      </c>
      <c r="J30103" s="1" t="s">
        <v>105464</v>
      </c>
    </row>
    <row r="30104" spans="1:10" x14ac:dyDescent="0.35">
      <c r="A30104" s="1" t="s">
        <v>105443</v>
      </c>
      <c r="B30104" s="1" t="s">
        <v>105234</v>
      </c>
      <c r="C30104" s="1" t="s">
        <v>40</v>
      </c>
      <c r="D30104" s="1" t="s">
        <v>23501</v>
      </c>
      <c r="E30104" s="1" t="s">
        <v>105465</v>
      </c>
      <c r="F30104" s="1" t="s">
        <v>105466</v>
      </c>
      <c r="G30104" s="1" t="s">
        <v>105446</v>
      </c>
      <c r="H30104" s="1" t="s">
        <v>105447</v>
      </c>
      <c r="I30104" s="1" t="s">
        <v>105238</v>
      </c>
      <c r="J30104" s="1" t="s">
        <v>105467</v>
      </c>
    </row>
    <row r="30105" spans="1:10" x14ac:dyDescent="0.35">
      <c r="A30105" s="1" t="s">
        <v>105443</v>
      </c>
      <c r="B30105" s="1" t="s">
        <v>105234</v>
      </c>
      <c r="C30105" s="1" t="s">
        <v>45</v>
      </c>
      <c r="D30105" s="1" t="s">
        <v>105468</v>
      </c>
      <c r="E30105" s="1" t="s">
        <v>105469</v>
      </c>
      <c r="F30105" s="1" t="s">
        <v>105470</v>
      </c>
      <c r="G30105" s="1" t="s">
        <v>105446</v>
      </c>
      <c r="H30105" s="1" t="s">
        <v>105447</v>
      </c>
      <c r="I30105" s="1" t="s">
        <v>105238</v>
      </c>
      <c r="J30105" s="1" t="s">
        <v>105471</v>
      </c>
    </row>
    <row r="30106" spans="1:10" x14ac:dyDescent="0.35">
      <c r="A30106" s="1" t="s">
        <v>105443</v>
      </c>
      <c r="B30106" s="1" t="s">
        <v>105234</v>
      </c>
      <c r="C30106" s="1" t="s">
        <v>50</v>
      </c>
      <c r="D30106" s="1" t="s">
        <v>69100</v>
      </c>
      <c r="E30106" s="1" t="s">
        <v>105472</v>
      </c>
      <c r="F30106" s="1" t="s">
        <v>105473</v>
      </c>
      <c r="G30106" s="1" t="s">
        <v>105446</v>
      </c>
      <c r="H30106" s="1" t="s">
        <v>105447</v>
      </c>
      <c r="I30106" s="1" t="s">
        <v>105238</v>
      </c>
      <c r="J30106" s="1" t="s">
        <v>105474</v>
      </c>
    </row>
    <row r="30107" spans="1:10" x14ac:dyDescent="0.35">
      <c r="A30107" s="1" t="s">
        <v>105443</v>
      </c>
      <c r="B30107" s="1" t="s">
        <v>105234</v>
      </c>
      <c r="C30107" s="1" t="s">
        <v>55</v>
      </c>
      <c r="D30107" s="1" t="s">
        <v>103279</v>
      </c>
      <c r="E30107" s="1" t="s">
        <v>105475</v>
      </c>
      <c r="F30107" s="1" t="s">
        <v>105476</v>
      </c>
      <c r="G30107" s="1" t="s">
        <v>105446</v>
      </c>
      <c r="H30107" s="1" t="s">
        <v>105447</v>
      </c>
      <c r="I30107" s="1" t="s">
        <v>105238</v>
      </c>
      <c r="J30107" s="1" t="s">
        <v>105477</v>
      </c>
    </row>
    <row r="30108" spans="1:10" x14ac:dyDescent="0.35">
      <c r="A30108" s="1" t="s">
        <v>105443</v>
      </c>
      <c r="B30108" s="1" t="s">
        <v>105234</v>
      </c>
      <c r="C30108" s="1" t="s">
        <v>60</v>
      </c>
      <c r="D30108" s="1" t="s">
        <v>85364</v>
      </c>
      <c r="E30108" s="1" t="s">
        <v>105478</v>
      </c>
      <c r="F30108" s="1" t="s">
        <v>105479</v>
      </c>
      <c r="G30108" s="1" t="s">
        <v>105446</v>
      </c>
      <c r="H30108" s="1" t="s">
        <v>105447</v>
      </c>
      <c r="I30108" s="1" t="s">
        <v>105238</v>
      </c>
      <c r="J30108" s="1" t="s">
        <v>105480</v>
      </c>
    </row>
    <row r="30109" spans="1:10" x14ac:dyDescent="0.35">
      <c r="A30109" s="1" t="s">
        <v>105443</v>
      </c>
      <c r="B30109" s="1" t="s">
        <v>105234</v>
      </c>
      <c r="C30109" s="1" t="s">
        <v>65</v>
      </c>
      <c r="D30109" s="1" t="s">
        <v>105481</v>
      </c>
      <c r="E30109" s="1" t="s">
        <v>105482</v>
      </c>
      <c r="F30109" s="1" t="s">
        <v>105483</v>
      </c>
      <c r="G30109" s="1" t="s">
        <v>105446</v>
      </c>
      <c r="H30109" s="1" t="s">
        <v>105447</v>
      </c>
      <c r="I30109" s="1" t="s">
        <v>105238</v>
      </c>
      <c r="J30109" s="1" t="s">
        <v>105484</v>
      </c>
    </row>
    <row r="30110" spans="1:10" x14ac:dyDescent="0.35">
      <c r="A30110" s="1" t="s">
        <v>105443</v>
      </c>
      <c r="B30110" s="1" t="s">
        <v>105234</v>
      </c>
      <c r="C30110" s="1" t="s">
        <v>70</v>
      </c>
      <c r="D30110" s="1" t="s">
        <v>23554</v>
      </c>
      <c r="E30110" s="1" t="s">
        <v>105485</v>
      </c>
      <c r="F30110" s="1" t="s">
        <v>105486</v>
      </c>
      <c r="G30110" s="1" t="s">
        <v>105446</v>
      </c>
      <c r="H30110" s="1" t="s">
        <v>105447</v>
      </c>
      <c r="I30110" s="1" t="s">
        <v>105238</v>
      </c>
      <c r="J30110" s="1" t="s">
        <v>105487</v>
      </c>
    </row>
    <row r="30111" spans="1:10" x14ac:dyDescent="0.35">
      <c r="A30111" s="1" t="s">
        <v>105443</v>
      </c>
      <c r="B30111" s="1" t="s">
        <v>105234</v>
      </c>
      <c r="C30111" s="1" t="s">
        <v>75</v>
      </c>
      <c r="D30111" s="1" t="s">
        <v>105488</v>
      </c>
      <c r="E30111" s="1" t="s">
        <v>105489</v>
      </c>
      <c r="F30111" s="1" t="s">
        <v>105490</v>
      </c>
      <c r="G30111" s="1" t="s">
        <v>105446</v>
      </c>
      <c r="H30111" s="1" t="s">
        <v>105447</v>
      </c>
      <c r="I30111" s="1" t="s">
        <v>105238</v>
      </c>
      <c r="J30111" s="1" t="s">
        <v>105491</v>
      </c>
    </row>
    <row r="30112" spans="1:10" x14ac:dyDescent="0.35">
      <c r="A30112" s="1" t="s">
        <v>105443</v>
      </c>
      <c r="B30112" s="1" t="s">
        <v>105234</v>
      </c>
      <c r="C30112" s="1" t="s">
        <v>80</v>
      </c>
      <c r="D30112" s="1" t="s">
        <v>105492</v>
      </c>
      <c r="E30112" s="1" t="s">
        <v>105493</v>
      </c>
      <c r="F30112" s="1" t="s">
        <v>105494</v>
      </c>
      <c r="G30112" s="1" t="s">
        <v>105446</v>
      </c>
      <c r="H30112" s="1" t="s">
        <v>105447</v>
      </c>
      <c r="I30112" s="1" t="s">
        <v>105238</v>
      </c>
      <c r="J30112" s="1" t="s">
        <v>105495</v>
      </c>
    </row>
    <row r="30113" spans="1:10" x14ac:dyDescent="0.35">
      <c r="A30113" s="1" t="s">
        <v>105443</v>
      </c>
      <c r="B30113" s="1" t="s">
        <v>105234</v>
      </c>
      <c r="C30113" s="1" t="s">
        <v>85</v>
      </c>
      <c r="D30113" s="1" t="s">
        <v>105496</v>
      </c>
      <c r="E30113" s="1" t="s">
        <v>105497</v>
      </c>
      <c r="F30113" s="1" t="s">
        <v>105498</v>
      </c>
      <c r="G30113" s="1" t="s">
        <v>105446</v>
      </c>
      <c r="H30113" s="1" t="s">
        <v>105447</v>
      </c>
      <c r="I30113" s="1" t="s">
        <v>105238</v>
      </c>
      <c r="J30113" s="1" t="s">
        <v>105499</v>
      </c>
    </row>
    <row r="30114" spans="1:10" x14ac:dyDescent="0.35">
      <c r="A30114" s="1" t="s">
        <v>105443</v>
      </c>
      <c r="B30114" s="1" t="s">
        <v>105234</v>
      </c>
      <c r="C30114" s="1" t="s">
        <v>90</v>
      </c>
      <c r="D30114" s="1" t="s">
        <v>105500</v>
      </c>
      <c r="E30114" s="1" t="s">
        <v>105501</v>
      </c>
      <c r="F30114" s="1" t="s">
        <v>105502</v>
      </c>
      <c r="G30114" s="1" t="s">
        <v>105446</v>
      </c>
      <c r="H30114" s="1" t="s">
        <v>105447</v>
      </c>
      <c r="I30114" s="1" t="s">
        <v>105238</v>
      </c>
      <c r="J30114" s="1" t="s">
        <v>105503</v>
      </c>
    </row>
    <row r="30115" spans="1:10" x14ac:dyDescent="0.35">
      <c r="A30115" s="1" t="s">
        <v>105443</v>
      </c>
      <c r="B30115" s="1" t="s">
        <v>105234</v>
      </c>
      <c r="C30115" s="1" t="s">
        <v>95</v>
      </c>
      <c r="D30115" s="1" t="s">
        <v>105504</v>
      </c>
      <c r="E30115" s="1" t="s">
        <v>105505</v>
      </c>
      <c r="F30115" s="1" t="s">
        <v>105506</v>
      </c>
      <c r="G30115" s="1" t="s">
        <v>105446</v>
      </c>
      <c r="H30115" s="1" t="s">
        <v>105447</v>
      </c>
      <c r="I30115" s="1" t="s">
        <v>105238</v>
      </c>
      <c r="J30115" s="1" t="s">
        <v>105507</v>
      </c>
    </row>
    <row r="30116" spans="1:10" x14ac:dyDescent="0.35">
      <c r="A30116" s="1" t="s">
        <v>105443</v>
      </c>
      <c r="B30116" s="1" t="s">
        <v>105234</v>
      </c>
      <c r="C30116" s="1" t="s">
        <v>100</v>
      </c>
      <c r="D30116" s="1" t="s">
        <v>105508</v>
      </c>
      <c r="E30116" s="1" t="s">
        <v>105509</v>
      </c>
      <c r="F30116" s="1" t="s">
        <v>105510</v>
      </c>
      <c r="G30116" s="1" t="s">
        <v>105446</v>
      </c>
      <c r="H30116" s="1" t="s">
        <v>105447</v>
      </c>
      <c r="I30116" s="1" t="s">
        <v>105238</v>
      </c>
      <c r="J30116" s="1" t="s">
        <v>105511</v>
      </c>
    </row>
    <row r="30117" spans="1:10" x14ac:dyDescent="0.35">
      <c r="A30117" s="1" t="s">
        <v>105443</v>
      </c>
      <c r="B30117" s="1" t="s">
        <v>105234</v>
      </c>
      <c r="C30117" s="1" t="s">
        <v>105</v>
      </c>
      <c r="D30117" s="1" t="s">
        <v>105512</v>
      </c>
      <c r="E30117" s="1" t="s">
        <v>105513</v>
      </c>
      <c r="F30117" s="1" t="s">
        <v>105514</v>
      </c>
      <c r="G30117" s="1" t="s">
        <v>105446</v>
      </c>
      <c r="H30117" s="1" t="s">
        <v>105447</v>
      </c>
      <c r="I30117" s="1" t="s">
        <v>105238</v>
      </c>
      <c r="J30117" s="1" t="s">
        <v>105515</v>
      </c>
    </row>
    <row r="30118" spans="1:10" x14ac:dyDescent="0.35">
      <c r="A30118" s="1" t="s">
        <v>105443</v>
      </c>
      <c r="B30118" s="1" t="s">
        <v>105234</v>
      </c>
      <c r="C30118" s="1" t="s">
        <v>110</v>
      </c>
      <c r="D30118" s="1" t="s">
        <v>105516</v>
      </c>
      <c r="E30118" s="1" t="s">
        <v>105517</v>
      </c>
      <c r="F30118" s="1" t="s">
        <v>105518</v>
      </c>
      <c r="G30118" s="1" t="s">
        <v>105446</v>
      </c>
      <c r="H30118" s="1" t="s">
        <v>105447</v>
      </c>
      <c r="I30118" s="1" t="s">
        <v>105238</v>
      </c>
      <c r="J30118" s="1" t="s">
        <v>105519</v>
      </c>
    </row>
    <row r="30119" spans="1:10" x14ac:dyDescent="0.35">
      <c r="A30119" s="1" t="s">
        <v>105443</v>
      </c>
      <c r="B30119" s="1" t="s">
        <v>105234</v>
      </c>
      <c r="C30119" s="1" t="s">
        <v>115</v>
      </c>
      <c r="D30119" s="1" t="s">
        <v>105520</v>
      </c>
      <c r="E30119" s="1" t="s">
        <v>105521</v>
      </c>
      <c r="F30119" s="1" t="s">
        <v>105522</v>
      </c>
      <c r="G30119" s="1" t="s">
        <v>105446</v>
      </c>
      <c r="H30119" s="1" t="s">
        <v>105447</v>
      </c>
      <c r="I30119" s="1" t="s">
        <v>105238</v>
      </c>
      <c r="J30119" s="1" t="s">
        <v>105523</v>
      </c>
    </row>
    <row r="30120" spans="1:10" x14ac:dyDescent="0.35">
      <c r="A30120" s="1" t="s">
        <v>105443</v>
      </c>
      <c r="B30120" s="1" t="s">
        <v>105234</v>
      </c>
      <c r="C30120" s="1" t="s">
        <v>120</v>
      </c>
      <c r="D30120" s="1" t="s">
        <v>39213</v>
      </c>
      <c r="E30120" s="1" t="s">
        <v>105524</v>
      </c>
      <c r="F30120" s="1" t="s">
        <v>105525</v>
      </c>
      <c r="G30120" s="1" t="s">
        <v>105446</v>
      </c>
      <c r="H30120" s="1" t="s">
        <v>105447</v>
      </c>
      <c r="I30120" s="1" t="s">
        <v>105238</v>
      </c>
      <c r="J30120" s="1" t="s">
        <v>105526</v>
      </c>
    </row>
    <row r="30121" spans="1:10" x14ac:dyDescent="0.35">
      <c r="A30121" s="1" t="s">
        <v>105443</v>
      </c>
      <c r="B30121" s="1" t="s">
        <v>105234</v>
      </c>
      <c r="C30121" s="1" t="s">
        <v>125</v>
      </c>
      <c r="D30121" s="1" t="s">
        <v>69238</v>
      </c>
      <c r="E30121" s="1" t="s">
        <v>105527</v>
      </c>
      <c r="F30121" s="1" t="s">
        <v>105528</v>
      </c>
      <c r="G30121" s="1" t="s">
        <v>105446</v>
      </c>
      <c r="H30121" s="1" t="s">
        <v>105447</v>
      </c>
      <c r="I30121" s="1" t="s">
        <v>105238</v>
      </c>
      <c r="J30121" s="1" t="s">
        <v>105529</v>
      </c>
    </row>
    <row r="30122" spans="1:10" x14ac:dyDescent="0.35">
      <c r="A30122" s="1" t="s">
        <v>105443</v>
      </c>
      <c r="B30122" s="1" t="s">
        <v>105234</v>
      </c>
      <c r="C30122" s="1" t="s">
        <v>130</v>
      </c>
      <c r="D30122" s="1" t="s">
        <v>67635</v>
      </c>
      <c r="E30122" s="1" t="s">
        <v>105530</v>
      </c>
      <c r="F30122" s="1" t="s">
        <v>105531</v>
      </c>
      <c r="G30122" s="1" t="s">
        <v>105446</v>
      </c>
      <c r="H30122" s="1" t="s">
        <v>105447</v>
      </c>
      <c r="I30122" s="1" t="s">
        <v>105238</v>
      </c>
      <c r="J30122" s="1" t="s">
        <v>105532</v>
      </c>
    </row>
    <row r="30123" spans="1:10" x14ac:dyDescent="0.35">
      <c r="A30123" s="1" t="s">
        <v>105443</v>
      </c>
      <c r="B30123" s="1" t="s">
        <v>105234</v>
      </c>
      <c r="C30123" s="1" t="s">
        <v>135</v>
      </c>
      <c r="D30123" s="1" t="s">
        <v>105533</v>
      </c>
      <c r="E30123" s="1" t="s">
        <v>105534</v>
      </c>
      <c r="F30123" s="1" t="s">
        <v>105535</v>
      </c>
      <c r="G30123" s="1" t="s">
        <v>105446</v>
      </c>
      <c r="H30123" s="1" t="s">
        <v>105447</v>
      </c>
      <c r="I30123" s="1" t="s">
        <v>105238</v>
      </c>
      <c r="J30123" s="1" t="s">
        <v>105536</v>
      </c>
    </row>
    <row r="30124" spans="1:10" x14ac:dyDescent="0.35">
      <c r="A30124" s="1" t="s">
        <v>105443</v>
      </c>
      <c r="B30124" s="1" t="s">
        <v>105234</v>
      </c>
      <c r="C30124" s="1" t="s">
        <v>140</v>
      </c>
      <c r="D30124" s="1" t="s">
        <v>68249</v>
      </c>
      <c r="E30124" s="1" t="s">
        <v>105537</v>
      </c>
      <c r="F30124" s="1" t="s">
        <v>105538</v>
      </c>
      <c r="G30124" s="1" t="s">
        <v>105446</v>
      </c>
      <c r="H30124" s="1" t="s">
        <v>105447</v>
      </c>
      <c r="I30124" s="1" t="s">
        <v>105238</v>
      </c>
      <c r="J30124" s="1" t="s">
        <v>105539</v>
      </c>
    </row>
    <row r="30125" spans="1:10" x14ac:dyDescent="0.35">
      <c r="A30125" s="1" t="s">
        <v>105443</v>
      </c>
      <c r="B30125" s="1" t="s">
        <v>105234</v>
      </c>
      <c r="C30125" s="1" t="s">
        <v>145</v>
      </c>
      <c r="D30125" s="1" t="s">
        <v>62208</v>
      </c>
      <c r="E30125" s="1" t="s">
        <v>105540</v>
      </c>
      <c r="F30125" s="1" t="s">
        <v>105541</v>
      </c>
      <c r="G30125" s="1" t="s">
        <v>105446</v>
      </c>
      <c r="H30125" s="1" t="s">
        <v>105447</v>
      </c>
      <c r="I30125" s="1" t="s">
        <v>105238</v>
      </c>
      <c r="J30125" s="1" t="s">
        <v>105542</v>
      </c>
    </row>
    <row r="30126" spans="1:10" x14ac:dyDescent="0.35">
      <c r="A30126" s="1" t="s">
        <v>105443</v>
      </c>
      <c r="B30126" s="1" t="s">
        <v>105234</v>
      </c>
      <c r="C30126" s="1" t="s">
        <v>150</v>
      </c>
      <c r="D30126" s="1" t="s">
        <v>65139</v>
      </c>
      <c r="E30126" s="1" t="s">
        <v>105543</v>
      </c>
      <c r="F30126" s="1" t="s">
        <v>105544</v>
      </c>
      <c r="G30126" s="1" t="s">
        <v>105446</v>
      </c>
      <c r="H30126" s="1" t="s">
        <v>105447</v>
      </c>
      <c r="I30126" s="1" t="s">
        <v>105238</v>
      </c>
      <c r="J30126" s="1" t="s">
        <v>105545</v>
      </c>
    </row>
    <row r="30127" spans="1:10" x14ac:dyDescent="0.35">
      <c r="A30127" s="1" t="s">
        <v>105443</v>
      </c>
      <c r="B30127" s="1" t="s">
        <v>105234</v>
      </c>
      <c r="C30127" s="1" t="s">
        <v>155</v>
      </c>
      <c r="D30127" s="1" t="s">
        <v>105546</v>
      </c>
      <c r="E30127" s="1" t="s">
        <v>105547</v>
      </c>
      <c r="F30127" s="1" t="s">
        <v>105548</v>
      </c>
      <c r="G30127" s="1" t="s">
        <v>105446</v>
      </c>
      <c r="H30127" s="1" t="s">
        <v>105447</v>
      </c>
      <c r="I30127" s="1" t="s">
        <v>105238</v>
      </c>
      <c r="J30127" s="1" t="s">
        <v>105549</v>
      </c>
    </row>
    <row r="30128" spans="1:10" x14ac:dyDescent="0.35">
      <c r="A30128" s="1" t="s">
        <v>105443</v>
      </c>
      <c r="B30128" s="1" t="s">
        <v>105234</v>
      </c>
      <c r="C30128" s="1" t="s">
        <v>160</v>
      </c>
      <c r="D30128" s="1" t="s">
        <v>97398</v>
      </c>
      <c r="E30128" s="1" t="s">
        <v>105550</v>
      </c>
      <c r="F30128" s="1" t="s">
        <v>105551</v>
      </c>
      <c r="G30128" s="1" t="s">
        <v>105446</v>
      </c>
      <c r="H30128" s="1" t="s">
        <v>105447</v>
      </c>
      <c r="I30128" s="1" t="s">
        <v>105238</v>
      </c>
      <c r="J30128" s="1" t="s">
        <v>105552</v>
      </c>
    </row>
    <row r="30129" spans="1:10" x14ac:dyDescent="0.35">
      <c r="A30129" s="1" t="s">
        <v>105443</v>
      </c>
      <c r="B30129" s="1" t="s">
        <v>105234</v>
      </c>
      <c r="C30129" s="1" t="s">
        <v>165</v>
      </c>
      <c r="D30129" s="1" t="s">
        <v>103559</v>
      </c>
      <c r="E30129" s="1" t="s">
        <v>105553</v>
      </c>
      <c r="F30129" s="1" t="s">
        <v>105554</v>
      </c>
      <c r="G30129" s="1" t="s">
        <v>105446</v>
      </c>
      <c r="H30129" s="1" t="s">
        <v>105447</v>
      </c>
      <c r="I30129" s="1" t="s">
        <v>105238</v>
      </c>
      <c r="J30129" s="1" t="s">
        <v>105555</v>
      </c>
    </row>
    <row r="30130" spans="1:10" x14ac:dyDescent="0.35">
      <c r="A30130" s="1" t="s">
        <v>105443</v>
      </c>
      <c r="B30130" s="1" t="s">
        <v>105234</v>
      </c>
      <c r="C30130" s="1" t="s">
        <v>170</v>
      </c>
      <c r="D30130" s="1" t="s">
        <v>105556</v>
      </c>
      <c r="E30130" s="1" t="s">
        <v>105557</v>
      </c>
      <c r="F30130" s="1" t="s">
        <v>105558</v>
      </c>
      <c r="G30130" s="1" t="s">
        <v>105446</v>
      </c>
      <c r="H30130" s="1" t="s">
        <v>105447</v>
      </c>
      <c r="I30130" s="1" t="s">
        <v>105238</v>
      </c>
      <c r="J30130" s="1" t="s">
        <v>105559</v>
      </c>
    </row>
    <row r="30131" spans="1:10" x14ac:dyDescent="0.35">
      <c r="A30131" s="1" t="s">
        <v>25692</v>
      </c>
      <c r="B30131" s="1" t="s">
        <v>105234</v>
      </c>
      <c r="C30131" s="1" t="s">
        <v>8</v>
      </c>
      <c r="D30131" s="1" t="s">
        <v>105560</v>
      </c>
      <c r="E30131" s="1" t="s">
        <v>105561</v>
      </c>
      <c r="F30131" s="1" t="s">
        <v>105562</v>
      </c>
      <c r="G30131" s="1" t="s">
        <v>105563</v>
      </c>
      <c r="H30131" s="1" t="s">
        <v>105564</v>
      </c>
      <c r="I30131" s="1" t="s">
        <v>105238</v>
      </c>
      <c r="J30131" s="1" t="s">
        <v>13</v>
      </c>
    </row>
    <row r="30132" spans="1:10" x14ac:dyDescent="0.35">
      <c r="A30132" s="1" t="s">
        <v>25692</v>
      </c>
      <c r="B30132" s="1" t="s">
        <v>105234</v>
      </c>
      <c r="C30132" s="1" t="s">
        <v>15</v>
      </c>
      <c r="D30132" s="1" t="s">
        <v>105565</v>
      </c>
      <c r="E30132" s="1" t="s">
        <v>105566</v>
      </c>
      <c r="F30132" s="1" t="s">
        <v>105567</v>
      </c>
      <c r="G30132" s="1" t="s">
        <v>105563</v>
      </c>
      <c r="H30132" s="1" t="s">
        <v>105564</v>
      </c>
      <c r="I30132" s="1" t="s">
        <v>105238</v>
      </c>
      <c r="J30132" s="1" t="s">
        <v>105568</v>
      </c>
    </row>
    <row r="30133" spans="1:10" x14ac:dyDescent="0.35">
      <c r="A30133" s="1" t="s">
        <v>25692</v>
      </c>
      <c r="B30133" s="1" t="s">
        <v>105234</v>
      </c>
      <c r="C30133" s="1" t="s">
        <v>20</v>
      </c>
      <c r="D30133" s="1" t="s">
        <v>105569</v>
      </c>
      <c r="E30133" s="1" t="s">
        <v>105570</v>
      </c>
      <c r="F30133" s="1" t="s">
        <v>105571</v>
      </c>
      <c r="G30133" s="1" t="s">
        <v>105563</v>
      </c>
      <c r="H30133" s="1" t="s">
        <v>105564</v>
      </c>
      <c r="I30133" s="1" t="s">
        <v>105238</v>
      </c>
      <c r="J30133" s="1" t="s">
        <v>105572</v>
      </c>
    </row>
    <row r="30134" spans="1:10" x14ac:dyDescent="0.35">
      <c r="A30134" s="1" t="s">
        <v>25692</v>
      </c>
      <c r="B30134" s="1" t="s">
        <v>105234</v>
      </c>
      <c r="C30134" s="1" t="s">
        <v>25</v>
      </c>
      <c r="D30134" s="1" t="s">
        <v>105573</v>
      </c>
      <c r="E30134" s="1" t="s">
        <v>105574</v>
      </c>
      <c r="F30134" s="1" t="s">
        <v>105575</v>
      </c>
      <c r="G30134" s="1" t="s">
        <v>105563</v>
      </c>
      <c r="H30134" s="1" t="s">
        <v>105564</v>
      </c>
      <c r="I30134" s="1" t="s">
        <v>105238</v>
      </c>
      <c r="J30134" s="1" t="s">
        <v>105576</v>
      </c>
    </row>
    <row r="30135" spans="1:10" x14ac:dyDescent="0.35">
      <c r="A30135" s="1" t="s">
        <v>25692</v>
      </c>
      <c r="B30135" s="1" t="s">
        <v>105234</v>
      </c>
      <c r="C30135" s="1" t="s">
        <v>30</v>
      </c>
      <c r="D30135" s="1" t="s">
        <v>105577</v>
      </c>
      <c r="E30135" s="1" t="s">
        <v>105578</v>
      </c>
      <c r="F30135" s="1" t="s">
        <v>105579</v>
      </c>
      <c r="G30135" s="1" t="s">
        <v>105563</v>
      </c>
      <c r="H30135" s="1" t="s">
        <v>105564</v>
      </c>
      <c r="I30135" s="1" t="s">
        <v>105238</v>
      </c>
      <c r="J30135" s="1" t="s">
        <v>105580</v>
      </c>
    </row>
    <row r="30136" spans="1:10" x14ac:dyDescent="0.35">
      <c r="A30136" s="1" t="s">
        <v>25692</v>
      </c>
      <c r="B30136" s="1" t="s">
        <v>105234</v>
      </c>
      <c r="C30136" s="1" t="s">
        <v>35</v>
      </c>
      <c r="D30136" s="1" t="s">
        <v>97835</v>
      </c>
      <c r="E30136" s="1" t="s">
        <v>105581</v>
      </c>
      <c r="F30136" s="1" t="s">
        <v>105582</v>
      </c>
      <c r="G30136" s="1" t="s">
        <v>105563</v>
      </c>
      <c r="H30136" s="1" t="s">
        <v>105564</v>
      </c>
      <c r="I30136" s="1" t="s">
        <v>105238</v>
      </c>
      <c r="J30136" s="1" t="s">
        <v>105583</v>
      </c>
    </row>
    <row r="30137" spans="1:10" x14ac:dyDescent="0.35">
      <c r="A30137" s="1" t="s">
        <v>25692</v>
      </c>
      <c r="B30137" s="1" t="s">
        <v>105234</v>
      </c>
      <c r="C30137" s="1" t="s">
        <v>40</v>
      </c>
      <c r="D30137" s="1" t="s">
        <v>88922</v>
      </c>
      <c r="E30137" s="1" t="s">
        <v>105584</v>
      </c>
      <c r="F30137" s="1" t="s">
        <v>105585</v>
      </c>
      <c r="G30137" s="1" t="s">
        <v>105563</v>
      </c>
      <c r="H30137" s="1" t="s">
        <v>105564</v>
      </c>
      <c r="I30137" s="1" t="s">
        <v>105238</v>
      </c>
      <c r="J30137" s="1" t="s">
        <v>105586</v>
      </c>
    </row>
    <row r="30138" spans="1:10" x14ac:dyDescent="0.35">
      <c r="A30138" s="1" t="s">
        <v>25692</v>
      </c>
      <c r="B30138" s="1" t="s">
        <v>105234</v>
      </c>
      <c r="C30138" s="1" t="s">
        <v>45</v>
      </c>
      <c r="D30138" s="1" t="s">
        <v>105587</v>
      </c>
      <c r="E30138" s="1" t="s">
        <v>105588</v>
      </c>
      <c r="F30138" s="1" t="s">
        <v>105589</v>
      </c>
      <c r="G30138" s="1" t="s">
        <v>105563</v>
      </c>
      <c r="H30138" s="1" t="s">
        <v>105564</v>
      </c>
      <c r="I30138" s="1" t="s">
        <v>105238</v>
      </c>
      <c r="J30138" s="1" t="s">
        <v>105590</v>
      </c>
    </row>
    <row r="30139" spans="1:10" x14ac:dyDescent="0.35">
      <c r="A30139" s="1" t="s">
        <v>25692</v>
      </c>
      <c r="B30139" s="1" t="s">
        <v>105234</v>
      </c>
      <c r="C30139" s="1" t="s">
        <v>50</v>
      </c>
      <c r="D30139" s="1" t="s">
        <v>105591</v>
      </c>
      <c r="E30139" s="1" t="s">
        <v>105592</v>
      </c>
      <c r="F30139" s="1" t="s">
        <v>105593</v>
      </c>
      <c r="G30139" s="1" t="s">
        <v>105563</v>
      </c>
      <c r="H30139" s="1" t="s">
        <v>105564</v>
      </c>
      <c r="I30139" s="1" t="s">
        <v>105238</v>
      </c>
      <c r="J30139" s="1" t="s">
        <v>105594</v>
      </c>
    </row>
    <row r="30140" spans="1:10" x14ac:dyDescent="0.35">
      <c r="A30140" s="1" t="s">
        <v>25692</v>
      </c>
      <c r="B30140" s="1" t="s">
        <v>105234</v>
      </c>
      <c r="C30140" s="1" t="s">
        <v>55</v>
      </c>
      <c r="D30140" s="1" t="s">
        <v>105595</v>
      </c>
      <c r="E30140" s="1" t="s">
        <v>105596</v>
      </c>
      <c r="F30140" s="1" t="s">
        <v>105597</v>
      </c>
      <c r="G30140" s="1" t="s">
        <v>105563</v>
      </c>
      <c r="H30140" s="1" t="s">
        <v>105564</v>
      </c>
      <c r="I30140" s="1" t="s">
        <v>105238</v>
      </c>
      <c r="J30140" s="1" t="s">
        <v>105598</v>
      </c>
    </row>
    <row r="30141" spans="1:10" x14ac:dyDescent="0.35">
      <c r="A30141" s="1" t="s">
        <v>25692</v>
      </c>
      <c r="B30141" s="1" t="s">
        <v>105234</v>
      </c>
      <c r="C30141" s="1" t="s">
        <v>60</v>
      </c>
      <c r="D30141" s="1" t="s">
        <v>62825</v>
      </c>
      <c r="E30141" s="1" t="s">
        <v>105599</v>
      </c>
      <c r="F30141" s="1" t="s">
        <v>105600</v>
      </c>
      <c r="G30141" s="1" t="s">
        <v>105563</v>
      </c>
      <c r="H30141" s="1" t="s">
        <v>105564</v>
      </c>
      <c r="I30141" s="1" t="s">
        <v>105238</v>
      </c>
      <c r="J30141" s="1" t="s">
        <v>105601</v>
      </c>
    </row>
    <row r="30142" spans="1:10" x14ac:dyDescent="0.35">
      <c r="A30142" s="1" t="s">
        <v>25692</v>
      </c>
      <c r="B30142" s="1" t="s">
        <v>105234</v>
      </c>
      <c r="C30142" s="1" t="s">
        <v>65</v>
      </c>
      <c r="D30142" s="1" t="s">
        <v>105602</v>
      </c>
      <c r="E30142" s="1" t="s">
        <v>105603</v>
      </c>
      <c r="F30142" s="1" t="s">
        <v>105604</v>
      </c>
      <c r="G30142" s="1" t="s">
        <v>105563</v>
      </c>
      <c r="H30142" s="1" t="s">
        <v>105564</v>
      </c>
      <c r="I30142" s="1" t="s">
        <v>105238</v>
      </c>
      <c r="J30142" s="1" t="s">
        <v>105605</v>
      </c>
    </row>
    <row r="30143" spans="1:10" x14ac:dyDescent="0.35">
      <c r="A30143" s="1" t="s">
        <v>25692</v>
      </c>
      <c r="B30143" s="1" t="s">
        <v>105234</v>
      </c>
      <c r="C30143" s="1" t="s">
        <v>70</v>
      </c>
      <c r="D30143" s="1" t="s">
        <v>98608</v>
      </c>
      <c r="E30143" s="1" t="s">
        <v>105606</v>
      </c>
      <c r="F30143" s="1" t="s">
        <v>105607</v>
      </c>
      <c r="G30143" s="1" t="s">
        <v>105563</v>
      </c>
      <c r="H30143" s="1" t="s">
        <v>105564</v>
      </c>
      <c r="I30143" s="1" t="s">
        <v>105238</v>
      </c>
      <c r="J30143" s="1" t="s">
        <v>105608</v>
      </c>
    </row>
    <row r="30144" spans="1:10" x14ac:dyDescent="0.35">
      <c r="A30144" s="1" t="s">
        <v>25692</v>
      </c>
      <c r="B30144" s="1" t="s">
        <v>105234</v>
      </c>
      <c r="C30144" s="1" t="s">
        <v>75</v>
      </c>
      <c r="D30144" s="1" t="s">
        <v>105609</v>
      </c>
      <c r="E30144" s="1" t="s">
        <v>105610</v>
      </c>
      <c r="F30144" s="1" t="s">
        <v>105611</v>
      </c>
      <c r="G30144" s="1" t="s">
        <v>105563</v>
      </c>
      <c r="H30144" s="1" t="s">
        <v>105564</v>
      </c>
      <c r="I30144" s="1" t="s">
        <v>105238</v>
      </c>
      <c r="J30144" s="1" t="s">
        <v>105612</v>
      </c>
    </row>
    <row r="30145" spans="1:10" x14ac:dyDescent="0.35">
      <c r="A30145" s="1" t="s">
        <v>25692</v>
      </c>
      <c r="B30145" s="1" t="s">
        <v>105234</v>
      </c>
      <c r="C30145" s="1" t="s">
        <v>80</v>
      </c>
      <c r="D30145" s="1" t="s">
        <v>79082</v>
      </c>
      <c r="E30145" s="1" t="s">
        <v>105613</v>
      </c>
      <c r="F30145" s="1" t="s">
        <v>105614</v>
      </c>
      <c r="G30145" s="1" t="s">
        <v>105563</v>
      </c>
      <c r="H30145" s="1" t="s">
        <v>105564</v>
      </c>
      <c r="I30145" s="1" t="s">
        <v>105238</v>
      </c>
      <c r="J30145" s="1" t="s">
        <v>105615</v>
      </c>
    </row>
    <row r="30146" spans="1:10" x14ac:dyDescent="0.35">
      <c r="A30146" s="1" t="s">
        <v>25692</v>
      </c>
      <c r="B30146" s="1" t="s">
        <v>105234</v>
      </c>
      <c r="C30146" s="1" t="s">
        <v>85</v>
      </c>
      <c r="D30146" s="1" t="s">
        <v>63747</v>
      </c>
      <c r="E30146" s="1" t="s">
        <v>105616</v>
      </c>
      <c r="F30146" s="1" t="s">
        <v>105617</v>
      </c>
      <c r="G30146" s="1" t="s">
        <v>105563</v>
      </c>
      <c r="H30146" s="1" t="s">
        <v>105564</v>
      </c>
      <c r="I30146" s="1" t="s">
        <v>105238</v>
      </c>
      <c r="J30146" s="1" t="s">
        <v>105618</v>
      </c>
    </row>
    <row r="30147" spans="1:10" x14ac:dyDescent="0.35">
      <c r="A30147" s="1" t="s">
        <v>25692</v>
      </c>
      <c r="B30147" s="1" t="s">
        <v>105234</v>
      </c>
      <c r="C30147" s="1" t="s">
        <v>90</v>
      </c>
      <c r="D30147" s="1" t="s">
        <v>96464</v>
      </c>
      <c r="E30147" s="1" t="s">
        <v>105619</v>
      </c>
      <c r="F30147" s="1" t="s">
        <v>105620</v>
      </c>
      <c r="G30147" s="1" t="s">
        <v>105563</v>
      </c>
      <c r="H30147" s="1" t="s">
        <v>105564</v>
      </c>
      <c r="I30147" s="1" t="s">
        <v>105238</v>
      </c>
      <c r="J30147" s="1" t="s">
        <v>105621</v>
      </c>
    </row>
    <row r="30148" spans="1:10" x14ac:dyDescent="0.35">
      <c r="A30148" s="1" t="s">
        <v>25692</v>
      </c>
      <c r="B30148" s="1" t="s">
        <v>105234</v>
      </c>
      <c r="C30148" s="1" t="s">
        <v>95</v>
      </c>
      <c r="D30148" s="1" t="s">
        <v>22083</v>
      </c>
      <c r="E30148" s="1" t="s">
        <v>105622</v>
      </c>
      <c r="F30148" s="1" t="s">
        <v>105623</v>
      </c>
      <c r="G30148" s="1" t="s">
        <v>105563</v>
      </c>
      <c r="H30148" s="1" t="s">
        <v>105564</v>
      </c>
      <c r="I30148" s="1" t="s">
        <v>105238</v>
      </c>
      <c r="J30148" s="1" t="s">
        <v>105624</v>
      </c>
    </row>
    <row r="30149" spans="1:10" x14ac:dyDescent="0.35">
      <c r="A30149" s="1" t="s">
        <v>25692</v>
      </c>
      <c r="B30149" s="1" t="s">
        <v>105234</v>
      </c>
      <c r="C30149" s="1" t="s">
        <v>100</v>
      </c>
      <c r="D30149" s="1" t="s">
        <v>101917</v>
      </c>
      <c r="E30149" s="1" t="s">
        <v>105625</v>
      </c>
      <c r="F30149" s="1" t="s">
        <v>105626</v>
      </c>
      <c r="G30149" s="1" t="s">
        <v>105563</v>
      </c>
      <c r="H30149" s="1" t="s">
        <v>105564</v>
      </c>
      <c r="I30149" s="1" t="s">
        <v>105238</v>
      </c>
      <c r="J30149" s="1" t="s">
        <v>105627</v>
      </c>
    </row>
    <row r="30150" spans="1:10" x14ac:dyDescent="0.35">
      <c r="A30150" s="1" t="s">
        <v>25692</v>
      </c>
      <c r="B30150" s="1" t="s">
        <v>105234</v>
      </c>
      <c r="C30150" s="1" t="s">
        <v>105</v>
      </c>
      <c r="D30150" s="1" t="s">
        <v>92018</v>
      </c>
      <c r="E30150" s="1" t="s">
        <v>105628</v>
      </c>
      <c r="F30150" s="1" t="s">
        <v>105629</v>
      </c>
      <c r="G30150" s="1" t="s">
        <v>105563</v>
      </c>
      <c r="H30150" s="1" t="s">
        <v>105564</v>
      </c>
      <c r="I30150" s="1" t="s">
        <v>105238</v>
      </c>
      <c r="J30150" s="1" t="s">
        <v>105630</v>
      </c>
    </row>
    <row r="30151" spans="1:10" x14ac:dyDescent="0.35">
      <c r="A30151" s="1" t="s">
        <v>25692</v>
      </c>
      <c r="B30151" s="1" t="s">
        <v>105234</v>
      </c>
      <c r="C30151" s="1" t="s">
        <v>110</v>
      </c>
      <c r="D30151" s="1" t="s">
        <v>105631</v>
      </c>
      <c r="E30151" s="1" t="s">
        <v>105632</v>
      </c>
      <c r="F30151" s="1" t="s">
        <v>105633</v>
      </c>
      <c r="G30151" s="1" t="s">
        <v>105563</v>
      </c>
      <c r="H30151" s="1" t="s">
        <v>105564</v>
      </c>
      <c r="I30151" s="1" t="s">
        <v>105238</v>
      </c>
      <c r="J30151" s="1" t="s">
        <v>105634</v>
      </c>
    </row>
    <row r="30152" spans="1:10" x14ac:dyDescent="0.35">
      <c r="A30152" s="1" t="s">
        <v>25692</v>
      </c>
      <c r="B30152" s="1" t="s">
        <v>105234</v>
      </c>
      <c r="C30152" s="1" t="s">
        <v>115</v>
      </c>
      <c r="D30152" s="1" t="s">
        <v>105635</v>
      </c>
      <c r="E30152" s="1" t="s">
        <v>105636</v>
      </c>
      <c r="F30152" s="1" t="s">
        <v>105637</v>
      </c>
      <c r="G30152" s="1" t="s">
        <v>105563</v>
      </c>
      <c r="H30152" s="1" t="s">
        <v>105564</v>
      </c>
      <c r="I30152" s="1" t="s">
        <v>105238</v>
      </c>
      <c r="J30152" s="1" t="s">
        <v>105638</v>
      </c>
    </row>
    <row r="30153" spans="1:10" x14ac:dyDescent="0.35">
      <c r="A30153" s="1" t="s">
        <v>25692</v>
      </c>
      <c r="B30153" s="1" t="s">
        <v>105234</v>
      </c>
      <c r="C30153" s="1" t="s">
        <v>120</v>
      </c>
      <c r="D30153" s="1" t="s">
        <v>105639</v>
      </c>
      <c r="E30153" s="1" t="s">
        <v>105640</v>
      </c>
      <c r="F30153" s="1" t="s">
        <v>105641</v>
      </c>
      <c r="G30153" s="1" t="s">
        <v>105563</v>
      </c>
      <c r="H30153" s="1" t="s">
        <v>105564</v>
      </c>
      <c r="I30153" s="1" t="s">
        <v>105238</v>
      </c>
      <c r="J30153" s="1" t="s">
        <v>105642</v>
      </c>
    </row>
    <row r="30154" spans="1:10" x14ac:dyDescent="0.35">
      <c r="A30154" s="1" t="s">
        <v>25692</v>
      </c>
      <c r="B30154" s="1" t="s">
        <v>105234</v>
      </c>
      <c r="C30154" s="1" t="s">
        <v>125</v>
      </c>
      <c r="D30154" s="1" t="s">
        <v>105643</v>
      </c>
      <c r="E30154" s="1" t="s">
        <v>105644</v>
      </c>
      <c r="F30154" s="1" t="s">
        <v>105645</v>
      </c>
      <c r="G30154" s="1" t="s">
        <v>105563</v>
      </c>
      <c r="H30154" s="1" t="s">
        <v>105564</v>
      </c>
      <c r="I30154" s="1" t="s">
        <v>105238</v>
      </c>
      <c r="J30154" s="1" t="s">
        <v>105646</v>
      </c>
    </row>
    <row r="30155" spans="1:10" x14ac:dyDescent="0.35">
      <c r="A30155" s="1" t="s">
        <v>25692</v>
      </c>
      <c r="B30155" s="1" t="s">
        <v>105234</v>
      </c>
      <c r="C30155" s="1" t="s">
        <v>130</v>
      </c>
      <c r="D30155" s="1" t="s">
        <v>98413</v>
      </c>
      <c r="E30155" s="1" t="s">
        <v>105647</v>
      </c>
      <c r="F30155" s="1" t="s">
        <v>105648</v>
      </c>
      <c r="G30155" s="1" t="s">
        <v>105563</v>
      </c>
      <c r="H30155" s="1" t="s">
        <v>105564</v>
      </c>
      <c r="I30155" s="1" t="s">
        <v>105238</v>
      </c>
      <c r="J30155" s="1" t="s">
        <v>105649</v>
      </c>
    </row>
    <row r="30156" spans="1:10" x14ac:dyDescent="0.35">
      <c r="A30156" s="1" t="s">
        <v>25692</v>
      </c>
      <c r="B30156" s="1" t="s">
        <v>105234</v>
      </c>
      <c r="C30156" s="1" t="s">
        <v>135</v>
      </c>
      <c r="D30156" s="1" t="s">
        <v>43484</v>
      </c>
      <c r="E30156" s="1" t="s">
        <v>105650</v>
      </c>
      <c r="F30156" s="1" t="s">
        <v>105651</v>
      </c>
      <c r="G30156" s="1" t="s">
        <v>105563</v>
      </c>
      <c r="H30156" s="1" t="s">
        <v>105564</v>
      </c>
      <c r="I30156" s="1" t="s">
        <v>105238</v>
      </c>
      <c r="J30156" s="1" t="s">
        <v>105652</v>
      </c>
    </row>
    <row r="30157" spans="1:10" x14ac:dyDescent="0.35">
      <c r="A30157" s="1" t="s">
        <v>25692</v>
      </c>
      <c r="B30157" s="1" t="s">
        <v>105234</v>
      </c>
      <c r="C30157" s="1" t="s">
        <v>140</v>
      </c>
      <c r="D30157" s="1" t="s">
        <v>92050</v>
      </c>
      <c r="E30157" s="1" t="s">
        <v>105653</v>
      </c>
      <c r="F30157" s="1" t="s">
        <v>105654</v>
      </c>
      <c r="G30157" s="1" t="s">
        <v>105563</v>
      </c>
      <c r="H30157" s="1" t="s">
        <v>105564</v>
      </c>
      <c r="I30157" s="1" t="s">
        <v>105238</v>
      </c>
      <c r="J30157" s="1" t="s">
        <v>105655</v>
      </c>
    </row>
    <row r="30158" spans="1:10" x14ac:dyDescent="0.35">
      <c r="A30158" s="1" t="s">
        <v>25692</v>
      </c>
      <c r="B30158" s="1" t="s">
        <v>105234</v>
      </c>
      <c r="C30158" s="1" t="s">
        <v>145</v>
      </c>
      <c r="D30158" s="1" t="s">
        <v>105656</v>
      </c>
      <c r="E30158" s="1" t="s">
        <v>105657</v>
      </c>
      <c r="F30158" s="1" t="s">
        <v>105658</v>
      </c>
      <c r="G30158" s="1" t="s">
        <v>105563</v>
      </c>
      <c r="H30158" s="1" t="s">
        <v>105564</v>
      </c>
      <c r="I30158" s="1" t="s">
        <v>105238</v>
      </c>
      <c r="J30158" s="1" t="s">
        <v>105659</v>
      </c>
    </row>
    <row r="30159" spans="1:10" x14ac:dyDescent="0.35">
      <c r="A30159" s="1" t="s">
        <v>25692</v>
      </c>
      <c r="B30159" s="1" t="s">
        <v>105234</v>
      </c>
      <c r="C30159" s="1" t="s">
        <v>150</v>
      </c>
      <c r="D30159" s="1" t="s">
        <v>59554</v>
      </c>
      <c r="E30159" s="1" t="s">
        <v>105660</v>
      </c>
      <c r="F30159" s="1" t="s">
        <v>105661</v>
      </c>
      <c r="G30159" s="1" t="s">
        <v>105563</v>
      </c>
      <c r="H30159" s="1" t="s">
        <v>105564</v>
      </c>
      <c r="I30159" s="1" t="s">
        <v>105238</v>
      </c>
      <c r="J30159" s="1" t="s">
        <v>105662</v>
      </c>
    </row>
    <row r="30160" spans="1:10" x14ac:dyDescent="0.35">
      <c r="A30160" s="1" t="s">
        <v>25692</v>
      </c>
      <c r="B30160" s="1" t="s">
        <v>105234</v>
      </c>
      <c r="C30160" s="1" t="s">
        <v>155</v>
      </c>
      <c r="D30160" s="1" t="s">
        <v>23453</v>
      </c>
      <c r="E30160" s="1" t="s">
        <v>105663</v>
      </c>
      <c r="F30160" s="1" t="s">
        <v>105664</v>
      </c>
      <c r="G30160" s="1" t="s">
        <v>105563</v>
      </c>
      <c r="H30160" s="1" t="s">
        <v>105564</v>
      </c>
      <c r="I30160" s="1" t="s">
        <v>105238</v>
      </c>
      <c r="J30160" s="1" t="s">
        <v>105665</v>
      </c>
    </row>
    <row r="30161" spans="1:10" x14ac:dyDescent="0.35">
      <c r="A30161" s="1" t="s">
        <v>25692</v>
      </c>
      <c r="B30161" s="1" t="s">
        <v>105234</v>
      </c>
      <c r="C30161" s="1" t="s">
        <v>160</v>
      </c>
      <c r="D30161" s="1" t="s">
        <v>87200</v>
      </c>
      <c r="E30161" s="1" t="s">
        <v>105666</v>
      </c>
      <c r="F30161" s="1" t="s">
        <v>105667</v>
      </c>
      <c r="G30161" s="1" t="s">
        <v>105563</v>
      </c>
      <c r="H30161" s="1" t="s">
        <v>105564</v>
      </c>
      <c r="I30161" s="1" t="s">
        <v>105238</v>
      </c>
      <c r="J30161" s="1" t="s">
        <v>105668</v>
      </c>
    </row>
    <row r="30162" spans="1:10" x14ac:dyDescent="0.35">
      <c r="A30162" s="1" t="s">
        <v>25692</v>
      </c>
      <c r="B30162" s="1" t="s">
        <v>105234</v>
      </c>
      <c r="C30162" s="1" t="s">
        <v>165</v>
      </c>
      <c r="D30162" s="1" t="s">
        <v>105669</v>
      </c>
      <c r="E30162" s="1" t="s">
        <v>105670</v>
      </c>
      <c r="F30162" s="1" t="s">
        <v>105671</v>
      </c>
      <c r="G30162" s="1" t="s">
        <v>105563</v>
      </c>
      <c r="H30162" s="1" t="s">
        <v>105564</v>
      </c>
      <c r="I30162" s="1" t="s">
        <v>105238</v>
      </c>
      <c r="J30162" s="1" t="s">
        <v>105672</v>
      </c>
    </row>
    <row r="30163" spans="1:10" x14ac:dyDescent="0.35">
      <c r="A30163" s="1" t="s">
        <v>25692</v>
      </c>
      <c r="B30163" s="1" t="s">
        <v>105234</v>
      </c>
      <c r="C30163" s="1" t="s">
        <v>170</v>
      </c>
      <c r="D30163" s="1" t="s">
        <v>91630</v>
      </c>
      <c r="E30163" s="1" t="s">
        <v>105673</v>
      </c>
      <c r="F30163" s="1" t="s">
        <v>105674</v>
      </c>
      <c r="G30163" s="1" t="s">
        <v>105563</v>
      </c>
      <c r="H30163" s="1" t="s">
        <v>105564</v>
      </c>
      <c r="I30163" s="1" t="s">
        <v>105238</v>
      </c>
      <c r="J30163" s="1" t="s">
        <v>105675</v>
      </c>
    </row>
    <row r="30164" spans="1:10" x14ac:dyDescent="0.35">
      <c r="A30164" s="1" t="s">
        <v>1150</v>
      </c>
      <c r="B30164" s="1" t="s">
        <v>105234</v>
      </c>
      <c r="C30164" s="1" t="s">
        <v>8</v>
      </c>
      <c r="D30164" s="1" t="s">
        <v>105676</v>
      </c>
      <c r="E30164" s="1" t="s">
        <v>105677</v>
      </c>
      <c r="F30164" s="1" t="s">
        <v>105678</v>
      </c>
      <c r="G30164" s="1" t="s">
        <v>105679</v>
      </c>
      <c r="H30164" s="1" t="s">
        <v>105680</v>
      </c>
      <c r="I30164" s="1" t="s">
        <v>105238</v>
      </c>
      <c r="J30164" s="1" t="s">
        <v>13</v>
      </c>
    </row>
    <row r="30165" spans="1:10" x14ac:dyDescent="0.35">
      <c r="A30165" s="1" t="s">
        <v>1150</v>
      </c>
      <c r="B30165" s="1" t="s">
        <v>105234</v>
      </c>
      <c r="C30165" s="1" t="s">
        <v>15</v>
      </c>
      <c r="D30165" s="1" t="s">
        <v>38670</v>
      </c>
      <c r="E30165" s="1" t="s">
        <v>105681</v>
      </c>
      <c r="F30165" s="1" t="s">
        <v>105682</v>
      </c>
      <c r="G30165" s="1" t="s">
        <v>105679</v>
      </c>
      <c r="H30165" s="1" t="s">
        <v>105680</v>
      </c>
      <c r="I30165" s="1" t="s">
        <v>105238</v>
      </c>
      <c r="J30165" s="1" t="s">
        <v>105683</v>
      </c>
    </row>
    <row r="30166" spans="1:10" x14ac:dyDescent="0.35">
      <c r="A30166" s="1" t="s">
        <v>1150</v>
      </c>
      <c r="B30166" s="1" t="s">
        <v>105234</v>
      </c>
      <c r="C30166" s="1" t="s">
        <v>20</v>
      </c>
      <c r="D30166" s="1" t="s">
        <v>105684</v>
      </c>
      <c r="E30166" s="1" t="s">
        <v>105685</v>
      </c>
      <c r="F30166" s="1" t="s">
        <v>105686</v>
      </c>
      <c r="G30166" s="1" t="s">
        <v>105679</v>
      </c>
      <c r="H30166" s="1" t="s">
        <v>105680</v>
      </c>
      <c r="I30166" s="1" t="s">
        <v>105238</v>
      </c>
      <c r="J30166" s="1" t="s">
        <v>105687</v>
      </c>
    </row>
    <row r="30167" spans="1:10" x14ac:dyDescent="0.35">
      <c r="A30167" s="1" t="s">
        <v>1150</v>
      </c>
      <c r="B30167" s="1" t="s">
        <v>105234</v>
      </c>
      <c r="C30167" s="1" t="s">
        <v>25</v>
      </c>
      <c r="D30167" s="1" t="s">
        <v>37011</v>
      </c>
      <c r="E30167" s="1" t="s">
        <v>105688</v>
      </c>
      <c r="F30167" s="1" t="s">
        <v>105689</v>
      </c>
      <c r="G30167" s="1" t="s">
        <v>105679</v>
      </c>
      <c r="H30167" s="1" t="s">
        <v>105680</v>
      </c>
      <c r="I30167" s="1" t="s">
        <v>105238</v>
      </c>
      <c r="J30167" s="1" t="s">
        <v>105690</v>
      </c>
    </row>
    <row r="30168" spans="1:10" x14ac:dyDescent="0.35">
      <c r="A30168" s="1" t="s">
        <v>1150</v>
      </c>
      <c r="B30168" s="1" t="s">
        <v>105234</v>
      </c>
      <c r="C30168" s="1" t="s">
        <v>30</v>
      </c>
      <c r="D30168" s="1" t="s">
        <v>38075</v>
      </c>
      <c r="E30168" s="1" t="s">
        <v>105691</v>
      </c>
      <c r="F30168" s="1" t="s">
        <v>105692</v>
      </c>
      <c r="G30168" s="1" t="s">
        <v>105679</v>
      </c>
      <c r="H30168" s="1" t="s">
        <v>105680</v>
      </c>
      <c r="I30168" s="1" t="s">
        <v>105238</v>
      </c>
      <c r="J30168" s="1" t="s">
        <v>105693</v>
      </c>
    </row>
    <row r="30169" spans="1:10" x14ac:dyDescent="0.35">
      <c r="A30169" s="1" t="s">
        <v>1150</v>
      </c>
      <c r="B30169" s="1" t="s">
        <v>105234</v>
      </c>
      <c r="C30169" s="1" t="s">
        <v>35</v>
      </c>
      <c r="D30169" s="1" t="s">
        <v>105694</v>
      </c>
      <c r="E30169" s="1" t="s">
        <v>105695</v>
      </c>
      <c r="F30169" s="1" t="s">
        <v>105696</v>
      </c>
      <c r="G30169" s="1" t="s">
        <v>105679</v>
      </c>
      <c r="H30169" s="1" t="s">
        <v>105680</v>
      </c>
      <c r="I30169" s="1" t="s">
        <v>105238</v>
      </c>
      <c r="J30169" s="1" t="s">
        <v>105697</v>
      </c>
    </row>
    <row r="30170" spans="1:10" x14ac:dyDescent="0.35">
      <c r="A30170" s="1" t="s">
        <v>1150</v>
      </c>
      <c r="B30170" s="1" t="s">
        <v>105234</v>
      </c>
      <c r="C30170" s="1" t="s">
        <v>40</v>
      </c>
      <c r="D30170" s="1" t="s">
        <v>10626</v>
      </c>
      <c r="E30170" s="1" t="s">
        <v>105698</v>
      </c>
      <c r="F30170" s="1" t="s">
        <v>105699</v>
      </c>
      <c r="G30170" s="1" t="s">
        <v>105679</v>
      </c>
      <c r="H30170" s="1" t="s">
        <v>105680</v>
      </c>
      <c r="I30170" s="1" t="s">
        <v>105238</v>
      </c>
      <c r="J30170" s="1" t="s">
        <v>105700</v>
      </c>
    </row>
    <row r="30171" spans="1:10" x14ac:dyDescent="0.35">
      <c r="A30171" s="1" t="s">
        <v>1150</v>
      </c>
      <c r="B30171" s="1" t="s">
        <v>105234</v>
      </c>
      <c r="C30171" s="1" t="s">
        <v>45</v>
      </c>
      <c r="D30171" s="1" t="s">
        <v>105701</v>
      </c>
      <c r="E30171" s="1" t="s">
        <v>105702</v>
      </c>
      <c r="F30171" s="1" t="s">
        <v>105703</v>
      </c>
      <c r="G30171" s="1" t="s">
        <v>105679</v>
      </c>
      <c r="H30171" s="1" t="s">
        <v>105680</v>
      </c>
      <c r="I30171" s="1" t="s">
        <v>105238</v>
      </c>
      <c r="J30171" s="1" t="s">
        <v>105704</v>
      </c>
    </row>
    <row r="30172" spans="1:10" x14ac:dyDescent="0.35">
      <c r="A30172" s="1" t="s">
        <v>1150</v>
      </c>
      <c r="B30172" s="1" t="s">
        <v>105234</v>
      </c>
      <c r="C30172" s="1" t="s">
        <v>50</v>
      </c>
      <c r="D30172" s="1" t="s">
        <v>14422</v>
      </c>
      <c r="E30172" s="1" t="s">
        <v>105705</v>
      </c>
      <c r="F30172" s="1" t="s">
        <v>105706</v>
      </c>
      <c r="G30172" s="1" t="s">
        <v>105679</v>
      </c>
      <c r="H30172" s="1" t="s">
        <v>105680</v>
      </c>
      <c r="I30172" s="1" t="s">
        <v>105238</v>
      </c>
      <c r="J30172" s="1" t="s">
        <v>105707</v>
      </c>
    </row>
    <row r="30173" spans="1:10" x14ac:dyDescent="0.35">
      <c r="A30173" s="1" t="s">
        <v>1150</v>
      </c>
      <c r="B30173" s="1" t="s">
        <v>105234</v>
      </c>
      <c r="C30173" s="1" t="s">
        <v>55</v>
      </c>
      <c r="D30173" s="1" t="s">
        <v>105708</v>
      </c>
      <c r="E30173" s="1" t="s">
        <v>105709</v>
      </c>
      <c r="F30173" s="1" t="s">
        <v>105710</v>
      </c>
      <c r="G30173" s="1" t="s">
        <v>105679</v>
      </c>
      <c r="H30173" s="1" t="s">
        <v>105680</v>
      </c>
      <c r="I30173" s="1" t="s">
        <v>105238</v>
      </c>
      <c r="J30173" s="1" t="s">
        <v>105711</v>
      </c>
    </row>
    <row r="30174" spans="1:10" x14ac:dyDescent="0.35">
      <c r="A30174" s="1" t="s">
        <v>1150</v>
      </c>
      <c r="B30174" s="1" t="s">
        <v>105234</v>
      </c>
      <c r="C30174" s="1" t="s">
        <v>60</v>
      </c>
      <c r="D30174" s="1" t="s">
        <v>105712</v>
      </c>
      <c r="E30174" s="1" t="s">
        <v>105713</v>
      </c>
      <c r="F30174" s="1" t="s">
        <v>105714</v>
      </c>
      <c r="G30174" s="1" t="s">
        <v>105679</v>
      </c>
      <c r="H30174" s="1" t="s">
        <v>105680</v>
      </c>
      <c r="I30174" s="1" t="s">
        <v>105238</v>
      </c>
      <c r="J30174" s="1" t="s">
        <v>105715</v>
      </c>
    </row>
    <row r="30175" spans="1:10" x14ac:dyDescent="0.35">
      <c r="A30175" s="1" t="s">
        <v>1150</v>
      </c>
      <c r="B30175" s="1" t="s">
        <v>105234</v>
      </c>
      <c r="C30175" s="1" t="s">
        <v>65</v>
      </c>
      <c r="D30175" s="1" t="s">
        <v>71577</v>
      </c>
      <c r="E30175" s="1" t="s">
        <v>105716</v>
      </c>
      <c r="F30175" s="1" t="s">
        <v>105717</v>
      </c>
      <c r="G30175" s="1" t="s">
        <v>105679</v>
      </c>
      <c r="H30175" s="1" t="s">
        <v>105680</v>
      </c>
      <c r="I30175" s="1" t="s">
        <v>105238</v>
      </c>
      <c r="J30175" s="1" t="s">
        <v>105718</v>
      </c>
    </row>
    <row r="30176" spans="1:10" x14ac:dyDescent="0.35">
      <c r="A30176" s="1" t="s">
        <v>1150</v>
      </c>
      <c r="B30176" s="1" t="s">
        <v>105234</v>
      </c>
      <c r="C30176" s="1" t="s">
        <v>70</v>
      </c>
      <c r="D30176" s="1" t="s">
        <v>57877</v>
      </c>
      <c r="E30176" s="1" t="s">
        <v>105719</v>
      </c>
      <c r="F30176" s="1" t="s">
        <v>105720</v>
      </c>
      <c r="G30176" s="1" t="s">
        <v>105679</v>
      </c>
      <c r="H30176" s="1" t="s">
        <v>105680</v>
      </c>
      <c r="I30176" s="1" t="s">
        <v>105238</v>
      </c>
      <c r="J30176" s="1" t="s">
        <v>105721</v>
      </c>
    </row>
    <row r="30177" spans="1:10" x14ac:dyDescent="0.35">
      <c r="A30177" s="1" t="s">
        <v>1150</v>
      </c>
      <c r="B30177" s="1" t="s">
        <v>105234</v>
      </c>
      <c r="C30177" s="1" t="s">
        <v>75</v>
      </c>
      <c r="D30177" s="1" t="s">
        <v>105722</v>
      </c>
      <c r="E30177" s="1" t="s">
        <v>105723</v>
      </c>
      <c r="F30177" s="1" t="s">
        <v>105724</v>
      </c>
      <c r="G30177" s="1" t="s">
        <v>105679</v>
      </c>
      <c r="H30177" s="1" t="s">
        <v>105680</v>
      </c>
      <c r="I30177" s="1" t="s">
        <v>105238</v>
      </c>
      <c r="J30177" s="1" t="s">
        <v>105725</v>
      </c>
    </row>
    <row r="30178" spans="1:10" x14ac:dyDescent="0.35">
      <c r="A30178" s="1" t="s">
        <v>1150</v>
      </c>
      <c r="B30178" s="1" t="s">
        <v>105234</v>
      </c>
      <c r="C30178" s="1" t="s">
        <v>80</v>
      </c>
      <c r="D30178" s="1" t="s">
        <v>81846</v>
      </c>
      <c r="E30178" s="1" t="s">
        <v>105726</v>
      </c>
      <c r="F30178" s="1" t="s">
        <v>105727</v>
      </c>
      <c r="G30178" s="1" t="s">
        <v>105679</v>
      </c>
      <c r="H30178" s="1" t="s">
        <v>105680</v>
      </c>
      <c r="I30178" s="1" t="s">
        <v>105238</v>
      </c>
      <c r="J30178" s="1" t="s">
        <v>105728</v>
      </c>
    </row>
    <row r="30179" spans="1:10" x14ac:dyDescent="0.35">
      <c r="A30179" s="1" t="s">
        <v>1150</v>
      </c>
      <c r="B30179" s="1" t="s">
        <v>105234</v>
      </c>
      <c r="C30179" s="1" t="s">
        <v>85</v>
      </c>
      <c r="D30179" s="1" t="s">
        <v>64669</v>
      </c>
      <c r="E30179" s="1" t="s">
        <v>105729</v>
      </c>
      <c r="F30179" s="1" t="s">
        <v>105730</v>
      </c>
      <c r="G30179" s="1" t="s">
        <v>105679</v>
      </c>
      <c r="H30179" s="1" t="s">
        <v>105680</v>
      </c>
      <c r="I30179" s="1" t="s">
        <v>105238</v>
      </c>
      <c r="J30179" s="1" t="s">
        <v>105731</v>
      </c>
    </row>
    <row r="30180" spans="1:10" x14ac:dyDescent="0.35">
      <c r="A30180" s="1" t="s">
        <v>1150</v>
      </c>
      <c r="B30180" s="1" t="s">
        <v>105234</v>
      </c>
      <c r="C30180" s="1" t="s">
        <v>90</v>
      </c>
      <c r="D30180" s="1" t="s">
        <v>105732</v>
      </c>
      <c r="E30180" s="1" t="s">
        <v>105733</v>
      </c>
      <c r="F30180" s="1" t="s">
        <v>105734</v>
      </c>
      <c r="G30180" s="1" t="s">
        <v>105679</v>
      </c>
      <c r="H30180" s="1" t="s">
        <v>105680</v>
      </c>
      <c r="I30180" s="1" t="s">
        <v>105238</v>
      </c>
      <c r="J30180" s="1" t="s">
        <v>105735</v>
      </c>
    </row>
    <row r="30181" spans="1:10" x14ac:dyDescent="0.35">
      <c r="A30181" s="1" t="s">
        <v>1150</v>
      </c>
      <c r="B30181" s="1" t="s">
        <v>105234</v>
      </c>
      <c r="C30181" s="1" t="s">
        <v>95</v>
      </c>
      <c r="D30181" s="1" t="s">
        <v>105736</v>
      </c>
      <c r="E30181" s="1" t="s">
        <v>105737</v>
      </c>
      <c r="F30181" s="1" t="s">
        <v>105738</v>
      </c>
      <c r="G30181" s="1" t="s">
        <v>105679</v>
      </c>
      <c r="H30181" s="1" t="s">
        <v>105680</v>
      </c>
      <c r="I30181" s="1" t="s">
        <v>105238</v>
      </c>
      <c r="J30181" s="1" t="s">
        <v>105739</v>
      </c>
    </row>
    <row r="30182" spans="1:10" x14ac:dyDescent="0.35">
      <c r="A30182" s="1" t="s">
        <v>1150</v>
      </c>
      <c r="B30182" s="1" t="s">
        <v>105234</v>
      </c>
      <c r="C30182" s="1" t="s">
        <v>100</v>
      </c>
      <c r="D30182" s="1" t="s">
        <v>105740</v>
      </c>
      <c r="E30182" s="1" t="s">
        <v>105741</v>
      </c>
      <c r="F30182" s="1" t="s">
        <v>105742</v>
      </c>
      <c r="G30182" s="1" t="s">
        <v>105679</v>
      </c>
      <c r="H30182" s="1" t="s">
        <v>105680</v>
      </c>
      <c r="I30182" s="1" t="s">
        <v>105238</v>
      </c>
      <c r="J30182" s="1" t="s">
        <v>105743</v>
      </c>
    </row>
    <row r="30183" spans="1:10" x14ac:dyDescent="0.35">
      <c r="A30183" s="1" t="s">
        <v>1150</v>
      </c>
      <c r="B30183" s="1" t="s">
        <v>105234</v>
      </c>
      <c r="C30183" s="1" t="s">
        <v>105</v>
      </c>
      <c r="D30183" s="1" t="s">
        <v>105744</v>
      </c>
      <c r="E30183" s="1" t="s">
        <v>105745</v>
      </c>
      <c r="F30183" s="1" t="s">
        <v>105746</v>
      </c>
      <c r="G30183" s="1" t="s">
        <v>105679</v>
      </c>
      <c r="H30183" s="1" t="s">
        <v>105680</v>
      </c>
      <c r="I30183" s="1" t="s">
        <v>105238</v>
      </c>
      <c r="J30183" s="1" t="s">
        <v>105747</v>
      </c>
    </row>
    <row r="30184" spans="1:10" x14ac:dyDescent="0.35">
      <c r="A30184" s="1" t="s">
        <v>1150</v>
      </c>
      <c r="B30184" s="1" t="s">
        <v>105234</v>
      </c>
      <c r="C30184" s="1" t="s">
        <v>110</v>
      </c>
      <c r="D30184" s="1" t="s">
        <v>105748</v>
      </c>
      <c r="E30184" s="1" t="s">
        <v>105749</v>
      </c>
      <c r="F30184" s="1" t="s">
        <v>105750</v>
      </c>
      <c r="G30184" s="1" t="s">
        <v>105679</v>
      </c>
      <c r="H30184" s="1" t="s">
        <v>105680</v>
      </c>
      <c r="I30184" s="1" t="s">
        <v>105238</v>
      </c>
      <c r="J30184" s="1" t="s">
        <v>105751</v>
      </c>
    </row>
    <row r="30185" spans="1:10" x14ac:dyDescent="0.35">
      <c r="A30185" s="1" t="s">
        <v>1150</v>
      </c>
      <c r="B30185" s="1" t="s">
        <v>105234</v>
      </c>
      <c r="C30185" s="1" t="s">
        <v>115</v>
      </c>
      <c r="D30185" s="1" t="s">
        <v>105752</v>
      </c>
      <c r="E30185" s="1" t="s">
        <v>105753</v>
      </c>
      <c r="F30185" s="1" t="s">
        <v>105754</v>
      </c>
      <c r="G30185" s="1" t="s">
        <v>105679</v>
      </c>
      <c r="H30185" s="1" t="s">
        <v>105680</v>
      </c>
      <c r="I30185" s="1" t="s">
        <v>105238</v>
      </c>
      <c r="J30185" s="1" t="s">
        <v>105755</v>
      </c>
    </row>
    <row r="30186" spans="1:10" x14ac:dyDescent="0.35">
      <c r="A30186" s="1" t="s">
        <v>1150</v>
      </c>
      <c r="B30186" s="1" t="s">
        <v>105234</v>
      </c>
      <c r="C30186" s="1" t="s">
        <v>120</v>
      </c>
      <c r="D30186" s="1" t="s">
        <v>12674</v>
      </c>
      <c r="E30186" s="1" t="s">
        <v>105756</v>
      </c>
      <c r="F30186" s="1" t="s">
        <v>105757</v>
      </c>
      <c r="G30186" s="1" t="s">
        <v>105679</v>
      </c>
      <c r="H30186" s="1" t="s">
        <v>105680</v>
      </c>
      <c r="I30186" s="1" t="s">
        <v>105238</v>
      </c>
      <c r="J30186" s="1" t="s">
        <v>105758</v>
      </c>
    </row>
    <row r="30187" spans="1:10" x14ac:dyDescent="0.35">
      <c r="A30187" s="1" t="s">
        <v>1150</v>
      </c>
      <c r="B30187" s="1" t="s">
        <v>105234</v>
      </c>
      <c r="C30187" s="1" t="s">
        <v>125</v>
      </c>
      <c r="D30187" s="1" t="s">
        <v>105759</v>
      </c>
      <c r="E30187" s="1" t="s">
        <v>105760</v>
      </c>
      <c r="F30187" s="1" t="s">
        <v>105761</v>
      </c>
      <c r="G30187" s="1" t="s">
        <v>105679</v>
      </c>
      <c r="H30187" s="1" t="s">
        <v>105680</v>
      </c>
      <c r="I30187" s="1" t="s">
        <v>105238</v>
      </c>
      <c r="J30187" s="1" t="s">
        <v>105762</v>
      </c>
    </row>
    <row r="30188" spans="1:10" x14ac:dyDescent="0.35">
      <c r="A30188" s="1" t="s">
        <v>1150</v>
      </c>
      <c r="B30188" s="1" t="s">
        <v>105234</v>
      </c>
      <c r="C30188" s="1" t="s">
        <v>130</v>
      </c>
      <c r="D30188" s="1" t="s">
        <v>105763</v>
      </c>
      <c r="E30188" s="1" t="s">
        <v>105764</v>
      </c>
      <c r="F30188" s="1" t="s">
        <v>105765</v>
      </c>
      <c r="G30188" s="1" t="s">
        <v>105679</v>
      </c>
      <c r="H30188" s="1" t="s">
        <v>105680</v>
      </c>
      <c r="I30188" s="1" t="s">
        <v>105238</v>
      </c>
      <c r="J30188" s="1" t="s">
        <v>105766</v>
      </c>
    </row>
    <row r="30189" spans="1:10" x14ac:dyDescent="0.35">
      <c r="A30189" s="1" t="s">
        <v>1150</v>
      </c>
      <c r="B30189" s="1" t="s">
        <v>105234</v>
      </c>
      <c r="C30189" s="1" t="s">
        <v>135</v>
      </c>
      <c r="D30189" s="1" t="s">
        <v>59485</v>
      </c>
      <c r="E30189" s="1" t="s">
        <v>105767</v>
      </c>
      <c r="F30189" s="1" t="s">
        <v>105768</v>
      </c>
      <c r="G30189" s="1" t="s">
        <v>105679</v>
      </c>
      <c r="H30189" s="1" t="s">
        <v>105680</v>
      </c>
      <c r="I30189" s="1" t="s">
        <v>105238</v>
      </c>
      <c r="J30189" s="1" t="s">
        <v>105769</v>
      </c>
    </row>
    <row r="30190" spans="1:10" x14ac:dyDescent="0.35">
      <c r="A30190" s="1" t="s">
        <v>1150</v>
      </c>
      <c r="B30190" s="1" t="s">
        <v>105234</v>
      </c>
      <c r="C30190" s="1" t="s">
        <v>140</v>
      </c>
      <c r="D30190" s="1" t="s">
        <v>105770</v>
      </c>
      <c r="E30190" s="1" t="s">
        <v>105771</v>
      </c>
      <c r="F30190" s="1" t="s">
        <v>105772</v>
      </c>
      <c r="G30190" s="1" t="s">
        <v>105679</v>
      </c>
      <c r="H30190" s="1" t="s">
        <v>105680</v>
      </c>
      <c r="I30190" s="1" t="s">
        <v>105238</v>
      </c>
      <c r="J30190" s="1" t="s">
        <v>105773</v>
      </c>
    </row>
    <row r="30191" spans="1:10" x14ac:dyDescent="0.35">
      <c r="A30191" s="1" t="s">
        <v>1150</v>
      </c>
      <c r="B30191" s="1" t="s">
        <v>105234</v>
      </c>
      <c r="C30191" s="1" t="s">
        <v>145</v>
      </c>
      <c r="D30191" s="1" t="s">
        <v>105774</v>
      </c>
      <c r="E30191" s="1" t="s">
        <v>105775</v>
      </c>
      <c r="F30191" s="1" t="s">
        <v>105776</v>
      </c>
      <c r="G30191" s="1" t="s">
        <v>105679</v>
      </c>
      <c r="H30191" s="1" t="s">
        <v>105680</v>
      </c>
      <c r="I30191" s="1" t="s">
        <v>105238</v>
      </c>
      <c r="J30191" s="1" t="s">
        <v>105777</v>
      </c>
    </row>
    <row r="30192" spans="1:10" x14ac:dyDescent="0.35">
      <c r="A30192" s="1" t="s">
        <v>1150</v>
      </c>
      <c r="B30192" s="1" t="s">
        <v>105234</v>
      </c>
      <c r="C30192" s="1" t="s">
        <v>150</v>
      </c>
      <c r="D30192" s="1" t="s">
        <v>105778</v>
      </c>
      <c r="E30192" s="1" t="s">
        <v>105779</v>
      </c>
      <c r="F30192" s="1" t="s">
        <v>105780</v>
      </c>
      <c r="G30192" s="1" t="s">
        <v>105679</v>
      </c>
      <c r="H30192" s="1" t="s">
        <v>105680</v>
      </c>
      <c r="I30192" s="1" t="s">
        <v>105238</v>
      </c>
      <c r="J30192" s="1" t="s">
        <v>105781</v>
      </c>
    </row>
    <row r="30193" spans="1:10" x14ac:dyDescent="0.35">
      <c r="A30193" s="1" t="s">
        <v>1150</v>
      </c>
      <c r="B30193" s="1" t="s">
        <v>105234</v>
      </c>
      <c r="C30193" s="1" t="s">
        <v>155</v>
      </c>
      <c r="D30193" s="1" t="s">
        <v>105782</v>
      </c>
      <c r="E30193" s="1" t="s">
        <v>105783</v>
      </c>
      <c r="F30193" s="1" t="s">
        <v>105784</v>
      </c>
      <c r="G30193" s="1" t="s">
        <v>105679</v>
      </c>
      <c r="H30193" s="1" t="s">
        <v>105680</v>
      </c>
      <c r="I30193" s="1" t="s">
        <v>105238</v>
      </c>
      <c r="J30193" s="1" t="s">
        <v>105785</v>
      </c>
    </row>
    <row r="30194" spans="1:10" x14ac:dyDescent="0.35">
      <c r="A30194" s="1" t="s">
        <v>1150</v>
      </c>
      <c r="B30194" s="1" t="s">
        <v>105234</v>
      </c>
      <c r="C30194" s="1" t="s">
        <v>160</v>
      </c>
      <c r="D30194" s="1" t="s">
        <v>82258</v>
      </c>
      <c r="E30194" s="1" t="s">
        <v>105786</v>
      </c>
      <c r="F30194" s="1" t="s">
        <v>105787</v>
      </c>
      <c r="G30194" s="1" t="s">
        <v>105679</v>
      </c>
      <c r="H30194" s="1" t="s">
        <v>105680</v>
      </c>
      <c r="I30194" s="1" t="s">
        <v>105238</v>
      </c>
      <c r="J30194" s="1" t="s">
        <v>105788</v>
      </c>
    </row>
    <row r="30195" spans="1:10" x14ac:dyDescent="0.35">
      <c r="A30195" s="1" t="s">
        <v>1150</v>
      </c>
      <c r="B30195" s="1" t="s">
        <v>105234</v>
      </c>
      <c r="C30195" s="1" t="s">
        <v>165</v>
      </c>
      <c r="D30195" s="1" t="s">
        <v>105789</v>
      </c>
      <c r="E30195" s="1" t="s">
        <v>105790</v>
      </c>
      <c r="F30195" s="1" t="s">
        <v>105791</v>
      </c>
      <c r="G30195" s="1" t="s">
        <v>105679</v>
      </c>
      <c r="H30195" s="1" t="s">
        <v>105680</v>
      </c>
      <c r="I30195" s="1" t="s">
        <v>105238</v>
      </c>
      <c r="J30195" s="1" t="s">
        <v>105792</v>
      </c>
    </row>
    <row r="30196" spans="1:10" x14ac:dyDescent="0.35">
      <c r="A30196" s="1" t="s">
        <v>1150</v>
      </c>
      <c r="B30196" s="1" t="s">
        <v>105234</v>
      </c>
      <c r="C30196" s="1" t="s">
        <v>170</v>
      </c>
      <c r="D30196" s="1" t="s">
        <v>79000</v>
      </c>
      <c r="E30196" s="1" t="s">
        <v>105793</v>
      </c>
      <c r="F30196" s="1" t="s">
        <v>105794</v>
      </c>
      <c r="G30196" s="1" t="s">
        <v>105679</v>
      </c>
      <c r="H30196" s="1" t="s">
        <v>105680</v>
      </c>
      <c r="I30196" s="1" t="s">
        <v>105238</v>
      </c>
      <c r="J30196" s="1" t="s">
        <v>105795</v>
      </c>
    </row>
    <row r="30197" spans="1:10" x14ac:dyDescent="0.35">
      <c r="A30197" s="1" t="s">
        <v>105796</v>
      </c>
      <c r="B30197" s="1" t="s">
        <v>105234</v>
      </c>
      <c r="C30197" s="1" t="s">
        <v>8</v>
      </c>
      <c r="D30197" s="1" t="s">
        <v>67617</v>
      </c>
      <c r="E30197" s="1" t="s">
        <v>105797</v>
      </c>
      <c r="F30197" s="1" t="s">
        <v>105798</v>
      </c>
      <c r="G30197" s="1" t="s">
        <v>105799</v>
      </c>
      <c r="H30197" s="1" t="s">
        <v>105800</v>
      </c>
      <c r="I30197" s="1" t="s">
        <v>105238</v>
      </c>
      <c r="J30197" s="1" t="s">
        <v>13</v>
      </c>
    </row>
    <row r="30198" spans="1:10" x14ac:dyDescent="0.35">
      <c r="A30198" s="1" t="s">
        <v>105796</v>
      </c>
      <c r="B30198" s="1" t="s">
        <v>105234</v>
      </c>
      <c r="C30198" s="1" t="s">
        <v>15</v>
      </c>
      <c r="D30198" s="1" t="s">
        <v>105801</v>
      </c>
      <c r="E30198" s="1" t="s">
        <v>105802</v>
      </c>
      <c r="F30198" s="1" t="s">
        <v>105803</v>
      </c>
      <c r="G30198" s="1" t="s">
        <v>105799</v>
      </c>
      <c r="H30198" s="1" t="s">
        <v>105800</v>
      </c>
      <c r="I30198" s="1" t="s">
        <v>105238</v>
      </c>
      <c r="J30198" s="1" t="s">
        <v>105804</v>
      </c>
    </row>
    <row r="30199" spans="1:10" x14ac:dyDescent="0.35">
      <c r="A30199" s="1" t="s">
        <v>105796</v>
      </c>
      <c r="B30199" s="1" t="s">
        <v>105234</v>
      </c>
      <c r="C30199" s="1" t="s">
        <v>20</v>
      </c>
      <c r="D30199" s="1" t="s">
        <v>57694</v>
      </c>
      <c r="E30199" s="1" t="s">
        <v>105805</v>
      </c>
      <c r="F30199" s="1" t="s">
        <v>105806</v>
      </c>
      <c r="G30199" s="1" t="s">
        <v>105799</v>
      </c>
      <c r="H30199" s="1" t="s">
        <v>105800</v>
      </c>
      <c r="I30199" s="1" t="s">
        <v>105238</v>
      </c>
      <c r="J30199" s="1" t="s">
        <v>105807</v>
      </c>
    </row>
    <row r="30200" spans="1:10" x14ac:dyDescent="0.35">
      <c r="A30200" s="1" t="s">
        <v>105796</v>
      </c>
      <c r="B30200" s="1" t="s">
        <v>105234</v>
      </c>
      <c r="C30200" s="1" t="s">
        <v>25</v>
      </c>
      <c r="D30200" s="1" t="s">
        <v>68454</v>
      </c>
      <c r="E30200" s="1" t="s">
        <v>105808</v>
      </c>
      <c r="F30200" s="1" t="s">
        <v>105809</v>
      </c>
      <c r="G30200" s="1" t="s">
        <v>105799</v>
      </c>
      <c r="H30200" s="1" t="s">
        <v>105800</v>
      </c>
      <c r="I30200" s="1" t="s">
        <v>105238</v>
      </c>
      <c r="J30200" s="1" t="s">
        <v>105810</v>
      </c>
    </row>
    <row r="30201" spans="1:10" x14ac:dyDescent="0.35">
      <c r="A30201" s="1" t="s">
        <v>105796</v>
      </c>
      <c r="B30201" s="1" t="s">
        <v>105234</v>
      </c>
      <c r="C30201" s="1" t="s">
        <v>30</v>
      </c>
      <c r="D30201" s="1" t="s">
        <v>88891</v>
      </c>
      <c r="E30201" s="1" t="s">
        <v>105811</v>
      </c>
      <c r="F30201" s="1" t="s">
        <v>105812</v>
      </c>
      <c r="G30201" s="1" t="s">
        <v>105799</v>
      </c>
      <c r="H30201" s="1" t="s">
        <v>105800</v>
      </c>
      <c r="I30201" s="1" t="s">
        <v>105238</v>
      </c>
      <c r="J30201" s="1" t="s">
        <v>105813</v>
      </c>
    </row>
    <row r="30202" spans="1:10" x14ac:dyDescent="0.35">
      <c r="A30202" s="1" t="s">
        <v>105796</v>
      </c>
      <c r="B30202" s="1" t="s">
        <v>105234</v>
      </c>
      <c r="C30202" s="1" t="s">
        <v>35</v>
      </c>
      <c r="D30202" s="1" t="s">
        <v>105814</v>
      </c>
      <c r="E30202" s="1" t="s">
        <v>105815</v>
      </c>
      <c r="F30202" s="1" t="s">
        <v>105816</v>
      </c>
      <c r="G30202" s="1" t="s">
        <v>105799</v>
      </c>
      <c r="H30202" s="1" t="s">
        <v>105800</v>
      </c>
      <c r="I30202" s="1" t="s">
        <v>105238</v>
      </c>
      <c r="J30202" s="1" t="s">
        <v>105817</v>
      </c>
    </row>
    <row r="30203" spans="1:10" x14ac:dyDescent="0.35">
      <c r="A30203" s="1" t="s">
        <v>105796</v>
      </c>
      <c r="B30203" s="1" t="s">
        <v>105234</v>
      </c>
      <c r="C30203" s="1" t="s">
        <v>40</v>
      </c>
      <c r="D30203" s="1" t="s">
        <v>26506</v>
      </c>
      <c r="E30203" s="1" t="s">
        <v>105818</v>
      </c>
      <c r="F30203" s="1" t="s">
        <v>105819</v>
      </c>
      <c r="G30203" s="1" t="s">
        <v>105799</v>
      </c>
      <c r="H30203" s="1" t="s">
        <v>105800</v>
      </c>
      <c r="I30203" s="1" t="s">
        <v>105238</v>
      </c>
      <c r="J30203" s="1" t="s">
        <v>105820</v>
      </c>
    </row>
    <row r="30204" spans="1:10" x14ac:dyDescent="0.35">
      <c r="A30204" s="1" t="s">
        <v>105796</v>
      </c>
      <c r="B30204" s="1" t="s">
        <v>105234</v>
      </c>
      <c r="C30204" s="1" t="s">
        <v>45</v>
      </c>
      <c r="D30204" s="1" t="s">
        <v>105821</v>
      </c>
      <c r="E30204" s="1" t="s">
        <v>105822</v>
      </c>
      <c r="F30204" s="1" t="s">
        <v>105823</v>
      </c>
      <c r="G30204" s="1" t="s">
        <v>105799</v>
      </c>
      <c r="H30204" s="1" t="s">
        <v>105800</v>
      </c>
      <c r="I30204" s="1" t="s">
        <v>105238</v>
      </c>
      <c r="J30204" s="1" t="s">
        <v>105824</v>
      </c>
    </row>
    <row r="30205" spans="1:10" x14ac:dyDescent="0.35">
      <c r="A30205" s="1" t="s">
        <v>105796</v>
      </c>
      <c r="B30205" s="1" t="s">
        <v>105234</v>
      </c>
      <c r="C30205" s="1" t="s">
        <v>50</v>
      </c>
      <c r="D30205" s="1" t="s">
        <v>105825</v>
      </c>
      <c r="E30205" s="1" t="s">
        <v>105826</v>
      </c>
      <c r="F30205" s="1" t="s">
        <v>105827</v>
      </c>
      <c r="G30205" s="1" t="s">
        <v>105799</v>
      </c>
      <c r="H30205" s="1" t="s">
        <v>105800</v>
      </c>
      <c r="I30205" s="1" t="s">
        <v>105238</v>
      </c>
      <c r="J30205" s="1" t="s">
        <v>105828</v>
      </c>
    </row>
    <row r="30206" spans="1:10" x14ac:dyDescent="0.35">
      <c r="A30206" s="1" t="s">
        <v>105796</v>
      </c>
      <c r="B30206" s="1" t="s">
        <v>105234</v>
      </c>
      <c r="C30206" s="1" t="s">
        <v>55</v>
      </c>
      <c r="D30206" s="1" t="s">
        <v>85548</v>
      </c>
      <c r="E30206" s="1" t="s">
        <v>105829</v>
      </c>
      <c r="F30206" s="1" t="s">
        <v>105830</v>
      </c>
      <c r="G30206" s="1" t="s">
        <v>105799</v>
      </c>
      <c r="H30206" s="1" t="s">
        <v>105800</v>
      </c>
      <c r="I30206" s="1" t="s">
        <v>105238</v>
      </c>
      <c r="J30206" s="1" t="s">
        <v>105831</v>
      </c>
    </row>
    <row r="30207" spans="1:10" x14ac:dyDescent="0.35">
      <c r="A30207" s="1" t="s">
        <v>105796</v>
      </c>
      <c r="B30207" s="1" t="s">
        <v>105234</v>
      </c>
      <c r="C30207" s="1" t="s">
        <v>60</v>
      </c>
      <c r="D30207" s="1" t="s">
        <v>105832</v>
      </c>
      <c r="E30207" s="1" t="s">
        <v>105833</v>
      </c>
      <c r="F30207" s="1" t="s">
        <v>105834</v>
      </c>
      <c r="G30207" s="1" t="s">
        <v>105799</v>
      </c>
      <c r="H30207" s="1" t="s">
        <v>105800</v>
      </c>
      <c r="I30207" s="1" t="s">
        <v>105238</v>
      </c>
      <c r="J30207" s="1" t="s">
        <v>105835</v>
      </c>
    </row>
    <row r="30208" spans="1:10" x14ac:dyDescent="0.35">
      <c r="A30208" s="1" t="s">
        <v>105796</v>
      </c>
      <c r="B30208" s="1" t="s">
        <v>105234</v>
      </c>
      <c r="C30208" s="1" t="s">
        <v>65</v>
      </c>
      <c r="D30208" s="1" t="s">
        <v>105836</v>
      </c>
      <c r="E30208" s="1" t="s">
        <v>105837</v>
      </c>
      <c r="F30208" s="1" t="s">
        <v>105838</v>
      </c>
      <c r="G30208" s="1" t="s">
        <v>105799</v>
      </c>
      <c r="H30208" s="1" t="s">
        <v>105800</v>
      </c>
      <c r="I30208" s="1" t="s">
        <v>105238</v>
      </c>
      <c r="J30208" s="1" t="s">
        <v>105839</v>
      </c>
    </row>
    <row r="30209" spans="1:10" x14ac:dyDescent="0.35">
      <c r="A30209" s="1" t="s">
        <v>105796</v>
      </c>
      <c r="B30209" s="1" t="s">
        <v>105234</v>
      </c>
      <c r="C30209" s="1" t="s">
        <v>70</v>
      </c>
      <c r="D30209" s="1" t="s">
        <v>105840</v>
      </c>
      <c r="E30209" s="1" t="s">
        <v>105841</v>
      </c>
      <c r="F30209" s="1" t="s">
        <v>105842</v>
      </c>
      <c r="G30209" s="1" t="s">
        <v>105799</v>
      </c>
      <c r="H30209" s="1" t="s">
        <v>105800</v>
      </c>
      <c r="I30209" s="1" t="s">
        <v>105238</v>
      </c>
      <c r="J30209" s="1" t="s">
        <v>105843</v>
      </c>
    </row>
    <row r="30210" spans="1:10" x14ac:dyDescent="0.35">
      <c r="A30210" s="1" t="s">
        <v>105796</v>
      </c>
      <c r="B30210" s="1" t="s">
        <v>105234</v>
      </c>
      <c r="C30210" s="1" t="s">
        <v>75</v>
      </c>
      <c r="D30210" s="1" t="s">
        <v>105844</v>
      </c>
      <c r="E30210" s="1" t="s">
        <v>105845</v>
      </c>
      <c r="F30210" s="1" t="s">
        <v>105846</v>
      </c>
      <c r="G30210" s="1" t="s">
        <v>105799</v>
      </c>
      <c r="H30210" s="1" t="s">
        <v>105800</v>
      </c>
      <c r="I30210" s="1" t="s">
        <v>105238</v>
      </c>
      <c r="J30210" s="1" t="s">
        <v>105847</v>
      </c>
    </row>
    <row r="30211" spans="1:10" x14ac:dyDescent="0.35">
      <c r="A30211" s="1" t="s">
        <v>105796</v>
      </c>
      <c r="B30211" s="1" t="s">
        <v>105234</v>
      </c>
      <c r="C30211" s="1" t="s">
        <v>80</v>
      </c>
      <c r="D30211" s="1" t="s">
        <v>105848</v>
      </c>
      <c r="E30211" s="1" t="s">
        <v>105849</v>
      </c>
      <c r="F30211" s="1" t="s">
        <v>105850</v>
      </c>
      <c r="G30211" s="1" t="s">
        <v>105799</v>
      </c>
      <c r="H30211" s="1" t="s">
        <v>105800</v>
      </c>
      <c r="I30211" s="1" t="s">
        <v>105238</v>
      </c>
      <c r="J30211" s="1" t="s">
        <v>105851</v>
      </c>
    </row>
    <row r="30212" spans="1:10" x14ac:dyDescent="0.35">
      <c r="A30212" s="1" t="s">
        <v>105796</v>
      </c>
      <c r="B30212" s="1" t="s">
        <v>105234</v>
      </c>
      <c r="C30212" s="1" t="s">
        <v>85</v>
      </c>
      <c r="D30212" s="1" t="s">
        <v>66322</v>
      </c>
      <c r="E30212" s="1" t="s">
        <v>105852</v>
      </c>
      <c r="F30212" s="1" t="s">
        <v>105853</v>
      </c>
      <c r="G30212" s="1" t="s">
        <v>105799</v>
      </c>
      <c r="H30212" s="1" t="s">
        <v>105800</v>
      </c>
      <c r="I30212" s="1" t="s">
        <v>105238</v>
      </c>
      <c r="J30212" s="1" t="s">
        <v>105854</v>
      </c>
    </row>
    <row r="30213" spans="1:10" x14ac:dyDescent="0.35">
      <c r="A30213" s="1" t="s">
        <v>105796</v>
      </c>
      <c r="B30213" s="1" t="s">
        <v>105234</v>
      </c>
      <c r="C30213" s="1" t="s">
        <v>90</v>
      </c>
      <c r="D30213" s="1" t="s">
        <v>62587</v>
      </c>
      <c r="E30213" s="1" t="s">
        <v>105855</v>
      </c>
      <c r="F30213" s="1" t="s">
        <v>105856</v>
      </c>
      <c r="G30213" s="1" t="s">
        <v>105799</v>
      </c>
      <c r="H30213" s="1" t="s">
        <v>105800</v>
      </c>
      <c r="I30213" s="1" t="s">
        <v>105238</v>
      </c>
      <c r="J30213" s="1" t="s">
        <v>105857</v>
      </c>
    </row>
    <row r="30214" spans="1:10" x14ac:dyDescent="0.35">
      <c r="A30214" s="1" t="s">
        <v>105796</v>
      </c>
      <c r="B30214" s="1" t="s">
        <v>105234</v>
      </c>
      <c r="C30214" s="1" t="s">
        <v>95</v>
      </c>
      <c r="D30214" s="1" t="s">
        <v>105858</v>
      </c>
      <c r="E30214" s="1" t="s">
        <v>105859</v>
      </c>
      <c r="F30214" s="1" t="s">
        <v>105860</v>
      </c>
      <c r="G30214" s="1" t="s">
        <v>105799</v>
      </c>
      <c r="H30214" s="1" t="s">
        <v>105800</v>
      </c>
      <c r="I30214" s="1" t="s">
        <v>105238</v>
      </c>
      <c r="J30214" s="1" t="s">
        <v>105861</v>
      </c>
    </row>
    <row r="30215" spans="1:10" x14ac:dyDescent="0.35">
      <c r="A30215" s="1" t="s">
        <v>105796</v>
      </c>
      <c r="B30215" s="1" t="s">
        <v>105234</v>
      </c>
      <c r="C30215" s="1" t="s">
        <v>100</v>
      </c>
      <c r="D30215" s="1" t="s">
        <v>105862</v>
      </c>
      <c r="E30215" s="1" t="s">
        <v>105863</v>
      </c>
      <c r="F30215" s="1" t="s">
        <v>105864</v>
      </c>
      <c r="G30215" s="1" t="s">
        <v>105799</v>
      </c>
      <c r="H30215" s="1" t="s">
        <v>105800</v>
      </c>
      <c r="I30215" s="1" t="s">
        <v>105238</v>
      </c>
      <c r="J30215" s="1" t="s">
        <v>105865</v>
      </c>
    </row>
    <row r="30216" spans="1:10" x14ac:dyDescent="0.35">
      <c r="A30216" s="1" t="s">
        <v>105796</v>
      </c>
      <c r="B30216" s="1" t="s">
        <v>105234</v>
      </c>
      <c r="C30216" s="1" t="s">
        <v>105</v>
      </c>
      <c r="D30216" s="1" t="s">
        <v>56962</v>
      </c>
      <c r="E30216" s="1" t="s">
        <v>105866</v>
      </c>
      <c r="F30216" s="1" t="s">
        <v>105867</v>
      </c>
      <c r="G30216" s="1" t="s">
        <v>105799</v>
      </c>
      <c r="H30216" s="1" t="s">
        <v>105800</v>
      </c>
      <c r="I30216" s="1" t="s">
        <v>105238</v>
      </c>
      <c r="J30216" s="1" t="s">
        <v>105868</v>
      </c>
    </row>
    <row r="30217" spans="1:10" x14ac:dyDescent="0.35">
      <c r="A30217" s="1" t="s">
        <v>105796</v>
      </c>
      <c r="B30217" s="1" t="s">
        <v>105234</v>
      </c>
      <c r="C30217" s="1" t="s">
        <v>110</v>
      </c>
      <c r="D30217" s="1" t="s">
        <v>41343</v>
      </c>
      <c r="E30217" s="1" t="s">
        <v>105869</v>
      </c>
      <c r="F30217" s="1" t="s">
        <v>105870</v>
      </c>
      <c r="G30217" s="1" t="s">
        <v>105799</v>
      </c>
      <c r="H30217" s="1" t="s">
        <v>105800</v>
      </c>
      <c r="I30217" s="1" t="s">
        <v>105238</v>
      </c>
      <c r="J30217" s="1" t="s">
        <v>105871</v>
      </c>
    </row>
    <row r="30218" spans="1:10" x14ac:dyDescent="0.35">
      <c r="A30218" s="1" t="s">
        <v>105796</v>
      </c>
      <c r="B30218" s="1" t="s">
        <v>105234</v>
      </c>
      <c r="C30218" s="1" t="s">
        <v>115</v>
      </c>
      <c r="D30218" s="1" t="s">
        <v>85483</v>
      </c>
      <c r="E30218" s="1" t="s">
        <v>105872</v>
      </c>
      <c r="F30218" s="1" t="s">
        <v>105873</v>
      </c>
      <c r="G30218" s="1" t="s">
        <v>105799</v>
      </c>
      <c r="H30218" s="1" t="s">
        <v>105800</v>
      </c>
      <c r="I30218" s="1" t="s">
        <v>105238</v>
      </c>
      <c r="J30218" s="1" t="s">
        <v>105874</v>
      </c>
    </row>
    <row r="30219" spans="1:10" x14ac:dyDescent="0.35">
      <c r="A30219" s="1" t="s">
        <v>105796</v>
      </c>
      <c r="B30219" s="1" t="s">
        <v>105234</v>
      </c>
      <c r="C30219" s="1" t="s">
        <v>120</v>
      </c>
      <c r="D30219" s="1" t="s">
        <v>105875</v>
      </c>
      <c r="E30219" s="1" t="s">
        <v>105876</v>
      </c>
      <c r="F30219" s="1" t="s">
        <v>105877</v>
      </c>
      <c r="G30219" s="1" t="s">
        <v>105799</v>
      </c>
      <c r="H30219" s="1" t="s">
        <v>105800</v>
      </c>
      <c r="I30219" s="1" t="s">
        <v>105238</v>
      </c>
      <c r="J30219" s="1" t="s">
        <v>105878</v>
      </c>
    </row>
    <row r="30220" spans="1:10" x14ac:dyDescent="0.35">
      <c r="A30220" s="1" t="s">
        <v>105796</v>
      </c>
      <c r="B30220" s="1" t="s">
        <v>105234</v>
      </c>
      <c r="C30220" s="1" t="s">
        <v>125</v>
      </c>
      <c r="D30220" s="1" t="s">
        <v>85277</v>
      </c>
      <c r="E30220" s="1" t="s">
        <v>105879</v>
      </c>
      <c r="F30220" s="1" t="s">
        <v>105880</v>
      </c>
      <c r="G30220" s="1" t="s">
        <v>105799</v>
      </c>
      <c r="H30220" s="1" t="s">
        <v>105800</v>
      </c>
      <c r="I30220" s="1" t="s">
        <v>105238</v>
      </c>
      <c r="J30220" s="1" t="s">
        <v>105881</v>
      </c>
    </row>
    <row r="30221" spans="1:10" x14ac:dyDescent="0.35">
      <c r="A30221" s="1" t="s">
        <v>105796</v>
      </c>
      <c r="B30221" s="1" t="s">
        <v>105234</v>
      </c>
      <c r="C30221" s="1" t="s">
        <v>130</v>
      </c>
      <c r="D30221" s="1" t="s">
        <v>99288</v>
      </c>
      <c r="E30221" s="1" t="s">
        <v>105882</v>
      </c>
      <c r="F30221" s="1" t="s">
        <v>105883</v>
      </c>
      <c r="G30221" s="1" t="s">
        <v>105799</v>
      </c>
      <c r="H30221" s="1" t="s">
        <v>105800</v>
      </c>
      <c r="I30221" s="1" t="s">
        <v>105238</v>
      </c>
      <c r="J30221" s="1" t="s">
        <v>105884</v>
      </c>
    </row>
    <row r="30222" spans="1:10" x14ac:dyDescent="0.35">
      <c r="A30222" s="1" t="s">
        <v>105796</v>
      </c>
      <c r="B30222" s="1" t="s">
        <v>105234</v>
      </c>
      <c r="C30222" s="1" t="s">
        <v>135</v>
      </c>
      <c r="D30222" s="1" t="s">
        <v>56896</v>
      </c>
      <c r="E30222" s="1" t="s">
        <v>105885</v>
      </c>
      <c r="F30222" s="1" t="s">
        <v>105886</v>
      </c>
      <c r="G30222" s="1" t="s">
        <v>105799</v>
      </c>
      <c r="H30222" s="1" t="s">
        <v>105800</v>
      </c>
      <c r="I30222" s="1" t="s">
        <v>105238</v>
      </c>
      <c r="J30222" s="1" t="s">
        <v>105887</v>
      </c>
    </row>
    <row r="30223" spans="1:10" x14ac:dyDescent="0.35">
      <c r="A30223" s="1" t="s">
        <v>105796</v>
      </c>
      <c r="B30223" s="1" t="s">
        <v>105234</v>
      </c>
      <c r="C30223" s="1" t="s">
        <v>140</v>
      </c>
      <c r="D30223" s="1" t="s">
        <v>105888</v>
      </c>
      <c r="E30223" s="1" t="s">
        <v>105889</v>
      </c>
      <c r="F30223" s="1" t="s">
        <v>105890</v>
      </c>
      <c r="G30223" s="1" t="s">
        <v>105799</v>
      </c>
      <c r="H30223" s="1" t="s">
        <v>105800</v>
      </c>
      <c r="I30223" s="1" t="s">
        <v>105238</v>
      </c>
      <c r="J30223" s="1" t="s">
        <v>105891</v>
      </c>
    </row>
    <row r="30224" spans="1:10" x14ac:dyDescent="0.35">
      <c r="A30224" s="1" t="s">
        <v>105796</v>
      </c>
      <c r="B30224" s="1" t="s">
        <v>105234</v>
      </c>
      <c r="C30224" s="1" t="s">
        <v>145</v>
      </c>
      <c r="D30224" s="1" t="s">
        <v>105892</v>
      </c>
      <c r="E30224" s="1" t="s">
        <v>105893</v>
      </c>
      <c r="F30224" s="1" t="s">
        <v>105894</v>
      </c>
      <c r="G30224" s="1" t="s">
        <v>105799</v>
      </c>
      <c r="H30224" s="1" t="s">
        <v>105800</v>
      </c>
      <c r="I30224" s="1" t="s">
        <v>105238</v>
      </c>
      <c r="J30224" s="1" t="s">
        <v>105895</v>
      </c>
    </row>
    <row r="30225" spans="1:10" x14ac:dyDescent="0.35">
      <c r="A30225" s="1" t="s">
        <v>105796</v>
      </c>
      <c r="B30225" s="1" t="s">
        <v>105234</v>
      </c>
      <c r="C30225" s="1" t="s">
        <v>150</v>
      </c>
      <c r="D30225" s="1" t="s">
        <v>105896</v>
      </c>
      <c r="E30225" s="1" t="s">
        <v>105897</v>
      </c>
      <c r="F30225" s="1" t="s">
        <v>105898</v>
      </c>
      <c r="G30225" s="1" t="s">
        <v>105799</v>
      </c>
      <c r="H30225" s="1" t="s">
        <v>105800</v>
      </c>
      <c r="I30225" s="1" t="s">
        <v>105238</v>
      </c>
      <c r="J30225" s="1" t="s">
        <v>105899</v>
      </c>
    </row>
    <row r="30226" spans="1:10" x14ac:dyDescent="0.35">
      <c r="A30226" s="1" t="s">
        <v>105796</v>
      </c>
      <c r="B30226" s="1" t="s">
        <v>105234</v>
      </c>
      <c r="C30226" s="1" t="s">
        <v>155</v>
      </c>
      <c r="D30226" s="1" t="s">
        <v>105900</v>
      </c>
      <c r="E30226" s="1" t="s">
        <v>105901</v>
      </c>
      <c r="F30226" s="1" t="s">
        <v>105902</v>
      </c>
      <c r="G30226" s="1" t="s">
        <v>105799</v>
      </c>
      <c r="H30226" s="1" t="s">
        <v>105800</v>
      </c>
      <c r="I30226" s="1" t="s">
        <v>105238</v>
      </c>
      <c r="J30226" s="1" t="s">
        <v>105903</v>
      </c>
    </row>
    <row r="30227" spans="1:10" x14ac:dyDescent="0.35">
      <c r="A30227" s="1" t="s">
        <v>105796</v>
      </c>
      <c r="B30227" s="1" t="s">
        <v>105234</v>
      </c>
      <c r="C30227" s="1" t="s">
        <v>160</v>
      </c>
      <c r="D30227" s="1" t="s">
        <v>67118</v>
      </c>
      <c r="E30227" s="1" t="s">
        <v>105904</v>
      </c>
      <c r="F30227" s="1" t="s">
        <v>105905</v>
      </c>
      <c r="G30227" s="1" t="s">
        <v>105799</v>
      </c>
      <c r="H30227" s="1" t="s">
        <v>105800</v>
      </c>
      <c r="I30227" s="1" t="s">
        <v>105238</v>
      </c>
      <c r="J30227" s="1" t="s">
        <v>105906</v>
      </c>
    </row>
    <row r="30228" spans="1:10" x14ac:dyDescent="0.35">
      <c r="A30228" s="1" t="s">
        <v>105796</v>
      </c>
      <c r="B30228" s="1" t="s">
        <v>105234</v>
      </c>
      <c r="C30228" s="1" t="s">
        <v>165</v>
      </c>
      <c r="D30228" s="1" t="s">
        <v>105907</v>
      </c>
      <c r="E30228" s="1" t="s">
        <v>105908</v>
      </c>
      <c r="F30228" s="1" t="s">
        <v>105909</v>
      </c>
      <c r="G30228" s="1" t="s">
        <v>105799</v>
      </c>
      <c r="H30228" s="1" t="s">
        <v>105800</v>
      </c>
      <c r="I30228" s="1" t="s">
        <v>105238</v>
      </c>
      <c r="J30228" s="1" t="s">
        <v>105910</v>
      </c>
    </row>
    <row r="30229" spans="1:10" x14ac:dyDescent="0.35">
      <c r="A30229" s="1" t="s">
        <v>105796</v>
      </c>
      <c r="B30229" s="1" t="s">
        <v>105234</v>
      </c>
      <c r="C30229" s="1" t="s">
        <v>170</v>
      </c>
      <c r="D30229" s="1" t="s">
        <v>105911</v>
      </c>
      <c r="E30229" s="1" t="s">
        <v>105912</v>
      </c>
      <c r="F30229" s="1" t="s">
        <v>105913</v>
      </c>
      <c r="G30229" s="1" t="s">
        <v>105799</v>
      </c>
      <c r="H30229" s="1" t="s">
        <v>105800</v>
      </c>
      <c r="I30229" s="1" t="s">
        <v>105238</v>
      </c>
      <c r="J30229" s="1" t="s">
        <v>105914</v>
      </c>
    </row>
    <row r="30230" spans="1:10" x14ac:dyDescent="0.35">
      <c r="A30230" s="1" t="s">
        <v>105915</v>
      </c>
      <c r="B30230" s="1" t="s">
        <v>105234</v>
      </c>
      <c r="C30230" s="1" t="s">
        <v>8</v>
      </c>
      <c r="D30230" s="1" t="s">
        <v>105916</v>
      </c>
      <c r="E30230" s="1" t="s">
        <v>94715</v>
      </c>
      <c r="F30230" s="1" t="s">
        <v>105917</v>
      </c>
      <c r="G30230" s="1" t="s">
        <v>105918</v>
      </c>
      <c r="H30230" s="1" t="s">
        <v>105919</v>
      </c>
      <c r="I30230" s="1" t="s">
        <v>105238</v>
      </c>
      <c r="J30230" s="1" t="s">
        <v>13</v>
      </c>
    </row>
    <row r="30231" spans="1:10" x14ac:dyDescent="0.35">
      <c r="A30231" s="1" t="s">
        <v>105915</v>
      </c>
      <c r="B30231" s="1" t="s">
        <v>105234</v>
      </c>
      <c r="C30231" s="1" t="s">
        <v>15</v>
      </c>
      <c r="D30231" s="1" t="s">
        <v>105920</v>
      </c>
      <c r="E30231" s="1" t="s">
        <v>105921</v>
      </c>
      <c r="F30231" s="1" t="s">
        <v>68585</v>
      </c>
      <c r="G30231" s="1" t="s">
        <v>105918</v>
      </c>
      <c r="H30231" s="1" t="s">
        <v>105919</v>
      </c>
      <c r="I30231" s="1" t="s">
        <v>105238</v>
      </c>
      <c r="J30231" s="1" t="s">
        <v>105922</v>
      </c>
    </row>
    <row r="30232" spans="1:10" x14ac:dyDescent="0.35">
      <c r="A30232" s="1" t="s">
        <v>105915</v>
      </c>
      <c r="B30232" s="1" t="s">
        <v>105234</v>
      </c>
      <c r="C30232" s="1" t="s">
        <v>20</v>
      </c>
      <c r="D30232" s="1" t="s">
        <v>11262</v>
      </c>
      <c r="E30232" s="1" t="s">
        <v>31560</v>
      </c>
      <c r="F30232" s="1" t="s">
        <v>105923</v>
      </c>
      <c r="G30232" s="1" t="s">
        <v>105918</v>
      </c>
      <c r="H30232" s="1" t="s">
        <v>105919</v>
      </c>
      <c r="I30232" s="1" t="s">
        <v>105238</v>
      </c>
      <c r="J30232" s="1" t="s">
        <v>105924</v>
      </c>
    </row>
    <row r="30233" spans="1:10" x14ac:dyDescent="0.35">
      <c r="A30233" s="1" t="s">
        <v>105915</v>
      </c>
      <c r="B30233" s="1" t="s">
        <v>105234</v>
      </c>
      <c r="C30233" s="1" t="s">
        <v>25</v>
      </c>
      <c r="D30233" s="1" t="s">
        <v>24188</v>
      </c>
      <c r="E30233" s="1" t="s">
        <v>105925</v>
      </c>
      <c r="F30233" s="1" t="s">
        <v>105926</v>
      </c>
      <c r="G30233" s="1" t="s">
        <v>105918</v>
      </c>
      <c r="H30233" s="1" t="s">
        <v>105919</v>
      </c>
      <c r="I30233" s="1" t="s">
        <v>105238</v>
      </c>
      <c r="J30233" s="1" t="s">
        <v>105927</v>
      </c>
    </row>
    <row r="30234" spans="1:10" x14ac:dyDescent="0.35">
      <c r="A30234" s="1" t="s">
        <v>105915</v>
      </c>
      <c r="B30234" s="1" t="s">
        <v>105234</v>
      </c>
      <c r="C30234" s="1" t="s">
        <v>30</v>
      </c>
      <c r="D30234" s="1" t="s">
        <v>46620</v>
      </c>
      <c r="E30234" s="1" t="s">
        <v>105928</v>
      </c>
      <c r="F30234" s="1" t="s">
        <v>105929</v>
      </c>
      <c r="G30234" s="1" t="s">
        <v>105918</v>
      </c>
      <c r="H30234" s="1" t="s">
        <v>105919</v>
      </c>
      <c r="I30234" s="1" t="s">
        <v>105238</v>
      </c>
      <c r="J30234" s="1" t="s">
        <v>105930</v>
      </c>
    </row>
    <row r="30235" spans="1:10" x14ac:dyDescent="0.35">
      <c r="A30235" s="1" t="s">
        <v>105915</v>
      </c>
      <c r="B30235" s="1" t="s">
        <v>105234</v>
      </c>
      <c r="C30235" s="1" t="s">
        <v>35</v>
      </c>
      <c r="D30235" s="1" t="s">
        <v>105931</v>
      </c>
      <c r="E30235" s="1" t="s">
        <v>105932</v>
      </c>
      <c r="F30235" s="1" t="s">
        <v>67114</v>
      </c>
      <c r="G30235" s="1" t="s">
        <v>105918</v>
      </c>
      <c r="H30235" s="1" t="s">
        <v>105919</v>
      </c>
      <c r="I30235" s="1" t="s">
        <v>105238</v>
      </c>
      <c r="J30235" s="1" t="s">
        <v>105933</v>
      </c>
    </row>
    <row r="30236" spans="1:10" x14ac:dyDescent="0.35">
      <c r="A30236" s="1" t="s">
        <v>105915</v>
      </c>
      <c r="B30236" s="1" t="s">
        <v>105234</v>
      </c>
      <c r="C30236" s="1" t="s">
        <v>40</v>
      </c>
      <c r="D30236" s="1" t="s">
        <v>105934</v>
      </c>
      <c r="E30236" s="1" t="s">
        <v>19998</v>
      </c>
      <c r="F30236" s="1" t="s">
        <v>105159</v>
      </c>
      <c r="G30236" s="1" t="s">
        <v>105918</v>
      </c>
      <c r="H30236" s="1" t="s">
        <v>105919</v>
      </c>
      <c r="I30236" s="1" t="s">
        <v>105238</v>
      </c>
      <c r="J30236" s="1" t="s">
        <v>105935</v>
      </c>
    </row>
    <row r="30237" spans="1:10" x14ac:dyDescent="0.35">
      <c r="A30237" s="1" t="s">
        <v>105915</v>
      </c>
      <c r="B30237" s="1" t="s">
        <v>105234</v>
      </c>
      <c r="C30237" s="1" t="s">
        <v>45</v>
      </c>
      <c r="D30237" s="1" t="s">
        <v>105936</v>
      </c>
      <c r="E30237" s="1" t="s">
        <v>77706</v>
      </c>
      <c r="F30237" s="1" t="s">
        <v>105937</v>
      </c>
      <c r="G30237" s="1" t="s">
        <v>105918</v>
      </c>
      <c r="H30237" s="1" t="s">
        <v>105919</v>
      </c>
      <c r="I30237" s="1" t="s">
        <v>105238</v>
      </c>
      <c r="J30237" s="1" t="s">
        <v>105938</v>
      </c>
    </row>
    <row r="30238" spans="1:10" x14ac:dyDescent="0.35">
      <c r="A30238" s="1" t="s">
        <v>105915</v>
      </c>
      <c r="B30238" s="1" t="s">
        <v>105234</v>
      </c>
      <c r="C30238" s="1" t="s">
        <v>50</v>
      </c>
      <c r="D30238" s="1" t="s">
        <v>65348</v>
      </c>
      <c r="E30238" s="1" t="s">
        <v>105939</v>
      </c>
      <c r="F30238" s="1" t="s">
        <v>105940</v>
      </c>
      <c r="G30238" s="1" t="s">
        <v>105918</v>
      </c>
      <c r="H30238" s="1" t="s">
        <v>105919</v>
      </c>
      <c r="I30238" s="1" t="s">
        <v>105238</v>
      </c>
      <c r="J30238" s="1" t="s">
        <v>105941</v>
      </c>
    </row>
    <row r="30239" spans="1:10" x14ac:dyDescent="0.35">
      <c r="A30239" s="1" t="s">
        <v>105915</v>
      </c>
      <c r="B30239" s="1" t="s">
        <v>105234</v>
      </c>
      <c r="C30239" s="1" t="s">
        <v>55</v>
      </c>
      <c r="D30239" s="1" t="s">
        <v>61106</v>
      </c>
      <c r="E30239" s="1" t="s">
        <v>15450</v>
      </c>
      <c r="F30239" s="1" t="s">
        <v>56687</v>
      </c>
      <c r="G30239" s="1" t="s">
        <v>105918</v>
      </c>
      <c r="H30239" s="1" t="s">
        <v>105919</v>
      </c>
      <c r="I30239" s="1" t="s">
        <v>105238</v>
      </c>
      <c r="J30239" s="1" t="s">
        <v>105942</v>
      </c>
    </row>
    <row r="30240" spans="1:10" x14ac:dyDescent="0.35">
      <c r="A30240" s="1" t="s">
        <v>105915</v>
      </c>
      <c r="B30240" s="1" t="s">
        <v>105234</v>
      </c>
      <c r="C30240" s="1" t="s">
        <v>60</v>
      </c>
      <c r="D30240" s="1" t="s">
        <v>103008</v>
      </c>
      <c r="E30240" s="1" t="s">
        <v>105943</v>
      </c>
      <c r="F30240" s="1" t="s">
        <v>105944</v>
      </c>
      <c r="G30240" s="1" t="s">
        <v>105918</v>
      </c>
      <c r="H30240" s="1" t="s">
        <v>105919</v>
      </c>
      <c r="I30240" s="1" t="s">
        <v>105238</v>
      </c>
      <c r="J30240" s="1" t="s">
        <v>105945</v>
      </c>
    </row>
    <row r="30241" spans="1:10" x14ac:dyDescent="0.35">
      <c r="A30241" s="1" t="s">
        <v>105915</v>
      </c>
      <c r="B30241" s="1" t="s">
        <v>105234</v>
      </c>
      <c r="C30241" s="1" t="s">
        <v>65</v>
      </c>
      <c r="D30241" s="1" t="s">
        <v>105946</v>
      </c>
      <c r="E30241" s="1" t="s">
        <v>105947</v>
      </c>
      <c r="F30241" s="1" t="s">
        <v>105948</v>
      </c>
      <c r="G30241" s="1" t="s">
        <v>105918</v>
      </c>
      <c r="H30241" s="1" t="s">
        <v>105919</v>
      </c>
      <c r="I30241" s="1" t="s">
        <v>105238</v>
      </c>
      <c r="J30241" s="1" t="s">
        <v>105949</v>
      </c>
    </row>
    <row r="30242" spans="1:10" x14ac:dyDescent="0.35">
      <c r="A30242" s="1" t="s">
        <v>105915</v>
      </c>
      <c r="B30242" s="1" t="s">
        <v>105234</v>
      </c>
      <c r="C30242" s="1" t="s">
        <v>70</v>
      </c>
      <c r="D30242" s="1" t="s">
        <v>105950</v>
      </c>
      <c r="E30242" s="1" t="s">
        <v>105951</v>
      </c>
      <c r="F30242" s="1" t="s">
        <v>105952</v>
      </c>
      <c r="G30242" s="1" t="s">
        <v>105918</v>
      </c>
      <c r="H30242" s="1" t="s">
        <v>105919</v>
      </c>
      <c r="I30242" s="1" t="s">
        <v>105238</v>
      </c>
      <c r="J30242" s="1" t="s">
        <v>105953</v>
      </c>
    </row>
    <row r="30243" spans="1:10" x14ac:dyDescent="0.35">
      <c r="A30243" s="1" t="s">
        <v>105915</v>
      </c>
      <c r="B30243" s="1" t="s">
        <v>105234</v>
      </c>
      <c r="C30243" s="1" t="s">
        <v>75</v>
      </c>
      <c r="D30243" s="1" t="s">
        <v>24253</v>
      </c>
      <c r="E30243" s="1" t="s">
        <v>77753</v>
      </c>
      <c r="F30243" s="1" t="s">
        <v>64989</v>
      </c>
      <c r="G30243" s="1" t="s">
        <v>105918</v>
      </c>
      <c r="H30243" s="1" t="s">
        <v>105919</v>
      </c>
      <c r="I30243" s="1" t="s">
        <v>105238</v>
      </c>
      <c r="J30243" s="1" t="s">
        <v>105954</v>
      </c>
    </row>
    <row r="30244" spans="1:10" x14ac:dyDescent="0.35">
      <c r="A30244" s="1" t="s">
        <v>105915</v>
      </c>
      <c r="B30244" s="1" t="s">
        <v>105234</v>
      </c>
      <c r="C30244" s="1" t="s">
        <v>80</v>
      </c>
      <c r="D30244" s="1" t="s">
        <v>105635</v>
      </c>
      <c r="E30244" s="1" t="s">
        <v>105955</v>
      </c>
      <c r="F30244" s="1" t="s">
        <v>105956</v>
      </c>
      <c r="G30244" s="1" t="s">
        <v>105918</v>
      </c>
      <c r="H30244" s="1" t="s">
        <v>105919</v>
      </c>
      <c r="I30244" s="1" t="s">
        <v>105238</v>
      </c>
      <c r="J30244" s="1" t="s">
        <v>105957</v>
      </c>
    </row>
    <row r="30245" spans="1:10" x14ac:dyDescent="0.35">
      <c r="A30245" s="1" t="s">
        <v>105915</v>
      </c>
      <c r="B30245" s="1" t="s">
        <v>105234</v>
      </c>
      <c r="C30245" s="1" t="s">
        <v>85</v>
      </c>
      <c r="D30245" s="1" t="s">
        <v>105958</v>
      </c>
      <c r="E30245" s="1" t="s">
        <v>70915</v>
      </c>
      <c r="F30245" s="1" t="s">
        <v>31773</v>
      </c>
      <c r="G30245" s="1" t="s">
        <v>105918</v>
      </c>
      <c r="H30245" s="1" t="s">
        <v>105919</v>
      </c>
      <c r="I30245" s="1" t="s">
        <v>105238</v>
      </c>
      <c r="J30245" s="1" t="s">
        <v>105959</v>
      </c>
    </row>
    <row r="30246" spans="1:10" x14ac:dyDescent="0.35">
      <c r="A30246" s="1" t="s">
        <v>105915</v>
      </c>
      <c r="B30246" s="1" t="s">
        <v>105234</v>
      </c>
      <c r="C30246" s="1" t="s">
        <v>90</v>
      </c>
      <c r="D30246" s="1" t="s">
        <v>57637</v>
      </c>
      <c r="E30246" s="1" t="s">
        <v>105960</v>
      </c>
      <c r="F30246" s="1" t="s">
        <v>105961</v>
      </c>
      <c r="G30246" s="1" t="s">
        <v>105918</v>
      </c>
      <c r="H30246" s="1" t="s">
        <v>105919</v>
      </c>
      <c r="I30246" s="1" t="s">
        <v>105238</v>
      </c>
      <c r="J30246" s="1" t="s">
        <v>105962</v>
      </c>
    </row>
    <row r="30247" spans="1:10" x14ac:dyDescent="0.35">
      <c r="A30247" s="1" t="s">
        <v>105915</v>
      </c>
      <c r="B30247" s="1" t="s">
        <v>105234</v>
      </c>
      <c r="C30247" s="1" t="s">
        <v>95</v>
      </c>
      <c r="D30247" s="1" t="s">
        <v>105963</v>
      </c>
      <c r="E30247" s="1" t="s">
        <v>105964</v>
      </c>
      <c r="F30247" s="1" t="s">
        <v>105965</v>
      </c>
      <c r="G30247" s="1" t="s">
        <v>105918</v>
      </c>
      <c r="H30247" s="1" t="s">
        <v>105919</v>
      </c>
      <c r="I30247" s="1" t="s">
        <v>105238</v>
      </c>
      <c r="J30247" s="1" t="s">
        <v>105966</v>
      </c>
    </row>
    <row r="30248" spans="1:10" x14ac:dyDescent="0.35">
      <c r="A30248" s="1" t="s">
        <v>105915</v>
      </c>
      <c r="B30248" s="1" t="s">
        <v>105234</v>
      </c>
      <c r="C30248" s="1" t="s">
        <v>100</v>
      </c>
      <c r="D30248" s="1" t="s">
        <v>105967</v>
      </c>
      <c r="E30248" s="1" t="s">
        <v>105968</v>
      </c>
      <c r="F30248" s="1" t="s">
        <v>31481</v>
      </c>
      <c r="G30248" s="1" t="s">
        <v>105918</v>
      </c>
      <c r="H30248" s="1" t="s">
        <v>105919</v>
      </c>
      <c r="I30248" s="1" t="s">
        <v>105238</v>
      </c>
      <c r="J30248" s="1" t="s">
        <v>105969</v>
      </c>
    </row>
    <row r="30249" spans="1:10" x14ac:dyDescent="0.35">
      <c r="A30249" s="1" t="s">
        <v>105915</v>
      </c>
      <c r="B30249" s="1" t="s">
        <v>105234</v>
      </c>
      <c r="C30249" s="1" t="s">
        <v>105</v>
      </c>
      <c r="D30249" s="1" t="s">
        <v>91014</v>
      </c>
      <c r="E30249" s="1" t="s">
        <v>105970</v>
      </c>
      <c r="F30249" s="1" t="s">
        <v>59894</v>
      </c>
      <c r="G30249" s="1" t="s">
        <v>105918</v>
      </c>
      <c r="H30249" s="1" t="s">
        <v>105919</v>
      </c>
      <c r="I30249" s="1" t="s">
        <v>105238</v>
      </c>
      <c r="J30249" s="1" t="s">
        <v>105971</v>
      </c>
    </row>
    <row r="30250" spans="1:10" x14ac:dyDescent="0.35">
      <c r="A30250" s="1" t="s">
        <v>105915</v>
      </c>
      <c r="B30250" s="1" t="s">
        <v>105234</v>
      </c>
      <c r="C30250" s="1" t="s">
        <v>110</v>
      </c>
      <c r="D30250" s="1" t="s">
        <v>105972</v>
      </c>
      <c r="E30250" s="1" t="s">
        <v>105973</v>
      </c>
      <c r="F30250" s="1" t="s">
        <v>66881</v>
      </c>
      <c r="G30250" s="1" t="s">
        <v>105918</v>
      </c>
      <c r="H30250" s="1" t="s">
        <v>105919</v>
      </c>
      <c r="I30250" s="1" t="s">
        <v>105238</v>
      </c>
      <c r="J30250" s="1" t="s">
        <v>105974</v>
      </c>
    </row>
    <row r="30251" spans="1:10" x14ac:dyDescent="0.35">
      <c r="A30251" s="1" t="s">
        <v>105915</v>
      </c>
      <c r="B30251" s="1" t="s">
        <v>105234</v>
      </c>
      <c r="C30251" s="1" t="s">
        <v>115</v>
      </c>
      <c r="D30251" s="1" t="s">
        <v>95736</v>
      </c>
      <c r="E30251" s="1" t="s">
        <v>95809</v>
      </c>
      <c r="F30251" s="1" t="s">
        <v>99715</v>
      </c>
      <c r="G30251" s="1" t="s">
        <v>105918</v>
      </c>
      <c r="H30251" s="1" t="s">
        <v>105919</v>
      </c>
      <c r="I30251" s="1" t="s">
        <v>105238</v>
      </c>
      <c r="J30251" s="1" t="s">
        <v>105975</v>
      </c>
    </row>
    <row r="30252" spans="1:10" x14ac:dyDescent="0.35">
      <c r="A30252" s="1" t="s">
        <v>105915</v>
      </c>
      <c r="B30252" s="1" t="s">
        <v>105234</v>
      </c>
      <c r="C30252" s="1" t="s">
        <v>120</v>
      </c>
      <c r="D30252" s="1" t="s">
        <v>61837</v>
      </c>
      <c r="E30252" s="1" t="s">
        <v>105250</v>
      </c>
      <c r="F30252" s="1" t="s">
        <v>62893</v>
      </c>
      <c r="G30252" s="1" t="s">
        <v>105918</v>
      </c>
      <c r="H30252" s="1" t="s">
        <v>105919</v>
      </c>
      <c r="I30252" s="1" t="s">
        <v>105238</v>
      </c>
      <c r="J30252" s="1" t="s">
        <v>105976</v>
      </c>
    </row>
    <row r="30253" spans="1:10" x14ac:dyDescent="0.35">
      <c r="A30253" s="1" t="s">
        <v>105915</v>
      </c>
      <c r="B30253" s="1" t="s">
        <v>105234</v>
      </c>
      <c r="C30253" s="1" t="s">
        <v>125</v>
      </c>
      <c r="D30253" s="1" t="s">
        <v>105977</v>
      </c>
      <c r="E30253" s="1" t="s">
        <v>105978</v>
      </c>
      <c r="F30253" s="1" t="s">
        <v>105979</v>
      </c>
      <c r="G30253" s="1" t="s">
        <v>105918</v>
      </c>
      <c r="H30253" s="1" t="s">
        <v>105919</v>
      </c>
      <c r="I30253" s="1" t="s">
        <v>105238</v>
      </c>
      <c r="J30253" s="1" t="s">
        <v>105980</v>
      </c>
    </row>
    <row r="30254" spans="1:10" x14ac:dyDescent="0.35">
      <c r="A30254" s="1" t="s">
        <v>105915</v>
      </c>
      <c r="B30254" s="1" t="s">
        <v>105234</v>
      </c>
      <c r="C30254" s="1" t="s">
        <v>130</v>
      </c>
      <c r="D30254" s="1" t="s">
        <v>105981</v>
      </c>
      <c r="E30254" s="1" t="s">
        <v>105982</v>
      </c>
      <c r="F30254" s="1" t="s">
        <v>105983</v>
      </c>
      <c r="G30254" s="1" t="s">
        <v>105918</v>
      </c>
      <c r="H30254" s="1" t="s">
        <v>105919</v>
      </c>
      <c r="I30254" s="1" t="s">
        <v>105238</v>
      </c>
      <c r="J30254" s="1" t="s">
        <v>105984</v>
      </c>
    </row>
    <row r="30255" spans="1:10" x14ac:dyDescent="0.35">
      <c r="A30255" s="1" t="s">
        <v>105915</v>
      </c>
      <c r="B30255" s="1" t="s">
        <v>105234</v>
      </c>
      <c r="C30255" s="1" t="s">
        <v>135</v>
      </c>
      <c r="D30255" s="1" t="s">
        <v>105985</v>
      </c>
      <c r="E30255" s="1" t="s">
        <v>48057</v>
      </c>
      <c r="F30255" s="1" t="s">
        <v>105986</v>
      </c>
      <c r="G30255" s="1" t="s">
        <v>105918</v>
      </c>
      <c r="H30255" s="1" t="s">
        <v>105919</v>
      </c>
      <c r="I30255" s="1" t="s">
        <v>105238</v>
      </c>
      <c r="J30255" s="1" t="s">
        <v>105987</v>
      </c>
    </row>
    <row r="30256" spans="1:10" x14ac:dyDescent="0.35">
      <c r="A30256" s="1" t="s">
        <v>105915</v>
      </c>
      <c r="B30256" s="1" t="s">
        <v>105234</v>
      </c>
      <c r="C30256" s="1" t="s">
        <v>140</v>
      </c>
      <c r="D30256" s="1" t="s">
        <v>105988</v>
      </c>
      <c r="E30256" s="1" t="s">
        <v>105989</v>
      </c>
      <c r="F30256" s="1" t="s">
        <v>105990</v>
      </c>
      <c r="G30256" s="1" t="s">
        <v>105918</v>
      </c>
      <c r="H30256" s="1" t="s">
        <v>105919</v>
      </c>
      <c r="I30256" s="1" t="s">
        <v>105238</v>
      </c>
      <c r="J30256" s="1" t="s">
        <v>105991</v>
      </c>
    </row>
    <row r="30257" spans="1:10" x14ac:dyDescent="0.35">
      <c r="A30257" s="1" t="s">
        <v>105915</v>
      </c>
      <c r="B30257" s="1" t="s">
        <v>105234</v>
      </c>
      <c r="C30257" s="1" t="s">
        <v>145</v>
      </c>
      <c r="D30257" s="1" t="s">
        <v>9536</v>
      </c>
      <c r="E30257" s="1" t="s">
        <v>48092</v>
      </c>
      <c r="F30257" s="1" t="s">
        <v>62678</v>
      </c>
      <c r="G30257" s="1" t="s">
        <v>105918</v>
      </c>
      <c r="H30257" s="1" t="s">
        <v>105919</v>
      </c>
      <c r="I30257" s="1" t="s">
        <v>105238</v>
      </c>
      <c r="J30257" s="1" t="s">
        <v>105992</v>
      </c>
    </row>
    <row r="30258" spans="1:10" x14ac:dyDescent="0.35">
      <c r="A30258" s="1" t="s">
        <v>105915</v>
      </c>
      <c r="B30258" s="1" t="s">
        <v>105234</v>
      </c>
      <c r="C30258" s="1" t="s">
        <v>150</v>
      </c>
      <c r="D30258" s="1" t="s">
        <v>105993</v>
      </c>
      <c r="E30258" s="1" t="s">
        <v>105994</v>
      </c>
      <c r="F30258" s="1" t="s">
        <v>105995</v>
      </c>
      <c r="G30258" s="1" t="s">
        <v>105918</v>
      </c>
      <c r="H30258" s="1" t="s">
        <v>105919</v>
      </c>
      <c r="I30258" s="1" t="s">
        <v>105238</v>
      </c>
      <c r="J30258" s="1" t="s">
        <v>105996</v>
      </c>
    </row>
    <row r="30259" spans="1:10" x14ac:dyDescent="0.35">
      <c r="A30259" s="1" t="s">
        <v>105915</v>
      </c>
      <c r="B30259" s="1" t="s">
        <v>105234</v>
      </c>
      <c r="C30259" s="1" t="s">
        <v>155</v>
      </c>
      <c r="D30259" s="1" t="s">
        <v>105997</v>
      </c>
      <c r="E30259" s="1" t="s">
        <v>49836</v>
      </c>
      <c r="F30259" s="1" t="s">
        <v>105998</v>
      </c>
      <c r="G30259" s="1" t="s">
        <v>105918</v>
      </c>
      <c r="H30259" s="1" t="s">
        <v>105919</v>
      </c>
      <c r="I30259" s="1" t="s">
        <v>105238</v>
      </c>
      <c r="J30259" s="1" t="s">
        <v>105999</v>
      </c>
    </row>
    <row r="30260" spans="1:10" x14ac:dyDescent="0.35">
      <c r="A30260" s="1" t="s">
        <v>105915</v>
      </c>
      <c r="B30260" s="1" t="s">
        <v>105234</v>
      </c>
      <c r="C30260" s="1" t="s">
        <v>160</v>
      </c>
      <c r="D30260" s="1" t="s">
        <v>50061</v>
      </c>
      <c r="E30260" s="1" t="s">
        <v>106000</v>
      </c>
      <c r="F30260" s="1" t="s">
        <v>31816</v>
      </c>
      <c r="G30260" s="1" t="s">
        <v>105918</v>
      </c>
      <c r="H30260" s="1" t="s">
        <v>105919</v>
      </c>
      <c r="I30260" s="1" t="s">
        <v>105238</v>
      </c>
      <c r="J30260" s="1" t="s">
        <v>106001</v>
      </c>
    </row>
    <row r="30261" spans="1:10" x14ac:dyDescent="0.35">
      <c r="A30261" s="1" t="s">
        <v>105915</v>
      </c>
      <c r="B30261" s="1" t="s">
        <v>105234</v>
      </c>
      <c r="C30261" s="1" t="s">
        <v>165</v>
      </c>
      <c r="D30261" s="1" t="s">
        <v>12263</v>
      </c>
      <c r="E30261" s="1" t="s">
        <v>106002</v>
      </c>
      <c r="F30261" s="1" t="s">
        <v>106003</v>
      </c>
      <c r="G30261" s="1" t="s">
        <v>105918</v>
      </c>
      <c r="H30261" s="1" t="s">
        <v>105919</v>
      </c>
      <c r="I30261" s="1" t="s">
        <v>105238</v>
      </c>
      <c r="J30261" s="1" t="s">
        <v>106004</v>
      </c>
    </row>
    <row r="30262" spans="1:10" x14ac:dyDescent="0.35">
      <c r="A30262" s="1" t="s">
        <v>105915</v>
      </c>
      <c r="B30262" s="1" t="s">
        <v>105234</v>
      </c>
      <c r="C30262" s="1" t="s">
        <v>170</v>
      </c>
      <c r="D30262" s="1" t="s">
        <v>106005</v>
      </c>
      <c r="E30262" s="1" t="s">
        <v>106006</v>
      </c>
      <c r="F30262" s="1" t="s">
        <v>60431</v>
      </c>
      <c r="G30262" s="1" t="s">
        <v>105918</v>
      </c>
      <c r="H30262" s="1" t="s">
        <v>105919</v>
      </c>
      <c r="I30262" s="1" t="s">
        <v>105238</v>
      </c>
      <c r="J30262" s="1" t="s">
        <v>106007</v>
      </c>
    </row>
    <row r="30263" spans="1:10" x14ac:dyDescent="0.35">
      <c r="A30263" s="1" t="s">
        <v>25696</v>
      </c>
      <c r="B30263" s="1" t="s">
        <v>105234</v>
      </c>
      <c r="C30263" s="1" t="s">
        <v>8</v>
      </c>
      <c r="D30263" s="1" t="s">
        <v>106008</v>
      </c>
      <c r="E30263" s="1" t="s">
        <v>106009</v>
      </c>
      <c r="F30263" s="1" t="s">
        <v>106010</v>
      </c>
      <c r="G30263" s="1" t="s">
        <v>106011</v>
      </c>
      <c r="H30263" s="1" t="s">
        <v>106012</v>
      </c>
      <c r="I30263" s="1" t="s">
        <v>105238</v>
      </c>
      <c r="J30263" s="1" t="s">
        <v>13</v>
      </c>
    </row>
    <row r="30264" spans="1:10" x14ac:dyDescent="0.35">
      <c r="A30264" s="1" t="s">
        <v>25696</v>
      </c>
      <c r="B30264" s="1" t="s">
        <v>105234</v>
      </c>
      <c r="C30264" s="1" t="s">
        <v>15</v>
      </c>
      <c r="D30264" s="1" t="s">
        <v>106013</v>
      </c>
      <c r="E30264" s="1" t="s">
        <v>106014</v>
      </c>
      <c r="F30264" s="1" t="s">
        <v>106015</v>
      </c>
      <c r="G30264" s="1" t="s">
        <v>106011</v>
      </c>
      <c r="H30264" s="1" t="s">
        <v>106012</v>
      </c>
      <c r="I30264" s="1" t="s">
        <v>105238</v>
      </c>
      <c r="J30264" s="1" t="s">
        <v>106016</v>
      </c>
    </row>
    <row r="30265" spans="1:10" x14ac:dyDescent="0.35">
      <c r="A30265" s="1" t="s">
        <v>25696</v>
      </c>
      <c r="B30265" s="1" t="s">
        <v>105234</v>
      </c>
      <c r="C30265" s="1" t="s">
        <v>20</v>
      </c>
      <c r="D30265" s="1" t="s">
        <v>99540</v>
      </c>
      <c r="E30265" s="1" t="s">
        <v>106017</v>
      </c>
      <c r="F30265" s="1" t="s">
        <v>106018</v>
      </c>
      <c r="G30265" s="1" t="s">
        <v>106011</v>
      </c>
      <c r="H30265" s="1" t="s">
        <v>106012</v>
      </c>
      <c r="I30265" s="1" t="s">
        <v>105238</v>
      </c>
      <c r="J30265" s="1" t="s">
        <v>106019</v>
      </c>
    </row>
    <row r="30266" spans="1:10" x14ac:dyDescent="0.35">
      <c r="A30266" s="1" t="s">
        <v>25696</v>
      </c>
      <c r="B30266" s="1" t="s">
        <v>105234</v>
      </c>
      <c r="C30266" s="1" t="s">
        <v>25</v>
      </c>
      <c r="D30266" s="1" t="s">
        <v>106020</v>
      </c>
      <c r="E30266" s="1" t="s">
        <v>106021</v>
      </c>
      <c r="F30266" s="1" t="s">
        <v>106022</v>
      </c>
      <c r="G30266" s="1" t="s">
        <v>106011</v>
      </c>
      <c r="H30266" s="1" t="s">
        <v>106012</v>
      </c>
      <c r="I30266" s="1" t="s">
        <v>105238</v>
      </c>
      <c r="J30266" s="1" t="s">
        <v>106023</v>
      </c>
    </row>
    <row r="30267" spans="1:10" x14ac:dyDescent="0.35">
      <c r="A30267" s="1" t="s">
        <v>25696</v>
      </c>
      <c r="B30267" s="1" t="s">
        <v>105234</v>
      </c>
      <c r="C30267" s="1" t="s">
        <v>30</v>
      </c>
      <c r="D30267" s="1" t="s">
        <v>43064</v>
      </c>
      <c r="E30267" s="1" t="s">
        <v>106024</v>
      </c>
      <c r="F30267" s="1" t="s">
        <v>106025</v>
      </c>
      <c r="G30267" s="1" t="s">
        <v>106011</v>
      </c>
      <c r="H30267" s="1" t="s">
        <v>106012</v>
      </c>
      <c r="I30267" s="1" t="s">
        <v>105238</v>
      </c>
      <c r="J30267" s="1" t="s">
        <v>106026</v>
      </c>
    </row>
    <row r="30268" spans="1:10" x14ac:dyDescent="0.35">
      <c r="A30268" s="1" t="s">
        <v>25696</v>
      </c>
      <c r="B30268" s="1" t="s">
        <v>105234</v>
      </c>
      <c r="C30268" s="1" t="s">
        <v>35</v>
      </c>
      <c r="D30268" s="1" t="s">
        <v>106027</v>
      </c>
      <c r="E30268" s="1" t="s">
        <v>106028</v>
      </c>
      <c r="F30268" s="1" t="s">
        <v>106029</v>
      </c>
      <c r="G30268" s="1" t="s">
        <v>106011</v>
      </c>
      <c r="H30268" s="1" t="s">
        <v>106012</v>
      </c>
      <c r="I30268" s="1" t="s">
        <v>105238</v>
      </c>
      <c r="J30268" s="1" t="s">
        <v>106030</v>
      </c>
    </row>
    <row r="30269" spans="1:10" x14ac:dyDescent="0.35">
      <c r="A30269" s="1" t="s">
        <v>25696</v>
      </c>
      <c r="B30269" s="1" t="s">
        <v>105234</v>
      </c>
      <c r="C30269" s="1" t="s">
        <v>40</v>
      </c>
      <c r="D30269" s="1" t="s">
        <v>66811</v>
      </c>
      <c r="E30269" s="1" t="s">
        <v>106031</v>
      </c>
      <c r="F30269" s="1" t="s">
        <v>106032</v>
      </c>
      <c r="G30269" s="1" t="s">
        <v>106011</v>
      </c>
      <c r="H30269" s="1" t="s">
        <v>106012</v>
      </c>
      <c r="I30269" s="1" t="s">
        <v>105238</v>
      </c>
      <c r="J30269" s="1" t="s">
        <v>106033</v>
      </c>
    </row>
    <row r="30270" spans="1:10" x14ac:dyDescent="0.35">
      <c r="A30270" s="1" t="s">
        <v>25696</v>
      </c>
      <c r="B30270" s="1" t="s">
        <v>105234</v>
      </c>
      <c r="C30270" s="1" t="s">
        <v>45</v>
      </c>
      <c r="D30270" s="1" t="s">
        <v>40121</v>
      </c>
      <c r="E30270" s="1" t="s">
        <v>106034</v>
      </c>
      <c r="F30270" s="1" t="s">
        <v>106035</v>
      </c>
      <c r="G30270" s="1" t="s">
        <v>106011</v>
      </c>
      <c r="H30270" s="1" t="s">
        <v>106012</v>
      </c>
      <c r="I30270" s="1" t="s">
        <v>105238</v>
      </c>
      <c r="J30270" s="1" t="s">
        <v>106036</v>
      </c>
    </row>
    <row r="30271" spans="1:10" x14ac:dyDescent="0.35">
      <c r="A30271" s="1" t="s">
        <v>25696</v>
      </c>
      <c r="B30271" s="1" t="s">
        <v>105234</v>
      </c>
      <c r="C30271" s="1" t="s">
        <v>50</v>
      </c>
      <c r="D30271" s="1" t="s">
        <v>106037</v>
      </c>
      <c r="E30271" s="1" t="s">
        <v>106038</v>
      </c>
      <c r="F30271" s="1" t="s">
        <v>106039</v>
      </c>
      <c r="G30271" s="1" t="s">
        <v>106011</v>
      </c>
      <c r="H30271" s="1" t="s">
        <v>106012</v>
      </c>
      <c r="I30271" s="1" t="s">
        <v>105238</v>
      </c>
      <c r="J30271" s="1" t="s">
        <v>106040</v>
      </c>
    </row>
    <row r="30272" spans="1:10" x14ac:dyDescent="0.35">
      <c r="A30272" s="1" t="s">
        <v>25696</v>
      </c>
      <c r="B30272" s="1" t="s">
        <v>105234</v>
      </c>
      <c r="C30272" s="1" t="s">
        <v>55</v>
      </c>
      <c r="D30272" s="1" t="s">
        <v>75706</v>
      </c>
      <c r="E30272" s="1" t="s">
        <v>106041</v>
      </c>
      <c r="F30272" s="1" t="s">
        <v>106042</v>
      </c>
      <c r="G30272" s="1" t="s">
        <v>106011</v>
      </c>
      <c r="H30272" s="1" t="s">
        <v>106012</v>
      </c>
      <c r="I30272" s="1" t="s">
        <v>105238</v>
      </c>
      <c r="J30272" s="1" t="s">
        <v>106043</v>
      </c>
    </row>
    <row r="30273" spans="1:10" x14ac:dyDescent="0.35">
      <c r="A30273" s="1" t="s">
        <v>25696</v>
      </c>
      <c r="B30273" s="1" t="s">
        <v>105234</v>
      </c>
      <c r="C30273" s="1" t="s">
        <v>60</v>
      </c>
      <c r="D30273" s="1" t="s">
        <v>106044</v>
      </c>
      <c r="E30273" s="1" t="s">
        <v>106045</v>
      </c>
      <c r="F30273" s="1" t="s">
        <v>106046</v>
      </c>
      <c r="G30273" s="1" t="s">
        <v>106011</v>
      </c>
      <c r="H30273" s="1" t="s">
        <v>106012</v>
      </c>
      <c r="I30273" s="1" t="s">
        <v>105238</v>
      </c>
      <c r="J30273" s="1" t="s">
        <v>106047</v>
      </c>
    </row>
    <row r="30274" spans="1:10" x14ac:dyDescent="0.35">
      <c r="A30274" s="1" t="s">
        <v>25696</v>
      </c>
      <c r="B30274" s="1" t="s">
        <v>105234</v>
      </c>
      <c r="C30274" s="1" t="s">
        <v>65</v>
      </c>
      <c r="D30274" s="1" t="s">
        <v>24249</v>
      </c>
      <c r="E30274" s="1" t="s">
        <v>106048</v>
      </c>
      <c r="F30274" s="1" t="s">
        <v>106049</v>
      </c>
      <c r="G30274" s="1" t="s">
        <v>106011</v>
      </c>
      <c r="H30274" s="1" t="s">
        <v>106012</v>
      </c>
      <c r="I30274" s="1" t="s">
        <v>105238</v>
      </c>
      <c r="J30274" s="1" t="s">
        <v>106050</v>
      </c>
    </row>
    <row r="30275" spans="1:10" x14ac:dyDescent="0.35">
      <c r="A30275" s="1" t="s">
        <v>25696</v>
      </c>
      <c r="B30275" s="1" t="s">
        <v>105234</v>
      </c>
      <c r="C30275" s="1" t="s">
        <v>70</v>
      </c>
      <c r="D30275" s="1" t="s">
        <v>106051</v>
      </c>
      <c r="E30275" s="1" t="s">
        <v>106052</v>
      </c>
      <c r="F30275" s="1" t="s">
        <v>106053</v>
      </c>
      <c r="G30275" s="1" t="s">
        <v>106011</v>
      </c>
      <c r="H30275" s="1" t="s">
        <v>106012</v>
      </c>
      <c r="I30275" s="1" t="s">
        <v>105238</v>
      </c>
      <c r="J30275" s="1" t="s">
        <v>106054</v>
      </c>
    </row>
    <row r="30276" spans="1:10" x14ac:dyDescent="0.35">
      <c r="A30276" s="1" t="s">
        <v>25696</v>
      </c>
      <c r="B30276" s="1" t="s">
        <v>105234</v>
      </c>
      <c r="C30276" s="1" t="s">
        <v>75</v>
      </c>
      <c r="D30276" s="1" t="s">
        <v>106055</v>
      </c>
      <c r="E30276" s="1" t="s">
        <v>106056</v>
      </c>
      <c r="F30276" s="1" t="s">
        <v>106057</v>
      </c>
      <c r="G30276" s="1" t="s">
        <v>106011</v>
      </c>
      <c r="H30276" s="1" t="s">
        <v>106012</v>
      </c>
      <c r="I30276" s="1" t="s">
        <v>105238</v>
      </c>
      <c r="J30276" s="1" t="s">
        <v>106058</v>
      </c>
    </row>
    <row r="30277" spans="1:10" x14ac:dyDescent="0.35">
      <c r="A30277" s="1" t="s">
        <v>25696</v>
      </c>
      <c r="B30277" s="1" t="s">
        <v>105234</v>
      </c>
      <c r="C30277" s="1" t="s">
        <v>80</v>
      </c>
      <c r="D30277" s="1" t="s">
        <v>65659</v>
      </c>
      <c r="E30277" s="1" t="s">
        <v>106059</v>
      </c>
      <c r="F30277" s="1" t="s">
        <v>106060</v>
      </c>
      <c r="G30277" s="1" t="s">
        <v>106011</v>
      </c>
      <c r="H30277" s="1" t="s">
        <v>106012</v>
      </c>
      <c r="I30277" s="1" t="s">
        <v>105238</v>
      </c>
      <c r="J30277" s="1" t="s">
        <v>106061</v>
      </c>
    </row>
    <row r="30278" spans="1:10" x14ac:dyDescent="0.35">
      <c r="A30278" s="1" t="s">
        <v>25696</v>
      </c>
      <c r="B30278" s="1" t="s">
        <v>105234</v>
      </c>
      <c r="C30278" s="1" t="s">
        <v>85</v>
      </c>
      <c r="D30278" s="1" t="s">
        <v>106062</v>
      </c>
      <c r="E30278" s="1" t="s">
        <v>106063</v>
      </c>
      <c r="F30278" s="1" t="s">
        <v>106064</v>
      </c>
      <c r="G30278" s="1" t="s">
        <v>106011</v>
      </c>
      <c r="H30278" s="1" t="s">
        <v>106012</v>
      </c>
      <c r="I30278" s="1" t="s">
        <v>105238</v>
      </c>
      <c r="J30278" s="1" t="s">
        <v>106065</v>
      </c>
    </row>
    <row r="30279" spans="1:10" x14ac:dyDescent="0.35">
      <c r="A30279" s="1" t="s">
        <v>25696</v>
      </c>
      <c r="B30279" s="1" t="s">
        <v>105234</v>
      </c>
      <c r="C30279" s="1" t="s">
        <v>90</v>
      </c>
      <c r="D30279" s="1" t="s">
        <v>88198</v>
      </c>
      <c r="E30279" s="1" t="s">
        <v>106066</v>
      </c>
      <c r="F30279" s="1" t="s">
        <v>106067</v>
      </c>
      <c r="G30279" s="1" t="s">
        <v>106011</v>
      </c>
      <c r="H30279" s="1" t="s">
        <v>106012</v>
      </c>
      <c r="I30279" s="1" t="s">
        <v>105238</v>
      </c>
      <c r="J30279" s="1" t="s">
        <v>106068</v>
      </c>
    </row>
    <row r="30280" spans="1:10" x14ac:dyDescent="0.35">
      <c r="A30280" s="1" t="s">
        <v>25696</v>
      </c>
      <c r="B30280" s="1" t="s">
        <v>105234</v>
      </c>
      <c r="C30280" s="1" t="s">
        <v>95</v>
      </c>
      <c r="D30280" s="1" t="s">
        <v>106069</v>
      </c>
      <c r="E30280" s="1" t="s">
        <v>106070</v>
      </c>
      <c r="F30280" s="1" t="s">
        <v>106071</v>
      </c>
      <c r="G30280" s="1" t="s">
        <v>106011</v>
      </c>
      <c r="H30280" s="1" t="s">
        <v>106012</v>
      </c>
      <c r="I30280" s="1" t="s">
        <v>105238</v>
      </c>
      <c r="J30280" s="1" t="s">
        <v>106072</v>
      </c>
    </row>
    <row r="30281" spans="1:10" x14ac:dyDescent="0.35">
      <c r="A30281" s="1" t="s">
        <v>25696</v>
      </c>
      <c r="B30281" s="1" t="s">
        <v>105234</v>
      </c>
      <c r="C30281" s="1" t="s">
        <v>100</v>
      </c>
      <c r="D30281" s="1" t="s">
        <v>106073</v>
      </c>
      <c r="E30281" s="1" t="s">
        <v>106074</v>
      </c>
      <c r="F30281" s="1" t="s">
        <v>106075</v>
      </c>
      <c r="G30281" s="1" t="s">
        <v>106011</v>
      </c>
      <c r="H30281" s="1" t="s">
        <v>106012</v>
      </c>
      <c r="I30281" s="1" t="s">
        <v>105238</v>
      </c>
      <c r="J30281" s="1" t="s">
        <v>106076</v>
      </c>
    </row>
    <row r="30282" spans="1:10" x14ac:dyDescent="0.35">
      <c r="A30282" s="1" t="s">
        <v>25696</v>
      </c>
      <c r="B30282" s="1" t="s">
        <v>105234</v>
      </c>
      <c r="C30282" s="1" t="s">
        <v>105</v>
      </c>
      <c r="D30282" s="1" t="s">
        <v>87863</v>
      </c>
      <c r="E30282" s="1" t="s">
        <v>106077</v>
      </c>
      <c r="F30282" s="1" t="s">
        <v>106078</v>
      </c>
      <c r="G30282" s="1" t="s">
        <v>106011</v>
      </c>
      <c r="H30282" s="1" t="s">
        <v>106012</v>
      </c>
      <c r="I30282" s="1" t="s">
        <v>105238</v>
      </c>
      <c r="J30282" s="1" t="s">
        <v>106079</v>
      </c>
    </row>
    <row r="30283" spans="1:10" x14ac:dyDescent="0.35">
      <c r="A30283" s="1" t="s">
        <v>25696</v>
      </c>
      <c r="B30283" s="1" t="s">
        <v>105234</v>
      </c>
      <c r="C30283" s="1" t="s">
        <v>110</v>
      </c>
      <c r="D30283" s="1" t="s">
        <v>59309</v>
      </c>
      <c r="E30283" s="1" t="s">
        <v>106080</v>
      </c>
      <c r="F30283" s="1" t="s">
        <v>106081</v>
      </c>
      <c r="G30283" s="1" t="s">
        <v>106011</v>
      </c>
      <c r="H30283" s="1" t="s">
        <v>106012</v>
      </c>
      <c r="I30283" s="1" t="s">
        <v>105238</v>
      </c>
      <c r="J30283" s="1" t="s">
        <v>106082</v>
      </c>
    </row>
    <row r="30284" spans="1:10" x14ac:dyDescent="0.35">
      <c r="A30284" s="1" t="s">
        <v>25696</v>
      </c>
      <c r="B30284" s="1" t="s">
        <v>105234</v>
      </c>
      <c r="C30284" s="1" t="s">
        <v>115</v>
      </c>
      <c r="D30284" s="1" t="s">
        <v>75711</v>
      </c>
      <c r="E30284" s="1" t="s">
        <v>106083</v>
      </c>
      <c r="F30284" s="1" t="s">
        <v>106084</v>
      </c>
      <c r="G30284" s="1" t="s">
        <v>106011</v>
      </c>
      <c r="H30284" s="1" t="s">
        <v>106012</v>
      </c>
      <c r="I30284" s="1" t="s">
        <v>105238</v>
      </c>
      <c r="J30284" s="1" t="s">
        <v>106085</v>
      </c>
    </row>
    <row r="30285" spans="1:10" x14ac:dyDescent="0.35">
      <c r="A30285" s="1" t="s">
        <v>25696</v>
      </c>
      <c r="B30285" s="1" t="s">
        <v>105234</v>
      </c>
      <c r="C30285" s="1" t="s">
        <v>120</v>
      </c>
      <c r="D30285" s="1" t="s">
        <v>61106</v>
      </c>
      <c r="E30285" s="1" t="s">
        <v>106086</v>
      </c>
      <c r="F30285" s="1" t="s">
        <v>106087</v>
      </c>
      <c r="G30285" s="1" t="s">
        <v>106011</v>
      </c>
      <c r="H30285" s="1" t="s">
        <v>106012</v>
      </c>
      <c r="I30285" s="1" t="s">
        <v>105238</v>
      </c>
      <c r="J30285" s="1" t="s">
        <v>106088</v>
      </c>
    </row>
    <row r="30286" spans="1:10" x14ac:dyDescent="0.35">
      <c r="A30286" s="1" t="s">
        <v>25696</v>
      </c>
      <c r="B30286" s="1" t="s">
        <v>105234</v>
      </c>
      <c r="C30286" s="1" t="s">
        <v>125</v>
      </c>
      <c r="D30286" s="1" t="s">
        <v>106089</v>
      </c>
      <c r="E30286" s="1" t="s">
        <v>106090</v>
      </c>
      <c r="F30286" s="1" t="s">
        <v>106091</v>
      </c>
      <c r="G30286" s="1" t="s">
        <v>106011</v>
      </c>
      <c r="H30286" s="1" t="s">
        <v>106012</v>
      </c>
      <c r="I30286" s="1" t="s">
        <v>105238</v>
      </c>
      <c r="J30286" s="1" t="s">
        <v>106092</v>
      </c>
    </row>
    <row r="30287" spans="1:10" x14ac:dyDescent="0.35">
      <c r="A30287" s="1" t="s">
        <v>25696</v>
      </c>
      <c r="B30287" s="1" t="s">
        <v>105234</v>
      </c>
      <c r="C30287" s="1" t="s">
        <v>130</v>
      </c>
      <c r="D30287" s="1" t="s">
        <v>106093</v>
      </c>
      <c r="E30287" s="1" t="s">
        <v>106094</v>
      </c>
      <c r="F30287" s="1" t="s">
        <v>106095</v>
      </c>
      <c r="G30287" s="1" t="s">
        <v>106011</v>
      </c>
      <c r="H30287" s="1" t="s">
        <v>106012</v>
      </c>
      <c r="I30287" s="1" t="s">
        <v>105238</v>
      </c>
      <c r="J30287" s="1" t="s">
        <v>106096</v>
      </c>
    </row>
    <row r="30288" spans="1:10" x14ac:dyDescent="0.35">
      <c r="A30288" s="1" t="s">
        <v>25696</v>
      </c>
      <c r="B30288" s="1" t="s">
        <v>105234</v>
      </c>
      <c r="C30288" s="1" t="s">
        <v>135</v>
      </c>
      <c r="D30288" s="1" t="s">
        <v>106097</v>
      </c>
      <c r="E30288" s="1" t="s">
        <v>106098</v>
      </c>
      <c r="F30288" s="1" t="s">
        <v>106099</v>
      </c>
      <c r="G30288" s="1" t="s">
        <v>106011</v>
      </c>
      <c r="H30288" s="1" t="s">
        <v>106012</v>
      </c>
      <c r="I30288" s="1" t="s">
        <v>105238</v>
      </c>
      <c r="J30288" s="1" t="s">
        <v>106100</v>
      </c>
    </row>
    <row r="30289" spans="1:10" x14ac:dyDescent="0.35">
      <c r="A30289" s="1" t="s">
        <v>25696</v>
      </c>
      <c r="B30289" s="1" t="s">
        <v>105234</v>
      </c>
      <c r="C30289" s="1" t="s">
        <v>140</v>
      </c>
      <c r="D30289" s="1" t="s">
        <v>85716</v>
      </c>
      <c r="E30289" s="1" t="s">
        <v>106101</v>
      </c>
      <c r="F30289" s="1" t="s">
        <v>106102</v>
      </c>
      <c r="G30289" s="1" t="s">
        <v>106011</v>
      </c>
      <c r="H30289" s="1" t="s">
        <v>106012</v>
      </c>
      <c r="I30289" s="1" t="s">
        <v>105238</v>
      </c>
      <c r="J30289" s="1" t="s">
        <v>106103</v>
      </c>
    </row>
    <row r="30290" spans="1:10" x14ac:dyDescent="0.35">
      <c r="A30290" s="1" t="s">
        <v>25696</v>
      </c>
      <c r="B30290" s="1" t="s">
        <v>105234</v>
      </c>
      <c r="C30290" s="1" t="s">
        <v>145</v>
      </c>
      <c r="D30290" s="1" t="s">
        <v>106104</v>
      </c>
      <c r="E30290" s="1" t="s">
        <v>106105</v>
      </c>
      <c r="F30290" s="1" t="s">
        <v>106106</v>
      </c>
      <c r="G30290" s="1" t="s">
        <v>106011</v>
      </c>
      <c r="H30290" s="1" t="s">
        <v>106012</v>
      </c>
      <c r="I30290" s="1" t="s">
        <v>105238</v>
      </c>
      <c r="J30290" s="1" t="s">
        <v>106107</v>
      </c>
    </row>
    <row r="30291" spans="1:10" x14ac:dyDescent="0.35">
      <c r="A30291" s="1" t="s">
        <v>25696</v>
      </c>
      <c r="B30291" s="1" t="s">
        <v>105234</v>
      </c>
      <c r="C30291" s="1" t="s">
        <v>150</v>
      </c>
      <c r="D30291" s="1" t="s">
        <v>83738</v>
      </c>
      <c r="E30291" s="1" t="s">
        <v>106108</v>
      </c>
      <c r="F30291" s="1" t="s">
        <v>106109</v>
      </c>
      <c r="G30291" s="1" t="s">
        <v>106011</v>
      </c>
      <c r="H30291" s="1" t="s">
        <v>106012</v>
      </c>
      <c r="I30291" s="1" t="s">
        <v>105238</v>
      </c>
      <c r="J30291" s="1" t="s">
        <v>106110</v>
      </c>
    </row>
    <row r="30292" spans="1:10" x14ac:dyDescent="0.35">
      <c r="A30292" s="1" t="s">
        <v>25696</v>
      </c>
      <c r="B30292" s="1" t="s">
        <v>105234</v>
      </c>
      <c r="C30292" s="1" t="s">
        <v>155</v>
      </c>
      <c r="D30292" s="1" t="s">
        <v>106111</v>
      </c>
      <c r="E30292" s="1" t="s">
        <v>106112</v>
      </c>
      <c r="F30292" s="1" t="s">
        <v>106113</v>
      </c>
      <c r="G30292" s="1" t="s">
        <v>106011</v>
      </c>
      <c r="H30292" s="1" t="s">
        <v>106012</v>
      </c>
      <c r="I30292" s="1" t="s">
        <v>105238</v>
      </c>
      <c r="J30292" s="1" t="s">
        <v>106114</v>
      </c>
    </row>
    <row r="30293" spans="1:10" x14ac:dyDescent="0.35">
      <c r="A30293" s="1" t="s">
        <v>25696</v>
      </c>
      <c r="B30293" s="1" t="s">
        <v>105234</v>
      </c>
      <c r="C30293" s="1" t="s">
        <v>160</v>
      </c>
      <c r="D30293" s="1" t="s">
        <v>106115</v>
      </c>
      <c r="E30293" s="1" t="s">
        <v>106116</v>
      </c>
      <c r="F30293" s="1" t="s">
        <v>106117</v>
      </c>
      <c r="G30293" s="1" t="s">
        <v>106011</v>
      </c>
      <c r="H30293" s="1" t="s">
        <v>106012</v>
      </c>
      <c r="I30293" s="1" t="s">
        <v>105238</v>
      </c>
      <c r="J30293" s="1" t="s">
        <v>106118</v>
      </c>
    </row>
    <row r="30294" spans="1:10" x14ac:dyDescent="0.35">
      <c r="A30294" s="1" t="s">
        <v>25696</v>
      </c>
      <c r="B30294" s="1" t="s">
        <v>105234</v>
      </c>
      <c r="C30294" s="1" t="s">
        <v>165</v>
      </c>
      <c r="D30294" s="1" t="s">
        <v>12804</v>
      </c>
      <c r="E30294" s="1" t="s">
        <v>106119</v>
      </c>
      <c r="F30294" s="1" t="s">
        <v>106120</v>
      </c>
      <c r="G30294" s="1" t="s">
        <v>106011</v>
      </c>
      <c r="H30294" s="1" t="s">
        <v>106012</v>
      </c>
      <c r="I30294" s="1" t="s">
        <v>105238</v>
      </c>
      <c r="J30294" s="1" t="s">
        <v>106121</v>
      </c>
    </row>
    <row r="30295" spans="1:10" x14ac:dyDescent="0.35">
      <c r="A30295" s="1" t="s">
        <v>25696</v>
      </c>
      <c r="B30295" s="1" t="s">
        <v>105234</v>
      </c>
      <c r="C30295" s="1" t="s">
        <v>170</v>
      </c>
      <c r="D30295" s="1" t="s">
        <v>106122</v>
      </c>
      <c r="E30295" s="1" t="s">
        <v>106123</v>
      </c>
      <c r="F30295" s="1" t="s">
        <v>106124</v>
      </c>
      <c r="G30295" s="1" t="s">
        <v>106011</v>
      </c>
      <c r="H30295" s="1" t="s">
        <v>106012</v>
      </c>
      <c r="I30295" s="1" t="s">
        <v>105238</v>
      </c>
      <c r="J30295" s="1" t="s">
        <v>106125</v>
      </c>
    </row>
    <row r="30296" spans="1:10" x14ac:dyDescent="0.35">
      <c r="A30296" s="1" t="s">
        <v>106126</v>
      </c>
      <c r="B30296" s="1" t="s">
        <v>105234</v>
      </c>
      <c r="C30296" s="1" t="s">
        <v>8</v>
      </c>
      <c r="D30296" s="1" t="s">
        <v>106127</v>
      </c>
      <c r="E30296" s="1" t="s">
        <v>106128</v>
      </c>
      <c r="F30296" s="1" t="s">
        <v>106129</v>
      </c>
      <c r="G30296" s="1" t="s">
        <v>106130</v>
      </c>
      <c r="H30296" s="1" t="s">
        <v>106131</v>
      </c>
      <c r="I30296" s="1" t="s">
        <v>105238</v>
      </c>
      <c r="J30296" s="1" t="s">
        <v>13</v>
      </c>
    </row>
    <row r="30297" spans="1:10" x14ac:dyDescent="0.35">
      <c r="A30297" s="1" t="s">
        <v>106126</v>
      </c>
      <c r="B30297" s="1" t="s">
        <v>105234</v>
      </c>
      <c r="C30297" s="1" t="s">
        <v>15</v>
      </c>
      <c r="D30297" s="1" t="s">
        <v>106132</v>
      </c>
      <c r="E30297" s="1" t="s">
        <v>106133</v>
      </c>
      <c r="F30297" s="1" t="s">
        <v>106134</v>
      </c>
      <c r="G30297" s="1" t="s">
        <v>106130</v>
      </c>
      <c r="H30297" s="1" t="s">
        <v>106131</v>
      </c>
      <c r="I30297" s="1" t="s">
        <v>105238</v>
      </c>
      <c r="J30297" s="1" t="s">
        <v>106135</v>
      </c>
    </row>
    <row r="30298" spans="1:10" x14ac:dyDescent="0.35">
      <c r="A30298" s="1" t="s">
        <v>106126</v>
      </c>
      <c r="B30298" s="1" t="s">
        <v>105234</v>
      </c>
      <c r="C30298" s="1" t="s">
        <v>20</v>
      </c>
      <c r="D30298" s="1" t="s">
        <v>62815</v>
      </c>
      <c r="E30298" s="1" t="s">
        <v>16208</v>
      </c>
      <c r="F30298" s="1" t="s">
        <v>67623</v>
      </c>
      <c r="G30298" s="1" t="s">
        <v>106130</v>
      </c>
      <c r="H30298" s="1" t="s">
        <v>106131</v>
      </c>
      <c r="I30298" s="1" t="s">
        <v>105238</v>
      </c>
      <c r="J30298" s="1" t="s">
        <v>106136</v>
      </c>
    </row>
    <row r="30299" spans="1:10" x14ac:dyDescent="0.35">
      <c r="A30299" s="1" t="s">
        <v>106126</v>
      </c>
      <c r="B30299" s="1" t="s">
        <v>105234</v>
      </c>
      <c r="C30299" s="1" t="s">
        <v>25</v>
      </c>
      <c r="D30299" s="1" t="s">
        <v>106137</v>
      </c>
      <c r="E30299" s="1" t="s">
        <v>15474</v>
      </c>
      <c r="F30299" s="1" t="s">
        <v>106138</v>
      </c>
      <c r="G30299" s="1" t="s">
        <v>106130</v>
      </c>
      <c r="H30299" s="1" t="s">
        <v>106131</v>
      </c>
      <c r="I30299" s="1" t="s">
        <v>105238</v>
      </c>
      <c r="J30299" s="1" t="s">
        <v>106139</v>
      </c>
    </row>
    <row r="30300" spans="1:10" x14ac:dyDescent="0.35">
      <c r="A30300" s="1" t="s">
        <v>106126</v>
      </c>
      <c r="B30300" s="1" t="s">
        <v>105234</v>
      </c>
      <c r="C30300" s="1" t="s">
        <v>30</v>
      </c>
      <c r="D30300" s="1" t="s">
        <v>106140</v>
      </c>
      <c r="E30300" s="1" t="s">
        <v>81167</v>
      </c>
      <c r="F30300" s="1" t="s">
        <v>106141</v>
      </c>
      <c r="G30300" s="1" t="s">
        <v>106130</v>
      </c>
      <c r="H30300" s="1" t="s">
        <v>106131</v>
      </c>
      <c r="I30300" s="1" t="s">
        <v>105238</v>
      </c>
      <c r="J30300" s="1" t="s">
        <v>106142</v>
      </c>
    </row>
    <row r="30301" spans="1:10" x14ac:dyDescent="0.35">
      <c r="A30301" s="1" t="s">
        <v>106126</v>
      </c>
      <c r="B30301" s="1" t="s">
        <v>105234</v>
      </c>
      <c r="C30301" s="1" t="s">
        <v>35</v>
      </c>
      <c r="D30301" s="1" t="s">
        <v>106143</v>
      </c>
      <c r="E30301" s="1" t="s">
        <v>106144</v>
      </c>
      <c r="F30301" s="1" t="s">
        <v>106145</v>
      </c>
      <c r="G30301" s="1" t="s">
        <v>106130</v>
      </c>
      <c r="H30301" s="1" t="s">
        <v>106131</v>
      </c>
      <c r="I30301" s="1" t="s">
        <v>105238</v>
      </c>
      <c r="J30301" s="1" t="s">
        <v>106146</v>
      </c>
    </row>
    <row r="30302" spans="1:10" x14ac:dyDescent="0.35">
      <c r="A30302" s="1" t="s">
        <v>106126</v>
      </c>
      <c r="B30302" s="1" t="s">
        <v>105234</v>
      </c>
      <c r="C30302" s="1" t="s">
        <v>40</v>
      </c>
      <c r="D30302" s="1" t="s">
        <v>106147</v>
      </c>
      <c r="E30302" s="1" t="s">
        <v>106148</v>
      </c>
      <c r="F30302" s="1" t="s">
        <v>106149</v>
      </c>
      <c r="G30302" s="1" t="s">
        <v>106130</v>
      </c>
      <c r="H30302" s="1" t="s">
        <v>106131</v>
      </c>
      <c r="I30302" s="1" t="s">
        <v>105238</v>
      </c>
      <c r="J30302" s="1" t="s">
        <v>106150</v>
      </c>
    </row>
    <row r="30303" spans="1:10" x14ac:dyDescent="0.35">
      <c r="A30303" s="1" t="s">
        <v>106126</v>
      </c>
      <c r="B30303" s="1" t="s">
        <v>105234</v>
      </c>
      <c r="C30303" s="1" t="s">
        <v>45</v>
      </c>
      <c r="D30303" s="1" t="s">
        <v>106151</v>
      </c>
      <c r="E30303" s="1" t="s">
        <v>105361</v>
      </c>
      <c r="F30303" s="1" t="s">
        <v>106152</v>
      </c>
      <c r="G30303" s="1" t="s">
        <v>106130</v>
      </c>
      <c r="H30303" s="1" t="s">
        <v>106131</v>
      </c>
      <c r="I30303" s="1" t="s">
        <v>105238</v>
      </c>
      <c r="J30303" s="1" t="s">
        <v>106153</v>
      </c>
    </row>
    <row r="30304" spans="1:10" x14ac:dyDescent="0.35">
      <c r="A30304" s="1" t="s">
        <v>106126</v>
      </c>
      <c r="B30304" s="1" t="s">
        <v>105234</v>
      </c>
      <c r="C30304" s="1" t="s">
        <v>50</v>
      </c>
      <c r="D30304" s="1" t="s">
        <v>26332</v>
      </c>
      <c r="E30304" s="1" t="s">
        <v>106154</v>
      </c>
      <c r="F30304" s="1" t="s">
        <v>15596</v>
      </c>
      <c r="G30304" s="1" t="s">
        <v>106130</v>
      </c>
      <c r="H30304" s="1" t="s">
        <v>106131</v>
      </c>
      <c r="I30304" s="1" t="s">
        <v>105238</v>
      </c>
      <c r="J30304" s="1" t="s">
        <v>106155</v>
      </c>
    </row>
    <row r="30305" spans="1:10" x14ac:dyDescent="0.35">
      <c r="A30305" s="1" t="s">
        <v>106126</v>
      </c>
      <c r="B30305" s="1" t="s">
        <v>105234</v>
      </c>
      <c r="C30305" s="1" t="s">
        <v>55</v>
      </c>
      <c r="D30305" s="1" t="s">
        <v>67107</v>
      </c>
      <c r="E30305" s="1" t="s">
        <v>106156</v>
      </c>
      <c r="F30305" s="1" t="s">
        <v>106157</v>
      </c>
      <c r="G30305" s="1" t="s">
        <v>106130</v>
      </c>
      <c r="H30305" s="1" t="s">
        <v>106131</v>
      </c>
      <c r="I30305" s="1" t="s">
        <v>105238</v>
      </c>
      <c r="J30305" s="1" t="s">
        <v>106158</v>
      </c>
    </row>
    <row r="30306" spans="1:10" x14ac:dyDescent="0.35">
      <c r="A30306" s="1" t="s">
        <v>106126</v>
      </c>
      <c r="B30306" s="1" t="s">
        <v>105234</v>
      </c>
      <c r="C30306" s="1" t="s">
        <v>60</v>
      </c>
      <c r="D30306" s="1" t="s">
        <v>97108</v>
      </c>
      <c r="E30306" s="1" t="s">
        <v>106159</v>
      </c>
      <c r="F30306" s="1" t="s">
        <v>106160</v>
      </c>
      <c r="G30306" s="1" t="s">
        <v>106130</v>
      </c>
      <c r="H30306" s="1" t="s">
        <v>106131</v>
      </c>
      <c r="I30306" s="1" t="s">
        <v>105238</v>
      </c>
      <c r="J30306" s="1" t="s">
        <v>106161</v>
      </c>
    </row>
    <row r="30307" spans="1:10" x14ac:dyDescent="0.35">
      <c r="A30307" s="1" t="s">
        <v>106126</v>
      </c>
      <c r="B30307" s="1" t="s">
        <v>105234</v>
      </c>
      <c r="C30307" s="1" t="s">
        <v>65</v>
      </c>
      <c r="D30307" s="1" t="s">
        <v>65824</v>
      </c>
      <c r="E30307" s="1" t="s">
        <v>106162</v>
      </c>
      <c r="F30307" s="1" t="s">
        <v>106163</v>
      </c>
      <c r="G30307" s="1" t="s">
        <v>106130</v>
      </c>
      <c r="H30307" s="1" t="s">
        <v>106131</v>
      </c>
      <c r="I30307" s="1" t="s">
        <v>105238</v>
      </c>
      <c r="J30307" s="1" t="s">
        <v>106164</v>
      </c>
    </row>
    <row r="30308" spans="1:10" x14ac:dyDescent="0.35">
      <c r="A30308" s="1" t="s">
        <v>106126</v>
      </c>
      <c r="B30308" s="1" t="s">
        <v>105234</v>
      </c>
      <c r="C30308" s="1" t="s">
        <v>70</v>
      </c>
      <c r="D30308" s="1" t="s">
        <v>106165</v>
      </c>
      <c r="E30308" s="1" t="s">
        <v>106166</v>
      </c>
      <c r="F30308" s="1" t="s">
        <v>106167</v>
      </c>
      <c r="G30308" s="1" t="s">
        <v>106130</v>
      </c>
      <c r="H30308" s="1" t="s">
        <v>106131</v>
      </c>
      <c r="I30308" s="1" t="s">
        <v>105238</v>
      </c>
      <c r="J30308" s="1" t="s">
        <v>106168</v>
      </c>
    </row>
    <row r="30309" spans="1:10" x14ac:dyDescent="0.35">
      <c r="A30309" s="1" t="s">
        <v>106126</v>
      </c>
      <c r="B30309" s="1" t="s">
        <v>105234</v>
      </c>
      <c r="C30309" s="1" t="s">
        <v>75</v>
      </c>
      <c r="D30309" s="1" t="s">
        <v>106169</v>
      </c>
      <c r="E30309" s="1" t="s">
        <v>16294</v>
      </c>
      <c r="F30309" s="1" t="s">
        <v>106170</v>
      </c>
      <c r="G30309" s="1" t="s">
        <v>106130</v>
      </c>
      <c r="H30309" s="1" t="s">
        <v>106131</v>
      </c>
      <c r="I30309" s="1" t="s">
        <v>105238</v>
      </c>
      <c r="J30309" s="1" t="s">
        <v>106171</v>
      </c>
    </row>
    <row r="30310" spans="1:10" x14ac:dyDescent="0.35">
      <c r="A30310" s="1" t="s">
        <v>106126</v>
      </c>
      <c r="B30310" s="1" t="s">
        <v>105234</v>
      </c>
      <c r="C30310" s="1" t="s">
        <v>80</v>
      </c>
      <c r="D30310" s="1" t="s">
        <v>106172</v>
      </c>
      <c r="E30310" s="1" t="s">
        <v>106173</v>
      </c>
      <c r="F30310" s="1" t="s">
        <v>55550</v>
      </c>
      <c r="G30310" s="1" t="s">
        <v>106130</v>
      </c>
      <c r="H30310" s="1" t="s">
        <v>106131</v>
      </c>
      <c r="I30310" s="1" t="s">
        <v>105238</v>
      </c>
      <c r="J30310" s="1" t="s">
        <v>106174</v>
      </c>
    </row>
    <row r="30311" spans="1:10" x14ac:dyDescent="0.35">
      <c r="A30311" s="1" t="s">
        <v>106126</v>
      </c>
      <c r="B30311" s="1" t="s">
        <v>105234</v>
      </c>
      <c r="C30311" s="1" t="s">
        <v>85</v>
      </c>
      <c r="D30311" s="1" t="s">
        <v>68705</v>
      </c>
      <c r="E30311" s="1" t="s">
        <v>106175</v>
      </c>
      <c r="F30311" s="1" t="s">
        <v>106176</v>
      </c>
      <c r="G30311" s="1" t="s">
        <v>106130</v>
      </c>
      <c r="H30311" s="1" t="s">
        <v>106131</v>
      </c>
      <c r="I30311" s="1" t="s">
        <v>105238</v>
      </c>
      <c r="J30311" s="1" t="s">
        <v>106177</v>
      </c>
    </row>
    <row r="30312" spans="1:10" x14ac:dyDescent="0.35">
      <c r="A30312" s="1" t="s">
        <v>106126</v>
      </c>
      <c r="B30312" s="1" t="s">
        <v>105234</v>
      </c>
      <c r="C30312" s="1" t="s">
        <v>90</v>
      </c>
      <c r="D30312" s="1" t="s">
        <v>106178</v>
      </c>
      <c r="E30312" s="1" t="s">
        <v>105391</v>
      </c>
      <c r="F30312" s="1" t="s">
        <v>106179</v>
      </c>
      <c r="G30312" s="1" t="s">
        <v>106130</v>
      </c>
      <c r="H30312" s="1" t="s">
        <v>106131</v>
      </c>
      <c r="I30312" s="1" t="s">
        <v>105238</v>
      </c>
      <c r="J30312" s="1" t="s">
        <v>106180</v>
      </c>
    </row>
    <row r="30313" spans="1:10" x14ac:dyDescent="0.35">
      <c r="A30313" s="1" t="s">
        <v>106126</v>
      </c>
      <c r="B30313" s="1" t="s">
        <v>105234</v>
      </c>
      <c r="C30313" s="1" t="s">
        <v>95</v>
      </c>
      <c r="D30313" s="1" t="s">
        <v>60877</v>
      </c>
      <c r="E30313" s="1" t="s">
        <v>106181</v>
      </c>
      <c r="F30313" s="1" t="s">
        <v>106182</v>
      </c>
      <c r="G30313" s="1" t="s">
        <v>106130</v>
      </c>
      <c r="H30313" s="1" t="s">
        <v>106131</v>
      </c>
      <c r="I30313" s="1" t="s">
        <v>105238</v>
      </c>
      <c r="J30313" s="1" t="s">
        <v>106183</v>
      </c>
    </row>
    <row r="30314" spans="1:10" x14ac:dyDescent="0.35">
      <c r="A30314" s="1" t="s">
        <v>106126</v>
      </c>
      <c r="B30314" s="1" t="s">
        <v>105234</v>
      </c>
      <c r="C30314" s="1" t="s">
        <v>100</v>
      </c>
      <c r="D30314" s="1" t="s">
        <v>90139</v>
      </c>
      <c r="E30314" s="1" t="s">
        <v>81146</v>
      </c>
      <c r="F30314" s="1" t="s">
        <v>106184</v>
      </c>
      <c r="G30314" s="1" t="s">
        <v>106130</v>
      </c>
      <c r="H30314" s="1" t="s">
        <v>106131</v>
      </c>
      <c r="I30314" s="1" t="s">
        <v>105238</v>
      </c>
      <c r="J30314" s="1" t="s">
        <v>106185</v>
      </c>
    </row>
    <row r="30315" spans="1:10" x14ac:dyDescent="0.35">
      <c r="A30315" s="1" t="s">
        <v>106126</v>
      </c>
      <c r="B30315" s="1" t="s">
        <v>105234</v>
      </c>
      <c r="C30315" s="1" t="s">
        <v>105</v>
      </c>
      <c r="D30315" s="1" t="s">
        <v>91100</v>
      </c>
      <c r="E30315" s="1" t="s">
        <v>105421</v>
      </c>
      <c r="F30315" s="1" t="s">
        <v>106186</v>
      </c>
      <c r="G30315" s="1" t="s">
        <v>106130</v>
      </c>
      <c r="H30315" s="1" t="s">
        <v>106131</v>
      </c>
      <c r="I30315" s="1" t="s">
        <v>105238</v>
      </c>
      <c r="J30315" s="1" t="s">
        <v>106187</v>
      </c>
    </row>
    <row r="30316" spans="1:10" x14ac:dyDescent="0.35">
      <c r="A30316" s="1" t="s">
        <v>106126</v>
      </c>
      <c r="B30316" s="1" t="s">
        <v>105234</v>
      </c>
      <c r="C30316" s="1" t="s">
        <v>110</v>
      </c>
      <c r="D30316" s="1" t="s">
        <v>96914</v>
      </c>
      <c r="E30316" s="1" t="s">
        <v>49749</v>
      </c>
      <c r="F30316" s="1" t="s">
        <v>106188</v>
      </c>
      <c r="G30316" s="1" t="s">
        <v>106130</v>
      </c>
      <c r="H30316" s="1" t="s">
        <v>106131</v>
      </c>
      <c r="I30316" s="1" t="s">
        <v>105238</v>
      </c>
      <c r="J30316" s="1" t="s">
        <v>106189</v>
      </c>
    </row>
    <row r="30317" spans="1:10" x14ac:dyDescent="0.35">
      <c r="A30317" s="1" t="s">
        <v>106126</v>
      </c>
      <c r="B30317" s="1" t="s">
        <v>105234</v>
      </c>
      <c r="C30317" s="1" t="s">
        <v>115</v>
      </c>
      <c r="D30317" s="1" t="s">
        <v>22523</v>
      </c>
      <c r="E30317" s="1" t="s">
        <v>106190</v>
      </c>
      <c r="F30317" s="1" t="s">
        <v>106191</v>
      </c>
      <c r="G30317" s="1" t="s">
        <v>106130</v>
      </c>
      <c r="H30317" s="1" t="s">
        <v>106131</v>
      </c>
      <c r="I30317" s="1" t="s">
        <v>105238</v>
      </c>
      <c r="J30317" s="1" t="s">
        <v>106192</v>
      </c>
    </row>
    <row r="30318" spans="1:10" x14ac:dyDescent="0.35">
      <c r="A30318" s="1" t="s">
        <v>106126</v>
      </c>
      <c r="B30318" s="1" t="s">
        <v>105234</v>
      </c>
      <c r="C30318" s="1" t="s">
        <v>120</v>
      </c>
      <c r="D30318" s="1" t="s">
        <v>64445</v>
      </c>
      <c r="E30318" s="1" t="s">
        <v>78823</v>
      </c>
      <c r="F30318" s="1" t="s">
        <v>106193</v>
      </c>
      <c r="G30318" s="1" t="s">
        <v>106130</v>
      </c>
      <c r="H30318" s="1" t="s">
        <v>106131</v>
      </c>
      <c r="I30318" s="1" t="s">
        <v>105238</v>
      </c>
      <c r="J30318" s="1" t="s">
        <v>106194</v>
      </c>
    </row>
    <row r="30319" spans="1:10" x14ac:dyDescent="0.35">
      <c r="A30319" s="1" t="s">
        <v>106126</v>
      </c>
      <c r="B30319" s="1" t="s">
        <v>105234</v>
      </c>
      <c r="C30319" s="1" t="s">
        <v>125</v>
      </c>
      <c r="D30319" s="1" t="s">
        <v>64439</v>
      </c>
      <c r="E30319" s="1" t="s">
        <v>106195</v>
      </c>
      <c r="F30319" s="1" t="s">
        <v>106196</v>
      </c>
      <c r="G30319" s="1" t="s">
        <v>106130</v>
      </c>
      <c r="H30319" s="1" t="s">
        <v>106131</v>
      </c>
      <c r="I30319" s="1" t="s">
        <v>105238</v>
      </c>
      <c r="J30319" s="1" t="s">
        <v>106197</v>
      </c>
    </row>
    <row r="30320" spans="1:10" x14ac:dyDescent="0.35">
      <c r="A30320" s="1" t="s">
        <v>106126</v>
      </c>
      <c r="B30320" s="1" t="s">
        <v>105234</v>
      </c>
      <c r="C30320" s="1" t="s">
        <v>130</v>
      </c>
      <c r="D30320" s="1" t="s">
        <v>106198</v>
      </c>
      <c r="E30320" s="1" t="s">
        <v>106199</v>
      </c>
      <c r="F30320" s="1" t="s">
        <v>106200</v>
      </c>
      <c r="G30320" s="1" t="s">
        <v>106130</v>
      </c>
      <c r="H30320" s="1" t="s">
        <v>106131</v>
      </c>
      <c r="I30320" s="1" t="s">
        <v>105238</v>
      </c>
      <c r="J30320" s="1" t="s">
        <v>106201</v>
      </c>
    </row>
    <row r="30321" spans="1:10" x14ac:dyDescent="0.35">
      <c r="A30321" s="1" t="s">
        <v>106126</v>
      </c>
      <c r="B30321" s="1" t="s">
        <v>105234</v>
      </c>
      <c r="C30321" s="1" t="s">
        <v>135</v>
      </c>
      <c r="D30321" s="1" t="s">
        <v>106202</v>
      </c>
      <c r="E30321" s="1" t="s">
        <v>106203</v>
      </c>
      <c r="F30321" s="1" t="s">
        <v>106204</v>
      </c>
      <c r="G30321" s="1" t="s">
        <v>106130</v>
      </c>
      <c r="H30321" s="1" t="s">
        <v>106131</v>
      </c>
      <c r="I30321" s="1" t="s">
        <v>105238</v>
      </c>
      <c r="J30321" s="1" t="s">
        <v>106205</v>
      </c>
    </row>
    <row r="30322" spans="1:10" x14ac:dyDescent="0.35">
      <c r="A30322" s="1" t="s">
        <v>106126</v>
      </c>
      <c r="B30322" s="1" t="s">
        <v>105234</v>
      </c>
      <c r="C30322" s="1" t="s">
        <v>140</v>
      </c>
      <c r="D30322" s="1" t="s">
        <v>106206</v>
      </c>
      <c r="E30322" s="1" t="s">
        <v>106207</v>
      </c>
      <c r="F30322" s="1" t="s">
        <v>106208</v>
      </c>
      <c r="G30322" s="1" t="s">
        <v>106130</v>
      </c>
      <c r="H30322" s="1" t="s">
        <v>106131</v>
      </c>
      <c r="I30322" s="1" t="s">
        <v>105238</v>
      </c>
      <c r="J30322" s="1" t="s">
        <v>106209</v>
      </c>
    </row>
    <row r="30323" spans="1:10" x14ac:dyDescent="0.35">
      <c r="A30323" s="1" t="s">
        <v>106126</v>
      </c>
      <c r="B30323" s="1" t="s">
        <v>105234</v>
      </c>
      <c r="C30323" s="1" t="s">
        <v>145</v>
      </c>
      <c r="D30323" s="1" t="s">
        <v>106210</v>
      </c>
      <c r="E30323" s="1" t="s">
        <v>106211</v>
      </c>
      <c r="F30323" s="1" t="s">
        <v>12810</v>
      </c>
      <c r="G30323" s="1" t="s">
        <v>106130</v>
      </c>
      <c r="H30323" s="1" t="s">
        <v>106131</v>
      </c>
      <c r="I30323" s="1" t="s">
        <v>105238</v>
      </c>
      <c r="J30323" s="1" t="s">
        <v>106212</v>
      </c>
    </row>
    <row r="30324" spans="1:10" x14ac:dyDescent="0.35">
      <c r="A30324" s="1" t="s">
        <v>106126</v>
      </c>
      <c r="B30324" s="1" t="s">
        <v>105234</v>
      </c>
      <c r="C30324" s="1" t="s">
        <v>150</v>
      </c>
      <c r="D30324" s="1" t="s">
        <v>106213</v>
      </c>
      <c r="E30324" s="1" t="s">
        <v>105428</v>
      </c>
      <c r="F30324" s="1" t="s">
        <v>106214</v>
      </c>
      <c r="G30324" s="1" t="s">
        <v>106130</v>
      </c>
      <c r="H30324" s="1" t="s">
        <v>106131</v>
      </c>
      <c r="I30324" s="1" t="s">
        <v>105238</v>
      </c>
      <c r="J30324" s="1" t="s">
        <v>106215</v>
      </c>
    </row>
    <row r="30325" spans="1:10" x14ac:dyDescent="0.35">
      <c r="A30325" s="1" t="s">
        <v>106126</v>
      </c>
      <c r="B30325" s="1" t="s">
        <v>105234</v>
      </c>
      <c r="C30325" s="1" t="s">
        <v>155</v>
      </c>
      <c r="D30325" s="1" t="s">
        <v>62944</v>
      </c>
      <c r="E30325" s="1" t="s">
        <v>15567</v>
      </c>
      <c r="F30325" s="1" t="s">
        <v>106216</v>
      </c>
      <c r="G30325" s="1" t="s">
        <v>106130</v>
      </c>
      <c r="H30325" s="1" t="s">
        <v>106131</v>
      </c>
      <c r="I30325" s="1" t="s">
        <v>105238</v>
      </c>
      <c r="J30325" s="1" t="s">
        <v>106217</v>
      </c>
    </row>
    <row r="30326" spans="1:10" x14ac:dyDescent="0.35">
      <c r="A30326" s="1" t="s">
        <v>106126</v>
      </c>
      <c r="B30326" s="1" t="s">
        <v>105234</v>
      </c>
      <c r="C30326" s="1" t="s">
        <v>160</v>
      </c>
      <c r="D30326" s="1" t="s">
        <v>106218</v>
      </c>
      <c r="E30326" s="1" t="s">
        <v>106219</v>
      </c>
      <c r="F30326" s="1" t="s">
        <v>106220</v>
      </c>
      <c r="G30326" s="1" t="s">
        <v>106130</v>
      </c>
      <c r="H30326" s="1" t="s">
        <v>106131</v>
      </c>
      <c r="I30326" s="1" t="s">
        <v>105238</v>
      </c>
      <c r="J30326" s="1" t="s">
        <v>106221</v>
      </c>
    </row>
    <row r="30327" spans="1:10" x14ac:dyDescent="0.35">
      <c r="A30327" s="1" t="s">
        <v>106126</v>
      </c>
      <c r="B30327" s="1" t="s">
        <v>105234</v>
      </c>
      <c r="C30327" s="1" t="s">
        <v>165</v>
      </c>
      <c r="D30327" s="1" t="s">
        <v>106222</v>
      </c>
      <c r="E30327" s="1" t="s">
        <v>106223</v>
      </c>
      <c r="F30327" s="1" t="s">
        <v>106224</v>
      </c>
      <c r="G30327" s="1" t="s">
        <v>106130</v>
      </c>
      <c r="H30327" s="1" t="s">
        <v>106131</v>
      </c>
      <c r="I30327" s="1" t="s">
        <v>105238</v>
      </c>
      <c r="J30327" s="1" t="s">
        <v>106225</v>
      </c>
    </row>
    <row r="30328" spans="1:10" x14ac:dyDescent="0.35">
      <c r="A30328" s="1" t="s">
        <v>106126</v>
      </c>
      <c r="B30328" s="1" t="s">
        <v>105234</v>
      </c>
      <c r="C30328" s="1" t="s">
        <v>170</v>
      </c>
      <c r="D30328" s="1" t="s">
        <v>77024</v>
      </c>
      <c r="E30328" s="1" t="s">
        <v>106226</v>
      </c>
      <c r="F30328" s="1" t="s">
        <v>106227</v>
      </c>
      <c r="G30328" s="1" t="s">
        <v>106130</v>
      </c>
      <c r="H30328" s="1" t="s">
        <v>106131</v>
      </c>
      <c r="I30328" s="1" t="s">
        <v>105238</v>
      </c>
      <c r="J30328" s="1" t="s">
        <v>106228</v>
      </c>
    </row>
    <row r="30329" spans="1:10" x14ac:dyDescent="0.35">
      <c r="A30329" s="1" t="s">
        <v>106229</v>
      </c>
      <c r="B30329" s="1" t="s">
        <v>105234</v>
      </c>
      <c r="C30329" s="1" t="s">
        <v>8</v>
      </c>
      <c r="D30329" s="1" t="s">
        <v>106230</v>
      </c>
      <c r="E30329" s="1" t="s">
        <v>106231</v>
      </c>
      <c r="F30329" s="1" t="s">
        <v>106232</v>
      </c>
      <c r="G30329" s="1" t="s">
        <v>106233</v>
      </c>
      <c r="H30329" s="1" t="s">
        <v>106234</v>
      </c>
      <c r="I30329" s="1" t="s">
        <v>105238</v>
      </c>
      <c r="J30329" s="1" t="s">
        <v>13</v>
      </c>
    </row>
    <row r="30330" spans="1:10" x14ac:dyDescent="0.35">
      <c r="A30330" s="1" t="s">
        <v>106229</v>
      </c>
      <c r="B30330" s="1" t="s">
        <v>105234</v>
      </c>
      <c r="C30330" s="1" t="s">
        <v>15</v>
      </c>
      <c r="D30330" s="1" t="s">
        <v>106235</v>
      </c>
      <c r="E30330" s="1" t="s">
        <v>106236</v>
      </c>
      <c r="F30330" s="1" t="s">
        <v>106237</v>
      </c>
      <c r="G30330" s="1" t="s">
        <v>106233</v>
      </c>
      <c r="H30330" s="1" t="s">
        <v>106234</v>
      </c>
      <c r="I30330" s="1" t="s">
        <v>105238</v>
      </c>
      <c r="J30330" s="1" t="s">
        <v>106238</v>
      </c>
    </row>
    <row r="30331" spans="1:10" x14ac:dyDescent="0.35">
      <c r="A30331" s="1" t="s">
        <v>106229</v>
      </c>
      <c r="B30331" s="1" t="s">
        <v>105234</v>
      </c>
      <c r="C30331" s="1" t="s">
        <v>20</v>
      </c>
      <c r="D30331" s="1" t="s">
        <v>106239</v>
      </c>
      <c r="E30331" s="1" t="s">
        <v>106240</v>
      </c>
      <c r="F30331" s="1" t="s">
        <v>106241</v>
      </c>
      <c r="G30331" s="1" t="s">
        <v>106233</v>
      </c>
      <c r="H30331" s="1" t="s">
        <v>106234</v>
      </c>
      <c r="I30331" s="1" t="s">
        <v>105238</v>
      </c>
      <c r="J30331" s="1" t="s">
        <v>106242</v>
      </c>
    </row>
    <row r="30332" spans="1:10" x14ac:dyDescent="0.35">
      <c r="A30332" s="1" t="s">
        <v>106229</v>
      </c>
      <c r="B30332" s="1" t="s">
        <v>105234</v>
      </c>
      <c r="C30332" s="1" t="s">
        <v>25</v>
      </c>
      <c r="D30332" s="1" t="s">
        <v>43064</v>
      </c>
      <c r="E30332" s="1" t="s">
        <v>106243</v>
      </c>
      <c r="F30332" s="1" t="s">
        <v>106244</v>
      </c>
      <c r="G30332" s="1" t="s">
        <v>106233</v>
      </c>
      <c r="H30332" s="1" t="s">
        <v>106234</v>
      </c>
      <c r="I30332" s="1" t="s">
        <v>105238</v>
      </c>
      <c r="J30332" s="1" t="s">
        <v>106245</v>
      </c>
    </row>
    <row r="30333" spans="1:10" x14ac:dyDescent="0.35">
      <c r="A30333" s="1" t="s">
        <v>106229</v>
      </c>
      <c r="B30333" s="1" t="s">
        <v>105234</v>
      </c>
      <c r="C30333" s="1" t="s">
        <v>30</v>
      </c>
      <c r="D30333" s="1" t="s">
        <v>83857</v>
      </c>
      <c r="E30333" s="1" t="s">
        <v>106246</v>
      </c>
      <c r="F30333" s="1" t="s">
        <v>106247</v>
      </c>
      <c r="G30333" s="1" t="s">
        <v>106233</v>
      </c>
      <c r="H30333" s="1" t="s">
        <v>106234</v>
      </c>
      <c r="I30333" s="1" t="s">
        <v>105238</v>
      </c>
      <c r="J30333" s="1" t="s">
        <v>106248</v>
      </c>
    </row>
    <row r="30334" spans="1:10" x14ac:dyDescent="0.35">
      <c r="A30334" s="1" t="s">
        <v>106229</v>
      </c>
      <c r="B30334" s="1" t="s">
        <v>105234</v>
      </c>
      <c r="C30334" s="1" t="s">
        <v>35</v>
      </c>
      <c r="D30334" s="1" t="s">
        <v>106249</v>
      </c>
      <c r="E30334" s="1" t="s">
        <v>106250</v>
      </c>
      <c r="F30334" s="1" t="s">
        <v>106251</v>
      </c>
      <c r="G30334" s="1" t="s">
        <v>106233</v>
      </c>
      <c r="H30334" s="1" t="s">
        <v>106234</v>
      </c>
      <c r="I30334" s="1" t="s">
        <v>105238</v>
      </c>
      <c r="J30334" s="1" t="s">
        <v>106252</v>
      </c>
    </row>
    <row r="30335" spans="1:10" x14ac:dyDescent="0.35">
      <c r="A30335" s="1" t="s">
        <v>106229</v>
      </c>
      <c r="B30335" s="1" t="s">
        <v>105234</v>
      </c>
      <c r="C30335" s="1" t="s">
        <v>40</v>
      </c>
      <c r="D30335" s="1" t="s">
        <v>67545</v>
      </c>
      <c r="E30335" s="1" t="s">
        <v>106253</v>
      </c>
      <c r="F30335" s="1" t="s">
        <v>106254</v>
      </c>
      <c r="G30335" s="1" t="s">
        <v>106233</v>
      </c>
      <c r="H30335" s="1" t="s">
        <v>106234</v>
      </c>
      <c r="I30335" s="1" t="s">
        <v>105238</v>
      </c>
      <c r="J30335" s="1" t="s">
        <v>106255</v>
      </c>
    </row>
    <row r="30336" spans="1:10" x14ac:dyDescent="0.35">
      <c r="A30336" s="1" t="s">
        <v>106229</v>
      </c>
      <c r="B30336" s="1" t="s">
        <v>105234</v>
      </c>
      <c r="C30336" s="1" t="s">
        <v>45</v>
      </c>
      <c r="D30336" s="1" t="s">
        <v>65364</v>
      </c>
      <c r="E30336" s="1" t="s">
        <v>106256</v>
      </c>
      <c r="F30336" s="1" t="s">
        <v>106257</v>
      </c>
      <c r="G30336" s="1" t="s">
        <v>106233</v>
      </c>
      <c r="H30336" s="1" t="s">
        <v>106234</v>
      </c>
      <c r="I30336" s="1" t="s">
        <v>105238</v>
      </c>
      <c r="J30336" s="1" t="s">
        <v>106258</v>
      </c>
    </row>
    <row r="30337" spans="1:10" x14ac:dyDescent="0.35">
      <c r="A30337" s="1" t="s">
        <v>106229</v>
      </c>
      <c r="B30337" s="1" t="s">
        <v>105234</v>
      </c>
      <c r="C30337" s="1" t="s">
        <v>50</v>
      </c>
      <c r="D30337" s="1" t="s">
        <v>93862</v>
      </c>
      <c r="E30337" s="1" t="s">
        <v>106259</v>
      </c>
      <c r="F30337" s="1" t="s">
        <v>106260</v>
      </c>
      <c r="G30337" s="1" t="s">
        <v>106233</v>
      </c>
      <c r="H30337" s="1" t="s">
        <v>106234</v>
      </c>
      <c r="I30337" s="1" t="s">
        <v>105238</v>
      </c>
      <c r="J30337" s="1" t="s">
        <v>106261</v>
      </c>
    </row>
    <row r="30338" spans="1:10" x14ac:dyDescent="0.35">
      <c r="A30338" s="1" t="s">
        <v>106229</v>
      </c>
      <c r="B30338" s="1" t="s">
        <v>105234</v>
      </c>
      <c r="C30338" s="1" t="s">
        <v>55</v>
      </c>
      <c r="D30338" s="1" t="s">
        <v>102243</v>
      </c>
      <c r="E30338" s="1" t="s">
        <v>106262</v>
      </c>
      <c r="F30338" s="1" t="s">
        <v>106263</v>
      </c>
      <c r="G30338" s="1" t="s">
        <v>106233</v>
      </c>
      <c r="H30338" s="1" t="s">
        <v>106234</v>
      </c>
      <c r="I30338" s="1" t="s">
        <v>105238</v>
      </c>
      <c r="J30338" s="1" t="s">
        <v>106264</v>
      </c>
    </row>
    <row r="30339" spans="1:10" x14ac:dyDescent="0.35">
      <c r="A30339" s="1" t="s">
        <v>106229</v>
      </c>
      <c r="B30339" s="1" t="s">
        <v>105234</v>
      </c>
      <c r="C30339" s="1" t="s">
        <v>60</v>
      </c>
      <c r="D30339" s="1" t="s">
        <v>90486</v>
      </c>
      <c r="E30339" s="1" t="s">
        <v>106265</v>
      </c>
      <c r="F30339" s="1" t="s">
        <v>106266</v>
      </c>
      <c r="G30339" s="1" t="s">
        <v>106233</v>
      </c>
      <c r="H30339" s="1" t="s">
        <v>106234</v>
      </c>
      <c r="I30339" s="1" t="s">
        <v>105238</v>
      </c>
      <c r="J30339" s="1" t="s">
        <v>106267</v>
      </c>
    </row>
    <row r="30340" spans="1:10" x14ac:dyDescent="0.35">
      <c r="A30340" s="1" t="s">
        <v>106229</v>
      </c>
      <c r="B30340" s="1" t="s">
        <v>105234</v>
      </c>
      <c r="C30340" s="1" t="s">
        <v>65</v>
      </c>
      <c r="D30340" s="1" t="s">
        <v>102214</v>
      </c>
      <c r="E30340" s="1" t="s">
        <v>106268</v>
      </c>
      <c r="F30340" s="1" t="s">
        <v>106269</v>
      </c>
      <c r="G30340" s="1" t="s">
        <v>106233</v>
      </c>
      <c r="H30340" s="1" t="s">
        <v>106234</v>
      </c>
      <c r="I30340" s="1" t="s">
        <v>105238</v>
      </c>
      <c r="J30340" s="1" t="s">
        <v>106270</v>
      </c>
    </row>
    <row r="30341" spans="1:10" x14ac:dyDescent="0.35">
      <c r="A30341" s="1" t="s">
        <v>106229</v>
      </c>
      <c r="B30341" s="1" t="s">
        <v>105234</v>
      </c>
      <c r="C30341" s="1" t="s">
        <v>70</v>
      </c>
      <c r="D30341" s="1" t="s">
        <v>106271</v>
      </c>
      <c r="E30341" s="1" t="s">
        <v>106272</v>
      </c>
      <c r="F30341" s="1" t="s">
        <v>106273</v>
      </c>
      <c r="G30341" s="1" t="s">
        <v>106233</v>
      </c>
      <c r="H30341" s="1" t="s">
        <v>106234</v>
      </c>
      <c r="I30341" s="1" t="s">
        <v>105238</v>
      </c>
      <c r="J30341" s="1" t="s">
        <v>106274</v>
      </c>
    </row>
    <row r="30342" spans="1:10" x14ac:dyDescent="0.35">
      <c r="A30342" s="1" t="s">
        <v>106229</v>
      </c>
      <c r="B30342" s="1" t="s">
        <v>105234</v>
      </c>
      <c r="C30342" s="1" t="s">
        <v>75</v>
      </c>
      <c r="D30342" s="1" t="s">
        <v>102511</v>
      </c>
      <c r="E30342" s="1" t="s">
        <v>106275</v>
      </c>
      <c r="F30342" s="1" t="s">
        <v>106276</v>
      </c>
      <c r="G30342" s="1" t="s">
        <v>106233</v>
      </c>
      <c r="H30342" s="1" t="s">
        <v>106234</v>
      </c>
      <c r="I30342" s="1" t="s">
        <v>105238</v>
      </c>
      <c r="J30342" s="1" t="s">
        <v>106277</v>
      </c>
    </row>
    <row r="30343" spans="1:10" x14ac:dyDescent="0.35">
      <c r="A30343" s="1" t="s">
        <v>106229</v>
      </c>
      <c r="B30343" s="1" t="s">
        <v>105234</v>
      </c>
      <c r="C30343" s="1" t="s">
        <v>80</v>
      </c>
      <c r="D30343" s="1" t="s">
        <v>12475</v>
      </c>
      <c r="E30343" s="1" t="s">
        <v>106278</v>
      </c>
      <c r="F30343" s="1" t="s">
        <v>106279</v>
      </c>
      <c r="G30343" s="1" t="s">
        <v>106233</v>
      </c>
      <c r="H30343" s="1" t="s">
        <v>106234</v>
      </c>
      <c r="I30343" s="1" t="s">
        <v>105238</v>
      </c>
      <c r="J30343" s="1" t="s">
        <v>106280</v>
      </c>
    </row>
    <row r="30344" spans="1:10" x14ac:dyDescent="0.35">
      <c r="A30344" s="1" t="s">
        <v>106229</v>
      </c>
      <c r="B30344" s="1" t="s">
        <v>105234</v>
      </c>
      <c r="C30344" s="1" t="s">
        <v>85</v>
      </c>
      <c r="D30344" s="1" t="s">
        <v>90818</v>
      </c>
      <c r="E30344" s="1" t="s">
        <v>106281</v>
      </c>
      <c r="F30344" s="1" t="s">
        <v>106282</v>
      </c>
      <c r="G30344" s="1" t="s">
        <v>106233</v>
      </c>
      <c r="H30344" s="1" t="s">
        <v>106234</v>
      </c>
      <c r="I30344" s="1" t="s">
        <v>105238</v>
      </c>
      <c r="J30344" s="1" t="s">
        <v>106283</v>
      </c>
    </row>
    <row r="30345" spans="1:10" x14ac:dyDescent="0.35">
      <c r="A30345" s="1" t="s">
        <v>106229</v>
      </c>
      <c r="B30345" s="1" t="s">
        <v>105234</v>
      </c>
      <c r="C30345" s="1" t="s">
        <v>90</v>
      </c>
      <c r="D30345" s="1" t="s">
        <v>106284</v>
      </c>
      <c r="E30345" s="1" t="s">
        <v>106285</v>
      </c>
      <c r="F30345" s="1" t="s">
        <v>106286</v>
      </c>
      <c r="G30345" s="1" t="s">
        <v>106233</v>
      </c>
      <c r="H30345" s="1" t="s">
        <v>106234</v>
      </c>
      <c r="I30345" s="1" t="s">
        <v>105238</v>
      </c>
      <c r="J30345" s="1" t="s">
        <v>106287</v>
      </c>
    </row>
    <row r="30346" spans="1:10" x14ac:dyDescent="0.35">
      <c r="A30346" s="1" t="s">
        <v>106229</v>
      </c>
      <c r="B30346" s="1" t="s">
        <v>105234</v>
      </c>
      <c r="C30346" s="1" t="s">
        <v>95</v>
      </c>
      <c r="D30346" s="1" t="s">
        <v>106288</v>
      </c>
      <c r="E30346" s="1" t="s">
        <v>106289</v>
      </c>
      <c r="F30346" s="1" t="s">
        <v>106290</v>
      </c>
      <c r="G30346" s="1" t="s">
        <v>106233</v>
      </c>
      <c r="H30346" s="1" t="s">
        <v>106234</v>
      </c>
      <c r="I30346" s="1" t="s">
        <v>105238</v>
      </c>
      <c r="J30346" s="1" t="s">
        <v>106291</v>
      </c>
    </row>
    <row r="30347" spans="1:10" x14ac:dyDescent="0.35">
      <c r="A30347" s="1" t="s">
        <v>106229</v>
      </c>
      <c r="B30347" s="1" t="s">
        <v>105234</v>
      </c>
      <c r="C30347" s="1" t="s">
        <v>100</v>
      </c>
      <c r="D30347" s="1" t="s">
        <v>106292</v>
      </c>
      <c r="E30347" s="1" t="s">
        <v>106293</v>
      </c>
      <c r="F30347" s="1" t="s">
        <v>106294</v>
      </c>
      <c r="G30347" s="1" t="s">
        <v>106233</v>
      </c>
      <c r="H30347" s="1" t="s">
        <v>106234</v>
      </c>
      <c r="I30347" s="1" t="s">
        <v>105238</v>
      </c>
      <c r="J30347" s="1" t="s">
        <v>106295</v>
      </c>
    </row>
    <row r="30348" spans="1:10" x14ac:dyDescent="0.35">
      <c r="A30348" s="1" t="s">
        <v>106229</v>
      </c>
      <c r="B30348" s="1" t="s">
        <v>105234</v>
      </c>
      <c r="C30348" s="1" t="s">
        <v>105</v>
      </c>
      <c r="D30348" s="1" t="s">
        <v>26822</v>
      </c>
      <c r="E30348" s="1" t="s">
        <v>106296</v>
      </c>
      <c r="F30348" s="1" t="s">
        <v>106297</v>
      </c>
      <c r="G30348" s="1" t="s">
        <v>106233</v>
      </c>
      <c r="H30348" s="1" t="s">
        <v>106234</v>
      </c>
      <c r="I30348" s="1" t="s">
        <v>105238</v>
      </c>
      <c r="J30348" s="1" t="s">
        <v>106298</v>
      </c>
    </row>
    <row r="30349" spans="1:10" x14ac:dyDescent="0.35">
      <c r="A30349" s="1" t="s">
        <v>106229</v>
      </c>
      <c r="B30349" s="1" t="s">
        <v>105234</v>
      </c>
      <c r="C30349" s="1" t="s">
        <v>110</v>
      </c>
      <c r="D30349" s="1" t="s">
        <v>106299</v>
      </c>
      <c r="E30349" s="1" t="s">
        <v>106300</v>
      </c>
      <c r="F30349" s="1" t="s">
        <v>106301</v>
      </c>
      <c r="G30349" s="1" t="s">
        <v>106233</v>
      </c>
      <c r="H30349" s="1" t="s">
        <v>106234</v>
      </c>
      <c r="I30349" s="1" t="s">
        <v>105238</v>
      </c>
      <c r="J30349" s="1" t="s">
        <v>106302</v>
      </c>
    </row>
    <row r="30350" spans="1:10" x14ac:dyDescent="0.35">
      <c r="A30350" s="1" t="s">
        <v>106229</v>
      </c>
      <c r="B30350" s="1" t="s">
        <v>105234</v>
      </c>
      <c r="C30350" s="1" t="s">
        <v>115</v>
      </c>
      <c r="D30350" s="1" t="s">
        <v>106303</v>
      </c>
      <c r="E30350" s="1" t="s">
        <v>106304</v>
      </c>
      <c r="F30350" s="1" t="s">
        <v>106305</v>
      </c>
      <c r="G30350" s="1" t="s">
        <v>106233</v>
      </c>
      <c r="H30350" s="1" t="s">
        <v>106234</v>
      </c>
      <c r="I30350" s="1" t="s">
        <v>105238</v>
      </c>
      <c r="J30350" s="1" t="s">
        <v>106306</v>
      </c>
    </row>
    <row r="30351" spans="1:10" x14ac:dyDescent="0.35">
      <c r="A30351" s="1" t="s">
        <v>106229</v>
      </c>
      <c r="B30351" s="1" t="s">
        <v>105234</v>
      </c>
      <c r="C30351" s="1" t="s">
        <v>120</v>
      </c>
      <c r="D30351" s="1" t="s">
        <v>68558</v>
      </c>
      <c r="E30351" s="1" t="s">
        <v>106307</v>
      </c>
      <c r="F30351" s="1" t="s">
        <v>106308</v>
      </c>
      <c r="G30351" s="1" t="s">
        <v>106233</v>
      </c>
      <c r="H30351" s="1" t="s">
        <v>106234</v>
      </c>
      <c r="I30351" s="1" t="s">
        <v>105238</v>
      </c>
      <c r="J30351" s="1" t="s">
        <v>106309</v>
      </c>
    </row>
    <row r="30352" spans="1:10" x14ac:dyDescent="0.35">
      <c r="A30352" s="1" t="s">
        <v>106229</v>
      </c>
      <c r="B30352" s="1" t="s">
        <v>105234</v>
      </c>
      <c r="C30352" s="1" t="s">
        <v>125</v>
      </c>
      <c r="D30352" s="1" t="s">
        <v>106310</v>
      </c>
      <c r="E30352" s="1" t="s">
        <v>106311</v>
      </c>
      <c r="F30352" s="1" t="s">
        <v>106312</v>
      </c>
      <c r="G30352" s="1" t="s">
        <v>106233</v>
      </c>
      <c r="H30352" s="1" t="s">
        <v>106234</v>
      </c>
      <c r="I30352" s="1" t="s">
        <v>105238</v>
      </c>
      <c r="J30352" s="1" t="s">
        <v>106313</v>
      </c>
    </row>
    <row r="30353" spans="1:10" x14ac:dyDescent="0.35">
      <c r="A30353" s="1" t="s">
        <v>106229</v>
      </c>
      <c r="B30353" s="1" t="s">
        <v>105234</v>
      </c>
      <c r="C30353" s="1" t="s">
        <v>130</v>
      </c>
      <c r="D30353" s="1" t="s">
        <v>106314</v>
      </c>
      <c r="E30353" s="1" t="s">
        <v>106315</v>
      </c>
      <c r="F30353" s="1" t="s">
        <v>106316</v>
      </c>
      <c r="G30353" s="1" t="s">
        <v>106233</v>
      </c>
      <c r="H30353" s="1" t="s">
        <v>106234</v>
      </c>
      <c r="I30353" s="1" t="s">
        <v>105238</v>
      </c>
      <c r="J30353" s="1" t="s">
        <v>106317</v>
      </c>
    </row>
    <row r="30354" spans="1:10" x14ac:dyDescent="0.35">
      <c r="A30354" s="1" t="s">
        <v>106229</v>
      </c>
      <c r="B30354" s="1" t="s">
        <v>105234</v>
      </c>
      <c r="C30354" s="1" t="s">
        <v>135</v>
      </c>
      <c r="D30354" s="1" t="s">
        <v>97290</v>
      </c>
      <c r="E30354" s="1" t="s">
        <v>106318</v>
      </c>
      <c r="F30354" s="1" t="s">
        <v>106319</v>
      </c>
      <c r="G30354" s="1" t="s">
        <v>106233</v>
      </c>
      <c r="H30354" s="1" t="s">
        <v>106234</v>
      </c>
      <c r="I30354" s="1" t="s">
        <v>105238</v>
      </c>
      <c r="J30354" s="1" t="s">
        <v>106320</v>
      </c>
    </row>
    <row r="30355" spans="1:10" x14ac:dyDescent="0.35">
      <c r="A30355" s="1" t="s">
        <v>106229</v>
      </c>
      <c r="B30355" s="1" t="s">
        <v>105234</v>
      </c>
      <c r="C30355" s="1" t="s">
        <v>140</v>
      </c>
      <c r="D30355" s="1" t="s">
        <v>106321</v>
      </c>
      <c r="E30355" s="1" t="s">
        <v>106322</v>
      </c>
      <c r="F30355" s="1" t="s">
        <v>106323</v>
      </c>
      <c r="G30355" s="1" t="s">
        <v>106233</v>
      </c>
      <c r="H30355" s="1" t="s">
        <v>106234</v>
      </c>
      <c r="I30355" s="1" t="s">
        <v>105238</v>
      </c>
      <c r="J30355" s="1" t="s">
        <v>106324</v>
      </c>
    </row>
    <row r="30356" spans="1:10" x14ac:dyDescent="0.35">
      <c r="A30356" s="1" t="s">
        <v>106229</v>
      </c>
      <c r="B30356" s="1" t="s">
        <v>105234</v>
      </c>
      <c r="C30356" s="1" t="s">
        <v>145</v>
      </c>
      <c r="D30356" s="1" t="s">
        <v>106325</v>
      </c>
      <c r="E30356" s="1" t="s">
        <v>106326</v>
      </c>
      <c r="F30356" s="1" t="s">
        <v>106327</v>
      </c>
      <c r="G30356" s="1" t="s">
        <v>106233</v>
      </c>
      <c r="H30356" s="1" t="s">
        <v>106234</v>
      </c>
      <c r="I30356" s="1" t="s">
        <v>105238</v>
      </c>
      <c r="J30356" s="1" t="s">
        <v>106328</v>
      </c>
    </row>
    <row r="30357" spans="1:10" x14ac:dyDescent="0.35">
      <c r="A30357" s="1" t="s">
        <v>106229</v>
      </c>
      <c r="B30357" s="1" t="s">
        <v>105234</v>
      </c>
      <c r="C30357" s="1" t="s">
        <v>150</v>
      </c>
      <c r="D30357" s="1" t="s">
        <v>106329</v>
      </c>
      <c r="E30357" s="1" t="s">
        <v>106330</v>
      </c>
      <c r="F30357" s="1" t="s">
        <v>106331</v>
      </c>
      <c r="G30357" s="1" t="s">
        <v>106233</v>
      </c>
      <c r="H30357" s="1" t="s">
        <v>106234</v>
      </c>
      <c r="I30357" s="1" t="s">
        <v>105238</v>
      </c>
      <c r="J30357" s="1" t="s">
        <v>106332</v>
      </c>
    </row>
    <row r="30358" spans="1:10" x14ac:dyDescent="0.35">
      <c r="A30358" s="1" t="s">
        <v>106229</v>
      </c>
      <c r="B30358" s="1" t="s">
        <v>105234</v>
      </c>
      <c r="C30358" s="1" t="s">
        <v>155</v>
      </c>
      <c r="D30358" s="1" t="s">
        <v>106333</v>
      </c>
      <c r="E30358" s="1" t="s">
        <v>106334</v>
      </c>
      <c r="F30358" s="1" t="s">
        <v>106335</v>
      </c>
      <c r="G30358" s="1" t="s">
        <v>106233</v>
      </c>
      <c r="H30358" s="1" t="s">
        <v>106234</v>
      </c>
      <c r="I30358" s="1" t="s">
        <v>105238</v>
      </c>
      <c r="J30358" s="1" t="s">
        <v>106336</v>
      </c>
    </row>
    <row r="30359" spans="1:10" x14ac:dyDescent="0.35">
      <c r="A30359" s="1" t="s">
        <v>106229</v>
      </c>
      <c r="B30359" s="1" t="s">
        <v>105234</v>
      </c>
      <c r="C30359" s="1" t="s">
        <v>160</v>
      </c>
      <c r="D30359" s="1" t="s">
        <v>80761</v>
      </c>
      <c r="E30359" s="1" t="s">
        <v>106337</v>
      </c>
      <c r="F30359" s="1" t="s">
        <v>106338</v>
      </c>
      <c r="G30359" s="1" t="s">
        <v>106233</v>
      </c>
      <c r="H30359" s="1" t="s">
        <v>106234</v>
      </c>
      <c r="I30359" s="1" t="s">
        <v>105238</v>
      </c>
      <c r="J30359" s="1" t="s">
        <v>106339</v>
      </c>
    </row>
    <row r="30360" spans="1:10" x14ac:dyDescent="0.35">
      <c r="A30360" s="1" t="s">
        <v>106229</v>
      </c>
      <c r="B30360" s="1" t="s">
        <v>105234</v>
      </c>
      <c r="C30360" s="1" t="s">
        <v>165</v>
      </c>
      <c r="D30360" s="1" t="s">
        <v>106340</v>
      </c>
      <c r="E30360" s="1" t="s">
        <v>106341</v>
      </c>
      <c r="F30360" s="1" t="s">
        <v>106342</v>
      </c>
      <c r="G30360" s="1" t="s">
        <v>106233</v>
      </c>
      <c r="H30360" s="1" t="s">
        <v>106234</v>
      </c>
      <c r="I30360" s="1" t="s">
        <v>105238</v>
      </c>
      <c r="J30360" s="1" t="s">
        <v>106343</v>
      </c>
    </row>
    <row r="30361" spans="1:10" x14ac:dyDescent="0.35">
      <c r="A30361" s="1" t="s">
        <v>106229</v>
      </c>
      <c r="B30361" s="1" t="s">
        <v>105234</v>
      </c>
      <c r="C30361" s="1" t="s">
        <v>170</v>
      </c>
      <c r="D30361" s="1" t="s">
        <v>89369</v>
      </c>
      <c r="E30361" s="1" t="s">
        <v>106344</v>
      </c>
      <c r="F30361" s="1" t="s">
        <v>106345</v>
      </c>
      <c r="G30361" s="1" t="s">
        <v>106233</v>
      </c>
      <c r="H30361" s="1" t="s">
        <v>106234</v>
      </c>
      <c r="I30361" s="1" t="s">
        <v>105238</v>
      </c>
      <c r="J30361" s="1" t="s">
        <v>106346</v>
      </c>
    </row>
    <row r="30362" spans="1:10" x14ac:dyDescent="0.35">
      <c r="A30362" s="1" t="s">
        <v>106347</v>
      </c>
      <c r="B30362" s="1" t="s">
        <v>105234</v>
      </c>
      <c r="C30362" s="1" t="s">
        <v>8</v>
      </c>
      <c r="D30362" s="1" t="s">
        <v>106348</v>
      </c>
      <c r="E30362" s="1" t="s">
        <v>106349</v>
      </c>
      <c r="F30362" s="1" t="s">
        <v>106350</v>
      </c>
      <c r="G30362" s="1" t="s">
        <v>106351</v>
      </c>
      <c r="H30362" s="1" t="s">
        <v>106352</v>
      </c>
      <c r="I30362" s="1" t="s">
        <v>105238</v>
      </c>
      <c r="J30362" s="1" t="s">
        <v>13</v>
      </c>
    </row>
    <row r="30363" spans="1:10" x14ac:dyDescent="0.35">
      <c r="A30363" s="1" t="s">
        <v>106347</v>
      </c>
      <c r="B30363" s="1" t="s">
        <v>105234</v>
      </c>
      <c r="C30363" s="1" t="s">
        <v>15</v>
      </c>
      <c r="D30363" s="1" t="s">
        <v>15080</v>
      </c>
      <c r="E30363" s="1" t="s">
        <v>106353</v>
      </c>
      <c r="F30363" s="1" t="s">
        <v>106354</v>
      </c>
      <c r="G30363" s="1" t="s">
        <v>106351</v>
      </c>
      <c r="H30363" s="1" t="s">
        <v>106352</v>
      </c>
      <c r="I30363" s="1" t="s">
        <v>105238</v>
      </c>
      <c r="J30363" s="1" t="s">
        <v>106355</v>
      </c>
    </row>
    <row r="30364" spans="1:10" x14ac:dyDescent="0.35">
      <c r="A30364" s="1" t="s">
        <v>106347</v>
      </c>
      <c r="B30364" s="1" t="s">
        <v>105234</v>
      </c>
      <c r="C30364" s="1" t="s">
        <v>20</v>
      </c>
      <c r="D30364" s="1" t="s">
        <v>106356</v>
      </c>
      <c r="E30364" s="1" t="s">
        <v>106357</v>
      </c>
      <c r="F30364" s="1" t="s">
        <v>106358</v>
      </c>
      <c r="G30364" s="1" t="s">
        <v>106351</v>
      </c>
      <c r="H30364" s="1" t="s">
        <v>106352</v>
      </c>
      <c r="I30364" s="1" t="s">
        <v>105238</v>
      </c>
      <c r="J30364" s="1" t="s">
        <v>106359</v>
      </c>
    </row>
    <row r="30365" spans="1:10" x14ac:dyDescent="0.35">
      <c r="A30365" s="1" t="s">
        <v>106347</v>
      </c>
      <c r="B30365" s="1" t="s">
        <v>105234</v>
      </c>
      <c r="C30365" s="1" t="s">
        <v>25</v>
      </c>
      <c r="D30365" s="1" t="s">
        <v>3770</v>
      </c>
      <c r="E30365" s="1" t="s">
        <v>106360</v>
      </c>
      <c r="F30365" s="1" t="s">
        <v>106361</v>
      </c>
      <c r="G30365" s="1" t="s">
        <v>106351</v>
      </c>
      <c r="H30365" s="1" t="s">
        <v>106352</v>
      </c>
      <c r="I30365" s="1" t="s">
        <v>105238</v>
      </c>
      <c r="J30365" s="1" t="s">
        <v>106362</v>
      </c>
    </row>
    <row r="30366" spans="1:10" x14ac:dyDescent="0.35">
      <c r="A30366" s="1" t="s">
        <v>106347</v>
      </c>
      <c r="B30366" s="1" t="s">
        <v>105234</v>
      </c>
      <c r="C30366" s="1" t="s">
        <v>30</v>
      </c>
      <c r="D30366" s="1" t="s">
        <v>106363</v>
      </c>
      <c r="E30366" s="1" t="s">
        <v>106364</v>
      </c>
      <c r="F30366" s="1" t="s">
        <v>106365</v>
      </c>
      <c r="G30366" s="1" t="s">
        <v>106351</v>
      </c>
      <c r="H30366" s="1" t="s">
        <v>106352</v>
      </c>
      <c r="I30366" s="1" t="s">
        <v>105238</v>
      </c>
      <c r="J30366" s="1" t="s">
        <v>106366</v>
      </c>
    </row>
    <row r="30367" spans="1:10" x14ac:dyDescent="0.35">
      <c r="A30367" s="1" t="s">
        <v>106347</v>
      </c>
      <c r="B30367" s="1" t="s">
        <v>105234</v>
      </c>
      <c r="C30367" s="1" t="s">
        <v>35</v>
      </c>
      <c r="D30367" s="1" t="s">
        <v>106367</v>
      </c>
      <c r="E30367" s="1" t="s">
        <v>106368</v>
      </c>
      <c r="F30367" s="1" t="s">
        <v>106369</v>
      </c>
      <c r="G30367" s="1" t="s">
        <v>106351</v>
      </c>
      <c r="H30367" s="1" t="s">
        <v>106352</v>
      </c>
      <c r="I30367" s="1" t="s">
        <v>105238</v>
      </c>
      <c r="J30367" s="1" t="s">
        <v>106370</v>
      </c>
    </row>
    <row r="30368" spans="1:10" x14ac:dyDescent="0.35">
      <c r="A30368" s="1" t="s">
        <v>106347</v>
      </c>
      <c r="B30368" s="1" t="s">
        <v>105234</v>
      </c>
      <c r="C30368" s="1" t="s">
        <v>40</v>
      </c>
      <c r="D30368" s="1" t="s">
        <v>76102</v>
      </c>
      <c r="E30368" s="1" t="s">
        <v>106371</v>
      </c>
      <c r="F30368" s="1" t="s">
        <v>106372</v>
      </c>
      <c r="G30368" s="1" t="s">
        <v>106351</v>
      </c>
      <c r="H30368" s="1" t="s">
        <v>106352</v>
      </c>
      <c r="I30368" s="1" t="s">
        <v>105238</v>
      </c>
      <c r="J30368" s="1" t="s">
        <v>106373</v>
      </c>
    </row>
    <row r="30369" spans="1:10" x14ac:dyDescent="0.35">
      <c r="A30369" s="1" t="s">
        <v>106347</v>
      </c>
      <c r="B30369" s="1" t="s">
        <v>105234</v>
      </c>
      <c r="C30369" s="1" t="s">
        <v>45</v>
      </c>
      <c r="D30369" s="1" t="s">
        <v>106374</v>
      </c>
      <c r="E30369" s="1" t="s">
        <v>106375</v>
      </c>
      <c r="F30369" s="1" t="s">
        <v>106376</v>
      </c>
      <c r="G30369" s="1" t="s">
        <v>106351</v>
      </c>
      <c r="H30369" s="1" t="s">
        <v>106352</v>
      </c>
      <c r="I30369" s="1" t="s">
        <v>105238</v>
      </c>
      <c r="J30369" s="1" t="s">
        <v>106377</v>
      </c>
    </row>
    <row r="30370" spans="1:10" x14ac:dyDescent="0.35">
      <c r="A30370" s="1" t="s">
        <v>106347</v>
      </c>
      <c r="B30370" s="1" t="s">
        <v>105234</v>
      </c>
      <c r="C30370" s="1" t="s">
        <v>50</v>
      </c>
      <c r="D30370" s="1" t="s">
        <v>106378</v>
      </c>
      <c r="E30370" s="1" t="s">
        <v>106379</v>
      </c>
      <c r="F30370" s="1" t="s">
        <v>106380</v>
      </c>
      <c r="G30370" s="1" t="s">
        <v>106351</v>
      </c>
      <c r="H30370" s="1" t="s">
        <v>106352</v>
      </c>
      <c r="I30370" s="1" t="s">
        <v>105238</v>
      </c>
      <c r="J30370" s="1" t="s">
        <v>106381</v>
      </c>
    </row>
    <row r="30371" spans="1:10" x14ac:dyDescent="0.35">
      <c r="A30371" s="1" t="s">
        <v>106347</v>
      </c>
      <c r="B30371" s="1" t="s">
        <v>105234</v>
      </c>
      <c r="C30371" s="1" t="s">
        <v>55</v>
      </c>
      <c r="D30371" s="1" t="s">
        <v>106382</v>
      </c>
      <c r="E30371" s="1" t="s">
        <v>106383</v>
      </c>
      <c r="F30371" s="1" t="s">
        <v>106384</v>
      </c>
      <c r="G30371" s="1" t="s">
        <v>106351</v>
      </c>
      <c r="H30371" s="1" t="s">
        <v>106352</v>
      </c>
      <c r="I30371" s="1" t="s">
        <v>105238</v>
      </c>
      <c r="J30371" s="1" t="s">
        <v>106385</v>
      </c>
    </row>
    <row r="30372" spans="1:10" x14ac:dyDescent="0.35">
      <c r="A30372" s="1" t="s">
        <v>106347</v>
      </c>
      <c r="B30372" s="1" t="s">
        <v>105234</v>
      </c>
      <c r="C30372" s="1" t="s">
        <v>60</v>
      </c>
      <c r="D30372" s="1" t="s">
        <v>106386</v>
      </c>
      <c r="E30372" s="1" t="s">
        <v>106387</v>
      </c>
      <c r="F30372" s="1" t="s">
        <v>106388</v>
      </c>
      <c r="G30372" s="1" t="s">
        <v>106351</v>
      </c>
      <c r="H30372" s="1" t="s">
        <v>106352</v>
      </c>
      <c r="I30372" s="1" t="s">
        <v>105238</v>
      </c>
      <c r="J30372" s="1" t="s">
        <v>106389</v>
      </c>
    </row>
    <row r="30373" spans="1:10" x14ac:dyDescent="0.35">
      <c r="A30373" s="1" t="s">
        <v>106347</v>
      </c>
      <c r="B30373" s="1" t="s">
        <v>105234</v>
      </c>
      <c r="C30373" s="1" t="s">
        <v>65</v>
      </c>
      <c r="D30373" s="1" t="s">
        <v>106390</v>
      </c>
      <c r="E30373" s="1" t="s">
        <v>106391</v>
      </c>
      <c r="F30373" s="1" t="s">
        <v>106392</v>
      </c>
      <c r="G30373" s="1" t="s">
        <v>106351</v>
      </c>
      <c r="H30373" s="1" t="s">
        <v>106352</v>
      </c>
      <c r="I30373" s="1" t="s">
        <v>105238</v>
      </c>
      <c r="J30373" s="1" t="s">
        <v>106393</v>
      </c>
    </row>
    <row r="30374" spans="1:10" x14ac:dyDescent="0.35">
      <c r="A30374" s="1" t="s">
        <v>106347</v>
      </c>
      <c r="B30374" s="1" t="s">
        <v>105234</v>
      </c>
      <c r="C30374" s="1" t="s">
        <v>70</v>
      </c>
      <c r="D30374" s="1" t="s">
        <v>83328</v>
      </c>
      <c r="E30374" s="1" t="s">
        <v>106394</v>
      </c>
      <c r="F30374" s="1" t="s">
        <v>106395</v>
      </c>
      <c r="G30374" s="1" t="s">
        <v>106351</v>
      </c>
      <c r="H30374" s="1" t="s">
        <v>106352</v>
      </c>
      <c r="I30374" s="1" t="s">
        <v>105238</v>
      </c>
      <c r="J30374" s="1" t="s">
        <v>106396</v>
      </c>
    </row>
    <row r="30375" spans="1:10" x14ac:dyDescent="0.35">
      <c r="A30375" s="1" t="s">
        <v>106347</v>
      </c>
      <c r="B30375" s="1" t="s">
        <v>105234</v>
      </c>
      <c r="C30375" s="1" t="s">
        <v>75</v>
      </c>
      <c r="D30375" s="1" t="s">
        <v>106397</v>
      </c>
      <c r="E30375" s="1" t="s">
        <v>106398</v>
      </c>
      <c r="F30375" s="1" t="s">
        <v>106399</v>
      </c>
      <c r="G30375" s="1" t="s">
        <v>106351</v>
      </c>
      <c r="H30375" s="1" t="s">
        <v>106352</v>
      </c>
      <c r="I30375" s="1" t="s">
        <v>105238</v>
      </c>
      <c r="J30375" s="1" t="s">
        <v>106400</v>
      </c>
    </row>
    <row r="30376" spans="1:10" x14ac:dyDescent="0.35">
      <c r="A30376" s="1" t="s">
        <v>106347</v>
      </c>
      <c r="B30376" s="1" t="s">
        <v>105234</v>
      </c>
      <c r="C30376" s="1" t="s">
        <v>80</v>
      </c>
      <c r="D30376" s="1" t="s">
        <v>106401</v>
      </c>
      <c r="E30376" s="1" t="s">
        <v>106402</v>
      </c>
      <c r="F30376" s="1" t="s">
        <v>106403</v>
      </c>
      <c r="G30376" s="1" t="s">
        <v>106351</v>
      </c>
      <c r="H30376" s="1" t="s">
        <v>106352</v>
      </c>
      <c r="I30376" s="1" t="s">
        <v>105238</v>
      </c>
      <c r="J30376" s="1" t="s">
        <v>106404</v>
      </c>
    </row>
    <row r="30377" spans="1:10" x14ac:dyDescent="0.35">
      <c r="A30377" s="1" t="s">
        <v>106347</v>
      </c>
      <c r="B30377" s="1" t="s">
        <v>105234</v>
      </c>
      <c r="C30377" s="1" t="s">
        <v>85</v>
      </c>
      <c r="D30377" s="1" t="s">
        <v>96766</v>
      </c>
      <c r="E30377" s="1" t="s">
        <v>106405</v>
      </c>
      <c r="F30377" s="1" t="s">
        <v>106406</v>
      </c>
      <c r="G30377" s="1" t="s">
        <v>106351</v>
      </c>
      <c r="H30377" s="1" t="s">
        <v>106352</v>
      </c>
      <c r="I30377" s="1" t="s">
        <v>105238</v>
      </c>
      <c r="J30377" s="1" t="s">
        <v>106407</v>
      </c>
    </row>
    <row r="30378" spans="1:10" x14ac:dyDescent="0.35">
      <c r="A30378" s="1" t="s">
        <v>106347</v>
      </c>
      <c r="B30378" s="1" t="s">
        <v>105234</v>
      </c>
      <c r="C30378" s="1" t="s">
        <v>90</v>
      </c>
      <c r="D30378" s="1" t="s">
        <v>106408</v>
      </c>
      <c r="E30378" s="1" t="s">
        <v>106409</v>
      </c>
      <c r="F30378" s="1" t="s">
        <v>106410</v>
      </c>
      <c r="G30378" s="1" t="s">
        <v>106351</v>
      </c>
      <c r="H30378" s="1" t="s">
        <v>106352</v>
      </c>
      <c r="I30378" s="1" t="s">
        <v>105238</v>
      </c>
      <c r="J30378" s="1" t="s">
        <v>106411</v>
      </c>
    </row>
    <row r="30379" spans="1:10" x14ac:dyDescent="0.35">
      <c r="A30379" s="1" t="s">
        <v>106347</v>
      </c>
      <c r="B30379" s="1" t="s">
        <v>105234</v>
      </c>
      <c r="C30379" s="1" t="s">
        <v>95</v>
      </c>
      <c r="D30379" s="1" t="s">
        <v>106412</v>
      </c>
      <c r="E30379" s="1" t="s">
        <v>106413</v>
      </c>
      <c r="F30379" s="1" t="s">
        <v>106414</v>
      </c>
      <c r="G30379" s="1" t="s">
        <v>106351</v>
      </c>
      <c r="H30379" s="1" t="s">
        <v>106352</v>
      </c>
      <c r="I30379" s="1" t="s">
        <v>105238</v>
      </c>
      <c r="J30379" s="1" t="s">
        <v>106415</v>
      </c>
    </row>
    <row r="30380" spans="1:10" x14ac:dyDescent="0.35">
      <c r="A30380" s="1" t="s">
        <v>106347</v>
      </c>
      <c r="B30380" s="1" t="s">
        <v>105234</v>
      </c>
      <c r="C30380" s="1" t="s">
        <v>100</v>
      </c>
      <c r="D30380" s="1" t="s">
        <v>106416</v>
      </c>
      <c r="E30380" s="1" t="s">
        <v>106417</v>
      </c>
      <c r="F30380" s="1" t="s">
        <v>106418</v>
      </c>
      <c r="G30380" s="1" t="s">
        <v>106351</v>
      </c>
      <c r="H30380" s="1" t="s">
        <v>106352</v>
      </c>
      <c r="I30380" s="1" t="s">
        <v>105238</v>
      </c>
      <c r="J30380" s="1" t="s">
        <v>106419</v>
      </c>
    </row>
    <row r="30381" spans="1:10" x14ac:dyDescent="0.35">
      <c r="A30381" s="1" t="s">
        <v>106347</v>
      </c>
      <c r="B30381" s="1" t="s">
        <v>105234</v>
      </c>
      <c r="C30381" s="1" t="s">
        <v>105</v>
      </c>
      <c r="D30381" s="1" t="s">
        <v>106420</v>
      </c>
      <c r="E30381" s="1" t="s">
        <v>106421</v>
      </c>
      <c r="F30381" s="1" t="s">
        <v>106422</v>
      </c>
      <c r="G30381" s="1" t="s">
        <v>106351</v>
      </c>
      <c r="H30381" s="1" t="s">
        <v>106352</v>
      </c>
      <c r="I30381" s="1" t="s">
        <v>105238</v>
      </c>
      <c r="J30381" s="1" t="s">
        <v>106423</v>
      </c>
    </row>
    <row r="30382" spans="1:10" x14ac:dyDescent="0.35">
      <c r="A30382" s="1" t="s">
        <v>106347</v>
      </c>
      <c r="B30382" s="1" t="s">
        <v>105234</v>
      </c>
      <c r="C30382" s="1" t="s">
        <v>110</v>
      </c>
      <c r="D30382" s="1" t="s">
        <v>106424</v>
      </c>
      <c r="E30382" s="1" t="s">
        <v>106425</v>
      </c>
      <c r="F30382" s="1" t="s">
        <v>106426</v>
      </c>
      <c r="G30382" s="1" t="s">
        <v>106351</v>
      </c>
      <c r="H30382" s="1" t="s">
        <v>106352</v>
      </c>
      <c r="I30382" s="1" t="s">
        <v>105238</v>
      </c>
      <c r="J30382" s="1" t="s">
        <v>106427</v>
      </c>
    </row>
    <row r="30383" spans="1:10" x14ac:dyDescent="0.35">
      <c r="A30383" s="1" t="s">
        <v>106347</v>
      </c>
      <c r="B30383" s="1" t="s">
        <v>105234</v>
      </c>
      <c r="C30383" s="1" t="s">
        <v>115</v>
      </c>
      <c r="D30383" s="1" t="s">
        <v>12540</v>
      </c>
      <c r="E30383" s="1" t="s">
        <v>106428</v>
      </c>
      <c r="F30383" s="1" t="s">
        <v>106429</v>
      </c>
      <c r="G30383" s="1" t="s">
        <v>106351</v>
      </c>
      <c r="H30383" s="1" t="s">
        <v>106352</v>
      </c>
      <c r="I30383" s="1" t="s">
        <v>105238</v>
      </c>
      <c r="J30383" s="1" t="s">
        <v>106430</v>
      </c>
    </row>
    <row r="30384" spans="1:10" x14ac:dyDescent="0.35">
      <c r="A30384" s="1" t="s">
        <v>106347</v>
      </c>
      <c r="B30384" s="1" t="s">
        <v>105234</v>
      </c>
      <c r="C30384" s="1" t="s">
        <v>120</v>
      </c>
      <c r="D30384" s="1" t="s">
        <v>37023</v>
      </c>
      <c r="E30384" s="1" t="s">
        <v>106431</v>
      </c>
      <c r="F30384" s="1" t="s">
        <v>106432</v>
      </c>
      <c r="G30384" s="1" t="s">
        <v>106351</v>
      </c>
      <c r="H30384" s="1" t="s">
        <v>106352</v>
      </c>
      <c r="I30384" s="1" t="s">
        <v>105238</v>
      </c>
      <c r="J30384" s="1" t="s">
        <v>106433</v>
      </c>
    </row>
    <row r="30385" spans="1:10" x14ac:dyDescent="0.35">
      <c r="A30385" s="1" t="s">
        <v>106347</v>
      </c>
      <c r="B30385" s="1" t="s">
        <v>105234</v>
      </c>
      <c r="C30385" s="1" t="s">
        <v>125</v>
      </c>
      <c r="D30385" s="1" t="s">
        <v>106434</v>
      </c>
      <c r="E30385" s="1" t="s">
        <v>106435</v>
      </c>
      <c r="F30385" s="1" t="s">
        <v>106436</v>
      </c>
      <c r="G30385" s="1" t="s">
        <v>106351</v>
      </c>
      <c r="H30385" s="1" t="s">
        <v>106352</v>
      </c>
      <c r="I30385" s="1" t="s">
        <v>105238</v>
      </c>
      <c r="J30385" s="1" t="s">
        <v>106437</v>
      </c>
    </row>
    <row r="30386" spans="1:10" x14ac:dyDescent="0.35">
      <c r="A30386" s="1" t="s">
        <v>106347</v>
      </c>
      <c r="B30386" s="1" t="s">
        <v>105234</v>
      </c>
      <c r="C30386" s="1" t="s">
        <v>130</v>
      </c>
      <c r="D30386" s="1" t="s">
        <v>106438</v>
      </c>
      <c r="E30386" s="1" t="s">
        <v>106439</v>
      </c>
      <c r="F30386" s="1" t="s">
        <v>106440</v>
      </c>
      <c r="G30386" s="1" t="s">
        <v>106351</v>
      </c>
      <c r="H30386" s="1" t="s">
        <v>106352</v>
      </c>
      <c r="I30386" s="1" t="s">
        <v>105238</v>
      </c>
      <c r="J30386" s="1" t="s">
        <v>106441</v>
      </c>
    </row>
    <row r="30387" spans="1:10" x14ac:dyDescent="0.35">
      <c r="A30387" s="1" t="s">
        <v>106347</v>
      </c>
      <c r="B30387" s="1" t="s">
        <v>105234</v>
      </c>
      <c r="C30387" s="1" t="s">
        <v>135</v>
      </c>
      <c r="D30387" s="1" t="s">
        <v>18728</v>
      </c>
      <c r="E30387" s="1" t="s">
        <v>106442</v>
      </c>
      <c r="F30387" s="1" t="s">
        <v>106443</v>
      </c>
      <c r="G30387" s="1" t="s">
        <v>106351</v>
      </c>
      <c r="H30387" s="1" t="s">
        <v>106352</v>
      </c>
      <c r="I30387" s="1" t="s">
        <v>105238</v>
      </c>
      <c r="J30387" s="1" t="s">
        <v>106444</v>
      </c>
    </row>
    <row r="30388" spans="1:10" x14ac:dyDescent="0.35">
      <c r="A30388" s="1" t="s">
        <v>106347</v>
      </c>
      <c r="B30388" s="1" t="s">
        <v>105234</v>
      </c>
      <c r="C30388" s="1" t="s">
        <v>140</v>
      </c>
      <c r="D30388" s="1" t="s">
        <v>12524</v>
      </c>
      <c r="E30388" s="1" t="s">
        <v>106445</v>
      </c>
      <c r="F30388" s="1" t="s">
        <v>106446</v>
      </c>
      <c r="G30388" s="1" t="s">
        <v>106351</v>
      </c>
      <c r="H30388" s="1" t="s">
        <v>106352</v>
      </c>
      <c r="I30388" s="1" t="s">
        <v>105238</v>
      </c>
      <c r="J30388" s="1" t="s">
        <v>106447</v>
      </c>
    </row>
    <row r="30389" spans="1:10" x14ac:dyDescent="0.35">
      <c r="A30389" s="1" t="s">
        <v>106347</v>
      </c>
      <c r="B30389" s="1" t="s">
        <v>105234</v>
      </c>
      <c r="C30389" s="1" t="s">
        <v>145</v>
      </c>
      <c r="D30389" s="1" t="s">
        <v>19367</v>
      </c>
      <c r="E30389" s="1" t="s">
        <v>106448</v>
      </c>
      <c r="F30389" s="1" t="s">
        <v>106449</v>
      </c>
      <c r="G30389" s="1" t="s">
        <v>106351</v>
      </c>
      <c r="H30389" s="1" t="s">
        <v>106352</v>
      </c>
      <c r="I30389" s="1" t="s">
        <v>105238</v>
      </c>
      <c r="J30389" s="1" t="s">
        <v>106450</v>
      </c>
    </row>
    <row r="30390" spans="1:10" x14ac:dyDescent="0.35">
      <c r="A30390" s="1" t="s">
        <v>106347</v>
      </c>
      <c r="B30390" s="1" t="s">
        <v>105234</v>
      </c>
      <c r="C30390" s="1" t="s">
        <v>150</v>
      </c>
      <c r="D30390" s="1" t="s">
        <v>106451</v>
      </c>
      <c r="E30390" s="1" t="s">
        <v>106452</v>
      </c>
      <c r="F30390" s="1" t="s">
        <v>106453</v>
      </c>
      <c r="G30390" s="1" t="s">
        <v>106351</v>
      </c>
      <c r="H30390" s="1" t="s">
        <v>106352</v>
      </c>
      <c r="I30390" s="1" t="s">
        <v>105238</v>
      </c>
      <c r="J30390" s="1" t="s">
        <v>106454</v>
      </c>
    </row>
    <row r="30391" spans="1:10" x14ac:dyDescent="0.35">
      <c r="A30391" s="1" t="s">
        <v>106347</v>
      </c>
      <c r="B30391" s="1" t="s">
        <v>105234</v>
      </c>
      <c r="C30391" s="1" t="s">
        <v>155</v>
      </c>
      <c r="D30391" s="1" t="s">
        <v>106455</v>
      </c>
      <c r="E30391" s="1" t="s">
        <v>106456</v>
      </c>
      <c r="F30391" s="1" t="s">
        <v>106457</v>
      </c>
      <c r="G30391" s="1" t="s">
        <v>106351</v>
      </c>
      <c r="H30391" s="1" t="s">
        <v>106352</v>
      </c>
      <c r="I30391" s="1" t="s">
        <v>105238</v>
      </c>
      <c r="J30391" s="1" t="s">
        <v>10546</v>
      </c>
    </row>
    <row r="30392" spans="1:10" x14ac:dyDescent="0.35">
      <c r="A30392" s="1" t="s">
        <v>106347</v>
      </c>
      <c r="B30392" s="1" t="s">
        <v>105234</v>
      </c>
      <c r="C30392" s="1" t="s">
        <v>160</v>
      </c>
      <c r="D30392" s="1" t="s">
        <v>82697</v>
      </c>
      <c r="E30392" s="1" t="s">
        <v>106458</v>
      </c>
      <c r="F30392" s="1" t="s">
        <v>106459</v>
      </c>
      <c r="G30392" s="1" t="s">
        <v>106351</v>
      </c>
      <c r="H30392" s="1" t="s">
        <v>106352</v>
      </c>
      <c r="I30392" s="1" t="s">
        <v>105238</v>
      </c>
      <c r="J30392" s="1" t="s">
        <v>106460</v>
      </c>
    </row>
    <row r="30393" spans="1:10" x14ac:dyDescent="0.35">
      <c r="A30393" s="1" t="s">
        <v>106347</v>
      </c>
      <c r="B30393" s="1" t="s">
        <v>105234</v>
      </c>
      <c r="C30393" s="1" t="s">
        <v>165</v>
      </c>
      <c r="D30393" s="1" t="s">
        <v>106461</v>
      </c>
      <c r="E30393" s="1" t="s">
        <v>106462</v>
      </c>
      <c r="F30393" s="1" t="s">
        <v>106463</v>
      </c>
      <c r="G30393" s="1" t="s">
        <v>106351</v>
      </c>
      <c r="H30393" s="1" t="s">
        <v>106352</v>
      </c>
      <c r="I30393" s="1" t="s">
        <v>105238</v>
      </c>
      <c r="J30393" s="1" t="s">
        <v>106464</v>
      </c>
    </row>
    <row r="30394" spans="1:10" x14ac:dyDescent="0.35">
      <c r="A30394" s="1" t="s">
        <v>106347</v>
      </c>
      <c r="B30394" s="1" t="s">
        <v>105234</v>
      </c>
      <c r="C30394" s="1" t="s">
        <v>170</v>
      </c>
      <c r="D30394" s="1" t="s">
        <v>106465</v>
      </c>
      <c r="E30394" s="1" t="s">
        <v>106466</v>
      </c>
      <c r="F30394" s="1" t="s">
        <v>106467</v>
      </c>
      <c r="G30394" s="1" t="s">
        <v>106351</v>
      </c>
      <c r="H30394" s="1" t="s">
        <v>106352</v>
      </c>
      <c r="I30394" s="1" t="s">
        <v>105238</v>
      </c>
      <c r="J30394" s="1" t="s">
        <v>106468</v>
      </c>
    </row>
    <row r="30395" spans="1:10" x14ac:dyDescent="0.35">
      <c r="A30395" s="1" t="s">
        <v>9850</v>
      </c>
      <c r="B30395" s="1" t="s">
        <v>105234</v>
      </c>
      <c r="C30395" s="1" t="s">
        <v>8</v>
      </c>
      <c r="D30395" s="1" t="s">
        <v>12808</v>
      </c>
      <c r="E30395" s="1" t="s">
        <v>81178</v>
      </c>
      <c r="F30395" s="1" t="s">
        <v>106469</v>
      </c>
      <c r="G30395" s="1" t="s">
        <v>106470</v>
      </c>
      <c r="H30395" s="1" t="s">
        <v>106471</v>
      </c>
      <c r="I30395" s="1" t="s">
        <v>105238</v>
      </c>
      <c r="J30395" s="1" t="s">
        <v>13</v>
      </c>
    </row>
    <row r="30396" spans="1:10" x14ac:dyDescent="0.35">
      <c r="A30396" s="1" t="s">
        <v>9850</v>
      </c>
      <c r="B30396" s="1" t="s">
        <v>105234</v>
      </c>
      <c r="C30396" s="1" t="s">
        <v>15</v>
      </c>
      <c r="D30396" s="1" t="s">
        <v>106472</v>
      </c>
      <c r="E30396" s="1" t="s">
        <v>106473</v>
      </c>
      <c r="F30396" s="1" t="s">
        <v>106474</v>
      </c>
      <c r="G30396" s="1" t="s">
        <v>106470</v>
      </c>
      <c r="H30396" s="1" t="s">
        <v>106471</v>
      </c>
      <c r="I30396" s="1" t="s">
        <v>105238</v>
      </c>
      <c r="J30396" s="1" t="s">
        <v>106475</v>
      </c>
    </row>
    <row r="30397" spans="1:10" x14ac:dyDescent="0.35">
      <c r="A30397" s="1" t="s">
        <v>9850</v>
      </c>
      <c r="B30397" s="1" t="s">
        <v>105234</v>
      </c>
      <c r="C30397" s="1" t="s">
        <v>20</v>
      </c>
      <c r="D30397" s="1" t="s">
        <v>106476</v>
      </c>
      <c r="E30397" s="1" t="s">
        <v>16058</v>
      </c>
      <c r="F30397" s="1" t="s">
        <v>106477</v>
      </c>
      <c r="G30397" s="1" t="s">
        <v>106470</v>
      </c>
      <c r="H30397" s="1" t="s">
        <v>106471</v>
      </c>
      <c r="I30397" s="1" t="s">
        <v>105238</v>
      </c>
      <c r="J30397" s="1" t="s">
        <v>106478</v>
      </c>
    </row>
    <row r="30398" spans="1:10" x14ac:dyDescent="0.35">
      <c r="A30398" s="1" t="s">
        <v>9850</v>
      </c>
      <c r="B30398" s="1" t="s">
        <v>105234</v>
      </c>
      <c r="C30398" s="1" t="s">
        <v>25</v>
      </c>
      <c r="D30398" s="1" t="s">
        <v>56710</v>
      </c>
      <c r="E30398" s="1" t="s">
        <v>106479</v>
      </c>
      <c r="F30398" s="1" t="s">
        <v>62772</v>
      </c>
      <c r="G30398" s="1" t="s">
        <v>106470</v>
      </c>
      <c r="H30398" s="1" t="s">
        <v>106471</v>
      </c>
      <c r="I30398" s="1" t="s">
        <v>105238</v>
      </c>
      <c r="J30398" s="1" t="s">
        <v>106480</v>
      </c>
    </row>
    <row r="30399" spans="1:10" x14ac:dyDescent="0.35">
      <c r="A30399" s="1" t="s">
        <v>9850</v>
      </c>
      <c r="B30399" s="1" t="s">
        <v>105234</v>
      </c>
      <c r="C30399" s="1" t="s">
        <v>30</v>
      </c>
      <c r="D30399" s="1" t="s">
        <v>78508</v>
      </c>
      <c r="E30399" s="1" t="s">
        <v>106481</v>
      </c>
      <c r="F30399" s="1" t="s">
        <v>55473</v>
      </c>
      <c r="G30399" s="1" t="s">
        <v>106470</v>
      </c>
      <c r="H30399" s="1" t="s">
        <v>106471</v>
      </c>
      <c r="I30399" s="1" t="s">
        <v>105238</v>
      </c>
      <c r="J30399" s="1" t="s">
        <v>106482</v>
      </c>
    </row>
    <row r="30400" spans="1:10" x14ac:dyDescent="0.35">
      <c r="A30400" s="1" t="s">
        <v>9850</v>
      </c>
      <c r="B30400" s="1" t="s">
        <v>105234</v>
      </c>
      <c r="C30400" s="1" t="s">
        <v>35</v>
      </c>
      <c r="D30400" s="1" t="s">
        <v>2706</v>
      </c>
      <c r="E30400" s="1" t="s">
        <v>48110</v>
      </c>
      <c r="F30400" s="1" t="s">
        <v>106483</v>
      </c>
      <c r="G30400" s="1" t="s">
        <v>106470</v>
      </c>
      <c r="H30400" s="1" t="s">
        <v>106471</v>
      </c>
      <c r="I30400" s="1" t="s">
        <v>105238</v>
      </c>
      <c r="J30400" s="1" t="s">
        <v>106484</v>
      </c>
    </row>
    <row r="30401" spans="1:10" x14ac:dyDescent="0.35">
      <c r="A30401" s="1" t="s">
        <v>9850</v>
      </c>
      <c r="B30401" s="1" t="s">
        <v>105234</v>
      </c>
      <c r="C30401" s="1" t="s">
        <v>40</v>
      </c>
      <c r="D30401" s="1" t="s">
        <v>22133</v>
      </c>
      <c r="E30401" s="1" t="s">
        <v>106173</v>
      </c>
      <c r="F30401" s="1" t="s">
        <v>57242</v>
      </c>
      <c r="G30401" s="1" t="s">
        <v>106470</v>
      </c>
      <c r="H30401" s="1" t="s">
        <v>106471</v>
      </c>
      <c r="I30401" s="1" t="s">
        <v>105238</v>
      </c>
      <c r="J30401" s="1" t="s">
        <v>106485</v>
      </c>
    </row>
    <row r="30402" spans="1:10" x14ac:dyDescent="0.35">
      <c r="A30402" s="1" t="s">
        <v>9850</v>
      </c>
      <c r="B30402" s="1" t="s">
        <v>105234</v>
      </c>
      <c r="C30402" s="1" t="s">
        <v>45</v>
      </c>
      <c r="D30402" s="1" t="s">
        <v>12319</v>
      </c>
      <c r="E30402" s="1" t="s">
        <v>106486</v>
      </c>
      <c r="F30402" s="1" t="s">
        <v>63975</v>
      </c>
      <c r="G30402" s="1" t="s">
        <v>106470</v>
      </c>
      <c r="H30402" s="1" t="s">
        <v>106471</v>
      </c>
      <c r="I30402" s="1" t="s">
        <v>105238</v>
      </c>
      <c r="J30402" s="1" t="s">
        <v>106487</v>
      </c>
    </row>
    <row r="30403" spans="1:10" x14ac:dyDescent="0.35">
      <c r="A30403" s="1" t="s">
        <v>9850</v>
      </c>
      <c r="B30403" s="1" t="s">
        <v>105234</v>
      </c>
      <c r="C30403" s="1" t="s">
        <v>50</v>
      </c>
      <c r="D30403" s="1" t="s">
        <v>54408</v>
      </c>
      <c r="E30403" s="1" t="s">
        <v>49816</v>
      </c>
      <c r="F30403" s="1" t="s">
        <v>106488</v>
      </c>
      <c r="G30403" s="1" t="s">
        <v>106470</v>
      </c>
      <c r="H30403" s="1" t="s">
        <v>106471</v>
      </c>
      <c r="I30403" s="1" t="s">
        <v>105238</v>
      </c>
      <c r="J30403" s="1" t="s">
        <v>106489</v>
      </c>
    </row>
    <row r="30404" spans="1:10" x14ac:dyDescent="0.35">
      <c r="A30404" s="1" t="s">
        <v>9850</v>
      </c>
      <c r="B30404" s="1" t="s">
        <v>105234</v>
      </c>
      <c r="C30404" s="1" t="s">
        <v>55</v>
      </c>
      <c r="D30404" s="1" t="s">
        <v>106490</v>
      </c>
      <c r="E30404" s="1" t="s">
        <v>106491</v>
      </c>
      <c r="F30404" s="1" t="s">
        <v>106492</v>
      </c>
      <c r="G30404" s="1" t="s">
        <v>106470</v>
      </c>
      <c r="H30404" s="1" t="s">
        <v>106471</v>
      </c>
      <c r="I30404" s="1" t="s">
        <v>105238</v>
      </c>
      <c r="J30404" s="1" t="s">
        <v>106493</v>
      </c>
    </row>
    <row r="30405" spans="1:10" x14ac:dyDescent="0.35">
      <c r="A30405" s="1" t="s">
        <v>9850</v>
      </c>
      <c r="B30405" s="1" t="s">
        <v>105234</v>
      </c>
      <c r="C30405" s="1" t="s">
        <v>60</v>
      </c>
      <c r="D30405" s="1" t="s">
        <v>106494</v>
      </c>
      <c r="E30405" s="1" t="s">
        <v>105435</v>
      </c>
      <c r="F30405" s="1" t="s">
        <v>106495</v>
      </c>
      <c r="G30405" s="1" t="s">
        <v>106470</v>
      </c>
      <c r="H30405" s="1" t="s">
        <v>106471</v>
      </c>
      <c r="I30405" s="1" t="s">
        <v>105238</v>
      </c>
      <c r="J30405" s="1" t="s">
        <v>106496</v>
      </c>
    </row>
    <row r="30406" spans="1:10" x14ac:dyDescent="0.35">
      <c r="A30406" s="1" t="s">
        <v>9850</v>
      </c>
      <c r="B30406" s="1" t="s">
        <v>105234</v>
      </c>
      <c r="C30406" s="1" t="s">
        <v>65</v>
      </c>
      <c r="D30406" s="1" t="s">
        <v>106497</v>
      </c>
      <c r="E30406" s="1" t="s">
        <v>106498</v>
      </c>
      <c r="F30406" s="1" t="s">
        <v>106499</v>
      </c>
      <c r="G30406" s="1" t="s">
        <v>106470</v>
      </c>
      <c r="H30406" s="1" t="s">
        <v>106471</v>
      </c>
      <c r="I30406" s="1" t="s">
        <v>105238</v>
      </c>
      <c r="J30406" s="1" t="s">
        <v>106500</v>
      </c>
    </row>
    <row r="30407" spans="1:10" x14ac:dyDescent="0.35">
      <c r="A30407" s="1" t="s">
        <v>9850</v>
      </c>
      <c r="B30407" s="1" t="s">
        <v>105234</v>
      </c>
      <c r="C30407" s="1" t="s">
        <v>70</v>
      </c>
      <c r="D30407" s="1" t="s">
        <v>106501</v>
      </c>
      <c r="E30407" s="1" t="s">
        <v>106219</v>
      </c>
      <c r="F30407" s="1" t="s">
        <v>106502</v>
      </c>
      <c r="G30407" s="1" t="s">
        <v>106470</v>
      </c>
      <c r="H30407" s="1" t="s">
        <v>106471</v>
      </c>
      <c r="I30407" s="1" t="s">
        <v>105238</v>
      </c>
      <c r="J30407" s="1" t="s">
        <v>106503</v>
      </c>
    </row>
    <row r="30408" spans="1:10" x14ac:dyDescent="0.35">
      <c r="A30408" s="1" t="s">
        <v>9850</v>
      </c>
      <c r="B30408" s="1" t="s">
        <v>105234</v>
      </c>
      <c r="C30408" s="1" t="s">
        <v>75</v>
      </c>
      <c r="D30408" s="1" t="s">
        <v>60657</v>
      </c>
      <c r="E30408" s="1" t="s">
        <v>106479</v>
      </c>
      <c r="F30408" s="1" t="s">
        <v>82631</v>
      </c>
      <c r="G30408" s="1" t="s">
        <v>106470</v>
      </c>
      <c r="H30408" s="1" t="s">
        <v>106471</v>
      </c>
      <c r="I30408" s="1" t="s">
        <v>105238</v>
      </c>
      <c r="J30408" s="1" t="s">
        <v>106504</v>
      </c>
    </row>
    <row r="30409" spans="1:10" x14ac:dyDescent="0.35">
      <c r="A30409" s="1" t="s">
        <v>9850</v>
      </c>
      <c r="B30409" s="1" t="s">
        <v>105234</v>
      </c>
      <c r="C30409" s="1" t="s">
        <v>80</v>
      </c>
      <c r="D30409" s="1" t="s">
        <v>106505</v>
      </c>
      <c r="E30409" s="1" t="s">
        <v>105411</v>
      </c>
      <c r="F30409" s="1" t="s">
        <v>106506</v>
      </c>
      <c r="G30409" s="1" t="s">
        <v>106470</v>
      </c>
      <c r="H30409" s="1" t="s">
        <v>106471</v>
      </c>
      <c r="I30409" s="1" t="s">
        <v>105238</v>
      </c>
      <c r="J30409" s="1" t="s">
        <v>106507</v>
      </c>
    </row>
    <row r="30410" spans="1:10" x14ac:dyDescent="0.35">
      <c r="A30410" s="1" t="s">
        <v>9850</v>
      </c>
      <c r="B30410" s="1" t="s">
        <v>105234</v>
      </c>
      <c r="C30410" s="1" t="s">
        <v>85</v>
      </c>
      <c r="D30410" s="1" t="s">
        <v>105488</v>
      </c>
      <c r="E30410" s="1" t="s">
        <v>106508</v>
      </c>
      <c r="F30410" s="1" t="s">
        <v>106509</v>
      </c>
      <c r="G30410" s="1" t="s">
        <v>106470</v>
      </c>
      <c r="H30410" s="1" t="s">
        <v>106471</v>
      </c>
      <c r="I30410" s="1" t="s">
        <v>105238</v>
      </c>
      <c r="J30410" s="1" t="s">
        <v>106510</v>
      </c>
    </row>
    <row r="30411" spans="1:10" x14ac:dyDescent="0.35">
      <c r="A30411" s="1" t="s">
        <v>9850</v>
      </c>
      <c r="B30411" s="1" t="s">
        <v>105234</v>
      </c>
      <c r="C30411" s="1" t="s">
        <v>90</v>
      </c>
      <c r="D30411" s="1" t="s">
        <v>106511</v>
      </c>
      <c r="E30411" s="1" t="s">
        <v>106512</v>
      </c>
      <c r="F30411" s="1" t="s">
        <v>106513</v>
      </c>
      <c r="G30411" s="1" t="s">
        <v>106470</v>
      </c>
      <c r="H30411" s="1" t="s">
        <v>106471</v>
      </c>
      <c r="I30411" s="1" t="s">
        <v>105238</v>
      </c>
      <c r="J30411" s="1" t="s">
        <v>106514</v>
      </c>
    </row>
    <row r="30412" spans="1:10" x14ac:dyDescent="0.35">
      <c r="A30412" s="1" t="s">
        <v>9850</v>
      </c>
      <c r="B30412" s="1" t="s">
        <v>105234</v>
      </c>
      <c r="C30412" s="1" t="s">
        <v>95</v>
      </c>
      <c r="D30412" s="1" t="s">
        <v>106515</v>
      </c>
      <c r="E30412" s="1" t="s">
        <v>106481</v>
      </c>
      <c r="F30412" s="1" t="s">
        <v>106516</v>
      </c>
      <c r="G30412" s="1" t="s">
        <v>106470</v>
      </c>
      <c r="H30412" s="1" t="s">
        <v>106471</v>
      </c>
      <c r="I30412" s="1" t="s">
        <v>105238</v>
      </c>
      <c r="J30412" s="1" t="s">
        <v>106517</v>
      </c>
    </row>
    <row r="30413" spans="1:10" x14ac:dyDescent="0.35">
      <c r="A30413" s="1" t="s">
        <v>9850</v>
      </c>
      <c r="B30413" s="1" t="s">
        <v>105234</v>
      </c>
      <c r="C30413" s="1" t="s">
        <v>100</v>
      </c>
      <c r="D30413" s="1" t="s">
        <v>106518</v>
      </c>
      <c r="E30413" s="1" t="s">
        <v>106519</v>
      </c>
      <c r="F30413" s="1" t="s">
        <v>106520</v>
      </c>
      <c r="G30413" s="1" t="s">
        <v>106470</v>
      </c>
      <c r="H30413" s="1" t="s">
        <v>106471</v>
      </c>
      <c r="I30413" s="1" t="s">
        <v>105238</v>
      </c>
      <c r="J30413" s="1" t="s">
        <v>106521</v>
      </c>
    </row>
    <row r="30414" spans="1:10" x14ac:dyDescent="0.35">
      <c r="A30414" s="1" t="s">
        <v>9850</v>
      </c>
      <c r="B30414" s="1" t="s">
        <v>105234</v>
      </c>
      <c r="C30414" s="1" t="s">
        <v>105</v>
      </c>
      <c r="D30414" s="1" t="s">
        <v>106522</v>
      </c>
      <c r="E30414" s="1" t="s">
        <v>106159</v>
      </c>
      <c r="F30414" s="1" t="s">
        <v>106523</v>
      </c>
      <c r="G30414" s="1" t="s">
        <v>106470</v>
      </c>
      <c r="H30414" s="1" t="s">
        <v>106471</v>
      </c>
      <c r="I30414" s="1" t="s">
        <v>105238</v>
      </c>
      <c r="J30414" s="1" t="s">
        <v>106524</v>
      </c>
    </row>
    <row r="30415" spans="1:10" x14ac:dyDescent="0.35">
      <c r="A30415" s="1" t="s">
        <v>9850</v>
      </c>
      <c r="B30415" s="1" t="s">
        <v>105234</v>
      </c>
      <c r="C30415" s="1" t="s">
        <v>110</v>
      </c>
      <c r="D30415" s="1" t="s">
        <v>69123</v>
      </c>
      <c r="E30415" s="1" t="s">
        <v>106525</v>
      </c>
      <c r="F30415" s="1" t="s">
        <v>106526</v>
      </c>
      <c r="G30415" s="1" t="s">
        <v>106470</v>
      </c>
      <c r="H30415" s="1" t="s">
        <v>106471</v>
      </c>
      <c r="I30415" s="1" t="s">
        <v>105238</v>
      </c>
      <c r="J30415" s="1" t="s">
        <v>106527</v>
      </c>
    </row>
    <row r="30416" spans="1:10" x14ac:dyDescent="0.35">
      <c r="A30416" s="1" t="s">
        <v>9850</v>
      </c>
      <c r="B30416" s="1" t="s">
        <v>105234</v>
      </c>
      <c r="C30416" s="1" t="s">
        <v>115</v>
      </c>
      <c r="D30416" s="1" t="s">
        <v>59998</v>
      </c>
      <c r="E30416" s="1" t="s">
        <v>106528</v>
      </c>
      <c r="F30416" s="1" t="s">
        <v>106529</v>
      </c>
      <c r="G30416" s="1" t="s">
        <v>106470</v>
      </c>
      <c r="H30416" s="1" t="s">
        <v>106471</v>
      </c>
      <c r="I30416" s="1" t="s">
        <v>105238</v>
      </c>
      <c r="J30416" s="1" t="s">
        <v>106530</v>
      </c>
    </row>
    <row r="30417" spans="1:10" x14ac:dyDescent="0.35">
      <c r="A30417" s="1" t="s">
        <v>9850</v>
      </c>
      <c r="B30417" s="1" t="s">
        <v>105234</v>
      </c>
      <c r="C30417" s="1" t="s">
        <v>120</v>
      </c>
      <c r="D30417" s="1" t="s">
        <v>86094</v>
      </c>
      <c r="E30417" s="1" t="s">
        <v>106531</v>
      </c>
      <c r="F30417" s="1" t="s">
        <v>106532</v>
      </c>
      <c r="G30417" s="1" t="s">
        <v>106470</v>
      </c>
      <c r="H30417" s="1" t="s">
        <v>106471</v>
      </c>
      <c r="I30417" s="1" t="s">
        <v>105238</v>
      </c>
      <c r="J30417" s="1" t="s">
        <v>106533</v>
      </c>
    </row>
    <row r="30418" spans="1:10" x14ac:dyDescent="0.35">
      <c r="A30418" s="1" t="s">
        <v>9850</v>
      </c>
      <c r="B30418" s="1" t="s">
        <v>105234</v>
      </c>
      <c r="C30418" s="1" t="s">
        <v>125</v>
      </c>
      <c r="D30418" s="1" t="s">
        <v>99284</v>
      </c>
      <c r="E30418" s="1" t="s">
        <v>106534</v>
      </c>
      <c r="F30418" s="1" t="s">
        <v>106535</v>
      </c>
      <c r="G30418" s="1" t="s">
        <v>106470</v>
      </c>
      <c r="H30418" s="1" t="s">
        <v>106471</v>
      </c>
      <c r="I30418" s="1" t="s">
        <v>105238</v>
      </c>
      <c r="J30418" s="1" t="s">
        <v>106536</v>
      </c>
    </row>
    <row r="30419" spans="1:10" x14ac:dyDescent="0.35">
      <c r="A30419" s="1" t="s">
        <v>9850</v>
      </c>
      <c r="B30419" s="1" t="s">
        <v>105234</v>
      </c>
      <c r="C30419" s="1" t="s">
        <v>130</v>
      </c>
      <c r="D30419" s="1" t="s">
        <v>106537</v>
      </c>
      <c r="E30419" s="1" t="s">
        <v>106538</v>
      </c>
      <c r="F30419" s="1" t="s">
        <v>31901</v>
      </c>
      <c r="G30419" s="1" t="s">
        <v>106470</v>
      </c>
      <c r="H30419" s="1" t="s">
        <v>106471</v>
      </c>
      <c r="I30419" s="1" t="s">
        <v>105238</v>
      </c>
      <c r="J30419" s="1" t="s">
        <v>106539</v>
      </c>
    </row>
    <row r="30420" spans="1:10" x14ac:dyDescent="0.35">
      <c r="A30420" s="1" t="s">
        <v>9850</v>
      </c>
      <c r="B30420" s="1" t="s">
        <v>105234</v>
      </c>
      <c r="C30420" s="1" t="s">
        <v>135</v>
      </c>
      <c r="D30420" s="1" t="s">
        <v>103131</v>
      </c>
      <c r="E30420" s="1" t="s">
        <v>106540</v>
      </c>
      <c r="F30420" s="1" t="s">
        <v>63639</v>
      </c>
      <c r="G30420" s="1" t="s">
        <v>106470</v>
      </c>
      <c r="H30420" s="1" t="s">
        <v>106471</v>
      </c>
      <c r="I30420" s="1" t="s">
        <v>105238</v>
      </c>
      <c r="J30420" s="1" t="s">
        <v>106541</v>
      </c>
    </row>
    <row r="30421" spans="1:10" x14ac:dyDescent="0.35">
      <c r="A30421" s="1" t="s">
        <v>9850</v>
      </c>
      <c r="B30421" s="1" t="s">
        <v>105234</v>
      </c>
      <c r="C30421" s="1" t="s">
        <v>140</v>
      </c>
      <c r="D30421" s="1" t="s">
        <v>106542</v>
      </c>
      <c r="E30421" s="1" t="s">
        <v>106543</v>
      </c>
      <c r="F30421" s="1" t="s">
        <v>106544</v>
      </c>
      <c r="G30421" s="1" t="s">
        <v>106470</v>
      </c>
      <c r="H30421" s="1" t="s">
        <v>106471</v>
      </c>
      <c r="I30421" s="1" t="s">
        <v>105238</v>
      </c>
      <c r="J30421" s="1" t="s">
        <v>106545</v>
      </c>
    </row>
    <row r="30422" spans="1:10" x14ac:dyDescent="0.35">
      <c r="A30422" s="1" t="s">
        <v>9850</v>
      </c>
      <c r="B30422" s="1" t="s">
        <v>105234</v>
      </c>
      <c r="C30422" s="1" t="s">
        <v>145</v>
      </c>
      <c r="D30422" s="1" t="s">
        <v>106546</v>
      </c>
      <c r="E30422" s="1" t="s">
        <v>106547</v>
      </c>
      <c r="F30422" s="1" t="s">
        <v>106548</v>
      </c>
      <c r="G30422" s="1" t="s">
        <v>106470</v>
      </c>
      <c r="H30422" s="1" t="s">
        <v>106471</v>
      </c>
      <c r="I30422" s="1" t="s">
        <v>105238</v>
      </c>
      <c r="J30422" s="1" t="s">
        <v>106549</v>
      </c>
    </row>
    <row r="30423" spans="1:10" x14ac:dyDescent="0.35">
      <c r="A30423" s="1" t="s">
        <v>9850</v>
      </c>
      <c r="B30423" s="1" t="s">
        <v>105234</v>
      </c>
      <c r="C30423" s="1" t="s">
        <v>150</v>
      </c>
      <c r="D30423" s="1" t="s">
        <v>106550</v>
      </c>
      <c r="E30423" s="1" t="s">
        <v>74224</v>
      </c>
      <c r="F30423" s="1" t="s">
        <v>59146</v>
      </c>
      <c r="G30423" s="1" t="s">
        <v>106470</v>
      </c>
      <c r="H30423" s="1" t="s">
        <v>106471</v>
      </c>
      <c r="I30423" s="1" t="s">
        <v>105238</v>
      </c>
      <c r="J30423" s="1" t="s">
        <v>106551</v>
      </c>
    </row>
    <row r="30424" spans="1:10" x14ac:dyDescent="0.35">
      <c r="A30424" s="1" t="s">
        <v>9850</v>
      </c>
      <c r="B30424" s="1" t="s">
        <v>105234</v>
      </c>
      <c r="C30424" s="1" t="s">
        <v>155</v>
      </c>
      <c r="D30424" s="1" t="s">
        <v>106552</v>
      </c>
      <c r="E30424" s="1" t="s">
        <v>106553</v>
      </c>
      <c r="F30424" s="1" t="s">
        <v>106554</v>
      </c>
      <c r="G30424" s="1" t="s">
        <v>106470</v>
      </c>
      <c r="H30424" s="1" t="s">
        <v>106471</v>
      </c>
      <c r="I30424" s="1" t="s">
        <v>105238</v>
      </c>
      <c r="J30424" s="1" t="s">
        <v>106555</v>
      </c>
    </row>
    <row r="30425" spans="1:10" x14ac:dyDescent="0.35">
      <c r="A30425" s="1" t="s">
        <v>9850</v>
      </c>
      <c r="B30425" s="1" t="s">
        <v>105234</v>
      </c>
      <c r="C30425" s="1" t="s">
        <v>160</v>
      </c>
      <c r="D30425" s="1" t="s">
        <v>101079</v>
      </c>
      <c r="E30425" s="1" t="s">
        <v>106556</v>
      </c>
      <c r="F30425" s="1" t="s">
        <v>61039</v>
      </c>
      <c r="G30425" s="1" t="s">
        <v>106470</v>
      </c>
      <c r="H30425" s="1" t="s">
        <v>106471</v>
      </c>
      <c r="I30425" s="1" t="s">
        <v>105238</v>
      </c>
      <c r="J30425" s="1" t="s">
        <v>106557</v>
      </c>
    </row>
    <row r="30426" spans="1:10" x14ac:dyDescent="0.35">
      <c r="A30426" s="1" t="s">
        <v>9850</v>
      </c>
      <c r="B30426" s="1" t="s">
        <v>105234</v>
      </c>
      <c r="C30426" s="1" t="s">
        <v>165</v>
      </c>
      <c r="D30426" s="1" t="s">
        <v>94253</v>
      </c>
      <c r="E30426" s="1" t="s">
        <v>106558</v>
      </c>
      <c r="F30426" s="1" t="s">
        <v>106559</v>
      </c>
      <c r="G30426" s="1" t="s">
        <v>106470</v>
      </c>
      <c r="H30426" s="1" t="s">
        <v>106471</v>
      </c>
      <c r="I30426" s="1" t="s">
        <v>105238</v>
      </c>
      <c r="J30426" s="1" t="s">
        <v>106560</v>
      </c>
    </row>
    <row r="30427" spans="1:10" x14ac:dyDescent="0.35">
      <c r="A30427" s="1" t="s">
        <v>9850</v>
      </c>
      <c r="B30427" s="1" t="s">
        <v>105234</v>
      </c>
      <c r="C30427" s="1" t="s">
        <v>170</v>
      </c>
      <c r="D30427" s="1" t="s">
        <v>92624</v>
      </c>
      <c r="E30427" s="1" t="s">
        <v>106561</v>
      </c>
      <c r="F30427" s="1" t="s">
        <v>106562</v>
      </c>
      <c r="G30427" s="1" t="s">
        <v>106470</v>
      </c>
      <c r="H30427" s="1" t="s">
        <v>106471</v>
      </c>
      <c r="I30427" s="1" t="s">
        <v>105238</v>
      </c>
      <c r="J30427" s="1" t="s">
        <v>106563</v>
      </c>
    </row>
    <row r="30428" spans="1:10" x14ac:dyDescent="0.35">
      <c r="A30428" s="1" t="s">
        <v>3565</v>
      </c>
      <c r="B30428" s="1" t="s">
        <v>105234</v>
      </c>
      <c r="C30428" s="1" t="s">
        <v>8</v>
      </c>
      <c r="D30428" s="1" t="s">
        <v>106564</v>
      </c>
      <c r="E30428" s="1" t="s">
        <v>106565</v>
      </c>
      <c r="F30428" s="1" t="s">
        <v>106566</v>
      </c>
      <c r="G30428" s="1" t="s">
        <v>106567</v>
      </c>
      <c r="H30428" s="1" t="s">
        <v>106568</v>
      </c>
      <c r="I30428" s="1" t="s">
        <v>105238</v>
      </c>
      <c r="J30428" s="1" t="s">
        <v>13</v>
      </c>
    </row>
    <row r="30429" spans="1:10" x14ac:dyDescent="0.35">
      <c r="A30429" s="1" t="s">
        <v>3565</v>
      </c>
      <c r="B30429" s="1" t="s">
        <v>105234</v>
      </c>
      <c r="C30429" s="1" t="s">
        <v>15</v>
      </c>
      <c r="D30429" s="1" t="s">
        <v>106569</v>
      </c>
      <c r="E30429" s="1" t="s">
        <v>106570</v>
      </c>
      <c r="F30429" s="1" t="s">
        <v>106571</v>
      </c>
      <c r="G30429" s="1" t="s">
        <v>106567</v>
      </c>
      <c r="H30429" s="1" t="s">
        <v>106568</v>
      </c>
      <c r="I30429" s="1" t="s">
        <v>105238</v>
      </c>
      <c r="J30429" s="1" t="s">
        <v>106572</v>
      </c>
    </row>
    <row r="30430" spans="1:10" x14ac:dyDescent="0.35">
      <c r="A30430" s="1" t="s">
        <v>3565</v>
      </c>
      <c r="B30430" s="1" t="s">
        <v>105234</v>
      </c>
      <c r="C30430" s="1" t="s">
        <v>20</v>
      </c>
      <c r="D30430" s="1" t="s">
        <v>106573</v>
      </c>
      <c r="E30430" s="1" t="s">
        <v>106574</v>
      </c>
      <c r="F30430" s="1" t="s">
        <v>106575</v>
      </c>
      <c r="G30430" s="1" t="s">
        <v>106567</v>
      </c>
      <c r="H30430" s="1" t="s">
        <v>106568</v>
      </c>
      <c r="I30430" s="1" t="s">
        <v>105238</v>
      </c>
      <c r="J30430" s="1" t="s">
        <v>106576</v>
      </c>
    </row>
    <row r="30431" spans="1:10" x14ac:dyDescent="0.35">
      <c r="A30431" s="1" t="s">
        <v>3565</v>
      </c>
      <c r="B30431" s="1" t="s">
        <v>105234</v>
      </c>
      <c r="C30431" s="1" t="s">
        <v>25</v>
      </c>
      <c r="D30431" s="1" t="s">
        <v>106577</v>
      </c>
      <c r="E30431" s="1" t="s">
        <v>106578</v>
      </c>
      <c r="F30431" s="1" t="s">
        <v>106579</v>
      </c>
      <c r="G30431" s="1" t="s">
        <v>106567</v>
      </c>
      <c r="H30431" s="1" t="s">
        <v>106568</v>
      </c>
      <c r="I30431" s="1" t="s">
        <v>105238</v>
      </c>
      <c r="J30431" s="1" t="s">
        <v>106580</v>
      </c>
    </row>
    <row r="30432" spans="1:10" x14ac:dyDescent="0.35">
      <c r="A30432" s="1" t="s">
        <v>3565</v>
      </c>
      <c r="B30432" s="1" t="s">
        <v>105234</v>
      </c>
      <c r="C30432" s="1" t="s">
        <v>30</v>
      </c>
      <c r="D30432" s="1" t="s">
        <v>106581</v>
      </c>
      <c r="E30432" s="1" t="s">
        <v>106582</v>
      </c>
      <c r="F30432" s="1" t="s">
        <v>106583</v>
      </c>
      <c r="G30432" s="1" t="s">
        <v>106567</v>
      </c>
      <c r="H30432" s="1" t="s">
        <v>106568</v>
      </c>
      <c r="I30432" s="1" t="s">
        <v>105238</v>
      </c>
      <c r="J30432" s="1" t="s">
        <v>106584</v>
      </c>
    </row>
    <row r="30433" spans="1:10" x14ac:dyDescent="0.35">
      <c r="A30433" s="1" t="s">
        <v>3565</v>
      </c>
      <c r="B30433" s="1" t="s">
        <v>105234</v>
      </c>
      <c r="C30433" s="1" t="s">
        <v>35</v>
      </c>
      <c r="D30433" s="1" t="s">
        <v>106585</v>
      </c>
      <c r="E30433" s="1" t="s">
        <v>106586</v>
      </c>
      <c r="F30433" s="1" t="s">
        <v>106587</v>
      </c>
      <c r="G30433" s="1" t="s">
        <v>106567</v>
      </c>
      <c r="H30433" s="1" t="s">
        <v>106568</v>
      </c>
      <c r="I30433" s="1" t="s">
        <v>105238</v>
      </c>
      <c r="J30433" s="1" t="s">
        <v>106588</v>
      </c>
    </row>
    <row r="30434" spans="1:10" x14ac:dyDescent="0.35">
      <c r="A30434" s="1" t="s">
        <v>3565</v>
      </c>
      <c r="B30434" s="1" t="s">
        <v>105234</v>
      </c>
      <c r="C30434" s="1" t="s">
        <v>40</v>
      </c>
      <c r="D30434" s="1" t="s">
        <v>106589</v>
      </c>
      <c r="E30434" s="1" t="s">
        <v>106590</v>
      </c>
      <c r="F30434" s="1" t="s">
        <v>106591</v>
      </c>
      <c r="G30434" s="1" t="s">
        <v>106567</v>
      </c>
      <c r="H30434" s="1" t="s">
        <v>106568</v>
      </c>
      <c r="I30434" s="1" t="s">
        <v>105238</v>
      </c>
      <c r="J30434" s="1" t="s">
        <v>106592</v>
      </c>
    </row>
    <row r="30435" spans="1:10" x14ac:dyDescent="0.35">
      <c r="A30435" s="1" t="s">
        <v>3565</v>
      </c>
      <c r="B30435" s="1" t="s">
        <v>105234</v>
      </c>
      <c r="C30435" s="1" t="s">
        <v>45</v>
      </c>
      <c r="D30435" s="1" t="s">
        <v>106593</v>
      </c>
      <c r="E30435" s="1" t="s">
        <v>106594</v>
      </c>
      <c r="F30435" s="1" t="s">
        <v>106595</v>
      </c>
      <c r="G30435" s="1" t="s">
        <v>106567</v>
      </c>
      <c r="H30435" s="1" t="s">
        <v>106568</v>
      </c>
      <c r="I30435" s="1" t="s">
        <v>105238</v>
      </c>
      <c r="J30435" s="1" t="s">
        <v>106596</v>
      </c>
    </row>
    <row r="30436" spans="1:10" x14ac:dyDescent="0.35">
      <c r="A30436" s="1" t="s">
        <v>3565</v>
      </c>
      <c r="B30436" s="1" t="s">
        <v>105234</v>
      </c>
      <c r="C30436" s="1" t="s">
        <v>50</v>
      </c>
      <c r="D30436" s="1" t="s">
        <v>106597</v>
      </c>
      <c r="E30436" s="1" t="s">
        <v>106598</v>
      </c>
      <c r="F30436" s="1" t="s">
        <v>106599</v>
      </c>
      <c r="G30436" s="1" t="s">
        <v>106567</v>
      </c>
      <c r="H30436" s="1" t="s">
        <v>106568</v>
      </c>
      <c r="I30436" s="1" t="s">
        <v>105238</v>
      </c>
      <c r="J30436" s="1" t="s">
        <v>106600</v>
      </c>
    </row>
    <row r="30437" spans="1:10" x14ac:dyDescent="0.35">
      <c r="A30437" s="1" t="s">
        <v>3565</v>
      </c>
      <c r="B30437" s="1" t="s">
        <v>105234</v>
      </c>
      <c r="C30437" s="1" t="s">
        <v>55</v>
      </c>
      <c r="D30437" s="1" t="s">
        <v>100894</v>
      </c>
      <c r="E30437" s="1" t="s">
        <v>106601</v>
      </c>
      <c r="F30437" s="1" t="s">
        <v>106602</v>
      </c>
      <c r="G30437" s="1" t="s">
        <v>106567</v>
      </c>
      <c r="H30437" s="1" t="s">
        <v>106568</v>
      </c>
      <c r="I30437" s="1" t="s">
        <v>105238</v>
      </c>
      <c r="J30437" s="1" t="s">
        <v>106603</v>
      </c>
    </row>
    <row r="30438" spans="1:10" x14ac:dyDescent="0.35">
      <c r="A30438" s="1" t="s">
        <v>3565</v>
      </c>
      <c r="B30438" s="1" t="s">
        <v>105234</v>
      </c>
      <c r="C30438" s="1" t="s">
        <v>60</v>
      </c>
      <c r="D30438" s="1" t="s">
        <v>52701</v>
      </c>
      <c r="E30438" s="1" t="s">
        <v>106604</v>
      </c>
      <c r="F30438" s="1" t="s">
        <v>106605</v>
      </c>
      <c r="G30438" s="1" t="s">
        <v>106567</v>
      </c>
      <c r="H30438" s="1" t="s">
        <v>106568</v>
      </c>
      <c r="I30438" s="1" t="s">
        <v>105238</v>
      </c>
      <c r="J30438" s="1" t="s">
        <v>106606</v>
      </c>
    </row>
    <row r="30439" spans="1:10" x14ac:dyDescent="0.35">
      <c r="A30439" s="1" t="s">
        <v>3565</v>
      </c>
      <c r="B30439" s="1" t="s">
        <v>105234</v>
      </c>
      <c r="C30439" s="1" t="s">
        <v>65</v>
      </c>
      <c r="D30439" s="1" t="s">
        <v>106607</v>
      </c>
      <c r="E30439" s="1" t="s">
        <v>106608</v>
      </c>
      <c r="F30439" s="1" t="s">
        <v>106609</v>
      </c>
      <c r="G30439" s="1" t="s">
        <v>106567</v>
      </c>
      <c r="H30439" s="1" t="s">
        <v>106568</v>
      </c>
      <c r="I30439" s="1" t="s">
        <v>105238</v>
      </c>
      <c r="J30439" s="1" t="s">
        <v>106610</v>
      </c>
    </row>
    <row r="30440" spans="1:10" x14ac:dyDescent="0.35">
      <c r="A30440" s="1" t="s">
        <v>3565</v>
      </c>
      <c r="B30440" s="1" t="s">
        <v>105234</v>
      </c>
      <c r="C30440" s="1" t="s">
        <v>70</v>
      </c>
      <c r="D30440" s="1" t="s">
        <v>105253</v>
      </c>
      <c r="E30440" s="1" t="s">
        <v>106611</v>
      </c>
      <c r="F30440" s="1" t="s">
        <v>106612</v>
      </c>
      <c r="G30440" s="1" t="s">
        <v>106567</v>
      </c>
      <c r="H30440" s="1" t="s">
        <v>106568</v>
      </c>
      <c r="I30440" s="1" t="s">
        <v>105238</v>
      </c>
      <c r="J30440" s="1" t="s">
        <v>106613</v>
      </c>
    </row>
    <row r="30441" spans="1:10" x14ac:dyDescent="0.35">
      <c r="A30441" s="1" t="s">
        <v>3565</v>
      </c>
      <c r="B30441" s="1" t="s">
        <v>105234</v>
      </c>
      <c r="C30441" s="1" t="s">
        <v>75</v>
      </c>
      <c r="D30441" s="1" t="s">
        <v>78440</v>
      </c>
      <c r="E30441" s="1" t="s">
        <v>78429</v>
      </c>
      <c r="F30441" s="1" t="s">
        <v>106614</v>
      </c>
      <c r="G30441" s="1" t="s">
        <v>106567</v>
      </c>
      <c r="H30441" s="1" t="s">
        <v>106568</v>
      </c>
      <c r="I30441" s="1" t="s">
        <v>105238</v>
      </c>
      <c r="J30441" s="1" t="s">
        <v>106615</v>
      </c>
    </row>
    <row r="30442" spans="1:10" x14ac:dyDescent="0.35">
      <c r="A30442" s="1" t="s">
        <v>3565</v>
      </c>
      <c r="B30442" s="1" t="s">
        <v>105234</v>
      </c>
      <c r="C30442" s="1" t="s">
        <v>80</v>
      </c>
      <c r="D30442" s="1" t="s">
        <v>106616</v>
      </c>
      <c r="E30442" s="1" t="s">
        <v>106617</v>
      </c>
      <c r="F30442" s="1" t="s">
        <v>106618</v>
      </c>
      <c r="G30442" s="1" t="s">
        <v>106567</v>
      </c>
      <c r="H30442" s="1" t="s">
        <v>106568</v>
      </c>
      <c r="I30442" s="1" t="s">
        <v>105238</v>
      </c>
      <c r="J30442" s="1" t="s">
        <v>106619</v>
      </c>
    </row>
    <row r="30443" spans="1:10" x14ac:dyDescent="0.35">
      <c r="A30443" s="1" t="s">
        <v>3565</v>
      </c>
      <c r="B30443" s="1" t="s">
        <v>105234</v>
      </c>
      <c r="C30443" s="1" t="s">
        <v>85</v>
      </c>
      <c r="D30443" s="1" t="s">
        <v>106620</v>
      </c>
      <c r="E30443" s="1" t="s">
        <v>106621</v>
      </c>
      <c r="F30443" s="1" t="s">
        <v>106622</v>
      </c>
      <c r="G30443" s="1" t="s">
        <v>106567</v>
      </c>
      <c r="H30443" s="1" t="s">
        <v>106568</v>
      </c>
      <c r="I30443" s="1" t="s">
        <v>105238</v>
      </c>
      <c r="J30443" s="1" t="s">
        <v>106623</v>
      </c>
    </row>
    <row r="30444" spans="1:10" x14ac:dyDescent="0.35">
      <c r="A30444" s="1" t="s">
        <v>3565</v>
      </c>
      <c r="B30444" s="1" t="s">
        <v>105234</v>
      </c>
      <c r="C30444" s="1" t="s">
        <v>90</v>
      </c>
      <c r="D30444" s="1" t="s">
        <v>97839</v>
      </c>
      <c r="E30444" s="1" t="s">
        <v>106624</v>
      </c>
      <c r="F30444" s="1" t="s">
        <v>106625</v>
      </c>
      <c r="G30444" s="1" t="s">
        <v>106567</v>
      </c>
      <c r="H30444" s="1" t="s">
        <v>106568</v>
      </c>
      <c r="I30444" s="1" t="s">
        <v>105238</v>
      </c>
      <c r="J30444" s="1" t="s">
        <v>106626</v>
      </c>
    </row>
    <row r="30445" spans="1:10" x14ac:dyDescent="0.35">
      <c r="A30445" s="1" t="s">
        <v>3565</v>
      </c>
      <c r="B30445" s="1" t="s">
        <v>105234</v>
      </c>
      <c r="C30445" s="1" t="s">
        <v>95</v>
      </c>
      <c r="D30445" s="1" t="s">
        <v>106627</v>
      </c>
      <c r="E30445" s="1" t="s">
        <v>106628</v>
      </c>
      <c r="F30445" s="1" t="s">
        <v>106629</v>
      </c>
      <c r="G30445" s="1" t="s">
        <v>106567</v>
      </c>
      <c r="H30445" s="1" t="s">
        <v>106568</v>
      </c>
      <c r="I30445" s="1" t="s">
        <v>105238</v>
      </c>
      <c r="J30445" s="1" t="s">
        <v>106630</v>
      </c>
    </row>
    <row r="30446" spans="1:10" x14ac:dyDescent="0.35">
      <c r="A30446" s="1" t="s">
        <v>3565</v>
      </c>
      <c r="B30446" s="1" t="s">
        <v>105234</v>
      </c>
      <c r="C30446" s="1" t="s">
        <v>100</v>
      </c>
      <c r="D30446" s="1" t="s">
        <v>58994</v>
      </c>
      <c r="E30446" s="1" t="s">
        <v>106631</v>
      </c>
      <c r="F30446" s="1" t="s">
        <v>106632</v>
      </c>
      <c r="G30446" s="1" t="s">
        <v>106567</v>
      </c>
      <c r="H30446" s="1" t="s">
        <v>106568</v>
      </c>
      <c r="I30446" s="1" t="s">
        <v>105238</v>
      </c>
      <c r="J30446" s="1" t="s">
        <v>106633</v>
      </c>
    </row>
    <row r="30447" spans="1:10" x14ac:dyDescent="0.35">
      <c r="A30447" s="1" t="s">
        <v>3565</v>
      </c>
      <c r="B30447" s="1" t="s">
        <v>105234</v>
      </c>
      <c r="C30447" s="1" t="s">
        <v>105</v>
      </c>
      <c r="D30447" s="1" t="s">
        <v>106634</v>
      </c>
      <c r="E30447" s="1" t="s">
        <v>106635</v>
      </c>
      <c r="F30447" s="1" t="s">
        <v>106636</v>
      </c>
      <c r="G30447" s="1" t="s">
        <v>106567</v>
      </c>
      <c r="H30447" s="1" t="s">
        <v>106568</v>
      </c>
      <c r="I30447" s="1" t="s">
        <v>105238</v>
      </c>
      <c r="J30447" s="1" t="s">
        <v>106637</v>
      </c>
    </row>
    <row r="30448" spans="1:10" x14ac:dyDescent="0.35">
      <c r="A30448" s="1" t="s">
        <v>3565</v>
      </c>
      <c r="B30448" s="1" t="s">
        <v>105234</v>
      </c>
      <c r="C30448" s="1" t="s">
        <v>110</v>
      </c>
      <c r="D30448" s="1" t="s">
        <v>44494</v>
      </c>
      <c r="E30448" s="1" t="s">
        <v>106638</v>
      </c>
      <c r="F30448" s="1" t="s">
        <v>106639</v>
      </c>
      <c r="G30448" s="1" t="s">
        <v>106567</v>
      </c>
      <c r="H30448" s="1" t="s">
        <v>106568</v>
      </c>
      <c r="I30448" s="1" t="s">
        <v>105238</v>
      </c>
      <c r="J30448" s="1" t="s">
        <v>106640</v>
      </c>
    </row>
    <row r="30449" spans="1:10" x14ac:dyDescent="0.35">
      <c r="A30449" s="1" t="s">
        <v>3565</v>
      </c>
      <c r="B30449" s="1" t="s">
        <v>105234</v>
      </c>
      <c r="C30449" s="1" t="s">
        <v>115</v>
      </c>
      <c r="D30449" s="1" t="s">
        <v>106641</v>
      </c>
      <c r="E30449" s="1" t="s">
        <v>106642</v>
      </c>
      <c r="F30449" s="1" t="s">
        <v>106643</v>
      </c>
      <c r="G30449" s="1" t="s">
        <v>106567</v>
      </c>
      <c r="H30449" s="1" t="s">
        <v>106568</v>
      </c>
      <c r="I30449" s="1" t="s">
        <v>105238</v>
      </c>
      <c r="J30449" s="1" t="s">
        <v>106644</v>
      </c>
    </row>
    <row r="30450" spans="1:10" x14ac:dyDescent="0.35">
      <c r="A30450" s="1" t="s">
        <v>3565</v>
      </c>
      <c r="B30450" s="1" t="s">
        <v>105234</v>
      </c>
      <c r="C30450" s="1" t="s">
        <v>120</v>
      </c>
      <c r="D30450" s="1" t="s">
        <v>43753</v>
      </c>
      <c r="E30450" s="1" t="s">
        <v>106645</v>
      </c>
      <c r="F30450" s="1" t="s">
        <v>106646</v>
      </c>
      <c r="G30450" s="1" t="s">
        <v>106567</v>
      </c>
      <c r="H30450" s="1" t="s">
        <v>106568</v>
      </c>
      <c r="I30450" s="1" t="s">
        <v>105238</v>
      </c>
      <c r="J30450" s="1" t="s">
        <v>106647</v>
      </c>
    </row>
    <row r="30451" spans="1:10" x14ac:dyDescent="0.35">
      <c r="A30451" s="1" t="s">
        <v>3565</v>
      </c>
      <c r="B30451" s="1" t="s">
        <v>105234</v>
      </c>
      <c r="C30451" s="1" t="s">
        <v>125</v>
      </c>
      <c r="D30451" s="1" t="s">
        <v>106648</v>
      </c>
      <c r="E30451" s="1" t="s">
        <v>106649</v>
      </c>
      <c r="F30451" s="1" t="s">
        <v>106650</v>
      </c>
      <c r="G30451" s="1" t="s">
        <v>106567</v>
      </c>
      <c r="H30451" s="1" t="s">
        <v>106568</v>
      </c>
      <c r="I30451" s="1" t="s">
        <v>105238</v>
      </c>
      <c r="J30451" s="1" t="s">
        <v>106651</v>
      </c>
    </row>
    <row r="30452" spans="1:10" x14ac:dyDescent="0.35">
      <c r="A30452" s="1" t="s">
        <v>3565</v>
      </c>
      <c r="B30452" s="1" t="s">
        <v>105234</v>
      </c>
      <c r="C30452" s="1" t="s">
        <v>130</v>
      </c>
      <c r="D30452" s="1" t="s">
        <v>106652</v>
      </c>
      <c r="E30452" s="1" t="s">
        <v>106653</v>
      </c>
      <c r="F30452" s="1" t="s">
        <v>106654</v>
      </c>
      <c r="G30452" s="1" t="s">
        <v>106567</v>
      </c>
      <c r="H30452" s="1" t="s">
        <v>106568</v>
      </c>
      <c r="I30452" s="1" t="s">
        <v>105238</v>
      </c>
      <c r="J30452" s="1" t="s">
        <v>106655</v>
      </c>
    </row>
    <row r="30453" spans="1:10" x14ac:dyDescent="0.35">
      <c r="A30453" s="1" t="s">
        <v>3565</v>
      </c>
      <c r="B30453" s="1" t="s">
        <v>105234</v>
      </c>
      <c r="C30453" s="1" t="s">
        <v>135</v>
      </c>
      <c r="D30453" s="1" t="s">
        <v>106656</v>
      </c>
      <c r="E30453" s="1" t="s">
        <v>106657</v>
      </c>
      <c r="F30453" s="1" t="s">
        <v>106658</v>
      </c>
      <c r="G30453" s="1" t="s">
        <v>106567</v>
      </c>
      <c r="H30453" s="1" t="s">
        <v>106568</v>
      </c>
      <c r="I30453" s="1" t="s">
        <v>105238</v>
      </c>
      <c r="J30453" s="1" t="s">
        <v>106659</v>
      </c>
    </row>
    <row r="30454" spans="1:10" x14ac:dyDescent="0.35">
      <c r="A30454" s="1" t="s">
        <v>3565</v>
      </c>
      <c r="B30454" s="1" t="s">
        <v>105234</v>
      </c>
      <c r="C30454" s="1" t="s">
        <v>140</v>
      </c>
      <c r="D30454" s="1" t="s">
        <v>32727</v>
      </c>
      <c r="E30454" s="1" t="s">
        <v>106660</v>
      </c>
      <c r="F30454" s="1" t="s">
        <v>106661</v>
      </c>
      <c r="G30454" s="1" t="s">
        <v>106567</v>
      </c>
      <c r="H30454" s="1" t="s">
        <v>106568</v>
      </c>
      <c r="I30454" s="1" t="s">
        <v>105238</v>
      </c>
      <c r="J30454" s="1" t="s">
        <v>106662</v>
      </c>
    </row>
    <row r="30455" spans="1:10" x14ac:dyDescent="0.35">
      <c r="A30455" s="1" t="s">
        <v>3565</v>
      </c>
      <c r="B30455" s="1" t="s">
        <v>105234</v>
      </c>
      <c r="C30455" s="1" t="s">
        <v>145</v>
      </c>
      <c r="D30455" s="1" t="s">
        <v>106663</v>
      </c>
      <c r="E30455" s="1" t="s">
        <v>106664</v>
      </c>
      <c r="F30455" s="1" t="s">
        <v>106665</v>
      </c>
      <c r="G30455" s="1" t="s">
        <v>106567</v>
      </c>
      <c r="H30455" s="1" t="s">
        <v>106568</v>
      </c>
      <c r="I30455" s="1" t="s">
        <v>105238</v>
      </c>
      <c r="J30455" s="1" t="s">
        <v>106666</v>
      </c>
    </row>
    <row r="30456" spans="1:10" x14ac:dyDescent="0.35">
      <c r="A30456" s="1" t="s">
        <v>3565</v>
      </c>
      <c r="B30456" s="1" t="s">
        <v>105234</v>
      </c>
      <c r="C30456" s="1" t="s">
        <v>150</v>
      </c>
      <c r="D30456" s="1" t="s">
        <v>38091</v>
      </c>
      <c r="E30456" s="1" t="s">
        <v>106667</v>
      </c>
      <c r="F30456" s="1" t="s">
        <v>106668</v>
      </c>
      <c r="G30456" s="1" t="s">
        <v>106567</v>
      </c>
      <c r="H30456" s="1" t="s">
        <v>106568</v>
      </c>
      <c r="I30456" s="1" t="s">
        <v>105238</v>
      </c>
      <c r="J30456" s="1" t="s">
        <v>106669</v>
      </c>
    </row>
    <row r="30457" spans="1:10" x14ac:dyDescent="0.35">
      <c r="A30457" s="1" t="s">
        <v>3565</v>
      </c>
      <c r="B30457" s="1" t="s">
        <v>105234</v>
      </c>
      <c r="C30457" s="1" t="s">
        <v>155</v>
      </c>
      <c r="D30457" s="1" t="s">
        <v>106670</v>
      </c>
      <c r="E30457" s="1" t="s">
        <v>106671</v>
      </c>
      <c r="F30457" s="1" t="s">
        <v>106672</v>
      </c>
      <c r="G30457" s="1" t="s">
        <v>106567</v>
      </c>
      <c r="H30457" s="1" t="s">
        <v>106568</v>
      </c>
      <c r="I30457" s="1" t="s">
        <v>105238</v>
      </c>
      <c r="J30457" s="1" t="s">
        <v>106673</v>
      </c>
    </row>
    <row r="30458" spans="1:10" x14ac:dyDescent="0.35">
      <c r="A30458" s="1" t="s">
        <v>3565</v>
      </c>
      <c r="B30458" s="1" t="s">
        <v>105234</v>
      </c>
      <c r="C30458" s="1" t="s">
        <v>160</v>
      </c>
      <c r="D30458" s="1" t="s">
        <v>106674</v>
      </c>
      <c r="E30458" s="1" t="s">
        <v>106675</v>
      </c>
      <c r="F30458" s="1" t="s">
        <v>106676</v>
      </c>
      <c r="G30458" s="1" t="s">
        <v>106567</v>
      </c>
      <c r="H30458" s="1" t="s">
        <v>106568</v>
      </c>
      <c r="I30458" s="1" t="s">
        <v>105238</v>
      </c>
      <c r="J30458" s="1" t="s">
        <v>106677</v>
      </c>
    </row>
    <row r="30459" spans="1:10" x14ac:dyDescent="0.35">
      <c r="A30459" s="1" t="s">
        <v>3565</v>
      </c>
      <c r="B30459" s="1" t="s">
        <v>105234</v>
      </c>
      <c r="C30459" s="1" t="s">
        <v>165</v>
      </c>
      <c r="D30459" s="1" t="s">
        <v>106678</v>
      </c>
      <c r="E30459" s="1" t="s">
        <v>106679</v>
      </c>
      <c r="F30459" s="1" t="s">
        <v>106680</v>
      </c>
      <c r="G30459" s="1" t="s">
        <v>106567</v>
      </c>
      <c r="H30459" s="1" t="s">
        <v>106568</v>
      </c>
      <c r="I30459" s="1" t="s">
        <v>105238</v>
      </c>
      <c r="J30459" s="1" t="s">
        <v>106681</v>
      </c>
    </row>
    <row r="30460" spans="1:10" x14ac:dyDescent="0.35">
      <c r="A30460" s="1" t="s">
        <v>3565</v>
      </c>
      <c r="B30460" s="1" t="s">
        <v>105234</v>
      </c>
      <c r="C30460" s="1" t="s">
        <v>170</v>
      </c>
      <c r="D30460" s="1" t="s">
        <v>12436</v>
      </c>
      <c r="E30460" s="1" t="s">
        <v>106682</v>
      </c>
      <c r="F30460" s="1" t="s">
        <v>106683</v>
      </c>
      <c r="G30460" s="1" t="s">
        <v>106567</v>
      </c>
      <c r="H30460" s="1" t="s">
        <v>106568</v>
      </c>
      <c r="I30460" s="1" t="s">
        <v>105238</v>
      </c>
      <c r="J30460" s="1" t="s">
        <v>106684</v>
      </c>
    </row>
    <row r="30461" spans="1:10" x14ac:dyDescent="0.35">
      <c r="A30461" s="1" t="s">
        <v>6336</v>
      </c>
      <c r="B30461" s="1" t="s">
        <v>105234</v>
      </c>
      <c r="C30461" s="1" t="s">
        <v>8</v>
      </c>
      <c r="D30461" s="1" t="s">
        <v>79152</v>
      </c>
      <c r="E30461" s="1" t="s">
        <v>106685</v>
      </c>
      <c r="F30461" s="1" t="s">
        <v>106686</v>
      </c>
      <c r="G30461" s="1" t="s">
        <v>106687</v>
      </c>
      <c r="H30461" s="1" t="s">
        <v>106688</v>
      </c>
      <c r="I30461" s="1" t="s">
        <v>105238</v>
      </c>
      <c r="J30461" s="1" t="s">
        <v>13</v>
      </c>
    </row>
    <row r="30462" spans="1:10" x14ac:dyDescent="0.35">
      <c r="A30462" s="1" t="s">
        <v>6336</v>
      </c>
      <c r="B30462" s="1" t="s">
        <v>105234</v>
      </c>
      <c r="C30462" s="1" t="s">
        <v>15</v>
      </c>
      <c r="D30462" s="1" t="s">
        <v>106689</v>
      </c>
      <c r="E30462" s="1" t="s">
        <v>106690</v>
      </c>
      <c r="F30462" s="1" t="s">
        <v>106691</v>
      </c>
      <c r="G30462" s="1" t="s">
        <v>106687</v>
      </c>
      <c r="H30462" s="1" t="s">
        <v>106688</v>
      </c>
      <c r="I30462" s="1" t="s">
        <v>105238</v>
      </c>
      <c r="J30462" s="1" t="s">
        <v>106692</v>
      </c>
    </row>
    <row r="30463" spans="1:10" x14ac:dyDescent="0.35">
      <c r="A30463" s="1" t="s">
        <v>6336</v>
      </c>
      <c r="B30463" s="1" t="s">
        <v>105234</v>
      </c>
      <c r="C30463" s="1" t="s">
        <v>20</v>
      </c>
      <c r="D30463" s="1" t="s">
        <v>12447</v>
      </c>
      <c r="E30463" s="1" t="s">
        <v>106693</v>
      </c>
      <c r="F30463" s="1" t="s">
        <v>106694</v>
      </c>
      <c r="G30463" s="1" t="s">
        <v>106687</v>
      </c>
      <c r="H30463" s="1" t="s">
        <v>106688</v>
      </c>
      <c r="I30463" s="1" t="s">
        <v>105238</v>
      </c>
      <c r="J30463" s="1" t="s">
        <v>106695</v>
      </c>
    </row>
    <row r="30464" spans="1:10" x14ac:dyDescent="0.35">
      <c r="A30464" s="1" t="s">
        <v>6336</v>
      </c>
      <c r="B30464" s="1" t="s">
        <v>105234</v>
      </c>
      <c r="C30464" s="1" t="s">
        <v>25</v>
      </c>
      <c r="D30464" s="1" t="s">
        <v>64450</v>
      </c>
      <c r="E30464" s="1" t="s">
        <v>106696</v>
      </c>
      <c r="F30464" s="1" t="s">
        <v>106697</v>
      </c>
      <c r="G30464" s="1" t="s">
        <v>106687</v>
      </c>
      <c r="H30464" s="1" t="s">
        <v>106688</v>
      </c>
      <c r="I30464" s="1" t="s">
        <v>105238</v>
      </c>
      <c r="J30464" s="1" t="s">
        <v>106698</v>
      </c>
    </row>
    <row r="30465" spans="1:10" x14ac:dyDescent="0.35">
      <c r="A30465" s="1" t="s">
        <v>6336</v>
      </c>
      <c r="B30465" s="1" t="s">
        <v>105234</v>
      </c>
      <c r="C30465" s="1" t="s">
        <v>30</v>
      </c>
      <c r="D30465" s="1" t="s">
        <v>106699</v>
      </c>
      <c r="E30465" s="1" t="s">
        <v>106700</v>
      </c>
      <c r="F30465" s="1" t="s">
        <v>106701</v>
      </c>
      <c r="G30465" s="1" t="s">
        <v>106687</v>
      </c>
      <c r="H30465" s="1" t="s">
        <v>106688</v>
      </c>
      <c r="I30465" s="1" t="s">
        <v>105238</v>
      </c>
      <c r="J30465" s="1" t="s">
        <v>106702</v>
      </c>
    </row>
    <row r="30466" spans="1:10" x14ac:dyDescent="0.35">
      <c r="A30466" s="1" t="s">
        <v>6336</v>
      </c>
      <c r="B30466" s="1" t="s">
        <v>105234</v>
      </c>
      <c r="C30466" s="1" t="s">
        <v>35</v>
      </c>
      <c r="D30466" s="1" t="s">
        <v>62426</v>
      </c>
      <c r="E30466" s="1" t="s">
        <v>106703</v>
      </c>
      <c r="F30466" s="1" t="s">
        <v>106704</v>
      </c>
      <c r="G30466" s="1" t="s">
        <v>106687</v>
      </c>
      <c r="H30466" s="1" t="s">
        <v>106688</v>
      </c>
      <c r="I30466" s="1" t="s">
        <v>105238</v>
      </c>
      <c r="J30466" s="1" t="s">
        <v>106705</v>
      </c>
    </row>
    <row r="30467" spans="1:10" x14ac:dyDescent="0.35">
      <c r="A30467" s="1" t="s">
        <v>6336</v>
      </c>
      <c r="B30467" s="1" t="s">
        <v>105234</v>
      </c>
      <c r="C30467" s="1" t="s">
        <v>40</v>
      </c>
      <c r="D30467" s="1" t="s">
        <v>106706</v>
      </c>
      <c r="E30467" s="1" t="s">
        <v>106707</v>
      </c>
      <c r="F30467" s="1" t="s">
        <v>106708</v>
      </c>
      <c r="G30467" s="1" t="s">
        <v>106687</v>
      </c>
      <c r="H30467" s="1" t="s">
        <v>106688</v>
      </c>
      <c r="I30467" s="1" t="s">
        <v>105238</v>
      </c>
      <c r="J30467" s="1" t="s">
        <v>106709</v>
      </c>
    </row>
    <row r="30468" spans="1:10" x14ac:dyDescent="0.35">
      <c r="A30468" s="1" t="s">
        <v>6336</v>
      </c>
      <c r="B30468" s="1" t="s">
        <v>105234</v>
      </c>
      <c r="C30468" s="1" t="s">
        <v>45</v>
      </c>
      <c r="D30468" s="1" t="s">
        <v>62924</v>
      </c>
      <c r="E30468" s="1" t="s">
        <v>106710</v>
      </c>
      <c r="F30468" s="1" t="s">
        <v>106711</v>
      </c>
      <c r="G30468" s="1" t="s">
        <v>106687</v>
      </c>
      <c r="H30468" s="1" t="s">
        <v>106688</v>
      </c>
      <c r="I30468" s="1" t="s">
        <v>105238</v>
      </c>
      <c r="J30468" s="1" t="s">
        <v>106712</v>
      </c>
    </row>
    <row r="30469" spans="1:10" x14ac:dyDescent="0.35">
      <c r="A30469" s="1" t="s">
        <v>6336</v>
      </c>
      <c r="B30469" s="1" t="s">
        <v>105234</v>
      </c>
      <c r="C30469" s="1" t="s">
        <v>50</v>
      </c>
      <c r="D30469" s="1" t="s">
        <v>106151</v>
      </c>
      <c r="E30469" s="1" t="s">
        <v>106713</v>
      </c>
      <c r="F30469" s="1" t="s">
        <v>106714</v>
      </c>
      <c r="G30469" s="1" t="s">
        <v>106687</v>
      </c>
      <c r="H30469" s="1" t="s">
        <v>106688</v>
      </c>
      <c r="I30469" s="1" t="s">
        <v>105238</v>
      </c>
      <c r="J30469" s="1" t="s">
        <v>106715</v>
      </c>
    </row>
    <row r="30470" spans="1:10" x14ac:dyDescent="0.35">
      <c r="A30470" s="1" t="s">
        <v>6336</v>
      </c>
      <c r="B30470" s="1" t="s">
        <v>105234</v>
      </c>
      <c r="C30470" s="1" t="s">
        <v>55</v>
      </c>
      <c r="D30470" s="1" t="s">
        <v>86560</v>
      </c>
      <c r="E30470" s="1" t="s">
        <v>106716</v>
      </c>
      <c r="F30470" s="1" t="s">
        <v>106717</v>
      </c>
      <c r="G30470" s="1" t="s">
        <v>106687</v>
      </c>
      <c r="H30470" s="1" t="s">
        <v>106688</v>
      </c>
      <c r="I30470" s="1" t="s">
        <v>105238</v>
      </c>
      <c r="J30470" s="1" t="s">
        <v>106718</v>
      </c>
    </row>
    <row r="30471" spans="1:10" x14ac:dyDescent="0.35">
      <c r="A30471" s="1" t="s">
        <v>6336</v>
      </c>
      <c r="B30471" s="1" t="s">
        <v>105234</v>
      </c>
      <c r="C30471" s="1" t="s">
        <v>60</v>
      </c>
      <c r="D30471" s="1" t="s">
        <v>106719</v>
      </c>
      <c r="E30471" s="1" t="s">
        <v>106720</v>
      </c>
      <c r="F30471" s="1" t="s">
        <v>106721</v>
      </c>
      <c r="G30471" s="1" t="s">
        <v>106687</v>
      </c>
      <c r="H30471" s="1" t="s">
        <v>106688</v>
      </c>
      <c r="I30471" s="1" t="s">
        <v>105238</v>
      </c>
      <c r="J30471" s="1" t="s">
        <v>106722</v>
      </c>
    </row>
    <row r="30472" spans="1:10" x14ac:dyDescent="0.35">
      <c r="A30472" s="1" t="s">
        <v>6336</v>
      </c>
      <c r="B30472" s="1" t="s">
        <v>105234</v>
      </c>
      <c r="C30472" s="1" t="s">
        <v>65</v>
      </c>
      <c r="D30472" s="1" t="s">
        <v>96318</v>
      </c>
      <c r="E30472" s="1" t="s">
        <v>106723</v>
      </c>
      <c r="F30472" s="1" t="s">
        <v>106724</v>
      </c>
      <c r="G30472" s="1" t="s">
        <v>106687</v>
      </c>
      <c r="H30472" s="1" t="s">
        <v>106688</v>
      </c>
      <c r="I30472" s="1" t="s">
        <v>105238</v>
      </c>
      <c r="J30472" s="1" t="s">
        <v>106725</v>
      </c>
    </row>
    <row r="30473" spans="1:10" x14ac:dyDescent="0.35">
      <c r="A30473" s="1" t="s">
        <v>6336</v>
      </c>
      <c r="B30473" s="1" t="s">
        <v>105234</v>
      </c>
      <c r="C30473" s="1" t="s">
        <v>70</v>
      </c>
      <c r="D30473" s="1" t="s">
        <v>64544</v>
      </c>
      <c r="E30473" s="1" t="s">
        <v>106726</v>
      </c>
      <c r="F30473" s="1" t="s">
        <v>106727</v>
      </c>
      <c r="G30473" s="1" t="s">
        <v>106687</v>
      </c>
      <c r="H30473" s="1" t="s">
        <v>106688</v>
      </c>
      <c r="I30473" s="1" t="s">
        <v>105238</v>
      </c>
      <c r="J30473" s="1" t="s">
        <v>106728</v>
      </c>
    </row>
    <row r="30474" spans="1:10" x14ac:dyDescent="0.35">
      <c r="A30474" s="1" t="s">
        <v>6336</v>
      </c>
      <c r="B30474" s="1" t="s">
        <v>105234</v>
      </c>
      <c r="C30474" s="1" t="s">
        <v>75</v>
      </c>
      <c r="D30474" s="1" t="s">
        <v>15134</v>
      </c>
      <c r="E30474" s="1" t="s">
        <v>106729</v>
      </c>
      <c r="F30474" s="1" t="s">
        <v>106730</v>
      </c>
      <c r="G30474" s="1" t="s">
        <v>106687</v>
      </c>
      <c r="H30474" s="1" t="s">
        <v>106688</v>
      </c>
      <c r="I30474" s="1" t="s">
        <v>105238</v>
      </c>
      <c r="J30474" s="1" t="s">
        <v>106731</v>
      </c>
    </row>
    <row r="30475" spans="1:10" x14ac:dyDescent="0.35">
      <c r="A30475" s="1" t="s">
        <v>6336</v>
      </c>
      <c r="B30475" s="1" t="s">
        <v>105234</v>
      </c>
      <c r="C30475" s="1" t="s">
        <v>80</v>
      </c>
      <c r="D30475" s="1" t="s">
        <v>106732</v>
      </c>
      <c r="E30475" s="1" t="s">
        <v>106733</v>
      </c>
      <c r="F30475" s="1" t="s">
        <v>106734</v>
      </c>
      <c r="G30475" s="1" t="s">
        <v>106687</v>
      </c>
      <c r="H30475" s="1" t="s">
        <v>106688</v>
      </c>
      <c r="I30475" s="1" t="s">
        <v>105238</v>
      </c>
      <c r="J30475" s="1" t="s">
        <v>106735</v>
      </c>
    </row>
    <row r="30476" spans="1:10" x14ac:dyDescent="0.35">
      <c r="A30476" s="1" t="s">
        <v>6336</v>
      </c>
      <c r="B30476" s="1" t="s">
        <v>105234</v>
      </c>
      <c r="C30476" s="1" t="s">
        <v>85</v>
      </c>
      <c r="D30476" s="1" t="s">
        <v>76457</v>
      </c>
      <c r="E30476" s="1" t="s">
        <v>106736</v>
      </c>
      <c r="F30476" s="1" t="s">
        <v>106737</v>
      </c>
      <c r="G30476" s="1" t="s">
        <v>106687</v>
      </c>
      <c r="H30476" s="1" t="s">
        <v>106688</v>
      </c>
      <c r="I30476" s="1" t="s">
        <v>105238</v>
      </c>
      <c r="J30476" s="1" t="s">
        <v>106738</v>
      </c>
    </row>
    <row r="30477" spans="1:10" x14ac:dyDescent="0.35">
      <c r="A30477" s="1" t="s">
        <v>6336</v>
      </c>
      <c r="B30477" s="1" t="s">
        <v>105234</v>
      </c>
      <c r="C30477" s="1" t="s">
        <v>90</v>
      </c>
      <c r="D30477" s="1" t="s">
        <v>106739</v>
      </c>
      <c r="E30477" s="1" t="s">
        <v>106740</v>
      </c>
      <c r="F30477" s="1" t="s">
        <v>106741</v>
      </c>
      <c r="G30477" s="1" t="s">
        <v>106687</v>
      </c>
      <c r="H30477" s="1" t="s">
        <v>106688</v>
      </c>
      <c r="I30477" s="1" t="s">
        <v>105238</v>
      </c>
      <c r="J30477" s="1" t="s">
        <v>106742</v>
      </c>
    </row>
    <row r="30478" spans="1:10" x14ac:dyDescent="0.35">
      <c r="A30478" s="1" t="s">
        <v>6336</v>
      </c>
      <c r="B30478" s="1" t="s">
        <v>105234</v>
      </c>
      <c r="C30478" s="1" t="s">
        <v>95</v>
      </c>
      <c r="D30478" s="1" t="s">
        <v>77824</v>
      </c>
      <c r="E30478" s="1" t="s">
        <v>106743</v>
      </c>
      <c r="F30478" s="1" t="s">
        <v>106744</v>
      </c>
      <c r="G30478" s="1" t="s">
        <v>106687</v>
      </c>
      <c r="H30478" s="1" t="s">
        <v>106688</v>
      </c>
      <c r="I30478" s="1" t="s">
        <v>105238</v>
      </c>
      <c r="J30478" s="1" t="s">
        <v>106745</v>
      </c>
    </row>
    <row r="30479" spans="1:10" x14ac:dyDescent="0.35">
      <c r="A30479" s="1" t="s">
        <v>6336</v>
      </c>
      <c r="B30479" s="1" t="s">
        <v>105234</v>
      </c>
      <c r="C30479" s="1" t="s">
        <v>100</v>
      </c>
      <c r="D30479" s="1" t="s">
        <v>79679</v>
      </c>
      <c r="E30479" s="1" t="s">
        <v>106746</v>
      </c>
      <c r="F30479" s="1" t="s">
        <v>106747</v>
      </c>
      <c r="G30479" s="1" t="s">
        <v>106687</v>
      </c>
      <c r="H30479" s="1" t="s">
        <v>106688</v>
      </c>
      <c r="I30479" s="1" t="s">
        <v>105238</v>
      </c>
      <c r="J30479" s="1" t="s">
        <v>106748</v>
      </c>
    </row>
    <row r="30480" spans="1:10" x14ac:dyDescent="0.35">
      <c r="A30480" s="1" t="s">
        <v>6336</v>
      </c>
      <c r="B30480" s="1" t="s">
        <v>105234</v>
      </c>
      <c r="C30480" s="1" t="s">
        <v>105</v>
      </c>
      <c r="D30480" s="1" t="s">
        <v>62960</v>
      </c>
      <c r="E30480" s="1" t="s">
        <v>106749</v>
      </c>
      <c r="F30480" s="1" t="s">
        <v>106750</v>
      </c>
      <c r="G30480" s="1" t="s">
        <v>106687</v>
      </c>
      <c r="H30480" s="1" t="s">
        <v>106688</v>
      </c>
      <c r="I30480" s="1" t="s">
        <v>105238</v>
      </c>
      <c r="J30480" s="1" t="s">
        <v>106751</v>
      </c>
    </row>
    <row r="30481" spans="1:10" x14ac:dyDescent="0.35">
      <c r="A30481" s="1" t="s">
        <v>6336</v>
      </c>
      <c r="B30481" s="1" t="s">
        <v>105234</v>
      </c>
      <c r="C30481" s="1" t="s">
        <v>110</v>
      </c>
      <c r="D30481" s="1" t="s">
        <v>56403</v>
      </c>
      <c r="E30481" s="1" t="s">
        <v>106752</v>
      </c>
      <c r="F30481" s="1" t="s">
        <v>106753</v>
      </c>
      <c r="G30481" s="1" t="s">
        <v>106687</v>
      </c>
      <c r="H30481" s="1" t="s">
        <v>106688</v>
      </c>
      <c r="I30481" s="1" t="s">
        <v>105238</v>
      </c>
      <c r="J30481" s="1" t="s">
        <v>106754</v>
      </c>
    </row>
    <row r="30482" spans="1:10" x14ac:dyDescent="0.35">
      <c r="A30482" s="1" t="s">
        <v>6336</v>
      </c>
      <c r="B30482" s="1" t="s">
        <v>105234</v>
      </c>
      <c r="C30482" s="1" t="s">
        <v>115</v>
      </c>
      <c r="D30482" s="1" t="s">
        <v>106755</v>
      </c>
      <c r="E30482" s="1" t="s">
        <v>106756</v>
      </c>
      <c r="F30482" s="1" t="s">
        <v>106757</v>
      </c>
      <c r="G30482" s="1" t="s">
        <v>106687</v>
      </c>
      <c r="H30482" s="1" t="s">
        <v>106688</v>
      </c>
      <c r="I30482" s="1" t="s">
        <v>105238</v>
      </c>
      <c r="J30482" s="1" t="s">
        <v>106758</v>
      </c>
    </row>
    <row r="30483" spans="1:10" x14ac:dyDescent="0.35">
      <c r="A30483" s="1" t="s">
        <v>6336</v>
      </c>
      <c r="B30483" s="1" t="s">
        <v>105234</v>
      </c>
      <c r="C30483" s="1" t="s">
        <v>120</v>
      </c>
      <c r="D30483" s="1" t="s">
        <v>106759</v>
      </c>
      <c r="E30483" s="1" t="s">
        <v>106760</v>
      </c>
      <c r="F30483" s="1" t="s">
        <v>106761</v>
      </c>
      <c r="G30483" s="1" t="s">
        <v>106687</v>
      </c>
      <c r="H30483" s="1" t="s">
        <v>106688</v>
      </c>
      <c r="I30483" s="1" t="s">
        <v>105238</v>
      </c>
      <c r="J30483" s="1" t="s">
        <v>106762</v>
      </c>
    </row>
    <row r="30484" spans="1:10" x14ac:dyDescent="0.35">
      <c r="A30484" s="1" t="s">
        <v>6336</v>
      </c>
      <c r="B30484" s="1" t="s">
        <v>105234</v>
      </c>
      <c r="C30484" s="1" t="s">
        <v>125</v>
      </c>
      <c r="D30484" s="1" t="s">
        <v>97829</v>
      </c>
      <c r="E30484" s="1" t="s">
        <v>106763</v>
      </c>
      <c r="F30484" s="1" t="s">
        <v>106764</v>
      </c>
      <c r="G30484" s="1" t="s">
        <v>106687</v>
      </c>
      <c r="H30484" s="1" t="s">
        <v>106688</v>
      </c>
      <c r="I30484" s="1" t="s">
        <v>105238</v>
      </c>
      <c r="J30484" s="1" t="s">
        <v>106765</v>
      </c>
    </row>
    <row r="30485" spans="1:10" x14ac:dyDescent="0.35">
      <c r="A30485" s="1" t="s">
        <v>6336</v>
      </c>
      <c r="B30485" s="1" t="s">
        <v>105234</v>
      </c>
      <c r="C30485" s="1" t="s">
        <v>130</v>
      </c>
      <c r="D30485" s="1" t="s">
        <v>14295</v>
      </c>
      <c r="E30485" s="1" t="s">
        <v>106766</v>
      </c>
      <c r="F30485" s="1" t="s">
        <v>106767</v>
      </c>
      <c r="G30485" s="1" t="s">
        <v>106687</v>
      </c>
      <c r="H30485" s="1" t="s">
        <v>106688</v>
      </c>
      <c r="I30485" s="1" t="s">
        <v>105238</v>
      </c>
      <c r="J30485" s="1" t="s">
        <v>106768</v>
      </c>
    </row>
    <row r="30486" spans="1:10" x14ac:dyDescent="0.35">
      <c r="A30486" s="1" t="s">
        <v>6336</v>
      </c>
      <c r="B30486" s="1" t="s">
        <v>105234</v>
      </c>
      <c r="C30486" s="1" t="s">
        <v>135</v>
      </c>
      <c r="D30486" s="1" t="s">
        <v>106769</v>
      </c>
      <c r="E30486" s="1" t="s">
        <v>106770</v>
      </c>
      <c r="F30486" s="1" t="s">
        <v>106771</v>
      </c>
      <c r="G30486" s="1" t="s">
        <v>106687</v>
      </c>
      <c r="H30486" s="1" t="s">
        <v>106688</v>
      </c>
      <c r="I30486" s="1" t="s">
        <v>105238</v>
      </c>
      <c r="J30486" s="1" t="s">
        <v>106772</v>
      </c>
    </row>
    <row r="30487" spans="1:10" x14ac:dyDescent="0.35">
      <c r="A30487" s="1" t="s">
        <v>6336</v>
      </c>
      <c r="B30487" s="1" t="s">
        <v>105234</v>
      </c>
      <c r="C30487" s="1" t="s">
        <v>140</v>
      </c>
      <c r="D30487" s="1" t="s">
        <v>106773</v>
      </c>
      <c r="E30487" s="1" t="s">
        <v>106774</v>
      </c>
      <c r="F30487" s="1" t="s">
        <v>106775</v>
      </c>
      <c r="G30487" s="1" t="s">
        <v>106687</v>
      </c>
      <c r="H30487" s="1" t="s">
        <v>106688</v>
      </c>
      <c r="I30487" s="1" t="s">
        <v>105238</v>
      </c>
      <c r="J30487" s="1" t="s">
        <v>106776</v>
      </c>
    </row>
    <row r="30488" spans="1:10" x14ac:dyDescent="0.35">
      <c r="A30488" s="1" t="s">
        <v>6336</v>
      </c>
      <c r="B30488" s="1" t="s">
        <v>105234</v>
      </c>
      <c r="C30488" s="1" t="s">
        <v>145</v>
      </c>
      <c r="D30488" s="1" t="s">
        <v>77229</v>
      </c>
      <c r="E30488" s="1" t="s">
        <v>106777</v>
      </c>
      <c r="F30488" s="1" t="s">
        <v>106778</v>
      </c>
      <c r="G30488" s="1" t="s">
        <v>106687</v>
      </c>
      <c r="H30488" s="1" t="s">
        <v>106688</v>
      </c>
      <c r="I30488" s="1" t="s">
        <v>105238</v>
      </c>
      <c r="J30488" s="1" t="s">
        <v>106779</v>
      </c>
    </row>
    <row r="30489" spans="1:10" x14ac:dyDescent="0.35">
      <c r="A30489" s="1" t="s">
        <v>6336</v>
      </c>
      <c r="B30489" s="1" t="s">
        <v>105234</v>
      </c>
      <c r="C30489" s="1" t="s">
        <v>150</v>
      </c>
      <c r="D30489" s="1" t="s">
        <v>58255</v>
      </c>
      <c r="E30489" s="1" t="s">
        <v>106780</v>
      </c>
      <c r="F30489" s="1" t="s">
        <v>106781</v>
      </c>
      <c r="G30489" s="1" t="s">
        <v>106687</v>
      </c>
      <c r="H30489" s="1" t="s">
        <v>106688</v>
      </c>
      <c r="I30489" s="1" t="s">
        <v>105238</v>
      </c>
      <c r="J30489" s="1" t="s">
        <v>106782</v>
      </c>
    </row>
    <row r="30490" spans="1:10" x14ac:dyDescent="0.35">
      <c r="A30490" s="1" t="s">
        <v>6336</v>
      </c>
      <c r="B30490" s="1" t="s">
        <v>105234</v>
      </c>
      <c r="C30490" s="1" t="s">
        <v>155</v>
      </c>
      <c r="D30490" s="1" t="s">
        <v>23910</v>
      </c>
      <c r="E30490" s="1" t="s">
        <v>106783</v>
      </c>
      <c r="F30490" s="1" t="s">
        <v>106784</v>
      </c>
      <c r="G30490" s="1" t="s">
        <v>106687</v>
      </c>
      <c r="H30490" s="1" t="s">
        <v>106688</v>
      </c>
      <c r="I30490" s="1" t="s">
        <v>105238</v>
      </c>
      <c r="J30490" s="1" t="s">
        <v>106785</v>
      </c>
    </row>
    <row r="30491" spans="1:10" x14ac:dyDescent="0.35">
      <c r="A30491" s="1" t="s">
        <v>6336</v>
      </c>
      <c r="B30491" s="1" t="s">
        <v>105234</v>
      </c>
      <c r="C30491" s="1" t="s">
        <v>160</v>
      </c>
      <c r="D30491" s="1" t="s">
        <v>106786</v>
      </c>
      <c r="E30491" s="1" t="s">
        <v>106787</v>
      </c>
      <c r="F30491" s="1" t="s">
        <v>106788</v>
      </c>
      <c r="G30491" s="1" t="s">
        <v>106687</v>
      </c>
      <c r="H30491" s="1" t="s">
        <v>106688</v>
      </c>
      <c r="I30491" s="1" t="s">
        <v>105238</v>
      </c>
      <c r="J30491" s="1" t="s">
        <v>106789</v>
      </c>
    </row>
    <row r="30492" spans="1:10" x14ac:dyDescent="0.35">
      <c r="A30492" s="1" t="s">
        <v>6336</v>
      </c>
      <c r="B30492" s="1" t="s">
        <v>105234</v>
      </c>
      <c r="C30492" s="1" t="s">
        <v>165</v>
      </c>
      <c r="D30492" s="1" t="s">
        <v>106790</v>
      </c>
      <c r="E30492" s="1" t="s">
        <v>106791</v>
      </c>
      <c r="F30492" s="1" t="s">
        <v>106792</v>
      </c>
      <c r="G30492" s="1" t="s">
        <v>106687</v>
      </c>
      <c r="H30492" s="1" t="s">
        <v>106688</v>
      </c>
      <c r="I30492" s="1" t="s">
        <v>105238</v>
      </c>
      <c r="J30492" s="1" t="s">
        <v>106793</v>
      </c>
    </row>
    <row r="30493" spans="1:10" x14ac:dyDescent="0.35">
      <c r="A30493" s="1" t="s">
        <v>6336</v>
      </c>
      <c r="B30493" s="1" t="s">
        <v>105234</v>
      </c>
      <c r="C30493" s="1" t="s">
        <v>170</v>
      </c>
      <c r="D30493" s="1" t="s">
        <v>84754</v>
      </c>
      <c r="E30493" s="1" t="s">
        <v>106794</v>
      </c>
      <c r="F30493" s="1" t="s">
        <v>106795</v>
      </c>
      <c r="G30493" s="1" t="s">
        <v>106687</v>
      </c>
      <c r="H30493" s="1" t="s">
        <v>106688</v>
      </c>
      <c r="I30493" s="1" t="s">
        <v>105238</v>
      </c>
      <c r="J30493" s="1" t="s">
        <v>106796</v>
      </c>
    </row>
    <row r="30494" spans="1:10" x14ac:dyDescent="0.35">
      <c r="A30494" s="1" t="s">
        <v>106797</v>
      </c>
      <c r="B30494" s="1" t="s">
        <v>105234</v>
      </c>
      <c r="C30494" s="1" t="s">
        <v>8</v>
      </c>
      <c r="D30494" s="1" t="s">
        <v>100117</v>
      </c>
      <c r="E30494" s="1" t="s">
        <v>106798</v>
      </c>
      <c r="F30494" s="1" t="s">
        <v>106799</v>
      </c>
      <c r="G30494" s="1" t="s">
        <v>106800</v>
      </c>
      <c r="H30494" s="1" t="s">
        <v>106801</v>
      </c>
      <c r="I30494" s="1" t="s">
        <v>105238</v>
      </c>
      <c r="J30494" s="1" t="s">
        <v>13</v>
      </c>
    </row>
    <row r="30495" spans="1:10" x14ac:dyDescent="0.35">
      <c r="A30495" s="1" t="s">
        <v>106797</v>
      </c>
      <c r="B30495" s="1" t="s">
        <v>105234</v>
      </c>
      <c r="C30495" s="1" t="s">
        <v>15</v>
      </c>
      <c r="D30495" s="1" t="s">
        <v>106802</v>
      </c>
      <c r="E30495" s="1" t="s">
        <v>106803</v>
      </c>
      <c r="F30495" s="1" t="s">
        <v>106804</v>
      </c>
      <c r="G30495" s="1" t="s">
        <v>106800</v>
      </c>
      <c r="H30495" s="1" t="s">
        <v>106801</v>
      </c>
      <c r="I30495" s="1" t="s">
        <v>105238</v>
      </c>
      <c r="J30495" s="1" t="s">
        <v>106805</v>
      </c>
    </row>
    <row r="30496" spans="1:10" x14ac:dyDescent="0.35">
      <c r="A30496" s="1" t="s">
        <v>106797</v>
      </c>
      <c r="B30496" s="1" t="s">
        <v>105234</v>
      </c>
      <c r="C30496" s="1" t="s">
        <v>20</v>
      </c>
      <c r="D30496" s="1" t="s">
        <v>106806</v>
      </c>
      <c r="E30496" s="1" t="s">
        <v>106807</v>
      </c>
      <c r="F30496" s="1" t="s">
        <v>106808</v>
      </c>
      <c r="G30496" s="1" t="s">
        <v>106800</v>
      </c>
      <c r="H30496" s="1" t="s">
        <v>106801</v>
      </c>
      <c r="I30496" s="1" t="s">
        <v>105238</v>
      </c>
      <c r="J30496" s="1" t="s">
        <v>106809</v>
      </c>
    </row>
    <row r="30497" spans="1:10" x14ac:dyDescent="0.35">
      <c r="A30497" s="1" t="s">
        <v>106797</v>
      </c>
      <c r="B30497" s="1" t="s">
        <v>105234</v>
      </c>
      <c r="C30497" s="1" t="s">
        <v>25</v>
      </c>
      <c r="D30497" s="1" t="s">
        <v>106810</v>
      </c>
      <c r="E30497" s="1" t="s">
        <v>106811</v>
      </c>
      <c r="F30497" s="1" t="s">
        <v>106812</v>
      </c>
      <c r="G30497" s="1" t="s">
        <v>106800</v>
      </c>
      <c r="H30497" s="1" t="s">
        <v>106801</v>
      </c>
      <c r="I30497" s="1" t="s">
        <v>105238</v>
      </c>
      <c r="J30497" s="1" t="s">
        <v>106813</v>
      </c>
    </row>
    <row r="30498" spans="1:10" x14ac:dyDescent="0.35">
      <c r="A30498" s="1" t="s">
        <v>106797</v>
      </c>
      <c r="B30498" s="1" t="s">
        <v>105234</v>
      </c>
      <c r="C30498" s="1" t="s">
        <v>30</v>
      </c>
      <c r="D30498" s="1" t="s">
        <v>106814</v>
      </c>
      <c r="E30498" s="1" t="s">
        <v>106815</v>
      </c>
      <c r="F30498" s="1" t="s">
        <v>106816</v>
      </c>
      <c r="G30498" s="1" t="s">
        <v>106800</v>
      </c>
      <c r="H30498" s="1" t="s">
        <v>106801</v>
      </c>
      <c r="I30498" s="1" t="s">
        <v>105238</v>
      </c>
      <c r="J30498" s="1" t="s">
        <v>106817</v>
      </c>
    </row>
    <row r="30499" spans="1:10" x14ac:dyDescent="0.35">
      <c r="A30499" s="1" t="s">
        <v>106797</v>
      </c>
      <c r="B30499" s="1" t="s">
        <v>105234</v>
      </c>
      <c r="C30499" s="1" t="s">
        <v>35</v>
      </c>
      <c r="D30499" s="1" t="s">
        <v>106818</v>
      </c>
      <c r="E30499" s="1" t="s">
        <v>106819</v>
      </c>
      <c r="F30499" s="1" t="s">
        <v>106820</v>
      </c>
      <c r="G30499" s="1" t="s">
        <v>106800</v>
      </c>
      <c r="H30499" s="1" t="s">
        <v>106801</v>
      </c>
      <c r="I30499" s="1" t="s">
        <v>105238</v>
      </c>
      <c r="J30499" s="1" t="s">
        <v>106821</v>
      </c>
    </row>
    <row r="30500" spans="1:10" x14ac:dyDescent="0.35">
      <c r="A30500" s="1" t="s">
        <v>106797</v>
      </c>
      <c r="B30500" s="1" t="s">
        <v>105234</v>
      </c>
      <c r="C30500" s="1" t="s">
        <v>40</v>
      </c>
      <c r="D30500" s="1" t="s">
        <v>106822</v>
      </c>
      <c r="E30500" s="1" t="s">
        <v>106823</v>
      </c>
      <c r="F30500" s="1" t="s">
        <v>106824</v>
      </c>
      <c r="G30500" s="1" t="s">
        <v>106800</v>
      </c>
      <c r="H30500" s="1" t="s">
        <v>106801</v>
      </c>
      <c r="I30500" s="1" t="s">
        <v>105238</v>
      </c>
      <c r="J30500" s="1" t="s">
        <v>106825</v>
      </c>
    </row>
    <row r="30501" spans="1:10" x14ac:dyDescent="0.35">
      <c r="A30501" s="1" t="s">
        <v>106797</v>
      </c>
      <c r="B30501" s="1" t="s">
        <v>105234</v>
      </c>
      <c r="C30501" s="1" t="s">
        <v>45</v>
      </c>
      <c r="D30501" s="1" t="s">
        <v>97815</v>
      </c>
      <c r="E30501" s="1" t="s">
        <v>106826</v>
      </c>
      <c r="F30501" s="1" t="s">
        <v>106827</v>
      </c>
      <c r="G30501" s="1" t="s">
        <v>106800</v>
      </c>
      <c r="H30501" s="1" t="s">
        <v>106801</v>
      </c>
      <c r="I30501" s="1" t="s">
        <v>105238</v>
      </c>
      <c r="J30501" s="1" t="s">
        <v>106828</v>
      </c>
    </row>
    <row r="30502" spans="1:10" x14ac:dyDescent="0.35">
      <c r="A30502" s="1" t="s">
        <v>106797</v>
      </c>
      <c r="B30502" s="1" t="s">
        <v>105234</v>
      </c>
      <c r="C30502" s="1" t="s">
        <v>50</v>
      </c>
      <c r="D30502" s="1" t="s">
        <v>106829</v>
      </c>
      <c r="E30502" s="1" t="s">
        <v>106830</v>
      </c>
      <c r="F30502" s="1" t="s">
        <v>106831</v>
      </c>
      <c r="G30502" s="1" t="s">
        <v>106800</v>
      </c>
      <c r="H30502" s="1" t="s">
        <v>106801</v>
      </c>
      <c r="I30502" s="1" t="s">
        <v>105238</v>
      </c>
      <c r="J30502" s="1" t="s">
        <v>106832</v>
      </c>
    </row>
    <row r="30503" spans="1:10" x14ac:dyDescent="0.35">
      <c r="A30503" s="1" t="s">
        <v>106797</v>
      </c>
      <c r="B30503" s="1" t="s">
        <v>105234</v>
      </c>
      <c r="C30503" s="1" t="s">
        <v>55</v>
      </c>
      <c r="D30503" s="1" t="s">
        <v>106833</v>
      </c>
      <c r="E30503" s="1" t="s">
        <v>106834</v>
      </c>
      <c r="F30503" s="1" t="s">
        <v>106835</v>
      </c>
      <c r="G30503" s="1" t="s">
        <v>106800</v>
      </c>
      <c r="H30503" s="1" t="s">
        <v>106801</v>
      </c>
      <c r="I30503" s="1" t="s">
        <v>105238</v>
      </c>
      <c r="J30503" s="1" t="s">
        <v>106836</v>
      </c>
    </row>
    <row r="30504" spans="1:10" x14ac:dyDescent="0.35">
      <c r="A30504" s="1" t="s">
        <v>106797</v>
      </c>
      <c r="B30504" s="1" t="s">
        <v>105234</v>
      </c>
      <c r="C30504" s="1" t="s">
        <v>60</v>
      </c>
      <c r="D30504" s="1" t="s">
        <v>52818</v>
      </c>
      <c r="E30504" s="1" t="s">
        <v>106837</v>
      </c>
      <c r="F30504" s="1" t="s">
        <v>106838</v>
      </c>
      <c r="G30504" s="1" t="s">
        <v>106800</v>
      </c>
      <c r="H30504" s="1" t="s">
        <v>106801</v>
      </c>
      <c r="I30504" s="1" t="s">
        <v>105238</v>
      </c>
      <c r="J30504" s="1" t="s">
        <v>106839</v>
      </c>
    </row>
    <row r="30505" spans="1:10" x14ac:dyDescent="0.35">
      <c r="A30505" s="1" t="s">
        <v>106797</v>
      </c>
      <c r="B30505" s="1" t="s">
        <v>105234</v>
      </c>
      <c r="C30505" s="1" t="s">
        <v>65</v>
      </c>
      <c r="D30505" s="1" t="s">
        <v>106840</v>
      </c>
      <c r="E30505" s="1" t="s">
        <v>106841</v>
      </c>
      <c r="F30505" s="1" t="s">
        <v>106842</v>
      </c>
      <c r="G30505" s="1" t="s">
        <v>106800</v>
      </c>
      <c r="H30505" s="1" t="s">
        <v>106801</v>
      </c>
      <c r="I30505" s="1" t="s">
        <v>105238</v>
      </c>
      <c r="J30505" s="1" t="s">
        <v>106843</v>
      </c>
    </row>
    <row r="30506" spans="1:10" x14ac:dyDescent="0.35">
      <c r="A30506" s="1" t="s">
        <v>106797</v>
      </c>
      <c r="B30506" s="1" t="s">
        <v>105234</v>
      </c>
      <c r="C30506" s="1" t="s">
        <v>70</v>
      </c>
      <c r="D30506" s="1" t="s">
        <v>106844</v>
      </c>
      <c r="E30506" s="1" t="s">
        <v>106845</v>
      </c>
      <c r="F30506" s="1" t="s">
        <v>106846</v>
      </c>
      <c r="G30506" s="1" t="s">
        <v>106800</v>
      </c>
      <c r="H30506" s="1" t="s">
        <v>106801</v>
      </c>
      <c r="I30506" s="1" t="s">
        <v>105238</v>
      </c>
      <c r="J30506" s="1" t="s">
        <v>106847</v>
      </c>
    </row>
    <row r="30507" spans="1:10" x14ac:dyDescent="0.35">
      <c r="A30507" s="1" t="s">
        <v>106797</v>
      </c>
      <c r="B30507" s="1" t="s">
        <v>105234</v>
      </c>
      <c r="C30507" s="1" t="s">
        <v>75</v>
      </c>
      <c r="D30507" s="1" t="s">
        <v>106848</v>
      </c>
      <c r="E30507" s="1" t="s">
        <v>106849</v>
      </c>
      <c r="F30507" s="1" t="s">
        <v>106850</v>
      </c>
      <c r="G30507" s="1" t="s">
        <v>106800</v>
      </c>
      <c r="H30507" s="1" t="s">
        <v>106801</v>
      </c>
      <c r="I30507" s="1" t="s">
        <v>105238</v>
      </c>
      <c r="J30507" s="1" t="s">
        <v>106851</v>
      </c>
    </row>
    <row r="30508" spans="1:10" x14ac:dyDescent="0.35">
      <c r="A30508" s="1" t="s">
        <v>106797</v>
      </c>
      <c r="B30508" s="1" t="s">
        <v>105234</v>
      </c>
      <c r="C30508" s="1" t="s">
        <v>80</v>
      </c>
      <c r="D30508" s="1" t="s">
        <v>106852</v>
      </c>
      <c r="E30508" s="1" t="s">
        <v>106853</v>
      </c>
      <c r="F30508" s="1" t="s">
        <v>106854</v>
      </c>
      <c r="G30508" s="1" t="s">
        <v>106800</v>
      </c>
      <c r="H30508" s="1" t="s">
        <v>106801</v>
      </c>
      <c r="I30508" s="1" t="s">
        <v>105238</v>
      </c>
      <c r="J30508" s="1" t="s">
        <v>106855</v>
      </c>
    </row>
    <row r="30509" spans="1:10" x14ac:dyDescent="0.35">
      <c r="A30509" s="1" t="s">
        <v>106797</v>
      </c>
      <c r="B30509" s="1" t="s">
        <v>105234</v>
      </c>
      <c r="C30509" s="1" t="s">
        <v>85</v>
      </c>
      <c r="D30509" s="1" t="s">
        <v>106856</v>
      </c>
      <c r="E30509" s="1" t="s">
        <v>106857</v>
      </c>
      <c r="F30509" s="1" t="s">
        <v>106858</v>
      </c>
      <c r="G30509" s="1" t="s">
        <v>106800</v>
      </c>
      <c r="H30509" s="1" t="s">
        <v>106801</v>
      </c>
      <c r="I30509" s="1" t="s">
        <v>105238</v>
      </c>
      <c r="J30509" s="1" t="s">
        <v>106859</v>
      </c>
    </row>
    <row r="30510" spans="1:10" x14ac:dyDescent="0.35">
      <c r="A30510" s="1" t="s">
        <v>106797</v>
      </c>
      <c r="B30510" s="1" t="s">
        <v>105234</v>
      </c>
      <c r="C30510" s="1" t="s">
        <v>90</v>
      </c>
      <c r="D30510" s="1" t="s">
        <v>106860</v>
      </c>
      <c r="E30510" s="1" t="s">
        <v>106861</v>
      </c>
      <c r="F30510" s="1" t="s">
        <v>106862</v>
      </c>
      <c r="G30510" s="1" t="s">
        <v>106800</v>
      </c>
      <c r="H30510" s="1" t="s">
        <v>106801</v>
      </c>
      <c r="I30510" s="1" t="s">
        <v>105238</v>
      </c>
      <c r="J30510" s="1" t="s">
        <v>106863</v>
      </c>
    </row>
    <row r="30511" spans="1:10" x14ac:dyDescent="0.35">
      <c r="A30511" s="1" t="s">
        <v>106797</v>
      </c>
      <c r="B30511" s="1" t="s">
        <v>105234</v>
      </c>
      <c r="C30511" s="1" t="s">
        <v>95</v>
      </c>
      <c r="D30511" s="1" t="s">
        <v>84631</v>
      </c>
      <c r="E30511" s="1" t="s">
        <v>106864</v>
      </c>
      <c r="F30511" s="1" t="s">
        <v>106865</v>
      </c>
      <c r="G30511" s="1" t="s">
        <v>106800</v>
      </c>
      <c r="H30511" s="1" t="s">
        <v>106801</v>
      </c>
      <c r="I30511" s="1" t="s">
        <v>105238</v>
      </c>
      <c r="J30511" s="1" t="s">
        <v>106866</v>
      </c>
    </row>
    <row r="30512" spans="1:10" x14ac:dyDescent="0.35">
      <c r="A30512" s="1" t="s">
        <v>106797</v>
      </c>
      <c r="B30512" s="1" t="s">
        <v>105234</v>
      </c>
      <c r="C30512" s="1" t="s">
        <v>100</v>
      </c>
      <c r="D30512" s="1" t="s">
        <v>106867</v>
      </c>
      <c r="E30512" s="1" t="s">
        <v>106868</v>
      </c>
      <c r="F30512" s="1" t="s">
        <v>106869</v>
      </c>
      <c r="G30512" s="1" t="s">
        <v>106800</v>
      </c>
      <c r="H30512" s="1" t="s">
        <v>106801</v>
      </c>
      <c r="I30512" s="1" t="s">
        <v>105238</v>
      </c>
      <c r="J30512" s="1" t="s">
        <v>106870</v>
      </c>
    </row>
    <row r="30513" spans="1:10" x14ac:dyDescent="0.35">
      <c r="A30513" s="1" t="s">
        <v>106797</v>
      </c>
      <c r="B30513" s="1" t="s">
        <v>105234</v>
      </c>
      <c r="C30513" s="1" t="s">
        <v>105</v>
      </c>
      <c r="D30513" s="1" t="s">
        <v>94218</v>
      </c>
      <c r="E30513" s="1" t="s">
        <v>106871</v>
      </c>
      <c r="F30513" s="1" t="s">
        <v>106872</v>
      </c>
      <c r="G30513" s="1" t="s">
        <v>106800</v>
      </c>
      <c r="H30513" s="1" t="s">
        <v>106801</v>
      </c>
      <c r="I30513" s="1" t="s">
        <v>105238</v>
      </c>
      <c r="J30513" s="1" t="s">
        <v>106873</v>
      </c>
    </row>
    <row r="30514" spans="1:10" x14ac:dyDescent="0.35">
      <c r="A30514" s="1" t="s">
        <v>106797</v>
      </c>
      <c r="B30514" s="1" t="s">
        <v>105234</v>
      </c>
      <c r="C30514" s="1" t="s">
        <v>110</v>
      </c>
      <c r="D30514" s="1" t="s">
        <v>43091</v>
      </c>
      <c r="E30514" s="1" t="s">
        <v>106874</v>
      </c>
      <c r="F30514" s="1" t="s">
        <v>106875</v>
      </c>
      <c r="G30514" s="1" t="s">
        <v>106800</v>
      </c>
      <c r="H30514" s="1" t="s">
        <v>106801</v>
      </c>
      <c r="I30514" s="1" t="s">
        <v>105238</v>
      </c>
      <c r="J30514" s="1" t="s">
        <v>106876</v>
      </c>
    </row>
    <row r="30515" spans="1:10" x14ac:dyDescent="0.35">
      <c r="A30515" s="1" t="s">
        <v>106797</v>
      </c>
      <c r="B30515" s="1" t="s">
        <v>105234</v>
      </c>
      <c r="C30515" s="1" t="s">
        <v>115</v>
      </c>
      <c r="D30515" s="1" t="s">
        <v>106877</v>
      </c>
      <c r="E30515" s="1" t="s">
        <v>106878</v>
      </c>
      <c r="F30515" s="1" t="s">
        <v>106879</v>
      </c>
      <c r="G30515" s="1" t="s">
        <v>106800</v>
      </c>
      <c r="H30515" s="1" t="s">
        <v>106801</v>
      </c>
      <c r="I30515" s="1" t="s">
        <v>105238</v>
      </c>
      <c r="J30515" s="1" t="s">
        <v>106880</v>
      </c>
    </row>
    <row r="30516" spans="1:10" x14ac:dyDescent="0.35">
      <c r="A30516" s="1" t="s">
        <v>106797</v>
      </c>
      <c r="B30516" s="1" t="s">
        <v>105234</v>
      </c>
      <c r="C30516" s="1" t="s">
        <v>120</v>
      </c>
      <c r="D30516" s="1" t="s">
        <v>77078</v>
      </c>
      <c r="E30516" s="1" t="s">
        <v>106881</v>
      </c>
      <c r="F30516" s="1" t="s">
        <v>106882</v>
      </c>
      <c r="G30516" s="1" t="s">
        <v>106800</v>
      </c>
      <c r="H30516" s="1" t="s">
        <v>106801</v>
      </c>
      <c r="I30516" s="1" t="s">
        <v>105238</v>
      </c>
      <c r="J30516" s="1" t="s">
        <v>106883</v>
      </c>
    </row>
    <row r="30517" spans="1:10" x14ac:dyDescent="0.35">
      <c r="A30517" s="1" t="s">
        <v>106797</v>
      </c>
      <c r="B30517" s="1" t="s">
        <v>105234</v>
      </c>
      <c r="C30517" s="1" t="s">
        <v>125</v>
      </c>
      <c r="D30517" s="1" t="s">
        <v>106884</v>
      </c>
      <c r="E30517" s="1" t="s">
        <v>106885</v>
      </c>
      <c r="F30517" s="1" t="s">
        <v>106886</v>
      </c>
      <c r="G30517" s="1" t="s">
        <v>106800</v>
      </c>
      <c r="H30517" s="1" t="s">
        <v>106801</v>
      </c>
      <c r="I30517" s="1" t="s">
        <v>105238</v>
      </c>
      <c r="J30517" s="1" t="s">
        <v>106887</v>
      </c>
    </row>
    <row r="30518" spans="1:10" x14ac:dyDescent="0.35">
      <c r="A30518" s="1" t="s">
        <v>106797</v>
      </c>
      <c r="B30518" s="1" t="s">
        <v>105234</v>
      </c>
      <c r="C30518" s="1" t="s">
        <v>130</v>
      </c>
      <c r="D30518" s="1" t="s">
        <v>106888</v>
      </c>
      <c r="E30518" s="1" t="s">
        <v>106889</v>
      </c>
      <c r="F30518" s="1" t="s">
        <v>106890</v>
      </c>
      <c r="G30518" s="1" t="s">
        <v>106800</v>
      </c>
      <c r="H30518" s="1" t="s">
        <v>106801</v>
      </c>
      <c r="I30518" s="1" t="s">
        <v>105238</v>
      </c>
      <c r="J30518" s="1" t="s">
        <v>106891</v>
      </c>
    </row>
    <row r="30519" spans="1:10" x14ac:dyDescent="0.35">
      <c r="A30519" s="1" t="s">
        <v>106797</v>
      </c>
      <c r="B30519" s="1" t="s">
        <v>105234</v>
      </c>
      <c r="C30519" s="1" t="s">
        <v>135</v>
      </c>
      <c r="D30519" s="1" t="s">
        <v>106892</v>
      </c>
      <c r="E30519" s="1" t="s">
        <v>106893</v>
      </c>
      <c r="F30519" s="1" t="s">
        <v>106894</v>
      </c>
      <c r="G30519" s="1" t="s">
        <v>106800</v>
      </c>
      <c r="H30519" s="1" t="s">
        <v>106801</v>
      </c>
      <c r="I30519" s="1" t="s">
        <v>105238</v>
      </c>
      <c r="J30519" s="1" t="s">
        <v>106895</v>
      </c>
    </row>
    <row r="30520" spans="1:10" x14ac:dyDescent="0.35">
      <c r="A30520" s="1" t="s">
        <v>106797</v>
      </c>
      <c r="B30520" s="1" t="s">
        <v>105234</v>
      </c>
      <c r="C30520" s="1" t="s">
        <v>140</v>
      </c>
      <c r="D30520" s="1" t="s">
        <v>106896</v>
      </c>
      <c r="E30520" s="1" t="s">
        <v>106897</v>
      </c>
      <c r="F30520" s="1" t="s">
        <v>106898</v>
      </c>
      <c r="G30520" s="1" t="s">
        <v>106800</v>
      </c>
      <c r="H30520" s="1" t="s">
        <v>106801</v>
      </c>
      <c r="I30520" s="1" t="s">
        <v>105238</v>
      </c>
      <c r="J30520" s="1" t="s">
        <v>106899</v>
      </c>
    </row>
    <row r="30521" spans="1:10" x14ac:dyDescent="0.35">
      <c r="A30521" s="1" t="s">
        <v>106797</v>
      </c>
      <c r="B30521" s="1" t="s">
        <v>105234</v>
      </c>
      <c r="C30521" s="1" t="s">
        <v>145</v>
      </c>
      <c r="D30521" s="1" t="s">
        <v>106900</v>
      </c>
      <c r="E30521" s="1" t="s">
        <v>106901</v>
      </c>
      <c r="F30521" s="1" t="s">
        <v>106902</v>
      </c>
      <c r="G30521" s="1" t="s">
        <v>106800</v>
      </c>
      <c r="H30521" s="1" t="s">
        <v>106801</v>
      </c>
      <c r="I30521" s="1" t="s">
        <v>105238</v>
      </c>
      <c r="J30521" s="1" t="s">
        <v>106903</v>
      </c>
    </row>
    <row r="30522" spans="1:10" x14ac:dyDescent="0.35">
      <c r="A30522" s="1" t="s">
        <v>106797</v>
      </c>
      <c r="B30522" s="1" t="s">
        <v>105234</v>
      </c>
      <c r="C30522" s="1" t="s">
        <v>150</v>
      </c>
      <c r="D30522" s="1" t="s">
        <v>56173</v>
      </c>
      <c r="E30522" s="1" t="s">
        <v>106904</v>
      </c>
      <c r="F30522" s="1" t="s">
        <v>106905</v>
      </c>
      <c r="G30522" s="1" t="s">
        <v>106800</v>
      </c>
      <c r="H30522" s="1" t="s">
        <v>106801</v>
      </c>
      <c r="I30522" s="1" t="s">
        <v>105238</v>
      </c>
      <c r="J30522" s="1" t="s">
        <v>106906</v>
      </c>
    </row>
    <row r="30523" spans="1:10" x14ac:dyDescent="0.35">
      <c r="A30523" s="1" t="s">
        <v>106797</v>
      </c>
      <c r="B30523" s="1" t="s">
        <v>105234</v>
      </c>
      <c r="C30523" s="1" t="s">
        <v>155</v>
      </c>
      <c r="D30523" s="1" t="s">
        <v>63630</v>
      </c>
      <c r="E30523" s="1" t="s">
        <v>106907</v>
      </c>
      <c r="F30523" s="1" t="s">
        <v>106908</v>
      </c>
      <c r="G30523" s="1" t="s">
        <v>106800</v>
      </c>
      <c r="H30523" s="1" t="s">
        <v>106801</v>
      </c>
      <c r="I30523" s="1" t="s">
        <v>105238</v>
      </c>
      <c r="J30523" s="1" t="s">
        <v>106909</v>
      </c>
    </row>
    <row r="30524" spans="1:10" x14ac:dyDescent="0.35">
      <c r="A30524" s="1" t="s">
        <v>106797</v>
      </c>
      <c r="B30524" s="1" t="s">
        <v>105234</v>
      </c>
      <c r="C30524" s="1" t="s">
        <v>160</v>
      </c>
      <c r="D30524" s="1" t="s">
        <v>106910</v>
      </c>
      <c r="E30524" s="1" t="s">
        <v>106911</v>
      </c>
      <c r="F30524" s="1" t="s">
        <v>106912</v>
      </c>
      <c r="G30524" s="1" t="s">
        <v>106800</v>
      </c>
      <c r="H30524" s="1" t="s">
        <v>106801</v>
      </c>
      <c r="I30524" s="1" t="s">
        <v>105238</v>
      </c>
      <c r="J30524" s="1" t="s">
        <v>106913</v>
      </c>
    </row>
    <row r="30525" spans="1:10" x14ac:dyDescent="0.35">
      <c r="A30525" s="1" t="s">
        <v>106797</v>
      </c>
      <c r="B30525" s="1" t="s">
        <v>105234</v>
      </c>
      <c r="C30525" s="1" t="s">
        <v>165</v>
      </c>
      <c r="D30525" s="1" t="s">
        <v>106914</v>
      </c>
      <c r="E30525" s="1" t="s">
        <v>106915</v>
      </c>
      <c r="F30525" s="1" t="s">
        <v>106916</v>
      </c>
      <c r="G30525" s="1" t="s">
        <v>106800</v>
      </c>
      <c r="H30525" s="1" t="s">
        <v>106801</v>
      </c>
      <c r="I30525" s="1" t="s">
        <v>105238</v>
      </c>
      <c r="J30525" s="1" t="s">
        <v>106917</v>
      </c>
    </row>
    <row r="30526" spans="1:10" x14ac:dyDescent="0.35">
      <c r="A30526" s="1" t="s">
        <v>106797</v>
      </c>
      <c r="B30526" s="1" t="s">
        <v>105234</v>
      </c>
      <c r="C30526" s="1" t="s">
        <v>170</v>
      </c>
      <c r="D30526" s="1" t="s">
        <v>83601</v>
      </c>
      <c r="E30526" s="1" t="s">
        <v>106918</v>
      </c>
      <c r="F30526" s="1" t="s">
        <v>106919</v>
      </c>
      <c r="G30526" s="1" t="s">
        <v>106800</v>
      </c>
      <c r="H30526" s="1" t="s">
        <v>106801</v>
      </c>
      <c r="I30526" s="1" t="s">
        <v>105238</v>
      </c>
      <c r="J30526" s="1" t="s">
        <v>106920</v>
      </c>
    </row>
    <row r="30527" spans="1:10" x14ac:dyDescent="0.35">
      <c r="A30527" s="1" t="s">
        <v>106921</v>
      </c>
      <c r="B30527" s="1" t="s">
        <v>105234</v>
      </c>
      <c r="C30527" s="1" t="s">
        <v>8</v>
      </c>
      <c r="D30527" s="1" t="s">
        <v>106922</v>
      </c>
      <c r="E30527" s="1" t="s">
        <v>71160</v>
      </c>
      <c r="F30527" s="1" t="s">
        <v>106923</v>
      </c>
      <c r="G30527" s="1" t="s">
        <v>106924</v>
      </c>
      <c r="H30527" s="1" t="s">
        <v>106925</v>
      </c>
      <c r="I30527" s="1" t="s">
        <v>105238</v>
      </c>
      <c r="J30527" s="1" t="s">
        <v>13</v>
      </c>
    </row>
    <row r="30528" spans="1:10" x14ac:dyDescent="0.35">
      <c r="A30528" s="1" t="s">
        <v>106921</v>
      </c>
      <c r="B30528" s="1" t="s">
        <v>105234</v>
      </c>
      <c r="C30528" s="1" t="s">
        <v>15</v>
      </c>
      <c r="D30528" s="1" t="s">
        <v>31086</v>
      </c>
      <c r="E30528" s="1" t="s">
        <v>15829</v>
      </c>
      <c r="F30528" s="1" t="s">
        <v>106926</v>
      </c>
      <c r="G30528" s="1" t="s">
        <v>106924</v>
      </c>
      <c r="H30528" s="1" t="s">
        <v>106925</v>
      </c>
      <c r="I30528" s="1" t="s">
        <v>105238</v>
      </c>
      <c r="J30528" s="1" t="s">
        <v>106927</v>
      </c>
    </row>
    <row r="30529" spans="1:10" x14ac:dyDescent="0.35">
      <c r="A30529" s="1" t="s">
        <v>106921</v>
      </c>
      <c r="B30529" s="1" t="s">
        <v>105234</v>
      </c>
      <c r="C30529" s="1" t="s">
        <v>20</v>
      </c>
      <c r="D30529" s="1" t="s">
        <v>106928</v>
      </c>
      <c r="E30529" s="1" t="s">
        <v>23240</v>
      </c>
      <c r="F30529" s="1" t="s">
        <v>106929</v>
      </c>
      <c r="G30529" s="1" t="s">
        <v>106924</v>
      </c>
      <c r="H30529" s="1" t="s">
        <v>106925</v>
      </c>
      <c r="I30529" s="1" t="s">
        <v>105238</v>
      </c>
      <c r="J30529" s="1" t="s">
        <v>106930</v>
      </c>
    </row>
    <row r="30530" spans="1:10" x14ac:dyDescent="0.35">
      <c r="A30530" s="1" t="s">
        <v>106921</v>
      </c>
      <c r="B30530" s="1" t="s">
        <v>105234</v>
      </c>
      <c r="C30530" s="1" t="s">
        <v>25</v>
      </c>
      <c r="D30530" s="1" t="s">
        <v>106931</v>
      </c>
      <c r="E30530" s="1" t="s">
        <v>27153</v>
      </c>
      <c r="F30530" s="1" t="s">
        <v>106932</v>
      </c>
      <c r="G30530" s="1" t="s">
        <v>106924</v>
      </c>
      <c r="H30530" s="1" t="s">
        <v>106925</v>
      </c>
      <c r="I30530" s="1" t="s">
        <v>105238</v>
      </c>
      <c r="J30530" s="1" t="s">
        <v>106933</v>
      </c>
    </row>
    <row r="30531" spans="1:10" x14ac:dyDescent="0.35">
      <c r="A30531" s="1" t="s">
        <v>106921</v>
      </c>
      <c r="B30531" s="1" t="s">
        <v>105234</v>
      </c>
      <c r="C30531" s="1" t="s">
        <v>30</v>
      </c>
      <c r="D30531" s="1" t="s">
        <v>106934</v>
      </c>
      <c r="E30531" s="1" t="s">
        <v>32959</v>
      </c>
      <c r="F30531" s="1" t="s">
        <v>56240</v>
      </c>
      <c r="G30531" s="1" t="s">
        <v>106924</v>
      </c>
      <c r="H30531" s="1" t="s">
        <v>106925</v>
      </c>
      <c r="I30531" s="1" t="s">
        <v>105238</v>
      </c>
      <c r="J30531" s="1" t="s">
        <v>106935</v>
      </c>
    </row>
    <row r="30532" spans="1:10" x14ac:dyDescent="0.35">
      <c r="A30532" s="1" t="s">
        <v>106921</v>
      </c>
      <c r="B30532" s="1" t="s">
        <v>105234</v>
      </c>
      <c r="C30532" s="1" t="s">
        <v>35</v>
      </c>
      <c r="D30532" s="1" t="s">
        <v>106936</v>
      </c>
      <c r="E30532" s="1" t="s">
        <v>106937</v>
      </c>
      <c r="F30532" s="1" t="s">
        <v>26597</v>
      </c>
      <c r="G30532" s="1" t="s">
        <v>106924</v>
      </c>
      <c r="H30532" s="1" t="s">
        <v>106925</v>
      </c>
      <c r="I30532" s="1" t="s">
        <v>105238</v>
      </c>
      <c r="J30532" s="1" t="s">
        <v>106938</v>
      </c>
    </row>
    <row r="30533" spans="1:10" x14ac:dyDescent="0.35">
      <c r="A30533" s="1" t="s">
        <v>106921</v>
      </c>
      <c r="B30533" s="1" t="s">
        <v>105234</v>
      </c>
      <c r="C30533" s="1" t="s">
        <v>40</v>
      </c>
      <c r="D30533" s="1" t="s">
        <v>106939</v>
      </c>
      <c r="E30533" s="1" t="s">
        <v>31941</v>
      </c>
      <c r="F30533" s="1" t="s">
        <v>106940</v>
      </c>
      <c r="G30533" s="1" t="s">
        <v>106924</v>
      </c>
      <c r="H30533" s="1" t="s">
        <v>106925</v>
      </c>
      <c r="I30533" s="1" t="s">
        <v>105238</v>
      </c>
      <c r="J30533" s="1" t="s">
        <v>106941</v>
      </c>
    </row>
    <row r="30534" spans="1:10" x14ac:dyDescent="0.35">
      <c r="A30534" s="1" t="s">
        <v>106921</v>
      </c>
      <c r="B30534" s="1" t="s">
        <v>105234</v>
      </c>
      <c r="C30534" s="1" t="s">
        <v>45</v>
      </c>
      <c r="D30534" s="1" t="s">
        <v>106942</v>
      </c>
      <c r="E30534" s="1" t="s">
        <v>106943</v>
      </c>
      <c r="F30534" s="1" t="s">
        <v>106944</v>
      </c>
      <c r="G30534" s="1" t="s">
        <v>106924</v>
      </c>
      <c r="H30534" s="1" t="s">
        <v>106925</v>
      </c>
      <c r="I30534" s="1" t="s">
        <v>105238</v>
      </c>
      <c r="J30534" s="1" t="s">
        <v>106945</v>
      </c>
    </row>
    <row r="30535" spans="1:10" x14ac:dyDescent="0.35">
      <c r="A30535" s="1" t="s">
        <v>106921</v>
      </c>
      <c r="B30535" s="1" t="s">
        <v>105234</v>
      </c>
      <c r="C30535" s="1" t="s">
        <v>50</v>
      </c>
      <c r="D30535" s="1" t="s">
        <v>106946</v>
      </c>
      <c r="E30535" s="1" t="s">
        <v>31980</v>
      </c>
      <c r="F30535" s="1" t="s">
        <v>66917</v>
      </c>
      <c r="G30535" s="1" t="s">
        <v>106924</v>
      </c>
      <c r="H30535" s="1" t="s">
        <v>106925</v>
      </c>
      <c r="I30535" s="1" t="s">
        <v>105238</v>
      </c>
      <c r="J30535" s="1" t="s">
        <v>106947</v>
      </c>
    </row>
    <row r="30536" spans="1:10" x14ac:dyDescent="0.35">
      <c r="A30536" s="1" t="s">
        <v>106921</v>
      </c>
      <c r="B30536" s="1" t="s">
        <v>105234</v>
      </c>
      <c r="C30536" s="1" t="s">
        <v>55</v>
      </c>
      <c r="D30536" s="1" t="s">
        <v>42849</v>
      </c>
      <c r="E30536" s="1" t="s">
        <v>60568</v>
      </c>
      <c r="F30536" s="1" t="s">
        <v>106948</v>
      </c>
      <c r="G30536" s="1" t="s">
        <v>106924</v>
      </c>
      <c r="H30536" s="1" t="s">
        <v>106925</v>
      </c>
      <c r="I30536" s="1" t="s">
        <v>105238</v>
      </c>
      <c r="J30536" s="1" t="s">
        <v>106949</v>
      </c>
    </row>
    <row r="30537" spans="1:10" x14ac:dyDescent="0.35">
      <c r="A30537" s="1" t="s">
        <v>106921</v>
      </c>
      <c r="B30537" s="1" t="s">
        <v>105234</v>
      </c>
      <c r="C30537" s="1" t="s">
        <v>60</v>
      </c>
      <c r="D30537" s="1" t="s">
        <v>106950</v>
      </c>
      <c r="E30537" s="1" t="s">
        <v>106951</v>
      </c>
      <c r="F30537" s="1" t="s">
        <v>106952</v>
      </c>
      <c r="G30537" s="1" t="s">
        <v>106924</v>
      </c>
      <c r="H30537" s="1" t="s">
        <v>106925</v>
      </c>
      <c r="I30537" s="1" t="s">
        <v>105238</v>
      </c>
      <c r="J30537" s="1" t="s">
        <v>106953</v>
      </c>
    </row>
    <row r="30538" spans="1:10" x14ac:dyDescent="0.35">
      <c r="A30538" s="1" t="s">
        <v>106921</v>
      </c>
      <c r="B30538" s="1" t="s">
        <v>105234</v>
      </c>
      <c r="C30538" s="1" t="s">
        <v>65</v>
      </c>
      <c r="D30538" s="1" t="s">
        <v>106954</v>
      </c>
      <c r="E30538" s="1" t="s">
        <v>19900</v>
      </c>
      <c r="F30538" s="1" t="s">
        <v>106955</v>
      </c>
      <c r="G30538" s="1" t="s">
        <v>106924</v>
      </c>
      <c r="H30538" s="1" t="s">
        <v>106925</v>
      </c>
      <c r="I30538" s="1" t="s">
        <v>105238</v>
      </c>
      <c r="J30538" s="1" t="s">
        <v>106956</v>
      </c>
    </row>
    <row r="30539" spans="1:10" x14ac:dyDescent="0.35">
      <c r="A30539" s="1" t="s">
        <v>106921</v>
      </c>
      <c r="B30539" s="1" t="s">
        <v>105234</v>
      </c>
      <c r="C30539" s="1" t="s">
        <v>70</v>
      </c>
      <c r="D30539" s="1" t="s">
        <v>106957</v>
      </c>
      <c r="E30539" s="1" t="s">
        <v>106958</v>
      </c>
      <c r="F30539" s="1" t="s">
        <v>106959</v>
      </c>
      <c r="G30539" s="1" t="s">
        <v>106924</v>
      </c>
      <c r="H30539" s="1" t="s">
        <v>106925</v>
      </c>
      <c r="I30539" s="1" t="s">
        <v>105238</v>
      </c>
      <c r="J30539" s="1" t="s">
        <v>106960</v>
      </c>
    </row>
    <row r="30540" spans="1:10" x14ac:dyDescent="0.35">
      <c r="A30540" s="1" t="s">
        <v>106921</v>
      </c>
      <c r="B30540" s="1" t="s">
        <v>105234</v>
      </c>
      <c r="C30540" s="1" t="s">
        <v>75</v>
      </c>
      <c r="D30540" s="1" t="s">
        <v>106961</v>
      </c>
      <c r="E30540" s="1" t="s">
        <v>106962</v>
      </c>
      <c r="F30540" s="1" t="s">
        <v>106963</v>
      </c>
      <c r="G30540" s="1" t="s">
        <v>106924</v>
      </c>
      <c r="H30540" s="1" t="s">
        <v>106925</v>
      </c>
      <c r="I30540" s="1" t="s">
        <v>105238</v>
      </c>
      <c r="J30540" s="1" t="s">
        <v>106964</v>
      </c>
    </row>
    <row r="30541" spans="1:10" x14ac:dyDescent="0.35">
      <c r="A30541" s="1" t="s">
        <v>106921</v>
      </c>
      <c r="B30541" s="1" t="s">
        <v>105234</v>
      </c>
      <c r="C30541" s="1" t="s">
        <v>80</v>
      </c>
      <c r="D30541" s="1" t="s">
        <v>106965</v>
      </c>
      <c r="E30541" s="1" t="s">
        <v>31518</v>
      </c>
      <c r="F30541" s="1" t="s">
        <v>106966</v>
      </c>
      <c r="G30541" s="1" t="s">
        <v>106924</v>
      </c>
      <c r="H30541" s="1" t="s">
        <v>106925</v>
      </c>
      <c r="I30541" s="1" t="s">
        <v>105238</v>
      </c>
      <c r="J30541" s="1" t="s">
        <v>106967</v>
      </c>
    </row>
    <row r="30542" spans="1:10" x14ac:dyDescent="0.35">
      <c r="A30542" s="1" t="s">
        <v>106921</v>
      </c>
      <c r="B30542" s="1" t="s">
        <v>105234</v>
      </c>
      <c r="C30542" s="1" t="s">
        <v>85</v>
      </c>
      <c r="D30542" s="1" t="s">
        <v>106968</v>
      </c>
      <c r="E30542" s="1" t="s">
        <v>26644</v>
      </c>
      <c r="F30542" s="1" t="s">
        <v>105952</v>
      </c>
      <c r="G30542" s="1" t="s">
        <v>106924</v>
      </c>
      <c r="H30542" s="1" t="s">
        <v>106925</v>
      </c>
      <c r="I30542" s="1" t="s">
        <v>105238</v>
      </c>
      <c r="J30542" s="1" t="s">
        <v>106969</v>
      </c>
    </row>
    <row r="30543" spans="1:10" x14ac:dyDescent="0.35">
      <c r="A30543" s="1" t="s">
        <v>106921</v>
      </c>
      <c r="B30543" s="1" t="s">
        <v>105234</v>
      </c>
      <c r="C30543" s="1" t="s">
        <v>90</v>
      </c>
      <c r="D30543" s="1" t="s">
        <v>106970</v>
      </c>
      <c r="E30543" s="1" t="s">
        <v>26660</v>
      </c>
      <c r="F30543" s="1" t="s">
        <v>59901</v>
      </c>
      <c r="G30543" s="1" t="s">
        <v>106924</v>
      </c>
      <c r="H30543" s="1" t="s">
        <v>106925</v>
      </c>
      <c r="I30543" s="1" t="s">
        <v>105238</v>
      </c>
      <c r="J30543" s="1" t="s">
        <v>106971</v>
      </c>
    </row>
    <row r="30544" spans="1:10" x14ac:dyDescent="0.35">
      <c r="A30544" s="1" t="s">
        <v>106921</v>
      </c>
      <c r="B30544" s="1" t="s">
        <v>105234</v>
      </c>
      <c r="C30544" s="1" t="s">
        <v>95</v>
      </c>
      <c r="D30544" s="1" t="s">
        <v>106972</v>
      </c>
      <c r="E30544" s="1" t="s">
        <v>31546</v>
      </c>
      <c r="F30544" s="1" t="s">
        <v>105382</v>
      </c>
      <c r="G30544" s="1" t="s">
        <v>106924</v>
      </c>
      <c r="H30544" s="1" t="s">
        <v>106925</v>
      </c>
      <c r="I30544" s="1" t="s">
        <v>105238</v>
      </c>
      <c r="J30544" s="1" t="s">
        <v>106973</v>
      </c>
    </row>
    <row r="30545" spans="1:10" x14ac:dyDescent="0.35">
      <c r="A30545" s="1" t="s">
        <v>106921</v>
      </c>
      <c r="B30545" s="1" t="s">
        <v>105234</v>
      </c>
      <c r="C30545" s="1" t="s">
        <v>100</v>
      </c>
      <c r="D30545" s="1" t="s">
        <v>34271</v>
      </c>
      <c r="E30545" s="1" t="s">
        <v>106974</v>
      </c>
      <c r="F30545" s="1" t="s">
        <v>8367</v>
      </c>
      <c r="G30545" s="1" t="s">
        <v>106924</v>
      </c>
      <c r="H30545" s="1" t="s">
        <v>106925</v>
      </c>
      <c r="I30545" s="1" t="s">
        <v>105238</v>
      </c>
      <c r="J30545" s="1" t="s">
        <v>106975</v>
      </c>
    </row>
    <row r="30546" spans="1:10" x14ac:dyDescent="0.35">
      <c r="A30546" s="1" t="s">
        <v>106921</v>
      </c>
      <c r="B30546" s="1" t="s">
        <v>105234</v>
      </c>
      <c r="C30546" s="1" t="s">
        <v>105</v>
      </c>
      <c r="D30546" s="1" t="s">
        <v>81342</v>
      </c>
      <c r="E30546" s="1" t="s">
        <v>96620</v>
      </c>
      <c r="F30546" s="1" t="s">
        <v>106976</v>
      </c>
      <c r="G30546" s="1" t="s">
        <v>106924</v>
      </c>
      <c r="H30546" s="1" t="s">
        <v>106925</v>
      </c>
      <c r="I30546" s="1" t="s">
        <v>105238</v>
      </c>
      <c r="J30546" s="1" t="s">
        <v>106977</v>
      </c>
    </row>
    <row r="30547" spans="1:10" x14ac:dyDescent="0.35">
      <c r="A30547" s="1" t="s">
        <v>106921</v>
      </c>
      <c r="B30547" s="1" t="s">
        <v>105234</v>
      </c>
      <c r="C30547" s="1" t="s">
        <v>110</v>
      </c>
      <c r="D30547" s="1" t="s">
        <v>106978</v>
      </c>
      <c r="E30547" s="1" t="s">
        <v>19924</v>
      </c>
      <c r="F30547" s="1" t="s">
        <v>106979</v>
      </c>
      <c r="G30547" s="1" t="s">
        <v>106924</v>
      </c>
      <c r="H30547" s="1" t="s">
        <v>106925</v>
      </c>
      <c r="I30547" s="1" t="s">
        <v>105238</v>
      </c>
      <c r="J30547" s="1" t="s">
        <v>106980</v>
      </c>
    </row>
    <row r="30548" spans="1:10" x14ac:dyDescent="0.35">
      <c r="A30548" s="1" t="s">
        <v>106921</v>
      </c>
      <c r="B30548" s="1" t="s">
        <v>105234</v>
      </c>
      <c r="C30548" s="1" t="s">
        <v>115</v>
      </c>
      <c r="D30548" s="1" t="s">
        <v>106981</v>
      </c>
      <c r="E30548" s="1" t="s">
        <v>26654</v>
      </c>
      <c r="F30548" s="1" t="s">
        <v>64290</v>
      </c>
      <c r="G30548" s="1" t="s">
        <v>106924</v>
      </c>
      <c r="H30548" s="1" t="s">
        <v>106925</v>
      </c>
      <c r="I30548" s="1" t="s">
        <v>105238</v>
      </c>
      <c r="J30548" s="1" t="s">
        <v>106982</v>
      </c>
    </row>
    <row r="30549" spans="1:10" x14ac:dyDescent="0.35">
      <c r="A30549" s="1" t="s">
        <v>106921</v>
      </c>
      <c r="B30549" s="1" t="s">
        <v>105234</v>
      </c>
      <c r="C30549" s="1" t="s">
        <v>120</v>
      </c>
      <c r="D30549" s="1" t="s">
        <v>106983</v>
      </c>
      <c r="E30549" s="1" t="s">
        <v>106984</v>
      </c>
      <c r="F30549" s="1" t="s">
        <v>106985</v>
      </c>
      <c r="G30549" s="1" t="s">
        <v>106924</v>
      </c>
      <c r="H30549" s="1" t="s">
        <v>106925</v>
      </c>
      <c r="I30549" s="1" t="s">
        <v>105238</v>
      </c>
      <c r="J30549" s="1" t="s">
        <v>106986</v>
      </c>
    </row>
    <row r="30550" spans="1:10" x14ac:dyDescent="0.35">
      <c r="A30550" s="1" t="s">
        <v>106921</v>
      </c>
      <c r="B30550" s="1" t="s">
        <v>105234</v>
      </c>
      <c r="C30550" s="1" t="s">
        <v>125</v>
      </c>
      <c r="D30550" s="1" t="s">
        <v>106987</v>
      </c>
      <c r="E30550" s="1" t="s">
        <v>31819</v>
      </c>
      <c r="F30550" s="1" t="s">
        <v>60478</v>
      </c>
      <c r="G30550" s="1" t="s">
        <v>106924</v>
      </c>
      <c r="H30550" s="1" t="s">
        <v>106925</v>
      </c>
      <c r="I30550" s="1" t="s">
        <v>105238</v>
      </c>
      <c r="J30550" s="1" t="s">
        <v>106988</v>
      </c>
    </row>
    <row r="30551" spans="1:10" x14ac:dyDescent="0.35">
      <c r="A30551" s="1" t="s">
        <v>106921</v>
      </c>
      <c r="B30551" s="1" t="s">
        <v>105234</v>
      </c>
      <c r="C30551" s="1" t="s">
        <v>130</v>
      </c>
      <c r="D30551" s="1" t="s">
        <v>38055</v>
      </c>
      <c r="E30551" s="1" t="s">
        <v>31918</v>
      </c>
      <c r="F30551" s="1" t="s">
        <v>106989</v>
      </c>
      <c r="G30551" s="1" t="s">
        <v>106924</v>
      </c>
      <c r="H30551" s="1" t="s">
        <v>106925</v>
      </c>
      <c r="I30551" s="1" t="s">
        <v>105238</v>
      </c>
      <c r="J30551" s="1" t="s">
        <v>106990</v>
      </c>
    </row>
    <row r="30552" spans="1:10" x14ac:dyDescent="0.35">
      <c r="A30552" s="1" t="s">
        <v>106921</v>
      </c>
      <c r="B30552" s="1" t="s">
        <v>105234</v>
      </c>
      <c r="C30552" s="1" t="s">
        <v>135</v>
      </c>
      <c r="D30552" s="1" t="s">
        <v>43312</v>
      </c>
      <c r="E30552" s="1" t="s">
        <v>106991</v>
      </c>
      <c r="F30552" s="1" t="s">
        <v>106992</v>
      </c>
      <c r="G30552" s="1" t="s">
        <v>106924</v>
      </c>
      <c r="H30552" s="1" t="s">
        <v>106925</v>
      </c>
      <c r="I30552" s="1" t="s">
        <v>105238</v>
      </c>
      <c r="J30552" s="1" t="s">
        <v>106993</v>
      </c>
    </row>
    <row r="30553" spans="1:10" x14ac:dyDescent="0.35">
      <c r="A30553" s="1" t="s">
        <v>106921</v>
      </c>
      <c r="B30553" s="1" t="s">
        <v>105234</v>
      </c>
      <c r="C30553" s="1" t="s">
        <v>140</v>
      </c>
      <c r="D30553" s="1" t="s">
        <v>6803</v>
      </c>
      <c r="E30553" s="1" t="s">
        <v>106994</v>
      </c>
      <c r="F30553" s="1" t="s">
        <v>56145</v>
      </c>
      <c r="G30553" s="1" t="s">
        <v>106924</v>
      </c>
      <c r="H30553" s="1" t="s">
        <v>106925</v>
      </c>
      <c r="I30553" s="1" t="s">
        <v>105238</v>
      </c>
      <c r="J30553" s="1" t="s">
        <v>106995</v>
      </c>
    </row>
    <row r="30554" spans="1:10" x14ac:dyDescent="0.35">
      <c r="A30554" s="1" t="s">
        <v>106921</v>
      </c>
      <c r="B30554" s="1" t="s">
        <v>105234</v>
      </c>
      <c r="C30554" s="1" t="s">
        <v>145</v>
      </c>
      <c r="D30554" s="1" t="s">
        <v>106996</v>
      </c>
      <c r="E30554" s="1" t="s">
        <v>90256</v>
      </c>
      <c r="F30554" s="1" t="s">
        <v>101434</v>
      </c>
      <c r="G30554" s="1" t="s">
        <v>106924</v>
      </c>
      <c r="H30554" s="1" t="s">
        <v>106925</v>
      </c>
      <c r="I30554" s="1" t="s">
        <v>105238</v>
      </c>
      <c r="J30554" s="1" t="s">
        <v>106997</v>
      </c>
    </row>
    <row r="30555" spans="1:10" x14ac:dyDescent="0.35">
      <c r="A30555" s="1" t="s">
        <v>106921</v>
      </c>
      <c r="B30555" s="1" t="s">
        <v>105234</v>
      </c>
      <c r="C30555" s="1" t="s">
        <v>150</v>
      </c>
      <c r="D30555" s="1" t="s">
        <v>106998</v>
      </c>
      <c r="E30555" s="1" t="s">
        <v>15695</v>
      </c>
      <c r="F30555" s="1" t="s">
        <v>106999</v>
      </c>
      <c r="G30555" s="1" t="s">
        <v>106924</v>
      </c>
      <c r="H30555" s="1" t="s">
        <v>106925</v>
      </c>
      <c r="I30555" s="1" t="s">
        <v>105238</v>
      </c>
      <c r="J30555" s="1" t="s">
        <v>107000</v>
      </c>
    </row>
    <row r="30556" spans="1:10" x14ac:dyDescent="0.35">
      <c r="A30556" s="1" t="s">
        <v>106921</v>
      </c>
      <c r="B30556" s="1" t="s">
        <v>105234</v>
      </c>
      <c r="C30556" s="1" t="s">
        <v>155</v>
      </c>
      <c r="D30556" s="1" t="s">
        <v>107001</v>
      </c>
      <c r="E30556" s="1" t="s">
        <v>16006</v>
      </c>
      <c r="F30556" s="1" t="s">
        <v>68461</v>
      </c>
      <c r="G30556" s="1" t="s">
        <v>106924</v>
      </c>
      <c r="H30556" s="1" t="s">
        <v>106925</v>
      </c>
      <c r="I30556" s="1" t="s">
        <v>105238</v>
      </c>
      <c r="J30556" s="1" t="s">
        <v>107002</v>
      </c>
    </row>
    <row r="30557" spans="1:10" x14ac:dyDescent="0.35">
      <c r="A30557" s="1" t="s">
        <v>106921</v>
      </c>
      <c r="B30557" s="1" t="s">
        <v>105234</v>
      </c>
      <c r="C30557" s="1" t="s">
        <v>160</v>
      </c>
      <c r="D30557" s="1" t="s">
        <v>107003</v>
      </c>
      <c r="E30557" s="1" t="s">
        <v>107004</v>
      </c>
      <c r="F30557" s="1" t="s">
        <v>107005</v>
      </c>
      <c r="G30557" s="1" t="s">
        <v>106924</v>
      </c>
      <c r="H30557" s="1" t="s">
        <v>106925</v>
      </c>
      <c r="I30557" s="1" t="s">
        <v>105238</v>
      </c>
      <c r="J30557" s="1" t="s">
        <v>107006</v>
      </c>
    </row>
    <row r="30558" spans="1:10" x14ac:dyDescent="0.35">
      <c r="A30558" s="1" t="s">
        <v>106921</v>
      </c>
      <c r="B30558" s="1" t="s">
        <v>105234</v>
      </c>
      <c r="C30558" s="1" t="s">
        <v>165</v>
      </c>
      <c r="D30558" s="1" t="s">
        <v>107007</v>
      </c>
      <c r="E30558" s="1" t="s">
        <v>107008</v>
      </c>
      <c r="F30558" s="1" t="s">
        <v>107009</v>
      </c>
      <c r="G30558" s="1" t="s">
        <v>106924</v>
      </c>
      <c r="H30558" s="1" t="s">
        <v>106925</v>
      </c>
      <c r="I30558" s="1" t="s">
        <v>105238</v>
      </c>
      <c r="J30558" s="1" t="s">
        <v>107010</v>
      </c>
    </row>
    <row r="30559" spans="1:10" x14ac:dyDescent="0.35">
      <c r="A30559" s="1" t="s">
        <v>106921</v>
      </c>
      <c r="B30559" s="1" t="s">
        <v>105234</v>
      </c>
      <c r="C30559" s="1" t="s">
        <v>170</v>
      </c>
      <c r="D30559" s="1" t="s">
        <v>45333</v>
      </c>
      <c r="E30559" s="1" t="s">
        <v>30683</v>
      </c>
      <c r="F30559" s="1" t="s">
        <v>54191</v>
      </c>
      <c r="G30559" s="1" t="s">
        <v>106924</v>
      </c>
      <c r="H30559" s="1" t="s">
        <v>106925</v>
      </c>
      <c r="I30559" s="1" t="s">
        <v>105238</v>
      </c>
      <c r="J30559" s="1" t="s">
        <v>107011</v>
      </c>
    </row>
    <row r="30560" spans="1:10" x14ac:dyDescent="0.35">
      <c r="A30560" s="1" t="s">
        <v>107012</v>
      </c>
      <c r="B30560" s="1" t="s">
        <v>105234</v>
      </c>
      <c r="C30560" s="1" t="s">
        <v>8</v>
      </c>
      <c r="D30560" s="1" t="s">
        <v>107013</v>
      </c>
      <c r="E30560" s="1" t="s">
        <v>107014</v>
      </c>
      <c r="F30560" s="1" t="s">
        <v>107015</v>
      </c>
      <c r="G30560" s="1" t="s">
        <v>107016</v>
      </c>
      <c r="H30560" s="1" t="s">
        <v>107017</v>
      </c>
      <c r="I30560" s="1" t="s">
        <v>105238</v>
      </c>
      <c r="J30560" s="1" t="s">
        <v>13</v>
      </c>
    </row>
    <row r="30561" spans="1:10" x14ac:dyDescent="0.35">
      <c r="A30561" s="1" t="s">
        <v>107012</v>
      </c>
      <c r="B30561" s="1" t="s">
        <v>105234</v>
      </c>
      <c r="C30561" s="1" t="s">
        <v>15</v>
      </c>
      <c r="D30561" s="1" t="s">
        <v>107018</v>
      </c>
      <c r="E30561" s="1" t="s">
        <v>107019</v>
      </c>
      <c r="F30561" s="1" t="s">
        <v>107020</v>
      </c>
      <c r="G30561" s="1" t="s">
        <v>107016</v>
      </c>
      <c r="H30561" s="1" t="s">
        <v>107017</v>
      </c>
      <c r="I30561" s="1" t="s">
        <v>105238</v>
      </c>
      <c r="J30561" s="1" t="s">
        <v>107021</v>
      </c>
    </row>
    <row r="30562" spans="1:10" x14ac:dyDescent="0.35">
      <c r="A30562" s="1" t="s">
        <v>107012</v>
      </c>
      <c r="B30562" s="1" t="s">
        <v>105234</v>
      </c>
      <c r="C30562" s="1" t="s">
        <v>20</v>
      </c>
      <c r="D30562" s="1" t="s">
        <v>56685</v>
      </c>
      <c r="E30562" s="1" t="s">
        <v>107022</v>
      </c>
      <c r="F30562" s="1" t="s">
        <v>107023</v>
      </c>
      <c r="G30562" s="1" t="s">
        <v>107016</v>
      </c>
      <c r="H30562" s="1" t="s">
        <v>107017</v>
      </c>
      <c r="I30562" s="1" t="s">
        <v>105238</v>
      </c>
      <c r="J30562" s="1" t="s">
        <v>107024</v>
      </c>
    </row>
    <row r="30563" spans="1:10" x14ac:dyDescent="0.35">
      <c r="A30563" s="1" t="s">
        <v>107012</v>
      </c>
      <c r="B30563" s="1" t="s">
        <v>105234</v>
      </c>
      <c r="C30563" s="1" t="s">
        <v>25</v>
      </c>
      <c r="D30563" s="1" t="s">
        <v>80388</v>
      </c>
      <c r="E30563" s="1" t="s">
        <v>107025</v>
      </c>
      <c r="F30563" s="1" t="s">
        <v>107026</v>
      </c>
      <c r="G30563" s="1" t="s">
        <v>107016</v>
      </c>
      <c r="H30563" s="1" t="s">
        <v>107017</v>
      </c>
      <c r="I30563" s="1" t="s">
        <v>105238</v>
      </c>
      <c r="J30563" s="1" t="s">
        <v>107027</v>
      </c>
    </row>
    <row r="30564" spans="1:10" x14ac:dyDescent="0.35">
      <c r="A30564" s="1" t="s">
        <v>107012</v>
      </c>
      <c r="B30564" s="1" t="s">
        <v>105234</v>
      </c>
      <c r="C30564" s="1" t="s">
        <v>30</v>
      </c>
      <c r="D30564" s="1" t="s">
        <v>107028</v>
      </c>
      <c r="E30564" s="1" t="s">
        <v>107029</v>
      </c>
      <c r="F30564" s="1" t="s">
        <v>107030</v>
      </c>
      <c r="G30564" s="1" t="s">
        <v>107016</v>
      </c>
      <c r="H30564" s="1" t="s">
        <v>107017</v>
      </c>
      <c r="I30564" s="1" t="s">
        <v>105238</v>
      </c>
      <c r="J30564" s="1" t="s">
        <v>107031</v>
      </c>
    </row>
    <row r="30565" spans="1:10" x14ac:dyDescent="0.35">
      <c r="A30565" s="1" t="s">
        <v>107012</v>
      </c>
      <c r="B30565" s="1" t="s">
        <v>105234</v>
      </c>
      <c r="C30565" s="1" t="s">
        <v>35</v>
      </c>
      <c r="D30565" s="1" t="s">
        <v>107032</v>
      </c>
      <c r="E30565" s="1" t="s">
        <v>107033</v>
      </c>
      <c r="F30565" s="1" t="s">
        <v>107034</v>
      </c>
      <c r="G30565" s="1" t="s">
        <v>107016</v>
      </c>
      <c r="H30565" s="1" t="s">
        <v>107017</v>
      </c>
      <c r="I30565" s="1" t="s">
        <v>105238</v>
      </c>
      <c r="J30565" s="1" t="s">
        <v>107035</v>
      </c>
    </row>
    <row r="30566" spans="1:10" x14ac:dyDescent="0.35">
      <c r="A30566" s="1" t="s">
        <v>107012</v>
      </c>
      <c r="B30566" s="1" t="s">
        <v>105234</v>
      </c>
      <c r="C30566" s="1" t="s">
        <v>40</v>
      </c>
      <c r="D30566" s="1" t="s">
        <v>93853</v>
      </c>
      <c r="E30566" s="1" t="s">
        <v>107036</v>
      </c>
      <c r="F30566" s="1" t="s">
        <v>107037</v>
      </c>
      <c r="G30566" s="1" t="s">
        <v>107016</v>
      </c>
      <c r="H30566" s="1" t="s">
        <v>107017</v>
      </c>
      <c r="I30566" s="1" t="s">
        <v>105238</v>
      </c>
      <c r="J30566" s="1" t="s">
        <v>107038</v>
      </c>
    </row>
    <row r="30567" spans="1:10" x14ac:dyDescent="0.35">
      <c r="A30567" s="1" t="s">
        <v>107012</v>
      </c>
      <c r="B30567" s="1" t="s">
        <v>105234</v>
      </c>
      <c r="C30567" s="1" t="s">
        <v>45</v>
      </c>
      <c r="D30567" s="1" t="s">
        <v>107039</v>
      </c>
      <c r="E30567" s="1" t="s">
        <v>107040</v>
      </c>
      <c r="F30567" s="1" t="s">
        <v>107041</v>
      </c>
      <c r="G30567" s="1" t="s">
        <v>107016</v>
      </c>
      <c r="H30567" s="1" t="s">
        <v>107017</v>
      </c>
      <c r="I30567" s="1" t="s">
        <v>105238</v>
      </c>
      <c r="J30567" s="1" t="s">
        <v>107042</v>
      </c>
    </row>
    <row r="30568" spans="1:10" x14ac:dyDescent="0.35">
      <c r="A30568" s="1" t="s">
        <v>107012</v>
      </c>
      <c r="B30568" s="1" t="s">
        <v>105234</v>
      </c>
      <c r="C30568" s="1" t="s">
        <v>50</v>
      </c>
      <c r="D30568" s="1" t="s">
        <v>94370</v>
      </c>
      <c r="E30568" s="1" t="s">
        <v>107043</v>
      </c>
      <c r="F30568" s="1" t="s">
        <v>107044</v>
      </c>
      <c r="G30568" s="1" t="s">
        <v>107016</v>
      </c>
      <c r="H30568" s="1" t="s">
        <v>107017</v>
      </c>
      <c r="I30568" s="1" t="s">
        <v>105238</v>
      </c>
      <c r="J30568" s="1" t="s">
        <v>107045</v>
      </c>
    </row>
    <row r="30569" spans="1:10" x14ac:dyDescent="0.35">
      <c r="A30569" s="1" t="s">
        <v>107012</v>
      </c>
      <c r="B30569" s="1" t="s">
        <v>105234</v>
      </c>
      <c r="C30569" s="1" t="s">
        <v>55</v>
      </c>
      <c r="D30569" s="1" t="s">
        <v>107046</v>
      </c>
      <c r="E30569" s="1" t="s">
        <v>107047</v>
      </c>
      <c r="F30569" s="1" t="s">
        <v>107048</v>
      </c>
      <c r="G30569" s="1" t="s">
        <v>107016</v>
      </c>
      <c r="H30569" s="1" t="s">
        <v>107017</v>
      </c>
      <c r="I30569" s="1" t="s">
        <v>105238</v>
      </c>
      <c r="J30569" s="1" t="s">
        <v>107049</v>
      </c>
    </row>
    <row r="30570" spans="1:10" x14ac:dyDescent="0.35">
      <c r="A30570" s="1" t="s">
        <v>107012</v>
      </c>
      <c r="B30570" s="1" t="s">
        <v>105234</v>
      </c>
      <c r="C30570" s="1" t="s">
        <v>60</v>
      </c>
      <c r="D30570" s="1" t="s">
        <v>86274</v>
      </c>
      <c r="E30570" s="1" t="s">
        <v>107050</v>
      </c>
      <c r="F30570" s="1" t="s">
        <v>107051</v>
      </c>
      <c r="G30570" s="1" t="s">
        <v>107016</v>
      </c>
      <c r="H30570" s="1" t="s">
        <v>107017</v>
      </c>
      <c r="I30570" s="1" t="s">
        <v>105238</v>
      </c>
      <c r="J30570" s="1" t="s">
        <v>107052</v>
      </c>
    </row>
    <row r="30571" spans="1:10" x14ac:dyDescent="0.35">
      <c r="A30571" s="1" t="s">
        <v>107012</v>
      </c>
      <c r="B30571" s="1" t="s">
        <v>105234</v>
      </c>
      <c r="C30571" s="1" t="s">
        <v>65</v>
      </c>
      <c r="D30571" s="1" t="s">
        <v>107053</v>
      </c>
      <c r="E30571" s="1" t="s">
        <v>107054</v>
      </c>
      <c r="F30571" s="1" t="s">
        <v>107055</v>
      </c>
      <c r="G30571" s="1" t="s">
        <v>107016</v>
      </c>
      <c r="H30571" s="1" t="s">
        <v>107017</v>
      </c>
      <c r="I30571" s="1" t="s">
        <v>105238</v>
      </c>
      <c r="J30571" s="1" t="s">
        <v>107056</v>
      </c>
    </row>
    <row r="30572" spans="1:10" x14ac:dyDescent="0.35">
      <c r="A30572" s="1" t="s">
        <v>107012</v>
      </c>
      <c r="B30572" s="1" t="s">
        <v>105234</v>
      </c>
      <c r="C30572" s="1" t="s">
        <v>70</v>
      </c>
      <c r="D30572" s="1" t="s">
        <v>107057</v>
      </c>
      <c r="E30572" s="1" t="s">
        <v>107058</v>
      </c>
      <c r="F30572" s="1" t="s">
        <v>107059</v>
      </c>
      <c r="G30572" s="1" t="s">
        <v>107016</v>
      </c>
      <c r="H30572" s="1" t="s">
        <v>107017</v>
      </c>
      <c r="I30572" s="1" t="s">
        <v>105238</v>
      </c>
      <c r="J30572" s="1" t="s">
        <v>107060</v>
      </c>
    </row>
    <row r="30573" spans="1:10" x14ac:dyDescent="0.35">
      <c r="A30573" s="1" t="s">
        <v>107012</v>
      </c>
      <c r="B30573" s="1" t="s">
        <v>105234</v>
      </c>
      <c r="C30573" s="1" t="s">
        <v>75</v>
      </c>
      <c r="D30573" s="1" t="s">
        <v>107061</v>
      </c>
      <c r="E30573" s="1" t="s">
        <v>107062</v>
      </c>
      <c r="F30573" s="1" t="s">
        <v>107063</v>
      </c>
      <c r="G30573" s="1" t="s">
        <v>107016</v>
      </c>
      <c r="H30573" s="1" t="s">
        <v>107017</v>
      </c>
      <c r="I30573" s="1" t="s">
        <v>105238</v>
      </c>
      <c r="J30573" s="1" t="s">
        <v>107064</v>
      </c>
    </row>
    <row r="30574" spans="1:10" x14ac:dyDescent="0.35">
      <c r="A30574" s="1" t="s">
        <v>107012</v>
      </c>
      <c r="B30574" s="1" t="s">
        <v>105234</v>
      </c>
      <c r="C30574" s="1" t="s">
        <v>80</v>
      </c>
      <c r="D30574" s="1" t="s">
        <v>107065</v>
      </c>
      <c r="E30574" s="1" t="s">
        <v>107066</v>
      </c>
      <c r="F30574" s="1" t="s">
        <v>107067</v>
      </c>
      <c r="G30574" s="1" t="s">
        <v>107016</v>
      </c>
      <c r="H30574" s="1" t="s">
        <v>107017</v>
      </c>
      <c r="I30574" s="1" t="s">
        <v>105238</v>
      </c>
      <c r="J30574" s="1" t="s">
        <v>107068</v>
      </c>
    </row>
    <row r="30575" spans="1:10" x14ac:dyDescent="0.35">
      <c r="A30575" s="1" t="s">
        <v>107012</v>
      </c>
      <c r="B30575" s="1" t="s">
        <v>105234</v>
      </c>
      <c r="C30575" s="1" t="s">
        <v>85</v>
      </c>
      <c r="D30575" s="1" t="s">
        <v>62980</v>
      </c>
      <c r="E30575" s="1" t="s">
        <v>107069</v>
      </c>
      <c r="F30575" s="1" t="s">
        <v>107070</v>
      </c>
      <c r="G30575" s="1" t="s">
        <v>107016</v>
      </c>
      <c r="H30575" s="1" t="s">
        <v>107017</v>
      </c>
      <c r="I30575" s="1" t="s">
        <v>105238</v>
      </c>
      <c r="J30575" s="1" t="s">
        <v>107071</v>
      </c>
    </row>
    <row r="30576" spans="1:10" x14ac:dyDescent="0.35">
      <c r="A30576" s="1" t="s">
        <v>107012</v>
      </c>
      <c r="B30576" s="1" t="s">
        <v>105234</v>
      </c>
      <c r="C30576" s="1" t="s">
        <v>90</v>
      </c>
      <c r="D30576" s="1" t="s">
        <v>77690</v>
      </c>
      <c r="E30576" s="1" t="s">
        <v>107072</v>
      </c>
      <c r="F30576" s="1" t="s">
        <v>107073</v>
      </c>
      <c r="G30576" s="1" t="s">
        <v>107016</v>
      </c>
      <c r="H30576" s="1" t="s">
        <v>107017</v>
      </c>
      <c r="I30576" s="1" t="s">
        <v>105238</v>
      </c>
      <c r="J30576" s="1" t="s">
        <v>107074</v>
      </c>
    </row>
    <row r="30577" spans="1:10" x14ac:dyDescent="0.35">
      <c r="A30577" s="1" t="s">
        <v>107012</v>
      </c>
      <c r="B30577" s="1" t="s">
        <v>105234</v>
      </c>
      <c r="C30577" s="1" t="s">
        <v>95</v>
      </c>
      <c r="D30577" s="1" t="s">
        <v>62545</v>
      </c>
      <c r="E30577" s="1" t="s">
        <v>107075</v>
      </c>
      <c r="F30577" s="1" t="s">
        <v>107076</v>
      </c>
      <c r="G30577" s="1" t="s">
        <v>107016</v>
      </c>
      <c r="H30577" s="1" t="s">
        <v>107017</v>
      </c>
      <c r="I30577" s="1" t="s">
        <v>105238</v>
      </c>
      <c r="J30577" s="1" t="s">
        <v>107077</v>
      </c>
    </row>
    <row r="30578" spans="1:10" x14ac:dyDescent="0.35">
      <c r="A30578" s="1" t="s">
        <v>107012</v>
      </c>
      <c r="B30578" s="1" t="s">
        <v>105234</v>
      </c>
      <c r="C30578" s="1" t="s">
        <v>100</v>
      </c>
      <c r="D30578" s="1" t="s">
        <v>107078</v>
      </c>
      <c r="E30578" s="1" t="s">
        <v>107079</v>
      </c>
      <c r="F30578" s="1" t="s">
        <v>107080</v>
      </c>
      <c r="G30578" s="1" t="s">
        <v>107016</v>
      </c>
      <c r="H30578" s="1" t="s">
        <v>107017</v>
      </c>
      <c r="I30578" s="1" t="s">
        <v>105238</v>
      </c>
      <c r="J30578" s="1" t="s">
        <v>107081</v>
      </c>
    </row>
    <row r="30579" spans="1:10" x14ac:dyDescent="0.35">
      <c r="A30579" s="1" t="s">
        <v>107012</v>
      </c>
      <c r="B30579" s="1" t="s">
        <v>105234</v>
      </c>
      <c r="C30579" s="1" t="s">
        <v>105</v>
      </c>
      <c r="D30579" s="1" t="s">
        <v>107082</v>
      </c>
      <c r="E30579" s="1" t="s">
        <v>107083</v>
      </c>
      <c r="F30579" s="1" t="s">
        <v>107084</v>
      </c>
      <c r="G30579" s="1" t="s">
        <v>107016</v>
      </c>
      <c r="H30579" s="1" t="s">
        <v>107017</v>
      </c>
      <c r="I30579" s="1" t="s">
        <v>105238</v>
      </c>
      <c r="J30579" s="1" t="s">
        <v>107085</v>
      </c>
    </row>
    <row r="30580" spans="1:10" x14ac:dyDescent="0.35">
      <c r="A30580" s="1" t="s">
        <v>107012</v>
      </c>
      <c r="B30580" s="1" t="s">
        <v>105234</v>
      </c>
      <c r="C30580" s="1" t="s">
        <v>110</v>
      </c>
      <c r="D30580" s="1" t="s">
        <v>33351</v>
      </c>
      <c r="E30580" s="1" t="s">
        <v>107086</v>
      </c>
      <c r="F30580" s="1" t="s">
        <v>107087</v>
      </c>
      <c r="G30580" s="1" t="s">
        <v>107016</v>
      </c>
      <c r="H30580" s="1" t="s">
        <v>107017</v>
      </c>
      <c r="I30580" s="1" t="s">
        <v>105238</v>
      </c>
      <c r="J30580" s="1" t="s">
        <v>107088</v>
      </c>
    </row>
    <row r="30581" spans="1:10" x14ac:dyDescent="0.35">
      <c r="A30581" s="1" t="s">
        <v>107012</v>
      </c>
      <c r="B30581" s="1" t="s">
        <v>105234</v>
      </c>
      <c r="C30581" s="1" t="s">
        <v>115</v>
      </c>
      <c r="D30581" s="1" t="s">
        <v>93800</v>
      </c>
      <c r="E30581" s="1" t="s">
        <v>107054</v>
      </c>
      <c r="F30581" s="1" t="s">
        <v>107089</v>
      </c>
      <c r="G30581" s="1" t="s">
        <v>107016</v>
      </c>
      <c r="H30581" s="1" t="s">
        <v>107017</v>
      </c>
      <c r="I30581" s="1" t="s">
        <v>105238</v>
      </c>
      <c r="J30581" s="1" t="s">
        <v>107090</v>
      </c>
    </row>
    <row r="30582" spans="1:10" x14ac:dyDescent="0.35">
      <c r="A30582" s="1" t="s">
        <v>107012</v>
      </c>
      <c r="B30582" s="1" t="s">
        <v>105234</v>
      </c>
      <c r="C30582" s="1" t="s">
        <v>120</v>
      </c>
      <c r="D30582" s="1" t="s">
        <v>107091</v>
      </c>
      <c r="E30582" s="1" t="s">
        <v>107092</v>
      </c>
      <c r="F30582" s="1" t="s">
        <v>107093</v>
      </c>
      <c r="G30582" s="1" t="s">
        <v>107016</v>
      </c>
      <c r="H30582" s="1" t="s">
        <v>107017</v>
      </c>
      <c r="I30582" s="1" t="s">
        <v>105238</v>
      </c>
      <c r="J30582" s="1" t="s">
        <v>107094</v>
      </c>
    </row>
    <row r="30583" spans="1:10" x14ac:dyDescent="0.35">
      <c r="A30583" s="1" t="s">
        <v>107012</v>
      </c>
      <c r="B30583" s="1" t="s">
        <v>105234</v>
      </c>
      <c r="C30583" s="1" t="s">
        <v>125</v>
      </c>
      <c r="D30583" s="1" t="s">
        <v>67425</v>
      </c>
      <c r="E30583" s="1" t="s">
        <v>107095</v>
      </c>
      <c r="F30583" s="1" t="s">
        <v>107096</v>
      </c>
      <c r="G30583" s="1" t="s">
        <v>107016</v>
      </c>
      <c r="H30583" s="1" t="s">
        <v>107017</v>
      </c>
      <c r="I30583" s="1" t="s">
        <v>105238</v>
      </c>
      <c r="J30583" s="1" t="s">
        <v>107097</v>
      </c>
    </row>
    <row r="30584" spans="1:10" x14ac:dyDescent="0.35">
      <c r="A30584" s="1" t="s">
        <v>107012</v>
      </c>
      <c r="B30584" s="1" t="s">
        <v>105234</v>
      </c>
      <c r="C30584" s="1" t="s">
        <v>130</v>
      </c>
      <c r="D30584" s="1" t="s">
        <v>107098</v>
      </c>
      <c r="E30584" s="1" t="s">
        <v>107099</v>
      </c>
      <c r="F30584" s="1" t="s">
        <v>107100</v>
      </c>
      <c r="G30584" s="1" t="s">
        <v>107016</v>
      </c>
      <c r="H30584" s="1" t="s">
        <v>107017</v>
      </c>
      <c r="I30584" s="1" t="s">
        <v>105238</v>
      </c>
      <c r="J30584" s="1" t="s">
        <v>107101</v>
      </c>
    </row>
    <row r="30585" spans="1:10" x14ac:dyDescent="0.35">
      <c r="A30585" s="1" t="s">
        <v>107012</v>
      </c>
      <c r="B30585" s="1" t="s">
        <v>105234</v>
      </c>
      <c r="C30585" s="1" t="s">
        <v>135</v>
      </c>
      <c r="D30585" s="1" t="s">
        <v>107102</v>
      </c>
      <c r="E30585" s="1" t="s">
        <v>107103</v>
      </c>
      <c r="F30585" s="1" t="s">
        <v>107104</v>
      </c>
      <c r="G30585" s="1" t="s">
        <v>107016</v>
      </c>
      <c r="H30585" s="1" t="s">
        <v>107017</v>
      </c>
      <c r="I30585" s="1" t="s">
        <v>105238</v>
      </c>
      <c r="J30585" s="1" t="s">
        <v>107105</v>
      </c>
    </row>
    <row r="30586" spans="1:10" x14ac:dyDescent="0.35">
      <c r="A30586" s="1" t="s">
        <v>107012</v>
      </c>
      <c r="B30586" s="1" t="s">
        <v>105234</v>
      </c>
      <c r="C30586" s="1" t="s">
        <v>140</v>
      </c>
      <c r="D30586" s="1" t="s">
        <v>100281</v>
      </c>
      <c r="E30586" s="1" t="s">
        <v>107106</v>
      </c>
      <c r="F30586" s="1" t="s">
        <v>107107</v>
      </c>
      <c r="G30586" s="1" t="s">
        <v>107016</v>
      </c>
      <c r="H30586" s="1" t="s">
        <v>107017</v>
      </c>
      <c r="I30586" s="1" t="s">
        <v>105238</v>
      </c>
      <c r="J30586" s="1" t="s">
        <v>107108</v>
      </c>
    </row>
    <row r="30587" spans="1:10" x14ac:dyDescent="0.35">
      <c r="A30587" s="1" t="s">
        <v>107012</v>
      </c>
      <c r="B30587" s="1" t="s">
        <v>105234</v>
      </c>
      <c r="C30587" s="1" t="s">
        <v>145</v>
      </c>
      <c r="D30587" s="1" t="s">
        <v>107109</v>
      </c>
      <c r="E30587" s="1" t="s">
        <v>107110</v>
      </c>
      <c r="F30587" s="1" t="s">
        <v>107111</v>
      </c>
      <c r="G30587" s="1" t="s">
        <v>107016</v>
      </c>
      <c r="H30587" s="1" t="s">
        <v>107017</v>
      </c>
      <c r="I30587" s="1" t="s">
        <v>105238</v>
      </c>
      <c r="J30587" s="1" t="s">
        <v>107112</v>
      </c>
    </row>
    <row r="30588" spans="1:10" x14ac:dyDescent="0.35">
      <c r="A30588" s="1" t="s">
        <v>107012</v>
      </c>
      <c r="B30588" s="1" t="s">
        <v>105234</v>
      </c>
      <c r="C30588" s="1" t="s">
        <v>150</v>
      </c>
      <c r="D30588" s="1" t="s">
        <v>96799</v>
      </c>
      <c r="E30588" s="1" t="s">
        <v>107113</v>
      </c>
      <c r="F30588" s="1" t="s">
        <v>107114</v>
      </c>
      <c r="G30588" s="1" t="s">
        <v>107016</v>
      </c>
      <c r="H30588" s="1" t="s">
        <v>107017</v>
      </c>
      <c r="I30588" s="1" t="s">
        <v>105238</v>
      </c>
      <c r="J30588" s="1" t="s">
        <v>107115</v>
      </c>
    </row>
    <row r="30589" spans="1:10" x14ac:dyDescent="0.35">
      <c r="A30589" s="1" t="s">
        <v>107012</v>
      </c>
      <c r="B30589" s="1" t="s">
        <v>105234</v>
      </c>
      <c r="C30589" s="1" t="s">
        <v>155</v>
      </c>
      <c r="D30589" s="1" t="s">
        <v>94419</v>
      </c>
      <c r="E30589" s="1" t="s">
        <v>107116</v>
      </c>
      <c r="F30589" s="1" t="s">
        <v>107117</v>
      </c>
      <c r="G30589" s="1" t="s">
        <v>107016</v>
      </c>
      <c r="H30589" s="1" t="s">
        <v>107017</v>
      </c>
      <c r="I30589" s="1" t="s">
        <v>105238</v>
      </c>
      <c r="J30589" s="1" t="s">
        <v>107118</v>
      </c>
    </row>
    <row r="30590" spans="1:10" x14ac:dyDescent="0.35">
      <c r="A30590" s="1" t="s">
        <v>107012</v>
      </c>
      <c r="B30590" s="1" t="s">
        <v>105234</v>
      </c>
      <c r="C30590" s="1" t="s">
        <v>160</v>
      </c>
      <c r="D30590" s="1" t="s">
        <v>107119</v>
      </c>
      <c r="E30590" s="1" t="s">
        <v>107120</v>
      </c>
      <c r="F30590" s="1" t="s">
        <v>107121</v>
      </c>
      <c r="G30590" s="1" t="s">
        <v>107016</v>
      </c>
      <c r="H30590" s="1" t="s">
        <v>107017</v>
      </c>
      <c r="I30590" s="1" t="s">
        <v>105238</v>
      </c>
      <c r="J30590" s="1" t="s">
        <v>107122</v>
      </c>
    </row>
    <row r="30591" spans="1:10" x14ac:dyDescent="0.35">
      <c r="A30591" s="1" t="s">
        <v>107012</v>
      </c>
      <c r="B30591" s="1" t="s">
        <v>105234</v>
      </c>
      <c r="C30591" s="1" t="s">
        <v>165</v>
      </c>
      <c r="D30591" s="1" t="s">
        <v>21354</v>
      </c>
      <c r="E30591" s="1" t="s">
        <v>107123</v>
      </c>
      <c r="F30591" s="1" t="s">
        <v>107124</v>
      </c>
      <c r="G30591" s="1" t="s">
        <v>107016</v>
      </c>
      <c r="H30591" s="1" t="s">
        <v>107017</v>
      </c>
      <c r="I30591" s="1" t="s">
        <v>105238</v>
      </c>
      <c r="J30591" s="1" t="s">
        <v>107125</v>
      </c>
    </row>
    <row r="30592" spans="1:10" x14ac:dyDescent="0.35">
      <c r="A30592" s="1" t="s">
        <v>107012</v>
      </c>
      <c r="B30592" s="1" t="s">
        <v>105234</v>
      </c>
      <c r="C30592" s="1" t="s">
        <v>170</v>
      </c>
      <c r="D30592" s="1" t="s">
        <v>89808</v>
      </c>
      <c r="E30592" s="1" t="s">
        <v>107126</v>
      </c>
      <c r="F30592" s="1" t="s">
        <v>107127</v>
      </c>
      <c r="G30592" s="1" t="s">
        <v>107016</v>
      </c>
      <c r="H30592" s="1" t="s">
        <v>107017</v>
      </c>
      <c r="I30592" s="1" t="s">
        <v>105238</v>
      </c>
      <c r="J30592" s="1" t="s">
        <v>107128</v>
      </c>
    </row>
    <row r="30593" spans="1:10" x14ac:dyDescent="0.35">
      <c r="A30593" s="1" t="s">
        <v>107129</v>
      </c>
      <c r="B30593" s="1" t="s">
        <v>105234</v>
      </c>
      <c r="C30593" s="1" t="s">
        <v>8</v>
      </c>
      <c r="D30593" s="1" t="s">
        <v>105316</v>
      </c>
      <c r="E30593" s="1" t="s">
        <v>107130</v>
      </c>
      <c r="F30593" s="1" t="s">
        <v>107131</v>
      </c>
      <c r="G30593" s="1" t="s">
        <v>107132</v>
      </c>
      <c r="H30593" s="1" t="s">
        <v>107133</v>
      </c>
      <c r="I30593" s="1" t="s">
        <v>105238</v>
      </c>
      <c r="J30593" s="1" t="s">
        <v>13</v>
      </c>
    </row>
    <row r="30594" spans="1:10" x14ac:dyDescent="0.35">
      <c r="A30594" s="1" t="s">
        <v>107129</v>
      </c>
      <c r="B30594" s="1" t="s">
        <v>105234</v>
      </c>
      <c r="C30594" s="1" t="s">
        <v>15</v>
      </c>
      <c r="D30594" s="1" t="s">
        <v>107134</v>
      </c>
      <c r="E30594" s="1" t="s">
        <v>107135</v>
      </c>
      <c r="F30594" s="1" t="s">
        <v>107136</v>
      </c>
      <c r="G30594" s="1" t="s">
        <v>107132</v>
      </c>
      <c r="H30594" s="1" t="s">
        <v>107133</v>
      </c>
      <c r="I30594" s="1" t="s">
        <v>105238</v>
      </c>
      <c r="J30594" s="1" t="s">
        <v>107137</v>
      </c>
    </row>
    <row r="30595" spans="1:10" x14ac:dyDescent="0.35">
      <c r="A30595" s="1" t="s">
        <v>107129</v>
      </c>
      <c r="B30595" s="1" t="s">
        <v>105234</v>
      </c>
      <c r="C30595" s="1" t="s">
        <v>20</v>
      </c>
      <c r="D30595" s="1" t="s">
        <v>107138</v>
      </c>
      <c r="E30595" s="1" t="s">
        <v>107139</v>
      </c>
      <c r="F30595" s="1" t="s">
        <v>107140</v>
      </c>
      <c r="G30595" s="1" t="s">
        <v>107132</v>
      </c>
      <c r="H30595" s="1" t="s">
        <v>107133</v>
      </c>
      <c r="I30595" s="1" t="s">
        <v>105238</v>
      </c>
      <c r="J30595" s="1" t="s">
        <v>107141</v>
      </c>
    </row>
    <row r="30596" spans="1:10" x14ac:dyDescent="0.35">
      <c r="A30596" s="1" t="s">
        <v>107129</v>
      </c>
      <c r="B30596" s="1" t="s">
        <v>105234</v>
      </c>
      <c r="C30596" s="1" t="s">
        <v>25</v>
      </c>
      <c r="D30596" s="1" t="s">
        <v>60303</v>
      </c>
      <c r="E30596" s="1" t="s">
        <v>107142</v>
      </c>
      <c r="F30596" s="1" t="s">
        <v>107143</v>
      </c>
      <c r="G30596" s="1" t="s">
        <v>107132</v>
      </c>
      <c r="H30596" s="1" t="s">
        <v>107133</v>
      </c>
      <c r="I30596" s="1" t="s">
        <v>105238</v>
      </c>
      <c r="J30596" s="1" t="s">
        <v>107144</v>
      </c>
    </row>
    <row r="30597" spans="1:10" x14ac:dyDescent="0.35">
      <c r="A30597" s="1" t="s">
        <v>107129</v>
      </c>
      <c r="B30597" s="1" t="s">
        <v>105234</v>
      </c>
      <c r="C30597" s="1" t="s">
        <v>30</v>
      </c>
      <c r="D30597" s="1" t="s">
        <v>52713</v>
      </c>
      <c r="E30597" s="1" t="s">
        <v>107145</v>
      </c>
      <c r="F30597" s="1" t="s">
        <v>107146</v>
      </c>
      <c r="G30597" s="1" t="s">
        <v>107132</v>
      </c>
      <c r="H30597" s="1" t="s">
        <v>107133</v>
      </c>
      <c r="I30597" s="1" t="s">
        <v>105238</v>
      </c>
      <c r="J30597" s="1" t="s">
        <v>107147</v>
      </c>
    </row>
    <row r="30598" spans="1:10" x14ac:dyDescent="0.35">
      <c r="A30598" s="1" t="s">
        <v>107129</v>
      </c>
      <c r="B30598" s="1" t="s">
        <v>105234</v>
      </c>
      <c r="C30598" s="1" t="s">
        <v>35</v>
      </c>
      <c r="D30598" s="1" t="s">
        <v>107148</v>
      </c>
      <c r="E30598" s="1" t="s">
        <v>107149</v>
      </c>
      <c r="F30598" s="1" t="s">
        <v>107150</v>
      </c>
      <c r="G30598" s="1" t="s">
        <v>107132</v>
      </c>
      <c r="H30598" s="1" t="s">
        <v>107133</v>
      </c>
      <c r="I30598" s="1" t="s">
        <v>105238</v>
      </c>
      <c r="J30598" s="1" t="s">
        <v>107151</v>
      </c>
    </row>
    <row r="30599" spans="1:10" x14ac:dyDescent="0.35">
      <c r="A30599" s="1" t="s">
        <v>107129</v>
      </c>
      <c r="B30599" s="1" t="s">
        <v>105234</v>
      </c>
      <c r="C30599" s="1" t="s">
        <v>40</v>
      </c>
      <c r="D30599" s="1" t="s">
        <v>107152</v>
      </c>
      <c r="E30599" s="1" t="s">
        <v>107153</v>
      </c>
      <c r="F30599" s="1" t="s">
        <v>107154</v>
      </c>
      <c r="G30599" s="1" t="s">
        <v>107132</v>
      </c>
      <c r="H30599" s="1" t="s">
        <v>107133</v>
      </c>
      <c r="I30599" s="1" t="s">
        <v>105238</v>
      </c>
      <c r="J30599" s="1" t="s">
        <v>107155</v>
      </c>
    </row>
    <row r="30600" spans="1:10" x14ac:dyDescent="0.35">
      <c r="A30600" s="1" t="s">
        <v>107129</v>
      </c>
      <c r="B30600" s="1" t="s">
        <v>105234</v>
      </c>
      <c r="C30600" s="1" t="s">
        <v>45</v>
      </c>
      <c r="D30600" s="1" t="s">
        <v>94698</v>
      </c>
      <c r="E30600" s="1" t="s">
        <v>107156</v>
      </c>
      <c r="F30600" s="1" t="s">
        <v>107157</v>
      </c>
      <c r="G30600" s="1" t="s">
        <v>107132</v>
      </c>
      <c r="H30600" s="1" t="s">
        <v>107133</v>
      </c>
      <c r="I30600" s="1" t="s">
        <v>105238</v>
      </c>
      <c r="J30600" s="1" t="s">
        <v>107158</v>
      </c>
    </row>
    <row r="30601" spans="1:10" x14ac:dyDescent="0.35">
      <c r="A30601" s="1" t="s">
        <v>107129</v>
      </c>
      <c r="B30601" s="1" t="s">
        <v>105234</v>
      </c>
      <c r="C30601" s="1" t="s">
        <v>50</v>
      </c>
      <c r="D30601" s="1" t="s">
        <v>93488</v>
      </c>
      <c r="E30601" s="1" t="s">
        <v>107159</v>
      </c>
      <c r="F30601" s="1" t="s">
        <v>107160</v>
      </c>
      <c r="G30601" s="1" t="s">
        <v>107132</v>
      </c>
      <c r="H30601" s="1" t="s">
        <v>107133</v>
      </c>
      <c r="I30601" s="1" t="s">
        <v>105238</v>
      </c>
      <c r="J30601" s="1" t="s">
        <v>107161</v>
      </c>
    </row>
    <row r="30602" spans="1:10" x14ac:dyDescent="0.35">
      <c r="A30602" s="1" t="s">
        <v>107129</v>
      </c>
      <c r="B30602" s="1" t="s">
        <v>105234</v>
      </c>
      <c r="C30602" s="1" t="s">
        <v>55</v>
      </c>
      <c r="D30602" s="1" t="s">
        <v>107162</v>
      </c>
      <c r="E30602" s="1" t="s">
        <v>107163</v>
      </c>
      <c r="F30602" s="1" t="s">
        <v>107164</v>
      </c>
      <c r="G30602" s="1" t="s">
        <v>107132</v>
      </c>
      <c r="H30602" s="1" t="s">
        <v>107133</v>
      </c>
      <c r="I30602" s="1" t="s">
        <v>105238</v>
      </c>
      <c r="J30602" s="1" t="s">
        <v>107165</v>
      </c>
    </row>
    <row r="30603" spans="1:10" x14ac:dyDescent="0.35">
      <c r="A30603" s="1" t="s">
        <v>107129</v>
      </c>
      <c r="B30603" s="1" t="s">
        <v>105234</v>
      </c>
      <c r="C30603" s="1" t="s">
        <v>60</v>
      </c>
      <c r="D30603" s="1" t="s">
        <v>66604</v>
      </c>
      <c r="E30603" s="1" t="s">
        <v>107166</v>
      </c>
      <c r="F30603" s="1" t="s">
        <v>107167</v>
      </c>
      <c r="G30603" s="1" t="s">
        <v>107132</v>
      </c>
      <c r="H30603" s="1" t="s">
        <v>107133</v>
      </c>
      <c r="I30603" s="1" t="s">
        <v>105238</v>
      </c>
      <c r="J30603" s="1" t="s">
        <v>107168</v>
      </c>
    </row>
    <row r="30604" spans="1:10" x14ac:dyDescent="0.35">
      <c r="A30604" s="1" t="s">
        <v>107129</v>
      </c>
      <c r="B30604" s="1" t="s">
        <v>105234</v>
      </c>
      <c r="C30604" s="1" t="s">
        <v>65</v>
      </c>
      <c r="D30604" s="1" t="s">
        <v>107169</v>
      </c>
      <c r="E30604" s="1" t="s">
        <v>107170</v>
      </c>
      <c r="F30604" s="1" t="s">
        <v>107171</v>
      </c>
      <c r="G30604" s="1" t="s">
        <v>107132</v>
      </c>
      <c r="H30604" s="1" t="s">
        <v>107133</v>
      </c>
      <c r="I30604" s="1" t="s">
        <v>105238</v>
      </c>
      <c r="J30604" s="1" t="s">
        <v>107172</v>
      </c>
    </row>
    <row r="30605" spans="1:10" x14ac:dyDescent="0.35">
      <c r="A30605" s="1" t="s">
        <v>107129</v>
      </c>
      <c r="B30605" s="1" t="s">
        <v>105234</v>
      </c>
      <c r="C30605" s="1" t="s">
        <v>70</v>
      </c>
      <c r="D30605" s="1" t="s">
        <v>67991</v>
      </c>
      <c r="E30605" s="1" t="s">
        <v>107173</v>
      </c>
      <c r="F30605" s="1" t="s">
        <v>107174</v>
      </c>
      <c r="G30605" s="1" t="s">
        <v>107132</v>
      </c>
      <c r="H30605" s="1" t="s">
        <v>107133</v>
      </c>
      <c r="I30605" s="1" t="s">
        <v>105238</v>
      </c>
      <c r="J30605" s="1" t="s">
        <v>107175</v>
      </c>
    </row>
    <row r="30606" spans="1:10" x14ac:dyDescent="0.35">
      <c r="A30606" s="1" t="s">
        <v>107129</v>
      </c>
      <c r="B30606" s="1" t="s">
        <v>105234</v>
      </c>
      <c r="C30606" s="1" t="s">
        <v>75</v>
      </c>
      <c r="D30606" s="1" t="s">
        <v>57495</v>
      </c>
      <c r="E30606" s="1" t="s">
        <v>107176</v>
      </c>
      <c r="F30606" s="1" t="s">
        <v>107177</v>
      </c>
      <c r="G30606" s="1" t="s">
        <v>107132</v>
      </c>
      <c r="H30606" s="1" t="s">
        <v>107133</v>
      </c>
      <c r="I30606" s="1" t="s">
        <v>105238</v>
      </c>
      <c r="J30606" s="1" t="s">
        <v>107178</v>
      </c>
    </row>
    <row r="30607" spans="1:10" x14ac:dyDescent="0.35">
      <c r="A30607" s="1" t="s">
        <v>107129</v>
      </c>
      <c r="B30607" s="1" t="s">
        <v>105234</v>
      </c>
      <c r="C30607" s="1" t="s">
        <v>80</v>
      </c>
      <c r="D30607" s="1" t="s">
        <v>96946</v>
      </c>
      <c r="E30607" s="1" t="s">
        <v>107179</v>
      </c>
      <c r="F30607" s="1" t="s">
        <v>107180</v>
      </c>
      <c r="G30607" s="1" t="s">
        <v>107132</v>
      </c>
      <c r="H30607" s="1" t="s">
        <v>107133</v>
      </c>
      <c r="I30607" s="1" t="s">
        <v>105238</v>
      </c>
      <c r="J30607" s="1" t="s">
        <v>107181</v>
      </c>
    </row>
    <row r="30608" spans="1:10" x14ac:dyDescent="0.35">
      <c r="A30608" s="1" t="s">
        <v>107129</v>
      </c>
      <c r="B30608" s="1" t="s">
        <v>105234</v>
      </c>
      <c r="C30608" s="1" t="s">
        <v>85</v>
      </c>
      <c r="D30608" s="1" t="s">
        <v>107182</v>
      </c>
      <c r="E30608" s="1" t="s">
        <v>107183</v>
      </c>
      <c r="F30608" s="1" t="s">
        <v>107184</v>
      </c>
      <c r="G30608" s="1" t="s">
        <v>107132</v>
      </c>
      <c r="H30608" s="1" t="s">
        <v>107133</v>
      </c>
      <c r="I30608" s="1" t="s">
        <v>105238</v>
      </c>
      <c r="J30608" s="1" t="s">
        <v>107185</v>
      </c>
    </row>
    <row r="30609" spans="1:10" x14ac:dyDescent="0.35">
      <c r="A30609" s="1" t="s">
        <v>107129</v>
      </c>
      <c r="B30609" s="1" t="s">
        <v>105234</v>
      </c>
      <c r="C30609" s="1" t="s">
        <v>90</v>
      </c>
      <c r="D30609" s="1" t="s">
        <v>107186</v>
      </c>
      <c r="E30609" s="1" t="s">
        <v>107187</v>
      </c>
      <c r="F30609" s="1" t="s">
        <v>107188</v>
      </c>
      <c r="G30609" s="1" t="s">
        <v>107132</v>
      </c>
      <c r="H30609" s="1" t="s">
        <v>107133</v>
      </c>
      <c r="I30609" s="1" t="s">
        <v>105238</v>
      </c>
      <c r="J30609" s="1" t="s">
        <v>107189</v>
      </c>
    </row>
    <row r="30610" spans="1:10" x14ac:dyDescent="0.35">
      <c r="A30610" s="1" t="s">
        <v>107129</v>
      </c>
      <c r="B30610" s="1" t="s">
        <v>105234</v>
      </c>
      <c r="C30610" s="1" t="s">
        <v>95</v>
      </c>
      <c r="D30610" s="1" t="s">
        <v>90594</v>
      </c>
      <c r="E30610" s="1" t="s">
        <v>107190</v>
      </c>
      <c r="F30610" s="1" t="s">
        <v>107191</v>
      </c>
      <c r="G30610" s="1" t="s">
        <v>107132</v>
      </c>
      <c r="H30610" s="1" t="s">
        <v>107133</v>
      </c>
      <c r="I30610" s="1" t="s">
        <v>105238</v>
      </c>
      <c r="J30610" s="1" t="s">
        <v>107192</v>
      </c>
    </row>
    <row r="30611" spans="1:10" x14ac:dyDescent="0.35">
      <c r="A30611" s="1" t="s">
        <v>107129</v>
      </c>
      <c r="B30611" s="1" t="s">
        <v>105234</v>
      </c>
      <c r="C30611" s="1" t="s">
        <v>100</v>
      </c>
      <c r="D30611" s="1" t="s">
        <v>107193</v>
      </c>
      <c r="E30611" s="1" t="s">
        <v>107194</v>
      </c>
      <c r="F30611" s="1" t="s">
        <v>107195</v>
      </c>
      <c r="G30611" s="1" t="s">
        <v>107132</v>
      </c>
      <c r="H30611" s="1" t="s">
        <v>107133</v>
      </c>
      <c r="I30611" s="1" t="s">
        <v>105238</v>
      </c>
      <c r="J30611" s="1" t="s">
        <v>107196</v>
      </c>
    </row>
    <row r="30612" spans="1:10" x14ac:dyDescent="0.35">
      <c r="A30612" s="1" t="s">
        <v>107129</v>
      </c>
      <c r="B30612" s="1" t="s">
        <v>105234</v>
      </c>
      <c r="C30612" s="1" t="s">
        <v>105</v>
      </c>
      <c r="D30612" s="1" t="s">
        <v>23471</v>
      </c>
      <c r="E30612" s="1" t="s">
        <v>107197</v>
      </c>
      <c r="F30612" s="1" t="s">
        <v>107198</v>
      </c>
      <c r="G30612" s="1" t="s">
        <v>107132</v>
      </c>
      <c r="H30612" s="1" t="s">
        <v>107133</v>
      </c>
      <c r="I30612" s="1" t="s">
        <v>105238</v>
      </c>
      <c r="J30612" s="1" t="s">
        <v>107199</v>
      </c>
    </row>
    <row r="30613" spans="1:10" x14ac:dyDescent="0.35">
      <c r="A30613" s="1" t="s">
        <v>107129</v>
      </c>
      <c r="B30613" s="1" t="s">
        <v>105234</v>
      </c>
      <c r="C30613" s="1" t="s">
        <v>110</v>
      </c>
      <c r="D30613" s="1" t="s">
        <v>107200</v>
      </c>
      <c r="E30613" s="1" t="s">
        <v>107201</v>
      </c>
      <c r="F30613" s="1" t="s">
        <v>107202</v>
      </c>
      <c r="G30613" s="1" t="s">
        <v>107132</v>
      </c>
      <c r="H30613" s="1" t="s">
        <v>107133</v>
      </c>
      <c r="I30613" s="1" t="s">
        <v>105238</v>
      </c>
      <c r="J30613" s="1" t="s">
        <v>107203</v>
      </c>
    </row>
    <row r="30614" spans="1:10" x14ac:dyDescent="0.35">
      <c r="A30614" s="1" t="s">
        <v>107129</v>
      </c>
      <c r="B30614" s="1" t="s">
        <v>105234</v>
      </c>
      <c r="C30614" s="1" t="s">
        <v>115</v>
      </c>
      <c r="D30614" s="1" t="s">
        <v>70520</v>
      </c>
      <c r="E30614" s="1" t="s">
        <v>107204</v>
      </c>
      <c r="F30614" s="1" t="s">
        <v>107205</v>
      </c>
      <c r="G30614" s="1" t="s">
        <v>107132</v>
      </c>
      <c r="H30614" s="1" t="s">
        <v>107133</v>
      </c>
      <c r="I30614" s="1" t="s">
        <v>105238</v>
      </c>
      <c r="J30614" s="1" t="s">
        <v>107206</v>
      </c>
    </row>
    <row r="30615" spans="1:10" x14ac:dyDescent="0.35">
      <c r="A30615" s="1" t="s">
        <v>107129</v>
      </c>
      <c r="B30615" s="1" t="s">
        <v>105234</v>
      </c>
      <c r="C30615" s="1" t="s">
        <v>120</v>
      </c>
      <c r="D30615" s="1" t="s">
        <v>107207</v>
      </c>
      <c r="E30615" s="1" t="s">
        <v>107208</v>
      </c>
      <c r="F30615" s="1" t="s">
        <v>107209</v>
      </c>
      <c r="G30615" s="1" t="s">
        <v>107132</v>
      </c>
      <c r="H30615" s="1" t="s">
        <v>107133</v>
      </c>
      <c r="I30615" s="1" t="s">
        <v>105238</v>
      </c>
      <c r="J30615" s="1" t="s">
        <v>107210</v>
      </c>
    </row>
    <row r="30616" spans="1:10" x14ac:dyDescent="0.35">
      <c r="A30616" s="1" t="s">
        <v>107129</v>
      </c>
      <c r="B30616" s="1" t="s">
        <v>105234</v>
      </c>
      <c r="C30616" s="1" t="s">
        <v>125</v>
      </c>
      <c r="D30616" s="1" t="s">
        <v>55747</v>
      </c>
      <c r="E30616" s="1" t="s">
        <v>107211</v>
      </c>
      <c r="F30616" s="1" t="s">
        <v>107212</v>
      </c>
      <c r="G30616" s="1" t="s">
        <v>107132</v>
      </c>
      <c r="H30616" s="1" t="s">
        <v>107133</v>
      </c>
      <c r="I30616" s="1" t="s">
        <v>105238</v>
      </c>
      <c r="J30616" s="1" t="s">
        <v>107213</v>
      </c>
    </row>
    <row r="30617" spans="1:10" x14ac:dyDescent="0.35">
      <c r="A30617" s="1" t="s">
        <v>107129</v>
      </c>
      <c r="B30617" s="1" t="s">
        <v>105234</v>
      </c>
      <c r="C30617" s="1" t="s">
        <v>130</v>
      </c>
      <c r="D30617" s="1" t="s">
        <v>5278</v>
      </c>
      <c r="E30617" s="1" t="s">
        <v>107214</v>
      </c>
      <c r="F30617" s="1" t="s">
        <v>107215</v>
      </c>
      <c r="G30617" s="1" t="s">
        <v>107132</v>
      </c>
      <c r="H30617" s="1" t="s">
        <v>107133</v>
      </c>
      <c r="I30617" s="1" t="s">
        <v>105238</v>
      </c>
      <c r="J30617" s="1" t="s">
        <v>107216</v>
      </c>
    </row>
    <row r="30618" spans="1:10" x14ac:dyDescent="0.35">
      <c r="A30618" s="1" t="s">
        <v>107129</v>
      </c>
      <c r="B30618" s="1" t="s">
        <v>105234</v>
      </c>
      <c r="C30618" s="1" t="s">
        <v>135</v>
      </c>
      <c r="D30618" s="1" t="s">
        <v>107217</v>
      </c>
      <c r="E30618" s="1" t="s">
        <v>107218</v>
      </c>
      <c r="F30618" s="1" t="s">
        <v>107219</v>
      </c>
      <c r="G30618" s="1" t="s">
        <v>107132</v>
      </c>
      <c r="H30618" s="1" t="s">
        <v>107133</v>
      </c>
      <c r="I30618" s="1" t="s">
        <v>105238</v>
      </c>
      <c r="J30618" s="1" t="s">
        <v>107220</v>
      </c>
    </row>
    <row r="30619" spans="1:10" x14ac:dyDescent="0.35">
      <c r="A30619" s="1" t="s">
        <v>107129</v>
      </c>
      <c r="B30619" s="1" t="s">
        <v>105234</v>
      </c>
      <c r="C30619" s="1" t="s">
        <v>140</v>
      </c>
      <c r="D30619" s="1" t="s">
        <v>107221</v>
      </c>
      <c r="E30619" s="1" t="s">
        <v>107222</v>
      </c>
      <c r="F30619" s="1" t="s">
        <v>107223</v>
      </c>
      <c r="G30619" s="1" t="s">
        <v>107132</v>
      </c>
      <c r="H30619" s="1" t="s">
        <v>107133</v>
      </c>
      <c r="I30619" s="1" t="s">
        <v>105238</v>
      </c>
      <c r="J30619" s="1" t="s">
        <v>107224</v>
      </c>
    </row>
    <row r="30620" spans="1:10" x14ac:dyDescent="0.35">
      <c r="A30620" s="1" t="s">
        <v>107129</v>
      </c>
      <c r="B30620" s="1" t="s">
        <v>105234</v>
      </c>
      <c r="C30620" s="1" t="s">
        <v>145</v>
      </c>
      <c r="D30620" s="1" t="s">
        <v>107225</v>
      </c>
      <c r="E30620" s="1" t="s">
        <v>107226</v>
      </c>
      <c r="F30620" s="1" t="s">
        <v>107227</v>
      </c>
      <c r="G30620" s="1" t="s">
        <v>107132</v>
      </c>
      <c r="H30620" s="1" t="s">
        <v>107133</v>
      </c>
      <c r="I30620" s="1" t="s">
        <v>105238</v>
      </c>
      <c r="J30620" s="1" t="s">
        <v>107228</v>
      </c>
    </row>
    <row r="30621" spans="1:10" x14ac:dyDescent="0.35">
      <c r="A30621" s="1" t="s">
        <v>107129</v>
      </c>
      <c r="B30621" s="1" t="s">
        <v>105234</v>
      </c>
      <c r="C30621" s="1" t="s">
        <v>150</v>
      </c>
      <c r="D30621" s="1" t="s">
        <v>98462</v>
      </c>
      <c r="E30621" s="1" t="s">
        <v>107229</v>
      </c>
      <c r="F30621" s="1" t="s">
        <v>107230</v>
      </c>
      <c r="G30621" s="1" t="s">
        <v>107132</v>
      </c>
      <c r="H30621" s="1" t="s">
        <v>107133</v>
      </c>
      <c r="I30621" s="1" t="s">
        <v>105238</v>
      </c>
      <c r="J30621" s="1" t="s">
        <v>107231</v>
      </c>
    </row>
    <row r="30622" spans="1:10" x14ac:dyDescent="0.35">
      <c r="A30622" s="1" t="s">
        <v>107129</v>
      </c>
      <c r="B30622" s="1" t="s">
        <v>105234</v>
      </c>
      <c r="C30622" s="1" t="s">
        <v>155</v>
      </c>
      <c r="D30622" s="1" t="s">
        <v>107232</v>
      </c>
      <c r="E30622" s="1" t="s">
        <v>107233</v>
      </c>
      <c r="F30622" s="1" t="s">
        <v>107234</v>
      </c>
      <c r="G30622" s="1" t="s">
        <v>107132</v>
      </c>
      <c r="H30622" s="1" t="s">
        <v>107133</v>
      </c>
      <c r="I30622" s="1" t="s">
        <v>105238</v>
      </c>
      <c r="J30622" s="1" t="s">
        <v>107235</v>
      </c>
    </row>
    <row r="30623" spans="1:10" x14ac:dyDescent="0.35">
      <c r="A30623" s="1" t="s">
        <v>107129</v>
      </c>
      <c r="B30623" s="1" t="s">
        <v>105234</v>
      </c>
      <c r="C30623" s="1" t="s">
        <v>160</v>
      </c>
      <c r="D30623" s="1" t="s">
        <v>106397</v>
      </c>
      <c r="E30623" s="1" t="s">
        <v>107236</v>
      </c>
      <c r="F30623" s="1" t="s">
        <v>107237</v>
      </c>
      <c r="G30623" s="1" t="s">
        <v>107132</v>
      </c>
      <c r="H30623" s="1" t="s">
        <v>107133</v>
      </c>
      <c r="I30623" s="1" t="s">
        <v>105238</v>
      </c>
      <c r="J30623" s="1" t="s">
        <v>107238</v>
      </c>
    </row>
    <row r="30624" spans="1:10" x14ac:dyDescent="0.35">
      <c r="A30624" s="1" t="s">
        <v>107129</v>
      </c>
      <c r="B30624" s="1" t="s">
        <v>105234</v>
      </c>
      <c r="C30624" s="1" t="s">
        <v>165</v>
      </c>
      <c r="D30624" s="1" t="s">
        <v>107239</v>
      </c>
      <c r="E30624" s="1" t="s">
        <v>107240</v>
      </c>
      <c r="F30624" s="1" t="s">
        <v>107241</v>
      </c>
      <c r="G30624" s="1" t="s">
        <v>107132</v>
      </c>
      <c r="H30624" s="1" t="s">
        <v>107133</v>
      </c>
      <c r="I30624" s="1" t="s">
        <v>105238</v>
      </c>
      <c r="J30624" s="1" t="s">
        <v>107242</v>
      </c>
    </row>
    <row r="30625" spans="1:10" x14ac:dyDescent="0.35">
      <c r="A30625" s="1" t="s">
        <v>107129</v>
      </c>
      <c r="B30625" s="1" t="s">
        <v>105234</v>
      </c>
      <c r="C30625" s="1" t="s">
        <v>170</v>
      </c>
      <c r="D30625" s="1" t="s">
        <v>56396</v>
      </c>
      <c r="E30625" s="1" t="s">
        <v>107243</v>
      </c>
      <c r="F30625" s="1" t="s">
        <v>107244</v>
      </c>
      <c r="G30625" s="1" t="s">
        <v>107132</v>
      </c>
      <c r="H30625" s="1" t="s">
        <v>107133</v>
      </c>
      <c r="I30625" s="1" t="s">
        <v>105238</v>
      </c>
      <c r="J30625" s="1" t="s">
        <v>107245</v>
      </c>
    </row>
    <row r="30626" spans="1:10" x14ac:dyDescent="0.35">
      <c r="A30626" s="1" t="s">
        <v>25968</v>
      </c>
      <c r="B30626" s="1" t="s">
        <v>105234</v>
      </c>
      <c r="C30626" s="1" t="s">
        <v>8</v>
      </c>
      <c r="D30626" s="1" t="s">
        <v>107246</v>
      </c>
      <c r="E30626" s="1" t="s">
        <v>49813</v>
      </c>
      <c r="F30626" s="1" t="s">
        <v>32943</v>
      </c>
      <c r="G30626" s="1" t="s">
        <v>107247</v>
      </c>
      <c r="H30626" s="1" t="s">
        <v>107248</v>
      </c>
      <c r="I30626" s="1" t="s">
        <v>105238</v>
      </c>
      <c r="J30626" s="1" t="s">
        <v>13</v>
      </c>
    </row>
    <row r="30627" spans="1:10" x14ac:dyDescent="0.35">
      <c r="A30627" s="1" t="s">
        <v>25968</v>
      </c>
      <c r="B30627" s="1" t="s">
        <v>105234</v>
      </c>
      <c r="C30627" s="1" t="s">
        <v>15</v>
      </c>
      <c r="D30627" s="1" t="s">
        <v>107249</v>
      </c>
      <c r="E30627" s="1" t="s">
        <v>107250</v>
      </c>
      <c r="F30627" s="1" t="s">
        <v>56056</v>
      </c>
      <c r="G30627" s="1" t="s">
        <v>107247</v>
      </c>
      <c r="H30627" s="1" t="s">
        <v>107248</v>
      </c>
      <c r="I30627" s="1" t="s">
        <v>105238</v>
      </c>
      <c r="J30627" s="1" t="s">
        <v>107251</v>
      </c>
    </row>
    <row r="30628" spans="1:10" x14ac:dyDescent="0.35">
      <c r="A30628" s="1" t="s">
        <v>25968</v>
      </c>
      <c r="B30628" s="1" t="s">
        <v>105234</v>
      </c>
      <c r="C30628" s="1" t="s">
        <v>20</v>
      </c>
      <c r="D30628" s="1" t="s">
        <v>107252</v>
      </c>
      <c r="E30628" s="1" t="s">
        <v>107253</v>
      </c>
      <c r="F30628" s="1" t="s">
        <v>61062</v>
      </c>
      <c r="G30628" s="1" t="s">
        <v>107247</v>
      </c>
      <c r="H30628" s="1" t="s">
        <v>107248</v>
      </c>
      <c r="I30628" s="1" t="s">
        <v>105238</v>
      </c>
      <c r="J30628" s="1" t="s">
        <v>107254</v>
      </c>
    </row>
    <row r="30629" spans="1:10" x14ac:dyDescent="0.35">
      <c r="A30629" s="1" t="s">
        <v>25968</v>
      </c>
      <c r="B30629" s="1" t="s">
        <v>105234</v>
      </c>
      <c r="C30629" s="1" t="s">
        <v>25</v>
      </c>
      <c r="D30629" s="1" t="s">
        <v>107255</v>
      </c>
      <c r="E30629" s="1" t="s">
        <v>107256</v>
      </c>
      <c r="F30629" s="1" t="s">
        <v>107257</v>
      </c>
      <c r="G30629" s="1" t="s">
        <v>107247</v>
      </c>
      <c r="H30629" s="1" t="s">
        <v>107248</v>
      </c>
      <c r="I30629" s="1" t="s">
        <v>105238</v>
      </c>
      <c r="J30629" s="1" t="s">
        <v>107258</v>
      </c>
    </row>
    <row r="30630" spans="1:10" x14ac:dyDescent="0.35">
      <c r="A30630" s="1" t="s">
        <v>25968</v>
      </c>
      <c r="B30630" s="1" t="s">
        <v>105234</v>
      </c>
      <c r="C30630" s="1" t="s">
        <v>30</v>
      </c>
      <c r="D30630" s="1" t="s">
        <v>107259</v>
      </c>
      <c r="E30630" s="1" t="s">
        <v>107260</v>
      </c>
      <c r="F30630" s="1" t="s">
        <v>26565</v>
      </c>
      <c r="G30630" s="1" t="s">
        <v>107247</v>
      </c>
      <c r="H30630" s="1" t="s">
        <v>107248</v>
      </c>
      <c r="I30630" s="1" t="s">
        <v>105238</v>
      </c>
      <c r="J30630" s="1" t="s">
        <v>107261</v>
      </c>
    </row>
    <row r="30631" spans="1:10" x14ac:dyDescent="0.35">
      <c r="A30631" s="1" t="s">
        <v>25968</v>
      </c>
      <c r="B30631" s="1" t="s">
        <v>105234</v>
      </c>
      <c r="C30631" s="1" t="s">
        <v>35</v>
      </c>
      <c r="D30631" s="1" t="s">
        <v>107262</v>
      </c>
      <c r="E30631" s="1" t="s">
        <v>81106</v>
      </c>
      <c r="F30631" s="1" t="s">
        <v>101153</v>
      </c>
      <c r="G30631" s="1" t="s">
        <v>107247</v>
      </c>
      <c r="H30631" s="1" t="s">
        <v>107248</v>
      </c>
      <c r="I30631" s="1" t="s">
        <v>105238</v>
      </c>
      <c r="J30631" s="1" t="s">
        <v>107263</v>
      </c>
    </row>
    <row r="30632" spans="1:10" x14ac:dyDescent="0.35">
      <c r="A30632" s="1" t="s">
        <v>25968</v>
      </c>
      <c r="B30632" s="1" t="s">
        <v>105234</v>
      </c>
      <c r="C30632" s="1" t="s">
        <v>40</v>
      </c>
      <c r="D30632" s="1" t="s">
        <v>78795</v>
      </c>
      <c r="E30632" s="1" t="s">
        <v>81190</v>
      </c>
      <c r="F30632" s="1" t="s">
        <v>100268</v>
      </c>
      <c r="G30632" s="1" t="s">
        <v>107247</v>
      </c>
      <c r="H30632" s="1" t="s">
        <v>107248</v>
      </c>
      <c r="I30632" s="1" t="s">
        <v>105238</v>
      </c>
      <c r="J30632" s="1" t="s">
        <v>107264</v>
      </c>
    </row>
    <row r="30633" spans="1:10" x14ac:dyDescent="0.35">
      <c r="A30633" s="1" t="s">
        <v>25968</v>
      </c>
      <c r="B30633" s="1" t="s">
        <v>105234</v>
      </c>
      <c r="C30633" s="1" t="s">
        <v>45</v>
      </c>
      <c r="D30633" s="1" t="s">
        <v>107265</v>
      </c>
      <c r="E30633" s="1" t="s">
        <v>15460</v>
      </c>
      <c r="F30633" s="1" t="s">
        <v>66613</v>
      </c>
      <c r="G30633" s="1" t="s">
        <v>107247</v>
      </c>
      <c r="H30633" s="1" t="s">
        <v>107248</v>
      </c>
      <c r="I30633" s="1" t="s">
        <v>105238</v>
      </c>
      <c r="J30633" s="1" t="s">
        <v>107266</v>
      </c>
    </row>
    <row r="30634" spans="1:10" x14ac:dyDescent="0.35">
      <c r="A30634" s="1" t="s">
        <v>25968</v>
      </c>
      <c r="B30634" s="1" t="s">
        <v>105234</v>
      </c>
      <c r="C30634" s="1" t="s">
        <v>50</v>
      </c>
      <c r="D30634" s="1" t="s">
        <v>107267</v>
      </c>
      <c r="E30634" s="1" t="s">
        <v>106491</v>
      </c>
      <c r="F30634" s="1" t="s">
        <v>107268</v>
      </c>
      <c r="G30634" s="1" t="s">
        <v>107247</v>
      </c>
      <c r="H30634" s="1" t="s">
        <v>107248</v>
      </c>
      <c r="I30634" s="1" t="s">
        <v>105238</v>
      </c>
      <c r="J30634" s="1" t="s">
        <v>107269</v>
      </c>
    </row>
    <row r="30635" spans="1:10" x14ac:dyDescent="0.35">
      <c r="A30635" s="1" t="s">
        <v>25968</v>
      </c>
      <c r="B30635" s="1" t="s">
        <v>105234</v>
      </c>
      <c r="C30635" s="1" t="s">
        <v>55</v>
      </c>
      <c r="D30635" s="1" t="s">
        <v>107270</v>
      </c>
      <c r="E30635" s="1" t="s">
        <v>107271</v>
      </c>
      <c r="F30635" s="1" t="s">
        <v>60166</v>
      </c>
      <c r="G30635" s="1" t="s">
        <v>107247</v>
      </c>
      <c r="H30635" s="1" t="s">
        <v>107248</v>
      </c>
      <c r="I30635" s="1" t="s">
        <v>105238</v>
      </c>
      <c r="J30635" s="1" t="s">
        <v>107272</v>
      </c>
    </row>
    <row r="30636" spans="1:10" x14ac:dyDescent="0.35">
      <c r="A30636" s="1" t="s">
        <v>25968</v>
      </c>
      <c r="B30636" s="1" t="s">
        <v>105234</v>
      </c>
      <c r="C30636" s="1" t="s">
        <v>60</v>
      </c>
      <c r="D30636" s="1" t="s">
        <v>61470</v>
      </c>
      <c r="E30636" s="1" t="s">
        <v>107273</v>
      </c>
      <c r="F30636" s="1" t="s">
        <v>107274</v>
      </c>
      <c r="G30636" s="1" t="s">
        <v>107247</v>
      </c>
      <c r="H30636" s="1" t="s">
        <v>107248</v>
      </c>
      <c r="I30636" s="1" t="s">
        <v>105238</v>
      </c>
      <c r="J30636" s="1" t="s">
        <v>107275</v>
      </c>
    </row>
    <row r="30637" spans="1:10" x14ac:dyDescent="0.35">
      <c r="A30637" s="1" t="s">
        <v>25968</v>
      </c>
      <c r="B30637" s="1" t="s">
        <v>105234</v>
      </c>
      <c r="C30637" s="1" t="s">
        <v>65</v>
      </c>
      <c r="D30637" s="1" t="s">
        <v>62829</v>
      </c>
      <c r="E30637" s="1" t="s">
        <v>78808</v>
      </c>
      <c r="F30637" s="1" t="s">
        <v>107276</v>
      </c>
      <c r="G30637" s="1" t="s">
        <v>107247</v>
      </c>
      <c r="H30637" s="1" t="s">
        <v>107248</v>
      </c>
      <c r="I30637" s="1" t="s">
        <v>105238</v>
      </c>
      <c r="J30637" s="1" t="s">
        <v>107277</v>
      </c>
    </row>
    <row r="30638" spans="1:10" x14ac:dyDescent="0.35">
      <c r="A30638" s="1" t="s">
        <v>25968</v>
      </c>
      <c r="B30638" s="1" t="s">
        <v>105234</v>
      </c>
      <c r="C30638" s="1" t="s">
        <v>70</v>
      </c>
      <c r="D30638" s="1" t="s">
        <v>100287</v>
      </c>
      <c r="E30638" s="1" t="s">
        <v>107278</v>
      </c>
      <c r="F30638" s="1" t="s">
        <v>107279</v>
      </c>
      <c r="G30638" s="1" t="s">
        <v>107247</v>
      </c>
      <c r="H30638" s="1" t="s">
        <v>107248</v>
      </c>
      <c r="I30638" s="1" t="s">
        <v>105238</v>
      </c>
      <c r="J30638" s="1" t="s">
        <v>107280</v>
      </c>
    </row>
    <row r="30639" spans="1:10" x14ac:dyDescent="0.35">
      <c r="A30639" s="1" t="s">
        <v>25968</v>
      </c>
      <c r="B30639" s="1" t="s">
        <v>105234</v>
      </c>
      <c r="C30639" s="1" t="s">
        <v>75</v>
      </c>
      <c r="D30639" s="1" t="s">
        <v>107281</v>
      </c>
      <c r="E30639" s="1" t="s">
        <v>81190</v>
      </c>
      <c r="F30639" s="1" t="s">
        <v>107282</v>
      </c>
      <c r="G30639" s="1" t="s">
        <v>107247</v>
      </c>
      <c r="H30639" s="1" t="s">
        <v>107248</v>
      </c>
      <c r="I30639" s="1" t="s">
        <v>105238</v>
      </c>
      <c r="J30639" s="1" t="s">
        <v>107283</v>
      </c>
    </row>
    <row r="30640" spans="1:10" x14ac:dyDescent="0.35">
      <c r="A30640" s="1" t="s">
        <v>25968</v>
      </c>
      <c r="B30640" s="1" t="s">
        <v>105234</v>
      </c>
      <c r="C30640" s="1" t="s">
        <v>80</v>
      </c>
      <c r="D30640" s="1" t="s">
        <v>33359</v>
      </c>
      <c r="E30640" s="1" t="s">
        <v>107284</v>
      </c>
      <c r="F30640" s="1" t="s">
        <v>31915</v>
      </c>
      <c r="G30640" s="1" t="s">
        <v>107247</v>
      </c>
      <c r="H30640" s="1" t="s">
        <v>107248</v>
      </c>
      <c r="I30640" s="1" t="s">
        <v>105238</v>
      </c>
      <c r="J30640" s="1" t="s">
        <v>107285</v>
      </c>
    </row>
    <row r="30641" spans="1:10" x14ac:dyDescent="0.35">
      <c r="A30641" s="1" t="s">
        <v>25968</v>
      </c>
      <c r="B30641" s="1" t="s">
        <v>105234</v>
      </c>
      <c r="C30641" s="1" t="s">
        <v>85</v>
      </c>
      <c r="D30641" s="1" t="s">
        <v>68505</v>
      </c>
      <c r="E30641" s="1" t="s">
        <v>107256</v>
      </c>
      <c r="F30641" s="1" t="s">
        <v>107286</v>
      </c>
      <c r="G30641" s="1" t="s">
        <v>107247</v>
      </c>
      <c r="H30641" s="1" t="s">
        <v>107248</v>
      </c>
      <c r="I30641" s="1" t="s">
        <v>105238</v>
      </c>
      <c r="J30641" s="1" t="s">
        <v>107287</v>
      </c>
    </row>
    <row r="30642" spans="1:10" x14ac:dyDescent="0.35">
      <c r="A30642" s="1" t="s">
        <v>25968</v>
      </c>
      <c r="B30642" s="1" t="s">
        <v>105234</v>
      </c>
      <c r="C30642" s="1" t="s">
        <v>90</v>
      </c>
      <c r="D30642" s="1" t="s">
        <v>22285</v>
      </c>
      <c r="E30642" s="1" t="s">
        <v>15528</v>
      </c>
      <c r="F30642" s="1" t="s">
        <v>107288</v>
      </c>
      <c r="G30642" s="1" t="s">
        <v>107247</v>
      </c>
      <c r="H30642" s="1" t="s">
        <v>107248</v>
      </c>
      <c r="I30642" s="1" t="s">
        <v>105238</v>
      </c>
      <c r="J30642" s="1" t="s">
        <v>107289</v>
      </c>
    </row>
    <row r="30643" spans="1:10" x14ac:dyDescent="0.35">
      <c r="A30643" s="1" t="s">
        <v>25968</v>
      </c>
      <c r="B30643" s="1" t="s">
        <v>105234</v>
      </c>
      <c r="C30643" s="1" t="s">
        <v>95</v>
      </c>
      <c r="D30643" s="1" t="s">
        <v>92118</v>
      </c>
      <c r="E30643" s="1" t="s">
        <v>107290</v>
      </c>
      <c r="F30643" s="1" t="s">
        <v>56836</v>
      </c>
      <c r="G30643" s="1" t="s">
        <v>107247</v>
      </c>
      <c r="H30643" s="1" t="s">
        <v>107248</v>
      </c>
      <c r="I30643" s="1" t="s">
        <v>105238</v>
      </c>
      <c r="J30643" s="1" t="s">
        <v>107291</v>
      </c>
    </row>
    <row r="30644" spans="1:10" x14ac:dyDescent="0.35">
      <c r="A30644" s="1" t="s">
        <v>25968</v>
      </c>
      <c r="B30644" s="1" t="s">
        <v>105234</v>
      </c>
      <c r="C30644" s="1" t="s">
        <v>100</v>
      </c>
      <c r="D30644" s="1" t="s">
        <v>107292</v>
      </c>
      <c r="E30644" s="1" t="s">
        <v>107293</v>
      </c>
      <c r="F30644" s="1" t="s">
        <v>69482</v>
      </c>
      <c r="G30644" s="1" t="s">
        <v>107247</v>
      </c>
      <c r="H30644" s="1" t="s">
        <v>107248</v>
      </c>
      <c r="I30644" s="1" t="s">
        <v>105238</v>
      </c>
      <c r="J30644" s="1" t="s">
        <v>107294</v>
      </c>
    </row>
    <row r="30645" spans="1:10" x14ac:dyDescent="0.35">
      <c r="A30645" s="1" t="s">
        <v>25968</v>
      </c>
      <c r="B30645" s="1" t="s">
        <v>105234</v>
      </c>
      <c r="C30645" s="1" t="s">
        <v>105</v>
      </c>
      <c r="D30645" s="1" t="s">
        <v>79714</v>
      </c>
      <c r="E30645" s="1" t="s">
        <v>107295</v>
      </c>
      <c r="F30645" s="1" t="s">
        <v>107296</v>
      </c>
      <c r="G30645" s="1" t="s">
        <v>107247</v>
      </c>
      <c r="H30645" s="1" t="s">
        <v>107248</v>
      </c>
      <c r="I30645" s="1" t="s">
        <v>105238</v>
      </c>
      <c r="J30645" s="1" t="s">
        <v>107297</v>
      </c>
    </row>
    <row r="30646" spans="1:10" x14ac:dyDescent="0.35">
      <c r="A30646" s="1" t="s">
        <v>25968</v>
      </c>
      <c r="B30646" s="1" t="s">
        <v>105234</v>
      </c>
      <c r="C30646" s="1" t="s">
        <v>110</v>
      </c>
      <c r="D30646" s="1" t="s">
        <v>107298</v>
      </c>
      <c r="E30646" s="1" t="s">
        <v>107299</v>
      </c>
      <c r="F30646" s="1" t="s">
        <v>62641</v>
      </c>
      <c r="G30646" s="1" t="s">
        <v>107247</v>
      </c>
      <c r="H30646" s="1" t="s">
        <v>107248</v>
      </c>
      <c r="I30646" s="1" t="s">
        <v>105238</v>
      </c>
      <c r="J30646" s="1" t="s">
        <v>107300</v>
      </c>
    </row>
    <row r="30647" spans="1:10" x14ac:dyDescent="0.35">
      <c r="A30647" s="1" t="s">
        <v>25968</v>
      </c>
      <c r="B30647" s="1" t="s">
        <v>105234</v>
      </c>
      <c r="C30647" s="1" t="s">
        <v>115</v>
      </c>
      <c r="D30647" s="1" t="s">
        <v>107301</v>
      </c>
      <c r="E30647" s="1" t="s">
        <v>107302</v>
      </c>
      <c r="F30647" s="1" t="s">
        <v>107303</v>
      </c>
      <c r="G30647" s="1" t="s">
        <v>107247</v>
      </c>
      <c r="H30647" s="1" t="s">
        <v>107248</v>
      </c>
      <c r="I30647" s="1" t="s">
        <v>105238</v>
      </c>
      <c r="J30647" s="1" t="s">
        <v>107304</v>
      </c>
    </row>
    <row r="30648" spans="1:10" x14ac:dyDescent="0.35">
      <c r="A30648" s="1" t="s">
        <v>25968</v>
      </c>
      <c r="B30648" s="1" t="s">
        <v>105234</v>
      </c>
      <c r="C30648" s="1" t="s">
        <v>120</v>
      </c>
      <c r="D30648" s="1" t="s">
        <v>64423</v>
      </c>
      <c r="E30648" s="1" t="s">
        <v>107305</v>
      </c>
      <c r="F30648" s="1" t="s">
        <v>107306</v>
      </c>
      <c r="G30648" s="1" t="s">
        <v>107247</v>
      </c>
      <c r="H30648" s="1" t="s">
        <v>107248</v>
      </c>
      <c r="I30648" s="1" t="s">
        <v>105238</v>
      </c>
      <c r="J30648" s="1" t="s">
        <v>107307</v>
      </c>
    </row>
    <row r="30649" spans="1:10" x14ac:dyDescent="0.35">
      <c r="A30649" s="1" t="s">
        <v>25968</v>
      </c>
      <c r="B30649" s="1" t="s">
        <v>105234</v>
      </c>
      <c r="C30649" s="1" t="s">
        <v>125</v>
      </c>
      <c r="D30649" s="1" t="s">
        <v>107308</v>
      </c>
      <c r="E30649" s="1" t="s">
        <v>107309</v>
      </c>
      <c r="F30649" s="1" t="s">
        <v>107310</v>
      </c>
      <c r="G30649" s="1" t="s">
        <v>107247</v>
      </c>
      <c r="H30649" s="1" t="s">
        <v>107248</v>
      </c>
      <c r="I30649" s="1" t="s">
        <v>105238</v>
      </c>
      <c r="J30649" s="1" t="s">
        <v>107311</v>
      </c>
    </row>
    <row r="30650" spans="1:10" x14ac:dyDescent="0.35">
      <c r="A30650" s="1" t="s">
        <v>25968</v>
      </c>
      <c r="B30650" s="1" t="s">
        <v>105234</v>
      </c>
      <c r="C30650" s="1" t="s">
        <v>130</v>
      </c>
      <c r="D30650" s="1" t="s">
        <v>107312</v>
      </c>
      <c r="E30650" s="1" t="s">
        <v>107313</v>
      </c>
      <c r="F30650" s="1" t="s">
        <v>86957</v>
      </c>
      <c r="G30650" s="1" t="s">
        <v>107247</v>
      </c>
      <c r="H30650" s="1" t="s">
        <v>107248</v>
      </c>
      <c r="I30650" s="1" t="s">
        <v>105238</v>
      </c>
      <c r="J30650" s="1" t="s">
        <v>107314</v>
      </c>
    </row>
    <row r="30651" spans="1:10" x14ac:dyDescent="0.35">
      <c r="A30651" s="1" t="s">
        <v>25968</v>
      </c>
      <c r="B30651" s="1" t="s">
        <v>105234</v>
      </c>
      <c r="C30651" s="1" t="s">
        <v>135</v>
      </c>
      <c r="D30651" s="1" t="s">
        <v>107315</v>
      </c>
      <c r="E30651" s="1" t="s">
        <v>49813</v>
      </c>
      <c r="F30651" s="1" t="s">
        <v>107316</v>
      </c>
      <c r="G30651" s="1" t="s">
        <v>107247</v>
      </c>
      <c r="H30651" s="1" t="s">
        <v>107248</v>
      </c>
      <c r="I30651" s="1" t="s">
        <v>105238</v>
      </c>
      <c r="J30651" s="1" t="s">
        <v>107317</v>
      </c>
    </row>
    <row r="30652" spans="1:10" x14ac:dyDescent="0.35">
      <c r="A30652" s="1" t="s">
        <v>25968</v>
      </c>
      <c r="B30652" s="1" t="s">
        <v>105234</v>
      </c>
      <c r="C30652" s="1" t="s">
        <v>140</v>
      </c>
      <c r="D30652" s="1" t="s">
        <v>107318</v>
      </c>
      <c r="E30652" s="1" t="s">
        <v>107319</v>
      </c>
      <c r="F30652" s="1" t="s">
        <v>107320</v>
      </c>
      <c r="G30652" s="1" t="s">
        <v>107247</v>
      </c>
      <c r="H30652" s="1" t="s">
        <v>107248</v>
      </c>
      <c r="I30652" s="1" t="s">
        <v>105238</v>
      </c>
      <c r="J30652" s="1" t="s">
        <v>107321</v>
      </c>
    </row>
    <row r="30653" spans="1:10" x14ac:dyDescent="0.35">
      <c r="A30653" s="1" t="s">
        <v>25968</v>
      </c>
      <c r="B30653" s="1" t="s">
        <v>105234</v>
      </c>
      <c r="C30653" s="1" t="s">
        <v>145</v>
      </c>
      <c r="D30653" s="1" t="s">
        <v>107322</v>
      </c>
      <c r="E30653" s="1" t="s">
        <v>107323</v>
      </c>
      <c r="F30653" s="1" t="s">
        <v>107324</v>
      </c>
      <c r="G30653" s="1" t="s">
        <v>107247</v>
      </c>
      <c r="H30653" s="1" t="s">
        <v>107248</v>
      </c>
      <c r="I30653" s="1" t="s">
        <v>105238</v>
      </c>
      <c r="J30653" s="1" t="s">
        <v>107325</v>
      </c>
    </row>
    <row r="30654" spans="1:10" x14ac:dyDescent="0.35">
      <c r="A30654" s="1" t="s">
        <v>25968</v>
      </c>
      <c r="B30654" s="1" t="s">
        <v>105234</v>
      </c>
      <c r="C30654" s="1" t="s">
        <v>150</v>
      </c>
      <c r="D30654" s="1" t="s">
        <v>68760</v>
      </c>
      <c r="E30654" s="1" t="s">
        <v>107326</v>
      </c>
      <c r="F30654" s="1" t="s">
        <v>107327</v>
      </c>
      <c r="G30654" s="1" t="s">
        <v>107247</v>
      </c>
      <c r="H30654" s="1" t="s">
        <v>107248</v>
      </c>
      <c r="I30654" s="1" t="s">
        <v>105238</v>
      </c>
      <c r="J30654" s="1" t="s">
        <v>107328</v>
      </c>
    </row>
    <row r="30655" spans="1:10" x14ac:dyDescent="0.35">
      <c r="A30655" s="1" t="s">
        <v>25968</v>
      </c>
      <c r="B30655" s="1" t="s">
        <v>105234</v>
      </c>
      <c r="C30655" s="1" t="s">
        <v>155</v>
      </c>
      <c r="D30655" s="1" t="s">
        <v>54135</v>
      </c>
      <c r="E30655" s="1" t="s">
        <v>107329</v>
      </c>
      <c r="F30655" s="1" t="s">
        <v>107330</v>
      </c>
      <c r="G30655" s="1" t="s">
        <v>107247</v>
      </c>
      <c r="H30655" s="1" t="s">
        <v>107248</v>
      </c>
      <c r="I30655" s="1" t="s">
        <v>105238</v>
      </c>
      <c r="J30655" s="1" t="s">
        <v>107331</v>
      </c>
    </row>
    <row r="30656" spans="1:10" x14ac:dyDescent="0.35">
      <c r="A30656" s="1" t="s">
        <v>25968</v>
      </c>
      <c r="B30656" s="1" t="s">
        <v>105234</v>
      </c>
      <c r="C30656" s="1" t="s">
        <v>160</v>
      </c>
      <c r="D30656" s="1" t="s">
        <v>107332</v>
      </c>
      <c r="E30656" s="1" t="s">
        <v>107333</v>
      </c>
      <c r="F30656" s="1" t="s">
        <v>107334</v>
      </c>
      <c r="G30656" s="1" t="s">
        <v>107247</v>
      </c>
      <c r="H30656" s="1" t="s">
        <v>107248</v>
      </c>
      <c r="I30656" s="1" t="s">
        <v>105238</v>
      </c>
      <c r="J30656" s="1" t="s">
        <v>107335</v>
      </c>
    </row>
    <row r="30657" spans="1:10" x14ac:dyDescent="0.35">
      <c r="A30657" s="1" t="s">
        <v>25968</v>
      </c>
      <c r="B30657" s="1" t="s">
        <v>105234</v>
      </c>
      <c r="C30657" s="1" t="s">
        <v>165</v>
      </c>
      <c r="D30657" s="1" t="s">
        <v>107336</v>
      </c>
      <c r="E30657" s="1" t="s">
        <v>107337</v>
      </c>
      <c r="F30657" s="1" t="s">
        <v>55987</v>
      </c>
      <c r="G30657" s="1" t="s">
        <v>107247</v>
      </c>
      <c r="H30657" s="1" t="s">
        <v>107248</v>
      </c>
      <c r="I30657" s="1" t="s">
        <v>105238</v>
      </c>
      <c r="J30657" s="1" t="s">
        <v>107338</v>
      </c>
    </row>
    <row r="30658" spans="1:10" x14ac:dyDescent="0.35">
      <c r="A30658" s="1" t="s">
        <v>25968</v>
      </c>
      <c r="B30658" s="1" t="s">
        <v>105234</v>
      </c>
      <c r="C30658" s="1" t="s">
        <v>170</v>
      </c>
      <c r="D30658" s="1" t="s">
        <v>107339</v>
      </c>
      <c r="E30658" s="1" t="s">
        <v>107340</v>
      </c>
      <c r="F30658" s="1" t="s">
        <v>59313</v>
      </c>
      <c r="G30658" s="1" t="s">
        <v>107247</v>
      </c>
      <c r="H30658" s="1" t="s">
        <v>107248</v>
      </c>
      <c r="I30658" s="1" t="s">
        <v>105238</v>
      </c>
      <c r="J30658" s="1" t="s">
        <v>107341</v>
      </c>
    </row>
    <row r="30659" spans="1:10" x14ac:dyDescent="0.35">
      <c r="A30659" s="1" t="s">
        <v>107342</v>
      </c>
      <c r="B30659" s="1" t="s">
        <v>105234</v>
      </c>
      <c r="C30659" s="1" t="s">
        <v>8</v>
      </c>
      <c r="D30659" s="1" t="s">
        <v>107343</v>
      </c>
      <c r="E30659" s="1" t="s">
        <v>73426</v>
      </c>
      <c r="F30659" s="1" t="s">
        <v>107344</v>
      </c>
      <c r="G30659" s="1" t="s">
        <v>107345</v>
      </c>
      <c r="H30659" s="1" t="s">
        <v>107346</v>
      </c>
      <c r="I30659" s="1" t="s">
        <v>105238</v>
      </c>
      <c r="J30659" s="1" t="s">
        <v>13</v>
      </c>
    </row>
    <row r="30660" spans="1:10" x14ac:dyDescent="0.35">
      <c r="A30660" s="1" t="s">
        <v>107342</v>
      </c>
      <c r="B30660" s="1" t="s">
        <v>105234</v>
      </c>
      <c r="C30660" s="1" t="s">
        <v>15</v>
      </c>
      <c r="D30660" s="1" t="s">
        <v>107347</v>
      </c>
      <c r="E30660" s="1" t="s">
        <v>107348</v>
      </c>
      <c r="F30660" s="1" t="s">
        <v>107349</v>
      </c>
      <c r="G30660" s="1" t="s">
        <v>107345</v>
      </c>
      <c r="H30660" s="1" t="s">
        <v>107346</v>
      </c>
      <c r="I30660" s="1" t="s">
        <v>105238</v>
      </c>
      <c r="J30660" s="1" t="s">
        <v>107350</v>
      </c>
    </row>
    <row r="30661" spans="1:10" x14ac:dyDescent="0.35">
      <c r="A30661" s="1" t="s">
        <v>107342</v>
      </c>
      <c r="B30661" s="1" t="s">
        <v>105234</v>
      </c>
      <c r="C30661" s="1" t="s">
        <v>20</v>
      </c>
      <c r="D30661" s="1" t="s">
        <v>11656</v>
      </c>
      <c r="E30661" s="1" t="s">
        <v>107351</v>
      </c>
      <c r="F30661" s="1" t="s">
        <v>107352</v>
      </c>
      <c r="G30661" s="1" t="s">
        <v>107345</v>
      </c>
      <c r="H30661" s="1" t="s">
        <v>107346</v>
      </c>
      <c r="I30661" s="1" t="s">
        <v>105238</v>
      </c>
      <c r="J30661" s="1" t="s">
        <v>107353</v>
      </c>
    </row>
    <row r="30662" spans="1:10" x14ac:dyDescent="0.35">
      <c r="A30662" s="1" t="s">
        <v>107342</v>
      </c>
      <c r="B30662" s="1" t="s">
        <v>105234</v>
      </c>
      <c r="C30662" s="1" t="s">
        <v>25</v>
      </c>
      <c r="D30662" s="1" t="s">
        <v>107354</v>
      </c>
      <c r="E30662" s="1" t="s">
        <v>107355</v>
      </c>
      <c r="F30662" s="1" t="s">
        <v>107356</v>
      </c>
      <c r="G30662" s="1" t="s">
        <v>107345</v>
      </c>
      <c r="H30662" s="1" t="s">
        <v>107346</v>
      </c>
      <c r="I30662" s="1" t="s">
        <v>105238</v>
      </c>
      <c r="J30662" s="1" t="s">
        <v>107357</v>
      </c>
    </row>
    <row r="30663" spans="1:10" x14ac:dyDescent="0.35">
      <c r="A30663" s="1" t="s">
        <v>107342</v>
      </c>
      <c r="B30663" s="1" t="s">
        <v>105234</v>
      </c>
      <c r="C30663" s="1" t="s">
        <v>30</v>
      </c>
      <c r="D30663" s="1" t="s">
        <v>107358</v>
      </c>
      <c r="E30663" s="1" t="s">
        <v>107359</v>
      </c>
      <c r="F30663" s="1" t="s">
        <v>107360</v>
      </c>
      <c r="G30663" s="1" t="s">
        <v>107345</v>
      </c>
      <c r="H30663" s="1" t="s">
        <v>107346</v>
      </c>
      <c r="I30663" s="1" t="s">
        <v>105238</v>
      </c>
      <c r="J30663" s="1" t="s">
        <v>107361</v>
      </c>
    </row>
    <row r="30664" spans="1:10" x14ac:dyDescent="0.35">
      <c r="A30664" s="1" t="s">
        <v>107342</v>
      </c>
      <c r="B30664" s="1" t="s">
        <v>105234</v>
      </c>
      <c r="C30664" s="1" t="s">
        <v>35</v>
      </c>
      <c r="D30664" s="1" t="s">
        <v>107362</v>
      </c>
      <c r="E30664" s="1" t="s">
        <v>107302</v>
      </c>
      <c r="F30664" s="1" t="s">
        <v>107363</v>
      </c>
      <c r="G30664" s="1" t="s">
        <v>107345</v>
      </c>
      <c r="H30664" s="1" t="s">
        <v>107346</v>
      </c>
      <c r="I30664" s="1" t="s">
        <v>105238</v>
      </c>
      <c r="J30664" s="1" t="s">
        <v>107364</v>
      </c>
    </row>
    <row r="30665" spans="1:10" x14ac:dyDescent="0.35">
      <c r="A30665" s="1" t="s">
        <v>107342</v>
      </c>
      <c r="B30665" s="1" t="s">
        <v>105234</v>
      </c>
      <c r="C30665" s="1" t="s">
        <v>40</v>
      </c>
      <c r="D30665" s="1" t="s">
        <v>107365</v>
      </c>
      <c r="E30665" s="1" t="s">
        <v>107366</v>
      </c>
      <c r="F30665" s="1" t="s">
        <v>107367</v>
      </c>
      <c r="G30665" s="1" t="s">
        <v>107345</v>
      </c>
      <c r="H30665" s="1" t="s">
        <v>107346</v>
      </c>
      <c r="I30665" s="1" t="s">
        <v>105238</v>
      </c>
      <c r="J30665" s="1" t="s">
        <v>107368</v>
      </c>
    </row>
    <row r="30666" spans="1:10" x14ac:dyDescent="0.35">
      <c r="A30666" s="1" t="s">
        <v>107342</v>
      </c>
      <c r="B30666" s="1" t="s">
        <v>105234</v>
      </c>
      <c r="C30666" s="1" t="s">
        <v>45</v>
      </c>
      <c r="D30666" s="1" t="s">
        <v>107369</v>
      </c>
      <c r="E30666" s="1" t="s">
        <v>107370</v>
      </c>
      <c r="F30666" s="1" t="s">
        <v>107371</v>
      </c>
      <c r="G30666" s="1" t="s">
        <v>107345</v>
      </c>
      <c r="H30666" s="1" t="s">
        <v>107346</v>
      </c>
      <c r="I30666" s="1" t="s">
        <v>105238</v>
      </c>
      <c r="J30666" s="1" t="s">
        <v>107372</v>
      </c>
    </row>
    <row r="30667" spans="1:10" x14ac:dyDescent="0.35">
      <c r="A30667" s="1" t="s">
        <v>107342</v>
      </c>
      <c r="B30667" s="1" t="s">
        <v>105234</v>
      </c>
      <c r="C30667" s="1" t="s">
        <v>50</v>
      </c>
      <c r="D30667" s="1" t="s">
        <v>107373</v>
      </c>
      <c r="E30667" s="1" t="s">
        <v>107374</v>
      </c>
      <c r="F30667" s="1" t="s">
        <v>107375</v>
      </c>
      <c r="G30667" s="1" t="s">
        <v>107345</v>
      </c>
      <c r="H30667" s="1" t="s">
        <v>107346</v>
      </c>
      <c r="I30667" s="1" t="s">
        <v>105238</v>
      </c>
      <c r="J30667" s="1" t="s">
        <v>107376</v>
      </c>
    </row>
    <row r="30668" spans="1:10" x14ac:dyDescent="0.35">
      <c r="A30668" s="1" t="s">
        <v>107342</v>
      </c>
      <c r="B30668" s="1" t="s">
        <v>105234</v>
      </c>
      <c r="C30668" s="1" t="s">
        <v>55</v>
      </c>
      <c r="D30668" s="1" t="s">
        <v>58982</v>
      </c>
      <c r="E30668" s="1" t="s">
        <v>81143</v>
      </c>
      <c r="F30668" s="1" t="s">
        <v>107377</v>
      </c>
      <c r="G30668" s="1" t="s">
        <v>107345</v>
      </c>
      <c r="H30668" s="1" t="s">
        <v>107346</v>
      </c>
      <c r="I30668" s="1" t="s">
        <v>105238</v>
      </c>
      <c r="J30668" s="1" t="s">
        <v>107378</v>
      </c>
    </row>
    <row r="30669" spans="1:10" x14ac:dyDescent="0.35">
      <c r="A30669" s="1" t="s">
        <v>107342</v>
      </c>
      <c r="B30669" s="1" t="s">
        <v>105234</v>
      </c>
      <c r="C30669" s="1" t="s">
        <v>60</v>
      </c>
      <c r="D30669" s="1" t="s">
        <v>107379</v>
      </c>
      <c r="E30669" s="1" t="s">
        <v>107380</v>
      </c>
      <c r="F30669" s="1" t="s">
        <v>107381</v>
      </c>
      <c r="G30669" s="1" t="s">
        <v>107345</v>
      </c>
      <c r="H30669" s="1" t="s">
        <v>107346</v>
      </c>
      <c r="I30669" s="1" t="s">
        <v>105238</v>
      </c>
      <c r="J30669" s="1" t="s">
        <v>107382</v>
      </c>
    </row>
    <row r="30670" spans="1:10" x14ac:dyDescent="0.35">
      <c r="A30670" s="1" t="s">
        <v>107342</v>
      </c>
      <c r="B30670" s="1" t="s">
        <v>105234</v>
      </c>
      <c r="C30670" s="1" t="s">
        <v>65</v>
      </c>
      <c r="D30670" s="1" t="s">
        <v>107383</v>
      </c>
      <c r="E30670" s="1" t="s">
        <v>81174</v>
      </c>
      <c r="F30670" s="1" t="s">
        <v>107384</v>
      </c>
      <c r="G30670" s="1" t="s">
        <v>107345</v>
      </c>
      <c r="H30670" s="1" t="s">
        <v>107346</v>
      </c>
      <c r="I30670" s="1" t="s">
        <v>105238</v>
      </c>
      <c r="J30670" s="1" t="s">
        <v>107385</v>
      </c>
    </row>
    <row r="30671" spans="1:10" x14ac:dyDescent="0.35">
      <c r="A30671" s="1" t="s">
        <v>107342</v>
      </c>
      <c r="B30671" s="1" t="s">
        <v>105234</v>
      </c>
      <c r="C30671" s="1" t="s">
        <v>70</v>
      </c>
      <c r="D30671" s="1" t="s">
        <v>38121</v>
      </c>
      <c r="E30671" s="1" t="s">
        <v>107386</v>
      </c>
      <c r="F30671" s="1" t="s">
        <v>27150</v>
      </c>
      <c r="G30671" s="1" t="s">
        <v>107345</v>
      </c>
      <c r="H30671" s="1" t="s">
        <v>107346</v>
      </c>
      <c r="I30671" s="1" t="s">
        <v>105238</v>
      </c>
      <c r="J30671" s="1" t="s">
        <v>107387</v>
      </c>
    </row>
    <row r="30672" spans="1:10" x14ac:dyDescent="0.35">
      <c r="A30672" s="1" t="s">
        <v>107342</v>
      </c>
      <c r="B30672" s="1" t="s">
        <v>105234</v>
      </c>
      <c r="C30672" s="1" t="s">
        <v>75</v>
      </c>
      <c r="D30672" s="1" t="s">
        <v>107388</v>
      </c>
      <c r="E30672" s="1" t="s">
        <v>16302</v>
      </c>
      <c r="F30672" s="1" t="s">
        <v>107389</v>
      </c>
      <c r="G30672" s="1" t="s">
        <v>107345</v>
      </c>
      <c r="H30672" s="1" t="s">
        <v>107346</v>
      </c>
      <c r="I30672" s="1" t="s">
        <v>105238</v>
      </c>
      <c r="J30672" s="1" t="s">
        <v>107390</v>
      </c>
    </row>
    <row r="30673" spans="1:10" x14ac:dyDescent="0.35">
      <c r="A30673" s="1" t="s">
        <v>107342</v>
      </c>
      <c r="B30673" s="1" t="s">
        <v>105234</v>
      </c>
      <c r="C30673" s="1" t="s">
        <v>80</v>
      </c>
      <c r="D30673" s="1" t="s">
        <v>86295</v>
      </c>
      <c r="E30673" s="1" t="s">
        <v>107391</v>
      </c>
      <c r="F30673" s="1" t="s">
        <v>107392</v>
      </c>
      <c r="G30673" s="1" t="s">
        <v>107345</v>
      </c>
      <c r="H30673" s="1" t="s">
        <v>107346</v>
      </c>
      <c r="I30673" s="1" t="s">
        <v>105238</v>
      </c>
      <c r="J30673" s="1" t="s">
        <v>107393</v>
      </c>
    </row>
    <row r="30674" spans="1:10" x14ac:dyDescent="0.35">
      <c r="A30674" s="1" t="s">
        <v>107342</v>
      </c>
      <c r="B30674" s="1" t="s">
        <v>105234</v>
      </c>
      <c r="C30674" s="1" t="s">
        <v>85</v>
      </c>
      <c r="D30674" s="1" t="s">
        <v>107394</v>
      </c>
      <c r="E30674" s="1" t="s">
        <v>15544</v>
      </c>
      <c r="F30674" s="1" t="s">
        <v>107395</v>
      </c>
      <c r="G30674" s="1" t="s">
        <v>107345</v>
      </c>
      <c r="H30674" s="1" t="s">
        <v>107346</v>
      </c>
      <c r="I30674" s="1" t="s">
        <v>105238</v>
      </c>
      <c r="J30674" s="1" t="s">
        <v>107396</v>
      </c>
    </row>
    <row r="30675" spans="1:10" x14ac:dyDescent="0.35">
      <c r="A30675" s="1" t="s">
        <v>107342</v>
      </c>
      <c r="B30675" s="1" t="s">
        <v>105234</v>
      </c>
      <c r="C30675" s="1" t="s">
        <v>90</v>
      </c>
      <c r="D30675" s="1" t="s">
        <v>107397</v>
      </c>
      <c r="E30675" s="1" t="s">
        <v>107398</v>
      </c>
      <c r="F30675" s="1" t="s">
        <v>107399</v>
      </c>
      <c r="G30675" s="1" t="s">
        <v>107345</v>
      </c>
      <c r="H30675" s="1" t="s">
        <v>107346</v>
      </c>
      <c r="I30675" s="1" t="s">
        <v>105238</v>
      </c>
      <c r="J30675" s="1" t="s">
        <v>107400</v>
      </c>
    </row>
    <row r="30676" spans="1:10" x14ac:dyDescent="0.35">
      <c r="A30676" s="1" t="s">
        <v>107342</v>
      </c>
      <c r="B30676" s="1" t="s">
        <v>105234</v>
      </c>
      <c r="C30676" s="1" t="s">
        <v>95</v>
      </c>
      <c r="D30676" s="1" t="s">
        <v>107401</v>
      </c>
      <c r="E30676" s="1" t="s">
        <v>81143</v>
      </c>
      <c r="F30676" s="1" t="s">
        <v>59779</v>
      </c>
      <c r="G30676" s="1" t="s">
        <v>107345</v>
      </c>
      <c r="H30676" s="1" t="s">
        <v>107346</v>
      </c>
      <c r="I30676" s="1" t="s">
        <v>105238</v>
      </c>
      <c r="J30676" s="1" t="s">
        <v>107402</v>
      </c>
    </row>
    <row r="30677" spans="1:10" x14ac:dyDescent="0.35">
      <c r="A30677" s="1" t="s">
        <v>107342</v>
      </c>
      <c r="B30677" s="1" t="s">
        <v>105234</v>
      </c>
      <c r="C30677" s="1" t="s">
        <v>100</v>
      </c>
      <c r="D30677" s="1" t="s">
        <v>107403</v>
      </c>
      <c r="E30677" s="1" t="s">
        <v>107404</v>
      </c>
      <c r="F30677" s="1" t="s">
        <v>72779</v>
      </c>
      <c r="G30677" s="1" t="s">
        <v>107345</v>
      </c>
      <c r="H30677" s="1" t="s">
        <v>107346</v>
      </c>
      <c r="I30677" s="1" t="s">
        <v>105238</v>
      </c>
      <c r="J30677" s="1" t="s">
        <v>107405</v>
      </c>
    </row>
    <row r="30678" spans="1:10" x14ac:dyDescent="0.35">
      <c r="A30678" s="1" t="s">
        <v>107342</v>
      </c>
      <c r="B30678" s="1" t="s">
        <v>105234</v>
      </c>
      <c r="C30678" s="1" t="s">
        <v>105</v>
      </c>
      <c r="D30678" s="1" t="s">
        <v>107406</v>
      </c>
      <c r="E30678" s="1" t="s">
        <v>107407</v>
      </c>
      <c r="F30678" s="1" t="s">
        <v>107408</v>
      </c>
      <c r="G30678" s="1" t="s">
        <v>107345</v>
      </c>
      <c r="H30678" s="1" t="s">
        <v>107346</v>
      </c>
      <c r="I30678" s="1" t="s">
        <v>105238</v>
      </c>
      <c r="J30678" s="1" t="s">
        <v>107409</v>
      </c>
    </row>
    <row r="30679" spans="1:10" x14ac:dyDescent="0.35">
      <c r="A30679" s="1" t="s">
        <v>107342</v>
      </c>
      <c r="B30679" s="1" t="s">
        <v>105234</v>
      </c>
      <c r="C30679" s="1" t="s">
        <v>110</v>
      </c>
      <c r="D30679" s="1" t="s">
        <v>107410</v>
      </c>
      <c r="E30679" s="1" t="s">
        <v>107411</v>
      </c>
      <c r="F30679" s="1" t="s">
        <v>107412</v>
      </c>
      <c r="G30679" s="1" t="s">
        <v>107345</v>
      </c>
      <c r="H30679" s="1" t="s">
        <v>107346</v>
      </c>
      <c r="I30679" s="1" t="s">
        <v>105238</v>
      </c>
      <c r="J30679" s="1" t="s">
        <v>107413</v>
      </c>
    </row>
    <row r="30680" spans="1:10" x14ac:dyDescent="0.35">
      <c r="A30680" s="1" t="s">
        <v>107342</v>
      </c>
      <c r="B30680" s="1" t="s">
        <v>105234</v>
      </c>
      <c r="C30680" s="1" t="s">
        <v>115</v>
      </c>
      <c r="D30680" s="1" t="s">
        <v>77089</v>
      </c>
      <c r="E30680" s="1" t="s">
        <v>107414</v>
      </c>
      <c r="F30680" s="1" t="s">
        <v>54460</v>
      </c>
      <c r="G30680" s="1" t="s">
        <v>107345</v>
      </c>
      <c r="H30680" s="1" t="s">
        <v>107346</v>
      </c>
      <c r="I30680" s="1" t="s">
        <v>105238</v>
      </c>
      <c r="J30680" s="1" t="s">
        <v>107415</v>
      </c>
    </row>
    <row r="30681" spans="1:10" x14ac:dyDescent="0.35">
      <c r="A30681" s="1" t="s">
        <v>107342</v>
      </c>
      <c r="B30681" s="1" t="s">
        <v>105234</v>
      </c>
      <c r="C30681" s="1" t="s">
        <v>120</v>
      </c>
      <c r="D30681" s="1" t="s">
        <v>107416</v>
      </c>
      <c r="E30681" s="1" t="s">
        <v>107417</v>
      </c>
      <c r="F30681" s="1" t="s">
        <v>62012</v>
      </c>
      <c r="G30681" s="1" t="s">
        <v>107345</v>
      </c>
      <c r="H30681" s="1" t="s">
        <v>107346</v>
      </c>
      <c r="I30681" s="1" t="s">
        <v>105238</v>
      </c>
      <c r="J30681" s="1" t="s">
        <v>107418</v>
      </c>
    </row>
    <row r="30682" spans="1:10" x14ac:dyDescent="0.35">
      <c r="A30682" s="1" t="s">
        <v>107342</v>
      </c>
      <c r="B30682" s="1" t="s">
        <v>105234</v>
      </c>
      <c r="C30682" s="1" t="s">
        <v>125</v>
      </c>
      <c r="D30682" s="1" t="s">
        <v>83861</v>
      </c>
      <c r="E30682" s="1" t="s">
        <v>107419</v>
      </c>
      <c r="F30682" s="1" t="s">
        <v>107420</v>
      </c>
      <c r="G30682" s="1" t="s">
        <v>107345</v>
      </c>
      <c r="H30682" s="1" t="s">
        <v>107346</v>
      </c>
      <c r="I30682" s="1" t="s">
        <v>105238</v>
      </c>
      <c r="J30682" s="1" t="s">
        <v>107421</v>
      </c>
    </row>
    <row r="30683" spans="1:10" x14ac:dyDescent="0.35">
      <c r="A30683" s="1" t="s">
        <v>107342</v>
      </c>
      <c r="B30683" s="1" t="s">
        <v>105234</v>
      </c>
      <c r="C30683" s="1" t="s">
        <v>130</v>
      </c>
      <c r="D30683" s="1" t="s">
        <v>107422</v>
      </c>
      <c r="E30683" s="1" t="s">
        <v>107423</v>
      </c>
      <c r="F30683" s="1" t="s">
        <v>107424</v>
      </c>
      <c r="G30683" s="1" t="s">
        <v>107345</v>
      </c>
      <c r="H30683" s="1" t="s">
        <v>107346</v>
      </c>
      <c r="I30683" s="1" t="s">
        <v>105238</v>
      </c>
      <c r="J30683" s="1" t="s">
        <v>107425</v>
      </c>
    </row>
    <row r="30684" spans="1:10" x14ac:dyDescent="0.35">
      <c r="A30684" s="1" t="s">
        <v>107342</v>
      </c>
      <c r="B30684" s="1" t="s">
        <v>105234</v>
      </c>
      <c r="C30684" s="1" t="s">
        <v>135</v>
      </c>
      <c r="D30684" s="1" t="s">
        <v>55613</v>
      </c>
      <c r="E30684" s="1" t="s">
        <v>106540</v>
      </c>
      <c r="F30684" s="1" t="s">
        <v>58744</v>
      </c>
      <c r="G30684" s="1" t="s">
        <v>107345</v>
      </c>
      <c r="H30684" s="1" t="s">
        <v>107346</v>
      </c>
      <c r="I30684" s="1" t="s">
        <v>105238</v>
      </c>
      <c r="J30684" s="1" t="s">
        <v>107426</v>
      </c>
    </row>
    <row r="30685" spans="1:10" x14ac:dyDescent="0.35">
      <c r="A30685" s="1" t="s">
        <v>107342</v>
      </c>
      <c r="B30685" s="1" t="s">
        <v>105234</v>
      </c>
      <c r="C30685" s="1" t="s">
        <v>140</v>
      </c>
      <c r="D30685" s="1" t="s">
        <v>107427</v>
      </c>
      <c r="E30685" s="1" t="s">
        <v>107428</v>
      </c>
      <c r="F30685" s="1" t="s">
        <v>55384</v>
      </c>
      <c r="G30685" s="1" t="s">
        <v>107345</v>
      </c>
      <c r="H30685" s="1" t="s">
        <v>107346</v>
      </c>
      <c r="I30685" s="1" t="s">
        <v>105238</v>
      </c>
      <c r="J30685" s="1" t="s">
        <v>107429</v>
      </c>
    </row>
    <row r="30686" spans="1:10" x14ac:dyDescent="0.35">
      <c r="A30686" s="1" t="s">
        <v>107342</v>
      </c>
      <c r="B30686" s="1" t="s">
        <v>105234</v>
      </c>
      <c r="C30686" s="1" t="s">
        <v>145</v>
      </c>
      <c r="D30686" s="1" t="s">
        <v>107430</v>
      </c>
      <c r="E30686" s="1" t="s">
        <v>107431</v>
      </c>
      <c r="F30686" s="1" t="s">
        <v>107432</v>
      </c>
      <c r="G30686" s="1" t="s">
        <v>107345</v>
      </c>
      <c r="H30686" s="1" t="s">
        <v>107346</v>
      </c>
      <c r="I30686" s="1" t="s">
        <v>105238</v>
      </c>
      <c r="J30686" s="1" t="s">
        <v>107433</v>
      </c>
    </row>
    <row r="30687" spans="1:10" x14ac:dyDescent="0.35">
      <c r="A30687" s="1" t="s">
        <v>107342</v>
      </c>
      <c r="B30687" s="1" t="s">
        <v>105234</v>
      </c>
      <c r="C30687" s="1" t="s">
        <v>150</v>
      </c>
      <c r="D30687" s="1" t="s">
        <v>107434</v>
      </c>
      <c r="E30687" s="1" t="s">
        <v>107435</v>
      </c>
      <c r="F30687" s="1" t="s">
        <v>107436</v>
      </c>
      <c r="G30687" s="1" t="s">
        <v>107345</v>
      </c>
      <c r="H30687" s="1" t="s">
        <v>107346</v>
      </c>
      <c r="I30687" s="1" t="s">
        <v>105238</v>
      </c>
      <c r="J30687" s="1" t="s">
        <v>107437</v>
      </c>
    </row>
    <row r="30688" spans="1:10" x14ac:dyDescent="0.35">
      <c r="A30688" s="1" t="s">
        <v>107342</v>
      </c>
      <c r="B30688" s="1" t="s">
        <v>105234</v>
      </c>
      <c r="C30688" s="1" t="s">
        <v>155</v>
      </c>
      <c r="D30688" s="1" t="s">
        <v>52441</v>
      </c>
      <c r="E30688" s="1" t="s">
        <v>107435</v>
      </c>
      <c r="F30688" s="1" t="s">
        <v>107438</v>
      </c>
      <c r="G30688" s="1" t="s">
        <v>107345</v>
      </c>
      <c r="H30688" s="1" t="s">
        <v>107346</v>
      </c>
      <c r="I30688" s="1" t="s">
        <v>105238</v>
      </c>
      <c r="J30688" s="1" t="s">
        <v>107439</v>
      </c>
    </row>
    <row r="30689" spans="1:10" x14ac:dyDescent="0.35">
      <c r="A30689" s="1" t="s">
        <v>107342</v>
      </c>
      <c r="B30689" s="1" t="s">
        <v>105234</v>
      </c>
      <c r="C30689" s="1" t="s">
        <v>160</v>
      </c>
      <c r="D30689" s="1" t="s">
        <v>107440</v>
      </c>
      <c r="E30689" s="1" t="s">
        <v>107441</v>
      </c>
      <c r="F30689" s="1" t="s">
        <v>107442</v>
      </c>
      <c r="G30689" s="1" t="s">
        <v>107345</v>
      </c>
      <c r="H30689" s="1" t="s">
        <v>107346</v>
      </c>
      <c r="I30689" s="1" t="s">
        <v>105238</v>
      </c>
      <c r="J30689" s="1" t="s">
        <v>107443</v>
      </c>
    </row>
    <row r="30690" spans="1:10" x14ac:dyDescent="0.35">
      <c r="A30690" s="1" t="s">
        <v>107342</v>
      </c>
      <c r="B30690" s="1" t="s">
        <v>105234</v>
      </c>
      <c r="C30690" s="1" t="s">
        <v>165</v>
      </c>
      <c r="D30690" s="1" t="s">
        <v>107444</v>
      </c>
      <c r="E30690" s="1" t="s">
        <v>107445</v>
      </c>
      <c r="F30690" s="1" t="s">
        <v>107420</v>
      </c>
      <c r="G30690" s="1" t="s">
        <v>107345</v>
      </c>
      <c r="H30690" s="1" t="s">
        <v>107346</v>
      </c>
      <c r="I30690" s="1" t="s">
        <v>105238</v>
      </c>
      <c r="J30690" s="1" t="s">
        <v>107446</v>
      </c>
    </row>
    <row r="30691" spans="1:10" x14ac:dyDescent="0.35">
      <c r="A30691" s="1" t="s">
        <v>107342</v>
      </c>
      <c r="B30691" s="1" t="s">
        <v>105234</v>
      </c>
      <c r="C30691" s="1" t="s">
        <v>170</v>
      </c>
      <c r="D30691" s="1" t="s">
        <v>67894</v>
      </c>
      <c r="E30691" s="1" t="s">
        <v>107447</v>
      </c>
      <c r="F30691" s="1" t="s">
        <v>107448</v>
      </c>
      <c r="G30691" s="1" t="s">
        <v>107345</v>
      </c>
      <c r="H30691" s="1" t="s">
        <v>107346</v>
      </c>
      <c r="I30691" s="1" t="s">
        <v>105238</v>
      </c>
      <c r="J30691" s="1" t="s">
        <v>107449</v>
      </c>
    </row>
    <row r="30692" spans="1:10" x14ac:dyDescent="0.35">
      <c r="A30692" s="1" t="s">
        <v>107450</v>
      </c>
      <c r="B30692" s="1" t="s">
        <v>105234</v>
      </c>
      <c r="C30692" s="1" t="s">
        <v>8</v>
      </c>
      <c r="D30692" s="1" t="s">
        <v>34027</v>
      </c>
      <c r="E30692" s="1" t="s">
        <v>107451</v>
      </c>
      <c r="F30692" s="1" t="s">
        <v>107452</v>
      </c>
      <c r="G30692" s="1" t="s">
        <v>107453</v>
      </c>
      <c r="H30692" s="1" t="s">
        <v>107454</v>
      </c>
      <c r="I30692" s="1" t="s">
        <v>105238</v>
      </c>
      <c r="J30692" s="1" t="s">
        <v>13</v>
      </c>
    </row>
    <row r="30693" spans="1:10" x14ac:dyDescent="0.35">
      <c r="A30693" s="1" t="s">
        <v>107450</v>
      </c>
      <c r="B30693" s="1" t="s">
        <v>105234</v>
      </c>
      <c r="C30693" s="1" t="s">
        <v>15</v>
      </c>
      <c r="D30693" s="1" t="s">
        <v>11711</v>
      </c>
      <c r="E30693" s="1" t="s">
        <v>32113</v>
      </c>
      <c r="F30693" s="1" t="s">
        <v>107455</v>
      </c>
      <c r="G30693" s="1" t="s">
        <v>107453</v>
      </c>
      <c r="H30693" s="1" t="s">
        <v>107454</v>
      </c>
      <c r="I30693" s="1" t="s">
        <v>105238</v>
      </c>
      <c r="J30693" s="1" t="s">
        <v>107456</v>
      </c>
    </row>
    <row r="30694" spans="1:10" x14ac:dyDescent="0.35">
      <c r="A30694" s="1" t="s">
        <v>107450</v>
      </c>
      <c r="B30694" s="1" t="s">
        <v>105234</v>
      </c>
      <c r="C30694" s="1" t="s">
        <v>20</v>
      </c>
      <c r="D30694" s="1" t="s">
        <v>76098</v>
      </c>
      <c r="E30694" s="1" t="s">
        <v>96539</v>
      </c>
      <c r="F30694" s="1" t="s">
        <v>63117</v>
      </c>
      <c r="G30694" s="1" t="s">
        <v>107453</v>
      </c>
      <c r="H30694" s="1" t="s">
        <v>107454</v>
      </c>
      <c r="I30694" s="1" t="s">
        <v>105238</v>
      </c>
      <c r="J30694" s="1" t="s">
        <v>107457</v>
      </c>
    </row>
    <row r="30695" spans="1:10" x14ac:dyDescent="0.35">
      <c r="A30695" s="1" t="s">
        <v>107450</v>
      </c>
      <c r="B30695" s="1" t="s">
        <v>105234</v>
      </c>
      <c r="C30695" s="1" t="s">
        <v>25</v>
      </c>
      <c r="D30695" s="1" t="s">
        <v>107458</v>
      </c>
      <c r="E30695" s="1" t="s">
        <v>107459</v>
      </c>
      <c r="F30695" s="1" t="s">
        <v>70944</v>
      </c>
      <c r="G30695" s="1" t="s">
        <v>107453</v>
      </c>
      <c r="H30695" s="1" t="s">
        <v>107454</v>
      </c>
      <c r="I30695" s="1" t="s">
        <v>105238</v>
      </c>
      <c r="J30695" s="1" t="s">
        <v>107460</v>
      </c>
    </row>
    <row r="30696" spans="1:10" x14ac:dyDescent="0.35">
      <c r="A30696" s="1" t="s">
        <v>107450</v>
      </c>
      <c r="B30696" s="1" t="s">
        <v>105234</v>
      </c>
      <c r="C30696" s="1" t="s">
        <v>30</v>
      </c>
      <c r="D30696" s="1" t="s">
        <v>107461</v>
      </c>
      <c r="E30696" s="1" t="s">
        <v>71221</v>
      </c>
      <c r="F30696" s="1" t="s">
        <v>107462</v>
      </c>
      <c r="G30696" s="1" t="s">
        <v>107453</v>
      </c>
      <c r="H30696" s="1" t="s">
        <v>107454</v>
      </c>
      <c r="I30696" s="1" t="s">
        <v>105238</v>
      </c>
      <c r="J30696" s="1" t="s">
        <v>107463</v>
      </c>
    </row>
    <row r="30697" spans="1:10" x14ac:dyDescent="0.35">
      <c r="A30697" s="1" t="s">
        <v>107450</v>
      </c>
      <c r="B30697" s="1" t="s">
        <v>105234</v>
      </c>
      <c r="C30697" s="1" t="s">
        <v>35</v>
      </c>
      <c r="D30697" s="1" t="s">
        <v>107464</v>
      </c>
      <c r="E30697" s="1" t="s">
        <v>107465</v>
      </c>
      <c r="F30697" s="1" t="s">
        <v>103685</v>
      </c>
      <c r="G30697" s="1" t="s">
        <v>107453</v>
      </c>
      <c r="H30697" s="1" t="s">
        <v>107454</v>
      </c>
      <c r="I30697" s="1" t="s">
        <v>105238</v>
      </c>
      <c r="J30697" s="1" t="s">
        <v>107466</v>
      </c>
    </row>
    <row r="30698" spans="1:10" x14ac:dyDescent="0.35">
      <c r="A30698" s="1" t="s">
        <v>107450</v>
      </c>
      <c r="B30698" s="1" t="s">
        <v>105234</v>
      </c>
      <c r="C30698" s="1" t="s">
        <v>40</v>
      </c>
      <c r="D30698" s="1" t="s">
        <v>107467</v>
      </c>
      <c r="E30698" s="1" t="s">
        <v>32143</v>
      </c>
      <c r="F30698" s="1" t="s">
        <v>107468</v>
      </c>
      <c r="G30698" s="1" t="s">
        <v>107453</v>
      </c>
      <c r="H30698" s="1" t="s">
        <v>107454</v>
      </c>
      <c r="I30698" s="1" t="s">
        <v>105238</v>
      </c>
      <c r="J30698" s="1" t="s">
        <v>107469</v>
      </c>
    </row>
    <row r="30699" spans="1:10" x14ac:dyDescent="0.35">
      <c r="A30699" s="1" t="s">
        <v>107450</v>
      </c>
      <c r="B30699" s="1" t="s">
        <v>105234</v>
      </c>
      <c r="C30699" s="1" t="s">
        <v>45</v>
      </c>
      <c r="D30699" s="1" t="s">
        <v>107470</v>
      </c>
      <c r="E30699" s="1" t="s">
        <v>32604</v>
      </c>
      <c r="F30699" s="1" t="s">
        <v>107471</v>
      </c>
      <c r="G30699" s="1" t="s">
        <v>107453</v>
      </c>
      <c r="H30699" s="1" t="s">
        <v>107454</v>
      </c>
      <c r="I30699" s="1" t="s">
        <v>105238</v>
      </c>
      <c r="J30699" s="1" t="s">
        <v>107472</v>
      </c>
    </row>
    <row r="30700" spans="1:10" x14ac:dyDescent="0.35">
      <c r="A30700" s="1" t="s">
        <v>107450</v>
      </c>
      <c r="B30700" s="1" t="s">
        <v>105234</v>
      </c>
      <c r="C30700" s="1" t="s">
        <v>50</v>
      </c>
      <c r="D30700" s="1" t="s">
        <v>107473</v>
      </c>
      <c r="E30700" s="1" t="s">
        <v>99172</v>
      </c>
      <c r="F30700" s="1" t="s">
        <v>62576</v>
      </c>
      <c r="G30700" s="1" t="s">
        <v>107453</v>
      </c>
      <c r="H30700" s="1" t="s">
        <v>107454</v>
      </c>
      <c r="I30700" s="1" t="s">
        <v>105238</v>
      </c>
      <c r="J30700" s="1" t="s">
        <v>107474</v>
      </c>
    </row>
    <row r="30701" spans="1:10" x14ac:dyDescent="0.35">
      <c r="A30701" s="1" t="s">
        <v>107450</v>
      </c>
      <c r="B30701" s="1" t="s">
        <v>105234</v>
      </c>
      <c r="C30701" s="1" t="s">
        <v>55</v>
      </c>
      <c r="D30701" s="1" t="s">
        <v>107475</v>
      </c>
      <c r="E30701" s="1" t="s">
        <v>107476</v>
      </c>
      <c r="F30701" s="1" t="s">
        <v>100863</v>
      </c>
      <c r="G30701" s="1" t="s">
        <v>107453</v>
      </c>
      <c r="H30701" s="1" t="s">
        <v>107454</v>
      </c>
      <c r="I30701" s="1" t="s">
        <v>105238</v>
      </c>
      <c r="J30701" s="1" t="s">
        <v>107477</v>
      </c>
    </row>
    <row r="30702" spans="1:10" x14ac:dyDescent="0.35">
      <c r="A30702" s="1" t="s">
        <v>107450</v>
      </c>
      <c r="B30702" s="1" t="s">
        <v>105234</v>
      </c>
      <c r="C30702" s="1" t="s">
        <v>60</v>
      </c>
      <c r="D30702" s="1" t="s">
        <v>107478</v>
      </c>
      <c r="E30702" s="1" t="s">
        <v>107479</v>
      </c>
      <c r="F30702" s="1" t="s">
        <v>107480</v>
      </c>
      <c r="G30702" s="1" t="s">
        <v>107453</v>
      </c>
      <c r="H30702" s="1" t="s">
        <v>107454</v>
      </c>
      <c r="I30702" s="1" t="s">
        <v>105238</v>
      </c>
      <c r="J30702" s="1" t="s">
        <v>107481</v>
      </c>
    </row>
    <row r="30703" spans="1:10" x14ac:dyDescent="0.35">
      <c r="A30703" s="1" t="s">
        <v>107450</v>
      </c>
      <c r="B30703" s="1" t="s">
        <v>105234</v>
      </c>
      <c r="C30703" s="1" t="s">
        <v>65</v>
      </c>
      <c r="D30703" s="1" t="s">
        <v>107482</v>
      </c>
      <c r="E30703" s="1" t="s">
        <v>26660</v>
      </c>
      <c r="F30703" s="1" t="s">
        <v>82593</v>
      </c>
      <c r="G30703" s="1" t="s">
        <v>107453</v>
      </c>
      <c r="H30703" s="1" t="s">
        <v>107454</v>
      </c>
      <c r="I30703" s="1" t="s">
        <v>105238</v>
      </c>
      <c r="J30703" s="1" t="s">
        <v>107483</v>
      </c>
    </row>
    <row r="30704" spans="1:10" x14ac:dyDescent="0.35">
      <c r="A30704" s="1" t="s">
        <v>107450</v>
      </c>
      <c r="B30704" s="1" t="s">
        <v>105234</v>
      </c>
      <c r="C30704" s="1" t="s">
        <v>70</v>
      </c>
      <c r="D30704" s="1" t="s">
        <v>64674</v>
      </c>
      <c r="E30704" s="1" t="s">
        <v>95773</v>
      </c>
      <c r="F30704" s="1" t="s">
        <v>107484</v>
      </c>
      <c r="G30704" s="1" t="s">
        <v>107453</v>
      </c>
      <c r="H30704" s="1" t="s">
        <v>107454</v>
      </c>
      <c r="I30704" s="1" t="s">
        <v>105238</v>
      </c>
      <c r="J30704" s="1" t="s">
        <v>107485</v>
      </c>
    </row>
    <row r="30705" spans="1:10" x14ac:dyDescent="0.35">
      <c r="A30705" s="1" t="s">
        <v>107450</v>
      </c>
      <c r="B30705" s="1" t="s">
        <v>105234</v>
      </c>
      <c r="C30705" s="1" t="s">
        <v>75</v>
      </c>
      <c r="D30705" s="1" t="s">
        <v>85220</v>
      </c>
      <c r="E30705" s="1" t="s">
        <v>31500</v>
      </c>
      <c r="F30705" s="1" t="s">
        <v>107486</v>
      </c>
      <c r="G30705" s="1" t="s">
        <v>107453</v>
      </c>
      <c r="H30705" s="1" t="s">
        <v>107454</v>
      </c>
      <c r="I30705" s="1" t="s">
        <v>105238</v>
      </c>
      <c r="J30705" s="1" t="s">
        <v>107487</v>
      </c>
    </row>
    <row r="30706" spans="1:10" x14ac:dyDescent="0.35">
      <c r="A30706" s="1" t="s">
        <v>107450</v>
      </c>
      <c r="B30706" s="1" t="s">
        <v>105234</v>
      </c>
      <c r="C30706" s="1" t="s">
        <v>80</v>
      </c>
      <c r="D30706" s="1" t="s">
        <v>77268</v>
      </c>
      <c r="E30706" s="1" t="s">
        <v>100278</v>
      </c>
      <c r="F30706" s="1" t="s">
        <v>68849</v>
      </c>
      <c r="G30706" s="1" t="s">
        <v>107453</v>
      </c>
      <c r="H30706" s="1" t="s">
        <v>107454</v>
      </c>
      <c r="I30706" s="1" t="s">
        <v>105238</v>
      </c>
      <c r="J30706" s="1" t="s">
        <v>107488</v>
      </c>
    </row>
    <row r="30707" spans="1:10" x14ac:dyDescent="0.35">
      <c r="A30707" s="1" t="s">
        <v>107450</v>
      </c>
      <c r="B30707" s="1" t="s">
        <v>105234</v>
      </c>
      <c r="C30707" s="1" t="s">
        <v>85</v>
      </c>
      <c r="D30707" s="1" t="s">
        <v>107489</v>
      </c>
      <c r="E30707" s="1" t="s">
        <v>15357</v>
      </c>
      <c r="F30707" s="1" t="s">
        <v>107490</v>
      </c>
      <c r="G30707" s="1" t="s">
        <v>107453</v>
      </c>
      <c r="H30707" s="1" t="s">
        <v>107454</v>
      </c>
      <c r="I30707" s="1" t="s">
        <v>105238</v>
      </c>
      <c r="J30707" s="1" t="s">
        <v>107491</v>
      </c>
    </row>
    <row r="30708" spans="1:10" x14ac:dyDescent="0.35">
      <c r="A30708" s="1" t="s">
        <v>107450</v>
      </c>
      <c r="B30708" s="1" t="s">
        <v>105234</v>
      </c>
      <c r="C30708" s="1" t="s">
        <v>90</v>
      </c>
      <c r="D30708" s="1" t="s">
        <v>107492</v>
      </c>
      <c r="E30708" s="1" t="s">
        <v>31769</v>
      </c>
      <c r="F30708" s="1" t="s">
        <v>107493</v>
      </c>
      <c r="G30708" s="1" t="s">
        <v>107453</v>
      </c>
      <c r="H30708" s="1" t="s">
        <v>107454</v>
      </c>
      <c r="I30708" s="1" t="s">
        <v>105238</v>
      </c>
      <c r="J30708" s="1" t="s">
        <v>107494</v>
      </c>
    </row>
    <row r="30709" spans="1:10" x14ac:dyDescent="0.35">
      <c r="A30709" s="1" t="s">
        <v>107450</v>
      </c>
      <c r="B30709" s="1" t="s">
        <v>105234</v>
      </c>
      <c r="C30709" s="1" t="s">
        <v>95</v>
      </c>
      <c r="D30709" s="1" t="s">
        <v>60090</v>
      </c>
      <c r="E30709" s="1" t="s">
        <v>19900</v>
      </c>
      <c r="F30709" s="1" t="s">
        <v>107495</v>
      </c>
      <c r="G30709" s="1" t="s">
        <v>107453</v>
      </c>
      <c r="H30709" s="1" t="s">
        <v>107454</v>
      </c>
      <c r="I30709" s="1" t="s">
        <v>105238</v>
      </c>
      <c r="J30709" s="1" t="s">
        <v>107496</v>
      </c>
    </row>
    <row r="30710" spans="1:10" x14ac:dyDescent="0.35">
      <c r="A30710" s="1" t="s">
        <v>107450</v>
      </c>
      <c r="B30710" s="1" t="s">
        <v>105234</v>
      </c>
      <c r="C30710" s="1" t="s">
        <v>100</v>
      </c>
      <c r="D30710" s="1" t="s">
        <v>107497</v>
      </c>
      <c r="E30710" s="1" t="s">
        <v>107498</v>
      </c>
      <c r="F30710" s="1" t="s">
        <v>107499</v>
      </c>
      <c r="G30710" s="1" t="s">
        <v>107453</v>
      </c>
      <c r="H30710" s="1" t="s">
        <v>107454</v>
      </c>
      <c r="I30710" s="1" t="s">
        <v>105238</v>
      </c>
      <c r="J30710" s="1" t="s">
        <v>107500</v>
      </c>
    </row>
    <row r="30711" spans="1:10" x14ac:dyDescent="0.35">
      <c r="A30711" s="1" t="s">
        <v>107450</v>
      </c>
      <c r="B30711" s="1" t="s">
        <v>105234</v>
      </c>
      <c r="C30711" s="1" t="s">
        <v>105</v>
      </c>
      <c r="D30711" s="1" t="s">
        <v>61270</v>
      </c>
      <c r="E30711" s="1" t="s">
        <v>31546</v>
      </c>
      <c r="F30711" s="1" t="s">
        <v>100794</v>
      </c>
      <c r="G30711" s="1" t="s">
        <v>107453</v>
      </c>
      <c r="H30711" s="1" t="s">
        <v>107454</v>
      </c>
      <c r="I30711" s="1" t="s">
        <v>105238</v>
      </c>
      <c r="J30711" s="1" t="s">
        <v>107501</v>
      </c>
    </row>
    <row r="30712" spans="1:10" x14ac:dyDescent="0.35">
      <c r="A30712" s="1" t="s">
        <v>107450</v>
      </c>
      <c r="B30712" s="1" t="s">
        <v>105234</v>
      </c>
      <c r="C30712" s="1" t="s">
        <v>110</v>
      </c>
      <c r="D30712" s="1" t="s">
        <v>107502</v>
      </c>
      <c r="E30712" s="1" t="s">
        <v>107503</v>
      </c>
      <c r="F30712" s="1" t="s">
        <v>107504</v>
      </c>
      <c r="G30712" s="1" t="s">
        <v>107453</v>
      </c>
      <c r="H30712" s="1" t="s">
        <v>107454</v>
      </c>
      <c r="I30712" s="1" t="s">
        <v>105238</v>
      </c>
      <c r="J30712" s="1" t="s">
        <v>107505</v>
      </c>
    </row>
    <row r="30713" spans="1:10" x14ac:dyDescent="0.35">
      <c r="A30713" s="1" t="s">
        <v>107450</v>
      </c>
      <c r="B30713" s="1" t="s">
        <v>105234</v>
      </c>
      <c r="C30713" s="1" t="s">
        <v>115</v>
      </c>
      <c r="D30713" s="1" t="s">
        <v>107506</v>
      </c>
      <c r="E30713" s="1" t="s">
        <v>99172</v>
      </c>
      <c r="F30713" s="1" t="s">
        <v>32356</v>
      </c>
      <c r="G30713" s="1" t="s">
        <v>107453</v>
      </c>
      <c r="H30713" s="1" t="s">
        <v>107454</v>
      </c>
      <c r="I30713" s="1" t="s">
        <v>105238</v>
      </c>
      <c r="J30713" s="1" t="s">
        <v>107507</v>
      </c>
    </row>
    <row r="30714" spans="1:10" x14ac:dyDescent="0.35">
      <c r="A30714" s="1" t="s">
        <v>107450</v>
      </c>
      <c r="B30714" s="1" t="s">
        <v>105234</v>
      </c>
      <c r="C30714" s="1" t="s">
        <v>120</v>
      </c>
      <c r="D30714" s="1" t="s">
        <v>107508</v>
      </c>
      <c r="E30714" s="1" t="s">
        <v>107509</v>
      </c>
      <c r="F30714" s="1" t="s">
        <v>107510</v>
      </c>
      <c r="G30714" s="1" t="s">
        <v>107453</v>
      </c>
      <c r="H30714" s="1" t="s">
        <v>107454</v>
      </c>
      <c r="I30714" s="1" t="s">
        <v>105238</v>
      </c>
      <c r="J30714" s="1" t="s">
        <v>107511</v>
      </c>
    </row>
    <row r="30715" spans="1:10" x14ac:dyDescent="0.35">
      <c r="A30715" s="1" t="s">
        <v>107450</v>
      </c>
      <c r="B30715" s="1" t="s">
        <v>105234</v>
      </c>
      <c r="C30715" s="1" t="s">
        <v>125</v>
      </c>
      <c r="D30715" s="1" t="s">
        <v>107512</v>
      </c>
      <c r="E30715" s="1" t="s">
        <v>107513</v>
      </c>
      <c r="F30715" s="1" t="s">
        <v>107514</v>
      </c>
      <c r="G30715" s="1" t="s">
        <v>107453</v>
      </c>
      <c r="H30715" s="1" t="s">
        <v>107454</v>
      </c>
      <c r="I30715" s="1" t="s">
        <v>105238</v>
      </c>
      <c r="J30715" s="1" t="s">
        <v>107515</v>
      </c>
    </row>
    <row r="30716" spans="1:10" x14ac:dyDescent="0.35">
      <c r="A30716" s="1" t="s">
        <v>107450</v>
      </c>
      <c r="B30716" s="1" t="s">
        <v>105234</v>
      </c>
      <c r="C30716" s="1" t="s">
        <v>130</v>
      </c>
      <c r="D30716" s="1" t="s">
        <v>107516</v>
      </c>
      <c r="E30716" s="1" t="s">
        <v>107517</v>
      </c>
      <c r="F30716" s="1" t="s">
        <v>107518</v>
      </c>
      <c r="G30716" s="1" t="s">
        <v>107453</v>
      </c>
      <c r="H30716" s="1" t="s">
        <v>107454</v>
      </c>
      <c r="I30716" s="1" t="s">
        <v>105238</v>
      </c>
      <c r="J30716" s="1" t="s">
        <v>107519</v>
      </c>
    </row>
    <row r="30717" spans="1:10" x14ac:dyDescent="0.35">
      <c r="A30717" s="1" t="s">
        <v>107450</v>
      </c>
      <c r="B30717" s="1" t="s">
        <v>105234</v>
      </c>
      <c r="C30717" s="1" t="s">
        <v>135</v>
      </c>
      <c r="D30717" s="1" t="s">
        <v>107520</v>
      </c>
      <c r="E30717" s="1" t="s">
        <v>19967</v>
      </c>
      <c r="F30717" s="1" t="s">
        <v>41217</v>
      </c>
      <c r="G30717" s="1" t="s">
        <v>107453</v>
      </c>
      <c r="H30717" s="1" t="s">
        <v>107454</v>
      </c>
      <c r="I30717" s="1" t="s">
        <v>105238</v>
      </c>
      <c r="J30717" s="1" t="s">
        <v>107521</v>
      </c>
    </row>
    <row r="30718" spans="1:10" x14ac:dyDescent="0.35">
      <c r="A30718" s="1" t="s">
        <v>107450</v>
      </c>
      <c r="B30718" s="1" t="s">
        <v>105234</v>
      </c>
      <c r="C30718" s="1" t="s">
        <v>140</v>
      </c>
      <c r="D30718" s="1" t="s">
        <v>107522</v>
      </c>
      <c r="E30718" s="1" t="s">
        <v>60568</v>
      </c>
      <c r="F30718" s="1" t="s">
        <v>107523</v>
      </c>
      <c r="G30718" s="1" t="s">
        <v>107453</v>
      </c>
      <c r="H30718" s="1" t="s">
        <v>107454</v>
      </c>
      <c r="I30718" s="1" t="s">
        <v>105238</v>
      </c>
      <c r="J30718" s="1" t="s">
        <v>107524</v>
      </c>
    </row>
    <row r="30719" spans="1:10" x14ac:dyDescent="0.35">
      <c r="A30719" s="1" t="s">
        <v>107450</v>
      </c>
      <c r="B30719" s="1" t="s">
        <v>105234</v>
      </c>
      <c r="C30719" s="1" t="s">
        <v>145</v>
      </c>
      <c r="D30719" s="1" t="s">
        <v>107525</v>
      </c>
      <c r="E30719" s="1" t="s">
        <v>32040</v>
      </c>
      <c r="F30719" s="1" t="s">
        <v>107526</v>
      </c>
      <c r="G30719" s="1" t="s">
        <v>107453</v>
      </c>
      <c r="H30719" s="1" t="s">
        <v>107454</v>
      </c>
      <c r="I30719" s="1" t="s">
        <v>105238</v>
      </c>
      <c r="J30719" s="1" t="s">
        <v>107527</v>
      </c>
    </row>
    <row r="30720" spans="1:10" x14ac:dyDescent="0.35">
      <c r="A30720" s="1" t="s">
        <v>107450</v>
      </c>
      <c r="B30720" s="1" t="s">
        <v>105234</v>
      </c>
      <c r="C30720" s="1" t="s">
        <v>150</v>
      </c>
      <c r="D30720" s="1" t="s">
        <v>107528</v>
      </c>
      <c r="E30720" s="1" t="s">
        <v>107529</v>
      </c>
      <c r="F30720" s="1" t="s">
        <v>107530</v>
      </c>
      <c r="G30720" s="1" t="s">
        <v>107453</v>
      </c>
      <c r="H30720" s="1" t="s">
        <v>107454</v>
      </c>
      <c r="I30720" s="1" t="s">
        <v>105238</v>
      </c>
      <c r="J30720" s="1" t="s">
        <v>5396</v>
      </c>
    </row>
    <row r="30721" spans="1:10" x14ac:dyDescent="0.35">
      <c r="A30721" s="1" t="s">
        <v>107450</v>
      </c>
      <c r="B30721" s="1" t="s">
        <v>105234</v>
      </c>
      <c r="C30721" s="1" t="s">
        <v>155</v>
      </c>
      <c r="D30721" s="1" t="s">
        <v>107531</v>
      </c>
      <c r="E30721" s="1" t="s">
        <v>33008</v>
      </c>
      <c r="F30721" s="1" t="s">
        <v>107532</v>
      </c>
      <c r="G30721" s="1" t="s">
        <v>107453</v>
      </c>
      <c r="H30721" s="1" t="s">
        <v>107454</v>
      </c>
      <c r="I30721" s="1" t="s">
        <v>105238</v>
      </c>
      <c r="J30721" s="1" t="s">
        <v>107533</v>
      </c>
    </row>
    <row r="30722" spans="1:10" x14ac:dyDescent="0.35">
      <c r="A30722" s="1" t="s">
        <v>107450</v>
      </c>
      <c r="B30722" s="1" t="s">
        <v>105234</v>
      </c>
      <c r="C30722" s="1" t="s">
        <v>160</v>
      </c>
      <c r="D30722" s="1" t="s">
        <v>107534</v>
      </c>
      <c r="E30722" s="1" t="s">
        <v>77718</v>
      </c>
      <c r="F30722" s="1" t="s">
        <v>11846</v>
      </c>
      <c r="G30722" s="1" t="s">
        <v>107453</v>
      </c>
      <c r="H30722" s="1" t="s">
        <v>107454</v>
      </c>
      <c r="I30722" s="1" t="s">
        <v>105238</v>
      </c>
      <c r="J30722" s="1" t="s">
        <v>107535</v>
      </c>
    </row>
    <row r="30723" spans="1:10" x14ac:dyDescent="0.35">
      <c r="A30723" s="1" t="s">
        <v>107450</v>
      </c>
      <c r="B30723" s="1" t="s">
        <v>105234</v>
      </c>
      <c r="C30723" s="1" t="s">
        <v>165</v>
      </c>
      <c r="D30723" s="1" t="s">
        <v>107536</v>
      </c>
      <c r="E30723" s="1" t="s">
        <v>107537</v>
      </c>
      <c r="F30723" s="1" t="s">
        <v>62040</v>
      </c>
      <c r="G30723" s="1" t="s">
        <v>107453</v>
      </c>
      <c r="H30723" s="1" t="s">
        <v>107454</v>
      </c>
      <c r="I30723" s="1" t="s">
        <v>105238</v>
      </c>
      <c r="J30723" s="1" t="s">
        <v>107538</v>
      </c>
    </row>
    <row r="30724" spans="1:10" x14ac:dyDescent="0.35">
      <c r="A30724" s="1" t="s">
        <v>107450</v>
      </c>
      <c r="B30724" s="1" t="s">
        <v>105234</v>
      </c>
      <c r="C30724" s="1" t="s">
        <v>170</v>
      </c>
      <c r="D30724" s="1" t="s">
        <v>107539</v>
      </c>
      <c r="E30724" s="1" t="s">
        <v>107540</v>
      </c>
      <c r="F30724" s="1" t="s">
        <v>107541</v>
      </c>
      <c r="G30724" s="1" t="s">
        <v>107453</v>
      </c>
      <c r="H30724" s="1" t="s">
        <v>107454</v>
      </c>
      <c r="I30724" s="1" t="s">
        <v>105238</v>
      </c>
      <c r="J30724" s="1" t="s">
        <v>107542</v>
      </c>
    </row>
    <row r="30725" spans="1:10" x14ac:dyDescent="0.35">
      <c r="A30725" s="1" t="s">
        <v>8479</v>
      </c>
      <c r="B30725" s="1" t="s">
        <v>105234</v>
      </c>
      <c r="C30725" s="1" t="s">
        <v>8</v>
      </c>
      <c r="D30725" s="1" t="s">
        <v>88673</v>
      </c>
      <c r="E30725" s="1" t="s">
        <v>81125</v>
      </c>
      <c r="F30725" s="1" t="s">
        <v>107543</v>
      </c>
      <c r="G30725" s="1" t="s">
        <v>107544</v>
      </c>
      <c r="H30725" s="1" t="s">
        <v>107545</v>
      </c>
      <c r="I30725" s="1" t="s">
        <v>105238</v>
      </c>
      <c r="J30725" s="1" t="s">
        <v>13</v>
      </c>
    </row>
    <row r="30726" spans="1:10" x14ac:dyDescent="0.35">
      <c r="A30726" s="1" t="s">
        <v>8479</v>
      </c>
      <c r="B30726" s="1" t="s">
        <v>105234</v>
      </c>
      <c r="C30726" s="1" t="s">
        <v>15</v>
      </c>
      <c r="D30726" s="1" t="s">
        <v>107546</v>
      </c>
      <c r="E30726" s="1" t="s">
        <v>107547</v>
      </c>
      <c r="F30726" s="1" t="s">
        <v>107548</v>
      </c>
      <c r="G30726" s="1" t="s">
        <v>107544</v>
      </c>
      <c r="H30726" s="1" t="s">
        <v>107545</v>
      </c>
      <c r="I30726" s="1" t="s">
        <v>105238</v>
      </c>
      <c r="J30726" s="1" t="s">
        <v>107549</v>
      </c>
    </row>
    <row r="30727" spans="1:10" x14ac:dyDescent="0.35">
      <c r="A30727" s="1" t="s">
        <v>8479</v>
      </c>
      <c r="B30727" s="1" t="s">
        <v>105234</v>
      </c>
      <c r="C30727" s="1" t="s">
        <v>20</v>
      </c>
      <c r="D30727" s="1" t="s">
        <v>107550</v>
      </c>
      <c r="E30727" s="1" t="s">
        <v>107551</v>
      </c>
      <c r="F30727" s="1" t="s">
        <v>66376</v>
      </c>
      <c r="G30727" s="1" t="s">
        <v>107544</v>
      </c>
      <c r="H30727" s="1" t="s">
        <v>107545</v>
      </c>
      <c r="I30727" s="1" t="s">
        <v>105238</v>
      </c>
      <c r="J30727" s="1" t="s">
        <v>107552</v>
      </c>
    </row>
    <row r="30728" spans="1:10" x14ac:dyDescent="0.35">
      <c r="A30728" s="1" t="s">
        <v>8479</v>
      </c>
      <c r="B30728" s="1" t="s">
        <v>105234</v>
      </c>
      <c r="C30728" s="1" t="s">
        <v>25</v>
      </c>
      <c r="D30728" s="1" t="s">
        <v>103095</v>
      </c>
      <c r="E30728" s="1" t="s">
        <v>16268</v>
      </c>
      <c r="F30728" s="1" t="s">
        <v>107553</v>
      </c>
      <c r="G30728" s="1" t="s">
        <v>107544</v>
      </c>
      <c r="H30728" s="1" t="s">
        <v>107545</v>
      </c>
      <c r="I30728" s="1" t="s">
        <v>105238</v>
      </c>
      <c r="J30728" s="1" t="s">
        <v>107554</v>
      </c>
    </row>
    <row r="30729" spans="1:10" x14ac:dyDescent="0.35">
      <c r="A30729" s="1" t="s">
        <v>8479</v>
      </c>
      <c r="B30729" s="1" t="s">
        <v>105234</v>
      </c>
      <c r="C30729" s="1" t="s">
        <v>30</v>
      </c>
      <c r="D30729" s="1" t="s">
        <v>64968</v>
      </c>
      <c r="E30729" s="1" t="s">
        <v>74218</v>
      </c>
      <c r="F30729" s="1" t="s">
        <v>107555</v>
      </c>
      <c r="G30729" s="1" t="s">
        <v>107544</v>
      </c>
      <c r="H30729" s="1" t="s">
        <v>107545</v>
      </c>
      <c r="I30729" s="1" t="s">
        <v>105238</v>
      </c>
      <c r="J30729" s="1" t="s">
        <v>107556</v>
      </c>
    </row>
    <row r="30730" spans="1:10" x14ac:dyDescent="0.35">
      <c r="A30730" s="1" t="s">
        <v>8479</v>
      </c>
      <c r="B30730" s="1" t="s">
        <v>105234</v>
      </c>
      <c r="C30730" s="1" t="s">
        <v>35</v>
      </c>
      <c r="D30730" s="1" t="s">
        <v>107557</v>
      </c>
      <c r="E30730" s="1" t="s">
        <v>107558</v>
      </c>
      <c r="F30730" s="1" t="s">
        <v>107559</v>
      </c>
      <c r="G30730" s="1" t="s">
        <v>107544</v>
      </c>
      <c r="H30730" s="1" t="s">
        <v>107545</v>
      </c>
      <c r="I30730" s="1" t="s">
        <v>105238</v>
      </c>
      <c r="J30730" s="1" t="s">
        <v>107560</v>
      </c>
    </row>
    <row r="30731" spans="1:10" x14ac:dyDescent="0.35">
      <c r="A30731" s="1" t="s">
        <v>8479</v>
      </c>
      <c r="B30731" s="1" t="s">
        <v>105234</v>
      </c>
      <c r="C30731" s="1" t="s">
        <v>40</v>
      </c>
      <c r="D30731" s="1" t="s">
        <v>61644</v>
      </c>
      <c r="E30731" s="1" t="s">
        <v>105317</v>
      </c>
      <c r="F30731" s="1" t="s">
        <v>107561</v>
      </c>
      <c r="G30731" s="1" t="s">
        <v>107544</v>
      </c>
      <c r="H30731" s="1" t="s">
        <v>107545</v>
      </c>
      <c r="I30731" s="1" t="s">
        <v>105238</v>
      </c>
      <c r="J30731" s="1" t="s">
        <v>107562</v>
      </c>
    </row>
    <row r="30732" spans="1:10" x14ac:dyDescent="0.35">
      <c r="A30732" s="1" t="s">
        <v>8479</v>
      </c>
      <c r="B30732" s="1" t="s">
        <v>105234</v>
      </c>
      <c r="C30732" s="1" t="s">
        <v>45</v>
      </c>
      <c r="D30732" s="1" t="s">
        <v>64900</v>
      </c>
      <c r="E30732" s="1" t="s">
        <v>107563</v>
      </c>
      <c r="F30732" s="1" t="s">
        <v>107564</v>
      </c>
      <c r="G30732" s="1" t="s">
        <v>107544</v>
      </c>
      <c r="H30732" s="1" t="s">
        <v>107545</v>
      </c>
      <c r="I30732" s="1" t="s">
        <v>105238</v>
      </c>
      <c r="J30732" s="1" t="s">
        <v>107565</v>
      </c>
    </row>
    <row r="30733" spans="1:10" x14ac:dyDescent="0.35">
      <c r="A30733" s="1" t="s">
        <v>8479</v>
      </c>
      <c r="B30733" s="1" t="s">
        <v>105234</v>
      </c>
      <c r="C30733" s="1" t="s">
        <v>50</v>
      </c>
      <c r="D30733" s="1" t="s">
        <v>107566</v>
      </c>
      <c r="E30733" s="1" t="s">
        <v>81125</v>
      </c>
      <c r="F30733" s="1" t="s">
        <v>107567</v>
      </c>
      <c r="G30733" s="1" t="s">
        <v>107544</v>
      </c>
      <c r="H30733" s="1" t="s">
        <v>107545</v>
      </c>
      <c r="I30733" s="1" t="s">
        <v>105238</v>
      </c>
      <c r="J30733" s="1" t="s">
        <v>107568</v>
      </c>
    </row>
    <row r="30734" spans="1:10" x14ac:dyDescent="0.35">
      <c r="A30734" s="1" t="s">
        <v>8479</v>
      </c>
      <c r="B30734" s="1" t="s">
        <v>105234</v>
      </c>
      <c r="C30734" s="1" t="s">
        <v>55</v>
      </c>
      <c r="D30734" s="1" t="s">
        <v>107569</v>
      </c>
      <c r="E30734" s="1" t="s">
        <v>107570</v>
      </c>
      <c r="F30734" s="1" t="s">
        <v>107571</v>
      </c>
      <c r="G30734" s="1" t="s">
        <v>107544</v>
      </c>
      <c r="H30734" s="1" t="s">
        <v>107545</v>
      </c>
      <c r="I30734" s="1" t="s">
        <v>105238</v>
      </c>
      <c r="J30734" s="1" t="s">
        <v>107572</v>
      </c>
    </row>
    <row r="30735" spans="1:10" x14ac:dyDescent="0.35">
      <c r="A30735" s="1" t="s">
        <v>8479</v>
      </c>
      <c r="B30735" s="1" t="s">
        <v>105234</v>
      </c>
      <c r="C30735" s="1" t="s">
        <v>60</v>
      </c>
      <c r="D30735" s="1" t="s">
        <v>107573</v>
      </c>
      <c r="E30735" s="1" t="s">
        <v>78789</v>
      </c>
      <c r="F30735" s="1" t="s">
        <v>107574</v>
      </c>
      <c r="G30735" s="1" t="s">
        <v>107544</v>
      </c>
      <c r="H30735" s="1" t="s">
        <v>107545</v>
      </c>
      <c r="I30735" s="1" t="s">
        <v>105238</v>
      </c>
      <c r="J30735" s="1" t="s">
        <v>107575</v>
      </c>
    </row>
    <row r="30736" spans="1:10" x14ac:dyDescent="0.35">
      <c r="A30736" s="1" t="s">
        <v>8479</v>
      </c>
      <c r="B30736" s="1" t="s">
        <v>105234</v>
      </c>
      <c r="C30736" s="1" t="s">
        <v>65</v>
      </c>
      <c r="D30736" s="1" t="s">
        <v>107576</v>
      </c>
      <c r="E30736" s="1" t="s">
        <v>49725</v>
      </c>
      <c r="F30736" s="1" t="s">
        <v>97668</v>
      </c>
      <c r="G30736" s="1" t="s">
        <v>107544</v>
      </c>
      <c r="H30736" s="1" t="s">
        <v>107545</v>
      </c>
      <c r="I30736" s="1" t="s">
        <v>105238</v>
      </c>
      <c r="J30736" s="1" t="s">
        <v>107577</v>
      </c>
    </row>
    <row r="30737" spans="1:10" x14ac:dyDescent="0.35">
      <c r="A30737" s="1" t="s">
        <v>8479</v>
      </c>
      <c r="B30737" s="1" t="s">
        <v>105234</v>
      </c>
      <c r="C30737" s="1" t="s">
        <v>70</v>
      </c>
      <c r="D30737" s="1" t="s">
        <v>107578</v>
      </c>
      <c r="E30737" s="1" t="s">
        <v>107579</v>
      </c>
      <c r="F30737" s="1" t="s">
        <v>107580</v>
      </c>
      <c r="G30737" s="1" t="s">
        <v>107544</v>
      </c>
      <c r="H30737" s="1" t="s">
        <v>107545</v>
      </c>
      <c r="I30737" s="1" t="s">
        <v>105238</v>
      </c>
      <c r="J30737" s="1" t="s">
        <v>107581</v>
      </c>
    </row>
    <row r="30738" spans="1:10" x14ac:dyDescent="0.35">
      <c r="A30738" s="1" t="s">
        <v>8479</v>
      </c>
      <c r="B30738" s="1" t="s">
        <v>105234</v>
      </c>
      <c r="C30738" s="1" t="s">
        <v>75</v>
      </c>
      <c r="D30738" s="1" t="s">
        <v>107582</v>
      </c>
      <c r="E30738" s="1" t="s">
        <v>107583</v>
      </c>
      <c r="F30738" s="1" t="s">
        <v>107584</v>
      </c>
      <c r="G30738" s="1" t="s">
        <v>107544</v>
      </c>
      <c r="H30738" s="1" t="s">
        <v>107545</v>
      </c>
      <c r="I30738" s="1" t="s">
        <v>105238</v>
      </c>
      <c r="J30738" s="1" t="s">
        <v>107585</v>
      </c>
    </row>
    <row r="30739" spans="1:10" x14ac:dyDescent="0.35">
      <c r="A30739" s="1" t="s">
        <v>8479</v>
      </c>
      <c r="B30739" s="1" t="s">
        <v>105234</v>
      </c>
      <c r="C30739" s="1" t="s">
        <v>80</v>
      </c>
      <c r="D30739" s="1" t="s">
        <v>56015</v>
      </c>
      <c r="E30739" s="1" t="s">
        <v>105325</v>
      </c>
      <c r="F30739" s="1" t="s">
        <v>107586</v>
      </c>
      <c r="G30739" s="1" t="s">
        <v>107544</v>
      </c>
      <c r="H30739" s="1" t="s">
        <v>107545</v>
      </c>
      <c r="I30739" s="1" t="s">
        <v>105238</v>
      </c>
      <c r="J30739" s="1" t="s">
        <v>107587</v>
      </c>
    </row>
    <row r="30740" spans="1:10" x14ac:dyDescent="0.35">
      <c r="A30740" s="1" t="s">
        <v>8479</v>
      </c>
      <c r="B30740" s="1" t="s">
        <v>105234</v>
      </c>
      <c r="C30740" s="1" t="s">
        <v>85</v>
      </c>
      <c r="D30740" s="1" t="s">
        <v>52416</v>
      </c>
      <c r="E30740" s="1" t="s">
        <v>107588</v>
      </c>
      <c r="F30740" s="1" t="s">
        <v>107589</v>
      </c>
      <c r="G30740" s="1" t="s">
        <v>107544</v>
      </c>
      <c r="H30740" s="1" t="s">
        <v>107545</v>
      </c>
      <c r="I30740" s="1" t="s">
        <v>105238</v>
      </c>
      <c r="J30740" s="1" t="s">
        <v>107590</v>
      </c>
    </row>
    <row r="30741" spans="1:10" x14ac:dyDescent="0.35">
      <c r="A30741" s="1" t="s">
        <v>8479</v>
      </c>
      <c r="B30741" s="1" t="s">
        <v>105234</v>
      </c>
      <c r="C30741" s="1" t="s">
        <v>90</v>
      </c>
      <c r="D30741" s="1" t="s">
        <v>107591</v>
      </c>
      <c r="E30741" s="1" t="s">
        <v>107592</v>
      </c>
      <c r="F30741" s="1" t="s">
        <v>107593</v>
      </c>
      <c r="G30741" s="1" t="s">
        <v>107544</v>
      </c>
      <c r="H30741" s="1" t="s">
        <v>107545</v>
      </c>
      <c r="I30741" s="1" t="s">
        <v>105238</v>
      </c>
      <c r="J30741" s="1" t="s">
        <v>107594</v>
      </c>
    </row>
    <row r="30742" spans="1:10" x14ac:dyDescent="0.35">
      <c r="A30742" s="1" t="s">
        <v>8479</v>
      </c>
      <c r="B30742" s="1" t="s">
        <v>105234</v>
      </c>
      <c r="C30742" s="1" t="s">
        <v>95</v>
      </c>
      <c r="D30742" s="1" t="s">
        <v>107595</v>
      </c>
      <c r="E30742" s="1" t="s">
        <v>49820</v>
      </c>
      <c r="F30742" s="1" t="s">
        <v>107596</v>
      </c>
      <c r="G30742" s="1" t="s">
        <v>107544</v>
      </c>
      <c r="H30742" s="1" t="s">
        <v>107545</v>
      </c>
      <c r="I30742" s="1" t="s">
        <v>105238</v>
      </c>
      <c r="J30742" s="1" t="s">
        <v>107597</v>
      </c>
    </row>
    <row r="30743" spans="1:10" x14ac:dyDescent="0.35">
      <c r="A30743" s="1" t="s">
        <v>8479</v>
      </c>
      <c r="B30743" s="1" t="s">
        <v>105234</v>
      </c>
      <c r="C30743" s="1" t="s">
        <v>100</v>
      </c>
      <c r="D30743" s="1" t="s">
        <v>102429</v>
      </c>
      <c r="E30743" s="1" t="s">
        <v>49816</v>
      </c>
      <c r="F30743" s="1" t="s">
        <v>107598</v>
      </c>
      <c r="G30743" s="1" t="s">
        <v>107544</v>
      </c>
      <c r="H30743" s="1" t="s">
        <v>107545</v>
      </c>
      <c r="I30743" s="1" t="s">
        <v>105238</v>
      </c>
      <c r="J30743" s="1" t="s">
        <v>107599</v>
      </c>
    </row>
    <row r="30744" spans="1:10" x14ac:dyDescent="0.35">
      <c r="A30744" s="1" t="s">
        <v>8479</v>
      </c>
      <c r="B30744" s="1" t="s">
        <v>105234</v>
      </c>
      <c r="C30744" s="1" t="s">
        <v>105</v>
      </c>
      <c r="D30744" s="1" t="s">
        <v>107600</v>
      </c>
      <c r="E30744" s="1" t="s">
        <v>107601</v>
      </c>
      <c r="F30744" s="1" t="s">
        <v>107602</v>
      </c>
      <c r="G30744" s="1" t="s">
        <v>107544</v>
      </c>
      <c r="H30744" s="1" t="s">
        <v>107545</v>
      </c>
      <c r="I30744" s="1" t="s">
        <v>105238</v>
      </c>
      <c r="J30744" s="1" t="s">
        <v>107603</v>
      </c>
    </row>
    <row r="30745" spans="1:10" x14ac:dyDescent="0.35">
      <c r="A30745" s="1" t="s">
        <v>8479</v>
      </c>
      <c r="B30745" s="1" t="s">
        <v>105234</v>
      </c>
      <c r="C30745" s="1" t="s">
        <v>110</v>
      </c>
      <c r="D30745" s="1" t="s">
        <v>26878</v>
      </c>
      <c r="E30745" s="1" t="s">
        <v>107604</v>
      </c>
      <c r="F30745" s="1" t="s">
        <v>21965</v>
      </c>
      <c r="G30745" s="1" t="s">
        <v>107544</v>
      </c>
      <c r="H30745" s="1" t="s">
        <v>107545</v>
      </c>
      <c r="I30745" s="1" t="s">
        <v>105238</v>
      </c>
      <c r="J30745" s="1" t="s">
        <v>107605</v>
      </c>
    </row>
    <row r="30746" spans="1:10" x14ac:dyDescent="0.35">
      <c r="A30746" s="1" t="s">
        <v>8479</v>
      </c>
      <c r="B30746" s="1" t="s">
        <v>105234</v>
      </c>
      <c r="C30746" s="1" t="s">
        <v>115</v>
      </c>
      <c r="D30746" s="1" t="s">
        <v>86844</v>
      </c>
      <c r="E30746" s="1" t="s">
        <v>107606</v>
      </c>
      <c r="F30746" s="1" t="s">
        <v>107607</v>
      </c>
      <c r="G30746" s="1" t="s">
        <v>107544</v>
      </c>
      <c r="H30746" s="1" t="s">
        <v>107545</v>
      </c>
      <c r="I30746" s="1" t="s">
        <v>105238</v>
      </c>
      <c r="J30746" s="1" t="s">
        <v>107608</v>
      </c>
    </row>
    <row r="30747" spans="1:10" x14ac:dyDescent="0.35">
      <c r="A30747" s="1" t="s">
        <v>8479</v>
      </c>
      <c r="B30747" s="1" t="s">
        <v>105234</v>
      </c>
      <c r="C30747" s="1" t="s">
        <v>120</v>
      </c>
      <c r="D30747" s="1" t="s">
        <v>107609</v>
      </c>
      <c r="E30747" s="1" t="s">
        <v>107604</v>
      </c>
      <c r="F30747" s="1" t="s">
        <v>107610</v>
      </c>
      <c r="G30747" s="1" t="s">
        <v>107544</v>
      </c>
      <c r="H30747" s="1" t="s">
        <v>107545</v>
      </c>
      <c r="I30747" s="1" t="s">
        <v>105238</v>
      </c>
      <c r="J30747" s="1" t="s">
        <v>107611</v>
      </c>
    </row>
    <row r="30748" spans="1:10" x14ac:dyDescent="0.35">
      <c r="A30748" s="1" t="s">
        <v>8479</v>
      </c>
      <c r="B30748" s="1" t="s">
        <v>105234</v>
      </c>
      <c r="C30748" s="1" t="s">
        <v>125</v>
      </c>
      <c r="D30748" s="1" t="s">
        <v>107612</v>
      </c>
      <c r="E30748" s="1" t="s">
        <v>107604</v>
      </c>
      <c r="F30748" s="1" t="s">
        <v>107613</v>
      </c>
      <c r="G30748" s="1" t="s">
        <v>107544</v>
      </c>
      <c r="H30748" s="1" t="s">
        <v>107545</v>
      </c>
      <c r="I30748" s="1" t="s">
        <v>105238</v>
      </c>
      <c r="J30748" s="1" t="s">
        <v>107614</v>
      </c>
    </row>
    <row r="30749" spans="1:10" x14ac:dyDescent="0.35">
      <c r="A30749" s="1" t="s">
        <v>8479</v>
      </c>
      <c r="B30749" s="1" t="s">
        <v>105234</v>
      </c>
      <c r="C30749" s="1" t="s">
        <v>130</v>
      </c>
      <c r="D30749" s="1" t="s">
        <v>83748</v>
      </c>
      <c r="E30749" s="1" t="s">
        <v>107579</v>
      </c>
      <c r="F30749" s="1" t="s">
        <v>107615</v>
      </c>
      <c r="G30749" s="1" t="s">
        <v>107544</v>
      </c>
      <c r="H30749" s="1" t="s">
        <v>107545</v>
      </c>
      <c r="I30749" s="1" t="s">
        <v>105238</v>
      </c>
      <c r="J30749" s="1" t="s">
        <v>107616</v>
      </c>
    </row>
    <row r="30750" spans="1:10" x14ac:dyDescent="0.35">
      <c r="A30750" s="1" t="s">
        <v>8479</v>
      </c>
      <c r="B30750" s="1" t="s">
        <v>105234</v>
      </c>
      <c r="C30750" s="1" t="s">
        <v>135</v>
      </c>
      <c r="D30750" s="1" t="s">
        <v>93866</v>
      </c>
      <c r="E30750" s="1" t="s">
        <v>107617</v>
      </c>
      <c r="F30750" s="1" t="s">
        <v>55593</v>
      </c>
      <c r="G30750" s="1" t="s">
        <v>107544</v>
      </c>
      <c r="H30750" s="1" t="s">
        <v>107545</v>
      </c>
      <c r="I30750" s="1" t="s">
        <v>105238</v>
      </c>
      <c r="J30750" s="1" t="s">
        <v>107618</v>
      </c>
    </row>
    <row r="30751" spans="1:10" x14ac:dyDescent="0.35">
      <c r="A30751" s="1" t="s">
        <v>8479</v>
      </c>
      <c r="B30751" s="1" t="s">
        <v>105234</v>
      </c>
      <c r="C30751" s="1" t="s">
        <v>140</v>
      </c>
      <c r="D30751" s="1" t="s">
        <v>107619</v>
      </c>
      <c r="E30751" s="1" t="s">
        <v>107620</v>
      </c>
      <c r="F30751" s="1" t="s">
        <v>107621</v>
      </c>
      <c r="G30751" s="1" t="s">
        <v>107544</v>
      </c>
      <c r="H30751" s="1" t="s">
        <v>107545</v>
      </c>
      <c r="I30751" s="1" t="s">
        <v>105238</v>
      </c>
      <c r="J30751" s="1" t="s">
        <v>107622</v>
      </c>
    </row>
    <row r="30752" spans="1:10" x14ac:dyDescent="0.35">
      <c r="A30752" s="1" t="s">
        <v>8479</v>
      </c>
      <c r="B30752" s="1" t="s">
        <v>105234</v>
      </c>
      <c r="C30752" s="1" t="s">
        <v>145</v>
      </c>
      <c r="D30752" s="1" t="s">
        <v>107623</v>
      </c>
      <c r="E30752" s="1" t="s">
        <v>81132</v>
      </c>
      <c r="F30752" s="1" t="s">
        <v>107624</v>
      </c>
      <c r="G30752" s="1" t="s">
        <v>107544</v>
      </c>
      <c r="H30752" s="1" t="s">
        <v>107545</v>
      </c>
      <c r="I30752" s="1" t="s">
        <v>105238</v>
      </c>
      <c r="J30752" s="1" t="s">
        <v>107625</v>
      </c>
    </row>
    <row r="30753" spans="1:10" x14ac:dyDescent="0.35">
      <c r="A30753" s="1" t="s">
        <v>8479</v>
      </c>
      <c r="B30753" s="1" t="s">
        <v>105234</v>
      </c>
      <c r="C30753" s="1" t="s">
        <v>150</v>
      </c>
      <c r="D30753" s="1" t="s">
        <v>58186</v>
      </c>
      <c r="E30753" s="1" t="s">
        <v>107626</v>
      </c>
      <c r="F30753" s="1" t="s">
        <v>100784</v>
      </c>
      <c r="G30753" s="1" t="s">
        <v>107544</v>
      </c>
      <c r="H30753" s="1" t="s">
        <v>107545</v>
      </c>
      <c r="I30753" s="1" t="s">
        <v>105238</v>
      </c>
      <c r="J30753" s="1" t="s">
        <v>107627</v>
      </c>
    </row>
    <row r="30754" spans="1:10" x14ac:dyDescent="0.35">
      <c r="A30754" s="1" t="s">
        <v>8479</v>
      </c>
      <c r="B30754" s="1" t="s">
        <v>105234</v>
      </c>
      <c r="C30754" s="1" t="s">
        <v>155</v>
      </c>
      <c r="D30754" s="1" t="s">
        <v>107628</v>
      </c>
      <c r="E30754" s="1" t="s">
        <v>107629</v>
      </c>
      <c r="F30754" s="1" t="s">
        <v>60116</v>
      </c>
      <c r="G30754" s="1" t="s">
        <v>107544</v>
      </c>
      <c r="H30754" s="1" t="s">
        <v>107545</v>
      </c>
      <c r="I30754" s="1" t="s">
        <v>105238</v>
      </c>
      <c r="J30754" s="1" t="s">
        <v>107630</v>
      </c>
    </row>
    <row r="30755" spans="1:10" x14ac:dyDescent="0.35">
      <c r="A30755" s="1" t="s">
        <v>8479</v>
      </c>
      <c r="B30755" s="1" t="s">
        <v>105234</v>
      </c>
      <c r="C30755" s="1" t="s">
        <v>160</v>
      </c>
      <c r="D30755" s="1" t="s">
        <v>107631</v>
      </c>
      <c r="E30755" s="1" t="s">
        <v>107295</v>
      </c>
      <c r="F30755" s="1" t="s">
        <v>107632</v>
      </c>
      <c r="G30755" s="1" t="s">
        <v>107544</v>
      </c>
      <c r="H30755" s="1" t="s">
        <v>107545</v>
      </c>
      <c r="I30755" s="1" t="s">
        <v>105238</v>
      </c>
      <c r="J30755" s="1" t="s">
        <v>107633</v>
      </c>
    </row>
    <row r="30756" spans="1:10" x14ac:dyDescent="0.35">
      <c r="A30756" s="1" t="s">
        <v>8479</v>
      </c>
      <c r="B30756" s="1" t="s">
        <v>105234</v>
      </c>
      <c r="C30756" s="1" t="s">
        <v>165</v>
      </c>
      <c r="D30756" s="1" t="s">
        <v>107634</v>
      </c>
      <c r="E30756" s="1" t="s">
        <v>107635</v>
      </c>
      <c r="F30756" s="1" t="s">
        <v>107636</v>
      </c>
      <c r="G30756" s="1" t="s">
        <v>107544</v>
      </c>
      <c r="H30756" s="1" t="s">
        <v>107545</v>
      </c>
      <c r="I30756" s="1" t="s">
        <v>105238</v>
      </c>
      <c r="J30756" s="1" t="s">
        <v>107637</v>
      </c>
    </row>
    <row r="30757" spans="1:10" x14ac:dyDescent="0.35">
      <c r="A30757" s="1" t="s">
        <v>8479</v>
      </c>
      <c r="B30757" s="1" t="s">
        <v>105234</v>
      </c>
      <c r="C30757" s="1" t="s">
        <v>170</v>
      </c>
      <c r="D30757" s="1" t="s">
        <v>83885</v>
      </c>
      <c r="E30757" s="1" t="s">
        <v>107638</v>
      </c>
      <c r="F30757" s="1" t="s">
        <v>107639</v>
      </c>
      <c r="G30757" s="1" t="s">
        <v>107544</v>
      </c>
      <c r="H30757" s="1" t="s">
        <v>107545</v>
      </c>
      <c r="I30757" s="1" t="s">
        <v>105238</v>
      </c>
      <c r="J30757" s="1" t="s">
        <v>107640</v>
      </c>
    </row>
    <row r="30758" spans="1:10" x14ac:dyDescent="0.35">
      <c r="A30758" s="1" t="s">
        <v>2164</v>
      </c>
      <c r="B30758" s="1" t="s">
        <v>105234</v>
      </c>
      <c r="C30758" s="1" t="s">
        <v>8</v>
      </c>
      <c r="D30758" s="1" t="s">
        <v>90804</v>
      </c>
      <c r="E30758" s="1" t="s">
        <v>107641</v>
      </c>
      <c r="F30758" s="1" t="s">
        <v>107642</v>
      </c>
      <c r="G30758" s="1" t="s">
        <v>107643</v>
      </c>
      <c r="H30758" s="1" t="s">
        <v>107644</v>
      </c>
      <c r="I30758" s="1" t="s">
        <v>105238</v>
      </c>
      <c r="J30758" s="1" t="s">
        <v>13</v>
      </c>
    </row>
    <row r="30759" spans="1:10" x14ac:dyDescent="0.35">
      <c r="A30759" s="1" t="s">
        <v>2164</v>
      </c>
      <c r="B30759" s="1" t="s">
        <v>105234</v>
      </c>
      <c r="C30759" s="1" t="s">
        <v>15</v>
      </c>
      <c r="D30759" s="1" t="s">
        <v>96189</v>
      </c>
      <c r="E30759" s="1" t="s">
        <v>107645</v>
      </c>
      <c r="F30759" s="1" t="s">
        <v>107646</v>
      </c>
      <c r="G30759" s="1" t="s">
        <v>107643</v>
      </c>
      <c r="H30759" s="1" t="s">
        <v>107644</v>
      </c>
      <c r="I30759" s="1" t="s">
        <v>105238</v>
      </c>
      <c r="J30759" s="1" t="s">
        <v>107647</v>
      </c>
    </row>
    <row r="30760" spans="1:10" x14ac:dyDescent="0.35">
      <c r="A30760" s="1" t="s">
        <v>2164</v>
      </c>
      <c r="B30760" s="1" t="s">
        <v>105234</v>
      </c>
      <c r="C30760" s="1" t="s">
        <v>20</v>
      </c>
      <c r="D30760" s="1" t="s">
        <v>22051</v>
      </c>
      <c r="E30760" s="1" t="s">
        <v>107648</v>
      </c>
      <c r="F30760" s="1" t="s">
        <v>107649</v>
      </c>
      <c r="G30760" s="1" t="s">
        <v>107643</v>
      </c>
      <c r="H30760" s="1" t="s">
        <v>107644</v>
      </c>
      <c r="I30760" s="1" t="s">
        <v>105238</v>
      </c>
      <c r="J30760" s="1" t="s">
        <v>107650</v>
      </c>
    </row>
    <row r="30761" spans="1:10" x14ac:dyDescent="0.35">
      <c r="A30761" s="1" t="s">
        <v>2164</v>
      </c>
      <c r="B30761" s="1" t="s">
        <v>105234</v>
      </c>
      <c r="C30761" s="1" t="s">
        <v>25</v>
      </c>
      <c r="D30761" s="1" t="s">
        <v>107651</v>
      </c>
      <c r="E30761" s="1" t="s">
        <v>107652</v>
      </c>
      <c r="F30761" s="1" t="s">
        <v>107653</v>
      </c>
      <c r="G30761" s="1" t="s">
        <v>107643</v>
      </c>
      <c r="H30761" s="1" t="s">
        <v>107644</v>
      </c>
      <c r="I30761" s="1" t="s">
        <v>105238</v>
      </c>
      <c r="J30761" s="1" t="s">
        <v>107654</v>
      </c>
    </row>
    <row r="30762" spans="1:10" x14ac:dyDescent="0.35">
      <c r="A30762" s="1" t="s">
        <v>2164</v>
      </c>
      <c r="B30762" s="1" t="s">
        <v>105234</v>
      </c>
      <c r="C30762" s="1" t="s">
        <v>30</v>
      </c>
      <c r="D30762" s="1" t="s">
        <v>12557</v>
      </c>
      <c r="E30762" s="1" t="s">
        <v>107655</v>
      </c>
      <c r="F30762" s="1" t="s">
        <v>107656</v>
      </c>
      <c r="G30762" s="1" t="s">
        <v>107643</v>
      </c>
      <c r="H30762" s="1" t="s">
        <v>107644</v>
      </c>
      <c r="I30762" s="1" t="s">
        <v>105238</v>
      </c>
      <c r="J30762" s="1" t="s">
        <v>107657</v>
      </c>
    </row>
    <row r="30763" spans="1:10" x14ac:dyDescent="0.35">
      <c r="A30763" s="1" t="s">
        <v>2164</v>
      </c>
      <c r="B30763" s="1" t="s">
        <v>105234</v>
      </c>
      <c r="C30763" s="1" t="s">
        <v>35</v>
      </c>
      <c r="D30763" s="1" t="s">
        <v>64027</v>
      </c>
      <c r="E30763" s="1" t="s">
        <v>107658</v>
      </c>
      <c r="F30763" s="1" t="s">
        <v>107659</v>
      </c>
      <c r="G30763" s="1" t="s">
        <v>107643</v>
      </c>
      <c r="H30763" s="1" t="s">
        <v>107644</v>
      </c>
      <c r="I30763" s="1" t="s">
        <v>105238</v>
      </c>
      <c r="J30763" s="1" t="s">
        <v>107660</v>
      </c>
    </row>
    <row r="30764" spans="1:10" x14ac:dyDescent="0.35">
      <c r="A30764" s="1" t="s">
        <v>2164</v>
      </c>
      <c r="B30764" s="1" t="s">
        <v>105234</v>
      </c>
      <c r="C30764" s="1" t="s">
        <v>40</v>
      </c>
      <c r="D30764" s="1" t="s">
        <v>18587</v>
      </c>
      <c r="E30764" s="1" t="s">
        <v>107661</v>
      </c>
      <c r="F30764" s="1" t="s">
        <v>107662</v>
      </c>
      <c r="G30764" s="1" t="s">
        <v>107643</v>
      </c>
      <c r="H30764" s="1" t="s">
        <v>107644</v>
      </c>
      <c r="I30764" s="1" t="s">
        <v>105238</v>
      </c>
      <c r="J30764" s="1" t="s">
        <v>107663</v>
      </c>
    </row>
    <row r="30765" spans="1:10" x14ac:dyDescent="0.35">
      <c r="A30765" s="1" t="s">
        <v>2164</v>
      </c>
      <c r="B30765" s="1" t="s">
        <v>105234</v>
      </c>
      <c r="C30765" s="1" t="s">
        <v>45</v>
      </c>
      <c r="D30765" s="1" t="s">
        <v>99233</v>
      </c>
      <c r="E30765" s="1" t="s">
        <v>107664</v>
      </c>
      <c r="F30765" s="1" t="s">
        <v>107665</v>
      </c>
      <c r="G30765" s="1" t="s">
        <v>107643</v>
      </c>
      <c r="H30765" s="1" t="s">
        <v>107644</v>
      </c>
      <c r="I30765" s="1" t="s">
        <v>105238</v>
      </c>
      <c r="J30765" s="1" t="s">
        <v>107666</v>
      </c>
    </row>
    <row r="30766" spans="1:10" x14ac:dyDescent="0.35">
      <c r="A30766" s="1" t="s">
        <v>2164</v>
      </c>
      <c r="B30766" s="1" t="s">
        <v>105234</v>
      </c>
      <c r="C30766" s="1" t="s">
        <v>50</v>
      </c>
      <c r="D30766" s="1" t="s">
        <v>24695</v>
      </c>
      <c r="E30766" s="1" t="s">
        <v>107667</v>
      </c>
      <c r="F30766" s="1" t="s">
        <v>107668</v>
      </c>
      <c r="G30766" s="1" t="s">
        <v>107643</v>
      </c>
      <c r="H30766" s="1" t="s">
        <v>107644</v>
      </c>
      <c r="I30766" s="1" t="s">
        <v>105238</v>
      </c>
      <c r="J30766" s="1" t="s">
        <v>107669</v>
      </c>
    </row>
    <row r="30767" spans="1:10" x14ac:dyDescent="0.35">
      <c r="A30767" s="1" t="s">
        <v>2164</v>
      </c>
      <c r="B30767" s="1" t="s">
        <v>105234</v>
      </c>
      <c r="C30767" s="1" t="s">
        <v>55</v>
      </c>
      <c r="D30767" s="1" t="s">
        <v>107670</v>
      </c>
      <c r="E30767" s="1" t="s">
        <v>107671</v>
      </c>
      <c r="F30767" s="1" t="s">
        <v>107672</v>
      </c>
      <c r="G30767" s="1" t="s">
        <v>107643</v>
      </c>
      <c r="H30767" s="1" t="s">
        <v>107644</v>
      </c>
      <c r="I30767" s="1" t="s">
        <v>105238</v>
      </c>
      <c r="J30767" s="1" t="s">
        <v>107673</v>
      </c>
    </row>
    <row r="30768" spans="1:10" x14ac:dyDescent="0.35">
      <c r="A30768" s="1" t="s">
        <v>2164</v>
      </c>
      <c r="B30768" s="1" t="s">
        <v>105234</v>
      </c>
      <c r="C30768" s="1" t="s">
        <v>60</v>
      </c>
      <c r="D30768" s="1" t="s">
        <v>76337</v>
      </c>
      <c r="E30768" s="1" t="s">
        <v>107674</v>
      </c>
      <c r="F30768" s="1" t="s">
        <v>107675</v>
      </c>
      <c r="G30768" s="1" t="s">
        <v>107643</v>
      </c>
      <c r="H30768" s="1" t="s">
        <v>107644</v>
      </c>
      <c r="I30768" s="1" t="s">
        <v>105238</v>
      </c>
      <c r="J30768" s="1" t="s">
        <v>107676</v>
      </c>
    </row>
    <row r="30769" spans="1:10" x14ac:dyDescent="0.35">
      <c r="A30769" s="1" t="s">
        <v>2164</v>
      </c>
      <c r="B30769" s="1" t="s">
        <v>105234</v>
      </c>
      <c r="C30769" s="1" t="s">
        <v>65</v>
      </c>
      <c r="D30769" s="1" t="s">
        <v>69070</v>
      </c>
      <c r="E30769" s="1" t="s">
        <v>107677</v>
      </c>
      <c r="F30769" s="1" t="s">
        <v>107678</v>
      </c>
      <c r="G30769" s="1" t="s">
        <v>107643</v>
      </c>
      <c r="H30769" s="1" t="s">
        <v>107644</v>
      </c>
      <c r="I30769" s="1" t="s">
        <v>105238</v>
      </c>
      <c r="J30769" s="1" t="s">
        <v>107679</v>
      </c>
    </row>
    <row r="30770" spans="1:10" x14ac:dyDescent="0.35">
      <c r="A30770" s="1" t="s">
        <v>2164</v>
      </c>
      <c r="B30770" s="1" t="s">
        <v>105234</v>
      </c>
      <c r="C30770" s="1" t="s">
        <v>70</v>
      </c>
      <c r="D30770" s="1" t="s">
        <v>107680</v>
      </c>
      <c r="E30770" s="1" t="s">
        <v>107681</v>
      </c>
      <c r="F30770" s="1" t="s">
        <v>107682</v>
      </c>
      <c r="G30770" s="1" t="s">
        <v>107643</v>
      </c>
      <c r="H30770" s="1" t="s">
        <v>107644</v>
      </c>
      <c r="I30770" s="1" t="s">
        <v>105238</v>
      </c>
      <c r="J30770" s="1" t="s">
        <v>107683</v>
      </c>
    </row>
    <row r="30771" spans="1:10" x14ac:dyDescent="0.35">
      <c r="A30771" s="1" t="s">
        <v>2164</v>
      </c>
      <c r="B30771" s="1" t="s">
        <v>105234</v>
      </c>
      <c r="C30771" s="1" t="s">
        <v>75</v>
      </c>
      <c r="D30771" s="1" t="s">
        <v>15152</v>
      </c>
      <c r="E30771" s="1" t="s">
        <v>107684</v>
      </c>
      <c r="F30771" s="1" t="s">
        <v>107685</v>
      </c>
      <c r="G30771" s="1" t="s">
        <v>107643</v>
      </c>
      <c r="H30771" s="1" t="s">
        <v>107644</v>
      </c>
      <c r="I30771" s="1" t="s">
        <v>105238</v>
      </c>
      <c r="J30771" s="1" t="s">
        <v>107686</v>
      </c>
    </row>
    <row r="30772" spans="1:10" x14ac:dyDescent="0.35">
      <c r="A30772" s="1" t="s">
        <v>2164</v>
      </c>
      <c r="B30772" s="1" t="s">
        <v>105234</v>
      </c>
      <c r="C30772" s="1" t="s">
        <v>80</v>
      </c>
      <c r="D30772" s="1" t="s">
        <v>107687</v>
      </c>
      <c r="E30772" s="1" t="s">
        <v>107688</v>
      </c>
      <c r="F30772" s="1" t="s">
        <v>107689</v>
      </c>
      <c r="G30772" s="1" t="s">
        <v>107643</v>
      </c>
      <c r="H30772" s="1" t="s">
        <v>107644</v>
      </c>
      <c r="I30772" s="1" t="s">
        <v>105238</v>
      </c>
      <c r="J30772" s="1" t="s">
        <v>107690</v>
      </c>
    </row>
    <row r="30773" spans="1:10" x14ac:dyDescent="0.35">
      <c r="A30773" s="1" t="s">
        <v>2164</v>
      </c>
      <c r="B30773" s="1" t="s">
        <v>105234</v>
      </c>
      <c r="C30773" s="1" t="s">
        <v>85</v>
      </c>
      <c r="D30773" s="1" t="s">
        <v>56885</v>
      </c>
      <c r="E30773" s="1" t="s">
        <v>107691</v>
      </c>
      <c r="F30773" s="1" t="s">
        <v>107692</v>
      </c>
      <c r="G30773" s="1" t="s">
        <v>107643</v>
      </c>
      <c r="H30773" s="1" t="s">
        <v>107644</v>
      </c>
      <c r="I30773" s="1" t="s">
        <v>105238</v>
      </c>
      <c r="J30773" s="1" t="s">
        <v>107693</v>
      </c>
    </row>
    <row r="30774" spans="1:10" x14ac:dyDescent="0.35">
      <c r="A30774" s="1" t="s">
        <v>2164</v>
      </c>
      <c r="B30774" s="1" t="s">
        <v>105234</v>
      </c>
      <c r="C30774" s="1" t="s">
        <v>90</v>
      </c>
      <c r="D30774" s="1" t="s">
        <v>107694</v>
      </c>
      <c r="E30774" s="1" t="s">
        <v>107695</v>
      </c>
      <c r="F30774" s="1" t="s">
        <v>107696</v>
      </c>
      <c r="G30774" s="1" t="s">
        <v>107643</v>
      </c>
      <c r="H30774" s="1" t="s">
        <v>107644</v>
      </c>
      <c r="I30774" s="1" t="s">
        <v>105238</v>
      </c>
      <c r="J30774" s="1" t="s">
        <v>107697</v>
      </c>
    </row>
    <row r="30775" spans="1:10" x14ac:dyDescent="0.35">
      <c r="A30775" s="1" t="s">
        <v>2164</v>
      </c>
      <c r="B30775" s="1" t="s">
        <v>105234</v>
      </c>
      <c r="C30775" s="1" t="s">
        <v>95</v>
      </c>
      <c r="D30775" s="1" t="s">
        <v>107698</v>
      </c>
      <c r="E30775" s="1" t="s">
        <v>107699</v>
      </c>
      <c r="F30775" s="1" t="s">
        <v>107700</v>
      </c>
      <c r="G30775" s="1" t="s">
        <v>107643</v>
      </c>
      <c r="H30775" s="1" t="s">
        <v>107644</v>
      </c>
      <c r="I30775" s="1" t="s">
        <v>105238</v>
      </c>
      <c r="J30775" s="1" t="s">
        <v>107701</v>
      </c>
    </row>
    <row r="30776" spans="1:10" x14ac:dyDescent="0.35">
      <c r="A30776" s="1" t="s">
        <v>2164</v>
      </c>
      <c r="B30776" s="1" t="s">
        <v>105234</v>
      </c>
      <c r="C30776" s="1" t="s">
        <v>100</v>
      </c>
      <c r="D30776" s="1" t="s">
        <v>100872</v>
      </c>
      <c r="E30776" s="1" t="s">
        <v>107702</v>
      </c>
      <c r="F30776" s="1" t="s">
        <v>107703</v>
      </c>
      <c r="G30776" s="1" t="s">
        <v>107643</v>
      </c>
      <c r="H30776" s="1" t="s">
        <v>107644</v>
      </c>
      <c r="I30776" s="1" t="s">
        <v>105238</v>
      </c>
      <c r="J30776" s="1" t="s">
        <v>107704</v>
      </c>
    </row>
    <row r="30777" spans="1:10" x14ac:dyDescent="0.35">
      <c r="A30777" s="1" t="s">
        <v>2164</v>
      </c>
      <c r="B30777" s="1" t="s">
        <v>105234</v>
      </c>
      <c r="C30777" s="1" t="s">
        <v>105</v>
      </c>
      <c r="D30777" s="1" t="s">
        <v>107705</v>
      </c>
      <c r="E30777" s="1" t="s">
        <v>107706</v>
      </c>
      <c r="F30777" s="1" t="s">
        <v>107707</v>
      </c>
      <c r="G30777" s="1" t="s">
        <v>107643</v>
      </c>
      <c r="H30777" s="1" t="s">
        <v>107644</v>
      </c>
      <c r="I30777" s="1" t="s">
        <v>105238</v>
      </c>
      <c r="J30777" s="1" t="s">
        <v>107708</v>
      </c>
    </row>
    <row r="30778" spans="1:10" x14ac:dyDescent="0.35">
      <c r="A30778" s="1" t="s">
        <v>2164</v>
      </c>
      <c r="B30778" s="1" t="s">
        <v>105234</v>
      </c>
      <c r="C30778" s="1" t="s">
        <v>110</v>
      </c>
      <c r="D30778" s="1" t="s">
        <v>69328</v>
      </c>
      <c r="E30778" s="1" t="s">
        <v>107709</v>
      </c>
      <c r="F30778" s="1" t="s">
        <v>107710</v>
      </c>
      <c r="G30778" s="1" t="s">
        <v>107643</v>
      </c>
      <c r="H30778" s="1" t="s">
        <v>107644</v>
      </c>
      <c r="I30778" s="1" t="s">
        <v>105238</v>
      </c>
      <c r="J30778" s="1" t="s">
        <v>107711</v>
      </c>
    </row>
    <row r="30779" spans="1:10" x14ac:dyDescent="0.35">
      <c r="A30779" s="1" t="s">
        <v>2164</v>
      </c>
      <c r="B30779" s="1" t="s">
        <v>105234</v>
      </c>
      <c r="C30779" s="1" t="s">
        <v>115</v>
      </c>
      <c r="D30779" s="1" t="s">
        <v>107712</v>
      </c>
      <c r="E30779" s="1" t="s">
        <v>107713</v>
      </c>
      <c r="F30779" s="1" t="s">
        <v>107714</v>
      </c>
      <c r="G30779" s="1" t="s">
        <v>107643</v>
      </c>
      <c r="H30779" s="1" t="s">
        <v>107644</v>
      </c>
      <c r="I30779" s="1" t="s">
        <v>105238</v>
      </c>
      <c r="J30779" s="1" t="s">
        <v>107715</v>
      </c>
    </row>
    <row r="30780" spans="1:10" x14ac:dyDescent="0.35">
      <c r="A30780" s="1" t="s">
        <v>2164</v>
      </c>
      <c r="B30780" s="1" t="s">
        <v>105234</v>
      </c>
      <c r="C30780" s="1" t="s">
        <v>120</v>
      </c>
      <c r="D30780" s="1" t="s">
        <v>56075</v>
      </c>
      <c r="E30780" s="1" t="s">
        <v>107716</v>
      </c>
      <c r="F30780" s="1" t="s">
        <v>107717</v>
      </c>
      <c r="G30780" s="1" t="s">
        <v>107643</v>
      </c>
      <c r="H30780" s="1" t="s">
        <v>107644</v>
      </c>
      <c r="I30780" s="1" t="s">
        <v>105238</v>
      </c>
      <c r="J30780" s="1" t="s">
        <v>107718</v>
      </c>
    </row>
    <row r="30781" spans="1:10" x14ac:dyDescent="0.35">
      <c r="A30781" s="1" t="s">
        <v>2164</v>
      </c>
      <c r="B30781" s="1" t="s">
        <v>105234</v>
      </c>
      <c r="C30781" s="1" t="s">
        <v>125</v>
      </c>
      <c r="D30781" s="1" t="s">
        <v>107719</v>
      </c>
      <c r="E30781" s="1" t="s">
        <v>107720</v>
      </c>
      <c r="F30781" s="1" t="s">
        <v>107721</v>
      </c>
      <c r="G30781" s="1" t="s">
        <v>107643</v>
      </c>
      <c r="H30781" s="1" t="s">
        <v>107644</v>
      </c>
      <c r="I30781" s="1" t="s">
        <v>105238</v>
      </c>
      <c r="J30781" s="1" t="s">
        <v>107722</v>
      </c>
    </row>
    <row r="30782" spans="1:10" x14ac:dyDescent="0.35">
      <c r="A30782" s="1" t="s">
        <v>2164</v>
      </c>
      <c r="B30782" s="1" t="s">
        <v>105234</v>
      </c>
      <c r="C30782" s="1" t="s">
        <v>130</v>
      </c>
      <c r="D30782" s="1" t="s">
        <v>86819</v>
      </c>
      <c r="E30782" s="1" t="s">
        <v>107723</v>
      </c>
      <c r="F30782" s="1" t="s">
        <v>107724</v>
      </c>
      <c r="G30782" s="1" t="s">
        <v>107643</v>
      </c>
      <c r="H30782" s="1" t="s">
        <v>107644</v>
      </c>
      <c r="I30782" s="1" t="s">
        <v>105238</v>
      </c>
      <c r="J30782" s="1" t="s">
        <v>107725</v>
      </c>
    </row>
    <row r="30783" spans="1:10" x14ac:dyDescent="0.35">
      <c r="A30783" s="1" t="s">
        <v>2164</v>
      </c>
      <c r="B30783" s="1" t="s">
        <v>105234</v>
      </c>
      <c r="C30783" s="1" t="s">
        <v>135</v>
      </c>
      <c r="D30783" s="1" t="s">
        <v>107726</v>
      </c>
      <c r="E30783" s="1" t="s">
        <v>107727</v>
      </c>
      <c r="F30783" s="1" t="s">
        <v>107728</v>
      </c>
      <c r="G30783" s="1" t="s">
        <v>107643</v>
      </c>
      <c r="H30783" s="1" t="s">
        <v>107644</v>
      </c>
      <c r="I30783" s="1" t="s">
        <v>105238</v>
      </c>
      <c r="J30783" s="1" t="s">
        <v>107729</v>
      </c>
    </row>
    <row r="30784" spans="1:10" x14ac:dyDescent="0.35">
      <c r="A30784" s="1" t="s">
        <v>2164</v>
      </c>
      <c r="B30784" s="1" t="s">
        <v>105234</v>
      </c>
      <c r="C30784" s="1" t="s">
        <v>140</v>
      </c>
      <c r="D30784" s="1" t="s">
        <v>107730</v>
      </c>
      <c r="E30784" s="1" t="s">
        <v>107731</v>
      </c>
      <c r="F30784" s="1" t="s">
        <v>107732</v>
      </c>
      <c r="G30784" s="1" t="s">
        <v>107643</v>
      </c>
      <c r="H30784" s="1" t="s">
        <v>107644</v>
      </c>
      <c r="I30784" s="1" t="s">
        <v>105238</v>
      </c>
      <c r="J30784" s="1" t="s">
        <v>107733</v>
      </c>
    </row>
    <row r="30785" spans="1:10" x14ac:dyDescent="0.35">
      <c r="A30785" s="1" t="s">
        <v>2164</v>
      </c>
      <c r="B30785" s="1" t="s">
        <v>105234</v>
      </c>
      <c r="C30785" s="1" t="s">
        <v>145</v>
      </c>
      <c r="D30785" s="1" t="s">
        <v>84631</v>
      </c>
      <c r="E30785" s="1" t="s">
        <v>107734</v>
      </c>
      <c r="F30785" s="1" t="s">
        <v>107735</v>
      </c>
      <c r="G30785" s="1" t="s">
        <v>107643</v>
      </c>
      <c r="H30785" s="1" t="s">
        <v>107644</v>
      </c>
      <c r="I30785" s="1" t="s">
        <v>105238</v>
      </c>
      <c r="J30785" s="1" t="s">
        <v>107736</v>
      </c>
    </row>
    <row r="30786" spans="1:10" x14ac:dyDescent="0.35">
      <c r="A30786" s="1" t="s">
        <v>2164</v>
      </c>
      <c r="B30786" s="1" t="s">
        <v>105234</v>
      </c>
      <c r="C30786" s="1" t="s">
        <v>150</v>
      </c>
      <c r="D30786" s="1" t="s">
        <v>98846</v>
      </c>
      <c r="E30786" s="1" t="s">
        <v>107737</v>
      </c>
      <c r="F30786" s="1" t="s">
        <v>107738</v>
      </c>
      <c r="G30786" s="1" t="s">
        <v>107643</v>
      </c>
      <c r="H30786" s="1" t="s">
        <v>107644</v>
      </c>
      <c r="I30786" s="1" t="s">
        <v>105238</v>
      </c>
      <c r="J30786" s="1" t="s">
        <v>107739</v>
      </c>
    </row>
    <row r="30787" spans="1:10" x14ac:dyDescent="0.35">
      <c r="A30787" s="1" t="s">
        <v>2164</v>
      </c>
      <c r="B30787" s="1" t="s">
        <v>105234</v>
      </c>
      <c r="C30787" s="1" t="s">
        <v>155</v>
      </c>
      <c r="D30787" s="1" t="s">
        <v>107740</v>
      </c>
      <c r="E30787" s="1" t="s">
        <v>107741</v>
      </c>
      <c r="F30787" s="1" t="s">
        <v>107742</v>
      </c>
      <c r="G30787" s="1" t="s">
        <v>107643</v>
      </c>
      <c r="H30787" s="1" t="s">
        <v>107644</v>
      </c>
      <c r="I30787" s="1" t="s">
        <v>105238</v>
      </c>
      <c r="J30787" s="1" t="s">
        <v>107743</v>
      </c>
    </row>
    <row r="30788" spans="1:10" x14ac:dyDescent="0.35">
      <c r="A30788" s="1" t="s">
        <v>2164</v>
      </c>
      <c r="B30788" s="1" t="s">
        <v>105234</v>
      </c>
      <c r="C30788" s="1" t="s">
        <v>160</v>
      </c>
      <c r="D30788" s="1" t="s">
        <v>107744</v>
      </c>
      <c r="E30788" s="1" t="s">
        <v>107745</v>
      </c>
      <c r="F30788" s="1" t="s">
        <v>107746</v>
      </c>
      <c r="G30788" s="1" t="s">
        <v>107643</v>
      </c>
      <c r="H30788" s="1" t="s">
        <v>107644</v>
      </c>
      <c r="I30788" s="1" t="s">
        <v>105238</v>
      </c>
      <c r="J30788" s="1" t="s">
        <v>107747</v>
      </c>
    </row>
    <row r="30789" spans="1:10" x14ac:dyDescent="0.35">
      <c r="A30789" s="1" t="s">
        <v>2164</v>
      </c>
      <c r="B30789" s="1" t="s">
        <v>105234</v>
      </c>
      <c r="C30789" s="1" t="s">
        <v>165</v>
      </c>
      <c r="D30789" s="1" t="s">
        <v>107748</v>
      </c>
      <c r="E30789" s="1" t="s">
        <v>107749</v>
      </c>
      <c r="F30789" s="1" t="s">
        <v>107750</v>
      </c>
      <c r="G30789" s="1" t="s">
        <v>107643</v>
      </c>
      <c r="H30789" s="1" t="s">
        <v>107644</v>
      </c>
      <c r="I30789" s="1" t="s">
        <v>105238</v>
      </c>
      <c r="J30789" s="1" t="s">
        <v>107751</v>
      </c>
    </row>
    <row r="30790" spans="1:10" x14ac:dyDescent="0.35">
      <c r="A30790" s="1" t="s">
        <v>2164</v>
      </c>
      <c r="B30790" s="1" t="s">
        <v>105234</v>
      </c>
      <c r="C30790" s="1" t="s">
        <v>170</v>
      </c>
      <c r="D30790" s="1" t="s">
        <v>107752</v>
      </c>
      <c r="E30790" s="1" t="s">
        <v>107753</v>
      </c>
      <c r="F30790" s="1" t="s">
        <v>107754</v>
      </c>
      <c r="G30790" s="1" t="s">
        <v>107643</v>
      </c>
      <c r="H30790" s="1" t="s">
        <v>107644</v>
      </c>
      <c r="I30790" s="1" t="s">
        <v>105238</v>
      </c>
      <c r="J30790" s="1" t="s">
        <v>107755</v>
      </c>
    </row>
    <row r="30791" spans="1:10" x14ac:dyDescent="0.35">
      <c r="A30791" s="1" t="s">
        <v>107756</v>
      </c>
      <c r="B30791" s="1" t="s">
        <v>105234</v>
      </c>
      <c r="C30791" s="1" t="s">
        <v>8</v>
      </c>
      <c r="D30791" s="1" t="s">
        <v>33999</v>
      </c>
      <c r="E30791" s="1" t="s">
        <v>107757</v>
      </c>
      <c r="F30791" s="1" t="s">
        <v>107758</v>
      </c>
      <c r="G30791" s="1" t="s">
        <v>107759</v>
      </c>
      <c r="H30791" s="1" t="s">
        <v>107760</v>
      </c>
      <c r="I30791" s="1" t="s">
        <v>105238</v>
      </c>
      <c r="J30791" s="1" t="s">
        <v>13</v>
      </c>
    </row>
    <row r="30792" spans="1:10" x14ac:dyDescent="0.35">
      <c r="A30792" s="1" t="s">
        <v>107756</v>
      </c>
      <c r="B30792" s="1" t="s">
        <v>105234</v>
      </c>
      <c r="C30792" s="1" t="s">
        <v>15</v>
      </c>
      <c r="D30792" s="1" t="s">
        <v>107761</v>
      </c>
      <c r="E30792" s="1" t="s">
        <v>107762</v>
      </c>
      <c r="F30792" s="1" t="s">
        <v>107763</v>
      </c>
      <c r="G30792" s="1" t="s">
        <v>107759</v>
      </c>
      <c r="H30792" s="1" t="s">
        <v>107760</v>
      </c>
      <c r="I30792" s="1" t="s">
        <v>105238</v>
      </c>
      <c r="J30792" s="1" t="s">
        <v>107764</v>
      </c>
    </row>
    <row r="30793" spans="1:10" x14ac:dyDescent="0.35">
      <c r="A30793" s="1" t="s">
        <v>107756</v>
      </c>
      <c r="B30793" s="1" t="s">
        <v>105234</v>
      </c>
      <c r="C30793" s="1" t="s">
        <v>20</v>
      </c>
      <c r="D30793" s="1" t="s">
        <v>107765</v>
      </c>
      <c r="E30793" s="1" t="s">
        <v>107766</v>
      </c>
      <c r="F30793" s="1" t="s">
        <v>107767</v>
      </c>
      <c r="G30793" s="1" t="s">
        <v>107759</v>
      </c>
      <c r="H30793" s="1" t="s">
        <v>107760</v>
      </c>
      <c r="I30793" s="1" t="s">
        <v>105238</v>
      </c>
      <c r="J30793" s="1" t="s">
        <v>107768</v>
      </c>
    </row>
    <row r="30794" spans="1:10" x14ac:dyDescent="0.35">
      <c r="A30794" s="1" t="s">
        <v>107756</v>
      </c>
      <c r="B30794" s="1" t="s">
        <v>105234</v>
      </c>
      <c r="C30794" s="1" t="s">
        <v>25</v>
      </c>
      <c r="D30794" s="1" t="s">
        <v>107769</v>
      </c>
      <c r="E30794" s="1" t="s">
        <v>107770</v>
      </c>
      <c r="F30794" s="1" t="s">
        <v>107771</v>
      </c>
      <c r="G30794" s="1" t="s">
        <v>107759</v>
      </c>
      <c r="H30794" s="1" t="s">
        <v>107760</v>
      </c>
      <c r="I30794" s="1" t="s">
        <v>105238</v>
      </c>
      <c r="J30794" s="1" t="s">
        <v>107772</v>
      </c>
    </row>
    <row r="30795" spans="1:10" x14ac:dyDescent="0.35">
      <c r="A30795" s="1" t="s">
        <v>107756</v>
      </c>
      <c r="B30795" s="1" t="s">
        <v>105234</v>
      </c>
      <c r="C30795" s="1" t="s">
        <v>30</v>
      </c>
      <c r="D30795" s="1" t="s">
        <v>107773</v>
      </c>
      <c r="E30795" s="1" t="s">
        <v>107774</v>
      </c>
      <c r="F30795" s="1" t="s">
        <v>107775</v>
      </c>
      <c r="G30795" s="1" t="s">
        <v>107759</v>
      </c>
      <c r="H30795" s="1" t="s">
        <v>107760</v>
      </c>
      <c r="I30795" s="1" t="s">
        <v>105238</v>
      </c>
      <c r="J30795" s="1" t="s">
        <v>107776</v>
      </c>
    </row>
    <row r="30796" spans="1:10" x14ac:dyDescent="0.35">
      <c r="A30796" s="1" t="s">
        <v>107756</v>
      </c>
      <c r="B30796" s="1" t="s">
        <v>105234</v>
      </c>
      <c r="C30796" s="1" t="s">
        <v>35</v>
      </c>
      <c r="D30796" s="1" t="s">
        <v>82142</v>
      </c>
      <c r="E30796" s="1" t="s">
        <v>107777</v>
      </c>
      <c r="F30796" s="1" t="s">
        <v>107778</v>
      </c>
      <c r="G30796" s="1" t="s">
        <v>107759</v>
      </c>
      <c r="H30796" s="1" t="s">
        <v>107760</v>
      </c>
      <c r="I30796" s="1" t="s">
        <v>105238</v>
      </c>
      <c r="J30796" s="1" t="s">
        <v>107779</v>
      </c>
    </row>
    <row r="30797" spans="1:10" x14ac:dyDescent="0.35">
      <c r="A30797" s="1" t="s">
        <v>107756</v>
      </c>
      <c r="B30797" s="1" t="s">
        <v>105234</v>
      </c>
      <c r="C30797" s="1" t="s">
        <v>40</v>
      </c>
      <c r="D30797" s="1" t="s">
        <v>107780</v>
      </c>
      <c r="E30797" s="1" t="s">
        <v>107781</v>
      </c>
      <c r="F30797" s="1" t="s">
        <v>107782</v>
      </c>
      <c r="G30797" s="1" t="s">
        <v>107759</v>
      </c>
      <c r="H30797" s="1" t="s">
        <v>107760</v>
      </c>
      <c r="I30797" s="1" t="s">
        <v>105238</v>
      </c>
      <c r="J30797" s="1" t="s">
        <v>107783</v>
      </c>
    </row>
    <row r="30798" spans="1:10" x14ac:dyDescent="0.35">
      <c r="A30798" s="1" t="s">
        <v>107756</v>
      </c>
      <c r="B30798" s="1" t="s">
        <v>105234</v>
      </c>
      <c r="C30798" s="1" t="s">
        <v>45</v>
      </c>
      <c r="D30798" s="1" t="s">
        <v>9102</v>
      </c>
      <c r="E30798" s="1" t="s">
        <v>107784</v>
      </c>
      <c r="F30798" s="1" t="s">
        <v>107785</v>
      </c>
      <c r="G30798" s="1" t="s">
        <v>107759</v>
      </c>
      <c r="H30798" s="1" t="s">
        <v>107760</v>
      </c>
      <c r="I30798" s="1" t="s">
        <v>105238</v>
      </c>
      <c r="J30798" s="1" t="s">
        <v>107786</v>
      </c>
    </row>
    <row r="30799" spans="1:10" x14ac:dyDescent="0.35">
      <c r="A30799" s="1" t="s">
        <v>107756</v>
      </c>
      <c r="B30799" s="1" t="s">
        <v>105234</v>
      </c>
      <c r="C30799" s="1" t="s">
        <v>50</v>
      </c>
      <c r="D30799" s="1" t="s">
        <v>2505</v>
      </c>
      <c r="E30799" s="1" t="s">
        <v>107787</v>
      </c>
      <c r="F30799" s="1" t="s">
        <v>107788</v>
      </c>
      <c r="G30799" s="1" t="s">
        <v>107759</v>
      </c>
      <c r="H30799" s="1" t="s">
        <v>107760</v>
      </c>
      <c r="I30799" s="1" t="s">
        <v>105238</v>
      </c>
      <c r="J30799" s="1" t="s">
        <v>107789</v>
      </c>
    </row>
    <row r="30800" spans="1:10" x14ac:dyDescent="0.35">
      <c r="A30800" s="1" t="s">
        <v>107756</v>
      </c>
      <c r="B30800" s="1" t="s">
        <v>105234</v>
      </c>
      <c r="C30800" s="1" t="s">
        <v>55</v>
      </c>
      <c r="D30800" s="1" t="s">
        <v>107790</v>
      </c>
      <c r="E30800" s="1" t="s">
        <v>107791</v>
      </c>
      <c r="F30800" s="1" t="s">
        <v>107792</v>
      </c>
      <c r="G30800" s="1" t="s">
        <v>107759</v>
      </c>
      <c r="H30800" s="1" t="s">
        <v>107760</v>
      </c>
      <c r="I30800" s="1" t="s">
        <v>105238</v>
      </c>
      <c r="J30800" s="1" t="s">
        <v>107793</v>
      </c>
    </row>
    <row r="30801" spans="1:10" x14ac:dyDescent="0.35">
      <c r="A30801" s="1" t="s">
        <v>107756</v>
      </c>
      <c r="B30801" s="1" t="s">
        <v>105234</v>
      </c>
      <c r="C30801" s="1" t="s">
        <v>60</v>
      </c>
      <c r="D30801" s="1" t="s">
        <v>11731</v>
      </c>
      <c r="E30801" s="1" t="s">
        <v>107794</v>
      </c>
      <c r="F30801" s="1" t="s">
        <v>107795</v>
      </c>
      <c r="G30801" s="1" t="s">
        <v>107759</v>
      </c>
      <c r="H30801" s="1" t="s">
        <v>107760</v>
      </c>
      <c r="I30801" s="1" t="s">
        <v>105238</v>
      </c>
      <c r="J30801" s="1" t="s">
        <v>107796</v>
      </c>
    </row>
    <row r="30802" spans="1:10" x14ac:dyDescent="0.35">
      <c r="A30802" s="1" t="s">
        <v>107756</v>
      </c>
      <c r="B30802" s="1" t="s">
        <v>105234</v>
      </c>
      <c r="C30802" s="1" t="s">
        <v>65</v>
      </c>
      <c r="D30802" s="1" t="s">
        <v>77213</v>
      </c>
      <c r="E30802" s="1" t="s">
        <v>107797</v>
      </c>
      <c r="F30802" s="1" t="s">
        <v>107798</v>
      </c>
      <c r="G30802" s="1" t="s">
        <v>107759</v>
      </c>
      <c r="H30802" s="1" t="s">
        <v>107760</v>
      </c>
      <c r="I30802" s="1" t="s">
        <v>105238</v>
      </c>
      <c r="J30802" s="1" t="s">
        <v>107799</v>
      </c>
    </row>
    <row r="30803" spans="1:10" x14ac:dyDescent="0.35">
      <c r="A30803" s="1" t="s">
        <v>107756</v>
      </c>
      <c r="B30803" s="1" t="s">
        <v>105234</v>
      </c>
      <c r="C30803" s="1" t="s">
        <v>70</v>
      </c>
      <c r="D30803" s="1" t="s">
        <v>107800</v>
      </c>
      <c r="E30803" s="1" t="s">
        <v>107801</v>
      </c>
      <c r="F30803" s="1" t="s">
        <v>107802</v>
      </c>
      <c r="G30803" s="1" t="s">
        <v>107759</v>
      </c>
      <c r="H30803" s="1" t="s">
        <v>107760</v>
      </c>
      <c r="I30803" s="1" t="s">
        <v>105238</v>
      </c>
      <c r="J30803" s="1" t="s">
        <v>107803</v>
      </c>
    </row>
    <row r="30804" spans="1:10" x14ac:dyDescent="0.35">
      <c r="A30804" s="1" t="s">
        <v>107756</v>
      </c>
      <c r="B30804" s="1" t="s">
        <v>105234</v>
      </c>
      <c r="C30804" s="1" t="s">
        <v>75</v>
      </c>
      <c r="D30804" s="1" t="s">
        <v>107804</v>
      </c>
      <c r="E30804" s="1" t="s">
        <v>107805</v>
      </c>
      <c r="F30804" s="1" t="s">
        <v>107806</v>
      </c>
      <c r="G30804" s="1" t="s">
        <v>107759</v>
      </c>
      <c r="H30804" s="1" t="s">
        <v>107760</v>
      </c>
      <c r="I30804" s="1" t="s">
        <v>105238</v>
      </c>
      <c r="J30804" s="1" t="s">
        <v>107807</v>
      </c>
    </row>
    <row r="30805" spans="1:10" x14ac:dyDescent="0.35">
      <c r="A30805" s="1" t="s">
        <v>107756</v>
      </c>
      <c r="B30805" s="1" t="s">
        <v>105234</v>
      </c>
      <c r="C30805" s="1" t="s">
        <v>80</v>
      </c>
      <c r="D30805" s="1" t="s">
        <v>59350</v>
      </c>
      <c r="E30805" s="1" t="s">
        <v>107808</v>
      </c>
      <c r="F30805" s="1" t="s">
        <v>107809</v>
      </c>
      <c r="G30805" s="1" t="s">
        <v>107759</v>
      </c>
      <c r="H30805" s="1" t="s">
        <v>107760</v>
      </c>
      <c r="I30805" s="1" t="s">
        <v>105238</v>
      </c>
      <c r="J30805" s="1" t="s">
        <v>107810</v>
      </c>
    </row>
    <row r="30806" spans="1:10" x14ac:dyDescent="0.35">
      <c r="A30806" s="1" t="s">
        <v>107756</v>
      </c>
      <c r="B30806" s="1" t="s">
        <v>105234</v>
      </c>
      <c r="C30806" s="1" t="s">
        <v>85</v>
      </c>
      <c r="D30806" s="1" t="s">
        <v>107811</v>
      </c>
      <c r="E30806" s="1" t="s">
        <v>107812</v>
      </c>
      <c r="F30806" s="1" t="s">
        <v>107813</v>
      </c>
      <c r="G30806" s="1" t="s">
        <v>107759</v>
      </c>
      <c r="H30806" s="1" t="s">
        <v>107760</v>
      </c>
      <c r="I30806" s="1" t="s">
        <v>105238</v>
      </c>
      <c r="J30806" s="1" t="s">
        <v>107814</v>
      </c>
    </row>
    <row r="30807" spans="1:10" x14ac:dyDescent="0.35">
      <c r="A30807" s="1" t="s">
        <v>107756</v>
      </c>
      <c r="B30807" s="1" t="s">
        <v>105234</v>
      </c>
      <c r="C30807" s="1" t="s">
        <v>90</v>
      </c>
      <c r="D30807" s="1" t="s">
        <v>107815</v>
      </c>
      <c r="E30807" s="1" t="s">
        <v>107816</v>
      </c>
      <c r="F30807" s="1" t="s">
        <v>107817</v>
      </c>
      <c r="G30807" s="1" t="s">
        <v>107759</v>
      </c>
      <c r="H30807" s="1" t="s">
        <v>107760</v>
      </c>
      <c r="I30807" s="1" t="s">
        <v>105238</v>
      </c>
      <c r="J30807" s="1" t="s">
        <v>107818</v>
      </c>
    </row>
    <row r="30808" spans="1:10" x14ac:dyDescent="0.35">
      <c r="A30808" s="1" t="s">
        <v>107756</v>
      </c>
      <c r="B30808" s="1" t="s">
        <v>105234</v>
      </c>
      <c r="C30808" s="1" t="s">
        <v>95</v>
      </c>
      <c r="D30808" s="1" t="s">
        <v>107819</v>
      </c>
      <c r="E30808" s="1" t="s">
        <v>107820</v>
      </c>
      <c r="F30808" s="1" t="s">
        <v>107821</v>
      </c>
      <c r="G30808" s="1" t="s">
        <v>107759</v>
      </c>
      <c r="H30808" s="1" t="s">
        <v>107760</v>
      </c>
      <c r="I30808" s="1" t="s">
        <v>105238</v>
      </c>
      <c r="J30808" s="1" t="s">
        <v>107822</v>
      </c>
    </row>
    <row r="30809" spans="1:10" x14ac:dyDescent="0.35">
      <c r="A30809" s="1" t="s">
        <v>107756</v>
      </c>
      <c r="B30809" s="1" t="s">
        <v>105234</v>
      </c>
      <c r="C30809" s="1" t="s">
        <v>100</v>
      </c>
      <c r="D30809" s="1" t="s">
        <v>107823</v>
      </c>
      <c r="E30809" s="1" t="s">
        <v>107824</v>
      </c>
      <c r="F30809" s="1" t="s">
        <v>107825</v>
      </c>
      <c r="G30809" s="1" t="s">
        <v>107759</v>
      </c>
      <c r="H30809" s="1" t="s">
        <v>107760</v>
      </c>
      <c r="I30809" s="1" t="s">
        <v>105238</v>
      </c>
      <c r="J30809" s="1" t="s">
        <v>107826</v>
      </c>
    </row>
    <row r="30810" spans="1:10" x14ac:dyDescent="0.35">
      <c r="A30810" s="1" t="s">
        <v>107756</v>
      </c>
      <c r="B30810" s="1" t="s">
        <v>105234</v>
      </c>
      <c r="C30810" s="1" t="s">
        <v>105</v>
      </c>
      <c r="D30810" s="1" t="s">
        <v>107827</v>
      </c>
      <c r="E30810" s="1" t="s">
        <v>107828</v>
      </c>
      <c r="F30810" s="1" t="s">
        <v>107829</v>
      </c>
      <c r="G30810" s="1" t="s">
        <v>107759</v>
      </c>
      <c r="H30810" s="1" t="s">
        <v>107760</v>
      </c>
      <c r="I30810" s="1" t="s">
        <v>105238</v>
      </c>
      <c r="J30810" s="1" t="s">
        <v>107830</v>
      </c>
    </row>
    <row r="30811" spans="1:10" x14ac:dyDescent="0.35">
      <c r="A30811" s="1" t="s">
        <v>107756</v>
      </c>
      <c r="B30811" s="1" t="s">
        <v>105234</v>
      </c>
      <c r="C30811" s="1" t="s">
        <v>110</v>
      </c>
      <c r="D30811" s="1" t="s">
        <v>83055</v>
      </c>
      <c r="E30811" s="1" t="s">
        <v>107831</v>
      </c>
      <c r="F30811" s="1" t="s">
        <v>107832</v>
      </c>
      <c r="G30811" s="1" t="s">
        <v>107759</v>
      </c>
      <c r="H30811" s="1" t="s">
        <v>107760</v>
      </c>
      <c r="I30811" s="1" t="s">
        <v>105238</v>
      </c>
      <c r="J30811" s="1" t="s">
        <v>107833</v>
      </c>
    </row>
    <row r="30812" spans="1:10" x14ac:dyDescent="0.35">
      <c r="A30812" s="1" t="s">
        <v>107756</v>
      </c>
      <c r="B30812" s="1" t="s">
        <v>105234</v>
      </c>
      <c r="C30812" s="1" t="s">
        <v>115</v>
      </c>
      <c r="D30812" s="1" t="s">
        <v>107834</v>
      </c>
      <c r="E30812" s="1" t="s">
        <v>107835</v>
      </c>
      <c r="F30812" s="1" t="s">
        <v>107836</v>
      </c>
      <c r="G30812" s="1" t="s">
        <v>107759</v>
      </c>
      <c r="H30812" s="1" t="s">
        <v>107760</v>
      </c>
      <c r="I30812" s="1" t="s">
        <v>105238</v>
      </c>
      <c r="J30812" s="1" t="s">
        <v>107837</v>
      </c>
    </row>
    <row r="30813" spans="1:10" x14ac:dyDescent="0.35">
      <c r="A30813" s="1" t="s">
        <v>107756</v>
      </c>
      <c r="B30813" s="1" t="s">
        <v>105234</v>
      </c>
      <c r="C30813" s="1" t="s">
        <v>120</v>
      </c>
      <c r="D30813" s="1" t="s">
        <v>107838</v>
      </c>
      <c r="E30813" s="1" t="s">
        <v>107839</v>
      </c>
      <c r="F30813" s="1" t="s">
        <v>107840</v>
      </c>
      <c r="G30813" s="1" t="s">
        <v>107759</v>
      </c>
      <c r="H30813" s="1" t="s">
        <v>107760</v>
      </c>
      <c r="I30813" s="1" t="s">
        <v>105238</v>
      </c>
      <c r="J30813" s="1" t="s">
        <v>107841</v>
      </c>
    </row>
    <row r="30814" spans="1:10" x14ac:dyDescent="0.35">
      <c r="A30814" s="1" t="s">
        <v>107756</v>
      </c>
      <c r="B30814" s="1" t="s">
        <v>105234</v>
      </c>
      <c r="C30814" s="1" t="s">
        <v>125</v>
      </c>
      <c r="D30814" s="1" t="s">
        <v>107842</v>
      </c>
      <c r="E30814" s="1" t="s">
        <v>107843</v>
      </c>
      <c r="F30814" s="1" t="s">
        <v>107844</v>
      </c>
      <c r="G30814" s="1" t="s">
        <v>107759</v>
      </c>
      <c r="H30814" s="1" t="s">
        <v>107760</v>
      </c>
      <c r="I30814" s="1" t="s">
        <v>105238</v>
      </c>
      <c r="J30814" s="1" t="s">
        <v>107845</v>
      </c>
    </row>
    <row r="30815" spans="1:10" x14ac:dyDescent="0.35">
      <c r="A30815" s="1" t="s">
        <v>107756</v>
      </c>
      <c r="B30815" s="1" t="s">
        <v>105234</v>
      </c>
      <c r="C30815" s="1" t="s">
        <v>130</v>
      </c>
      <c r="D30815" s="1" t="s">
        <v>107846</v>
      </c>
      <c r="E30815" s="1" t="s">
        <v>107847</v>
      </c>
      <c r="F30815" s="1" t="s">
        <v>107848</v>
      </c>
      <c r="G30815" s="1" t="s">
        <v>107759</v>
      </c>
      <c r="H30815" s="1" t="s">
        <v>107760</v>
      </c>
      <c r="I30815" s="1" t="s">
        <v>105238</v>
      </c>
      <c r="J30815" s="1" t="s">
        <v>107849</v>
      </c>
    </row>
    <row r="30816" spans="1:10" x14ac:dyDescent="0.35">
      <c r="A30816" s="1" t="s">
        <v>107756</v>
      </c>
      <c r="B30816" s="1" t="s">
        <v>105234</v>
      </c>
      <c r="C30816" s="1" t="s">
        <v>135</v>
      </c>
      <c r="D30816" s="1" t="s">
        <v>107850</v>
      </c>
      <c r="E30816" s="1" t="s">
        <v>107851</v>
      </c>
      <c r="F30816" s="1" t="s">
        <v>107852</v>
      </c>
      <c r="G30816" s="1" t="s">
        <v>107759</v>
      </c>
      <c r="H30816" s="1" t="s">
        <v>107760</v>
      </c>
      <c r="I30816" s="1" t="s">
        <v>105238</v>
      </c>
      <c r="J30816" s="1" t="s">
        <v>107853</v>
      </c>
    </row>
    <row r="30817" spans="1:10" x14ac:dyDescent="0.35">
      <c r="A30817" s="1" t="s">
        <v>107756</v>
      </c>
      <c r="B30817" s="1" t="s">
        <v>105234</v>
      </c>
      <c r="C30817" s="1" t="s">
        <v>140</v>
      </c>
      <c r="D30817" s="1" t="s">
        <v>107854</v>
      </c>
      <c r="E30817" s="1" t="s">
        <v>107855</v>
      </c>
      <c r="F30817" s="1" t="s">
        <v>107856</v>
      </c>
      <c r="G30817" s="1" t="s">
        <v>107759</v>
      </c>
      <c r="H30817" s="1" t="s">
        <v>107760</v>
      </c>
      <c r="I30817" s="1" t="s">
        <v>105238</v>
      </c>
      <c r="J30817" s="1" t="s">
        <v>107857</v>
      </c>
    </row>
    <row r="30818" spans="1:10" x14ac:dyDescent="0.35">
      <c r="A30818" s="1" t="s">
        <v>107756</v>
      </c>
      <c r="B30818" s="1" t="s">
        <v>105234</v>
      </c>
      <c r="C30818" s="1" t="s">
        <v>145</v>
      </c>
      <c r="D30818" s="1" t="s">
        <v>107858</v>
      </c>
      <c r="E30818" s="1" t="s">
        <v>107859</v>
      </c>
      <c r="F30818" s="1" t="s">
        <v>107860</v>
      </c>
      <c r="G30818" s="1" t="s">
        <v>107759</v>
      </c>
      <c r="H30818" s="1" t="s">
        <v>107760</v>
      </c>
      <c r="I30818" s="1" t="s">
        <v>105238</v>
      </c>
      <c r="J30818" s="1" t="s">
        <v>107861</v>
      </c>
    </row>
    <row r="30819" spans="1:10" x14ac:dyDescent="0.35">
      <c r="A30819" s="1" t="s">
        <v>107756</v>
      </c>
      <c r="B30819" s="1" t="s">
        <v>105234</v>
      </c>
      <c r="C30819" s="1" t="s">
        <v>150</v>
      </c>
      <c r="D30819" s="1" t="s">
        <v>107444</v>
      </c>
      <c r="E30819" s="1" t="s">
        <v>107862</v>
      </c>
      <c r="F30819" s="1" t="s">
        <v>107863</v>
      </c>
      <c r="G30819" s="1" t="s">
        <v>107759</v>
      </c>
      <c r="H30819" s="1" t="s">
        <v>107760</v>
      </c>
      <c r="I30819" s="1" t="s">
        <v>105238</v>
      </c>
      <c r="J30819" s="1" t="s">
        <v>107864</v>
      </c>
    </row>
    <row r="30820" spans="1:10" x14ac:dyDescent="0.35">
      <c r="A30820" s="1" t="s">
        <v>107756</v>
      </c>
      <c r="B30820" s="1" t="s">
        <v>105234</v>
      </c>
      <c r="C30820" s="1" t="s">
        <v>155</v>
      </c>
      <c r="D30820" s="1" t="s">
        <v>107865</v>
      </c>
      <c r="E30820" s="1" t="s">
        <v>107866</v>
      </c>
      <c r="F30820" s="1" t="s">
        <v>107867</v>
      </c>
      <c r="G30820" s="1" t="s">
        <v>107759</v>
      </c>
      <c r="H30820" s="1" t="s">
        <v>107760</v>
      </c>
      <c r="I30820" s="1" t="s">
        <v>105238</v>
      </c>
      <c r="J30820" s="1" t="s">
        <v>107868</v>
      </c>
    </row>
    <row r="30821" spans="1:10" x14ac:dyDescent="0.35">
      <c r="A30821" s="1" t="s">
        <v>107756</v>
      </c>
      <c r="B30821" s="1" t="s">
        <v>105234</v>
      </c>
      <c r="C30821" s="1" t="s">
        <v>160</v>
      </c>
      <c r="D30821" s="1" t="s">
        <v>107869</v>
      </c>
      <c r="E30821" s="1" t="s">
        <v>107870</v>
      </c>
      <c r="F30821" s="1" t="s">
        <v>107871</v>
      </c>
      <c r="G30821" s="1" t="s">
        <v>107759</v>
      </c>
      <c r="H30821" s="1" t="s">
        <v>107760</v>
      </c>
      <c r="I30821" s="1" t="s">
        <v>105238</v>
      </c>
      <c r="J30821" s="1" t="s">
        <v>107872</v>
      </c>
    </row>
    <row r="30822" spans="1:10" x14ac:dyDescent="0.35">
      <c r="A30822" s="1" t="s">
        <v>107756</v>
      </c>
      <c r="B30822" s="1" t="s">
        <v>105234</v>
      </c>
      <c r="C30822" s="1" t="s">
        <v>165</v>
      </c>
      <c r="D30822" s="1" t="s">
        <v>99526</v>
      </c>
      <c r="E30822" s="1" t="s">
        <v>107873</v>
      </c>
      <c r="F30822" s="1" t="s">
        <v>107874</v>
      </c>
      <c r="G30822" s="1" t="s">
        <v>107759</v>
      </c>
      <c r="H30822" s="1" t="s">
        <v>107760</v>
      </c>
      <c r="I30822" s="1" t="s">
        <v>105238</v>
      </c>
      <c r="J30822" s="1" t="s">
        <v>107875</v>
      </c>
    </row>
    <row r="30823" spans="1:10" x14ac:dyDescent="0.35">
      <c r="A30823" s="1" t="s">
        <v>107756</v>
      </c>
      <c r="B30823" s="1" t="s">
        <v>105234</v>
      </c>
      <c r="C30823" s="1" t="s">
        <v>170</v>
      </c>
      <c r="D30823" s="1" t="s">
        <v>32527</v>
      </c>
      <c r="E30823" s="1" t="s">
        <v>107876</v>
      </c>
      <c r="F30823" s="1" t="s">
        <v>107877</v>
      </c>
      <c r="G30823" s="1" t="s">
        <v>107759</v>
      </c>
      <c r="H30823" s="1" t="s">
        <v>107760</v>
      </c>
      <c r="I30823" s="1" t="s">
        <v>105238</v>
      </c>
      <c r="J30823" s="1" t="s">
        <v>107878</v>
      </c>
    </row>
    <row r="30824" spans="1:10" x14ac:dyDescent="0.35">
      <c r="A30824" s="1" t="s">
        <v>8483</v>
      </c>
      <c r="B30824" s="1" t="s">
        <v>105234</v>
      </c>
      <c r="C30824" s="1" t="s">
        <v>8</v>
      </c>
      <c r="D30824" s="1" t="s">
        <v>106593</v>
      </c>
      <c r="E30824" s="1" t="s">
        <v>107879</v>
      </c>
      <c r="F30824" s="1" t="s">
        <v>107880</v>
      </c>
      <c r="G30824" s="1" t="s">
        <v>107881</v>
      </c>
      <c r="H30824" s="1" t="s">
        <v>107882</v>
      </c>
      <c r="I30824" s="1" t="s">
        <v>105238</v>
      </c>
      <c r="J30824" s="1" t="s">
        <v>13</v>
      </c>
    </row>
    <row r="30825" spans="1:10" x14ac:dyDescent="0.35">
      <c r="A30825" s="1" t="s">
        <v>8483</v>
      </c>
      <c r="B30825" s="1" t="s">
        <v>105234</v>
      </c>
      <c r="C30825" s="1" t="s">
        <v>15</v>
      </c>
      <c r="D30825" s="1" t="s">
        <v>107883</v>
      </c>
      <c r="E30825" s="1" t="s">
        <v>107884</v>
      </c>
      <c r="F30825" s="1" t="s">
        <v>107885</v>
      </c>
      <c r="G30825" s="1" t="s">
        <v>107881</v>
      </c>
      <c r="H30825" s="1" t="s">
        <v>107882</v>
      </c>
      <c r="I30825" s="1" t="s">
        <v>105238</v>
      </c>
      <c r="J30825" s="1" t="s">
        <v>107886</v>
      </c>
    </row>
    <row r="30826" spans="1:10" x14ac:dyDescent="0.35">
      <c r="A30826" s="1" t="s">
        <v>8483</v>
      </c>
      <c r="B30826" s="1" t="s">
        <v>105234</v>
      </c>
      <c r="C30826" s="1" t="s">
        <v>20</v>
      </c>
      <c r="D30826" s="1" t="s">
        <v>107887</v>
      </c>
      <c r="E30826" s="1" t="s">
        <v>107888</v>
      </c>
      <c r="F30826" s="1" t="s">
        <v>107889</v>
      </c>
      <c r="G30826" s="1" t="s">
        <v>107881</v>
      </c>
      <c r="H30826" s="1" t="s">
        <v>107882</v>
      </c>
      <c r="I30826" s="1" t="s">
        <v>105238</v>
      </c>
      <c r="J30826" s="1" t="s">
        <v>107890</v>
      </c>
    </row>
    <row r="30827" spans="1:10" x14ac:dyDescent="0.35">
      <c r="A30827" s="1" t="s">
        <v>8483</v>
      </c>
      <c r="B30827" s="1" t="s">
        <v>105234</v>
      </c>
      <c r="C30827" s="1" t="s">
        <v>25</v>
      </c>
      <c r="D30827" s="1" t="s">
        <v>107891</v>
      </c>
      <c r="E30827" s="1" t="s">
        <v>107892</v>
      </c>
      <c r="F30827" s="1" t="s">
        <v>107893</v>
      </c>
      <c r="G30827" s="1" t="s">
        <v>107881</v>
      </c>
      <c r="H30827" s="1" t="s">
        <v>107882</v>
      </c>
      <c r="I30827" s="1" t="s">
        <v>105238</v>
      </c>
      <c r="J30827" s="1" t="s">
        <v>107894</v>
      </c>
    </row>
    <row r="30828" spans="1:10" x14ac:dyDescent="0.35">
      <c r="A30828" s="1" t="s">
        <v>8483</v>
      </c>
      <c r="B30828" s="1" t="s">
        <v>105234</v>
      </c>
      <c r="C30828" s="1" t="s">
        <v>30</v>
      </c>
      <c r="D30828" s="1" t="s">
        <v>107895</v>
      </c>
      <c r="E30828" s="1" t="s">
        <v>107896</v>
      </c>
      <c r="F30828" s="1" t="s">
        <v>107897</v>
      </c>
      <c r="G30828" s="1" t="s">
        <v>107881</v>
      </c>
      <c r="H30828" s="1" t="s">
        <v>107882</v>
      </c>
      <c r="I30828" s="1" t="s">
        <v>105238</v>
      </c>
      <c r="J30828" s="1" t="s">
        <v>107898</v>
      </c>
    </row>
    <row r="30829" spans="1:10" x14ac:dyDescent="0.35">
      <c r="A30829" s="1" t="s">
        <v>8483</v>
      </c>
      <c r="B30829" s="1" t="s">
        <v>105234</v>
      </c>
      <c r="C30829" s="1" t="s">
        <v>35</v>
      </c>
      <c r="D30829" s="1" t="s">
        <v>107899</v>
      </c>
      <c r="E30829" s="1" t="s">
        <v>107900</v>
      </c>
      <c r="F30829" s="1" t="s">
        <v>107901</v>
      </c>
      <c r="G30829" s="1" t="s">
        <v>107881</v>
      </c>
      <c r="H30829" s="1" t="s">
        <v>107882</v>
      </c>
      <c r="I30829" s="1" t="s">
        <v>105238</v>
      </c>
      <c r="J30829" s="1" t="s">
        <v>107902</v>
      </c>
    </row>
    <row r="30830" spans="1:10" x14ac:dyDescent="0.35">
      <c r="A30830" s="1" t="s">
        <v>8483</v>
      </c>
      <c r="B30830" s="1" t="s">
        <v>105234</v>
      </c>
      <c r="C30830" s="1" t="s">
        <v>40</v>
      </c>
      <c r="D30830" s="1" t="s">
        <v>107903</v>
      </c>
      <c r="E30830" s="1" t="s">
        <v>107904</v>
      </c>
      <c r="F30830" s="1" t="s">
        <v>107905</v>
      </c>
      <c r="G30830" s="1" t="s">
        <v>107881</v>
      </c>
      <c r="H30830" s="1" t="s">
        <v>107882</v>
      </c>
      <c r="I30830" s="1" t="s">
        <v>105238</v>
      </c>
      <c r="J30830" s="1" t="s">
        <v>107906</v>
      </c>
    </row>
    <row r="30831" spans="1:10" x14ac:dyDescent="0.35">
      <c r="A30831" s="1" t="s">
        <v>8483</v>
      </c>
      <c r="B30831" s="1" t="s">
        <v>105234</v>
      </c>
      <c r="C30831" s="1" t="s">
        <v>45</v>
      </c>
      <c r="D30831" s="1" t="s">
        <v>18350</v>
      </c>
      <c r="E30831" s="1" t="s">
        <v>107907</v>
      </c>
      <c r="F30831" s="1" t="s">
        <v>107908</v>
      </c>
      <c r="G30831" s="1" t="s">
        <v>107881</v>
      </c>
      <c r="H30831" s="1" t="s">
        <v>107882</v>
      </c>
      <c r="I30831" s="1" t="s">
        <v>105238</v>
      </c>
      <c r="J30831" s="1" t="s">
        <v>107909</v>
      </c>
    </row>
    <row r="30832" spans="1:10" x14ac:dyDescent="0.35">
      <c r="A30832" s="1" t="s">
        <v>8483</v>
      </c>
      <c r="B30832" s="1" t="s">
        <v>105234</v>
      </c>
      <c r="C30832" s="1" t="s">
        <v>50</v>
      </c>
      <c r="D30832" s="1" t="s">
        <v>50081</v>
      </c>
      <c r="E30832" s="1" t="s">
        <v>107910</v>
      </c>
      <c r="F30832" s="1" t="s">
        <v>107911</v>
      </c>
      <c r="G30832" s="1" t="s">
        <v>107881</v>
      </c>
      <c r="H30832" s="1" t="s">
        <v>107882</v>
      </c>
      <c r="I30832" s="1" t="s">
        <v>105238</v>
      </c>
      <c r="J30832" s="1" t="s">
        <v>107912</v>
      </c>
    </row>
    <row r="30833" spans="1:10" x14ac:dyDescent="0.35">
      <c r="A30833" s="1" t="s">
        <v>8483</v>
      </c>
      <c r="B30833" s="1" t="s">
        <v>105234</v>
      </c>
      <c r="C30833" s="1" t="s">
        <v>55</v>
      </c>
      <c r="D30833" s="1" t="s">
        <v>107913</v>
      </c>
      <c r="E30833" s="1" t="s">
        <v>107914</v>
      </c>
      <c r="F30833" s="1" t="s">
        <v>107915</v>
      </c>
      <c r="G30833" s="1" t="s">
        <v>107881</v>
      </c>
      <c r="H30833" s="1" t="s">
        <v>107882</v>
      </c>
      <c r="I30833" s="1" t="s">
        <v>105238</v>
      </c>
      <c r="J30833" s="1" t="s">
        <v>107916</v>
      </c>
    </row>
    <row r="30834" spans="1:10" x14ac:dyDescent="0.35">
      <c r="A30834" s="1" t="s">
        <v>8483</v>
      </c>
      <c r="B30834" s="1" t="s">
        <v>105234</v>
      </c>
      <c r="C30834" s="1" t="s">
        <v>60</v>
      </c>
      <c r="D30834" s="1" t="s">
        <v>107917</v>
      </c>
      <c r="E30834" s="1" t="s">
        <v>107918</v>
      </c>
      <c r="F30834" s="1" t="s">
        <v>107919</v>
      </c>
      <c r="G30834" s="1" t="s">
        <v>107881</v>
      </c>
      <c r="H30834" s="1" t="s">
        <v>107882</v>
      </c>
      <c r="I30834" s="1" t="s">
        <v>105238</v>
      </c>
      <c r="J30834" s="1" t="s">
        <v>107920</v>
      </c>
    </row>
    <row r="30835" spans="1:10" x14ac:dyDescent="0.35">
      <c r="A30835" s="1" t="s">
        <v>8483</v>
      </c>
      <c r="B30835" s="1" t="s">
        <v>105234</v>
      </c>
      <c r="C30835" s="1" t="s">
        <v>65</v>
      </c>
      <c r="D30835" s="1" t="s">
        <v>107921</v>
      </c>
      <c r="E30835" s="1" t="s">
        <v>107922</v>
      </c>
      <c r="F30835" s="1" t="s">
        <v>107923</v>
      </c>
      <c r="G30835" s="1" t="s">
        <v>107881</v>
      </c>
      <c r="H30835" s="1" t="s">
        <v>107882</v>
      </c>
      <c r="I30835" s="1" t="s">
        <v>105238</v>
      </c>
      <c r="J30835" s="1" t="s">
        <v>107924</v>
      </c>
    </row>
    <row r="30836" spans="1:10" x14ac:dyDescent="0.35">
      <c r="A30836" s="1" t="s">
        <v>8483</v>
      </c>
      <c r="B30836" s="1" t="s">
        <v>105234</v>
      </c>
      <c r="C30836" s="1" t="s">
        <v>70</v>
      </c>
      <c r="D30836" s="1" t="s">
        <v>107925</v>
      </c>
      <c r="E30836" s="1" t="s">
        <v>107926</v>
      </c>
      <c r="F30836" s="1" t="s">
        <v>107927</v>
      </c>
      <c r="G30836" s="1" t="s">
        <v>107881</v>
      </c>
      <c r="H30836" s="1" t="s">
        <v>107882</v>
      </c>
      <c r="I30836" s="1" t="s">
        <v>105238</v>
      </c>
      <c r="J30836" s="1" t="s">
        <v>107928</v>
      </c>
    </row>
    <row r="30837" spans="1:10" x14ac:dyDescent="0.35">
      <c r="A30837" s="1" t="s">
        <v>8483</v>
      </c>
      <c r="B30837" s="1" t="s">
        <v>105234</v>
      </c>
      <c r="C30837" s="1" t="s">
        <v>75</v>
      </c>
      <c r="D30837" s="1" t="s">
        <v>79771</v>
      </c>
      <c r="E30837" s="1" t="s">
        <v>107929</v>
      </c>
      <c r="F30837" s="1" t="s">
        <v>107930</v>
      </c>
      <c r="G30837" s="1" t="s">
        <v>107881</v>
      </c>
      <c r="H30837" s="1" t="s">
        <v>107882</v>
      </c>
      <c r="I30837" s="1" t="s">
        <v>105238</v>
      </c>
      <c r="J30837" s="1" t="s">
        <v>107931</v>
      </c>
    </row>
    <row r="30838" spans="1:10" x14ac:dyDescent="0.35">
      <c r="A30838" s="1" t="s">
        <v>8483</v>
      </c>
      <c r="B30838" s="1" t="s">
        <v>105234</v>
      </c>
      <c r="C30838" s="1" t="s">
        <v>80</v>
      </c>
      <c r="D30838" s="1" t="s">
        <v>107932</v>
      </c>
      <c r="E30838" s="1" t="s">
        <v>107933</v>
      </c>
      <c r="F30838" s="1" t="s">
        <v>107934</v>
      </c>
      <c r="G30838" s="1" t="s">
        <v>107881</v>
      </c>
      <c r="H30838" s="1" t="s">
        <v>107882</v>
      </c>
      <c r="I30838" s="1" t="s">
        <v>105238</v>
      </c>
      <c r="J30838" s="1" t="s">
        <v>107935</v>
      </c>
    </row>
    <row r="30839" spans="1:10" x14ac:dyDescent="0.35">
      <c r="A30839" s="1" t="s">
        <v>8483</v>
      </c>
      <c r="B30839" s="1" t="s">
        <v>105234</v>
      </c>
      <c r="C30839" s="1" t="s">
        <v>85</v>
      </c>
      <c r="D30839" s="1" t="s">
        <v>75597</v>
      </c>
      <c r="E30839" s="1" t="s">
        <v>107936</v>
      </c>
      <c r="F30839" s="1" t="s">
        <v>107937</v>
      </c>
      <c r="G30839" s="1" t="s">
        <v>107881</v>
      </c>
      <c r="H30839" s="1" t="s">
        <v>107882</v>
      </c>
      <c r="I30839" s="1" t="s">
        <v>105238</v>
      </c>
      <c r="J30839" s="1" t="s">
        <v>107938</v>
      </c>
    </row>
    <row r="30840" spans="1:10" x14ac:dyDescent="0.35">
      <c r="A30840" s="1" t="s">
        <v>8483</v>
      </c>
      <c r="B30840" s="1" t="s">
        <v>105234</v>
      </c>
      <c r="C30840" s="1" t="s">
        <v>90</v>
      </c>
      <c r="D30840" s="1" t="s">
        <v>107939</v>
      </c>
      <c r="E30840" s="1" t="s">
        <v>107940</v>
      </c>
      <c r="F30840" s="1" t="s">
        <v>107941</v>
      </c>
      <c r="G30840" s="1" t="s">
        <v>107881</v>
      </c>
      <c r="H30840" s="1" t="s">
        <v>107882</v>
      </c>
      <c r="I30840" s="1" t="s">
        <v>105238</v>
      </c>
      <c r="J30840" s="1" t="s">
        <v>107942</v>
      </c>
    </row>
    <row r="30841" spans="1:10" x14ac:dyDescent="0.35">
      <c r="A30841" s="1" t="s">
        <v>8483</v>
      </c>
      <c r="B30841" s="1" t="s">
        <v>105234</v>
      </c>
      <c r="C30841" s="1" t="s">
        <v>95</v>
      </c>
      <c r="D30841" s="1" t="s">
        <v>61304</v>
      </c>
      <c r="E30841" s="1" t="s">
        <v>107943</v>
      </c>
      <c r="F30841" s="1" t="s">
        <v>107944</v>
      </c>
      <c r="G30841" s="1" t="s">
        <v>107881</v>
      </c>
      <c r="H30841" s="1" t="s">
        <v>107882</v>
      </c>
      <c r="I30841" s="1" t="s">
        <v>105238</v>
      </c>
      <c r="J30841" s="1" t="s">
        <v>107945</v>
      </c>
    </row>
    <row r="30842" spans="1:10" x14ac:dyDescent="0.35">
      <c r="A30842" s="1" t="s">
        <v>8483</v>
      </c>
      <c r="B30842" s="1" t="s">
        <v>105234</v>
      </c>
      <c r="C30842" s="1" t="s">
        <v>100</v>
      </c>
      <c r="D30842" s="1" t="s">
        <v>107946</v>
      </c>
      <c r="E30842" s="1" t="s">
        <v>107947</v>
      </c>
      <c r="F30842" s="1" t="s">
        <v>107948</v>
      </c>
      <c r="G30842" s="1" t="s">
        <v>107881</v>
      </c>
      <c r="H30842" s="1" t="s">
        <v>107882</v>
      </c>
      <c r="I30842" s="1" t="s">
        <v>105238</v>
      </c>
      <c r="J30842" s="1" t="s">
        <v>107949</v>
      </c>
    </row>
    <row r="30843" spans="1:10" x14ac:dyDescent="0.35">
      <c r="A30843" s="1" t="s">
        <v>8483</v>
      </c>
      <c r="B30843" s="1" t="s">
        <v>105234</v>
      </c>
      <c r="C30843" s="1" t="s">
        <v>105</v>
      </c>
      <c r="D30843" s="1" t="s">
        <v>107950</v>
      </c>
      <c r="E30843" s="1" t="s">
        <v>107951</v>
      </c>
      <c r="F30843" s="1" t="s">
        <v>107952</v>
      </c>
      <c r="G30843" s="1" t="s">
        <v>107881</v>
      </c>
      <c r="H30843" s="1" t="s">
        <v>107882</v>
      </c>
      <c r="I30843" s="1" t="s">
        <v>105238</v>
      </c>
      <c r="J30843" s="1" t="s">
        <v>107953</v>
      </c>
    </row>
    <row r="30844" spans="1:10" x14ac:dyDescent="0.35">
      <c r="A30844" s="1" t="s">
        <v>8483</v>
      </c>
      <c r="B30844" s="1" t="s">
        <v>105234</v>
      </c>
      <c r="C30844" s="1" t="s">
        <v>110</v>
      </c>
      <c r="D30844" s="1" t="s">
        <v>24228</v>
      </c>
      <c r="E30844" s="1" t="s">
        <v>107954</v>
      </c>
      <c r="F30844" s="1" t="s">
        <v>107955</v>
      </c>
      <c r="G30844" s="1" t="s">
        <v>107881</v>
      </c>
      <c r="H30844" s="1" t="s">
        <v>107882</v>
      </c>
      <c r="I30844" s="1" t="s">
        <v>105238</v>
      </c>
      <c r="J30844" s="1" t="s">
        <v>107956</v>
      </c>
    </row>
    <row r="30845" spans="1:10" x14ac:dyDescent="0.35">
      <c r="A30845" s="1" t="s">
        <v>8483</v>
      </c>
      <c r="B30845" s="1" t="s">
        <v>105234</v>
      </c>
      <c r="C30845" s="1" t="s">
        <v>115</v>
      </c>
      <c r="D30845" s="1" t="s">
        <v>107957</v>
      </c>
      <c r="E30845" s="1" t="s">
        <v>107958</v>
      </c>
      <c r="F30845" s="1" t="s">
        <v>107959</v>
      </c>
      <c r="G30845" s="1" t="s">
        <v>107881</v>
      </c>
      <c r="H30845" s="1" t="s">
        <v>107882</v>
      </c>
      <c r="I30845" s="1" t="s">
        <v>105238</v>
      </c>
      <c r="J30845" s="1" t="s">
        <v>107960</v>
      </c>
    </row>
    <row r="30846" spans="1:10" x14ac:dyDescent="0.35">
      <c r="A30846" s="1" t="s">
        <v>8483</v>
      </c>
      <c r="B30846" s="1" t="s">
        <v>105234</v>
      </c>
      <c r="C30846" s="1" t="s">
        <v>120</v>
      </c>
      <c r="D30846" s="1" t="s">
        <v>14661</v>
      </c>
      <c r="E30846" s="1" t="s">
        <v>107961</v>
      </c>
      <c r="F30846" s="1" t="s">
        <v>107962</v>
      </c>
      <c r="G30846" s="1" t="s">
        <v>107881</v>
      </c>
      <c r="H30846" s="1" t="s">
        <v>107882</v>
      </c>
      <c r="I30846" s="1" t="s">
        <v>105238</v>
      </c>
      <c r="J30846" s="1" t="s">
        <v>107963</v>
      </c>
    </row>
    <row r="30847" spans="1:10" x14ac:dyDescent="0.35">
      <c r="A30847" s="1" t="s">
        <v>8483</v>
      </c>
      <c r="B30847" s="1" t="s">
        <v>105234</v>
      </c>
      <c r="C30847" s="1" t="s">
        <v>125</v>
      </c>
      <c r="D30847" s="1" t="s">
        <v>57872</v>
      </c>
      <c r="E30847" s="1" t="s">
        <v>107964</v>
      </c>
      <c r="F30847" s="1" t="s">
        <v>107965</v>
      </c>
      <c r="G30847" s="1" t="s">
        <v>107881</v>
      </c>
      <c r="H30847" s="1" t="s">
        <v>107882</v>
      </c>
      <c r="I30847" s="1" t="s">
        <v>105238</v>
      </c>
      <c r="J30847" s="1" t="s">
        <v>107966</v>
      </c>
    </row>
    <row r="30848" spans="1:10" x14ac:dyDescent="0.35">
      <c r="A30848" s="1" t="s">
        <v>8483</v>
      </c>
      <c r="B30848" s="1" t="s">
        <v>105234</v>
      </c>
      <c r="C30848" s="1" t="s">
        <v>130</v>
      </c>
      <c r="D30848" s="1" t="s">
        <v>107967</v>
      </c>
      <c r="E30848" s="1" t="s">
        <v>107968</v>
      </c>
      <c r="F30848" s="1" t="s">
        <v>107969</v>
      </c>
      <c r="G30848" s="1" t="s">
        <v>107881</v>
      </c>
      <c r="H30848" s="1" t="s">
        <v>107882</v>
      </c>
      <c r="I30848" s="1" t="s">
        <v>105238</v>
      </c>
      <c r="J30848" s="1" t="s">
        <v>107970</v>
      </c>
    </row>
    <row r="30849" spans="1:10" x14ac:dyDescent="0.35">
      <c r="A30849" s="1" t="s">
        <v>8483</v>
      </c>
      <c r="B30849" s="1" t="s">
        <v>105234</v>
      </c>
      <c r="C30849" s="1" t="s">
        <v>135</v>
      </c>
      <c r="D30849" s="1" t="s">
        <v>47504</v>
      </c>
      <c r="E30849" s="1" t="s">
        <v>107971</v>
      </c>
      <c r="F30849" s="1" t="s">
        <v>107972</v>
      </c>
      <c r="G30849" s="1" t="s">
        <v>107881</v>
      </c>
      <c r="H30849" s="1" t="s">
        <v>107882</v>
      </c>
      <c r="I30849" s="1" t="s">
        <v>105238</v>
      </c>
      <c r="J30849" s="1" t="s">
        <v>107973</v>
      </c>
    </row>
    <row r="30850" spans="1:10" x14ac:dyDescent="0.35">
      <c r="A30850" s="1" t="s">
        <v>8483</v>
      </c>
      <c r="B30850" s="1" t="s">
        <v>105234</v>
      </c>
      <c r="C30850" s="1" t="s">
        <v>140</v>
      </c>
      <c r="D30850" s="1" t="s">
        <v>107974</v>
      </c>
      <c r="E30850" s="1" t="s">
        <v>107975</v>
      </c>
      <c r="F30850" s="1" t="s">
        <v>107976</v>
      </c>
      <c r="G30850" s="1" t="s">
        <v>107881</v>
      </c>
      <c r="H30850" s="1" t="s">
        <v>107882</v>
      </c>
      <c r="I30850" s="1" t="s">
        <v>105238</v>
      </c>
      <c r="J30850" s="1" t="s">
        <v>107977</v>
      </c>
    </row>
    <row r="30851" spans="1:10" x14ac:dyDescent="0.35">
      <c r="A30851" s="1" t="s">
        <v>8483</v>
      </c>
      <c r="B30851" s="1" t="s">
        <v>105234</v>
      </c>
      <c r="C30851" s="1" t="s">
        <v>145</v>
      </c>
      <c r="D30851" s="1" t="s">
        <v>107978</v>
      </c>
      <c r="E30851" s="1" t="s">
        <v>107979</v>
      </c>
      <c r="F30851" s="1" t="s">
        <v>107980</v>
      </c>
      <c r="G30851" s="1" t="s">
        <v>107881</v>
      </c>
      <c r="H30851" s="1" t="s">
        <v>107882</v>
      </c>
      <c r="I30851" s="1" t="s">
        <v>105238</v>
      </c>
      <c r="J30851" s="1" t="s">
        <v>107981</v>
      </c>
    </row>
    <row r="30852" spans="1:10" x14ac:dyDescent="0.35">
      <c r="A30852" s="1" t="s">
        <v>8483</v>
      </c>
      <c r="B30852" s="1" t="s">
        <v>105234</v>
      </c>
      <c r="C30852" s="1" t="s">
        <v>150</v>
      </c>
      <c r="D30852" s="1" t="s">
        <v>107982</v>
      </c>
      <c r="E30852" s="1" t="s">
        <v>107983</v>
      </c>
      <c r="F30852" s="1" t="s">
        <v>107984</v>
      </c>
      <c r="G30852" s="1" t="s">
        <v>107881</v>
      </c>
      <c r="H30852" s="1" t="s">
        <v>107882</v>
      </c>
      <c r="I30852" s="1" t="s">
        <v>105238</v>
      </c>
      <c r="J30852" s="1" t="s">
        <v>107985</v>
      </c>
    </row>
    <row r="30853" spans="1:10" x14ac:dyDescent="0.35">
      <c r="A30853" s="1" t="s">
        <v>8483</v>
      </c>
      <c r="B30853" s="1" t="s">
        <v>105234</v>
      </c>
      <c r="C30853" s="1" t="s">
        <v>155</v>
      </c>
      <c r="D30853" s="1" t="s">
        <v>107986</v>
      </c>
      <c r="E30853" s="1" t="s">
        <v>107987</v>
      </c>
      <c r="F30853" s="1" t="s">
        <v>107988</v>
      </c>
      <c r="G30853" s="1" t="s">
        <v>107881</v>
      </c>
      <c r="H30853" s="1" t="s">
        <v>107882</v>
      </c>
      <c r="I30853" s="1" t="s">
        <v>105238</v>
      </c>
      <c r="J30853" s="1" t="s">
        <v>107989</v>
      </c>
    </row>
    <row r="30854" spans="1:10" x14ac:dyDescent="0.35">
      <c r="A30854" s="1" t="s">
        <v>8483</v>
      </c>
      <c r="B30854" s="1" t="s">
        <v>105234</v>
      </c>
      <c r="C30854" s="1" t="s">
        <v>160</v>
      </c>
      <c r="D30854" s="1" t="s">
        <v>107990</v>
      </c>
      <c r="E30854" s="1" t="s">
        <v>107991</v>
      </c>
      <c r="F30854" s="1" t="s">
        <v>107992</v>
      </c>
      <c r="G30854" s="1" t="s">
        <v>107881</v>
      </c>
      <c r="H30854" s="1" t="s">
        <v>107882</v>
      </c>
      <c r="I30854" s="1" t="s">
        <v>105238</v>
      </c>
      <c r="J30854" s="1" t="s">
        <v>107993</v>
      </c>
    </row>
    <row r="30855" spans="1:10" x14ac:dyDescent="0.35">
      <c r="A30855" s="1" t="s">
        <v>8483</v>
      </c>
      <c r="B30855" s="1" t="s">
        <v>105234</v>
      </c>
      <c r="C30855" s="1" t="s">
        <v>165</v>
      </c>
      <c r="D30855" s="1" t="s">
        <v>76120</v>
      </c>
      <c r="E30855" s="1" t="s">
        <v>107994</v>
      </c>
      <c r="F30855" s="1" t="s">
        <v>107995</v>
      </c>
      <c r="G30855" s="1" t="s">
        <v>107881</v>
      </c>
      <c r="H30855" s="1" t="s">
        <v>107882</v>
      </c>
      <c r="I30855" s="1" t="s">
        <v>105238</v>
      </c>
      <c r="J30855" s="1" t="s">
        <v>107996</v>
      </c>
    </row>
    <row r="30856" spans="1:10" x14ac:dyDescent="0.35">
      <c r="A30856" s="1" t="s">
        <v>8483</v>
      </c>
      <c r="B30856" s="1" t="s">
        <v>105234</v>
      </c>
      <c r="C30856" s="1" t="s">
        <v>170</v>
      </c>
      <c r="D30856" s="1" t="s">
        <v>60404</v>
      </c>
      <c r="E30856" s="1" t="s">
        <v>107997</v>
      </c>
      <c r="F30856" s="1" t="s">
        <v>107998</v>
      </c>
      <c r="G30856" s="1" t="s">
        <v>107881</v>
      </c>
      <c r="H30856" s="1" t="s">
        <v>107882</v>
      </c>
      <c r="I30856" s="1" t="s">
        <v>105238</v>
      </c>
      <c r="J30856" s="1" t="s">
        <v>107999</v>
      </c>
    </row>
    <row r="30857" spans="1:10" x14ac:dyDescent="0.35">
      <c r="A30857" s="1" t="s">
        <v>12056</v>
      </c>
      <c r="B30857" s="1" t="s">
        <v>105234</v>
      </c>
      <c r="C30857" s="1" t="s">
        <v>8</v>
      </c>
      <c r="D30857" s="1" t="s">
        <v>108000</v>
      </c>
      <c r="E30857" s="1" t="s">
        <v>108001</v>
      </c>
      <c r="F30857" s="1" t="s">
        <v>108002</v>
      </c>
      <c r="G30857" s="1" t="s">
        <v>108003</v>
      </c>
      <c r="H30857" s="1" t="s">
        <v>108004</v>
      </c>
      <c r="I30857" s="1" t="s">
        <v>105238</v>
      </c>
      <c r="J30857" s="1" t="s">
        <v>13</v>
      </c>
    </row>
    <row r="30858" spans="1:10" x14ac:dyDescent="0.35">
      <c r="A30858" s="1" t="s">
        <v>12056</v>
      </c>
      <c r="B30858" s="1" t="s">
        <v>105234</v>
      </c>
      <c r="C30858" s="1" t="s">
        <v>15</v>
      </c>
      <c r="D30858" s="1" t="s">
        <v>108005</v>
      </c>
      <c r="E30858" s="1" t="s">
        <v>108006</v>
      </c>
      <c r="F30858" s="1" t="s">
        <v>108007</v>
      </c>
      <c r="G30858" s="1" t="s">
        <v>108003</v>
      </c>
      <c r="H30858" s="1" t="s">
        <v>108004</v>
      </c>
      <c r="I30858" s="1" t="s">
        <v>105238</v>
      </c>
      <c r="J30858" s="1" t="s">
        <v>108008</v>
      </c>
    </row>
    <row r="30859" spans="1:10" x14ac:dyDescent="0.35">
      <c r="A30859" s="1" t="s">
        <v>12056</v>
      </c>
      <c r="B30859" s="1" t="s">
        <v>105234</v>
      </c>
      <c r="C30859" s="1" t="s">
        <v>20</v>
      </c>
      <c r="D30859" s="1" t="s">
        <v>16965</v>
      </c>
      <c r="E30859" s="1" t="s">
        <v>108009</v>
      </c>
      <c r="F30859" s="1" t="s">
        <v>108010</v>
      </c>
      <c r="G30859" s="1" t="s">
        <v>108003</v>
      </c>
      <c r="H30859" s="1" t="s">
        <v>108004</v>
      </c>
      <c r="I30859" s="1" t="s">
        <v>105238</v>
      </c>
      <c r="J30859" s="1" t="s">
        <v>108011</v>
      </c>
    </row>
    <row r="30860" spans="1:10" x14ac:dyDescent="0.35">
      <c r="A30860" s="1" t="s">
        <v>12056</v>
      </c>
      <c r="B30860" s="1" t="s">
        <v>105234</v>
      </c>
      <c r="C30860" s="1" t="s">
        <v>25</v>
      </c>
      <c r="D30860" s="1" t="s">
        <v>108012</v>
      </c>
      <c r="E30860" s="1" t="s">
        <v>108013</v>
      </c>
      <c r="F30860" s="1" t="s">
        <v>108014</v>
      </c>
      <c r="G30860" s="1" t="s">
        <v>108003</v>
      </c>
      <c r="H30860" s="1" t="s">
        <v>108004</v>
      </c>
      <c r="I30860" s="1" t="s">
        <v>105238</v>
      </c>
      <c r="J30860" s="1" t="s">
        <v>108015</v>
      </c>
    </row>
    <row r="30861" spans="1:10" x14ac:dyDescent="0.35">
      <c r="A30861" s="1" t="s">
        <v>12056</v>
      </c>
      <c r="B30861" s="1" t="s">
        <v>105234</v>
      </c>
      <c r="C30861" s="1" t="s">
        <v>30</v>
      </c>
      <c r="D30861" s="1" t="s">
        <v>108016</v>
      </c>
      <c r="E30861" s="1" t="s">
        <v>108017</v>
      </c>
      <c r="F30861" s="1" t="s">
        <v>108018</v>
      </c>
      <c r="G30861" s="1" t="s">
        <v>108003</v>
      </c>
      <c r="H30861" s="1" t="s">
        <v>108004</v>
      </c>
      <c r="I30861" s="1" t="s">
        <v>105238</v>
      </c>
      <c r="J30861" s="1" t="s">
        <v>108019</v>
      </c>
    </row>
    <row r="30862" spans="1:10" x14ac:dyDescent="0.35">
      <c r="A30862" s="1" t="s">
        <v>12056</v>
      </c>
      <c r="B30862" s="1" t="s">
        <v>105234</v>
      </c>
      <c r="C30862" s="1" t="s">
        <v>35</v>
      </c>
      <c r="D30862" s="1" t="s">
        <v>55609</v>
      </c>
      <c r="E30862" s="1" t="s">
        <v>108020</v>
      </c>
      <c r="F30862" s="1" t="s">
        <v>108021</v>
      </c>
      <c r="G30862" s="1" t="s">
        <v>108003</v>
      </c>
      <c r="H30862" s="1" t="s">
        <v>108004</v>
      </c>
      <c r="I30862" s="1" t="s">
        <v>105238</v>
      </c>
      <c r="J30862" s="1" t="s">
        <v>108022</v>
      </c>
    </row>
    <row r="30863" spans="1:10" x14ac:dyDescent="0.35">
      <c r="A30863" s="1" t="s">
        <v>12056</v>
      </c>
      <c r="B30863" s="1" t="s">
        <v>105234</v>
      </c>
      <c r="C30863" s="1" t="s">
        <v>40</v>
      </c>
      <c r="D30863" s="1" t="s">
        <v>108023</v>
      </c>
      <c r="E30863" s="1" t="s">
        <v>108024</v>
      </c>
      <c r="F30863" s="1" t="s">
        <v>108025</v>
      </c>
      <c r="G30863" s="1" t="s">
        <v>108003</v>
      </c>
      <c r="H30863" s="1" t="s">
        <v>108004</v>
      </c>
      <c r="I30863" s="1" t="s">
        <v>105238</v>
      </c>
      <c r="J30863" s="1" t="s">
        <v>108026</v>
      </c>
    </row>
    <row r="30864" spans="1:10" x14ac:dyDescent="0.35">
      <c r="A30864" s="1" t="s">
        <v>12056</v>
      </c>
      <c r="B30864" s="1" t="s">
        <v>105234</v>
      </c>
      <c r="C30864" s="1" t="s">
        <v>45</v>
      </c>
      <c r="D30864" s="1" t="s">
        <v>108027</v>
      </c>
      <c r="E30864" s="1" t="s">
        <v>108028</v>
      </c>
      <c r="F30864" s="1" t="s">
        <v>108029</v>
      </c>
      <c r="G30864" s="1" t="s">
        <v>108003</v>
      </c>
      <c r="H30864" s="1" t="s">
        <v>108004</v>
      </c>
      <c r="I30864" s="1" t="s">
        <v>105238</v>
      </c>
      <c r="J30864" s="1" t="s">
        <v>108030</v>
      </c>
    </row>
    <row r="30865" spans="1:10" x14ac:dyDescent="0.35">
      <c r="A30865" s="1" t="s">
        <v>12056</v>
      </c>
      <c r="B30865" s="1" t="s">
        <v>105234</v>
      </c>
      <c r="C30865" s="1" t="s">
        <v>50</v>
      </c>
      <c r="D30865" s="1" t="s">
        <v>68756</v>
      </c>
      <c r="E30865" s="1" t="s">
        <v>108031</v>
      </c>
      <c r="F30865" s="1" t="s">
        <v>108032</v>
      </c>
      <c r="G30865" s="1" t="s">
        <v>108003</v>
      </c>
      <c r="H30865" s="1" t="s">
        <v>108004</v>
      </c>
      <c r="I30865" s="1" t="s">
        <v>105238</v>
      </c>
      <c r="J30865" s="1" t="s">
        <v>108033</v>
      </c>
    </row>
    <row r="30866" spans="1:10" x14ac:dyDescent="0.35">
      <c r="A30866" s="1" t="s">
        <v>12056</v>
      </c>
      <c r="B30866" s="1" t="s">
        <v>105234</v>
      </c>
      <c r="C30866" s="1" t="s">
        <v>55</v>
      </c>
      <c r="D30866" s="1" t="s">
        <v>108034</v>
      </c>
      <c r="E30866" s="1" t="s">
        <v>108035</v>
      </c>
      <c r="F30866" s="1" t="s">
        <v>108036</v>
      </c>
      <c r="G30866" s="1" t="s">
        <v>108003</v>
      </c>
      <c r="H30866" s="1" t="s">
        <v>108004</v>
      </c>
      <c r="I30866" s="1" t="s">
        <v>105238</v>
      </c>
      <c r="J30866" s="1" t="s">
        <v>108037</v>
      </c>
    </row>
    <row r="30867" spans="1:10" x14ac:dyDescent="0.35">
      <c r="A30867" s="1" t="s">
        <v>12056</v>
      </c>
      <c r="B30867" s="1" t="s">
        <v>105234</v>
      </c>
      <c r="C30867" s="1" t="s">
        <v>60</v>
      </c>
      <c r="D30867" s="1" t="s">
        <v>108038</v>
      </c>
      <c r="E30867" s="1" t="s">
        <v>108039</v>
      </c>
      <c r="F30867" s="1" t="s">
        <v>108040</v>
      </c>
      <c r="G30867" s="1" t="s">
        <v>108003</v>
      </c>
      <c r="H30867" s="1" t="s">
        <v>108004</v>
      </c>
      <c r="I30867" s="1" t="s">
        <v>105238</v>
      </c>
      <c r="J30867" s="1" t="s">
        <v>108041</v>
      </c>
    </row>
    <row r="30868" spans="1:10" x14ac:dyDescent="0.35">
      <c r="A30868" s="1" t="s">
        <v>12056</v>
      </c>
      <c r="B30868" s="1" t="s">
        <v>105234</v>
      </c>
      <c r="C30868" s="1" t="s">
        <v>65</v>
      </c>
      <c r="D30868" s="1" t="s">
        <v>98143</v>
      </c>
      <c r="E30868" s="1" t="s">
        <v>108042</v>
      </c>
      <c r="F30868" s="1" t="s">
        <v>108043</v>
      </c>
      <c r="G30868" s="1" t="s">
        <v>108003</v>
      </c>
      <c r="H30868" s="1" t="s">
        <v>108004</v>
      </c>
      <c r="I30868" s="1" t="s">
        <v>105238</v>
      </c>
      <c r="J30868" s="1" t="s">
        <v>108044</v>
      </c>
    </row>
    <row r="30869" spans="1:10" x14ac:dyDescent="0.35">
      <c r="A30869" s="1" t="s">
        <v>12056</v>
      </c>
      <c r="B30869" s="1" t="s">
        <v>105234</v>
      </c>
      <c r="C30869" s="1" t="s">
        <v>70</v>
      </c>
      <c r="D30869" s="1" t="s">
        <v>59737</v>
      </c>
      <c r="E30869" s="1" t="s">
        <v>108045</v>
      </c>
      <c r="F30869" s="1" t="s">
        <v>108046</v>
      </c>
      <c r="G30869" s="1" t="s">
        <v>108003</v>
      </c>
      <c r="H30869" s="1" t="s">
        <v>108004</v>
      </c>
      <c r="I30869" s="1" t="s">
        <v>105238</v>
      </c>
      <c r="J30869" s="1" t="s">
        <v>108047</v>
      </c>
    </row>
    <row r="30870" spans="1:10" x14ac:dyDescent="0.35">
      <c r="A30870" s="1" t="s">
        <v>12056</v>
      </c>
      <c r="B30870" s="1" t="s">
        <v>105234</v>
      </c>
      <c r="C30870" s="1" t="s">
        <v>75</v>
      </c>
      <c r="D30870" s="1" t="s">
        <v>22273</v>
      </c>
      <c r="E30870" s="1" t="s">
        <v>108048</v>
      </c>
      <c r="F30870" s="1" t="s">
        <v>108049</v>
      </c>
      <c r="G30870" s="1" t="s">
        <v>108003</v>
      </c>
      <c r="H30870" s="1" t="s">
        <v>108004</v>
      </c>
      <c r="I30870" s="1" t="s">
        <v>105238</v>
      </c>
      <c r="J30870" s="1" t="s">
        <v>108050</v>
      </c>
    </row>
    <row r="30871" spans="1:10" x14ac:dyDescent="0.35">
      <c r="A30871" s="1" t="s">
        <v>12056</v>
      </c>
      <c r="B30871" s="1" t="s">
        <v>105234</v>
      </c>
      <c r="C30871" s="1" t="s">
        <v>80</v>
      </c>
      <c r="D30871" s="1" t="s">
        <v>108051</v>
      </c>
      <c r="E30871" s="1" t="s">
        <v>108052</v>
      </c>
      <c r="F30871" s="1" t="s">
        <v>108053</v>
      </c>
      <c r="G30871" s="1" t="s">
        <v>108003</v>
      </c>
      <c r="H30871" s="1" t="s">
        <v>108004</v>
      </c>
      <c r="I30871" s="1" t="s">
        <v>105238</v>
      </c>
      <c r="J30871" s="1" t="s">
        <v>108054</v>
      </c>
    </row>
    <row r="30872" spans="1:10" x14ac:dyDescent="0.35">
      <c r="A30872" s="1" t="s">
        <v>12056</v>
      </c>
      <c r="B30872" s="1" t="s">
        <v>105234</v>
      </c>
      <c r="C30872" s="1" t="s">
        <v>85</v>
      </c>
      <c r="D30872" s="1" t="s">
        <v>5835</v>
      </c>
      <c r="E30872" s="1" t="s">
        <v>108055</v>
      </c>
      <c r="F30872" s="1" t="s">
        <v>108056</v>
      </c>
      <c r="G30872" s="1" t="s">
        <v>108003</v>
      </c>
      <c r="H30872" s="1" t="s">
        <v>108004</v>
      </c>
      <c r="I30872" s="1" t="s">
        <v>105238</v>
      </c>
      <c r="J30872" s="1" t="s">
        <v>108057</v>
      </c>
    </row>
    <row r="30873" spans="1:10" x14ac:dyDescent="0.35">
      <c r="A30873" s="1" t="s">
        <v>12056</v>
      </c>
      <c r="B30873" s="1" t="s">
        <v>105234</v>
      </c>
      <c r="C30873" s="1" t="s">
        <v>90</v>
      </c>
      <c r="D30873" s="1" t="s">
        <v>81996</v>
      </c>
      <c r="E30873" s="1" t="s">
        <v>108058</v>
      </c>
      <c r="F30873" s="1" t="s">
        <v>108059</v>
      </c>
      <c r="G30873" s="1" t="s">
        <v>108003</v>
      </c>
      <c r="H30873" s="1" t="s">
        <v>108004</v>
      </c>
      <c r="I30873" s="1" t="s">
        <v>105238</v>
      </c>
      <c r="J30873" s="1" t="s">
        <v>108060</v>
      </c>
    </row>
    <row r="30874" spans="1:10" x14ac:dyDescent="0.35">
      <c r="A30874" s="1" t="s">
        <v>12056</v>
      </c>
      <c r="B30874" s="1" t="s">
        <v>105234</v>
      </c>
      <c r="C30874" s="1" t="s">
        <v>95</v>
      </c>
      <c r="D30874" s="1" t="s">
        <v>86722</v>
      </c>
      <c r="E30874" s="1" t="s">
        <v>108061</v>
      </c>
      <c r="F30874" s="1" t="s">
        <v>108062</v>
      </c>
      <c r="G30874" s="1" t="s">
        <v>108003</v>
      </c>
      <c r="H30874" s="1" t="s">
        <v>108004</v>
      </c>
      <c r="I30874" s="1" t="s">
        <v>105238</v>
      </c>
      <c r="J30874" s="1" t="s">
        <v>108063</v>
      </c>
    </row>
    <row r="30875" spans="1:10" x14ac:dyDescent="0.35">
      <c r="A30875" s="1" t="s">
        <v>12056</v>
      </c>
      <c r="B30875" s="1" t="s">
        <v>105234</v>
      </c>
      <c r="C30875" s="1" t="s">
        <v>100</v>
      </c>
      <c r="D30875" s="1" t="s">
        <v>108064</v>
      </c>
      <c r="E30875" s="1" t="s">
        <v>108065</v>
      </c>
      <c r="F30875" s="1" t="s">
        <v>108066</v>
      </c>
      <c r="G30875" s="1" t="s">
        <v>108003</v>
      </c>
      <c r="H30875" s="1" t="s">
        <v>108004</v>
      </c>
      <c r="I30875" s="1" t="s">
        <v>105238</v>
      </c>
      <c r="J30875" s="1" t="s">
        <v>108067</v>
      </c>
    </row>
    <row r="30876" spans="1:10" x14ac:dyDescent="0.35">
      <c r="A30876" s="1" t="s">
        <v>12056</v>
      </c>
      <c r="B30876" s="1" t="s">
        <v>105234</v>
      </c>
      <c r="C30876" s="1" t="s">
        <v>105</v>
      </c>
      <c r="D30876" s="1" t="s">
        <v>80440</v>
      </c>
      <c r="E30876" s="1" t="s">
        <v>108068</v>
      </c>
      <c r="F30876" s="1" t="s">
        <v>108069</v>
      </c>
      <c r="G30876" s="1" t="s">
        <v>108003</v>
      </c>
      <c r="H30876" s="1" t="s">
        <v>108004</v>
      </c>
      <c r="I30876" s="1" t="s">
        <v>105238</v>
      </c>
      <c r="J30876" s="1" t="s">
        <v>108070</v>
      </c>
    </row>
    <row r="30877" spans="1:10" x14ac:dyDescent="0.35">
      <c r="A30877" s="1" t="s">
        <v>12056</v>
      </c>
      <c r="B30877" s="1" t="s">
        <v>105234</v>
      </c>
      <c r="C30877" s="1" t="s">
        <v>110</v>
      </c>
      <c r="D30877" s="1" t="s">
        <v>61851</v>
      </c>
      <c r="E30877" s="1" t="s">
        <v>108071</v>
      </c>
      <c r="F30877" s="1" t="s">
        <v>108072</v>
      </c>
      <c r="G30877" s="1" t="s">
        <v>108003</v>
      </c>
      <c r="H30877" s="1" t="s">
        <v>108004</v>
      </c>
      <c r="I30877" s="1" t="s">
        <v>105238</v>
      </c>
      <c r="J30877" s="1" t="s">
        <v>108073</v>
      </c>
    </row>
    <row r="30878" spans="1:10" x14ac:dyDescent="0.35">
      <c r="A30878" s="1" t="s">
        <v>12056</v>
      </c>
      <c r="B30878" s="1" t="s">
        <v>105234</v>
      </c>
      <c r="C30878" s="1" t="s">
        <v>115</v>
      </c>
      <c r="D30878" s="1" t="s">
        <v>108074</v>
      </c>
      <c r="E30878" s="1" t="s">
        <v>108075</v>
      </c>
      <c r="F30878" s="1" t="s">
        <v>108076</v>
      </c>
      <c r="G30878" s="1" t="s">
        <v>108003</v>
      </c>
      <c r="H30878" s="1" t="s">
        <v>108004</v>
      </c>
      <c r="I30878" s="1" t="s">
        <v>105238</v>
      </c>
      <c r="J30878" s="1" t="s">
        <v>108077</v>
      </c>
    </row>
    <row r="30879" spans="1:10" x14ac:dyDescent="0.35">
      <c r="A30879" s="1" t="s">
        <v>12056</v>
      </c>
      <c r="B30879" s="1" t="s">
        <v>105234</v>
      </c>
      <c r="C30879" s="1" t="s">
        <v>120</v>
      </c>
      <c r="D30879" s="1" t="s">
        <v>43075</v>
      </c>
      <c r="E30879" s="1" t="s">
        <v>108078</v>
      </c>
      <c r="F30879" s="1" t="s">
        <v>108079</v>
      </c>
      <c r="G30879" s="1" t="s">
        <v>108003</v>
      </c>
      <c r="H30879" s="1" t="s">
        <v>108004</v>
      </c>
      <c r="I30879" s="1" t="s">
        <v>105238</v>
      </c>
      <c r="J30879" s="1" t="s">
        <v>108080</v>
      </c>
    </row>
    <row r="30880" spans="1:10" x14ac:dyDescent="0.35">
      <c r="A30880" s="1" t="s">
        <v>12056</v>
      </c>
      <c r="B30880" s="1" t="s">
        <v>105234</v>
      </c>
      <c r="C30880" s="1" t="s">
        <v>125</v>
      </c>
      <c r="D30880" s="1" t="s">
        <v>108081</v>
      </c>
      <c r="E30880" s="1" t="s">
        <v>108082</v>
      </c>
      <c r="F30880" s="1" t="s">
        <v>108083</v>
      </c>
      <c r="G30880" s="1" t="s">
        <v>108003</v>
      </c>
      <c r="H30880" s="1" t="s">
        <v>108004</v>
      </c>
      <c r="I30880" s="1" t="s">
        <v>105238</v>
      </c>
      <c r="J30880" s="1" t="s">
        <v>108084</v>
      </c>
    </row>
    <row r="30881" spans="1:10" x14ac:dyDescent="0.35">
      <c r="A30881" s="1" t="s">
        <v>12056</v>
      </c>
      <c r="B30881" s="1" t="s">
        <v>105234</v>
      </c>
      <c r="C30881" s="1" t="s">
        <v>130</v>
      </c>
      <c r="D30881" s="1" t="s">
        <v>108085</v>
      </c>
      <c r="E30881" s="1" t="s">
        <v>108086</v>
      </c>
      <c r="F30881" s="1" t="s">
        <v>108087</v>
      </c>
      <c r="G30881" s="1" t="s">
        <v>108003</v>
      </c>
      <c r="H30881" s="1" t="s">
        <v>108004</v>
      </c>
      <c r="I30881" s="1" t="s">
        <v>105238</v>
      </c>
      <c r="J30881" s="1" t="s">
        <v>108088</v>
      </c>
    </row>
    <row r="30882" spans="1:10" x14ac:dyDescent="0.35">
      <c r="A30882" s="1" t="s">
        <v>12056</v>
      </c>
      <c r="B30882" s="1" t="s">
        <v>105234</v>
      </c>
      <c r="C30882" s="1" t="s">
        <v>135</v>
      </c>
      <c r="D30882" s="1" t="s">
        <v>67934</v>
      </c>
      <c r="E30882" s="1" t="s">
        <v>108089</v>
      </c>
      <c r="F30882" s="1" t="s">
        <v>108090</v>
      </c>
      <c r="G30882" s="1" t="s">
        <v>108003</v>
      </c>
      <c r="H30882" s="1" t="s">
        <v>108004</v>
      </c>
      <c r="I30882" s="1" t="s">
        <v>105238</v>
      </c>
      <c r="J30882" s="1" t="s">
        <v>108091</v>
      </c>
    </row>
    <row r="30883" spans="1:10" x14ac:dyDescent="0.35">
      <c r="A30883" s="1" t="s">
        <v>12056</v>
      </c>
      <c r="B30883" s="1" t="s">
        <v>105234</v>
      </c>
      <c r="C30883" s="1" t="s">
        <v>140</v>
      </c>
      <c r="D30883" s="1" t="s">
        <v>66180</v>
      </c>
      <c r="E30883" s="1" t="s">
        <v>108092</v>
      </c>
      <c r="F30883" s="1" t="s">
        <v>108093</v>
      </c>
      <c r="G30883" s="1" t="s">
        <v>108003</v>
      </c>
      <c r="H30883" s="1" t="s">
        <v>108004</v>
      </c>
      <c r="I30883" s="1" t="s">
        <v>105238</v>
      </c>
      <c r="J30883" s="1" t="s">
        <v>108094</v>
      </c>
    </row>
    <row r="30884" spans="1:10" x14ac:dyDescent="0.35">
      <c r="A30884" s="1" t="s">
        <v>12056</v>
      </c>
      <c r="B30884" s="1" t="s">
        <v>105234</v>
      </c>
      <c r="C30884" s="1" t="s">
        <v>145</v>
      </c>
      <c r="D30884" s="1" t="s">
        <v>108095</v>
      </c>
      <c r="E30884" s="1" t="s">
        <v>108096</v>
      </c>
      <c r="F30884" s="1" t="s">
        <v>108097</v>
      </c>
      <c r="G30884" s="1" t="s">
        <v>108003</v>
      </c>
      <c r="H30884" s="1" t="s">
        <v>108004</v>
      </c>
      <c r="I30884" s="1" t="s">
        <v>105238</v>
      </c>
      <c r="J30884" s="1" t="s">
        <v>108098</v>
      </c>
    </row>
    <row r="30885" spans="1:10" x14ac:dyDescent="0.35">
      <c r="A30885" s="1" t="s">
        <v>12056</v>
      </c>
      <c r="B30885" s="1" t="s">
        <v>105234</v>
      </c>
      <c r="C30885" s="1" t="s">
        <v>150</v>
      </c>
      <c r="D30885" s="1" t="s">
        <v>108099</v>
      </c>
      <c r="E30885" s="1" t="s">
        <v>108100</v>
      </c>
      <c r="F30885" s="1" t="s">
        <v>108101</v>
      </c>
      <c r="G30885" s="1" t="s">
        <v>108003</v>
      </c>
      <c r="H30885" s="1" t="s">
        <v>108004</v>
      </c>
      <c r="I30885" s="1" t="s">
        <v>105238</v>
      </c>
      <c r="J30885" s="1" t="s">
        <v>108102</v>
      </c>
    </row>
    <row r="30886" spans="1:10" x14ac:dyDescent="0.35">
      <c r="A30886" s="1" t="s">
        <v>12056</v>
      </c>
      <c r="B30886" s="1" t="s">
        <v>105234</v>
      </c>
      <c r="C30886" s="1" t="s">
        <v>155</v>
      </c>
      <c r="D30886" s="1" t="s">
        <v>108103</v>
      </c>
      <c r="E30886" s="1" t="s">
        <v>108104</v>
      </c>
      <c r="F30886" s="1" t="s">
        <v>108105</v>
      </c>
      <c r="G30886" s="1" t="s">
        <v>108003</v>
      </c>
      <c r="H30886" s="1" t="s">
        <v>108004</v>
      </c>
      <c r="I30886" s="1" t="s">
        <v>105238</v>
      </c>
      <c r="J30886" s="1" t="s">
        <v>108106</v>
      </c>
    </row>
    <row r="30887" spans="1:10" x14ac:dyDescent="0.35">
      <c r="A30887" s="1" t="s">
        <v>12056</v>
      </c>
      <c r="B30887" s="1" t="s">
        <v>105234</v>
      </c>
      <c r="C30887" s="1" t="s">
        <v>160</v>
      </c>
      <c r="D30887" s="1" t="s">
        <v>108107</v>
      </c>
      <c r="E30887" s="1" t="s">
        <v>108108</v>
      </c>
      <c r="F30887" s="1" t="s">
        <v>108109</v>
      </c>
      <c r="G30887" s="1" t="s">
        <v>108003</v>
      </c>
      <c r="H30887" s="1" t="s">
        <v>108004</v>
      </c>
      <c r="I30887" s="1" t="s">
        <v>105238</v>
      </c>
      <c r="J30887" s="1" t="s">
        <v>108110</v>
      </c>
    </row>
    <row r="30888" spans="1:10" x14ac:dyDescent="0.35">
      <c r="A30888" s="1" t="s">
        <v>12056</v>
      </c>
      <c r="B30888" s="1" t="s">
        <v>105234</v>
      </c>
      <c r="C30888" s="1" t="s">
        <v>165</v>
      </c>
      <c r="D30888" s="1" t="s">
        <v>77248</v>
      </c>
      <c r="E30888" s="1" t="s">
        <v>108111</v>
      </c>
      <c r="F30888" s="1" t="s">
        <v>108112</v>
      </c>
      <c r="G30888" s="1" t="s">
        <v>108003</v>
      </c>
      <c r="H30888" s="1" t="s">
        <v>108004</v>
      </c>
      <c r="I30888" s="1" t="s">
        <v>105238</v>
      </c>
      <c r="J30888" s="1" t="s">
        <v>108113</v>
      </c>
    </row>
    <row r="30889" spans="1:10" x14ac:dyDescent="0.35">
      <c r="A30889" s="1" t="s">
        <v>12056</v>
      </c>
      <c r="B30889" s="1" t="s">
        <v>105234</v>
      </c>
      <c r="C30889" s="1" t="s">
        <v>170</v>
      </c>
      <c r="D30889" s="1" t="s">
        <v>102941</v>
      </c>
      <c r="E30889" s="1" t="s">
        <v>108114</v>
      </c>
      <c r="F30889" s="1" t="s">
        <v>108115</v>
      </c>
      <c r="G30889" s="1" t="s">
        <v>108003</v>
      </c>
      <c r="H30889" s="1" t="s">
        <v>108004</v>
      </c>
      <c r="I30889" s="1" t="s">
        <v>105238</v>
      </c>
      <c r="J30889" s="1" t="s">
        <v>108116</v>
      </c>
    </row>
    <row r="30890" spans="1:10" x14ac:dyDescent="0.35">
      <c r="A30890" s="1" t="s">
        <v>10239</v>
      </c>
      <c r="B30890" s="1" t="s">
        <v>105234</v>
      </c>
      <c r="C30890" s="1" t="s">
        <v>8</v>
      </c>
      <c r="D30890" s="1" t="s">
        <v>108117</v>
      </c>
      <c r="E30890" s="1" t="s">
        <v>108118</v>
      </c>
      <c r="F30890" s="1" t="s">
        <v>108119</v>
      </c>
      <c r="G30890" s="1" t="s">
        <v>108120</v>
      </c>
      <c r="H30890" s="1" t="s">
        <v>108121</v>
      </c>
      <c r="I30890" s="1" t="s">
        <v>105238</v>
      </c>
      <c r="J30890" s="1" t="s">
        <v>13</v>
      </c>
    </row>
    <row r="30891" spans="1:10" x14ac:dyDescent="0.35">
      <c r="A30891" s="1" t="s">
        <v>10239</v>
      </c>
      <c r="B30891" s="1" t="s">
        <v>105234</v>
      </c>
      <c r="C30891" s="1" t="s">
        <v>15</v>
      </c>
      <c r="D30891" s="1" t="s">
        <v>108122</v>
      </c>
      <c r="E30891" s="1" t="s">
        <v>108123</v>
      </c>
      <c r="F30891" s="1" t="s">
        <v>108124</v>
      </c>
      <c r="G30891" s="1" t="s">
        <v>108120</v>
      </c>
      <c r="H30891" s="1" t="s">
        <v>108121</v>
      </c>
      <c r="I30891" s="1" t="s">
        <v>105238</v>
      </c>
      <c r="J30891" s="1" t="s">
        <v>108125</v>
      </c>
    </row>
    <row r="30892" spans="1:10" x14ac:dyDescent="0.35">
      <c r="A30892" s="1" t="s">
        <v>10239</v>
      </c>
      <c r="B30892" s="1" t="s">
        <v>105234</v>
      </c>
      <c r="C30892" s="1" t="s">
        <v>20</v>
      </c>
      <c r="D30892" s="1" t="s">
        <v>108126</v>
      </c>
      <c r="E30892" s="1" t="s">
        <v>108127</v>
      </c>
      <c r="F30892" s="1" t="s">
        <v>108128</v>
      </c>
      <c r="G30892" s="1" t="s">
        <v>108120</v>
      </c>
      <c r="H30892" s="1" t="s">
        <v>108121</v>
      </c>
      <c r="I30892" s="1" t="s">
        <v>105238</v>
      </c>
      <c r="J30892" s="1" t="s">
        <v>108129</v>
      </c>
    </row>
    <row r="30893" spans="1:10" x14ac:dyDescent="0.35">
      <c r="A30893" s="1" t="s">
        <v>10239</v>
      </c>
      <c r="B30893" s="1" t="s">
        <v>105234</v>
      </c>
      <c r="C30893" s="1" t="s">
        <v>25</v>
      </c>
      <c r="D30893" s="1" t="s">
        <v>52826</v>
      </c>
      <c r="E30893" s="1" t="s">
        <v>108130</v>
      </c>
      <c r="F30893" s="1" t="s">
        <v>108131</v>
      </c>
      <c r="G30893" s="1" t="s">
        <v>108120</v>
      </c>
      <c r="H30893" s="1" t="s">
        <v>108121</v>
      </c>
      <c r="I30893" s="1" t="s">
        <v>105238</v>
      </c>
      <c r="J30893" s="1" t="s">
        <v>108132</v>
      </c>
    </row>
    <row r="30894" spans="1:10" x14ac:dyDescent="0.35">
      <c r="A30894" s="1" t="s">
        <v>10239</v>
      </c>
      <c r="B30894" s="1" t="s">
        <v>105234</v>
      </c>
      <c r="C30894" s="1" t="s">
        <v>30</v>
      </c>
      <c r="D30894" s="1" t="s">
        <v>108133</v>
      </c>
      <c r="E30894" s="1" t="s">
        <v>108134</v>
      </c>
      <c r="F30894" s="1" t="s">
        <v>108135</v>
      </c>
      <c r="G30894" s="1" t="s">
        <v>108120</v>
      </c>
      <c r="H30894" s="1" t="s">
        <v>108121</v>
      </c>
      <c r="I30894" s="1" t="s">
        <v>105238</v>
      </c>
      <c r="J30894" s="1" t="s">
        <v>108136</v>
      </c>
    </row>
    <row r="30895" spans="1:10" x14ac:dyDescent="0.35">
      <c r="A30895" s="1" t="s">
        <v>10239</v>
      </c>
      <c r="B30895" s="1" t="s">
        <v>105234</v>
      </c>
      <c r="C30895" s="1" t="s">
        <v>35</v>
      </c>
      <c r="D30895" s="1" t="s">
        <v>108137</v>
      </c>
      <c r="E30895" s="1" t="s">
        <v>108138</v>
      </c>
      <c r="F30895" s="1" t="s">
        <v>108139</v>
      </c>
      <c r="G30895" s="1" t="s">
        <v>108120</v>
      </c>
      <c r="H30895" s="1" t="s">
        <v>108121</v>
      </c>
      <c r="I30895" s="1" t="s">
        <v>105238</v>
      </c>
      <c r="J30895" s="1" t="s">
        <v>108140</v>
      </c>
    </row>
    <row r="30896" spans="1:10" x14ac:dyDescent="0.35">
      <c r="A30896" s="1" t="s">
        <v>10239</v>
      </c>
      <c r="B30896" s="1" t="s">
        <v>105234</v>
      </c>
      <c r="C30896" s="1" t="s">
        <v>40</v>
      </c>
      <c r="D30896" s="1" t="s">
        <v>108141</v>
      </c>
      <c r="E30896" s="1" t="s">
        <v>108142</v>
      </c>
      <c r="F30896" s="1" t="s">
        <v>108143</v>
      </c>
      <c r="G30896" s="1" t="s">
        <v>108120</v>
      </c>
      <c r="H30896" s="1" t="s">
        <v>108121</v>
      </c>
      <c r="I30896" s="1" t="s">
        <v>105238</v>
      </c>
      <c r="J30896" s="1" t="s">
        <v>108144</v>
      </c>
    </row>
    <row r="30897" spans="1:10" x14ac:dyDescent="0.35">
      <c r="A30897" s="1" t="s">
        <v>10239</v>
      </c>
      <c r="B30897" s="1" t="s">
        <v>105234</v>
      </c>
      <c r="C30897" s="1" t="s">
        <v>45</v>
      </c>
      <c r="D30897" s="1" t="s">
        <v>81984</v>
      </c>
      <c r="E30897" s="1" t="s">
        <v>108145</v>
      </c>
      <c r="F30897" s="1" t="s">
        <v>108146</v>
      </c>
      <c r="G30897" s="1" t="s">
        <v>108120</v>
      </c>
      <c r="H30897" s="1" t="s">
        <v>108121</v>
      </c>
      <c r="I30897" s="1" t="s">
        <v>105238</v>
      </c>
      <c r="J30897" s="1" t="s">
        <v>108147</v>
      </c>
    </row>
    <row r="30898" spans="1:10" x14ac:dyDescent="0.35">
      <c r="A30898" s="1" t="s">
        <v>10239</v>
      </c>
      <c r="B30898" s="1" t="s">
        <v>105234</v>
      </c>
      <c r="C30898" s="1" t="s">
        <v>50</v>
      </c>
      <c r="D30898" s="1" t="s">
        <v>56205</v>
      </c>
      <c r="E30898" s="1" t="s">
        <v>108148</v>
      </c>
      <c r="F30898" s="1" t="s">
        <v>108149</v>
      </c>
      <c r="G30898" s="1" t="s">
        <v>108120</v>
      </c>
      <c r="H30898" s="1" t="s">
        <v>108121</v>
      </c>
      <c r="I30898" s="1" t="s">
        <v>105238</v>
      </c>
      <c r="J30898" s="1" t="s">
        <v>108150</v>
      </c>
    </row>
    <row r="30899" spans="1:10" x14ac:dyDescent="0.35">
      <c r="A30899" s="1" t="s">
        <v>10239</v>
      </c>
      <c r="B30899" s="1" t="s">
        <v>105234</v>
      </c>
      <c r="C30899" s="1" t="s">
        <v>55</v>
      </c>
      <c r="D30899" s="1" t="s">
        <v>108151</v>
      </c>
      <c r="E30899" s="1" t="s">
        <v>108152</v>
      </c>
      <c r="F30899" s="1" t="s">
        <v>108153</v>
      </c>
      <c r="G30899" s="1" t="s">
        <v>108120</v>
      </c>
      <c r="H30899" s="1" t="s">
        <v>108121</v>
      </c>
      <c r="I30899" s="1" t="s">
        <v>105238</v>
      </c>
      <c r="J30899" s="1" t="s">
        <v>108154</v>
      </c>
    </row>
    <row r="30900" spans="1:10" x14ac:dyDescent="0.35">
      <c r="A30900" s="1" t="s">
        <v>10239</v>
      </c>
      <c r="B30900" s="1" t="s">
        <v>105234</v>
      </c>
      <c r="C30900" s="1" t="s">
        <v>60</v>
      </c>
      <c r="D30900" s="1" t="s">
        <v>108155</v>
      </c>
      <c r="E30900" s="1" t="s">
        <v>108156</v>
      </c>
      <c r="F30900" s="1" t="s">
        <v>108157</v>
      </c>
      <c r="G30900" s="1" t="s">
        <v>108120</v>
      </c>
      <c r="H30900" s="1" t="s">
        <v>108121</v>
      </c>
      <c r="I30900" s="1" t="s">
        <v>105238</v>
      </c>
      <c r="J30900" s="1" t="s">
        <v>108158</v>
      </c>
    </row>
    <row r="30901" spans="1:10" x14ac:dyDescent="0.35">
      <c r="A30901" s="1" t="s">
        <v>10239</v>
      </c>
      <c r="B30901" s="1" t="s">
        <v>105234</v>
      </c>
      <c r="C30901" s="1" t="s">
        <v>65</v>
      </c>
      <c r="D30901" s="1" t="s">
        <v>108159</v>
      </c>
      <c r="E30901" s="1" t="s">
        <v>108160</v>
      </c>
      <c r="F30901" s="1" t="s">
        <v>108161</v>
      </c>
      <c r="G30901" s="1" t="s">
        <v>108120</v>
      </c>
      <c r="H30901" s="1" t="s">
        <v>108121</v>
      </c>
      <c r="I30901" s="1" t="s">
        <v>105238</v>
      </c>
      <c r="J30901" s="1" t="s">
        <v>108162</v>
      </c>
    </row>
    <row r="30902" spans="1:10" x14ac:dyDescent="0.35">
      <c r="A30902" s="1" t="s">
        <v>10239</v>
      </c>
      <c r="B30902" s="1" t="s">
        <v>105234</v>
      </c>
      <c r="C30902" s="1" t="s">
        <v>70</v>
      </c>
      <c r="D30902" s="1" t="s">
        <v>108163</v>
      </c>
      <c r="E30902" s="1" t="s">
        <v>108164</v>
      </c>
      <c r="F30902" s="1" t="s">
        <v>108165</v>
      </c>
      <c r="G30902" s="1" t="s">
        <v>108120</v>
      </c>
      <c r="H30902" s="1" t="s">
        <v>108121</v>
      </c>
      <c r="I30902" s="1" t="s">
        <v>105238</v>
      </c>
      <c r="J30902" s="1" t="s">
        <v>108166</v>
      </c>
    </row>
    <row r="30903" spans="1:10" x14ac:dyDescent="0.35">
      <c r="A30903" s="1" t="s">
        <v>10239</v>
      </c>
      <c r="B30903" s="1" t="s">
        <v>105234</v>
      </c>
      <c r="C30903" s="1" t="s">
        <v>75</v>
      </c>
      <c r="D30903" s="1" t="s">
        <v>22129</v>
      </c>
      <c r="E30903" s="1" t="s">
        <v>108167</v>
      </c>
      <c r="F30903" s="1" t="s">
        <v>108168</v>
      </c>
      <c r="G30903" s="1" t="s">
        <v>108120</v>
      </c>
      <c r="H30903" s="1" t="s">
        <v>108121</v>
      </c>
      <c r="I30903" s="1" t="s">
        <v>105238</v>
      </c>
      <c r="J30903" s="1" t="s">
        <v>108169</v>
      </c>
    </row>
    <row r="30904" spans="1:10" x14ac:dyDescent="0.35">
      <c r="A30904" s="1" t="s">
        <v>10239</v>
      </c>
      <c r="B30904" s="1" t="s">
        <v>105234</v>
      </c>
      <c r="C30904" s="1" t="s">
        <v>80</v>
      </c>
      <c r="D30904" s="1" t="s">
        <v>105282</v>
      </c>
      <c r="E30904" s="1" t="s">
        <v>108170</v>
      </c>
      <c r="F30904" s="1" t="s">
        <v>108171</v>
      </c>
      <c r="G30904" s="1" t="s">
        <v>108120</v>
      </c>
      <c r="H30904" s="1" t="s">
        <v>108121</v>
      </c>
      <c r="I30904" s="1" t="s">
        <v>105238</v>
      </c>
      <c r="J30904" s="1" t="s">
        <v>108172</v>
      </c>
    </row>
    <row r="30905" spans="1:10" x14ac:dyDescent="0.35">
      <c r="A30905" s="1" t="s">
        <v>10239</v>
      </c>
      <c r="B30905" s="1" t="s">
        <v>105234</v>
      </c>
      <c r="C30905" s="1" t="s">
        <v>85</v>
      </c>
      <c r="D30905" s="1" t="s">
        <v>108173</v>
      </c>
      <c r="E30905" s="1" t="s">
        <v>108174</v>
      </c>
      <c r="F30905" s="1" t="s">
        <v>108175</v>
      </c>
      <c r="G30905" s="1" t="s">
        <v>108120</v>
      </c>
      <c r="H30905" s="1" t="s">
        <v>108121</v>
      </c>
      <c r="I30905" s="1" t="s">
        <v>105238</v>
      </c>
      <c r="J30905" s="1" t="s">
        <v>108176</v>
      </c>
    </row>
    <row r="30906" spans="1:10" x14ac:dyDescent="0.35">
      <c r="A30906" s="1" t="s">
        <v>10239</v>
      </c>
      <c r="B30906" s="1" t="s">
        <v>105234</v>
      </c>
      <c r="C30906" s="1" t="s">
        <v>90</v>
      </c>
      <c r="D30906" s="1" t="s">
        <v>65636</v>
      </c>
      <c r="E30906" s="1" t="s">
        <v>108177</v>
      </c>
      <c r="F30906" s="1" t="s">
        <v>108178</v>
      </c>
      <c r="G30906" s="1" t="s">
        <v>108120</v>
      </c>
      <c r="H30906" s="1" t="s">
        <v>108121</v>
      </c>
      <c r="I30906" s="1" t="s">
        <v>105238</v>
      </c>
      <c r="J30906" s="1" t="s">
        <v>108179</v>
      </c>
    </row>
    <row r="30907" spans="1:10" x14ac:dyDescent="0.35">
      <c r="A30907" s="1" t="s">
        <v>10239</v>
      </c>
      <c r="B30907" s="1" t="s">
        <v>105234</v>
      </c>
      <c r="C30907" s="1" t="s">
        <v>95</v>
      </c>
      <c r="D30907" s="1" t="s">
        <v>12255</v>
      </c>
      <c r="E30907" s="1" t="s">
        <v>108180</v>
      </c>
      <c r="F30907" s="1" t="s">
        <v>108181</v>
      </c>
      <c r="G30907" s="1" t="s">
        <v>108120</v>
      </c>
      <c r="H30907" s="1" t="s">
        <v>108121</v>
      </c>
      <c r="I30907" s="1" t="s">
        <v>105238</v>
      </c>
      <c r="J30907" s="1" t="s">
        <v>108182</v>
      </c>
    </row>
    <row r="30908" spans="1:10" x14ac:dyDescent="0.35">
      <c r="A30908" s="1" t="s">
        <v>10239</v>
      </c>
      <c r="B30908" s="1" t="s">
        <v>105234</v>
      </c>
      <c r="C30908" s="1" t="s">
        <v>100</v>
      </c>
      <c r="D30908" s="1" t="s">
        <v>53979</v>
      </c>
      <c r="E30908" s="1" t="s">
        <v>108183</v>
      </c>
      <c r="F30908" s="1" t="s">
        <v>108184</v>
      </c>
      <c r="G30908" s="1" t="s">
        <v>108120</v>
      </c>
      <c r="H30908" s="1" t="s">
        <v>108121</v>
      </c>
      <c r="I30908" s="1" t="s">
        <v>105238</v>
      </c>
      <c r="J30908" s="1" t="s">
        <v>108185</v>
      </c>
    </row>
    <row r="30909" spans="1:10" x14ac:dyDescent="0.35">
      <c r="A30909" s="1" t="s">
        <v>10239</v>
      </c>
      <c r="B30909" s="1" t="s">
        <v>105234</v>
      </c>
      <c r="C30909" s="1" t="s">
        <v>105</v>
      </c>
      <c r="D30909" s="1" t="s">
        <v>85841</v>
      </c>
      <c r="E30909" s="1" t="s">
        <v>108186</v>
      </c>
      <c r="F30909" s="1" t="s">
        <v>108187</v>
      </c>
      <c r="G30909" s="1" t="s">
        <v>108120</v>
      </c>
      <c r="H30909" s="1" t="s">
        <v>108121</v>
      </c>
      <c r="I30909" s="1" t="s">
        <v>105238</v>
      </c>
      <c r="J30909" s="1" t="s">
        <v>108188</v>
      </c>
    </row>
    <row r="30910" spans="1:10" x14ac:dyDescent="0.35">
      <c r="A30910" s="1" t="s">
        <v>10239</v>
      </c>
      <c r="B30910" s="1" t="s">
        <v>105234</v>
      </c>
      <c r="C30910" s="1" t="s">
        <v>110</v>
      </c>
      <c r="D30910" s="1" t="s">
        <v>108189</v>
      </c>
      <c r="E30910" s="1" t="s">
        <v>108190</v>
      </c>
      <c r="F30910" s="1" t="s">
        <v>108191</v>
      </c>
      <c r="G30910" s="1" t="s">
        <v>108120</v>
      </c>
      <c r="H30910" s="1" t="s">
        <v>108121</v>
      </c>
      <c r="I30910" s="1" t="s">
        <v>105238</v>
      </c>
      <c r="J30910" s="1" t="s">
        <v>108192</v>
      </c>
    </row>
    <row r="30911" spans="1:10" x14ac:dyDescent="0.35">
      <c r="A30911" s="1" t="s">
        <v>10239</v>
      </c>
      <c r="B30911" s="1" t="s">
        <v>105234</v>
      </c>
      <c r="C30911" s="1" t="s">
        <v>115</v>
      </c>
      <c r="D30911" s="1" t="s">
        <v>108193</v>
      </c>
      <c r="E30911" s="1" t="s">
        <v>108194</v>
      </c>
      <c r="F30911" s="1" t="s">
        <v>32475</v>
      </c>
      <c r="G30911" s="1" t="s">
        <v>108120</v>
      </c>
      <c r="H30911" s="1" t="s">
        <v>108121</v>
      </c>
      <c r="I30911" s="1" t="s">
        <v>105238</v>
      </c>
      <c r="J30911" s="1" t="s">
        <v>108195</v>
      </c>
    </row>
    <row r="30912" spans="1:10" x14ac:dyDescent="0.35">
      <c r="A30912" s="1" t="s">
        <v>10239</v>
      </c>
      <c r="B30912" s="1" t="s">
        <v>105234</v>
      </c>
      <c r="C30912" s="1" t="s">
        <v>120</v>
      </c>
      <c r="D30912" s="1" t="s">
        <v>108196</v>
      </c>
      <c r="E30912" s="1" t="s">
        <v>108197</v>
      </c>
      <c r="F30912" s="1" t="s">
        <v>108198</v>
      </c>
      <c r="G30912" s="1" t="s">
        <v>108120</v>
      </c>
      <c r="H30912" s="1" t="s">
        <v>108121</v>
      </c>
      <c r="I30912" s="1" t="s">
        <v>105238</v>
      </c>
      <c r="J30912" s="1" t="s">
        <v>108199</v>
      </c>
    </row>
    <row r="30913" spans="1:10" x14ac:dyDescent="0.35">
      <c r="A30913" s="1" t="s">
        <v>10239</v>
      </c>
      <c r="B30913" s="1" t="s">
        <v>105234</v>
      </c>
      <c r="C30913" s="1" t="s">
        <v>125</v>
      </c>
      <c r="D30913" s="1" t="s">
        <v>108200</v>
      </c>
      <c r="E30913" s="1" t="s">
        <v>108201</v>
      </c>
      <c r="F30913" s="1" t="s">
        <v>108202</v>
      </c>
      <c r="G30913" s="1" t="s">
        <v>108120</v>
      </c>
      <c r="H30913" s="1" t="s">
        <v>108121</v>
      </c>
      <c r="I30913" s="1" t="s">
        <v>105238</v>
      </c>
      <c r="J30913" s="1" t="s">
        <v>108203</v>
      </c>
    </row>
    <row r="30914" spans="1:10" x14ac:dyDescent="0.35">
      <c r="A30914" s="1" t="s">
        <v>10239</v>
      </c>
      <c r="B30914" s="1" t="s">
        <v>105234</v>
      </c>
      <c r="C30914" s="1" t="s">
        <v>130</v>
      </c>
      <c r="D30914" s="1" t="s">
        <v>88518</v>
      </c>
      <c r="E30914" s="1" t="s">
        <v>108204</v>
      </c>
      <c r="F30914" s="1" t="s">
        <v>108205</v>
      </c>
      <c r="G30914" s="1" t="s">
        <v>108120</v>
      </c>
      <c r="H30914" s="1" t="s">
        <v>108121</v>
      </c>
      <c r="I30914" s="1" t="s">
        <v>105238</v>
      </c>
      <c r="J30914" s="1" t="s">
        <v>108206</v>
      </c>
    </row>
    <row r="30915" spans="1:10" x14ac:dyDescent="0.35">
      <c r="A30915" s="1" t="s">
        <v>10239</v>
      </c>
      <c r="B30915" s="1" t="s">
        <v>105234</v>
      </c>
      <c r="C30915" s="1" t="s">
        <v>135</v>
      </c>
      <c r="D30915" s="1" t="s">
        <v>108207</v>
      </c>
      <c r="E30915" s="1" t="s">
        <v>108208</v>
      </c>
      <c r="F30915" s="1" t="s">
        <v>108209</v>
      </c>
      <c r="G30915" s="1" t="s">
        <v>108120</v>
      </c>
      <c r="H30915" s="1" t="s">
        <v>108121</v>
      </c>
      <c r="I30915" s="1" t="s">
        <v>105238</v>
      </c>
      <c r="J30915" s="1" t="s">
        <v>108210</v>
      </c>
    </row>
    <row r="30916" spans="1:10" x14ac:dyDescent="0.35">
      <c r="A30916" s="1" t="s">
        <v>10239</v>
      </c>
      <c r="B30916" s="1" t="s">
        <v>105234</v>
      </c>
      <c r="C30916" s="1" t="s">
        <v>140</v>
      </c>
      <c r="D30916" s="1" t="s">
        <v>65715</v>
      </c>
      <c r="E30916" s="1" t="s">
        <v>108211</v>
      </c>
      <c r="F30916" s="1" t="s">
        <v>108212</v>
      </c>
      <c r="G30916" s="1" t="s">
        <v>108120</v>
      </c>
      <c r="H30916" s="1" t="s">
        <v>108121</v>
      </c>
      <c r="I30916" s="1" t="s">
        <v>105238</v>
      </c>
      <c r="J30916" s="1" t="s">
        <v>108213</v>
      </c>
    </row>
    <row r="30917" spans="1:10" x14ac:dyDescent="0.35">
      <c r="A30917" s="1" t="s">
        <v>10239</v>
      </c>
      <c r="B30917" s="1" t="s">
        <v>105234</v>
      </c>
      <c r="C30917" s="1" t="s">
        <v>145</v>
      </c>
      <c r="D30917" s="1" t="s">
        <v>56403</v>
      </c>
      <c r="E30917" s="1" t="s">
        <v>108214</v>
      </c>
      <c r="F30917" s="1" t="s">
        <v>108215</v>
      </c>
      <c r="G30917" s="1" t="s">
        <v>108120</v>
      </c>
      <c r="H30917" s="1" t="s">
        <v>108121</v>
      </c>
      <c r="I30917" s="1" t="s">
        <v>105238</v>
      </c>
      <c r="J30917" s="1" t="s">
        <v>108216</v>
      </c>
    </row>
    <row r="30918" spans="1:10" x14ac:dyDescent="0.35">
      <c r="A30918" s="1" t="s">
        <v>10239</v>
      </c>
      <c r="B30918" s="1" t="s">
        <v>105234</v>
      </c>
      <c r="C30918" s="1" t="s">
        <v>150</v>
      </c>
      <c r="D30918" s="1" t="s">
        <v>80819</v>
      </c>
      <c r="E30918" s="1" t="s">
        <v>108217</v>
      </c>
      <c r="F30918" s="1" t="s">
        <v>108218</v>
      </c>
      <c r="G30918" s="1" t="s">
        <v>108120</v>
      </c>
      <c r="H30918" s="1" t="s">
        <v>108121</v>
      </c>
      <c r="I30918" s="1" t="s">
        <v>105238</v>
      </c>
      <c r="J30918" s="1" t="s">
        <v>108219</v>
      </c>
    </row>
    <row r="30919" spans="1:10" x14ac:dyDescent="0.35">
      <c r="A30919" s="1" t="s">
        <v>10239</v>
      </c>
      <c r="B30919" s="1" t="s">
        <v>105234</v>
      </c>
      <c r="C30919" s="1" t="s">
        <v>155</v>
      </c>
      <c r="D30919" s="1" t="s">
        <v>108220</v>
      </c>
      <c r="E30919" s="1" t="s">
        <v>108221</v>
      </c>
      <c r="F30919" s="1" t="s">
        <v>108222</v>
      </c>
      <c r="G30919" s="1" t="s">
        <v>108120</v>
      </c>
      <c r="H30919" s="1" t="s">
        <v>108121</v>
      </c>
      <c r="I30919" s="1" t="s">
        <v>105238</v>
      </c>
      <c r="J30919" s="1" t="s">
        <v>108223</v>
      </c>
    </row>
    <row r="30920" spans="1:10" x14ac:dyDescent="0.35">
      <c r="A30920" s="1" t="s">
        <v>10239</v>
      </c>
      <c r="B30920" s="1" t="s">
        <v>105234</v>
      </c>
      <c r="C30920" s="1" t="s">
        <v>160</v>
      </c>
      <c r="D30920" s="1" t="s">
        <v>108224</v>
      </c>
      <c r="E30920" s="1" t="s">
        <v>108225</v>
      </c>
      <c r="F30920" s="1" t="s">
        <v>108226</v>
      </c>
      <c r="G30920" s="1" t="s">
        <v>108120</v>
      </c>
      <c r="H30920" s="1" t="s">
        <v>108121</v>
      </c>
      <c r="I30920" s="1" t="s">
        <v>105238</v>
      </c>
      <c r="J30920" s="1" t="s">
        <v>108227</v>
      </c>
    </row>
    <row r="30921" spans="1:10" x14ac:dyDescent="0.35">
      <c r="A30921" s="1" t="s">
        <v>10239</v>
      </c>
      <c r="B30921" s="1" t="s">
        <v>105234</v>
      </c>
      <c r="C30921" s="1" t="s">
        <v>165</v>
      </c>
      <c r="D30921" s="1" t="s">
        <v>103112</v>
      </c>
      <c r="E30921" s="1" t="s">
        <v>108228</v>
      </c>
      <c r="F30921" s="1" t="s">
        <v>108229</v>
      </c>
      <c r="G30921" s="1" t="s">
        <v>108120</v>
      </c>
      <c r="H30921" s="1" t="s">
        <v>108121</v>
      </c>
      <c r="I30921" s="1" t="s">
        <v>105238</v>
      </c>
      <c r="J30921" s="1" t="s">
        <v>108230</v>
      </c>
    </row>
    <row r="30922" spans="1:10" x14ac:dyDescent="0.35">
      <c r="A30922" s="1" t="s">
        <v>10239</v>
      </c>
      <c r="B30922" s="1" t="s">
        <v>105234</v>
      </c>
      <c r="C30922" s="1" t="s">
        <v>170</v>
      </c>
      <c r="D30922" s="1" t="s">
        <v>108231</v>
      </c>
      <c r="E30922" s="1" t="s">
        <v>108232</v>
      </c>
      <c r="F30922" s="1" t="s">
        <v>108233</v>
      </c>
      <c r="G30922" s="1" t="s">
        <v>108120</v>
      </c>
      <c r="H30922" s="1" t="s">
        <v>108121</v>
      </c>
      <c r="I30922" s="1" t="s">
        <v>105238</v>
      </c>
      <c r="J30922" s="1" t="s">
        <v>108234</v>
      </c>
    </row>
    <row r="30923" spans="1:10" x14ac:dyDescent="0.35">
      <c r="A30923" s="1" t="s">
        <v>12028</v>
      </c>
      <c r="B30923" s="1" t="s">
        <v>105234</v>
      </c>
      <c r="C30923" s="1" t="s">
        <v>8</v>
      </c>
      <c r="D30923" s="1" t="s">
        <v>108235</v>
      </c>
      <c r="E30923" s="1" t="s">
        <v>108236</v>
      </c>
      <c r="F30923" s="1" t="s">
        <v>108237</v>
      </c>
      <c r="G30923" s="1" t="s">
        <v>108238</v>
      </c>
      <c r="H30923" s="1" t="s">
        <v>108239</v>
      </c>
      <c r="I30923" s="1" t="s">
        <v>105238</v>
      </c>
      <c r="J30923" s="1" t="s">
        <v>13</v>
      </c>
    </row>
    <row r="30924" spans="1:10" x14ac:dyDescent="0.35">
      <c r="A30924" s="1" t="s">
        <v>12028</v>
      </c>
      <c r="B30924" s="1" t="s">
        <v>105234</v>
      </c>
      <c r="C30924" s="1" t="s">
        <v>15</v>
      </c>
      <c r="D30924" s="1" t="s">
        <v>108240</v>
      </c>
      <c r="E30924" s="1" t="s">
        <v>16043</v>
      </c>
      <c r="F30924" s="1" t="s">
        <v>108241</v>
      </c>
      <c r="G30924" s="1" t="s">
        <v>108238</v>
      </c>
      <c r="H30924" s="1" t="s">
        <v>108239</v>
      </c>
      <c r="I30924" s="1" t="s">
        <v>105238</v>
      </c>
      <c r="J30924" s="1" t="s">
        <v>108242</v>
      </c>
    </row>
    <row r="30925" spans="1:10" x14ac:dyDescent="0.35">
      <c r="A30925" s="1" t="s">
        <v>12028</v>
      </c>
      <c r="B30925" s="1" t="s">
        <v>105234</v>
      </c>
      <c r="C30925" s="1" t="s">
        <v>20</v>
      </c>
      <c r="D30925" s="1" t="s">
        <v>108243</v>
      </c>
      <c r="E30925" s="1" t="s">
        <v>108244</v>
      </c>
      <c r="F30925" s="1" t="s">
        <v>108245</v>
      </c>
      <c r="G30925" s="1" t="s">
        <v>108238</v>
      </c>
      <c r="H30925" s="1" t="s">
        <v>108239</v>
      </c>
      <c r="I30925" s="1" t="s">
        <v>105238</v>
      </c>
      <c r="J30925" s="1" t="s">
        <v>108246</v>
      </c>
    </row>
    <row r="30926" spans="1:10" x14ac:dyDescent="0.35">
      <c r="A30926" s="1" t="s">
        <v>12028</v>
      </c>
      <c r="B30926" s="1" t="s">
        <v>105234</v>
      </c>
      <c r="C30926" s="1" t="s">
        <v>25</v>
      </c>
      <c r="D30926" s="1" t="s">
        <v>108247</v>
      </c>
      <c r="E30926" s="1" t="s">
        <v>108248</v>
      </c>
      <c r="F30926" s="1" t="s">
        <v>108249</v>
      </c>
      <c r="G30926" s="1" t="s">
        <v>108238</v>
      </c>
      <c r="H30926" s="1" t="s">
        <v>108239</v>
      </c>
      <c r="I30926" s="1" t="s">
        <v>105238</v>
      </c>
      <c r="J30926" s="1" t="s">
        <v>108250</v>
      </c>
    </row>
    <row r="30927" spans="1:10" x14ac:dyDescent="0.35">
      <c r="A30927" s="1" t="s">
        <v>12028</v>
      </c>
      <c r="B30927" s="1" t="s">
        <v>105234</v>
      </c>
      <c r="C30927" s="1" t="s">
        <v>30</v>
      </c>
      <c r="D30927" s="1" t="s">
        <v>108251</v>
      </c>
      <c r="E30927" s="1" t="s">
        <v>108252</v>
      </c>
      <c r="F30927" s="1" t="s">
        <v>108253</v>
      </c>
      <c r="G30927" s="1" t="s">
        <v>108238</v>
      </c>
      <c r="H30927" s="1" t="s">
        <v>108239</v>
      </c>
      <c r="I30927" s="1" t="s">
        <v>105238</v>
      </c>
      <c r="J30927" s="1" t="s">
        <v>108254</v>
      </c>
    </row>
    <row r="30928" spans="1:10" x14ac:dyDescent="0.35">
      <c r="A30928" s="1" t="s">
        <v>12028</v>
      </c>
      <c r="B30928" s="1" t="s">
        <v>105234</v>
      </c>
      <c r="C30928" s="1" t="s">
        <v>35</v>
      </c>
      <c r="D30928" s="1" t="s">
        <v>108255</v>
      </c>
      <c r="E30928" s="1" t="s">
        <v>16309</v>
      </c>
      <c r="F30928" s="1" t="s">
        <v>108256</v>
      </c>
      <c r="G30928" s="1" t="s">
        <v>108238</v>
      </c>
      <c r="H30928" s="1" t="s">
        <v>108239</v>
      </c>
      <c r="I30928" s="1" t="s">
        <v>105238</v>
      </c>
      <c r="J30928" s="1" t="s">
        <v>108257</v>
      </c>
    </row>
    <row r="30929" spans="1:10" x14ac:dyDescent="0.35">
      <c r="A30929" s="1" t="s">
        <v>12028</v>
      </c>
      <c r="B30929" s="1" t="s">
        <v>105234</v>
      </c>
      <c r="C30929" s="1" t="s">
        <v>40</v>
      </c>
      <c r="D30929" s="1" t="s">
        <v>108258</v>
      </c>
      <c r="E30929" s="1" t="s">
        <v>108259</v>
      </c>
      <c r="F30929" s="1" t="s">
        <v>108260</v>
      </c>
      <c r="G30929" s="1" t="s">
        <v>108238</v>
      </c>
      <c r="H30929" s="1" t="s">
        <v>108239</v>
      </c>
      <c r="I30929" s="1" t="s">
        <v>105238</v>
      </c>
      <c r="J30929" s="1" t="s">
        <v>108261</v>
      </c>
    </row>
    <row r="30930" spans="1:10" x14ac:dyDescent="0.35">
      <c r="A30930" s="1" t="s">
        <v>12028</v>
      </c>
      <c r="B30930" s="1" t="s">
        <v>105234</v>
      </c>
      <c r="C30930" s="1" t="s">
        <v>45</v>
      </c>
      <c r="D30930" s="1" t="s">
        <v>108262</v>
      </c>
      <c r="E30930" s="1" t="s">
        <v>105293</v>
      </c>
      <c r="F30930" s="1" t="s">
        <v>108263</v>
      </c>
      <c r="G30930" s="1" t="s">
        <v>108238</v>
      </c>
      <c r="H30930" s="1" t="s">
        <v>108239</v>
      </c>
      <c r="I30930" s="1" t="s">
        <v>105238</v>
      </c>
      <c r="J30930" s="1" t="s">
        <v>108264</v>
      </c>
    </row>
    <row r="30931" spans="1:10" x14ac:dyDescent="0.35">
      <c r="A30931" s="1" t="s">
        <v>12028</v>
      </c>
      <c r="B30931" s="1" t="s">
        <v>105234</v>
      </c>
      <c r="C30931" s="1" t="s">
        <v>50</v>
      </c>
      <c r="D30931" s="1" t="s">
        <v>108265</v>
      </c>
      <c r="E30931" s="1" t="s">
        <v>108266</v>
      </c>
      <c r="F30931" s="1" t="s">
        <v>108267</v>
      </c>
      <c r="G30931" s="1" t="s">
        <v>108238</v>
      </c>
      <c r="H30931" s="1" t="s">
        <v>108239</v>
      </c>
      <c r="I30931" s="1" t="s">
        <v>105238</v>
      </c>
      <c r="J30931" s="1" t="s">
        <v>108268</v>
      </c>
    </row>
    <row r="30932" spans="1:10" x14ac:dyDescent="0.35">
      <c r="A30932" s="1" t="s">
        <v>12028</v>
      </c>
      <c r="B30932" s="1" t="s">
        <v>105234</v>
      </c>
      <c r="C30932" s="1" t="s">
        <v>55</v>
      </c>
      <c r="D30932" s="1" t="s">
        <v>108269</v>
      </c>
      <c r="E30932" s="1" t="s">
        <v>15489</v>
      </c>
      <c r="F30932" s="1" t="s">
        <v>108270</v>
      </c>
      <c r="G30932" s="1" t="s">
        <v>108238</v>
      </c>
      <c r="H30932" s="1" t="s">
        <v>108239</v>
      </c>
      <c r="I30932" s="1" t="s">
        <v>105238</v>
      </c>
      <c r="J30932" s="1" t="s">
        <v>108271</v>
      </c>
    </row>
    <row r="30933" spans="1:10" x14ac:dyDescent="0.35">
      <c r="A30933" s="1" t="s">
        <v>12028</v>
      </c>
      <c r="B30933" s="1" t="s">
        <v>105234</v>
      </c>
      <c r="C30933" s="1" t="s">
        <v>60</v>
      </c>
      <c r="D30933" s="1" t="s">
        <v>108272</v>
      </c>
      <c r="E30933" s="1" t="s">
        <v>81146</v>
      </c>
      <c r="F30933" s="1" t="s">
        <v>108273</v>
      </c>
      <c r="G30933" s="1" t="s">
        <v>108238</v>
      </c>
      <c r="H30933" s="1" t="s">
        <v>108239</v>
      </c>
      <c r="I30933" s="1" t="s">
        <v>105238</v>
      </c>
      <c r="J30933" s="1" t="s">
        <v>108274</v>
      </c>
    </row>
    <row r="30934" spans="1:10" x14ac:dyDescent="0.35">
      <c r="A30934" s="1" t="s">
        <v>12028</v>
      </c>
      <c r="B30934" s="1" t="s">
        <v>105234</v>
      </c>
      <c r="C30934" s="1" t="s">
        <v>65</v>
      </c>
      <c r="D30934" s="1" t="s">
        <v>106888</v>
      </c>
      <c r="E30934" s="1" t="s">
        <v>108275</v>
      </c>
      <c r="F30934" s="1" t="s">
        <v>76360</v>
      </c>
      <c r="G30934" s="1" t="s">
        <v>108238</v>
      </c>
      <c r="H30934" s="1" t="s">
        <v>108239</v>
      </c>
      <c r="I30934" s="1" t="s">
        <v>105238</v>
      </c>
      <c r="J30934" s="1" t="s">
        <v>108276</v>
      </c>
    </row>
    <row r="30935" spans="1:10" x14ac:dyDescent="0.35">
      <c r="A30935" s="1" t="s">
        <v>12028</v>
      </c>
      <c r="B30935" s="1" t="s">
        <v>105234</v>
      </c>
      <c r="C30935" s="1" t="s">
        <v>70</v>
      </c>
      <c r="D30935" s="1" t="s">
        <v>108277</v>
      </c>
      <c r="E30935" s="1" t="s">
        <v>105394</v>
      </c>
      <c r="F30935" s="1" t="s">
        <v>108278</v>
      </c>
      <c r="G30935" s="1" t="s">
        <v>108238</v>
      </c>
      <c r="H30935" s="1" t="s">
        <v>108239</v>
      </c>
      <c r="I30935" s="1" t="s">
        <v>105238</v>
      </c>
      <c r="J30935" s="1" t="s">
        <v>108279</v>
      </c>
    </row>
    <row r="30936" spans="1:10" x14ac:dyDescent="0.35">
      <c r="A30936" s="1" t="s">
        <v>12028</v>
      </c>
      <c r="B30936" s="1" t="s">
        <v>105234</v>
      </c>
      <c r="C30936" s="1" t="s">
        <v>75</v>
      </c>
      <c r="D30936" s="1" t="s">
        <v>97829</v>
      </c>
      <c r="E30936" s="1" t="s">
        <v>108280</v>
      </c>
      <c r="F30936" s="1" t="s">
        <v>108281</v>
      </c>
      <c r="G30936" s="1" t="s">
        <v>108238</v>
      </c>
      <c r="H30936" s="1" t="s">
        <v>108239</v>
      </c>
      <c r="I30936" s="1" t="s">
        <v>105238</v>
      </c>
      <c r="J30936" s="1" t="s">
        <v>108282</v>
      </c>
    </row>
    <row r="30937" spans="1:10" x14ac:dyDescent="0.35">
      <c r="A30937" s="1" t="s">
        <v>12028</v>
      </c>
      <c r="B30937" s="1" t="s">
        <v>105234</v>
      </c>
      <c r="C30937" s="1" t="s">
        <v>80</v>
      </c>
      <c r="D30937" s="1" t="s">
        <v>108283</v>
      </c>
      <c r="E30937" s="1" t="s">
        <v>108284</v>
      </c>
      <c r="F30937" s="1" t="s">
        <v>108285</v>
      </c>
      <c r="G30937" s="1" t="s">
        <v>108238</v>
      </c>
      <c r="H30937" s="1" t="s">
        <v>108239</v>
      </c>
      <c r="I30937" s="1" t="s">
        <v>105238</v>
      </c>
      <c r="J30937" s="1" t="s">
        <v>108286</v>
      </c>
    </row>
    <row r="30938" spans="1:10" x14ac:dyDescent="0.35">
      <c r="A30938" s="1" t="s">
        <v>12028</v>
      </c>
      <c r="B30938" s="1" t="s">
        <v>105234</v>
      </c>
      <c r="C30938" s="1" t="s">
        <v>85</v>
      </c>
      <c r="D30938" s="1" t="s">
        <v>108287</v>
      </c>
      <c r="E30938" s="1" t="s">
        <v>108288</v>
      </c>
      <c r="F30938" s="1" t="s">
        <v>108289</v>
      </c>
      <c r="G30938" s="1" t="s">
        <v>108238</v>
      </c>
      <c r="H30938" s="1" t="s">
        <v>108239</v>
      </c>
      <c r="I30938" s="1" t="s">
        <v>105238</v>
      </c>
      <c r="J30938" s="1" t="s">
        <v>108290</v>
      </c>
    </row>
    <row r="30939" spans="1:10" x14ac:dyDescent="0.35">
      <c r="A30939" s="1" t="s">
        <v>12028</v>
      </c>
      <c r="B30939" s="1" t="s">
        <v>105234</v>
      </c>
      <c r="C30939" s="1" t="s">
        <v>90</v>
      </c>
      <c r="D30939" s="1" t="s">
        <v>100240</v>
      </c>
      <c r="E30939" s="1" t="s">
        <v>16294</v>
      </c>
      <c r="F30939" s="1" t="s">
        <v>108291</v>
      </c>
      <c r="G30939" s="1" t="s">
        <v>108238</v>
      </c>
      <c r="H30939" s="1" t="s">
        <v>108239</v>
      </c>
      <c r="I30939" s="1" t="s">
        <v>105238</v>
      </c>
      <c r="J30939" s="1" t="s">
        <v>108292</v>
      </c>
    </row>
    <row r="30940" spans="1:10" x14ac:dyDescent="0.35">
      <c r="A30940" s="1" t="s">
        <v>12028</v>
      </c>
      <c r="B30940" s="1" t="s">
        <v>105234</v>
      </c>
      <c r="C30940" s="1" t="s">
        <v>95</v>
      </c>
      <c r="D30940" s="1" t="s">
        <v>108293</v>
      </c>
      <c r="E30940" s="1" t="s">
        <v>108294</v>
      </c>
      <c r="F30940" s="1" t="s">
        <v>108253</v>
      </c>
      <c r="G30940" s="1" t="s">
        <v>108238</v>
      </c>
      <c r="H30940" s="1" t="s">
        <v>108239</v>
      </c>
      <c r="I30940" s="1" t="s">
        <v>105238</v>
      </c>
      <c r="J30940" s="1" t="s">
        <v>108295</v>
      </c>
    </row>
    <row r="30941" spans="1:10" x14ac:dyDescent="0.35">
      <c r="A30941" s="1" t="s">
        <v>12028</v>
      </c>
      <c r="B30941" s="1" t="s">
        <v>105234</v>
      </c>
      <c r="C30941" s="1" t="s">
        <v>100</v>
      </c>
      <c r="D30941" s="1" t="s">
        <v>18575</v>
      </c>
      <c r="E30941" s="1" t="s">
        <v>108296</v>
      </c>
      <c r="F30941" s="1" t="s">
        <v>108297</v>
      </c>
      <c r="G30941" s="1" t="s">
        <v>108238</v>
      </c>
      <c r="H30941" s="1" t="s">
        <v>108239</v>
      </c>
      <c r="I30941" s="1" t="s">
        <v>105238</v>
      </c>
      <c r="J30941" s="1" t="s">
        <v>108298</v>
      </c>
    </row>
    <row r="30942" spans="1:10" x14ac:dyDescent="0.35">
      <c r="A30942" s="1" t="s">
        <v>12028</v>
      </c>
      <c r="B30942" s="1" t="s">
        <v>105234</v>
      </c>
      <c r="C30942" s="1" t="s">
        <v>105</v>
      </c>
      <c r="D30942" s="1" t="s">
        <v>108299</v>
      </c>
      <c r="E30942" s="1" t="s">
        <v>78772</v>
      </c>
      <c r="F30942" s="1" t="s">
        <v>108300</v>
      </c>
      <c r="G30942" s="1" t="s">
        <v>108238</v>
      </c>
      <c r="H30942" s="1" t="s">
        <v>108239</v>
      </c>
      <c r="I30942" s="1" t="s">
        <v>105238</v>
      </c>
      <c r="J30942" s="1" t="s">
        <v>108301</v>
      </c>
    </row>
    <row r="30943" spans="1:10" x14ac:dyDescent="0.35">
      <c r="A30943" s="1" t="s">
        <v>12028</v>
      </c>
      <c r="B30943" s="1" t="s">
        <v>105234</v>
      </c>
      <c r="C30943" s="1" t="s">
        <v>110</v>
      </c>
      <c r="D30943" s="1" t="s">
        <v>98413</v>
      </c>
      <c r="E30943" s="1" t="s">
        <v>108302</v>
      </c>
      <c r="F30943" s="1" t="s">
        <v>108303</v>
      </c>
      <c r="G30943" s="1" t="s">
        <v>108238</v>
      </c>
      <c r="H30943" s="1" t="s">
        <v>108239</v>
      </c>
      <c r="I30943" s="1" t="s">
        <v>105238</v>
      </c>
      <c r="J30943" s="1" t="s">
        <v>108304</v>
      </c>
    </row>
    <row r="30944" spans="1:10" x14ac:dyDescent="0.35">
      <c r="A30944" s="1" t="s">
        <v>12028</v>
      </c>
      <c r="B30944" s="1" t="s">
        <v>105234</v>
      </c>
      <c r="C30944" s="1" t="s">
        <v>115</v>
      </c>
      <c r="D30944" s="1" t="s">
        <v>108305</v>
      </c>
      <c r="E30944" s="1" t="s">
        <v>108306</v>
      </c>
      <c r="F30944" s="1" t="s">
        <v>66806</v>
      </c>
      <c r="G30944" s="1" t="s">
        <v>108238</v>
      </c>
      <c r="H30944" s="1" t="s">
        <v>108239</v>
      </c>
      <c r="I30944" s="1" t="s">
        <v>105238</v>
      </c>
      <c r="J30944" s="1" t="s">
        <v>108307</v>
      </c>
    </row>
    <row r="30945" spans="1:10" x14ac:dyDescent="0.35">
      <c r="A30945" s="1" t="s">
        <v>12028</v>
      </c>
      <c r="B30945" s="1" t="s">
        <v>105234</v>
      </c>
      <c r="C30945" s="1" t="s">
        <v>120</v>
      </c>
      <c r="D30945" s="1" t="s">
        <v>108308</v>
      </c>
      <c r="E30945" s="1" t="s">
        <v>108309</v>
      </c>
      <c r="F30945" s="1" t="s">
        <v>108310</v>
      </c>
      <c r="G30945" s="1" t="s">
        <v>108238</v>
      </c>
      <c r="H30945" s="1" t="s">
        <v>108239</v>
      </c>
      <c r="I30945" s="1" t="s">
        <v>105238</v>
      </c>
      <c r="J30945" s="1" t="s">
        <v>108311</v>
      </c>
    </row>
    <row r="30946" spans="1:10" x14ac:dyDescent="0.35">
      <c r="A30946" s="1" t="s">
        <v>12028</v>
      </c>
      <c r="B30946" s="1" t="s">
        <v>105234</v>
      </c>
      <c r="C30946" s="1" t="s">
        <v>125</v>
      </c>
      <c r="D30946" s="1" t="s">
        <v>108312</v>
      </c>
      <c r="E30946" s="1" t="s">
        <v>78823</v>
      </c>
      <c r="F30946" s="1" t="s">
        <v>64325</v>
      </c>
      <c r="G30946" s="1" t="s">
        <v>108238</v>
      </c>
      <c r="H30946" s="1" t="s">
        <v>108239</v>
      </c>
      <c r="I30946" s="1" t="s">
        <v>105238</v>
      </c>
      <c r="J30946" s="1" t="s">
        <v>108313</v>
      </c>
    </row>
    <row r="30947" spans="1:10" x14ac:dyDescent="0.35">
      <c r="A30947" s="1" t="s">
        <v>12028</v>
      </c>
      <c r="B30947" s="1" t="s">
        <v>105234</v>
      </c>
      <c r="C30947" s="1" t="s">
        <v>130</v>
      </c>
      <c r="D30947" s="1" t="s">
        <v>76821</v>
      </c>
      <c r="E30947" s="1" t="s">
        <v>108314</v>
      </c>
      <c r="F30947" s="1" t="s">
        <v>108315</v>
      </c>
      <c r="G30947" s="1" t="s">
        <v>108238</v>
      </c>
      <c r="H30947" s="1" t="s">
        <v>108239</v>
      </c>
      <c r="I30947" s="1" t="s">
        <v>105238</v>
      </c>
      <c r="J30947" s="1" t="s">
        <v>108316</v>
      </c>
    </row>
    <row r="30948" spans="1:10" x14ac:dyDescent="0.35">
      <c r="A30948" s="1" t="s">
        <v>12028</v>
      </c>
      <c r="B30948" s="1" t="s">
        <v>105234</v>
      </c>
      <c r="C30948" s="1" t="s">
        <v>135</v>
      </c>
      <c r="D30948" s="1" t="s">
        <v>6824</v>
      </c>
      <c r="E30948" s="1" t="s">
        <v>108275</v>
      </c>
      <c r="F30948" s="1" t="s">
        <v>108317</v>
      </c>
      <c r="G30948" s="1" t="s">
        <v>108238</v>
      </c>
      <c r="H30948" s="1" t="s">
        <v>108239</v>
      </c>
      <c r="I30948" s="1" t="s">
        <v>105238</v>
      </c>
      <c r="J30948" s="1" t="s">
        <v>108318</v>
      </c>
    </row>
    <row r="30949" spans="1:10" x14ac:dyDescent="0.35">
      <c r="A30949" s="1" t="s">
        <v>12028</v>
      </c>
      <c r="B30949" s="1" t="s">
        <v>105234</v>
      </c>
      <c r="C30949" s="1" t="s">
        <v>140</v>
      </c>
      <c r="D30949" s="1" t="s">
        <v>108319</v>
      </c>
      <c r="E30949" s="1" t="s">
        <v>106199</v>
      </c>
      <c r="F30949" s="1" t="s">
        <v>108320</v>
      </c>
      <c r="G30949" s="1" t="s">
        <v>108238</v>
      </c>
      <c r="H30949" s="1" t="s">
        <v>108239</v>
      </c>
      <c r="I30949" s="1" t="s">
        <v>105238</v>
      </c>
      <c r="J30949" s="1" t="s">
        <v>108321</v>
      </c>
    </row>
    <row r="30950" spans="1:10" x14ac:dyDescent="0.35">
      <c r="A30950" s="1" t="s">
        <v>12028</v>
      </c>
      <c r="B30950" s="1" t="s">
        <v>105234</v>
      </c>
      <c r="C30950" s="1" t="s">
        <v>145</v>
      </c>
      <c r="D30950" s="1" t="s">
        <v>108322</v>
      </c>
      <c r="E30950" s="1" t="s">
        <v>81182</v>
      </c>
      <c r="F30950" s="1" t="s">
        <v>108323</v>
      </c>
      <c r="G30950" s="1" t="s">
        <v>108238</v>
      </c>
      <c r="H30950" s="1" t="s">
        <v>108239</v>
      </c>
      <c r="I30950" s="1" t="s">
        <v>105238</v>
      </c>
      <c r="J30950" s="1" t="s">
        <v>108324</v>
      </c>
    </row>
    <row r="30951" spans="1:10" x14ac:dyDescent="0.35">
      <c r="A30951" s="1" t="s">
        <v>12028</v>
      </c>
      <c r="B30951" s="1" t="s">
        <v>105234</v>
      </c>
      <c r="C30951" s="1" t="s">
        <v>150</v>
      </c>
      <c r="D30951" s="1" t="s">
        <v>13370</v>
      </c>
      <c r="E30951" s="1" t="s">
        <v>108325</v>
      </c>
      <c r="F30951" s="1" t="s">
        <v>108326</v>
      </c>
      <c r="G30951" s="1" t="s">
        <v>108238</v>
      </c>
      <c r="H30951" s="1" t="s">
        <v>108239</v>
      </c>
      <c r="I30951" s="1" t="s">
        <v>105238</v>
      </c>
      <c r="J30951" s="1" t="s">
        <v>108327</v>
      </c>
    </row>
    <row r="30952" spans="1:10" x14ac:dyDescent="0.35">
      <c r="A30952" s="1" t="s">
        <v>12028</v>
      </c>
      <c r="B30952" s="1" t="s">
        <v>105234</v>
      </c>
      <c r="C30952" s="1" t="s">
        <v>155</v>
      </c>
      <c r="D30952" s="1" t="s">
        <v>108328</v>
      </c>
      <c r="E30952" s="1" t="s">
        <v>108329</v>
      </c>
      <c r="F30952" s="1" t="s">
        <v>108330</v>
      </c>
      <c r="G30952" s="1" t="s">
        <v>108238</v>
      </c>
      <c r="H30952" s="1" t="s">
        <v>108239</v>
      </c>
      <c r="I30952" s="1" t="s">
        <v>105238</v>
      </c>
      <c r="J30952" s="1" t="s">
        <v>108331</v>
      </c>
    </row>
    <row r="30953" spans="1:10" x14ac:dyDescent="0.35">
      <c r="A30953" s="1" t="s">
        <v>12028</v>
      </c>
      <c r="B30953" s="1" t="s">
        <v>105234</v>
      </c>
      <c r="C30953" s="1" t="s">
        <v>160</v>
      </c>
      <c r="D30953" s="1" t="s">
        <v>108332</v>
      </c>
      <c r="E30953" s="1" t="s">
        <v>78863</v>
      </c>
      <c r="F30953" s="1" t="s">
        <v>41331</v>
      </c>
      <c r="G30953" s="1" t="s">
        <v>108238</v>
      </c>
      <c r="H30953" s="1" t="s">
        <v>108239</v>
      </c>
      <c r="I30953" s="1" t="s">
        <v>105238</v>
      </c>
      <c r="J30953" s="1" t="s">
        <v>108333</v>
      </c>
    </row>
    <row r="30954" spans="1:10" x14ac:dyDescent="0.35">
      <c r="A30954" s="1" t="s">
        <v>12028</v>
      </c>
      <c r="B30954" s="1" t="s">
        <v>105234</v>
      </c>
      <c r="C30954" s="1" t="s">
        <v>165</v>
      </c>
      <c r="D30954" s="1" t="s">
        <v>108334</v>
      </c>
      <c r="E30954" s="1" t="s">
        <v>49813</v>
      </c>
      <c r="F30954" s="1" t="s">
        <v>108335</v>
      </c>
      <c r="G30954" s="1" t="s">
        <v>108238</v>
      </c>
      <c r="H30954" s="1" t="s">
        <v>108239</v>
      </c>
      <c r="I30954" s="1" t="s">
        <v>105238</v>
      </c>
      <c r="J30954" s="1" t="s">
        <v>108336</v>
      </c>
    </row>
    <row r="30955" spans="1:10" x14ac:dyDescent="0.35">
      <c r="A30955" s="1" t="s">
        <v>12028</v>
      </c>
      <c r="B30955" s="1" t="s">
        <v>105234</v>
      </c>
      <c r="C30955" s="1" t="s">
        <v>170</v>
      </c>
      <c r="D30955" s="1" t="s">
        <v>60300</v>
      </c>
      <c r="E30955" s="1" t="s">
        <v>78852</v>
      </c>
      <c r="F30955" s="1" t="s">
        <v>56024</v>
      </c>
      <c r="G30955" s="1" t="s">
        <v>108238</v>
      </c>
      <c r="H30955" s="1" t="s">
        <v>108239</v>
      </c>
      <c r="I30955" s="1" t="s">
        <v>105238</v>
      </c>
      <c r="J30955" s="1" t="s">
        <v>108337</v>
      </c>
    </row>
    <row r="30956" spans="1:10" x14ac:dyDescent="0.35">
      <c r="A30956" s="1" t="s">
        <v>6286</v>
      </c>
      <c r="B30956" s="1" t="s">
        <v>105234</v>
      </c>
      <c r="C30956" s="1" t="s">
        <v>8</v>
      </c>
      <c r="D30956" s="1" t="s">
        <v>108338</v>
      </c>
      <c r="E30956" s="1" t="s">
        <v>108339</v>
      </c>
      <c r="F30956" s="1" t="s">
        <v>108340</v>
      </c>
      <c r="G30956" s="1" t="s">
        <v>108341</v>
      </c>
      <c r="H30956" s="1" t="s">
        <v>108342</v>
      </c>
      <c r="I30956" s="1" t="s">
        <v>105238</v>
      </c>
      <c r="J30956" s="1" t="s">
        <v>13</v>
      </c>
    </row>
    <row r="30957" spans="1:10" x14ac:dyDescent="0.35">
      <c r="A30957" s="1" t="s">
        <v>6286</v>
      </c>
      <c r="B30957" s="1" t="s">
        <v>105234</v>
      </c>
      <c r="C30957" s="1" t="s">
        <v>15</v>
      </c>
      <c r="D30957" s="1" t="s">
        <v>53069</v>
      </c>
      <c r="E30957" s="1" t="s">
        <v>108343</v>
      </c>
      <c r="F30957" s="1" t="s">
        <v>108344</v>
      </c>
      <c r="G30957" s="1" t="s">
        <v>108341</v>
      </c>
      <c r="H30957" s="1" t="s">
        <v>108342</v>
      </c>
      <c r="I30957" s="1" t="s">
        <v>105238</v>
      </c>
      <c r="J30957" s="1" t="s">
        <v>108345</v>
      </c>
    </row>
    <row r="30958" spans="1:10" x14ac:dyDescent="0.35">
      <c r="A30958" s="1" t="s">
        <v>6286</v>
      </c>
      <c r="B30958" s="1" t="s">
        <v>105234</v>
      </c>
      <c r="C30958" s="1" t="s">
        <v>20</v>
      </c>
      <c r="D30958" s="1" t="s">
        <v>108346</v>
      </c>
      <c r="E30958" s="1" t="s">
        <v>108347</v>
      </c>
      <c r="F30958" s="1" t="s">
        <v>108348</v>
      </c>
      <c r="G30958" s="1" t="s">
        <v>108341</v>
      </c>
      <c r="H30958" s="1" t="s">
        <v>108342</v>
      </c>
      <c r="I30958" s="1" t="s">
        <v>105238</v>
      </c>
      <c r="J30958" s="1" t="s">
        <v>108349</v>
      </c>
    </row>
    <row r="30959" spans="1:10" x14ac:dyDescent="0.35">
      <c r="A30959" s="1" t="s">
        <v>6286</v>
      </c>
      <c r="B30959" s="1" t="s">
        <v>105234</v>
      </c>
      <c r="C30959" s="1" t="s">
        <v>25</v>
      </c>
      <c r="D30959" s="1" t="s">
        <v>108350</v>
      </c>
      <c r="E30959" s="1" t="s">
        <v>108351</v>
      </c>
      <c r="F30959" s="1" t="s">
        <v>108352</v>
      </c>
      <c r="G30959" s="1" t="s">
        <v>108341</v>
      </c>
      <c r="H30959" s="1" t="s">
        <v>108342</v>
      </c>
      <c r="I30959" s="1" t="s">
        <v>105238</v>
      </c>
      <c r="J30959" s="1" t="s">
        <v>108353</v>
      </c>
    </row>
    <row r="30960" spans="1:10" x14ac:dyDescent="0.35">
      <c r="A30960" s="1" t="s">
        <v>6286</v>
      </c>
      <c r="B30960" s="1" t="s">
        <v>105234</v>
      </c>
      <c r="C30960" s="1" t="s">
        <v>30</v>
      </c>
      <c r="D30960" s="1" t="s">
        <v>108354</v>
      </c>
      <c r="E30960" s="1" t="s">
        <v>108355</v>
      </c>
      <c r="F30960" s="1" t="s">
        <v>108356</v>
      </c>
      <c r="G30960" s="1" t="s">
        <v>108341</v>
      </c>
      <c r="H30960" s="1" t="s">
        <v>108342</v>
      </c>
      <c r="I30960" s="1" t="s">
        <v>105238</v>
      </c>
      <c r="J30960" s="1" t="s">
        <v>108357</v>
      </c>
    </row>
    <row r="30961" spans="1:10" x14ac:dyDescent="0.35">
      <c r="A30961" s="1" t="s">
        <v>6286</v>
      </c>
      <c r="B30961" s="1" t="s">
        <v>105234</v>
      </c>
      <c r="C30961" s="1" t="s">
        <v>35</v>
      </c>
      <c r="D30961" s="1" t="s">
        <v>82515</v>
      </c>
      <c r="E30961" s="1" t="s">
        <v>108358</v>
      </c>
      <c r="F30961" s="1" t="s">
        <v>108359</v>
      </c>
      <c r="G30961" s="1" t="s">
        <v>108341</v>
      </c>
      <c r="H30961" s="1" t="s">
        <v>108342</v>
      </c>
      <c r="I30961" s="1" t="s">
        <v>105238</v>
      </c>
      <c r="J30961" s="1" t="s">
        <v>108360</v>
      </c>
    </row>
    <row r="30962" spans="1:10" x14ac:dyDescent="0.35">
      <c r="A30962" s="1" t="s">
        <v>6286</v>
      </c>
      <c r="B30962" s="1" t="s">
        <v>105234</v>
      </c>
      <c r="C30962" s="1" t="s">
        <v>40</v>
      </c>
      <c r="D30962" s="1" t="s">
        <v>108361</v>
      </c>
      <c r="E30962" s="1" t="s">
        <v>108362</v>
      </c>
      <c r="F30962" s="1" t="s">
        <v>108363</v>
      </c>
      <c r="G30962" s="1" t="s">
        <v>108341</v>
      </c>
      <c r="H30962" s="1" t="s">
        <v>108342</v>
      </c>
      <c r="I30962" s="1" t="s">
        <v>105238</v>
      </c>
      <c r="J30962" s="1" t="s">
        <v>108364</v>
      </c>
    </row>
    <row r="30963" spans="1:10" x14ac:dyDescent="0.35">
      <c r="A30963" s="1" t="s">
        <v>6286</v>
      </c>
      <c r="B30963" s="1" t="s">
        <v>105234</v>
      </c>
      <c r="C30963" s="1" t="s">
        <v>45</v>
      </c>
      <c r="D30963" s="1" t="s">
        <v>18115</v>
      </c>
      <c r="E30963" s="1" t="s">
        <v>108365</v>
      </c>
      <c r="F30963" s="1" t="s">
        <v>108366</v>
      </c>
      <c r="G30963" s="1" t="s">
        <v>108341</v>
      </c>
      <c r="H30963" s="1" t="s">
        <v>108342</v>
      </c>
      <c r="I30963" s="1" t="s">
        <v>105238</v>
      </c>
      <c r="J30963" s="1" t="s">
        <v>108367</v>
      </c>
    </row>
    <row r="30964" spans="1:10" x14ac:dyDescent="0.35">
      <c r="A30964" s="1" t="s">
        <v>6286</v>
      </c>
      <c r="B30964" s="1" t="s">
        <v>105234</v>
      </c>
      <c r="C30964" s="1" t="s">
        <v>50</v>
      </c>
      <c r="D30964" s="1" t="s">
        <v>97821</v>
      </c>
      <c r="E30964" s="1" t="s">
        <v>108368</v>
      </c>
      <c r="F30964" s="1" t="s">
        <v>108369</v>
      </c>
      <c r="G30964" s="1" t="s">
        <v>108341</v>
      </c>
      <c r="H30964" s="1" t="s">
        <v>108342</v>
      </c>
      <c r="I30964" s="1" t="s">
        <v>105238</v>
      </c>
      <c r="J30964" s="1" t="s">
        <v>108370</v>
      </c>
    </row>
    <row r="30965" spans="1:10" x14ac:dyDescent="0.35">
      <c r="A30965" s="1" t="s">
        <v>6286</v>
      </c>
      <c r="B30965" s="1" t="s">
        <v>105234</v>
      </c>
      <c r="C30965" s="1" t="s">
        <v>55</v>
      </c>
      <c r="D30965" s="1" t="s">
        <v>108371</v>
      </c>
      <c r="E30965" s="1" t="s">
        <v>108372</v>
      </c>
      <c r="F30965" s="1" t="s">
        <v>108373</v>
      </c>
      <c r="G30965" s="1" t="s">
        <v>108341</v>
      </c>
      <c r="H30965" s="1" t="s">
        <v>108342</v>
      </c>
      <c r="I30965" s="1" t="s">
        <v>105238</v>
      </c>
      <c r="J30965" s="1" t="s">
        <v>108374</v>
      </c>
    </row>
    <row r="30966" spans="1:10" x14ac:dyDescent="0.35">
      <c r="A30966" s="1" t="s">
        <v>6286</v>
      </c>
      <c r="B30966" s="1" t="s">
        <v>105234</v>
      </c>
      <c r="C30966" s="1" t="s">
        <v>60</v>
      </c>
      <c r="D30966" s="1" t="s">
        <v>45557</v>
      </c>
      <c r="E30966" s="1" t="s">
        <v>108375</v>
      </c>
      <c r="F30966" s="1" t="s">
        <v>108376</v>
      </c>
      <c r="G30966" s="1" t="s">
        <v>108341</v>
      </c>
      <c r="H30966" s="1" t="s">
        <v>108342</v>
      </c>
      <c r="I30966" s="1" t="s">
        <v>105238</v>
      </c>
      <c r="J30966" s="1" t="s">
        <v>108377</v>
      </c>
    </row>
    <row r="30967" spans="1:10" x14ac:dyDescent="0.35">
      <c r="A30967" s="1" t="s">
        <v>6286</v>
      </c>
      <c r="B30967" s="1" t="s">
        <v>105234</v>
      </c>
      <c r="C30967" s="1" t="s">
        <v>65</v>
      </c>
      <c r="D30967" s="1" t="s">
        <v>108378</v>
      </c>
      <c r="E30967" s="1" t="s">
        <v>108379</v>
      </c>
      <c r="F30967" s="1" t="s">
        <v>108380</v>
      </c>
      <c r="G30967" s="1" t="s">
        <v>108341</v>
      </c>
      <c r="H30967" s="1" t="s">
        <v>108342</v>
      </c>
      <c r="I30967" s="1" t="s">
        <v>105238</v>
      </c>
      <c r="J30967" s="1" t="s">
        <v>108381</v>
      </c>
    </row>
    <row r="30968" spans="1:10" x14ac:dyDescent="0.35">
      <c r="A30968" s="1" t="s">
        <v>6286</v>
      </c>
      <c r="B30968" s="1" t="s">
        <v>105234</v>
      </c>
      <c r="C30968" s="1" t="s">
        <v>70</v>
      </c>
      <c r="D30968" s="1" t="s">
        <v>54746</v>
      </c>
      <c r="E30968" s="1" t="s">
        <v>108382</v>
      </c>
      <c r="F30968" s="1" t="s">
        <v>108383</v>
      </c>
      <c r="G30968" s="1" t="s">
        <v>108341</v>
      </c>
      <c r="H30968" s="1" t="s">
        <v>108342</v>
      </c>
      <c r="I30968" s="1" t="s">
        <v>105238</v>
      </c>
      <c r="J30968" s="1" t="s">
        <v>108384</v>
      </c>
    </row>
    <row r="30969" spans="1:10" x14ac:dyDescent="0.35">
      <c r="A30969" s="1" t="s">
        <v>6286</v>
      </c>
      <c r="B30969" s="1" t="s">
        <v>105234</v>
      </c>
      <c r="C30969" s="1" t="s">
        <v>75</v>
      </c>
      <c r="D30969" s="1" t="s">
        <v>88210</v>
      </c>
      <c r="E30969" s="1" t="s">
        <v>108385</v>
      </c>
      <c r="F30969" s="1" t="s">
        <v>108386</v>
      </c>
      <c r="G30969" s="1" t="s">
        <v>108341</v>
      </c>
      <c r="H30969" s="1" t="s">
        <v>108342</v>
      </c>
      <c r="I30969" s="1" t="s">
        <v>105238</v>
      </c>
      <c r="J30969" s="1" t="s">
        <v>108387</v>
      </c>
    </row>
    <row r="30970" spans="1:10" x14ac:dyDescent="0.35">
      <c r="A30970" s="1" t="s">
        <v>6286</v>
      </c>
      <c r="B30970" s="1" t="s">
        <v>105234</v>
      </c>
      <c r="C30970" s="1" t="s">
        <v>80</v>
      </c>
      <c r="D30970" s="1" t="s">
        <v>108388</v>
      </c>
      <c r="E30970" s="1" t="s">
        <v>108389</v>
      </c>
      <c r="F30970" s="1" t="s">
        <v>108390</v>
      </c>
      <c r="G30970" s="1" t="s">
        <v>108341</v>
      </c>
      <c r="H30970" s="1" t="s">
        <v>108342</v>
      </c>
      <c r="I30970" s="1" t="s">
        <v>105238</v>
      </c>
      <c r="J30970" s="1" t="s">
        <v>108391</v>
      </c>
    </row>
    <row r="30971" spans="1:10" x14ac:dyDescent="0.35">
      <c r="A30971" s="1" t="s">
        <v>6286</v>
      </c>
      <c r="B30971" s="1" t="s">
        <v>105234</v>
      </c>
      <c r="C30971" s="1" t="s">
        <v>85</v>
      </c>
      <c r="D30971" s="1" t="s">
        <v>108392</v>
      </c>
      <c r="E30971" s="1" t="s">
        <v>108393</v>
      </c>
      <c r="F30971" s="1" t="s">
        <v>108394</v>
      </c>
      <c r="G30971" s="1" t="s">
        <v>108341</v>
      </c>
      <c r="H30971" s="1" t="s">
        <v>108342</v>
      </c>
      <c r="I30971" s="1" t="s">
        <v>105238</v>
      </c>
      <c r="J30971" s="1" t="s">
        <v>108395</v>
      </c>
    </row>
    <row r="30972" spans="1:10" x14ac:dyDescent="0.35">
      <c r="A30972" s="1" t="s">
        <v>6286</v>
      </c>
      <c r="B30972" s="1" t="s">
        <v>105234</v>
      </c>
      <c r="C30972" s="1" t="s">
        <v>90</v>
      </c>
      <c r="D30972" s="1" t="s">
        <v>108396</v>
      </c>
      <c r="E30972" s="1" t="s">
        <v>108397</v>
      </c>
      <c r="F30972" s="1" t="s">
        <v>108398</v>
      </c>
      <c r="G30972" s="1" t="s">
        <v>108341</v>
      </c>
      <c r="H30972" s="1" t="s">
        <v>108342</v>
      </c>
      <c r="I30972" s="1" t="s">
        <v>105238</v>
      </c>
      <c r="J30972" s="1" t="s">
        <v>108399</v>
      </c>
    </row>
    <row r="30973" spans="1:10" x14ac:dyDescent="0.35">
      <c r="A30973" s="1" t="s">
        <v>6286</v>
      </c>
      <c r="B30973" s="1" t="s">
        <v>105234</v>
      </c>
      <c r="C30973" s="1" t="s">
        <v>95</v>
      </c>
      <c r="D30973" s="1" t="s">
        <v>108400</v>
      </c>
      <c r="E30973" s="1" t="s">
        <v>108401</v>
      </c>
      <c r="F30973" s="1" t="s">
        <v>108402</v>
      </c>
      <c r="G30973" s="1" t="s">
        <v>108341</v>
      </c>
      <c r="H30973" s="1" t="s">
        <v>108342</v>
      </c>
      <c r="I30973" s="1" t="s">
        <v>105238</v>
      </c>
      <c r="J30973" s="1" t="s">
        <v>108403</v>
      </c>
    </row>
    <row r="30974" spans="1:10" x14ac:dyDescent="0.35">
      <c r="A30974" s="1" t="s">
        <v>6286</v>
      </c>
      <c r="B30974" s="1" t="s">
        <v>105234</v>
      </c>
      <c r="C30974" s="1" t="s">
        <v>100</v>
      </c>
      <c r="D30974" s="1" t="s">
        <v>23449</v>
      </c>
      <c r="E30974" s="1" t="s">
        <v>108404</v>
      </c>
      <c r="F30974" s="1" t="s">
        <v>108405</v>
      </c>
      <c r="G30974" s="1" t="s">
        <v>108341</v>
      </c>
      <c r="H30974" s="1" t="s">
        <v>108342</v>
      </c>
      <c r="I30974" s="1" t="s">
        <v>105238</v>
      </c>
      <c r="J30974" s="1" t="s">
        <v>108406</v>
      </c>
    </row>
    <row r="30975" spans="1:10" x14ac:dyDescent="0.35">
      <c r="A30975" s="1" t="s">
        <v>6286</v>
      </c>
      <c r="B30975" s="1" t="s">
        <v>105234</v>
      </c>
      <c r="C30975" s="1" t="s">
        <v>105</v>
      </c>
      <c r="D30975" s="1" t="s">
        <v>108407</v>
      </c>
      <c r="E30975" s="1" t="s">
        <v>108408</v>
      </c>
      <c r="F30975" s="1" t="s">
        <v>108409</v>
      </c>
      <c r="G30975" s="1" t="s">
        <v>108341</v>
      </c>
      <c r="H30975" s="1" t="s">
        <v>108342</v>
      </c>
      <c r="I30975" s="1" t="s">
        <v>105238</v>
      </c>
      <c r="J30975" s="1" t="s">
        <v>108410</v>
      </c>
    </row>
    <row r="30976" spans="1:10" x14ac:dyDescent="0.35">
      <c r="A30976" s="1" t="s">
        <v>6286</v>
      </c>
      <c r="B30976" s="1" t="s">
        <v>105234</v>
      </c>
      <c r="C30976" s="1" t="s">
        <v>110</v>
      </c>
      <c r="D30976" s="1" t="s">
        <v>108411</v>
      </c>
      <c r="E30976" s="1" t="s">
        <v>108412</v>
      </c>
      <c r="F30976" s="1" t="s">
        <v>108413</v>
      </c>
      <c r="G30976" s="1" t="s">
        <v>108341</v>
      </c>
      <c r="H30976" s="1" t="s">
        <v>108342</v>
      </c>
      <c r="I30976" s="1" t="s">
        <v>105238</v>
      </c>
      <c r="J30976" s="1" t="s">
        <v>108414</v>
      </c>
    </row>
    <row r="30977" spans="1:10" x14ac:dyDescent="0.35">
      <c r="A30977" s="1" t="s">
        <v>6286</v>
      </c>
      <c r="B30977" s="1" t="s">
        <v>105234</v>
      </c>
      <c r="C30977" s="1" t="s">
        <v>115</v>
      </c>
      <c r="D30977" s="1" t="s">
        <v>108415</v>
      </c>
      <c r="E30977" s="1" t="s">
        <v>108416</v>
      </c>
      <c r="F30977" s="1" t="s">
        <v>108417</v>
      </c>
      <c r="G30977" s="1" t="s">
        <v>108341</v>
      </c>
      <c r="H30977" s="1" t="s">
        <v>108342</v>
      </c>
      <c r="I30977" s="1" t="s">
        <v>105238</v>
      </c>
      <c r="J30977" s="1" t="s">
        <v>108418</v>
      </c>
    </row>
    <row r="30978" spans="1:10" x14ac:dyDescent="0.35">
      <c r="A30978" s="1" t="s">
        <v>6286</v>
      </c>
      <c r="B30978" s="1" t="s">
        <v>105234</v>
      </c>
      <c r="C30978" s="1" t="s">
        <v>120</v>
      </c>
      <c r="D30978" s="1" t="s">
        <v>108419</v>
      </c>
      <c r="E30978" s="1" t="s">
        <v>108420</v>
      </c>
      <c r="F30978" s="1" t="s">
        <v>108421</v>
      </c>
      <c r="G30978" s="1" t="s">
        <v>108341</v>
      </c>
      <c r="H30978" s="1" t="s">
        <v>108342</v>
      </c>
      <c r="I30978" s="1" t="s">
        <v>105238</v>
      </c>
      <c r="J30978" s="1" t="s">
        <v>108422</v>
      </c>
    </row>
    <row r="30979" spans="1:10" x14ac:dyDescent="0.35">
      <c r="A30979" s="1" t="s">
        <v>6286</v>
      </c>
      <c r="B30979" s="1" t="s">
        <v>105234</v>
      </c>
      <c r="C30979" s="1" t="s">
        <v>125</v>
      </c>
      <c r="D30979" s="1" t="s">
        <v>108423</v>
      </c>
      <c r="E30979" s="1" t="s">
        <v>108424</v>
      </c>
      <c r="F30979" s="1" t="s">
        <v>108425</v>
      </c>
      <c r="G30979" s="1" t="s">
        <v>108341</v>
      </c>
      <c r="H30979" s="1" t="s">
        <v>108342</v>
      </c>
      <c r="I30979" s="1" t="s">
        <v>105238</v>
      </c>
      <c r="J30979" s="1" t="s">
        <v>108426</v>
      </c>
    </row>
    <row r="30980" spans="1:10" x14ac:dyDescent="0.35">
      <c r="A30980" s="1" t="s">
        <v>6286</v>
      </c>
      <c r="B30980" s="1" t="s">
        <v>105234</v>
      </c>
      <c r="C30980" s="1" t="s">
        <v>130</v>
      </c>
      <c r="D30980" s="1" t="s">
        <v>108427</v>
      </c>
      <c r="E30980" s="1" t="s">
        <v>108428</v>
      </c>
      <c r="F30980" s="1" t="s">
        <v>108429</v>
      </c>
      <c r="G30980" s="1" t="s">
        <v>108341</v>
      </c>
      <c r="H30980" s="1" t="s">
        <v>108342</v>
      </c>
      <c r="I30980" s="1" t="s">
        <v>105238</v>
      </c>
      <c r="J30980" s="1" t="s">
        <v>108430</v>
      </c>
    </row>
    <row r="30981" spans="1:10" x14ac:dyDescent="0.35">
      <c r="A30981" s="1" t="s">
        <v>6286</v>
      </c>
      <c r="B30981" s="1" t="s">
        <v>105234</v>
      </c>
      <c r="C30981" s="1" t="s">
        <v>135</v>
      </c>
      <c r="D30981" s="1" t="s">
        <v>98388</v>
      </c>
      <c r="E30981" s="1" t="s">
        <v>108431</v>
      </c>
      <c r="F30981" s="1" t="s">
        <v>108432</v>
      </c>
      <c r="G30981" s="1" t="s">
        <v>108341</v>
      </c>
      <c r="H30981" s="1" t="s">
        <v>108342</v>
      </c>
      <c r="I30981" s="1" t="s">
        <v>105238</v>
      </c>
      <c r="J30981" s="1" t="s">
        <v>108433</v>
      </c>
    </row>
    <row r="30982" spans="1:10" x14ac:dyDescent="0.35">
      <c r="A30982" s="1" t="s">
        <v>6286</v>
      </c>
      <c r="B30982" s="1" t="s">
        <v>105234</v>
      </c>
      <c r="C30982" s="1" t="s">
        <v>140</v>
      </c>
      <c r="D30982" s="1" t="s">
        <v>108434</v>
      </c>
      <c r="E30982" s="1" t="s">
        <v>108435</v>
      </c>
      <c r="F30982" s="1" t="s">
        <v>108436</v>
      </c>
      <c r="G30982" s="1" t="s">
        <v>108341</v>
      </c>
      <c r="H30982" s="1" t="s">
        <v>108342</v>
      </c>
      <c r="I30982" s="1" t="s">
        <v>105238</v>
      </c>
      <c r="J30982" s="1" t="s">
        <v>108437</v>
      </c>
    </row>
    <row r="30983" spans="1:10" x14ac:dyDescent="0.35">
      <c r="A30983" s="1" t="s">
        <v>6286</v>
      </c>
      <c r="B30983" s="1" t="s">
        <v>105234</v>
      </c>
      <c r="C30983" s="1" t="s">
        <v>145</v>
      </c>
      <c r="D30983" s="1" t="s">
        <v>108438</v>
      </c>
      <c r="E30983" s="1" t="s">
        <v>108439</v>
      </c>
      <c r="F30983" s="1" t="s">
        <v>108440</v>
      </c>
      <c r="G30983" s="1" t="s">
        <v>108341</v>
      </c>
      <c r="H30983" s="1" t="s">
        <v>108342</v>
      </c>
      <c r="I30983" s="1" t="s">
        <v>105238</v>
      </c>
      <c r="J30983" s="1" t="s">
        <v>108441</v>
      </c>
    </row>
    <row r="30984" spans="1:10" x14ac:dyDescent="0.35">
      <c r="A30984" s="1" t="s">
        <v>6286</v>
      </c>
      <c r="B30984" s="1" t="s">
        <v>105234</v>
      </c>
      <c r="C30984" s="1" t="s">
        <v>150</v>
      </c>
      <c r="D30984" s="1" t="s">
        <v>60292</v>
      </c>
      <c r="E30984" s="1" t="s">
        <v>108442</v>
      </c>
      <c r="F30984" s="1" t="s">
        <v>108443</v>
      </c>
      <c r="G30984" s="1" t="s">
        <v>108341</v>
      </c>
      <c r="H30984" s="1" t="s">
        <v>108342</v>
      </c>
      <c r="I30984" s="1" t="s">
        <v>105238</v>
      </c>
      <c r="J30984" s="1" t="s">
        <v>108444</v>
      </c>
    </row>
    <row r="30985" spans="1:10" x14ac:dyDescent="0.35">
      <c r="A30985" s="1" t="s">
        <v>6286</v>
      </c>
      <c r="B30985" s="1" t="s">
        <v>105234</v>
      </c>
      <c r="C30985" s="1" t="s">
        <v>155</v>
      </c>
      <c r="D30985" s="1" t="s">
        <v>67888</v>
      </c>
      <c r="E30985" s="1" t="s">
        <v>108445</v>
      </c>
      <c r="F30985" s="1" t="s">
        <v>108446</v>
      </c>
      <c r="G30985" s="1" t="s">
        <v>108341</v>
      </c>
      <c r="H30985" s="1" t="s">
        <v>108342</v>
      </c>
      <c r="I30985" s="1" t="s">
        <v>105238</v>
      </c>
      <c r="J30985" s="1" t="s">
        <v>108447</v>
      </c>
    </row>
    <row r="30986" spans="1:10" x14ac:dyDescent="0.35">
      <c r="A30986" s="1" t="s">
        <v>6286</v>
      </c>
      <c r="B30986" s="1" t="s">
        <v>105234</v>
      </c>
      <c r="C30986" s="1" t="s">
        <v>160</v>
      </c>
      <c r="D30986" s="1" t="s">
        <v>83262</v>
      </c>
      <c r="E30986" s="1" t="s">
        <v>108448</v>
      </c>
      <c r="F30986" s="1" t="s">
        <v>108449</v>
      </c>
      <c r="G30986" s="1" t="s">
        <v>108341</v>
      </c>
      <c r="H30986" s="1" t="s">
        <v>108342</v>
      </c>
      <c r="I30986" s="1" t="s">
        <v>105238</v>
      </c>
      <c r="J30986" s="1" t="s">
        <v>108450</v>
      </c>
    </row>
    <row r="30987" spans="1:10" x14ac:dyDescent="0.35">
      <c r="A30987" s="1" t="s">
        <v>6286</v>
      </c>
      <c r="B30987" s="1" t="s">
        <v>105234</v>
      </c>
      <c r="C30987" s="1" t="s">
        <v>165</v>
      </c>
      <c r="D30987" s="1" t="s">
        <v>108451</v>
      </c>
      <c r="E30987" s="1" t="s">
        <v>108452</v>
      </c>
      <c r="F30987" s="1" t="s">
        <v>108453</v>
      </c>
      <c r="G30987" s="1" t="s">
        <v>108341</v>
      </c>
      <c r="H30987" s="1" t="s">
        <v>108342</v>
      </c>
      <c r="I30987" s="1" t="s">
        <v>105238</v>
      </c>
      <c r="J30987" s="1" t="s">
        <v>108454</v>
      </c>
    </row>
    <row r="30988" spans="1:10" x14ac:dyDescent="0.35">
      <c r="A30988" s="1" t="s">
        <v>6286</v>
      </c>
      <c r="B30988" s="1" t="s">
        <v>105234</v>
      </c>
      <c r="C30988" s="1" t="s">
        <v>170</v>
      </c>
      <c r="D30988" s="1" t="s">
        <v>19471</v>
      </c>
      <c r="E30988" s="1" t="s">
        <v>108455</v>
      </c>
      <c r="F30988" s="1" t="s">
        <v>108456</v>
      </c>
      <c r="G30988" s="1" t="s">
        <v>108341</v>
      </c>
      <c r="H30988" s="1" t="s">
        <v>108342</v>
      </c>
      <c r="I30988" s="1" t="s">
        <v>105238</v>
      </c>
      <c r="J30988" s="1" t="s">
        <v>108457</v>
      </c>
    </row>
    <row r="30989" spans="1:10" x14ac:dyDescent="0.35">
      <c r="A30989" s="1" t="s">
        <v>108458</v>
      </c>
      <c r="B30989" s="1" t="s">
        <v>105234</v>
      </c>
      <c r="C30989" s="1" t="s">
        <v>8</v>
      </c>
      <c r="D30989" s="1" t="s">
        <v>108459</v>
      </c>
      <c r="E30989" s="1" t="s">
        <v>108460</v>
      </c>
      <c r="F30989" s="1" t="s">
        <v>108461</v>
      </c>
      <c r="G30989" s="1" t="s">
        <v>108462</v>
      </c>
      <c r="H30989" s="1" t="s">
        <v>108463</v>
      </c>
      <c r="I30989" s="1" t="s">
        <v>105238</v>
      </c>
      <c r="J30989" s="1" t="s">
        <v>13</v>
      </c>
    </row>
    <row r="30990" spans="1:10" x14ac:dyDescent="0.35">
      <c r="A30990" s="1" t="s">
        <v>108458</v>
      </c>
      <c r="B30990" s="1" t="s">
        <v>105234</v>
      </c>
      <c r="C30990" s="1" t="s">
        <v>15</v>
      </c>
      <c r="D30990" s="1" t="s">
        <v>108464</v>
      </c>
      <c r="E30990" s="1" t="s">
        <v>108465</v>
      </c>
      <c r="F30990" s="1" t="s">
        <v>108466</v>
      </c>
      <c r="G30990" s="1" t="s">
        <v>108462</v>
      </c>
      <c r="H30990" s="1" t="s">
        <v>108463</v>
      </c>
      <c r="I30990" s="1" t="s">
        <v>105238</v>
      </c>
      <c r="J30990" s="1" t="s">
        <v>108467</v>
      </c>
    </row>
    <row r="30991" spans="1:10" x14ac:dyDescent="0.35">
      <c r="A30991" s="1" t="s">
        <v>108458</v>
      </c>
      <c r="B30991" s="1" t="s">
        <v>105234</v>
      </c>
      <c r="C30991" s="1" t="s">
        <v>20</v>
      </c>
      <c r="D30991" s="1" t="s">
        <v>108468</v>
      </c>
      <c r="E30991" s="1" t="s">
        <v>108469</v>
      </c>
      <c r="F30991" s="1" t="s">
        <v>108470</v>
      </c>
      <c r="G30991" s="1" t="s">
        <v>108462</v>
      </c>
      <c r="H30991" s="1" t="s">
        <v>108463</v>
      </c>
      <c r="I30991" s="1" t="s">
        <v>105238</v>
      </c>
      <c r="J30991" s="1" t="s">
        <v>108471</v>
      </c>
    </row>
    <row r="30992" spans="1:10" x14ac:dyDescent="0.35">
      <c r="A30992" s="1" t="s">
        <v>108458</v>
      </c>
      <c r="B30992" s="1" t="s">
        <v>105234</v>
      </c>
      <c r="C30992" s="1" t="s">
        <v>25</v>
      </c>
      <c r="D30992" s="1" t="s">
        <v>108472</v>
      </c>
      <c r="E30992" s="1" t="s">
        <v>108473</v>
      </c>
      <c r="F30992" s="1" t="s">
        <v>108474</v>
      </c>
      <c r="G30992" s="1" t="s">
        <v>108462</v>
      </c>
      <c r="H30992" s="1" t="s">
        <v>108463</v>
      </c>
      <c r="I30992" s="1" t="s">
        <v>105238</v>
      </c>
      <c r="J30992" s="1" t="s">
        <v>108475</v>
      </c>
    </row>
    <row r="30993" spans="1:10" x14ac:dyDescent="0.35">
      <c r="A30993" s="1" t="s">
        <v>108458</v>
      </c>
      <c r="B30993" s="1" t="s">
        <v>105234</v>
      </c>
      <c r="C30993" s="1" t="s">
        <v>30</v>
      </c>
      <c r="D30993" s="1" t="s">
        <v>108476</v>
      </c>
      <c r="E30993" s="1" t="s">
        <v>108477</v>
      </c>
      <c r="F30993" s="1" t="s">
        <v>108478</v>
      </c>
      <c r="G30993" s="1" t="s">
        <v>108462</v>
      </c>
      <c r="H30993" s="1" t="s">
        <v>108463</v>
      </c>
      <c r="I30993" s="1" t="s">
        <v>105238</v>
      </c>
      <c r="J30993" s="1" t="s">
        <v>108479</v>
      </c>
    </row>
    <row r="30994" spans="1:10" x14ac:dyDescent="0.35">
      <c r="A30994" s="1" t="s">
        <v>108458</v>
      </c>
      <c r="B30994" s="1" t="s">
        <v>105234</v>
      </c>
      <c r="C30994" s="1" t="s">
        <v>35</v>
      </c>
      <c r="D30994" s="1" t="s">
        <v>108480</v>
      </c>
      <c r="E30994" s="1" t="s">
        <v>108481</v>
      </c>
      <c r="F30994" s="1" t="s">
        <v>108482</v>
      </c>
      <c r="G30994" s="1" t="s">
        <v>108462</v>
      </c>
      <c r="H30994" s="1" t="s">
        <v>108463</v>
      </c>
      <c r="I30994" s="1" t="s">
        <v>105238</v>
      </c>
      <c r="J30994" s="1" t="s">
        <v>108483</v>
      </c>
    </row>
    <row r="30995" spans="1:10" x14ac:dyDescent="0.35">
      <c r="A30995" s="1" t="s">
        <v>108458</v>
      </c>
      <c r="B30995" s="1" t="s">
        <v>105234</v>
      </c>
      <c r="C30995" s="1" t="s">
        <v>40</v>
      </c>
      <c r="D30995" s="1" t="s">
        <v>61810</v>
      </c>
      <c r="E30995" s="1" t="s">
        <v>108484</v>
      </c>
      <c r="F30995" s="1" t="s">
        <v>108485</v>
      </c>
      <c r="G30995" s="1" t="s">
        <v>108462</v>
      </c>
      <c r="H30995" s="1" t="s">
        <v>108463</v>
      </c>
      <c r="I30995" s="1" t="s">
        <v>105238</v>
      </c>
      <c r="J30995" s="1" t="s">
        <v>108486</v>
      </c>
    </row>
    <row r="30996" spans="1:10" x14ac:dyDescent="0.35">
      <c r="A30996" s="1" t="s">
        <v>108458</v>
      </c>
      <c r="B30996" s="1" t="s">
        <v>105234</v>
      </c>
      <c r="C30996" s="1" t="s">
        <v>45</v>
      </c>
      <c r="D30996" s="1" t="s">
        <v>34239</v>
      </c>
      <c r="E30996" s="1" t="s">
        <v>108487</v>
      </c>
      <c r="F30996" s="1" t="s">
        <v>108488</v>
      </c>
      <c r="G30996" s="1" t="s">
        <v>108462</v>
      </c>
      <c r="H30996" s="1" t="s">
        <v>108463</v>
      </c>
      <c r="I30996" s="1" t="s">
        <v>105238</v>
      </c>
      <c r="J30996" s="1" t="s">
        <v>108489</v>
      </c>
    </row>
    <row r="30997" spans="1:10" x14ac:dyDescent="0.35">
      <c r="A30997" s="1" t="s">
        <v>108458</v>
      </c>
      <c r="B30997" s="1" t="s">
        <v>105234</v>
      </c>
      <c r="C30997" s="1" t="s">
        <v>50</v>
      </c>
      <c r="D30997" s="1" t="s">
        <v>108490</v>
      </c>
      <c r="E30997" s="1" t="s">
        <v>108491</v>
      </c>
      <c r="F30997" s="1" t="s">
        <v>108492</v>
      </c>
      <c r="G30997" s="1" t="s">
        <v>108462</v>
      </c>
      <c r="H30997" s="1" t="s">
        <v>108463</v>
      </c>
      <c r="I30997" s="1" t="s">
        <v>105238</v>
      </c>
      <c r="J30997" s="1" t="s">
        <v>108493</v>
      </c>
    </row>
    <row r="30998" spans="1:10" x14ac:dyDescent="0.35">
      <c r="A30998" s="1" t="s">
        <v>108458</v>
      </c>
      <c r="B30998" s="1" t="s">
        <v>105234</v>
      </c>
      <c r="C30998" s="1" t="s">
        <v>55</v>
      </c>
      <c r="D30998" s="1" t="s">
        <v>108494</v>
      </c>
      <c r="E30998" s="1" t="s">
        <v>108495</v>
      </c>
      <c r="F30998" s="1" t="s">
        <v>108496</v>
      </c>
      <c r="G30998" s="1" t="s">
        <v>108462</v>
      </c>
      <c r="H30998" s="1" t="s">
        <v>108463</v>
      </c>
      <c r="I30998" s="1" t="s">
        <v>105238</v>
      </c>
      <c r="J30998" s="1" t="s">
        <v>108497</v>
      </c>
    </row>
    <row r="30999" spans="1:10" x14ac:dyDescent="0.35">
      <c r="A30999" s="1" t="s">
        <v>108458</v>
      </c>
      <c r="B30999" s="1" t="s">
        <v>105234</v>
      </c>
      <c r="C30999" s="1" t="s">
        <v>60</v>
      </c>
      <c r="D30999" s="1" t="s">
        <v>22498</v>
      </c>
      <c r="E30999" s="1" t="s">
        <v>108498</v>
      </c>
      <c r="F30999" s="1" t="s">
        <v>108499</v>
      </c>
      <c r="G30999" s="1" t="s">
        <v>108462</v>
      </c>
      <c r="H30999" s="1" t="s">
        <v>108463</v>
      </c>
      <c r="I30999" s="1" t="s">
        <v>105238</v>
      </c>
      <c r="J30999" s="1" t="s">
        <v>108500</v>
      </c>
    </row>
    <row r="31000" spans="1:10" x14ac:dyDescent="0.35">
      <c r="A31000" s="1" t="s">
        <v>108458</v>
      </c>
      <c r="B31000" s="1" t="s">
        <v>105234</v>
      </c>
      <c r="C31000" s="1" t="s">
        <v>65</v>
      </c>
      <c r="D31000" s="1" t="s">
        <v>108501</v>
      </c>
      <c r="E31000" s="1" t="s">
        <v>108502</v>
      </c>
      <c r="F31000" s="1" t="s">
        <v>108503</v>
      </c>
      <c r="G31000" s="1" t="s">
        <v>108462</v>
      </c>
      <c r="H31000" s="1" t="s">
        <v>108463</v>
      </c>
      <c r="I31000" s="1" t="s">
        <v>105238</v>
      </c>
      <c r="J31000" s="1" t="s">
        <v>108504</v>
      </c>
    </row>
    <row r="31001" spans="1:10" x14ac:dyDescent="0.35">
      <c r="A31001" s="1" t="s">
        <v>108458</v>
      </c>
      <c r="B31001" s="1" t="s">
        <v>105234</v>
      </c>
      <c r="C31001" s="1" t="s">
        <v>70</v>
      </c>
      <c r="D31001" s="1" t="s">
        <v>39725</v>
      </c>
      <c r="E31001" s="1" t="s">
        <v>108505</v>
      </c>
      <c r="F31001" s="1" t="s">
        <v>108506</v>
      </c>
      <c r="G31001" s="1" t="s">
        <v>108462</v>
      </c>
      <c r="H31001" s="1" t="s">
        <v>108463</v>
      </c>
      <c r="I31001" s="1" t="s">
        <v>105238</v>
      </c>
      <c r="J31001" s="1" t="s">
        <v>108507</v>
      </c>
    </row>
    <row r="31002" spans="1:10" x14ac:dyDescent="0.35">
      <c r="A31002" s="1" t="s">
        <v>108458</v>
      </c>
      <c r="B31002" s="1" t="s">
        <v>105234</v>
      </c>
      <c r="C31002" s="1" t="s">
        <v>75</v>
      </c>
      <c r="D31002" s="1" t="s">
        <v>108508</v>
      </c>
      <c r="E31002" s="1" t="s">
        <v>108509</v>
      </c>
      <c r="F31002" s="1" t="s">
        <v>108510</v>
      </c>
      <c r="G31002" s="1" t="s">
        <v>108462</v>
      </c>
      <c r="H31002" s="1" t="s">
        <v>108463</v>
      </c>
      <c r="I31002" s="1" t="s">
        <v>105238</v>
      </c>
      <c r="J31002" s="1" t="s">
        <v>108511</v>
      </c>
    </row>
    <row r="31003" spans="1:10" x14ac:dyDescent="0.35">
      <c r="A31003" s="1" t="s">
        <v>108458</v>
      </c>
      <c r="B31003" s="1" t="s">
        <v>105234</v>
      </c>
      <c r="C31003" s="1" t="s">
        <v>80</v>
      </c>
      <c r="D31003" s="1" t="s">
        <v>108512</v>
      </c>
      <c r="E31003" s="1" t="s">
        <v>108513</v>
      </c>
      <c r="F31003" s="1" t="s">
        <v>108514</v>
      </c>
      <c r="G31003" s="1" t="s">
        <v>108462</v>
      </c>
      <c r="H31003" s="1" t="s">
        <v>108463</v>
      </c>
      <c r="I31003" s="1" t="s">
        <v>105238</v>
      </c>
      <c r="J31003" s="1" t="s">
        <v>108515</v>
      </c>
    </row>
    <row r="31004" spans="1:10" x14ac:dyDescent="0.35">
      <c r="A31004" s="1" t="s">
        <v>108458</v>
      </c>
      <c r="B31004" s="1" t="s">
        <v>105234</v>
      </c>
      <c r="C31004" s="1" t="s">
        <v>85</v>
      </c>
      <c r="D31004" s="1" t="s">
        <v>103037</v>
      </c>
      <c r="E31004" s="1" t="s">
        <v>108516</v>
      </c>
      <c r="F31004" s="1" t="s">
        <v>108517</v>
      </c>
      <c r="G31004" s="1" t="s">
        <v>108462</v>
      </c>
      <c r="H31004" s="1" t="s">
        <v>108463</v>
      </c>
      <c r="I31004" s="1" t="s">
        <v>105238</v>
      </c>
      <c r="J31004" s="1" t="s">
        <v>108518</v>
      </c>
    </row>
    <row r="31005" spans="1:10" x14ac:dyDescent="0.35">
      <c r="A31005" s="1" t="s">
        <v>108458</v>
      </c>
      <c r="B31005" s="1" t="s">
        <v>105234</v>
      </c>
      <c r="C31005" s="1" t="s">
        <v>90</v>
      </c>
      <c r="D31005" s="1" t="s">
        <v>108519</v>
      </c>
      <c r="E31005" s="1" t="s">
        <v>108520</v>
      </c>
      <c r="F31005" s="1" t="s">
        <v>108521</v>
      </c>
      <c r="G31005" s="1" t="s">
        <v>108462</v>
      </c>
      <c r="H31005" s="1" t="s">
        <v>108463</v>
      </c>
      <c r="I31005" s="1" t="s">
        <v>105238</v>
      </c>
      <c r="J31005" s="1" t="s">
        <v>108522</v>
      </c>
    </row>
    <row r="31006" spans="1:10" x14ac:dyDescent="0.35">
      <c r="A31006" s="1" t="s">
        <v>108458</v>
      </c>
      <c r="B31006" s="1" t="s">
        <v>105234</v>
      </c>
      <c r="C31006" s="1" t="s">
        <v>95</v>
      </c>
      <c r="D31006" s="1" t="s">
        <v>108523</v>
      </c>
      <c r="E31006" s="1" t="s">
        <v>108524</v>
      </c>
      <c r="F31006" s="1" t="s">
        <v>108525</v>
      </c>
      <c r="G31006" s="1" t="s">
        <v>108462</v>
      </c>
      <c r="H31006" s="1" t="s">
        <v>108463</v>
      </c>
      <c r="I31006" s="1" t="s">
        <v>105238</v>
      </c>
      <c r="J31006" s="1" t="s">
        <v>108526</v>
      </c>
    </row>
    <row r="31007" spans="1:10" x14ac:dyDescent="0.35">
      <c r="A31007" s="1" t="s">
        <v>108458</v>
      </c>
      <c r="B31007" s="1" t="s">
        <v>105234</v>
      </c>
      <c r="C31007" s="1" t="s">
        <v>100</v>
      </c>
      <c r="D31007" s="1" t="s">
        <v>68812</v>
      </c>
      <c r="E31007" s="1" t="s">
        <v>108527</v>
      </c>
      <c r="F31007" s="1" t="s">
        <v>108528</v>
      </c>
      <c r="G31007" s="1" t="s">
        <v>108462</v>
      </c>
      <c r="H31007" s="1" t="s">
        <v>108463</v>
      </c>
      <c r="I31007" s="1" t="s">
        <v>105238</v>
      </c>
      <c r="J31007" s="1" t="s">
        <v>108529</v>
      </c>
    </row>
    <row r="31008" spans="1:10" x14ac:dyDescent="0.35">
      <c r="A31008" s="1" t="s">
        <v>108458</v>
      </c>
      <c r="B31008" s="1" t="s">
        <v>105234</v>
      </c>
      <c r="C31008" s="1" t="s">
        <v>105</v>
      </c>
      <c r="D31008" s="1" t="s">
        <v>61716</v>
      </c>
      <c r="E31008" s="1" t="s">
        <v>108530</v>
      </c>
      <c r="F31008" s="1" t="s">
        <v>108531</v>
      </c>
      <c r="G31008" s="1" t="s">
        <v>108462</v>
      </c>
      <c r="H31008" s="1" t="s">
        <v>108463</v>
      </c>
      <c r="I31008" s="1" t="s">
        <v>105238</v>
      </c>
      <c r="J31008" s="1" t="s">
        <v>108532</v>
      </c>
    </row>
    <row r="31009" spans="1:10" x14ac:dyDescent="0.35">
      <c r="A31009" s="1" t="s">
        <v>108458</v>
      </c>
      <c r="B31009" s="1" t="s">
        <v>105234</v>
      </c>
      <c r="C31009" s="1" t="s">
        <v>110</v>
      </c>
      <c r="D31009" s="1" t="s">
        <v>108533</v>
      </c>
      <c r="E31009" s="1" t="s">
        <v>108534</v>
      </c>
      <c r="F31009" s="1" t="s">
        <v>30540</v>
      </c>
      <c r="G31009" s="1" t="s">
        <v>108462</v>
      </c>
      <c r="H31009" s="1" t="s">
        <v>108463</v>
      </c>
      <c r="I31009" s="1" t="s">
        <v>105238</v>
      </c>
      <c r="J31009" s="1" t="s">
        <v>108535</v>
      </c>
    </row>
    <row r="31010" spans="1:10" x14ac:dyDescent="0.35">
      <c r="A31010" s="1" t="s">
        <v>108458</v>
      </c>
      <c r="B31010" s="1" t="s">
        <v>105234</v>
      </c>
      <c r="C31010" s="1" t="s">
        <v>115</v>
      </c>
      <c r="D31010" s="1" t="s">
        <v>108536</v>
      </c>
      <c r="E31010" s="1" t="s">
        <v>108537</v>
      </c>
      <c r="F31010" s="1" t="s">
        <v>108538</v>
      </c>
      <c r="G31010" s="1" t="s">
        <v>108462</v>
      </c>
      <c r="H31010" s="1" t="s">
        <v>108463</v>
      </c>
      <c r="I31010" s="1" t="s">
        <v>105238</v>
      </c>
      <c r="J31010" s="1" t="s">
        <v>108539</v>
      </c>
    </row>
    <row r="31011" spans="1:10" x14ac:dyDescent="0.35">
      <c r="A31011" s="1" t="s">
        <v>108458</v>
      </c>
      <c r="B31011" s="1" t="s">
        <v>105234</v>
      </c>
      <c r="C31011" s="1" t="s">
        <v>120</v>
      </c>
      <c r="D31011" s="1" t="s">
        <v>53919</v>
      </c>
      <c r="E31011" s="1" t="s">
        <v>48116</v>
      </c>
      <c r="F31011" s="1" t="s">
        <v>108540</v>
      </c>
      <c r="G31011" s="1" t="s">
        <v>108462</v>
      </c>
      <c r="H31011" s="1" t="s">
        <v>108463</v>
      </c>
      <c r="I31011" s="1" t="s">
        <v>105238</v>
      </c>
      <c r="J31011" s="1" t="s">
        <v>108541</v>
      </c>
    </row>
    <row r="31012" spans="1:10" x14ac:dyDescent="0.35">
      <c r="A31012" s="1" t="s">
        <v>108458</v>
      </c>
      <c r="B31012" s="1" t="s">
        <v>105234</v>
      </c>
      <c r="C31012" s="1" t="s">
        <v>125</v>
      </c>
      <c r="D31012" s="1" t="s">
        <v>108542</v>
      </c>
      <c r="E31012" s="1" t="s">
        <v>108543</v>
      </c>
      <c r="F31012" s="1" t="s">
        <v>108544</v>
      </c>
      <c r="G31012" s="1" t="s">
        <v>108462</v>
      </c>
      <c r="H31012" s="1" t="s">
        <v>108463</v>
      </c>
      <c r="I31012" s="1" t="s">
        <v>105238</v>
      </c>
      <c r="J31012" s="1" t="s">
        <v>108545</v>
      </c>
    </row>
    <row r="31013" spans="1:10" x14ac:dyDescent="0.35">
      <c r="A31013" s="1" t="s">
        <v>108458</v>
      </c>
      <c r="B31013" s="1" t="s">
        <v>105234</v>
      </c>
      <c r="C31013" s="1" t="s">
        <v>130</v>
      </c>
      <c r="D31013" s="1" t="s">
        <v>67350</v>
      </c>
      <c r="E31013" s="1" t="s">
        <v>108546</v>
      </c>
      <c r="F31013" s="1" t="s">
        <v>108547</v>
      </c>
      <c r="G31013" s="1" t="s">
        <v>108462</v>
      </c>
      <c r="H31013" s="1" t="s">
        <v>108463</v>
      </c>
      <c r="I31013" s="1" t="s">
        <v>105238</v>
      </c>
      <c r="J31013" s="1" t="s">
        <v>108548</v>
      </c>
    </row>
    <row r="31014" spans="1:10" x14ac:dyDescent="0.35">
      <c r="A31014" s="1" t="s">
        <v>108458</v>
      </c>
      <c r="B31014" s="1" t="s">
        <v>105234</v>
      </c>
      <c r="C31014" s="1" t="s">
        <v>135</v>
      </c>
      <c r="D31014" s="1" t="s">
        <v>66330</v>
      </c>
      <c r="E31014" s="1" t="s">
        <v>108549</v>
      </c>
      <c r="F31014" s="1" t="s">
        <v>108550</v>
      </c>
      <c r="G31014" s="1" t="s">
        <v>108462</v>
      </c>
      <c r="H31014" s="1" t="s">
        <v>108463</v>
      </c>
      <c r="I31014" s="1" t="s">
        <v>105238</v>
      </c>
      <c r="J31014" s="1" t="s">
        <v>108551</v>
      </c>
    </row>
    <row r="31015" spans="1:10" x14ac:dyDescent="0.35">
      <c r="A31015" s="1" t="s">
        <v>108458</v>
      </c>
      <c r="B31015" s="1" t="s">
        <v>105234</v>
      </c>
      <c r="C31015" s="1" t="s">
        <v>140</v>
      </c>
      <c r="D31015" s="1" t="s">
        <v>66330</v>
      </c>
      <c r="E31015" s="1" t="s">
        <v>108552</v>
      </c>
      <c r="F31015" s="1" t="s">
        <v>108553</v>
      </c>
      <c r="G31015" s="1" t="s">
        <v>108462</v>
      </c>
      <c r="H31015" s="1" t="s">
        <v>108463</v>
      </c>
      <c r="I31015" s="1" t="s">
        <v>105238</v>
      </c>
      <c r="J31015" s="1" t="s">
        <v>1180</v>
      </c>
    </row>
    <row r="31016" spans="1:10" x14ac:dyDescent="0.35">
      <c r="A31016" s="1" t="s">
        <v>108458</v>
      </c>
      <c r="B31016" s="1" t="s">
        <v>105234</v>
      </c>
      <c r="C31016" s="1" t="s">
        <v>145</v>
      </c>
      <c r="D31016" s="1" t="s">
        <v>108554</v>
      </c>
      <c r="E31016" s="1" t="s">
        <v>16054</v>
      </c>
      <c r="F31016" s="1" t="s">
        <v>108555</v>
      </c>
      <c r="G31016" s="1" t="s">
        <v>108462</v>
      </c>
      <c r="H31016" s="1" t="s">
        <v>108463</v>
      </c>
      <c r="I31016" s="1" t="s">
        <v>105238</v>
      </c>
      <c r="J31016" s="1" t="s">
        <v>108556</v>
      </c>
    </row>
    <row r="31017" spans="1:10" x14ac:dyDescent="0.35">
      <c r="A31017" s="1" t="s">
        <v>108458</v>
      </c>
      <c r="B31017" s="1" t="s">
        <v>105234</v>
      </c>
      <c r="C31017" s="1" t="s">
        <v>150</v>
      </c>
      <c r="D31017" s="1" t="s">
        <v>108557</v>
      </c>
      <c r="E31017" s="1" t="s">
        <v>108558</v>
      </c>
      <c r="F31017" s="1" t="s">
        <v>108559</v>
      </c>
      <c r="G31017" s="1" t="s">
        <v>108462</v>
      </c>
      <c r="H31017" s="1" t="s">
        <v>108463</v>
      </c>
      <c r="I31017" s="1" t="s">
        <v>105238</v>
      </c>
      <c r="J31017" s="1" t="s">
        <v>108560</v>
      </c>
    </row>
    <row r="31018" spans="1:10" x14ac:dyDescent="0.35">
      <c r="A31018" s="1" t="s">
        <v>108458</v>
      </c>
      <c r="B31018" s="1" t="s">
        <v>105234</v>
      </c>
      <c r="C31018" s="1" t="s">
        <v>155</v>
      </c>
      <c r="D31018" s="1" t="s">
        <v>108561</v>
      </c>
      <c r="E31018" s="1" t="s">
        <v>108562</v>
      </c>
      <c r="F31018" s="1" t="s">
        <v>108563</v>
      </c>
      <c r="G31018" s="1" t="s">
        <v>108462</v>
      </c>
      <c r="H31018" s="1" t="s">
        <v>108463</v>
      </c>
      <c r="I31018" s="1" t="s">
        <v>105238</v>
      </c>
      <c r="J31018" s="1" t="s">
        <v>108564</v>
      </c>
    </row>
    <row r="31019" spans="1:10" x14ac:dyDescent="0.35">
      <c r="A31019" s="1" t="s">
        <v>108458</v>
      </c>
      <c r="B31019" s="1" t="s">
        <v>105234</v>
      </c>
      <c r="C31019" s="1" t="s">
        <v>160</v>
      </c>
      <c r="D31019" s="1" t="s">
        <v>108565</v>
      </c>
      <c r="E31019" s="1" t="s">
        <v>108566</v>
      </c>
      <c r="F31019" s="1" t="s">
        <v>108567</v>
      </c>
      <c r="G31019" s="1" t="s">
        <v>108462</v>
      </c>
      <c r="H31019" s="1" t="s">
        <v>108463</v>
      </c>
      <c r="I31019" s="1" t="s">
        <v>105238</v>
      </c>
      <c r="J31019" s="1" t="s">
        <v>108568</v>
      </c>
    </row>
    <row r="31020" spans="1:10" x14ac:dyDescent="0.35">
      <c r="A31020" s="1" t="s">
        <v>108458</v>
      </c>
      <c r="B31020" s="1" t="s">
        <v>105234</v>
      </c>
      <c r="C31020" s="1" t="s">
        <v>165</v>
      </c>
      <c r="D31020" s="1" t="s">
        <v>108569</v>
      </c>
      <c r="E31020" s="1" t="s">
        <v>48064</v>
      </c>
      <c r="F31020" s="1" t="s">
        <v>108570</v>
      </c>
      <c r="G31020" s="1" t="s">
        <v>108462</v>
      </c>
      <c r="H31020" s="1" t="s">
        <v>108463</v>
      </c>
      <c r="I31020" s="1" t="s">
        <v>105238</v>
      </c>
      <c r="J31020" s="1" t="s">
        <v>108571</v>
      </c>
    </row>
    <row r="31021" spans="1:10" x14ac:dyDescent="0.35">
      <c r="A31021" s="1" t="s">
        <v>108458</v>
      </c>
      <c r="B31021" s="1" t="s">
        <v>105234</v>
      </c>
      <c r="C31021" s="1" t="s">
        <v>170</v>
      </c>
      <c r="D31021" s="1" t="s">
        <v>108572</v>
      </c>
      <c r="E31021" s="1" t="s">
        <v>108573</v>
      </c>
      <c r="F31021" s="1" t="s">
        <v>108574</v>
      </c>
      <c r="G31021" s="1" t="s">
        <v>108462</v>
      </c>
      <c r="H31021" s="1" t="s">
        <v>108463</v>
      </c>
      <c r="I31021" s="1" t="s">
        <v>105238</v>
      </c>
      <c r="J31021" s="1" t="s">
        <v>108575</v>
      </c>
    </row>
    <row r="31022" spans="1:10" x14ac:dyDescent="0.35">
      <c r="A31022" s="1" t="s">
        <v>13822</v>
      </c>
      <c r="B31022" s="1" t="s">
        <v>105234</v>
      </c>
      <c r="C31022" s="1" t="s">
        <v>8</v>
      </c>
      <c r="D31022" s="1" t="s">
        <v>17534</v>
      </c>
      <c r="E31022" s="1" t="s">
        <v>108576</v>
      </c>
      <c r="F31022" s="1" t="s">
        <v>108577</v>
      </c>
      <c r="G31022" s="1" t="s">
        <v>108578</v>
      </c>
      <c r="H31022" s="1" t="s">
        <v>108579</v>
      </c>
      <c r="I31022" s="1" t="s">
        <v>105238</v>
      </c>
      <c r="J31022" s="1" t="s">
        <v>13</v>
      </c>
    </row>
    <row r="31023" spans="1:10" x14ac:dyDescent="0.35">
      <c r="A31023" s="1" t="s">
        <v>13822</v>
      </c>
      <c r="B31023" s="1" t="s">
        <v>105234</v>
      </c>
      <c r="C31023" s="1" t="s">
        <v>15</v>
      </c>
      <c r="D31023" s="1" t="s">
        <v>108580</v>
      </c>
      <c r="E31023" s="1" t="s">
        <v>108581</v>
      </c>
      <c r="F31023" s="1" t="s">
        <v>108582</v>
      </c>
      <c r="G31023" s="1" t="s">
        <v>108578</v>
      </c>
      <c r="H31023" s="1" t="s">
        <v>108579</v>
      </c>
      <c r="I31023" s="1" t="s">
        <v>105238</v>
      </c>
      <c r="J31023" s="1" t="s">
        <v>108583</v>
      </c>
    </row>
    <row r="31024" spans="1:10" x14ac:dyDescent="0.35">
      <c r="A31024" s="1" t="s">
        <v>13822</v>
      </c>
      <c r="B31024" s="1" t="s">
        <v>105234</v>
      </c>
      <c r="C31024" s="1" t="s">
        <v>20</v>
      </c>
      <c r="D31024" s="1" t="s">
        <v>108584</v>
      </c>
      <c r="E31024" s="1" t="s">
        <v>108585</v>
      </c>
      <c r="F31024" s="1" t="s">
        <v>108586</v>
      </c>
      <c r="G31024" s="1" t="s">
        <v>108578</v>
      </c>
      <c r="H31024" s="1" t="s">
        <v>108579</v>
      </c>
      <c r="I31024" s="1" t="s">
        <v>105238</v>
      </c>
      <c r="J31024" s="1" t="s">
        <v>108587</v>
      </c>
    </row>
    <row r="31025" spans="1:10" x14ac:dyDescent="0.35">
      <c r="A31025" s="1" t="s">
        <v>13822</v>
      </c>
      <c r="B31025" s="1" t="s">
        <v>105234</v>
      </c>
      <c r="C31025" s="1" t="s">
        <v>25</v>
      </c>
      <c r="D31025" s="1" t="s">
        <v>108588</v>
      </c>
      <c r="E31025" s="1" t="s">
        <v>108589</v>
      </c>
      <c r="F31025" s="1" t="s">
        <v>108590</v>
      </c>
      <c r="G31025" s="1" t="s">
        <v>108578</v>
      </c>
      <c r="H31025" s="1" t="s">
        <v>108579</v>
      </c>
      <c r="I31025" s="1" t="s">
        <v>105238</v>
      </c>
      <c r="J31025" s="1" t="s">
        <v>108591</v>
      </c>
    </row>
    <row r="31026" spans="1:10" x14ac:dyDescent="0.35">
      <c r="A31026" s="1" t="s">
        <v>13822</v>
      </c>
      <c r="B31026" s="1" t="s">
        <v>105234</v>
      </c>
      <c r="C31026" s="1" t="s">
        <v>30</v>
      </c>
      <c r="D31026" s="1" t="s">
        <v>108592</v>
      </c>
      <c r="E31026" s="1" t="s">
        <v>108593</v>
      </c>
      <c r="F31026" s="1" t="s">
        <v>97204</v>
      </c>
      <c r="G31026" s="1" t="s">
        <v>108578</v>
      </c>
      <c r="H31026" s="1" t="s">
        <v>108579</v>
      </c>
      <c r="I31026" s="1" t="s">
        <v>105238</v>
      </c>
      <c r="J31026" s="1" t="s">
        <v>108594</v>
      </c>
    </row>
    <row r="31027" spans="1:10" x14ac:dyDescent="0.35">
      <c r="A31027" s="1" t="s">
        <v>13822</v>
      </c>
      <c r="B31027" s="1" t="s">
        <v>105234</v>
      </c>
      <c r="C31027" s="1" t="s">
        <v>35</v>
      </c>
      <c r="D31027" s="1" t="s">
        <v>36880</v>
      </c>
      <c r="E31027" s="1" t="s">
        <v>108595</v>
      </c>
      <c r="F31027" s="1" t="s">
        <v>108596</v>
      </c>
      <c r="G31027" s="1" t="s">
        <v>108578</v>
      </c>
      <c r="H31027" s="1" t="s">
        <v>108579</v>
      </c>
      <c r="I31027" s="1" t="s">
        <v>105238</v>
      </c>
      <c r="J31027" s="1" t="s">
        <v>108597</v>
      </c>
    </row>
    <row r="31028" spans="1:10" x14ac:dyDescent="0.35">
      <c r="A31028" s="1" t="s">
        <v>13822</v>
      </c>
      <c r="B31028" s="1" t="s">
        <v>105234</v>
      </c>
      <c r="C31028" s="1" t="s">
        <v>40</v>
      </c>
      <c r="D31028" s="1" t="s">
        <v>108598</v>
      </c>
      <c r="E31028" s="1" t="s">
        <v>19990</v>
      </c>
      <c r="F31028" s="1" t="s">
        <v>108599</v>
      </c>
      <c r="G31028" s="1" t="s">
        <v>108578</v>
      </c>
      <c r="H31028" s="1" t="s">
        <v>108579</v>
      </c>
      <c r="I31028" s="1" t="s">
        <v>105238</v>
      </c>
      <c r="J31028" s="1" t="s">
        <v>108600</v>
      </c>
    </row>
    <row r="31029" spans="1:10" x14ac:dyDescent="0.35">
      <c r="A31029" s="1" t="s">
        <v>13822</v>
      </c>
      <c r="B31029" s="1" t="s">
        <v>105234</v>
      </c>
      <c r="C31029" s="1" t="s">
        <v>45</v>
      </c>
      <c r="D31029" s="1" t="s">
        <v>99517</v>
      </c>
      <c r="E31029" s="1" t="s">
        <v>108601</v>
      </c>
      <c r="F31029" s="1" t="s">
        <v>108602</v>
      </c>
      <c r="G31029" s="1" t="s">
        <v>108578</v>
      </c>
      <c r="H31029" s="1" t="s">
        <v>108579</v>
      </c>
      <c r="I31029" s="1" t="s">
        <v>105238</v>
      </c>
      <c r="J31029" s="1" t="s">
        <v>108603</v>
      </c>
    </row>
    <row r="31030" spans="1:10" x14ac:dyDescent="0.35">
      <c r="A31030" s="1" t="s">
        <v>13822</v>
      </c>
      <c r="B31030" s="1" t="s">
        <v>105234</v>
      </c>
      <c r="C31030" s="1" t="s">
        <v>50</v>
      </c>
      <c r="D31030" s="1" t="s">
        <v>81717</v>
      </c>
      <c r="E31030" s="1" t="s">
        <v>70881</v>
      </c>
      <c r="F31030" s="1" t="s">
        <v>108604</v>
      </c>
      <c r="G31030" s="1" t="s">
        <v>108578</v>
      </c>
      <c r="H31030" s="1" t="s">
        <v>108579</v>
      </c>
      <c r="I31030" s="1" t="s">
        <v>105238</v>
      </c>
      <c r="J31030" s="1" t="s">
        <v>108605</v>
      </c>
    </row>
    <row r="31031" spans="1:10" x14ac:dyDescent="0.35">
      <c r="A31031" s="1" t="s">
        <v>13822</v>
      </c>
      <c r="B31031" s="1" t="s">
        <v>105234</v>
      </c>
      <c r="C31031" s="1" t="s">
        <v>55</v>
      </c>
      <c r="D31031" s="1" t="s">
        <v>108606</v>
      </c>
      <c r="E31031" s="1" t="s">
        <v>76435</v>
      </c>
      <c r="F31031" s="1" t="s">
        <v>61832</v>
      </c>
      <c r="G31031" s="1" t="s">
        <v>108578</v>
      </c>
      <c r="H31031" s="1" t="s">
        <v>108579</v>
      </c>
      <c r="I31031" s="1" t="s">
        <v>105238</v>
      </c>
      <c r="J31031" s="1" t="s">
        <v>108607</v>
      </c>
    </row>
    <row r="31032" spans="1:10" x14ac:dyDescent="0.35">
      <c r="A31032" s="1" t="s">
        <v>13822</v>
      </c>
      <c r="B31032" s="1" t="s">
        <v>105234</v>
      </c>
      <c r="C31032" s="1" t="s">
        <v>60</v>
      </c>
      <c r="D31032" s="1" t="s">
        <v>108608</v>
      </c>
      <c r="E31032" s="1" t="s">
        <v>108609</v>
      </c>
      <c r="F31032" s="1" t="s">
        <v>108610</v>
      </c>
      <c r="G31032" s="1" t="s">
        <v>108578</v>
      </c>
      <c r="H31032" s="1" t="s">
        <v>108579</v>
      </c>
      <c r="I31032" s="1" t="s">
        <v>105238</v>
      </c>
      <c r="J31032" s="1" t="s">
        <v>108611</v>
      </c>
    </row>
    <row r="31033" spans="1:10" x14ac:dyDescent="0.35">
      <c r="A31033" s="1" t="s">
        <v>13822</v>
      </c>
      <c r="B31033" s="1" t="s">
        <v>105234</v>
      </c>
      <c r="C31033" s="1" t="s">
        <v>65</v>
      </c>
      <c r="D31033" s="1" t="s">
        <v>63638</v>
      </c>
      <c r="E31033" s="1" t="s">
        <v>76435</v>
      </c>
      <c r="F31033" s="1" t="s">
        <v>108612</v>
      </c>
      <c r="G31033" s="1" t="s">
        <v>108578</v>
      </c>
      <c r="H31033" s="1" t="s">
        <v>108579</v>
      </c>
      <c r="I31033" s="1" t="s">
        <v>105238</v>
      </c>
      <c r="J31033" s="1" t="s">
        <v>108613</v>
      </c>
    </row>
    <row r="31034" spans="1:10" x14ac:dyDescent="0.35">
      <c r="A31034" s="1" t="s">
        <v>13822</v>
      </c>
      <c r="B31034" s="1" t="s">
        <v>105234</v>
      </c>
      <c r="C31034" s="1" t="s">
        <v>70</v>
      </c>
      <c r="D31034" s="1" t="s">
        <v>108614</v>
      </c>
      <c r="E31034" s="1" t="s">
        <v>108615</v>
      </c>
      <c r="F31034" s="1" t="s">
        <v>57890</v>
      </c>
      <c r="G31034" s="1" t="s">
        <v>108578</v>
      </c>
      <c r="H31034" s="1" t="s">
        <v>108579</v>
      </c>
      <c r="I31034" s="1" t="s">
        <v>105238</v>
      </c>
      <c r="J31034" s="1" t="s">
        <v>108616</v>
      </c>
    </row>
    <row r="31035" spans="1:10" x14ac:dyDescent="0.35">
      <c r="A31035" s="1" t="s">
        <v>13822</v>
      </c>
      <c r="B31035" s="1" t="s">
        <v>105234</v>
      </c>
      <c r="C31035" s="1" t="s">
        <v>75</v>
      </c>
      <c r="D31035" s="1" t="s">
        <v>108617</v>
      </c>
      <c r="E31035" s="1" t="s">
        <v>108618</v>
      </c>
      <c r="F31035" s="1" t="s">
        <v>108619</v>
      </c>
      <c r="G31035" s="1" t="s">
        <v>108578</v>
      </c>
      <c r="H31035" s="1" t="s">
        <v>108579</v>
      </c>
      <c r="I31035" s="1" t="s">
        <v>105238</v>
      </c>
      <c r="J31035" s="1" t="s">
        <v>108620</v>
      </c>
    </row>
    <row r="31036" spans="1:10" x14ac:dyDescent="0.35">
      <c r="A31036" s="1" t="s">
        <v>13822</v>
      </c>
      <c r="B31036" s="1" t="s">
        <v>105234</v>
      </c>
      <c r="C31036" s="1" t="s">
        <v>80</v>
      </c>
      <c r="D31036" s="1" t="s">
        <v>66355</v>
      </c>
      <c r="E31036" s="1" t="s">
        <v>105283</v>
      </c>
      <c r="F31036" s="1" t="s">
        <v>63990</v>
      </c>
      <c r="G31036" s="1" t="s">
        <v>108578</v>
      </c>
      <c r="H31036" s="1" t="s">
        <v>108579</v>
      </c>
      <c r="I31036" s="1" t="s">
        <v>105238</v>
      </c>
      <c r="J31036" s="1" t="s">
        <v>108621</v>
      </c>
    </row>
    <row r="31037" spans="1:10" x14ac:dyDescent="0.35">
      <c r="A31037" s="1" t="s">
        <v>13822</v>
      </c>
      <c r="B31037" s="1" t="s">
        <v>105234</v>
      </c>
      <c r="C31037" s="1" t="s">
        <v>85</v>
      </c>
      <c r="D31037" s="1" t="s">
        <v>108622</v>
      </c>
      <c r="E31037" s="1" t="s">
        <v>15969</v>
      </c>
      <c r="F31037" s="1" t="s">
        <v>108623</v>
      </c>
      <c r="G31037" s="1" t="s">
        <v>108578</v>
      </c>
      <c r="H31037" s="1" t="s">
        <v>108579</v>
      </c>
      <c r="I31037" s="1" t="s">
        <v>105238</v>
      </c>
      <c r="J31037" s="1" t="s">
        <v>108624</v>
      </c>
    </row>
    <row r="31038" spans="1:10" x14ac:dyDescent="0.35">
      <c r="A31038" s="1" t="s">
        <v>13822</v>
      </c>
      <c r="B31038" s="1" t="s">
        <v>105234</v>
      </c>
      <c r="C31038" s="1" t="s">
        <v>90</v>
      </c>
      <c r="D31038" s="1" t="s">
        <v>108625</v>
      </c>
      <c r="E31038" s="1" t="s">
        <v>94713</v>
      </c>
      <c r="F31038" s="1" t="s">
        <v>108626</v>
      </c>
      <c r="G31038" s="1" t="s">
        <v>108578</v>
      </c>
      <c r="H31038" s="1" t="s">
        <v>108579</v>
      </c>
      <c r="I31038" s="1" t="s">
        <v>105238</v>
      </c>
      <c r="J31038" s="1" t="s">
        <v>108627</v>
      </c>
    </row>
    <row r="31039" spans="1:10" x14ac:dyDescent="0.35">
      <c r="A31039" s="1" t="s">
        <v>13822</v>
      </c>
      <c r="B31039" s="1" t="s">
        <v>105234</v>
      </c>
      <c r="C31039" s="1" t="s">
        <v>95</v>
      </c>
      <c r="D31039" s="1" t="s">
        <v>108628</v>
      </c>
      <c r="E31039" s="1" t="s">
        <v>108629</v>
      </c>
      <c r="F31039" s="1" t="s">
        <v>108630</v>
      </c>
      <c r="G31039" s="1" t="s">
        <v>108578</v>
      </c>
      <c r="H31039" s="1" t="s">
        <v>108579</v>
      </c>
      <c r="I31039" s="1" t="s">
        <v>105238</v>
      </c>
      <c r="J31039" s="1" t="s">
        <v>108631</v>
      </c>
    </row>
    <row r="31040" spans="1:10" x14ac:dyDescent="0.35">
      <c r="A31040" s="1" t="s">
        <v>13822</v>
      </c>
      <c r="B31040" s="1" t="s">
        <v>105234</v>
      </c>
      <c r="C31040" s="1" t="s">
        <v>100</v>
      </c>
      <c r="D31040" s="1" t="s">
        <v>108632</v>
      </c>
      <c r="E31040" s="1" t="s">
        <v>48082</v>
      </c>
      <c r="F31040" s="1" t="s">
        <v>108633</v>
      </c>
      <c r="G31040" s="1" t="s">
        <v>108578</v>
      </c>
      <c r="H31040" s="1" t="s">
        <v>108579</v>
      </c>
      <c r="I31040" s="1" t="s">
        <v>105238</v>
      </c>
      <c r="J31040" s="1" t="s">
        <v>108634</v>
      </c>
    </row>
    <row r="31041" spans="1:10" x14ac:dyDescent="0.35">
      <c r="A31041" s="1" t="s">
        <v>13822</v>
      </c>
      <c r="B31041" s="1" t="s">
        <v>105234</v>
      </c>
      <c r="C31041" s="1" t="s">
        <v>105</v>
      </c>
      <c r="D31041" s="1" t="s">
        <v>99560</v>
      </c>
      <c r="E31041" s="1" t="s">
        <v>108635</v>
      </c>
      <c r="F31041" s="1" t="s">
        <v>108636</v>
      </c>
      <c r="G31041" s="1" t="s">
        <v>108578</v>
      </c>
      <c r="H31041" s="1" t="s">
        <v>108579</v>
      </c>
      <c r="I31041" s="1" t="s">
        <v>105238</v>
      </c>
      <c r="J31041" s="1" t="s">
        <v>108637</v>
      </c>
    </row>
    <row r="31042" spans="1:10" x14ac:dyDescent="0.35">
      <c r="A31042" s="1" t="s">
        <v>13822</v>
      </c>
      <c r="B31042" s="1" t="s">
        <v>105234</v>
      </c>
      <c r="C31042" s="1" t="s">
        <v>110</v>
      </c>
      <c r="D31042" s="1" t="s">
        <v>108638</v>
      </c>
      <c r="E31042" s="1" t="s">
        <v>108639</v>
      </c>
      <c r="F31042" s="1" t="s">
        <v>56542</v>
      </c>
      <c r="G31042" s="1" t="s">
        <v>108578</v>
      </c>
      <c r="H31042" s="1" t="s">
        <v>108579</v>
      </c>
      <c r="I31042" s="1" t="s">
        <v>105238</v>
      </c>
      <c r="J31042" s="1" t="s">
        <v>108640</v>
      </c>
    </row>
    <row r="31043" spans="1:10" x14ac:dyDescent="0.35">
      <c r="A31043" s="1" t="s">
        <v>13822</v>
      </c>
      <c r="B31043" s="1" t="s">
        <v>105234</v>
      </c>
      <c r="C31043" s="1" t="s">
        <v>115</v>
      </c>
      <c r="D31043" s="1" t="s">
        <v>108641</v>
      </c>
      <c r="E31043" s="1" t="s">
        <v>19978</v>
      </c>
      <c r="F31043" s="1" t="s">
        <v>108642</v>
      </c>
      <c r="G31043" s="1" t="s">
        <v>108578</v>
      </c>
      <c r="H31043" s="1" t="s">
        <v>108579</v>
      </c>
      <c r="I31043" s="1" t="s">
        <v>105238</v>
      </c>
      <c r="J31043" s="1" t="s">
        <v>108643</v>
      </c>
    </row>
    <row r="31044" spans="1:10" x14ac:dyDescent="0.35">
      <c r="A31044" s="1" t="s">
        <v>13822</v>
      </c>
      <c r="B31044" s="1" t="s">
        <v>105234</v>
      </c>
      <c r="C31044" s="1" t="s">
        <v>120</v>
      </c>
      <c r="D31044" s="1" t="s">
        <v>108644</v>
      </c>
      <c r="E31044" s="1" t="s">
        <v>16228</v>
      </c>
      <c r="F31044" s="1" t="s">
        <v>89304</v>
      </c>
      <c r="G31044" s="1" t="s">
        <v>108578</v>
      </c>
      <c r="H31044" s="1" t="s">
        <v>108579</v>
      </c>
      <c r="I31044" s="1" t="s">
        <v>105238</v>
      </c>
      <c r="J31044" s="1" t="s">
        <v>108645</v>
      </c>
    </row>
    <row r="31045" spans="1:10" x14ac:dyDescent="0.35">
      <c r="A31045" s="1" t="s">
        <v>13822</v>
      </c>
      <c r="B31045" s="1" t="s">
        <v>105234</v>
      </c>
      <c r="C31045" s="1" t="s">
        <v>125</v>
      </c>
      <c r="D31045" s="1" t="s">
        <v>108646</v>
      </c>
      <c r="E31045" s="1" t="s">
        <v>108647</v>
      </c>
      <c r="F31045" s="1" t="s">
        <v>108648</v>
      </c>
      <c r="G31045" s="1" t="s">
        <v>108578</v>
      </c>
      <c r="H31045" s="1" t="s">
        <v>108579</v>
      </c>
      <c r="I31045" s="1" t="s">
        <v>105238</v>
      </c>
      <c r="J31045" s="1" t="s">
        <v>108649</v>
      </c>
    </row>
    <row r="31046" spans="1:10" x14ac:dyDescent="0.35">
      <c r="A31046" s="1" t="s">
        <v>13822</v>
      </c>
      <c r="B31046" s="1" t="s">
        <v>105234</v>
      </c>
      <c r="C31046" s="1" t="s">
        <v>130</v>
      </c>
      <c r="D31046" s="1" t="s">
        <v>108650</v>
      </c>
      <c r="E31046" s="1" t="s">
        <v>108651</v>
      </c>
      <c r="F31046" s="1" t="s">
        <v>90202</v>
      </c>
      <c r="G31046" s="1" t="s">
        <v>108578</v>
      </c>
      <c r="H31046" s="1" t="s">
        <v>108579</v>
      </c>
      <c r="I31046" s="1" t="s">
        <v>105238</v>
      </c>
      <c r="J31046" s="1" t="s">
        <v>108652</v>
      </c>
    </row>
    <row r="31047" spans="1:10" x14ac:dyDescent="0.35">
      <c r="A31047" s="1" t="s">
        <v>13822</v>
      </c>
      <c r="B31047" s="1" t="s">
        <v>105234</v>
      </c>
      <c r="C31047" s="1" t="s">
        <v>135</v>
      </c>
      <c r="D31047" s="1" t="s">
        <v>98380</v>
      </c>
      <c r="E31047" s="1" t="s">
        <v>108653</v>
      </c>
      <c r="F31047" s="1" t="s">
        <v>108654</v>
      </c>
      <c r="G31047" s="1" t="s">
        <v>108578</v>
      </c>
      <c r="H31047" s="1" t="s">
        <v>108579</v>
      </c>
      <c r="I31047" s="1" t="s">
        <v>105238</v>
      </c>
      <c r="J31047" s="1" t="s">
        <v>108655</v>
      </c>
    </row>
    <row r="31048" spans="1:10" x14ac:dyDescent="0.35">
      <c r="A31048" s="1" t="s">
        <v>13822</v>
      </c>
      <c r="B31048" s="1" t="s">
        <v>105234</v>
      </c>
      <c r="C31048" s="1" t="s">
        <v>140</v>
      </c>
      <c r="D31048" s="1" t="s">
        <v>108656</v>
      </c>
      <c r="E31048" s="1" t="s">
        <v>108657</v>
      </c>
      <c r="F31048" s="1" t="s">
        <v>108658</v>
      </c>
      <c r="G31048" s="1" t="s">
        <v>108578</v>
      </c>
      <c r="H31048" s="1" t="s">
        <v>108579</v>
      </c>
      <c r="I31048" s="1" t="s">
        <v>105238</v>
      </c>
      <c r="J31048" s="1" t="s">
        <v>108659</v>
      </c>
    </row>
    <row r="31049" spans="1:10" x14ac:dyDescent="0.35">
      <c r="A31049" s="1" t="s">
        <v>13822</v>
      </c>
      <c r="B31049" s="1" t="s">
        <v>105234</v>
      </c>
      <c r="C31049" s="1" t="s">
        <v>145</v>
      </c>
      <c r="D31049" s="1" t="s">
        <v>43735</v>
      </c>
      <c r="E31049" s="1" t="s">
        <v>108639</v>
      </c>
      <c r="F31049" s="1" t="s">
        <v>70216</v>
      </c>
      <c r="G31049" s="1" t="s">
        <v>108578</v>
      </c>
      <c r="H31049" s="1" t="s">
        <v>108579</v>
      </c>
      <c r="I31049" s="1" t="s">
        <v>105238</v>
      </c>
      <c r="J31049" s="1" t="s">
        <v>108660</v>
      </c>
    </row>
    <row r="31050" spans="1:10" x14ac:dyDescent="0.35">
      <c r="A31050" s="1" t="s">
        <v>13822</v>
      </c>
      <c r="B31050" s="1" t="s">
        <v>105234</v>
      </c>
      <c r="C31050" s="1" t="s">
        <v>150</v>
      </c>
      <c r="D31050" s="1" t="s">
        <v>108661</v>
      </c>
      <c r="E31050" s="1" t="s">
        <v>105357</v>
      </c>
      <c r="F31050" s="1" t="s">
        <v>31839</v>
      </c>
      <c r="G31050" s="1" t="s">
        <v>108578</v>
      </c>
      <c r="H31050" s="1" t="s">
        <v>108579</v>
      </c>
      <c r="I31050" s="1" t="s">
        <v>105238</v>
      </c>
      <c r="J31050" s="1" t="s">
        <v>108662</v>
      </c>
    </row>
    <row r="31051" spans="1:10" x14ac:dyDescent="0.35">
      <c r="A31051" s="1" t="s">
        <v>13822</v>
      </c>
      <c r="B31051" s="1" t="s">
        <v>105234</v>
      </c>
      <c r="C31051" s="1" t="s">
        <v>155</v>
      </c>
      <c r="D31051" s="1" t="s">
        <v>108663</v>
      </c>
      <c r="E31051" s="1" t="s">
        <v>108664</v>
      </c>
      <c r="F31051" s="1" t="s">
        <v>108665</v>
      </c>
      <c r="G31051" s="1" t="s">
        <v>108578</v>
      </c>
      <c r="H31051" s="1" t="s">
        <v>108579</v>
      </c>
      <c r="I31051" s="1" t="s">
        <v>105238</v>
      </c>
      <c r="J31051" s="1" t="s">
        <v>108666</v>
      </c>
    </row>
    <row r="31052" spans="1:10" x14ac:dyDescent="0.35">
      <c r="A31052" s="1" t="s">
        <v>13822</v>
      </c>
      <c r="B31052" s="1" t="s">
        <v>105234</v>
      </c>
      <c r="C31052" s="1" t="s">
        <v>160</v>
      </c>
      <c r="D31052" s="1" t="s">
        <v>108667</v>
      </c>
      <c r="E31052" s="1" t="s">
        <v>108668</v>
      </c>
      <c r="F31052" s="1" t="s">
        <v>108669</v>
      </c>
      <c r="G31052" s="1" t="s">
        <v>108578</v>
      </c>
      <c r="H31052" s="1" t="s">
        <v>108579</v>
      </c>
      <c r="I31052" s="1" t="s">
        <v>105238</v>
      </c>
      <c r="J31052" s="1" t="s">
        <v>108670</v>
      </c>
    </row>
    <row r="31053" spans="1:10" x14ac:dyDescent="0.35">
      <c r="A31053" s="1" t="s">
        <v>13822</v>
      </c>
      <c r="B31053" s="1" t="s">
        <v>105234</v>
      </c>
      <c r="C31053" s="1" t="s">
        <v>165</v>
      </c>
      <c r="D31053" s="1" t="s">
        <v>108671</v>
      </c>
      <c r="E31053" s="1" t="s">
        <v>48040</v>
      </c>
      <c r="F31053" s="1" t="s">
        <v>108672</v>
      </c>
      <c r="G31053" s="1" t="s">
        <v>108578</v>
      </c>
      <c r="H31053" s="1" t="s">
        <v>108579</v>
      </c>
      <c r="I31053" s="1" t="s">
        <v>105238</v>
      </c>
      <c r="J31053" s="1" t="s">
        <v>108673</v>
      </c>
    </row>
    <row r="31054" spans="1:10" x14ac:dyDescent="0.35">
      <c r="A31054" s="1" t="s">
        <v>13822</v>
      </c>
      <c r="B31054" s="1" t="s">
        <v>105234</v>
      </c>
      <c r="C31054" s="1" t="s">
        <v>170</v>
      </c>
      <c r="D31054" s="1" t="s">
        <v>52517</v>
      </c>
      <c r="E31054" s="1" t="s">
        <v>48023</v>
      </c>
      <c r="F31054" s="1" t="s">
        <v>108674</v>
      </c>
      <c r="G31054" s="1" t="s">
        <v>108578</v>
      </c>
      <c r="H31054" s="1" t="s">
        <v>108579</v>
      </c>
      <c r="I31054" s="1" t="s">
        <v>105238</v>
      </c>
      <c r="J31054" s="1" t="s">
        <v>108675</v>
      </c>
    </row>
    <row r="31055" spans="1:10" x14ac:dyDescent="0.35">
      <c r="A31055" s="1" t="s">
        <v>108676</v>
      </c>
      <c r="B31055" s="1" t="s">
        <v>105234</v>
      </c>
      <c r="C31055" s="1" t="s">
        <v>8</v>
      </c>
      <c r="D31055" s="1" t="s">
        <v>108677</v>
      </c>
      <c r="E31055" s="1" t="s">
        <v>108678</v>
      </c>
      <c r="F31055" s="1" t="s">
        <v>108679</v>
      </c>
      <c r="G31055" s="1" t="s">
        <v>108680</v>
      </c>
      <c r="H31055" s="1" t="s">
        <v>108681</v>
      </c>
      <c r="I31055" s="1" t="s">
        <v>105238</v>
      </c>
      <c r="J31055" s="1" t="s">
        <v>13</v>
      </c>
    </row>
    <row r="31056" spans="1:10" x14ac:dyDescent="0.35">
      <c r="A31056" s="1" t="s">
        <v>108676</v>
      </c>
      <c r="B31056" s="1" t="s">
        <v>105234</v>
      </c>
      <c r="C31056" s="1" t="s">
        <v>15</v>
      </c>
      <c r="D31056" s="1" t="s">
        <v>108682</v>
      </c>
      <c r="E31056" s="1" t="s">
        <v>108683</v>
      </c>
      <c r="F31056" s="1" t="s">
        <v>108684</v>
      </c>
      <c r="G31056" s="1" t="s">
        <v>108680</v>
      </c>
      <c r="H31056" s="1" t="s">
        <v>108681</v>
      </c>
      <c r="I31056" s="1" t="s">
        <v>105238</v>
      </c>
      <c r="J31056" s="1" t="s">
        <v>108685</v>
      </c>
    </row>
    <row r="31057" spans="1:10" x14ac:dyDescent="0.35">
      <c r="A31057" s="1" t="s">
        <v>108676</v>
      </c>
      <c r="B31057" s="1" t="s">
        <v>105234</v>
      </c>
      <c r="C31057" s="1" t="s">
        <v>20</v>
      </c>
      <c r="D31057" s="1" t="s">
        <v>108686</v>
      </c>
      <c r="E31057" s="1" t="s">
        <v>108687</v>
      </c>
      <c r="F31057" s="1" t="s">
        <v>108688</v>
      </c>
      <c r="G31057" s="1" t="s">
        <v>108680</v>
      </c>
      <c r="H31057" s="1" t="s">
        <v>108681</v>
      </c>
      <c r="I31057" s="1" t="s">
        <v>105238</v>
      </c>
      <c r="J31057" s="1" t="s">
        <v>108689</v>
      </c>
    </row>
    <row r="31058" spans="1:10" x14ac:dyDescent="0.35">
      <c r="A31058" s="1" t="s">
        <v>108676</v>
      </c>
      <c r="B31058" s="1" t="s">
        <v>105234</v>
      </c>
      <c r="C31058" s="1" t="s">
        <v>25</v>
      </c>
      <c r="D31058" s="1" t="s">
        <v>107322</v>
      </c>
      <c r="E31058" s="1" t="s">
        <v>15991</v>
      </c>
      <c r="F31058" s="1" t="s">
        <v>68585</v>
      </c>
      <c r="G31058" s="1" t="s">
        <v>108680</v>
      </c>
      <c r="H31058" s="1" t="s">
        <v>108681</v>
      </c>
      <c r="I31058" s="1" t="s">
        <v>105238</v>
      </c>
      <c r="J31058" s="1" t="s">
        <v>108690</v>
      </c>
    </row>
    <row r="31059" spans="1:10" x14ac:dyDescent="0.35">
      <c r="A31059" s="1" t="s">
        <v>108676</v>
      </c>
      <c r="B31059" s="1" t="s">
        <v>105234</v>
      </c>
      <c r="C31059" s="1" t="s">
        <v>30</v>
      </c>
      <c r="D31059" s="1" t="s">
        <v>108691</v>
      </c>
      <c r="E31059" s="1" t="s">
        <v>108692</v>
      </c>
      <c r="F31059" s="1" t="s">
        <v>54711</v>
      </c>
      <c r="G31059" s="1" t="s">
        <v>108680</v>
      </c>
      <c r="H31059" s="1" t="s">
        <v>108681</v>
      </c>
      <c r="I31059" s="1" t="s">
        <v>105238</v>
      </c>
      <c r="J31059" s="1" t="s">
        <v>108693</v>
      </c>
    </row>
    <row r="31060" spans="1:10" x14ac:dyDescent="0.35">
      <c r="A31060" s="1" t="s">
        <v>108676</v>
      </c>
      <c r="B31060" s="1" t="s">
        <v>105234</v>
      </c>
      <c r="C31060" s="1" t="s">
        <v>35</v>
      </c>
      <c r="D31060" s="1" t="s">
        <v>87750</v>
      </c>
      <c r="E31060" s="1" t="s">
        <v>108694</v>
      </c>
      <c r="F31060" s="1" t="s">
        <v>108695</v>
      </c>
      <c r="G31060" s="1" t="s">
        <v>108680</v>
      </c>
      <c r="H31060" s="1" t="s">
        <v>108681</v>
      </c>
      <c r="I31060" s="1" t="s">
        <v>105238</v>
      </c>
      <c r="J31060" s="1" t="s">
        <v>108696</v>
      </c>
    </row>
    <row r="31061" spans="1:10" x14ac:dyDescent="0.35">
      <c r="A31061" s="1" t="s">
        <v>108676</v>
      </c>
      <c r="B31061" s="1" t="s">
        <v>105234</v>
      </c>
      <c r="C31061" s="1" t="s">
        <v>40</v>
      </c>
      <c r="D31061" s="1" t="s">
        <v>108697</v>
      </c>
      <c r="E31061" s="1" t="s">
        <v>108698</v>
      </c>
      <c r="F31061" s="1" t="s">
        <v>108699</v>
      </c>
      <c r="G31061" s="1" t="s">
        <v>108680</v>
      </c>
      <c r="H31061" s="1" t="s">
        <v>108681</v>
      </c>
      <c r="I31061" s="1" t="s">
        <v>105238</v>
      </c>
      <c r="J31061" s="1" t="s">
        <v>108700</v>
      </c>
    </row>
    <row r="31062" spans="1:10" x14ac:dyDescent="0.35">
      <c r="A31062" s="1" t="s">
        <v>108676</v>
      </c>
      <c r="B31062" s="1" t="s">
        <v>105234</v>
      </c>
      <c r="C31062" s="1" t="s">
        <v>45</v>
      </c>
      <c r="D31062" s="1" t="s">
        <v>86664</v>
      </c>
      <c r="E31062" s="1" t="s">
        <v>19990</v>
      </c>
      <c r="F31062" s="1" t="s">
        <v>108701</v>
      </c>
      <c r="G31062" s="1" t="s">
        <v>108680</v>
      </c>
      <c r="H31062" s="1" t="s">
        <v>108681</v>
      </c>
      <c r="I31062" s="1" t="s">
        <v>105238</v>
      </c>
      <c r="J31062" s="1" t="s">
        <v>108702</v>
      </c>
    </row>
    <row r="31063" spans="1:10" x14ac:dyDescent="0.35">
      <c r="A31063" s="1" t="s">
        <v>108676</v>
      </c>
      <c r="B31063" s="1" t="s">
        <v>105234</v>
      </c>
      <c r="C31063" s="1" t="s">
        <v>50</v>
      </c>
      <c r="D31063" s="1" t="s">
        <v>22527</v>
      </c>
      <c r="E31063" s="1" t="s">
        <v>108703</v>
      </c>
      <c r="F31063" s="1" t="s">
        <v>31870</v>
      </c>
      <c r="G31063" s="1" t="s">
        <v>108680</v>
      </c>
      <c r="H31063" s="1" t="s">
        <v>108681</v>
      </c>
      <c r="I31063" s="1" t="s">
        <v>105238</v>
      </c>
      <c r="J31063" s="1" t="s">
        <v>108704</v>
      </c>
    </row>
    <row r="31064" spans="1:10" x14ac:dyDescent="0.35">
      <c r="A31064" s="1" t="s">
        <v>108676</v>
      </c>
      <c r="B31064" s="1" t="s">
        <v>105234</v>
      </c>
      <c r="C31064" s="1" t="s">
        <v>55</v>
      </c>
      <c r="D31064" s="1" t="s">
        <v>107410</v>
      </c>
      <c r="E31064" s="1" t="s">
        <v>108705</v>
      </c>
      <c r="F31064" s="1" t="s">
        <v>61877</v>
      </c>
      <c r="G31064" s="1" t="s">
        <v>108680</v>
      </c>
      <c r="H31064" s="1" t="s">
        <v>108681</v>
      </c>
      <c r="I31064" s="1" t="s">
        <v>105238</v>
      </c>
      <c r="J31064" s="1" t="s">
        <v>108706</v>
      </c>
    </row>
    <row r="31065" spans="1:10" x14ac:dyDescent="0.35">
      <c r="A31065" s="1" t="s">
        <v>108676</v>
      </c>
      <c r="B31065" s="1" t="s">
        <v>105234</v>
      </c>
      <c r="C31065" s="1" t="s">
        <v>60</v>
      </c>
      <c r="D31065" s="1" t="s">
        <v>69190</v>
      </c>
      <c r="E31065" s="1" t="s">
        <v>105384</v>
      </c>
      <c r="F31065" s="1" t="s">
        <v>108707</v>
      </c>
      <c r="G31065" s="1" t="s">
        <v>108680</v>
      </c>
      <c r="H31065" s="1" t="s">
        <v>108681</v>
      </c>
      <c r="I31065" s="1" t="s">
        <v>105238</v>
      </c>
      <c r="J31065" s="1" t="s">
        <v>108708</v>
      </c>
    </row>
    <row r="31066" spans="1:10" x14ac:dyDescent="0.35">
      <c r="A31066" s="1" t="s">
        <v>108676</v>
      </c>
      <c r="B31066" s="1" t="s">
        <v>105234</v>
      </c>
      <c r="C31066" s="1" t="s">
        <v>65</v>
      </c>
      <c r="D31066" s="1" t="s">
        <v>40242</v>
      </c>
      <c r="E31066" s="1" t="s">
        <v>108709</v>
      </c>
      <c r="F31066" s="1" t="s">
        <v>108710</v>
      </c>
      <c r="G31066" s="1" t="s">
        <v>108680</v>
      </c>
      <c r="H31066" s="1" t="s">
        <v>108681</v>
      </c>
      <c r="I31066" s="1" t="s">
        <v>105238</v>
      </c>
      <c r="J31066" s="1" t="s">
        <v>108711</v>
      </c>
    </row>
    <row r="31067" spans="1:10" x14ac:dyDescent="0.35">
      <c r="A31067" s="1" t="s">
        <v>108676</v>
      </c>
      <c r="B31067" s="1" t="s">
        <v>105234</v>
      </c>
      <c r="C31067" s="1" t="s">
        <v>70</v>
      </c>
      <c r="D31067" s="1" t="s">
        <v>108712</v>
      </c>
      <c r="E31067" s="1" t="s">
        <v>108713</v>
      </c>
      <c r="F31067" s="1" t="s">
        <v>108714</v>
      </c>
      <c r="G31067" s="1" t="s">
        <v>108680</v>
      </c>
      <c r="H31067" s="1" t="s">
        <v>108681</v>
      </c>
      <c r="I31067" s="1" t="s">
        <v>105238</v>
      </c>
      <c r="J31067" s="1" t="s">
        <v>108715</v>
      </c>
    </row>
    <row r="31068" spans="1:10" x14ac:dyDescent="0.35">
      <c r="A31068" s="1" t="s">
        <v>108676</v>
      </c>
      <c r="B31068" s="1" t="s">
        <v>105234</v>
      </c>
      <c r="C31068" s="1" t="s">
        <v>75</v>
      </c>
      <c r="D31068" s="1" t="s">
        <v>98043</v>
      </c>
      <c r="E31068" s="1" t="s">
        <v>108716</v>
      </c>
      <c r="F31068" s="1" t="s">
        <v>103326</v>
      </c>
      <c r="G31068" s="1" t="s">
        <v>108680</v>
      </c>
      <c r="H31068" s="1" t="s">
        <v>108681</v>
      </c>
      <c r="I31068" s="1" t="s">
        <v>105238</v>
      </c>
      <c r="J31068" s="1" t="s">
        <v>108717</v>
      </c>
    </row>
    <row r="31069" spans="1:10" x14ac:dyDescent="0.35">
      <c r="A31069" s="1" t="s">
        <v>108676</v>
      </c>
      <c r="B31069" s="1" t="s">
        <v>105234</v>
      </c>
      <c r="C31069" s="1" t="s">
        <v>80</v>
      </c>
      <c r="D31069" s="1" t="s">
        <v>76866</v>
      </c>
      <c r="E31069" s="1" t="s">
        <v>108651</v>
      </c>
      <c r="F31069" s="1" t="s">
        <v>108718</v>
      </c>
      <c r="G31069" s="1" t="s">
        <v>108680</v>
      </c>
      <c r="H31069" s="1" t="s">
        <v>108681</v>
      </c>
      <c r="I31069" s="1" t="s">
        <v>105238</v>
      </c>
      <c r="J31069" s="1" t="s">
        <v>108719</v>
      </c>
    </row>
    <row r="31070" spans="1:10" x14ac:dyDescent="0.35">
      <c r="A31070" s="1" t="s">
        <v>108676</v>
      </c>
      <c r="B31070" s="1" t="s">
        <v>105234</v>
      </c>
      <c r="C31070" s="1" t="s">
        <v>85</v>
      </c>
      <c r="D31070" s="1" t="s">
        <v>108720</v>
      </c>
      <c r="E31070" s="1" t="s">
        <v>108721</v>
      </c>
      <c r="F31070" s="1" t="s">
        <v>108636</v>
      </c>
      <c r="G31070" s="1" t="s">
        <v>108680</v>
      </c>
      <c r="H31070" s="1" t="s">
        <v>108681</v>
      </c>
      <c r="I31070" s="1" t="s">
        <v>105238</v>
      </c>
      <c r="J31070" s="1" t="s">
        <v>108722</v>
      </c>
    </row>
    <row r="31071" spans="1:10" x14ac:dyDescent="0.35">
      <c r="A31071" s="1" t="s">
        <v>108676</v>
      </c>
      <c r="B31071" s="1" t="s">
        <v>105234</v>
      </c>
      <c r="C31071" s="1" t="s">
        <v>90</v>
      </c>
      <c r="D31071" s="1" t="s">
        <v>108723</v>
      </c>
      <c r="E31071" s="1" t="s">
        <v>105301</v>
      </c>
      <c r="F31071" s="1" t="s">
        <v>64948</v>
      </c>
      <c r="G31071" s="1" t="s">
        <v>108680</v>
      </c>
      <c r="H31071" s="1" t="s">
        <v>108681</v>
      </c>
      <c r="I31071" s="1" t="s">
        <v>105238</v>
      </c>
      <c r="J31071" s="1" t="s">
        <v>108724</v>
      </c>
    </row>
    <row r="31072" spans="1:10" x14ac:dyDescent="0.35">
      <c r="A31072" s="1" t="s">
        <v>108676</v>
      </c>
      <c r="B31072" s="1" t="s">
        <v>105234</v>
      </c>
      <c r="C31072" s="1" t="s">
        <v>95</v>
      </c>
      <c r="D31072" s="1" t="s">
        <v>94774</v>
      </c>
      <c r="E31072" s="1" t="s">
        <v>105951</v>
      </c>
      <c r="F31072" s="1" t="s">
        <v>108725</v>
      </c>
      <c r="G31072" s="1" t="s">
        <v>108680</v>
      </c>
      <c r="H31072" s="1" t="s">
        <v>108681</v>
      </c>
      <c r="I31072" s="1" t="s">
        <v>105238</v>
      </c>
      <c r="J31072" s="1" t="s">
        <v>108726</v>
      </c>
    </row>
    <row r="31073" spans="1:10" x14ac:dyDescent="0.35">
      <c r="A31073" s="1" t="s">
        <v>108676</v>
      </c>
      <c r="B31073" s="1" t="s">
        <v>105234</v>
      </c>
      <c r="C31073" s="1" t="s">
        <v>100</v>
      </c>
      <c r="D31073" s="1" t="s">
        <v>59833</v>
      </c>
      <c r="E31073" s="1" t="s">
        <v>108727</v>
      </c>
      <c r="F31073" s="1" t="s">
        <v>108728</v>
      </c>
      <c r="G31073" s="1" t="s">
        <v>108680</v>
      </c>
      <c r="H31073" s="1" t="s">
        <v>108681</v>
      </c>
      <c r="I31073" s="1" t="s">
        <v>105238</v>
      </c>
      <c r="J31073" s="1" t="s">
        <v>108729</v>
      </c>
    </row>
    <row r="31074" spans="1:10" x14ac:dyDescent="0.35">
      <c r="A31074" s="1" t="s">
        <v>108676</v>
      </c>
      <c r="B31074" s="1" t="s">
        <v>105234</v>
      </c>
      <c r="C31074" s="1" t="s">
        <v>105</v>
      </c>
      <c r="D31074" s="1" t="s">
        <v>86224</v>
      </c>
      <c r="E31074" s="1" t="s">
        <v>108730</v>
      </c>
      <c r="F31074" s="1" t="s">
        <v>31519</v>
      </c>
      <c r="G31074" s="1" t="s">
        <v>108680</v>
      </c>
      <c r="H31074" s="1" t="s">
        <v>108681</v>
      </c>
      <c r="I31074" s="1" t="s">
        <v>105238</v>
      </c>
      <c r="J31074" s="1" t="s">
        <v>108731</v>
      </c>
    </row>
    <row r="31075" spans="1:10" x14ac:dyDescent="0.35">
      <c r="A31075" s="1" t="s">
        <v>108676</v>
      </c>
      <c r="B31075" s="1" t="s">
        <v>105234</v>
      </c>
      <c r="C31075" s="1" t="s">
        <v>110</v>
      </c>
      <c r="D31075" s="1" t="s">
        <v>88960</v>
      </c>
      <c r="E31075" s="1" t="s">
        <v>108732</v>
      </c>
      <c r="F31075" s="1" t="s">
        <v>22248</v>
      </c>
      <c r="G31075" s="1" t="s">
        <v>108680</v>
      </c>
      <c r="H31075" s="1" t="s">
        <v>108681</v>
      </c>
      <c r="I31075" s="1" t="s">
        <v>105238</v>
      </c>
      <c r="J31075" s="1" t="s">
        <v>108733</v>
      </c>
    </row>
    <row r="31076" spans="1:10" x14ac:dyDescent="0.35">
      <c r="A31076" s="1" t="s">
        <v>108676</v>
      </c>
      <c r="B31076" s="1" t="s">
        <v>105234</v>
      </c>
      <c r="C31076" s="1" t="s">
        <v>115</v>
      </c>
      <c r="D31076" s="1" t="s">
        <v>58178</v>
      </c>
      <c r="E31076" s="1" t="s">
        <v>108721</v>
      </c>
      <c r="F31076" s="1" t="s">
        <v>108734</v>
      </c>
      <c r="G31076" s="1" t="s">
        <v>108680</v>
      </c>
      <c r="H31076" s="1" t="s">
        <v>108681</v>
      </c>
      <c r="I31076" s="1" t="s">
        <v>105238</v>
      </c>
      <c r="J31076" s="1" t="s">
        <v>108735</v>
      </c>
    </row>
    <row r="31077" spans="1:10" x14ac:dyDescent="0.35">
      <c r="A31077" s="1" t="s">
        <v>108676</v>
      </c>
      <c r="B31077" s="1" t="s">
        <v>105234</v>
      </c>
      <c r="C31077" s="1" t="s">
        <v>120</v>
      </c>
      <c r="D31077" s="1" t="s">
        <v>94336</v>
      </c>
      <c r="E31077" s="1" t="s">
        <v>108736</v>
      </c>
      <c r="F31077" s="1" t="s">
        <v>108737</v>
      </c>
      <c r="G31077" s="1" t="s">
        <v>108680</v>
      </c>
      <c r="H31077" s="1" t="s">
        <v>108681</v>
      </c>
      <c r="I31077" s="1" t="s">
        <v>105238</v>
      </c>
      <c r="J31077" s="1" t="s">
        <v>108738</v>
      </c>
    </row>
    <row r="31078" spans="1:10" x14ac:dyDescent="0.35">
      <c r="A31078" s="1" t="s">
        <v>108676</v>
      </c>
      <c r="B31078" s="1" t="s">
        <v>105234</v>
      </c>
      <c r="C31078" s="1" t="s">
        <v>125</v>
      </c>
      <c r="D31078" s="1" t="s">
        <v>108739</v>
      </c>
      <c r="E31078" s="1" t="s">
        <v>108740</v>
      </c>
      <c r="F31078" s="1" t="s">
        <v>103789</v>
      </c>
      <c r="G31078" s="1" t="s">
        <v>108680</v>
      </c>
      <c r="H31078" s="1" t="s">
        <v>108681</v>
      </c>
      <c r="I31078" s="1" t="s">
        <v>105238</v>
      </c>
      <c r="J31078" s="1" t="s">
        <v>108741</v>
      </c>
    </row>
    <row r="31079" spans="1:10" x14ac:dyDescent="0.35">
      <c r="A31079" s="1" t="s">
        <v>108676</v>
      </c>
      <c r="B31079" s="1" t="s">
        <v>105234</v>
      </c>
      <c r="C31079" s="1" t="s">
        <v>130</v>
      </c>
      <c r="D31079" s="1" t="s">
        <v>108614</v>
      </c>
      <c r="E31079" s="1" t="s">
        <v>48037</v>
      </c>
      <c r="F31079" s="1" t="s">
        <v>108742</v>
      </c>
      <c r="G31079" s="1" t="s">
        <v>108680</v>
      </c>
      <c r="H31079" s="1" t="s">
        <v>108681</v>
      </c>
      <c r="I31079" s="1" t="s">
        <v>105238</v>
      </c>
      <c r="J31079" s="1" t="s">
        <v>108743</v>
      </c>
    </row>
    <row r="31080" spans="1:10" x14ac:dyDescent="0.35">
      <c r="A31080" s="1" t="s">
        <v>108676</v>
      </c>
      <c r="B31080" s="1" t="s">
        <v>105234</v>
      </c>
      <c r="C31080" s="1" t="s">
        <v>135</v>
      </c>
      <c r="D31080" s="1" t="s">
        <v>108744</v>
      </c>
      <c r="E31080" s="1" t="s">
        <v>108745</v>
      </c>
      <c r="F31080" s="1" t="s">
        <v>54793</v>
      </c>
      <c r="G31080" s="1" t="s">
        <v>108680</v>
      </c>
      <c r="H31080" s="1" t="s">
        <v>108681</v>
      </c>
      <c r="I31080" s="1" t="s">
        <v>105238</v>
      </c>
      <c r="J31080" s="1" t="s">
        <v>108746</v>
      </c>
    </row>
    <row r="31081" spans="1:10" x14ac:dyDescent="0.35">
      <c r="A31081" s="1" t="s">
        <v>108676</v>
      </c>
      <c r="B31081" s="1" t="s">
        <v>105234</v>
      </c>
      <c r="C31081" s="1" t="s">
        <v>140</v>
      </c>
      <c r="D31081" s="1" t="s">
        <v>108747</v>
      </c>
      <c r="E31081" s="1" t="s">
        <v>108748</v>
      </c>
      <c r="F31081" s="1" t="s">
        <v>108749</v>
      </c>
      <c r="G31081" s="1" t="s">
        <v>108680</v>
      </c>
      <c r="H31081" s="1" t="s">
        <v>108681</v>
      </c>
      <c r="I31081" s="1" t="s">
        <v>105238</v>
      </c>
      <c r="J31081" s="1" t="s">
        <v>108750</v>
      </c>
    </row>
    <row r="31082" spans="1:10" x14ac:dyDescent="0.35">
      <c r="A31082" s="1" t="s">
        <v>108676</v>
      </c>
      <c r="B31082" s="1" t="s">
        <v>105234</v>
      </c>
      <c r="C31082" s="1" t="s">
        <v>145</v>
      </c>
      <c r="D31082" s="1" t="s">
        <v>108751</v>
      </c>
      <c r="E31082" s="1" t="s">
        <v>108752</v>
      </c>
      <c r="F31082" s="1" t="s">
        <v>108753</v>
      </c>
      <c r="G31082" s="1" t="s">
        <v>108680</v>
      </c>
      <c r="H31082" s="1" t="s">
        <v>108681</v>
      </c>
      <c r="I31082" s="1" t="s">
        <v>105238</v>
      </c>
      <c r="J31082" s="1" t="s">
        <v>108754</v>
      </c>
    </row>
    <row r="31083" spans="1:10" x14ac:dyDescent="0.35">
      <c r="A31083" s="1" t="s">
        <v>108676</v>
      </c>
      <c r="B31083" s="1" t="s">
        <v>105234</v>
      </c>
      <c r="C31083" s="1" t="s">
        <v>150</v>
      </c>
      <c r="D31083" s="1" t="s">
        <v>59258</v>
      </c>
      <c r="E31083" s="1" t="s">
        <v>108755</v>
      </c>
      <c r="F31083" s="1" t="s">
        <v>54651</v>
      </c>
      <c r="G31083" s="1" t="s">
        <v>108680</v>
      </c>
      <c r="H31083" s="1" t="s">
        <v>108681</v>
      </c>
      <c r="I31083" s="1" t="s">
        <v>105238</v>
      </c>
      <c r="J31083" s="1" t="s">
        <v>108756</v>
      </c>
    </row>
    <row r="31084" spans="1:10" x14ac:dyDescent="0.35">
      <c r="A31084" s="1" t="s">
        <v>108676</v>
      </c>
      <c r="B31084" s="1" t="s">
        <v>105234</v>
      </c>
      <c r="C31084" s="1" t="s">
        <v>155</v>
      </c>
      <c r="D31084" s="1" t="s">
        <v>108757</v>
      </c>
      <c r="E31084" s="1" t="s">
        <v>108758</v>
      </c>
      <c r="F31084" s="1" t="s">
        <v>108759</v>
      </c>
      <c r="G31084" s="1" t="s">
        <v>108680</v>
      </c>
      <c r="H31084" s="1" t="s">
        <v>108681</v>
      </c>
      <c r="I31084" s="1" t="s">
        <v>105238</v>
      </c>
      <c r="J31084" s="1" t="s">
        <v>108760</v>
      </c>
    </row>
    <row r="31085" spans="1:10" x14ac:dyDescent="0.35">
      <c r="A31085" s="1" t="s">
        <v>108676</v>
      </c>
      <c r="B31085" s="1" t="s">
        <v>105234</v>
      </c>
      <c r="C31085" s="1" t="s">
        <v>160</v>
      </c>
      <c r="D31085" s="1" t="s">
        <v>83312</v>
      </c>
      <c r="E31085" s="1" t="s">
        <v>108761</v>
      </c>
      <c r="F31085" s="1" t="s">
        <v>59606</v>
      </c>
      <c r="G31085" s="1" t="s">
        <v>108680</v>
      </c>
      <c r="H31085" s="1" t="s">
        <v>108681</v>
      </c>
      <c r="I31085" s="1" t="s">
        <v>105238</v>
      </c>
      <c r="J31085" s="1" t="s">
        <v>108762</v>
      </c>
    </row>
    <row r="31086" spans="1:10" x14ac:dyDescent="0.35">
      <c r="A31086" s="1" t="s">
        <v>108676</v>
      </c>
      <c r="B31086" s="1" t="s">
        <v>105234</v>
      </c>
      <c r="C31086" s="1" t="s">
        <v>165</v>
      </c>
      <c r="D31086" s="1" t="s">
        <v>77535</v>
      </c>
      <c r="E31086" s="1" t="s">
        <v>16058</v>
      </c>
      <c r="F31086" s="1" t="s">
        <v>108763</v>
      </c>
      <c r="G31086" s="1" t="s">
        <v>108680</v>
      </c>
      <c r="H31086" s="1" t="s">
        <v>108681</v>
      </c>
      <c r="I31086" s="1" t="s">
        <v>105238</v>
      </c>
      <c r="J31086" s="1" t="s">
        <v>108764</v>
      </c>
    </row>
    <row r="31087" spans="1:10" x14ac:dyDescent="0.35">
      <c r="A31087" s="1" t="s">
        <v>108676</v>
      </c>
      <c r="B31087" s="1" t="s">
        <v>105234</v>
      </c>
      <c r="C31087" s="1" t="s">
        <v>170</v>
      </c>
      <c r="D31087" s="1" t="s">
        <v>78474</v>
      </c>
      <c r="E31087" s="1" t="s">
        <v>108765</v>
      </c>
      <c r="F31087" s="1" t="s">
        <v>108766</v>
      </c>
      <c r="G31087" s="1" t="s">
        <v>108680</v>
      </c>
      <c r="H31087" s="1" t="s">
        <v>108681</v>
      </c>
      <c r="I31087" s="1" t="s">
        <v>105238</v>
      </c>
      <c r="J31087" s="1" t="s">
        <v>108767</v>
      </c>
    </row>
    <row r="31088" spans="1:10" x14ac:dyDescent="0.35">
      <c r="A31088" s="1" t="s">
        <v>44511</v>
      </c>
      <c r="B31088" s="1" t="s">
        <v>105234</v>
      </c>
      <c r="C31088" s="1" t="s">
        <v>8</v>
      </c>
      <c r="D31088" s="1" t="s">
        <v>108768</v>
      </c>
      <c r="E31088" s="1" t="s">
        <v>31738</v>
      </c>
      <c r="F31088" s="1" t="s">
        <v>82612</v>
      </c>
      <c r="G31088" s="1" t="s">
        <v>108769</v>
      </c>
      <c r="H31088" s="1" t="s">
        <v>108770</v>
      </c>
      <c r="I31088" s="1" t="s">
        <v>105238</v>
      </c>
      <c r="J31088" s="1" t="s">
        <v>13</v>
      </c>
    </row>
    <row r="31089" spans="1:10" x14ac:dyDescent="0.35">
      <c r="A31089" s="1" t="s">
        <v>44511</v>
      </c>
      <c r="B31089" s="1" t="s">
        <v>105234</v>
      </c>
      <c r="C31089" s="1" t="s">
        <v>15</v>
      </c>
      <c r="D31089" s="1" t="s">
        <v>108771</v>
      </c>
      <c r="E31089" s="1" t="s">
        <v>41226</v>
      </c>
      <c r="F31089" s="1" t="s">
        <v>59471</v>
      </c>
      <c r="G31089" s="1" t="s">
        <v>108769</v>
      </c>
      <c r="H31089" s="1" t="s">
        <v>108770</v>
      </c>
      <c r="I31089" s="1" t="s">
        <v>105238</v>
      </c>
      <c r="J31089" s="1" t="s">
        <v>108772</v>
      </c>
    </row>
    <row r="31090" spans="1:10" x14ac:dyDescent="0.35">
      <c r="A31090" s="1" t="s">
        <v>44511</v>
      </c>
      <c r="B31090" s="1" t="s">
        <v>105234</v>
      </c>
      <c r="C31090" s="1" t="s">
        <v>20</v>
      </c>
      <c r="D31090" s="1" t="s">
        <v>108773</v>
      </c>
      <c r="E31090" s="1" t="s">
        <v>31459</v>
      </c>
      <c r="F31090" s="1" t="s">
        <v>24186</v>
      </c>
      <c r="G31090" s="1" t="s">
        <v>108769</v>
      </c>
      <c r="H31090" s="1" t="s">
        <v>108770</v>
      </c>
      <c r="I31090" s="1" t="s">
        <v>105238</v>
      </c>
      <c r="J31090" s="1" t="s">
        <v>108774</v>
      </c>
    </row>
    <row r="31091" spans="1:10" x14ac:dyDescent="0.35">
      <c r="A31091" s="1" t="s">
        <v>44511</v>
      </c>
      <c r="B31091" s="1" t="s">
        <v>105234</v>
      </c>
      <c r="C31091" s="1" t="s">
        <v>25</v>
      </c>
      <c r="D31091" s="1" t="s">
        <v>108775</v>
      </c>
      <c r="E31091" s="1" t="s">
        <v>26488</v>
      </c>
      <c r="F31091" s="1" t="s">
        <v>108776</v>
      </c>
      <c r="G31091" s="1" t="s">
        <v>108769</v>
      </c>
      <c r="H31091" s="1" t="s">
        <v>108770</v>
      </c>
      <c r="I31091" s="1" t="s">
        <v>105238</v>
      </c>
      <c r="J31091" s="1" t="s">
        <v>108777</v>
      </c>
    </row>
    <row r="31092" spans="1:10" x14ac:dyDescent="0.35">
      <c r="A31092" s="1" t="s">
        <v>44511</v>
      </c>
      <c r="B31092" s="1" t="s">
        <v>105234</v>
      </c>
      <c r="C31092" s="1" t="s">
        <v>30</v>
      </c>
      <c r="D31092" s="1" t="s">
        <v>108778</v>
      </c>
      <c r="E31092" s="1" t="s">
        <v>108779</v>
      </c>
      <c r="F31092" s="1" t="s">
        <v>108780</v>
      </c>
      <c r="G31092" s="1" t="s">
        <v>108769</v>
      </c>
      <c r="H31092" s="1" t="s">
        <v>108770</v>
      </c>
      <c r="I31092" s="1" t="s">
        <v>105238</v>
      </c>
      <c r="J31092" s="1" t="s">
        <v>108781</v>
      </c>
    </row>
    <row r="31093" spans="1:10" x14ac:dyDescent="0.35">
      <c r="A31093" s="1" t="s">
        <v>44511</v>
      </c>
      <c r="B31093" s="1" t="s">
        <v>105234</v>
      </c>
      <c r="C31093" s="1" t="s">
        <v>35</v>
      </c>
      <c r="D31093" s="1" t="s">
        <v>38510</v>
      </c>
      <c r="E31093" s="1" t="s">
        <v>67151</v>
      </c>
      <c r="F31093" s="1" t="s">
        <v>108782</v>
      </c>
      <c r="G31093" s="1" t="s">
        <v>108769</v>
      </c>
      <c r="H31093" s="1" t="s">
        <v>108770</v>
      </c>
      <c r="I31093" s="1" t="s">
        <v>105238</v>
      </c>
      <c r="J31093" s="1" t="s">
        <v>108783</v>
      </c>
    </row>
    <row r="31094" spans="1:10" x14ac:dyDescent="0.35">
      <c r="A31094" s="1" t="s">
        <v>44511</v>
      </c>
      <c r="B31094" s="1" t="s">
        <v>105234</v>
      </c>
      <c r="C31094" s="1" t="s">
        <v>40</v>
      </c>
      <c r="D31094" s="1" t="s">
        <v>108784</v>
      </c>
      <c r="E31094" s="1" t="s">
        <v>56570</v>
      </c>
      <c r="F31094" s="1" t="s">
        <v>108785</v>
      </c>
      <c r="G31094" s="1" t="s">
        <v>108769</v>
      </c>
      <c r="H31094" s="1" t="s">
        <v>108770</v>
      </c>
      <c r="I31094" s="1" t="s">
        <v>105238</v>
      </c>
      <c r="J31094" s="1" t="s">
        <v>108786</v>
      </c>
    </row>
    <row r="31095" spans="1:10" x14ac:dyDescent="0.35">
      <c r="A31095" s="1" t="s">
        <v>44511</v>
      </c>
      <c r="B31095" s="1" t="s">
        <v>105234</v>
      </c>
      <c r="C31095" s="1" t="s">
        <v>45</v>
      </c>
      <c r="D31095" s="1" t="s">
        <v>108787</v>
      </c>
      <c r="E31095" s="1" t="s">
        <v>53997</v>
      </c>
      <c r="F31095" s="1" t="s">
        <v>108788</v>
      </c>
      <c r="G31095" s="1" t="s">
        <v>108769</v>
      </c>
      <c r="H31095" s="1" t="s">
        <v>108770</v>
      </c>
      <c r="I31095" s="1" t="s">
        <v>105238</v>
      </c>
      <c r="J31095" s="1" t="s">
        <v>108789</v>
      </c>
    </row>
    <row r="31096" spans="1:10" x14ac:dyDescent="0.35">
      <c r="A31096" s="1" t="s">
        <v>44511</v>
      </c>
      <c r="B31096" s="1" t="s">
        <v>105234</v>
      </c>
      <c r="C31096" s="1" t="s">
        <v>50</v>
      </c>
      <c r="D31096" s="1" t="s">
        <v>108790</v>
      </c>
      <c r="E31096" s="1" t="s">
        <v>108791</v>
      </c>
      <c r="F31096" s="1" t="s">
        <v>108792</v>
      </c>
      <c r="G31096" s="1" t="s">
        <v>108769</v>
      </c>
      <c r="H31096" s="1" t="s">
        <v>108770</v>
      </c>
      <c r="I31096" s="1" t="s">
        <v>105238</v>
      </c>
      <c r="J31096" s="1" t="s">
        <v>108793</v>
      </c>
    </row>
    <row r="31097" spans="1:10" x14ac:dyDescent="0.35">
      <c r="A31097" s="1" t="s">
        <v>44511</v>
      </c>
      <c r="B31097" s="1" t="s">
        <v>105234</v>
      </c>
      <c r="C31097" s="1" t="s">
        <v>55</v>
      </c>
      <c r="D31097" s="1" t="s">
        <v>108794</v>
      </c>
      <c r="E31097" s="1" t="s">
        <v>108795</v>
      </c>
      <c r="F31097" s="1" t="s">
        <v>108796</v>
      </c>
      <c r="G31097" s="1" t="s">
        <v>108769</v>
      </c>
      <c r="H31097" s="1" t="s">
        <v>108770</v>
      </c>
      <c r="I31097" s="1" t="s">
        <v>105238</v>
      </c>
      <c r="J31097" s="1" t="s">
        <v>108797</v>
      </c>
    </row>
    <row r="31098" spans="1:10" x14ac:dyDescent="0.35">
      <c r="A31098" s="1" t="s">
        <v>44511</v>
      </c>
      <c r="B31098" s="1" t="s">
        <v>105234</v>
      </c>
      <c r="C31098" s="1" t="s">
        <v>60</v>
      </c>
      <c r="D31098" s="1" t="s">
        <v>77941</v>
      </c>
      <c r="E31098" s="1" t="s">
        <v>108798</v>
      </c>
      <c r="F31098" s="1" t="s">
        <v>108799</v>
      </c>
      <c r="G31098" s="1" t="s">
        <v>108769</v>
      </c>
      <c r="H31098" s="1" t="s">
        <v>108770</v>
      </c>
      <c r="I31098" s="1" t="s">
        <v>105238</v>
      </c>
      <c r="J31098" s="1" t="s">
        <v>108800</v>
      </c>
    </row>
    <row r="31099" spans="1:10" x14ac:dyDescent="0.35">
      <c r="A31099" s="1" t="s">
        <v>44511</v>
      </c>
      <c r="B31099" s="1" t="s">
        <v>105234</v>
      </c>
      <c r="C31099" s="1" t="s">
        <v>65</v>
      </c>
      <c r="D31099" s="1" t="s">
        <v>53716</v>
      </c>
      <c r="E31099" s="1" t="s">
        <v>26156</v>
      </c>
      <c r="F31099" s="1" t="s">
        <v>54137</v>
      </c>
      <c r="G31099" s="1" t="s">
        <v>108769</v>
      </c>
      <c r="H31099" s="1" t="s">
        <v>108770</v>
      </c>
      <c r="I31099" s="1" t="s">
        <v>105238</v>
      </c>
      <c r="J31099" s="1" t="s">
        <v>108801</v>
      </c>
    </row>
    <row r="31100" spans="1:10" x14ac:dyDescent="0.35">
      <c r="A31100" s="1" t="s">
        <v>44511</v>
      </c>
      <c r="B31100" s="1" t="s">
        <v>105234</v>
      </c>
      <c r="C31100" s="1" t="s">
        <v>70</v>
      </c>
      <c r="D31100" s="1" t="s">
        <v>108802</v>
      </c>
      <c r="E31100" s="1" t="s">
        <v>108803</v>
      </c>
      <c r="F31100" s="1" t="s">
        <v>55116</v>
      </c>
      <c r="G31100" s="1" t="s">
        <v>108769</v>
      </c>
      <c r="H31100" s="1" t="s">
        <v>108770</v>
      </c>
      <c r="I31100" s="1" t="s">
        <v>105238</v>
      </c>
      <c r="J31100" s="1" t="s">
        <v>108804</v>
      </c>
    </row>
    <row r="31101" spans="1:10" x14ac:dyDescent="0.35">
      <c r="A31101" s="1" t="s">
        <v>44511</v>
      </c>
      <c r="B31101" s="1" t="s">
        <v>105234</v>
      </c>
      <c r="C31101" s="1" t="s">
        <v>75</v>
      </c>
      <c r="D31101" s="1" t="s">
        <v>108805</v>
      </c>
      <c r="E31101" s="1" t="s">
        <v>520</v>
      </c>
      <c r="F31101" s="1" t="s">
        <v>108806</v>
      </c>
      <c r="G31101" s="1" t="s">
        <v>108769</v>
      </c>
      <c r="H31101" s="1" t="s">
        <v>108770</v>
      </c>
      <c r="I31101" s="1" t="s">
        <v>105238</v>
      </c>
      <c r="J31101" s="1" t="s">
        <v>108807</v>
      </c>
    </row>
    <row r="31102" spans="1:10" x14ac:dyDescent="0.35">
      <c r="A31102" s="1" t="s">
        <v>44511</v>
      </c>
      <c r="B31102" s="1" t="s">
        <v>105234</v>
      </c>
      <c r="C31102" s="1" t="s">
        <v>80</v>
      </c>
      <c r="D31102" s="1" t="s">
        <v>62806</v>
      </c>
      <c r="E31102" s="1" t="s">
        <v>108808</v>
      </c>
      <c r="F31102" s="1" t="s">
        <v>108809</v>
      </c>
      <c r="G31102" s="1" t="s">
        <v>108769</v>
      </c>
      <c r="H31102" s="1" t="s">
        <v>108770</v>
      </c>
      <c r="I31102" s="1" t="s">
        <v>105238</v>
      </c>
      <c r="J31102" s="1" t="s">
        <v>108810</v>
      </c>
    </row>
    <row r="31103" spans="1:10" x14ac:dyDescent="0.35">
      <c r="A31103" s="1" t="s">
        <v>44511</v>
      </c>
      <c r="B31103" s="1" t="s">
        <v>105234</v>
      </c>
      <c r="C31103" s="1" t="s">
        <v>85</v>
      </c>
      <c r="D31103" s="1" t="s">
        <v>68663</v>
      </c>
      <c r="E31103" s="1" t="s">
        <v>54697</v>
      </c>
      <c r="F31103" s="1" t="s">
        <v>67194</v>
      </c>
      <c r="G31103" s="1" t="s">
        <v>108769</v>
      </c>
      <c r="H31103" s="1" t="s">
        <v>108770</v>
      </c>
      <c r="I31103" s="1" t="s">
        <v>105238</v>
      </c>
      <c r="J31103" s="1" t="s">
        <v>108811</v>
      </c>
    </row>
    <row r="31104" spans="1:10" x14ac:dyDescent="0.35">
      <c r="A31104" s="1" t="s">
        <v>44511</v>
      </c>
      <c r="B31104" s="1" t="s">
        <v>105234</v>
      </c>
      <c r="C31104" s="1" t="s">
        <v>90</v>
      </c>
      <c r="D31104" s="1" t="s">
        <v>108812</v>
      </c>
      <c r="E31104" s="1" t="s">
        <v>97168</v>
      </c>
      <c r="F31104" s="1" t="s">
        <v>108813</v>
      </c>
      <c r="G31104" s="1" t="s">
        <v>108769</v>
      </c>
      <c r="H31104" s="1" t="s">
        <v>108770</v>
      </c>
      <c r="I31104" s="1" t="s">
        <v>105238</v>
      </c>
      <c r="J31104" s="1" t="s">
        <v>108814</v>
      </c>
    </row>
    <row r="31105" spans="1:10" x14ac:dyDescent="0.35">
      <c r="A31105" s="1" t="s">
        <v>44511</v>
      </c>
      <c r="B31105" s="1" t="s">
        <v>105234</v>
      </c>
      <c r="C31105" s="1" t="s">
        <v>95</v>
      </c>
      <c r="D31105" s="1" t="s">
        <v>108815</v>
      </c>
      <c r="E31105" s="1" t="s">
        <v>26535</v>
      </c>
      <c r="F31105" s="1" t="s">
        <v>108816</v>
      </c>
      <c r="G31105" s="1" t="s">
        <v>108769</v>
      </c>
      <c r="H31105" s="1" t="s">
        <v>108770</v>
      </c>
      <c r="I31105" s="1" t="s">
        <v>105238</v>
      </c>
      <c r="J31105" s="1" t="s">
        <v>108817</v>
      </c>
    </row>
    <row r="31106" spans="1:10" x14ac:dyDescent="0.35">
      <c r="A31106" s="1" t="s">
        <v>44511</v>
      </c>
      <c r="B31106" s="1" t="s">
        <v>105234</v>
      </c>
      <c r="C31106" s="1" t="s">
        <v>100</v>
      </c>
      <c r="D31106" s="1" t="s">
        <v>108818</v>
      </c>
      <c r="E31106" s="1" t="s">
        <v>108819</v>
      </c>
      <c r="F31106" s="1" t="s">
        <v>63432</v>
      </c>
      <c r="G31106" s="1" t="s">
        <v>108769</v>
      </c>
      <c r="H31106" s="1" t="s">
        <v>108770</v>
      </c>
      <c r="I31106" s="1" t="s">
        <v>105238</v>
      </c>
      <c r="J31106" s="1" t="s">
        <v>108820</v>
      </c>
    </row>
    <row r="31107" spans="1:10" x14ac:dyDescent="0.35">
      <c r="A31107" s="1" t="s">
        <v>44511</v>
      </c>
      <c r="B31107" s="1" t="s">
        <v>105234</v>
      </c>
      <c r="C31107" s="1" t="s">
        <v>105</v>
      </c>
      <c r="D31107" s="1" t="s">
        <v>108821</v>
      </c>
      <c r="E31107" s="1" t="s">
        <v>108822</v>
      </c>
      <c r="F31107" s="1" t="s">
        <v>23270</v>
      </c>
      <c r="G31107" s="1" t="s">
        <v>108769</v>
      </c>
      <c r="H31107" s="1" t="s">
        <v>108770</v>
      </c>
      <c r="I31107" s="1" t="s">
        <v>105238</v>
      </c>
      <c r="J31107" s="1" t="s">
        <v>108823</v>
      </c>
    </row>
    <row r="31108" spans="1:10" x14ac:dyDescent="0.35">
      <c r="A31108" s="1" t="s">
        <v>44511</v>
      </c>
      <c r="B31108" s="1" t="s">
        <v>105234</v>
      </c>
      <c r="C31108" s="1" t="s">
        <v>110</v>
      </c>
      <c r="D31108" s="1" t="s">
        <v>22013</v>
      </c>
      <c r="E31108" s="1" t="s">
        <v>96620</v>
      </c>
      <c r="F31108" s="1" t="s">
        <v>62182</v>
      </c>
      <c r="G31108" s="1" t="s">
        <v>108769</v>
      </c>
      <c r="H31108" s="1" t="s">
        <v>108770</v>
      </c>
      <c r="I31108" s="1" t="s">
        <v>105238</v>
      </c>
      <c r="J31108" s="1" t="s">
        <v>108824</v>
      </c>
    </row>
    <row r="31109" spans="1:10" x14ac:dyDescent="0.35">
      <c r="A31109" s="1" t="s">
        <v>44511</v>
      </c>
      <c r="B31109" s="1" t="s">
        <v>105234</v>
      </c>
      <c r="C31109" s="1" t="s">
        <v>115</v>
      </c>
      <c r="D31109" s="1" t="s">
        <v>108825</v>
      </c>
      <c r="E31109" s="1" t="s">
        <v>27104</v>
      </c>
      <c r="F31109" s="1" t="s">
        <v>108826</v>
      </c>
      <c r="G31109" s="1" t="s">
        <v>108769</v>
      </c>
      <c r="H31109" s="1" t="s">
        <v>108770</v>
      </c>
      <c r="I31109" s="1" t="s">
        <v>105238</v>
      </c>
      <c r="J31109" s="1" t="s">
        <v>108827</v>
      </c>
    </row>
    <row r="31110" spans="1:10" x14ac:dyDescent="0.35">
      <c r="A31110" s="1" t="s">
        <v>44511</v>
      </c>
      <c r="B31110" s="1" t="s">
        <v>105234</v>
      </c>
      <c r="C31110" s="1" t="s">
        <v>120</v>
      </c>
      <c r="D31110" s="1" t="s">
        <v>108828</v>
      </c>
      <c r="E31110" s="1" t="s">
        <v>108829</v>
      </c>
      <c r="F31110" s="1" t="s">
        <v>32385</v>
      </c>
      <c r="G31110" s="1" t="s">
        <v>108769</v>
      </c>
      <c r="H31110" s="1" t="s">
        <v>108770</v>
      </c>
      <c r="I31110" s="1" t="s">
        <v>105238</v>
      </c>
      <c r="J31110" s="1" t="s">
        <v>108830</v>
      </c>
    </row>
    <row r="31111" spans="1:10" x14ac:dyDescent="0.35">
      <c r="A31111" s="1" t="s">
        <v>44511</v>
      </c>
      <c r="B31111" s="1" t="s">
        <v>105234</v>
      </c>
      <c r="C31111" s="1" t="s">
        <v>125</v>
      </c>
      <c r="D31111" s="1" t="s">
        <v>77205</v>
      </c>
      <c r="E31111" s="1" t="s">
        <v>15691</v>
      </c>
      <c r="F31111" s="1" t="s">
        <v>105956</v>
      </c>
      <c r="G31111" s="1" t="s">
        <v>108769</v>
      </c>
      <c r="H31111" s="1" t="s">
        <v>108770</v>
      </c>
      <c r="I31111" s="1" t="s">
        <v>105238</v>
      </c>
      <c r="J31111" s="1" t="s">
        <v>108831</v>
      </c>
    </row>
    <row r="31112" spans="1:10" x14ac:dyDescent="0.35">
      <c r="A31112" s="1" t="s">
        <v>44511</v>
      </c>
      <c r="B31112" s="1" t="s">
        <v>105234</v>
      </c>
      <c r="C31112" s="1" t="s">
        <v>130</v>
      </c>
      <c r="D31112" s="1" t="s">
        <v>108832</v>
      </c>
      <c r="E31112" s="1" t="s">
        <v>108833</v>
      </c>
      <c r="F31112" s="1" t="s">
        <v>57859</v>
      </c>
      <c r="G31112" s="1" t="s">
        <v>108769</v>
      </c>
      <c r="H31112" s="1" t="s">
        <v>108770</v>
      </c>
      <c r="I31112" s="1" t="s">
        <v>105238</v>
      </c>
      <c r="J31112" s="1" t="s">
        <v>34663</v>
      </c>
    </row>
    <row r="31113" spans="1:10" x14ac:dyDescent="0.35">
      <c r="A31113" s="1" t="s">
        <v>44511</v>
      </c>
      <c r="B31113" s="1" t="s">
        <v>105234</v>
      </c>
      <c r="C31113" s="1" t="s">
        <v>135</v>
      </c>
      <c r="D31113" s="1" t="s">
        <v>76939</v>
      </c>
      <c r="E31113" s="1" t="s">
        <v>60856</v>
      </c>
      <c r="F31113" s="1" t="s">
        <v>57246</v>
      </c>
      <c r="G31113" s="1" t="s">
        <v>108769</v>
      </c>
      <c r="H31113" s="1" t="s">
        <v>108770</v>
      </c>
      <c r="I31113" s="1" t="s">
        <v>105238</v>
      </c>
      <c r="J31113" s="1" t="s">
        <v>108834</v>
      </c>
    </row>
    <row r="31114" spans="1:10" x14ac:dyDescent="0.35">
      <c r="A31114" s="1" t="s">
        <v>44511</v>
      </c>
      <c r="B31114" s="1" t="s">
        <v>105234</v>
      </c>
      <c r="C31114" s="1" t="s">
        <v>140</v>
      </c>
      <c r="D31114" s="1" t="s">
        <v>100127</v>
      </c>
      <c r="E31114" s="1" t="s">
        <v>71156</v>
      </c>
      <c r="F31114" s="1" t="s">
        <v>59913</v>
      </c>
      <c r="G31114" s="1" t="s">
        <v>108769</v>
      </c>
      <c r="H31114" s="1" t="s">
        <v>108770</v>
      </c>
      <c r="I31114" s="1" t="s">
        <v>105238</v>
      </c>
      <c r="J31114" s="1" t="s">
        <v>108835</v>
      </c>
    </row>
    <row r="31115" spans="1:10" x14ac:dyDescent="0.35">
      <c r="A31115" s="1" t="s">
        <v>44511</v>
      </c>
      <c r="B31115" s="1" t="s">
        <v>105234</v>
      </c>
      <c r="C31115" s="1" t="s">
        <v>145</v>
      </c>
      <c r="D31115" s="1" t="s">
        <v>108836</v>
      </c>
      <c r="E31115" s="1" t="s">
        <v>60568</v>
      </c>
      <c r="F31115" s="1" t="s">
        <v>64694</v>
      </c>
      <c r="G31115" s="1" t="s">
        <v>108769</v>
      </c>
      <c r="H31115" s="1" t="s">
        <v>108770</v>
      </c>
      <c r="I31115" s="1" t="s">
        <v>105238</v>
      </c>
      <c r="J31115" s="1" t="s">
        <v>108837</v>
      </c>
    </row>
    <row r="31116" spans="1:10" x14ac:dyDescent="0.35">
      <c r="A31116" s="1" t="s">
        <v>44511</v>
      </c>
      <c r="B31116" s="1" t="s">
        <v>105234</v>
      </c>
      <c r="C31116" s="1" t="s">
        <v>150</v>
      </c>
      <c r="D31116" s="1" t="s">
        <v>108838</v>
      </c>
      <c r="E31116" s="1" t="s">
        <v>15656</v>
      </c>
      <c r="F31116" s="1" t="s">
        <v>108839</v>
      </c>
      <c r="G31116" s="1" t="s">
        <v>108769</v>
      </c>
      <c r="H31116" s="1" t="s">
        <v>108770</v>
      </c>
      <c r="I31116" s="1" t="s">
        <v>105238</v>
      </c>
      <c r="J31116" s="1" t="s">
        <v>108840</v>
      </c>
    </row>
    <row r="31117" spans="1:10" x14ac:dyDescent="0.35">
      <c r="A31117" s="1" t="s">
        <v>44511</v>
      </c>
      <c r="B31117" s="1" t="s">
        <v>105234</v>
      </c>
      <c r="C31117" s="1" t="s">
        <v>155</v>
      </c>
      <c r="D31117" s="1" t="s">
        <v>108841</v>
      </c>
      <c r="E31117" s="1" t="s">
        <v>95768</v>
      </c>
      <c r="F31117" s="1" t="s">
        <v>96604</v>
      </c>
      <c r="G31117" s="1" t="s">
        <v>108769</v>
      </c>
      <c r="H31117" s="1" t="s">
        <v>108770</v>
      </c>
      <c r="I31117" s="1" t="s">
        <v>105238</v>
      </c>
      <c r="J31117" s="1" t="s">
        <v>108842</v>
      </c>
    </row>
    <row r="31118" spans="1:10" x14ac:dyDescent="0.35">
      <c r="A31118" s="1" t="s">
        <v>44511</v>
      </c>
      <c r="B31118" s="1" t="s">
        <v>105234</v>
      </c>
      <c r="C31118" s="1" t="s">
        <v>160</v>
      </c>
      <c r="D31118" s="1" t="s">
        <v>76077</v>
      </c>
      <c r="E31118" s="1" t="s">
        <v>108843</v>
      </c>
      <c r="F31118" s="1" t="s">
        <v>108844</v>
      </c>
      <c r="G31118" s="1" t="s">
        <v>108769</v>
      </c>
      <c r="H31118" s="1" t="s">
        <v>108770</v>
      </c>
      <c r="I31118" s="1" t="s">
        <v>105238</v>
      </c>
      <c r="J31118" s="1" t="s">
        <v>108845</v>
      </c>
    </row>
    <row r="31119" spans="1:10" x14ac:dyDescent="0.35">
      <c r="A31119" s="1" t="s">
        <v>44511</v>
      </c>
      <c r="B31119" s="1" t="s">
        <v>105234</v>
      </c>
      <c r="C31119" s="1" t="s">
        <v>165</v>
      </c>
      <c r="D31119" s="1" t="s">
        <v>52934</v>
      </c>
      <c r="E31119" s="1" t="s">
        <v>94193</v>
      </c>
      <c r="F31119" s="1" t="s">
        <v>108846</v>
      </c>
      <c r="G31119" s="1" t="s">
        <v>108769</v>
      </c>
      <c r="H31119" s="1" t="s">
        <v>108770</v>
      </c>
      <c r="I31119" s="1" t="s">
        <v>105238</v>
      </c>
      <c r="J31119" s="1" t="s">
        <v>108847</v>
      </c>
    </row>
    <row r="31120" spans="1:10" x14ac:dyDescent="0.35">
      <c r="A31120" s="1" t="s">
        <v>44511</v>
      </c>
      <c r="B31120" s="1" t="s">
        <v>105234</v>
      </c>
      <c r="C31120" s="1" t="s">
        <v>170</v>
      </c>
      <c r="D31120" s="1" t="s">
        <v>42864</v>
      </c>
      <c r="E31120" s="1" t="s">
        <v>15610</v>
      </c>
      <c r="F31120" s="1" t="s">
        <v>108848</v>
      </c>
      <c r="G31120" s="1" t="s">
        <v>108769</v>
      </c>
      <c r="H31120" s="1" t="s">
        <v>108770</v>
      </c>
      <c r="I31120" s="1" t="s">
        <v>105238</v>
      </c>
      <c r="J31120" s="1" t="s">
        <v>108849</v>
      </c>
    </row>
    <row r="31121" spans="1:10" x14ac:dyDescent="0.35">
      <c r="A31121" s="1" t="s">
        <v>108850</v>
      </c>
      <c r="B31121" s="1" t="s">
        <v>105234</v>
      </c>
      <c r="C31121" s="1" t="s">
        <v>8</v>
      </c>
      <c r="D31121" s="1" t="s">
        <v>82607</v>
      </c>
      <c r="E31121" s="1" t="s">
        <v>108851</v>
      </c>
      <c r="F31121" s="1" t="s">
        <v>58434</v>
      </c>
      <c r="G31121" s="1" t="s">
        <v>108852</v>
      </c>
      <c r="H31121" s="1" t="s">
        <v>108853</v>
      </c>
      <c r="I31121" s="1" t="s">
        <v>105238</v>
      </c>
      <c r="J31121" s="1" t="s">
        <v>13</v>
      </c>
    </row>
    <row r="31122" spans="1:10" x14ac:dyDescent="0.35">
      <c r="A31122" s="1" t="s">
        <v>108850</v>
      </c>
      <c r="B31122" s="1" t="s">
        <v>105234</v>
      </c>
      <c r="C31122" s="1" t="s">
        <v>15</v>
      </c>
      <c r="D31122" s="1" t="s">
        <v>97866</v>
      </c>
      <c r="E31122" s="1" t="s">
        <v>108306</v>
      </c>
      <c r="F31122" s="1" t="s">
        <v>108854</v>
      </c>
      <c r="G31122" s="1" t="s">
        <v>108852</v>
      </c>
      <c r="H31122" s="1" t="s">
        <v>108853</v>
      </c>
      <c r="I31122" s="1" t="s">
        <v>105238</v>
      </c>
      <c r="J31122" s="1" t="s">
        <v>108855</v>
      </c>
    </row>
    <row r="31123" spans="1:10" x14ac:dyDescent="0.35">
      <c r="A31123" s="1" t="s">
        <v>108850</v>
      </c>
      <c r="B31123" s="1" t="s">
        <v>105234</v>
      </c>
      <c r="C31123" s="1" t="s">
        <v>20</v>
      </c>
      <c r="D31123" s="1" t="s">
        <v>108856</v>
      </c>
      <c r="E31123" s="1" t="s">
        <v>108280</v>
      </c>
      <c r="F31123" s="1" t="s">
        <v>108857</v>
      </c>
      <c r="G31123" s="1" t="s">
        <v>108852</v>
      </c>
      <c r="H31123" s="1" t="s">
        <v>108853</v>
      </c>
      <c r="I31123" s="1" t="s">
        <v>105238</v>
      </c>
      <c r="J31123" s="1" t="s">
        <v>108858</v>
      </c>
    </row>
    <row r="31124" spans="1:10" x14ac:dyDescent="0.35">
      <c r="A31124" s="1" t="s">
        <v>108850</v>
      </c>
      <c r="B31124" s="1" t="s">
        <v>105234</v>
      </c>
      <c r="C31124" s="1" t="s">
        <v>25</v>
      </c>
      <c r="D31124" s="1" t="s">
        <v>108103</v>
      </c>
      <c r="E31124" s="1" t="s">
        <v>74218</v>
      </c>
      <c r="F31124" s="1" t="s">
        <v>108859</v>
      </c>
      <c r="G31124" s="1" t="s">
        <v>108852</v>
      </c>
      <c r="H31124" s="1" t="s">
        <v>108853</v>
      </c>
      <c r="I31124" s="1" t="s">
        <v>105238</v>
      </c>
      <c r="J31124" s="1" t="s">
        <v>108860</v>
      </c>
    </row>
    <row r="31125" spans="1:10" x14ac:dyDescent="0.35">
      <c r="A31125" s="1" t="s">
        <v>108850</v>
      </c>
      <c r="B31125" s="1" t="s">
        <v>105234</v>
      </c>
      <c r="C31125" s="1" t="s">
        <v>30</v>
      </c>
      <c r="D31125" s="1" t="s">
        <v>108861</v>
      </c>
      <c r="E31125" s="1" t="s">
        <v>108862</v>
      </c>
      <c r="F31125" s="1" t="s">
        <v>108863</v>
      </c>
      <c r="G31125" s="1" t="s">
        <v>108852</v>
      </c>
      <c r="H31125" s="1" t="s">
        <v>108853</v>
      </c>
      <c r="I31125" s="1" t="s">
        <v>105238</v>
      </c>
      <c r="J31125" s="1" t="s">
        <v>108864</v>
      </c>
    </row>
    <row r="31126" spans="1:10" x14ac:dyDescent="0.35">
      <c r="A31126" s="1" t="s">
        <v>108850</v>
      </c>
      <c r="B31126" s="1" t="s">
        <v>105234</v>
      </c>
      <c r="C31126" s="1" t="s">
        <v>35</v>
      </c>
      <c r="D31126" s="1" t="s">
        <v>108865</v>
      </c>
      <c r="E31126" s="1" t="s">
        <v>78776</v>
      </c>
      <c r="F31126" s="1" t="s">
        <v>108866</v>
      </c>
      <c r="G31126" s="1" t="s">
        <v>108852</v>
      </c>
      <c r="H31126" s="1" t="s">
        <v>108853</v>
      </c>
      <c r="I31126" s="1" t="s">
        <v>105238</v>
      </c>
      <c r="J31126" s="1" t="s">
        <v>108867</v>
      </c>
    </row>
    <row r="31127" spans="1:10" x14ac:dyDescent="0.35">
      <c r="A31127" s="1" t="s">
        <v>108850</v>
      </c>
      <c r="B31127" s="1" t="s">
        <v>105234</v>
      </c>
      <c r="C31127" s="1" t="s">
        <v>40</v>
      </c>
      <c r="D31127" s="1" t="s">
        <v>95131</v>
      </c>
      <c r="E31127" s="1" t="s">
        <v>105421</v>
      </c>
      <c r="F31127" s="1" t="s">
        <v>108868</v>
      </c>
      <c r="G31127" s="1" t="s">
        <v>108852</v>
      </c>
      <c r="H31127" s="1" t="s">
        <v>108853</v>
      </c>
      <c r="I31127" s="1" t="s">
        <v>105238</v>
      </c>
      <c r="J31127" s="1" t="s">
        <v>108869</v>
      </c>
    </row>
    <row r="31128" spans="1:10" x14ac:dyDescent="0.35">
      <c r="A31128" s="1" t="s">
        <v>108850</v>
      </c>
      <c r="B31128" s="1" t="s">
        <v>105234</v>
      </c>
      <c r="C31128" s="1" t="s">
        <v>45</v>
      </c>
      <c r="D31128" s="1" t="s">
        <v>87196</v>
      </c>
      <c r="E31128" s="1" t="s">
        <v>15504</v>
      </c>
      <c r="F31128" s="1" t="s">
        <v>31997</v>
      </c>
      <c r="G31128" s="1" t="s">
        <v>108852</v>
      </c>
      <c r="H31128" s="1" t="s">
        <v>108853</v>
      </c>
      <c r="I31128" s="1" t="s">
        <v>105238</v>
      </c>
      <c r="J31128" s="1" t="s">
        <v>108870</v>
      </c>
    </row>
    <row r="31129" spans="1:10" x14ac:dyDescent="0.35">
      <c r="A31129" s="1" t="s">
        <v>108850</v>
      </c>
      <c r="B31129" s="1" t="s">
        <v>105234</v>
      </c>
      <c r="C31129" s="1" t="s">
        <v>50</v>
      </c>
      <c r="D31129" s="1" t="s">
        <v>64734</v>
      </c>
      <c r="E31129" s="1" t="s">
        <v>108871</v>
      </c>
      <c r="F31129" s="1" t="s">
        <v>108872</v>
      </c>
      <c r="G31129" s="1" t="s">
        <v>108852</v>
      </c>
      <c r="H31129" s="1" t="s">
        <v>108853</v>
      </c>
      <c r="I31129" s="1" t="s">
        <v>105238</v>
      </c>
      <c r="J31129" s="1" t="s">
        <v>108873</v>
      </c>
    </row>
    <row r="31130" spans="1:10" x14ac:dyDescent="0.35">
      <c r="A31130" s="1" t="s">
        <v>108850</v>
      </c>
      <c r="B31130" s="1" t="s">
        <v>105234</v>
      </c>
      <c r="C31130" s="1" t="s">
        <v>55</v>
      </c>
      <c r="D31130" s="1" t="s">
        <v>76592</v>
      </c>
      <c r="E31130" s="1" t="s">
        <v>78811</v>
      </c>
      <c r="F31130" s="1" t="s">
        <v>31813</v>
      </c>
      <c r="G31130" s="1" t="s">
        <v>108852</v>
      </c>
      <c r="H31130" s="1" t="s">
        <v>108853</v>
      </c>
      <c r="I31130" s="1" t="s">
        <v>105238</v>
      </c>
      <c r="J31130" s="1" t="s">
        <v>108874</v>
      </c>
    </row>
    <row r="31131" spans="1:10" x14ac:dyDescent="0.35">
      <c r="A31131" s="1" t="s">
        <v>108850</v>
      </c>
      <c r="B31131" s="1" t="s">
        <v>105234</v>
      </c>
      <c r="C31131" s="1" t="s">
        <v>60</v>
      </c>
      <c r="D31131" s="1" t="s">
        <v>66715</v>
      </c>
      <c r="E31131" s="1" t="s">
        <v>108875</v>
      </c>
      <c r="F31131" s="1" t="s">
        <v>66210</v>
      </c>
      <c r="G31131" s="1" t="s">
        <v>108852</v>
      </c>
      <c r="H31131" s="1" t="s">
        <v>108853</v>
      </c>
      <c r="I31131" s="1" t="s">
        <v>105238</v>
      </c>
      <c r="J31131" s="1" t="s">
        <v>108876</v>
      </c>
    </row>
    <row r="31132" spans="1:10" x14ac:dyDescent="0.35">
      <c r="A31132" s="1" t="s">
        <v>108850</v>
      </c>
      <c r="B31132" s="1" t="s">
        <v>105234</v>
      </c>
      <c r="C31132" s="1" t="s">
        <v>65</v>
      </c>
      <c r="D31132" s="1" t="s">
        <v>108877</v>
      </c>
      <c r="E31132" s="1" t="s">
        <v>108878</v>
      </c>
      <c r="F31132" s="1" t="s">
        <v>108879</v>
      </c>
      <c r="G31132" s="1" t="s">
        <v>108852</v>
      </c>
      <c r="H31132" s="1" t="s">
        <v>108853</v>
      </c>
      <c r="I31132" s="1" t="s">
        <v>105238</v>
      </c>
      <c r="J31132" s="1" t="s">
        <v>108880</v>
      </c>
    </row>
    <row r="31133" spans="1:10" x14ac:dyDescent="0.35">
      <c r="A31133" s="1" t="s">
        <v>108850</v>
      </c>
      <c r="B31133" s="1" t="s">
        <v>105234</v>
      </c>
      <c r="C31133" s="1" t="s">
        <v>70</v>
      </c>
      <c r="D31133" s="1" t="s">
        <v>108881</v>
      </c>
      <c r="E31133" s="1" t="s">
        <v>108882</v>
      </c>
      <c r="F31133" s="1" t="s">
        <v>108883</v>
      </c>
      <c r="G31133" s="1" t="s">
        <v>108852</v>
      </c>
      <c r="H31133" s="1" t="s">
        <v>108853</v>
      </c>
      <c r="I31133" s="1" t="s">
        <v>105238</v>
      </c>
      <c r="J31133" s="1" t="s">
        <v>108884</v>
      </c>
    </row>
    <row r="31134" spans="1:10" x14ac:dyDescent="0.35">
      <c r="A31134" s="1" t="s">
        <v>108850</v>
      </c>
      <c r="B31134" s="1" t="s">
        <v>105234</v>
      </c>
      <c r="C31134" s="1" t="s">
        <v>75</v>
      </c>
      <c r="D31134" s="1" t="s">
        <v>58077</v>
      </c>
      <c r="E31134" s="1" t="s">
        <v>108885</v>
      </c>
      <c r="F31134" s="1" t="s">
        <v>108886</v>
      </c>
      <c r="G31134" s="1" t="s">
        <v>108852</v>
      </c>
      <c r="H31134" s="1" t="s">
        <v>108853</v>
      </c>
      <c r="I31134" s="1" t="s">
        <v>105238</v>
      </c>
      <c r="J31134" s="1" t="s">
        <v>108887</v>
      </c>
    </row>
    <row r="31135" spans="1:10" x14ac:dyDescent="0.35">
      <c r="A31135" s="1" t="s">
        <v>108850</v>
      </c>
      <c r="B31135" s="1" t="s">
        <v>105234</v>
      </c>
      <c r="C31135" s="1" t="s">
        <v>80</v>
      </c>
      <c r="D31135" s="1" t="s">
        <v>68028</v>
      </c>
      <c r="E31135" s="1" t="s">
        <v>81186</v>
      </c>
      <c r="F31135" s="1" t="s">
        <v>101203</v>
      </c>
      <c r="G31135" s="1" t="s">
        <v>108852</v>
      </c>
      <c r="H31135" s="1" t="s">
        <v>108853</v>
      </c>
      <c r="I31135" s="1" t="s">
        <v>105238</v>
      </c>
      <c r="J31135" s="1" t="s">
        <v>108888</v>
      </c>
    </row>
    <row r="31136" spans="1:10" x14ac:dyDescent="0.35">
      <c r="A31136" s="1" t="s">
        <v>108850</v>
      </c>
      <c r="B31136" s="1" t="s">
        <v>105234</v>
      </c>
      <c r="C31136" s="1" t="s">
        <v>85</v>
      </c>
      <c r="D31136" s="1" t="s">
        <v>108889</v>
      </c>
      <c r="E31136" s="1" t="s">
        <v>49820</v>
      </c>
      <c r="F31136" s="1" t="s">
        <v>108890</v>
      </c>
      <c r="G31136" s="1" t="s">
        <v>108852</v>
      </c>
      <c r="H31136" s="1" t="s">
        <v>108853</v>
      </c>
      <c r="I31136" s="1" t="s">
        <v>105238</v>
      </c>
      <c r="J31136" s="1" t="s">
        <v>108891</v>
      </c>
    </row>
    <row r="31137" spans="1:10" x14ac:dyDescent="0.35">
      <c r="A31137" s="1" t="s">
        <v>108850</v>
      </c>
      <c r="B31137" s="1" t="s">
        <v>105234</v>
      </c>
      <c r="C31137" s="1" t="s">
        <v>90</v>
      </c>
      <c r="D31137" s="1" t="s">
        <v>108892</v>
      </c>
      <c r="E31137" s="1" t="s">
        <v>108893</v>
      </c>
      <c r="F31137" s="1" t="s">
        <v>68236</v>
      </c>
      <c r="G31137" s="1" t="s">
        <v>108852</v>
      </c>
      <c r="H31137" s="1" t="s">
        <v>108853</v>
      </c>
      <c r="I31137" s="1" t="s">
        <v>105238</v>
      </c>
      <c r="J31137" s="1" t="s">
        <v>108894</v>
      </c>
    </row>
    <row r="31138" spans="1:10" x14ac:dyDescent="0.35">
      <c r="A31138" s="1" t="s">
        <v>108850</v>
      </c>
      <c r="B31138" s="1" t="s">
        <v>105234</v>
      </c>
      <c r="C31138" s="1" t="s">
        <v>95</v>
      </c>
      <c r="D31138" s="1" t="s">
        <v>108895</v>
      </c>
      <c r="E31138" s="1" t="s">
        <v>108896</v>
      </c>
      <c r="F31138" s="1" t="s">
        <v>61414</v>
      </c>
      <c r="G31138" s="1" t="s">
        <v>108852</v>
      </c>
      <c r="H31138" s="1" t="s">
        <v>108853</v>
      </c>
      <c r="I31138" s="1" t="s">
        <v>105238</v>
      </c>
      <c r="J31138" s="1" t="s">
        <v>108897</v>
      </c>
    </row>
    <row r="31139" spans="1:10" x14ac:dyDescent="0.35">
      <c r="A31139" s="1" t="s">
        <v>108850</v>
      </c>
      <c r="B31139" s="1" t="s">
        <v>105234</v>
      </c>
      <c r="C31139" s="1" t="s">
        <v>100</v>
      </c>
      <c r="D31139" s="1" t="s">
        <v>108898</v>
      </c>
      <c r="E31139" s="1" t="s">
        <v>108899</v>
      </c>
      <c r="F31139" s="1" t="s">
        <v>59193</v>
      </c>
      <c r="G31139" s="1" t="s">
        <v>108852</v>
      </c>
      <c r="H31139" s="1" t="s">
        <v>108853</v>
      </c>
      <c r="I31139" s="1" t="s">
        <v>105238</v>
      </c>
      <c r="J31139" s="1" t="s">
        <v>108900</v>
      </c>
    </row>
    <row r="31140" spans="1:10" x14ac:dyDescent="0.35">
      <c r="A31140" s="1" t="s">
        <v>108850</v>
      </c>
      <c r="B31140" s="1" t="s">
        <v>105234</v>
      </c>
      <c r="C31140" s="1" t="s">
        <v>105</v>
      </c>
      <c r="D31140" s="1" t="s">
        <v>67584</v>
      </c>
      <c r="E31140" s="1" t="s">
        <v>81216</v>
      </c>
      <c r="F31140" s="1" t="s">
        <v>108901</v>
      </c>
      <c r="G31140" s="1" t="s">
        <v>108852</v>
      </c>
      <c r="H31140" s="1" t="s">
        <v>108853</v>
      </c>
      <c r="I31140" s="1" t="s">
        <v>105238</v>
      </c>
      <c r="J31140" s="1" t="s">
        <v>108902</v>
      </c>
    </row>
    <row r="31141" spans="1:10" x14ac:dyDescent="0.35">
      <c r="A31141" s="1" t="s">
        <v>108850</v>
      </c>
      <c r="B31141" s="1" t="s">
        <v>105234</v>
      </c>
      <c r="C31141" s="1" t="s">
        <v>110</v>
      </c>
      <c r="D31141" s="1" t="s">
        <v>108903</v>
      </c>
      <c r="E31141" s="1" t="s">
        <v>108904</v>
      </c>
      <c r="F31141" s="1" t="s">
        <v>108905</v>
      </c>
      <c r="G31141" s="1" t="s">
        <v>108852</v>
      </c>
      <c r="H31141" s="1" t="s">
        <v>108853</v>
      </c>
      <c r="I31141" s="1" t="s">
        <v>105238</v>
      </c>
      <c r="J31141" s="1" t="s">
        <v>108906</v>
      </c>
    </row>
    <row r="31142" spans="1:10" x14ac:dyDescent="0.35">
      <c r="A31142" s="1" t="s">
        <v>108850</v>
      </c>
      <c r="B31142" s="1" t="s">
        <v>105234</v>
      </c>
      <c r="C31142" s="1" t="s">
        <v>115</v>
      </c>
      <c r="D31142" s="1" t="s">
        <v>87750</v>
      </c>
      <c r="E31142" s="1" t="s">
        <v>108907</v>
      </c>
      <c r="F31142" s="1" t="s">
        <v>57153</v>
      </c>
      <c r="G31142" s="1" t="s">
        <v>108852</v>
      </c>
      <c r="H31142" s="1" t="s">
        <v>108853</v>
      </c>
      <c r="I31142" s="1" t="s">
        <v>105238</v>
      </c>
      <c r="J31142" s="1" t="s">
        <v>108908</v>
      </c>
    </row>
    <row r="31143" spans="1:10" x14ac:dyDescent="0.35">
      <c r="A31143" s="1" t="s">
        <v>108850</v>
      </c>
      <c r="B31143" s="1" t="s">
        <v>105234</v>
      </c>
      <c r="C31143" s="1" t="s">
        <v>120</v>
      </c>
      <c r="D31143" s="1" t="s">
        <v>108909</v>
      </c>
      <c r="E31143" s="1" t="s">
        <v>74224</v>
      </c>
      <c r="F31143" s="1" t="s">
        <v>108910</v>
      </c>
      <c r="G31143" s="1" t="s">
        <v>108852</v>
      </c>
      <c r="H31143" s="1" t="s">
        <v>108853</v>
      </c>
      <c r="I31143" s="1" t="s">
        <v>105238</v>
      </c>
      <c r="J31143" s="1" t="s">
        <v>108911</v>
      </c>
    </row>
    <row r="31144" spans="1:10" x14ac:dyDescent="0.35">
      <c r="A31144" s="1" t="s">
        <v>108850</v>
      </c>
      <c r="B31144" s="1" t="s">
        <v>105234</v>
      </c>
      <c r="C31144" s="1" t="s">
        <v>125</v>
      </c>
      <c r="D31144" s="1" t="s">
        <v>97697</v>
      </c>
      <c r="E31144" s="1" t="s">
        <v>108912</v>
      </c>
      <c r="F31144" s="1" t="s">
        <v>77719</v>
      </c>
      <c r="G31144" s="1" t="s">
        <v>108852</v>
      </c>
      <c r="H31144" s="1" t="s">
        <v>108853</v>
      </c>
      <c r="I31144" s="1" t="s">
        <v>105238</v>
      </c>
      <c r="J31144" s="1" t="s">
        <v>108913</v>
      </c>
    </row>
    <row r="31145" spans="1:10" x14ac:dyDescent="0.35">
      <c r="A31145" s="1" t="s">
        <v>108850</v>
      </c>
      <c r="B31145" s="1" t="s">
        <v>105234</v>
      </c>
      <c r="C31145" s="1" t="s">
        <v>130</v>
      </c>
      <c r="D31145" s="1" t="s">
        <v>108914</v>
      </c>
      <c r="E31145" s="1" t="s">
        <v>108915</v>
      </c>
      <c r="F31145" s="1" t="s">
        <v>108916</v>
      </c>
      <c r="G31145" s="1" t="s">
        <v>108852</v>
      </c>
      <c r="H31145" s="1" t="s">
        <v>108853</v>
      </c>
      <c r="I31145" s="1" t="s">
        <v>105238</v>
      </c>
      <c r="J31145" s="1" t="s">
        <v>108917</v>
      </c>
    </row>
    <row r="31146" spans="1:10" x14ac:dyDescent="0.35">
      <c r="A31146" s="1" t="s">
        <v>108850</v>
      </c>
      <c r="B31146" s="1" t="s">
        <v>105234</v>
      </c>
      <c r="C31146" s="1" t="s">
        <v>135</v>
      </c>
      <c r="D31146" s="1" t="s">
        <v>106235</v>
      </c>
      <c r="E31146" s="1" t="s">
        <v>108918</v>
      </c>
      <c r="F31146" s="1" t="s">
        <v>108919</v>
      </c>
      <c r="G31146" s="1" t="s">
        <v>108852</v>
      </c>
      <c r="H31146" s="1" t="s">
        <v>108853</v>
      </c>
      <c r="I31146" s="1" t="s">
        <v>105238</v>
      </c>
      <c r="J31146" s="1" t="s">
        <v>108920</v>
      </c>
    </row>
    <row r="31147" spans="1:10" x14ac:dyDescent="0.35">
      <c r="A31147" s="1" t="s">
        <v>108850</v>
      </c>
      <c r="B31147" s="1" t="s">
        <v>105234</v>
      </c>
      <c r="C31147" s="1" t="s">
        <v>140</v>
      </c>
      <c r="D31147" s="1" t="s">
        <v>108921</v>
      </c>
      <c r="E31147" s="1" t="s">
        <v>78839</v>
      </c>
      <c r="F31147" s="1" t="s">
        <v>57027</v>
      </c>
      <c r="G31147" s="1" t="s">
        <v>108852</v>
      </c>
      <c r="H31147" s="1" t="s">
        <v>108853</v>
      </c>
      <c r="I31147" s="1" t="s">
        <v>105238</v>
      </c>
      <c r="J31147" s="1" t="s">
        <v>108922</v>
      </c>
    </row>
    <row r="31148" spans="1:10" x14ac:dyDescent="0.35">
      <c r="A31148" s="1" t="s">
        <v>108850</v>
      </c>
      <c r="B31148" s="1" t="s">
        <v>105234</v>
      </c>
      <c r="C31148" s="1" t="s">
        <v>145</v>
      </c>
      <c r="D31148" s="1" t="s">
        <v>78754</v>
      </c>
      <c r="E31148" s="1" t="s">
        <v>108923</v>
      </c>
      <c r="F31148" s="1" t="s">
        <v>108924</v>
      </c>
      <c r="G31148" s="1" t="s">
        <v>108852</v>
      </c>
      <c r="H31148" s="1" t="s">
        <v>108853</v>
      </c>
      <c r="I31148" s="1" t="s">
        <v>105238</v>
      </c>
      <c r="J31148" s="1" t="s">
        <v>108925</v>
      </c>
    </row>
    <row r="31149" spans="1:10" x14ac:dyDescent="0.35">
      <c r="A31149" s="1" t="s">
        <v>108850</v>
      </c>
      <c r="B31149" s="1" t="s">
        <v>105234</v>
      </c>
      <c r="C31149" s="1" t="s">
        <v>150</v>
      </c>
      <c r="D31149" s="1" t="s">
        <v>108926</v>
      </c>
      <c r="E31149" s="1" t="s">
        <v>108927</v>
      </c>
      <c r="F31149" s="1" t="s">
        <v>108928</v>
      </c>
      <c r="G31149" s="1" t="s">
        <v>108852</v>
      </c>
      <c r="H31149" s="1" t="s">
        <v>108853</v>
      </c>
      <c r="I31149" s="1" t="s">
        <v>105238</v>
      </c>
      <c r="J31149" s="1" t="s">
        <v>108929</v>
      </c>
    </row>
    <row r="31150" spans="1:10" x14ac:dyDescent="0.35">
      <c r="A31150" s="1" t="s">
        <v>108850</v>
      </c>
      <c r="B31150" s="1" t="s">
        <v>105234</v>
      </c>
      <c r="C31150" s="1" t="s">
        <v>155</v>
      </c>
      <c r="D31150" s="1" t="s">
        <v>57892</v>
      </c>
      <c r="E31150" s="1" t="s">
        <v>108930</v>
      </c>
      <c r="F31150" s="1" t="s">
        <v>101421</v>
      </c>
      <c r="G31150" s="1" t="s">
        <v>108852</v>
      </c>
      <c r="H31150" s="1" t="s">
        <v>108853</v>
      </c>
      <c r="I31150" s="1" t="s">
        <v>105238</v>
      </c>
      <c r="J31150" s="1" t="s">
        <v>108931</v>
      </c>
    </row>
    <row r="31151" spans="1:10" x14ac:dyDescent="0.35">
      <c r="A31151" s="1" t="s">
        <v>108850</v>
      </c>
      <c r="B31151" s="1" t="s">
        <v>105234</v>
      </c>
      <c r="C31151" s="1" t="s">
        <v>160</v>
      </c>
      <c r="D31151" s="1" t="s">
        <v>108932</v>
      </c>
      <c r="E31151" s="1" t="s">
        <v>108933</v>
      </c>
      <c r="F31151" s="1" t="s">
        <v>32609</v>
      </c>
      <c r="G31151" s="1" t="s">
        <v>108852</v>
      </c>
      <c r="H31151" s="1" t="s">
        <v>108853</v>
      </c>
      <c r="I31151" s="1" t="s">
        <v>105238</v>
      </c>
      <c r="J31151" s="1" t="s">
        <v>108934</v>
      </c>
    </row>
    <row r="31152" spans="1:10" x14ac:dyDescent="0.35">
      <c r="A31152" s="1" t="s">
        <v>108850</v>
      </c>
      <c r="B31152" s="1" t="s">
        <v>105234</v>
      </c>
      <c r="C31152" s="1" t="s">
        <v>165</v>
      </c>
      <c r="D31152" s="1" t="s">
        <v>108935</v>
      </c>
      <c r="E31152" s="1" t="s">
        <v>108936</v>
      </c>
      <c r="F31152" s="1" t="s">
        <v>108937</v>
      </c>
      <c r="G31152" s="1" t="s">
        <v>108852</v>
      </c>
      <c r="H31152" s="1" t="s">
        <v>108853</v>
      </c>
      <c r="I31152" s="1" t="s">
        <v>105238</v>
      </c>
      <c r="J31152" s="1" t="s">
        <v>108938</v>
      </c>
    </row>
    <row r="31153" spans="1:10" x14ac:dyDescent="0.35">
      <c r="A31153" s="1" t="s">
        <v>108850</v>
      </c>
      <c r="B31153" s="1" t="s">
        <v>105234</v>
      </c>
      <c r="C31153" s="1" t="s">
        <v>170</v>
      </c>
      <c r="D31153" s="1" t="s">
        <v>108939</v>
      </c>
      <c r="E31153" s="1" t="s">
        <v>108940</v>
      </c>
      <c r="F31153" s="1" t="s">
        <v>58682</v>
      </c>
      <c r="G31153" s="1" t="s">
        <v>108852</v>
      </c>
      <c r="H31153" s="1" t="s">
        <v>108853</v>
      </c>
      <c r="I31153" s="1" t="s">
        <v>105238</v>
      </c>
      <c r="J31153" s="1" t="s">
        <v>108941</v>
      </c>
    </row>
    <row r="31154" spans="1:10" x14ac:dyDescent="0.35">
      <c r="A31154" s="1" t="s">
        <v>25838</v>
      </c>
      <c r="B31154" s="1" t="s">
        <v>105234</v>
      </c>
      <c r="C31154" s="1" t="s">
        <v>8</v>
      </c>
      <c r="D31154" s="1" t="s">
        <v>108942</v>
      </c>
      <c r="E31154" s="1" t="s">
        <v>108943</v>
      </c>
      <c r="F31154" s="1" t="s">
        <v>108944</v>
      </c>
      <c r="G31154" s="1" t="s">
        <v>108945</v>
      </c>
      <c r="H31154" s="1" t="s">
        <v>108946</v>
      </c>
      <c r="I31154" s="1" t="s">
        <v>105238</v>
      </c>
      <c r="J31154" s="1" t="s">
        <v>13</v>
      </c>
    </row>
    <row r="31155" spans="1:10" x14ac:dyDescent="0.35">
      <c r="A31155" s="1" t="s">
        <v>25838</v>
      </c>
      <c r="B31155" s="1" t="s">
        <v>105234</v>
      </c>
      <c r="C31155" s="1" t="s">
        <v>15</v>
      </c>
      <c r="D31155" s="1" t="s">
        <v>108947</v>
      </c>
      <c r="E31155" s="1" t="s">
        <v>520</v>
      </c>
      <c r="F31155" s="1" t="s">
        <v>108948</v>
      </c>
      <c r="G31155" s="1" t="s">
        <v>108945</v>
      </c>
      <c r="H31155" s="1" t="s">
        <v>108946</v>
      </c>
      <c r="I31155" s="1" t="s">
        <v>105238</v>
      </c>
      <c r="J31155" s="1" t="s">
        <v>108949</v>
      </c>
    </row>
    <row r="31156" spans="1:10" x14ac:dyDescent="0.35">
      <c r="A31156" s="1" t="s">
        <v>25838</v>
      </c>
      <c r="B31156" s="1" t="s">
        <v>105234</v>
      </c>
      <c r="C31156" s="1" t="s">
        <v>20</v>
      </c>
      <c r="D31156" s="1" t="s">
        <v>108950</v>
      </c>
      <c r="E31156" s="1" t="s">
        <v>58124</v>
      </c>
      <c r="F31156" s="1" t="s">
        <v>108951</v>
      </c>
      <c r="G31156" s="1" t="s">
        <v>108945</v>
      </c>
      <c r="H31156" s="1" t="s">
        <v>108946</v>
      </c>
      <c r="I31156" s="1" t="s">
        <v>105238</v>
      </c>
      <c r="J31156" s="1" t="s">
        <v>108952</v>
      </c>
    </row>
    <row r="31157" spans="1:10" x14ac:dyDescent="0.35">
      <c r="A31157" s="1" t="s">
        <v>25838</v>
      </c>
      <c r="B31157" s="1" t="s">
        <v>105234</v>
      </c>
      <c r="C31157" s="1" t="s">
        <v>25</v>
      </c>
      <c r="D31157" s="1" t="s">
        <v>106374</v>
      </c>
      <c r="E31157" s="1" t="s">
        <v>108953</v>
      </c>
      <c r="F31157" s="1" t="s">
        <v>108954</v>
      </c>
      <c r="G31157" s="1" t="s">
        <v>108945</v>
      </c>
      <c r="H31157" s="1" t="s">
        <v>108946</v>
      </c>
      <c r="I31157" s="1" t="s">
        <v>105238</v>
      </c>
      <c r="J31157" s="1" t="s">
        <v>108955</v>
      </c>
    </row>
    <row r="31158" spans="1:10" x14ac:dyDescent="0.35">
      <c r="A31158" s="1" t="s">
        <v>25838</v>
      </c>
      <c r="B31158" s="1" t="s">
        <v>105234</v>
      </c>
      <c r="C31158" s="1" t="s">
        <v>30</v>
      </c>
      <c r="D31158" s="1" t="s">
        <v>108956</v>
      </c>
      <c r="E31158" s="1" t="s">
        <v>15640</v>
      </c>
      <c r="F31158" s="1" t="s">
        <v>66037</v>
      </c>
      <c r="G31158" s="1" t="s">
        <v>108945</v>
      </c>
      <c r="H31158" s="1" t="s">
        <v>108946</v>
      </c>
      <c r="I31158" s="1" t="s">
        <v>105238</v>
      </c>
      <c r="J31158" s="1" t="s">
        <v>108957</v>
      </c>
    </row>
    <row r="31159" spans="1:10" x14ac:dyDescent="0.35">
      <c r="A31159" s="1" t="s">
        <v>25838</v>
      </c>
      <c r="B31159" s="1" t="s">
        <v>105234</v>
      </c>
      <c r="C31159" s="1" t="s">
        <v>35</v>
      </c>
      <c r="D31159" s="1" t="s">
        <v>108958</v>
      </c>
      <c r="E31159" s="1" t="s">
        <v>15923</v>
      </c>
      <c r="F31159" s="1" t="s">
        <v>108959</v>
      </c>
      <c r="G31159" s="1" t="s">
        <v>108945</v>
      </c>
      <c r="H31159" s="1" t="s">
        <v>108946</v>
      </c>
      <c r="I31159" s="1" t="s">
        <v>105238</v>
      </c>
      <c r="J31159" s="1" t="s">
        <v>108960</v>
      </c>
    </row>
    <row r="31160" spans="1:10" x14ac:dyDescent="0.35">
      <c r="A31160" s="1" t="s">
        <v>25838</v>
      </c>
      <c r="B31160" s="1" t="s">
        <v>105234</v>
      </c>
      <c r="C31160" s="1" t="s">
        <v>40</v>
      </c>
      <c r="D31160" s="1" t="s">
        <v>108961</v>
      </c>
      <c r="E31160" s="1" t="s">
        <v>108962</v>
      </c>
      <c r="F31160" s="1" t="s">
        <v>108963</v>
      </c>
      <c r="G31160" s="1" t="s">
        <v>108945</v>
      </c>
      <c r="H31160" s="1" t="s">
        <v>108946</v>
      </c>
      <c r="I31160" s="1" t="s">
        <v>105238</v>
      </c>
      <c r="J31160" s="1" t="s">
        <v>108964</v>
      </c>
    </row>
    <row r="31161" spans="1:10" x14ac:dyDescent="0.35">
      <c r="A31161" s="1" t="s">
        <v>25838</v>
      </c>
      <c r="B31161" s="1" t="s">
        <v>105234</v>
      </c>
      <c r="C31161" s="1" t="s">
        <v>45</v>
      </c>
      <c r="D31161" s="1" t="s">
        <v>64853</v>
      </c>
      <c r="E31161" s="1" t="s">
        <v>24209</v>
      </c>
      <c r="F31161" s="1" t="s">
        <v>108965</v>
      </c>
      <c r="G31161" s="1" t="s">
        <v>108945</v>
      </c>
      <c r="H31161" s="1" t="s">
        <v>108946</v>
      </c>
      <c r="I31161" s="1" t="s">
        <v>105238</v>
      </c>
      <c r="J31161" s="1" t="s">
        <v>108966</v>
      </c>
    </row>
    <row r="31162" spans="1:10" x14ac:dyDescent="0.35">
      <c r="A31162" s="1" t="s">
        <v>25838</v>
      </c>
      <c r="B31162" s="1" t="s">
        <v>105234</v>
      </c>
      <c r="C31162" s="1" t="s">
        <v>50</v>
      </c>
      <c r="D31162" s="1" t="s">
        <v>108967</v>
      </c>
      <c r="E31162" s="1" t="s">
        <v>108968</v>
      </c>
      <c r="F31162" s="1" t="s">
        <v>98761</v>
      </c>
      <c r="G31162" s="1" t="s">
        <v>108945</v>
      </c>
      <c r="H31162" s="1" t="s">
        <v>108946</v>
      </c>
      <c r="I31162" s="1" t="s">
        <v>105238</v>
      </c>
      <c r="J31162" s="1" t="s">
        <v>108969</v>
      </c>
    </row>
    <row r="31163" spans="1:10" x14ac:dyDescent="0.35">
      <c r="A31163" s="1" t="s">
        <v>25838</v>
      </c>
      <c r="B31163" s="1" t="s">
        <v>105234</v>
      </c>
      <c r="C31163" s="1" t="s">
        <v>55</v>
      </c>
      <c r="D31163" s="1" t="s">
        <v>108970</v>
      </c>
      <c r="E31163" s="1" t="s">
        <v>95780</v>
      </c>
      <c r="F31163" s="1" t="s">
        <v>82127</v>
      </c>
      <c r="G31163" s="1" t="s">
        <v>108945</v>
      </c>
      <c r="H31163" s="1" t="s">
        <v>108946</v>
      </c>
      <c r="I31163" s="1" t="s">
        <v>105238</v>
      </c>
      <c r="J31163" s="1" t="s">
        <v>108971</v>
      </c>
    </row>
    <row r="31164" spans="1:10" x14ac:dyDescent="0.35">
      <c r="A31164" s="1" t="s">
        <v>25838</v>
      </c>
      <c r="B31164" s="1" t="s">
        <v>105234</v>
      </c>
      <c r="C31164" s="1" t="s">
        <v>60</v>
      </c>
      <c r="D31164" s="1" t="s">
        <v>90774</v>
      </c>
      <c r="E31164" s="1" t="s">
        <v>108972</v>
      </c>
      <c r="F31164" s="1" t="s">
        <v>60431</v>
      </c>
      <c r="G31164" s="1" t="s">
        <v>108945</v>
      </c>
      <c r="H31164" s="1" t="s">
        <v>108946</v>
      </c>
      <c r="I31164" s="1" t="s">
        <v>105238</v>
      </c>
      <c r="J31164" s="1" t="s">
        <v>108973</v>
      </c>
    </row>
    <row r="31165" spans="1:10" x14ac:dyDescent="0.35">
      <c r="A31165" s="1" t="s">
        <v>25838</v>
      </c>
      <c r="B31165" s="1" t="s">
        <v>105234</v>
      </c>
      <c r="C31165" s="1" t="s">
        <v>65</v>
      </c>
      <c r="D31165" s="1" t="s">
        <v>108974</v>
      </c>
      <c r="E31165" s="1" t="s">
        <v>108975</v>
      </c>
      <c r="F31165" s="1" t="s">
        <v>101465</v>
      </c>
      <c r="G31165" s="1" t="s">
        <v>108945</v>
      </c>
      <c r="H31165" s="1" t="s">
        <v>108946</v>
      </c>
      <c r="I31165" s="1" t="s">
        <v>105238</v>
      </c>
      <c r="J31165" s="1" t="s">
        <v>108976</v>
      </c>
    </row>
    <row r="31166" spans="1:10" x14ac:dyDescent="0.35">
      <c r="A31166" s="1" t="s">
        <v>25838</v>
      </c>
      <c r="B31166" s="1" t="s">
        <v>105234</v>
      </c>
      <c r="C31166" s="1" t="s">
        <v>70</v>
      </c>
      <c r="D31166" s="1" t="s">
        <v>90789</v>
      </c>
      <c r="E31166" s="1" t="s">
        <v>95794</v>
      </c>
      <c r="F31166" s="1" t="s">
        <v>108977</v>
      </c>
      <c r="G31166" s="1" t="s">
        <v>108945</v>
      </c>
      <c r="H31166" s="1" t="s">
        <v>108946</v>
      </c>
      <c r="I31166" s="1" t="s">
        <v>105238</v>
      </c>
      <c r="J31166" s="1" t="s">
        <v>108978</v>
      </c>
    </row>
    <row r="31167" spans="1:10" x14ac:dyDescent="0.35">
      <c r="A31167" s="1" t="s">
        <v>25838</v>
      </c>
      <c r="B31167" s="1" t="s">
        <v>105234</v>
      </c>
      <c r="C31167" s="1" t="s">
        <v>75</v>
      </c>
      <c r="D31167" s="1" t="s">
        <v>108979</v>
      </c>
      <c r="E31167" s="1" t="s">
        <v>54226</v>
      </c>
      <c r="F31167" s="1" t="s">
        <v>66644</v>
      </c>
      <c r="G31167" s="1" t="s">
        <v>108945</v>
      </c>
      <c r="H31167" s="1" t="s">
        <v>108946</v>
      </c>
      <c r="I31167" s="1" t="s">
        <v>105238</v>
      </c>
      <c r="J31167" s="1" t="s">
        <v>108980</v>
      </c>
    </row>
    <row r="31168" spans="1:10" x14ac:dyDescent="0.35">
      <c r="A31168" s="1" t="s">
        <v>25838</v>
      </c>
      <c r="B31168" s="1" t="s">
        <v>105234</v>
      </c>
      <c r="C31168" s="1" t="s">
        <v>80</v>
      </c>
      <c r="D31168" s="1" t="s">
        <v>86925</v>
      </c>
      <c r="E31168" s="1" t="s">
        <v>105198</v>
      </c>
      <c r="F31168" s="1" t="s">
        <v>108981</v>
      </c>
      <c r="G31168" s="1" t="s">
        <v>108945</v>
      </c>
      <c r="H31168" s="1" t="s">
        <v>108946</v>
      </c>
      <c r="I31168" s="1" t="s">
        <v>105238</v>
      </c>
      <c r="J31168" s="1" t="s">
        <v>108982</v>
      </c>
    </row>
    <row r="31169" spans="1:10" x14ac:dyDescent="0.35">
      <c r="A31169" s="1" t="s">
        <v>25838</v>
      </c>
      <c r="B31169" s="1" t="s">
        <v>105234</v>
      </c>
      <c r="C31169" s="1" t="s">
        <v>85</v>
      </c>
      <c r="D31169" s="1" t="s">
        <v>108983</v>
      </c>
      <c r="E31169" s="1" t="s">
        <v>65435</v>
      </c>
      <c r="F31169" s="1" t="s">
        <v>108984</v>
      </c>
      <c r="G31169" s="1" t="s">
        <v>108945</v>
      </c>
      <c r="H31169" s="1" t="s">
        <v>108946</v>
      </c>
      <c r="I31169" s="1" t="s">
        <v>105238</v>
      </c>
      <c r="J31169" s="1" t="s">
        <v>108985</v>
      </c>
    </row>
    <row r="31170" spans="1:10" x14ac:dyDescent="0.35">
      <c r="A31170" s="1" t="s">
        <v>25838</v>
      </c>
      <c r="B31170" s="1" t="s">
        <v>105234</v>
      </c>
      <c r="C31170" s="1" t="s">
        <v>90</v>
      </c>
      <c r="D31170" s="1" t="s">
        <v>108986</v>
      </c>
      <c r="E31170" s="1" t="s">
        <v>76334</v>
      </c>
      <c r="F31170" s="1" t="s">
        <v>108987</v>
      </c>
      <c r="G31170" s="1" t="s">
        <v>108945</v>
      </c>
      <c r="H31170" s="1" t="s">
        <v>108946</v>
      </c>
      <c r="I31170" s="1" t="s">
        <v>105238</v>
      </c>
      <c r="J31170" s="1" t="s">
        <v>108988</v>
      </c>
    </row>
    <row r="31171" spans="1:10" x14ac:dyDescent="0.35">
      <c r="A31171" s="1" t="s">
        <v>25838</v>
      </c>
      <c r="B31171" s="1" t="s">
        <v>105234</v>
      </c>
      <c r="C31171" s="1" t="s">
        <v>95</v>
      </c>
      <c r="D31171" s="1" t="s">
        <v>86805</v>
      </c>
      <c r="E31171" s="1" t="s">
        <v>19940</v>
      </c>
      <c r="F31171" s="1" t="s">
        <v>58093</v>
      </c>
      <c r="G31171" s="1" t="s">
        <v>108945</v>
      </c>
      <c r="H31171" s="1" t="s">
        <v>108946</v>
      </c>
      <c r="I31171" s="1" t="s">
        <v>105238</v>
      </c>
      <c r="J31171" s="1" t="s">
        <v>108989</v>
      </c>
    </row>
    <row r="31172" spans="1:10" x14ac:dyDescent="0.35">
      <c r="A31172" s="1" t="s">
        <v>25838</v>
      </c>
      <c r="B31172" s="1" t="s">
        <v>105234</v>
      </c>
      <c r="C31172" s="1" t="s">
        <v>100</v>
      </c>
      <c r="D31172" s="1" t="s">
        <v>108990</v>
      </c>
      <c r="E31172" s="1" t="s">
        <v>30660</v>
      </c>
      <c r="F31172" s="1" t="s">
        <v>108991</v>
      </c>
      <c r="G31172" s="1" t="s">
        <v>108945</v>
      </c>
      <c r="H31172" s="1" t="s">
        <v>108946</v>
      </c>
      <c r="I31172" s="1" t="s">
        <v>105238</v>
      </c>
      <c r="J31172" s="1" t="s">
        <v>108992</v>
      </c>
    </row>
    <row r="31173" spans="1:10" x14ac:dyDescent="0.35">
      <c r="A31173" s="1" t="s">
        <v>25838</v>
      </c>
      <c r="B31173" s="1" t="s">
        <v>105234</v>
      </c>
      <c r="C31173" s="1" t="s">
        <v>105</v>
      </c>
      <c r="D31173" s="1" t="s">
        <v>108986</v>
      </c>
      <c r="E31173" s="1" t="s">
        <v>108993</v>
      </c>
      <c r="F31173" s="1" t="s">
        <v>108994</v>
      </c>
      <c r="G31173" s="1" t="s">
        <v>108945</v>
      </c>
      <c r="H31173" s="1" t="s">
        <v>108946</v>
      </c>
      <c r="I31173" s="1" t="s">
        <v>105238</v>
      </c>
      <c r="J31173" s="1" t="s">
        <v>108995</v>
      </c>
    </row>
    <row r="31174" spans="1:10" x14ac:dyDescent="0.35">
      <c r="A31174" s="1" t="s">
        <v>25838</v>
      </c>
      <c r="B31174" s="1" t="s">
        <v>105234</v>
      </c>
      <c r="C31174" s="1" t="s">
        <v>110</v>
      </c>
      <c r="D31174" s="1" t="s">
        <v>77082</v>
      </c>
      <c r="E31174" s="1" t="s">
        <v>108996</v>
      </c>
      <c r="F31174" s="1" t="s">
        <v>108997</v>
      </c>
      <c r="G31174" s="1" t="s">
        <v>108945</v>
      </c>
      <c r="H31174" s="1" t="s">
        <v>108946</v>
      </c>
      <c r="I31174" s="1" t="s">
        <v>105238</v>
      </c>
      <c r="J31174" s="1" t="s">
        <v>108998</v>
      </c>
    </row>
    <row r="31175" spans="1:10" x14ac:dyDescent="0.35">
      <c r="A31175" s="1" t="s">
        <v>25838</v>
      </c>
      <c r="B31175" s="1" t="s">
        <v>105234</v>
      </c>
      <c r="C31175" s="1" t="s">
        <v>115</v>
      </c>
      <c r="D31175" s="1" t="s">
        <v>108999</v>
      </c>
      <c r="E31175" s="1" t="s">
        <v>32631</v>
      </c>
      <c r="F31175" s="1" t="s">
        <v>109000</v>
      </c>
      <c r="G31175" s="1" t="s">
        <v>108945</v>
      </c>
      <c r="H31175" s="1" t="s">
        <v>108946</v>
      </c>
      <c r="I31175" s="1" t="s">
        <v>105238</v>
      </c>
      <c r="J31175" s="1" t="s">
        <v>109001</v>
      </c>
    </row>
    <row r="31176" spans="1:10" x14ac:dyDescent="0.35">
      <c r="A31176" s="1" t="s">
        <v>25838</v>
      </c>
      <c r="B31176" s="1" t="s">
        <v>105234</v>
      </c>
      <c r="C31176" s="1" t="s">
        <v>120</v>
      </c>
      <c r="D31176" s="1" t="s">
        <v>109002</v>
      </c>
      <c r="E31176" s="1" t="s">
        <v>108972</v>
      </c>
      <c r="F31176" s="1" t="s">
        <v>99835</v>
      </c>
      <c r="G31176" s="1" t="s">
        <v>108945</v>
      </c>
      <c r="H31176" s="1" t="s">
        <v>108946</v>
      </c>
      <c r="I31176" s="1" t="s">
        <v>105238</v>
      </c>
      <c r="J31176" s="1" t="s">
        <v>109003</v>
      </c>
    </row>
    <row r="31177" spans="1:10" x14ac:dyDescent="0.35">
      <c r="A31177" s="1" t="s">
        <v>25838</v>
      </c>
      <c r="B31177" s="1" t="s">
        <v>105234</v>
      </c>
      <c r="C31177" s="1" t="s">
        <v>125</v>
      </c>
      <c r="D31177" s="1" t="s">
        <v>109004</v>
      </c>
      <c r="E31177" s="1" t="s">
        <v>109005</v>
      </c>
      <c r="F31177" s="1" t="s">
        <v>109006</v>
      </c>
      <c r="G31177" s="1" t="s">
        <v>108945</v>
      </c>
      <c r="H31177" s="1" t="s">
        <v>108946</v>
      </c>
      <c r="I31177" s="1" t="s">
        <v>105238</v>
      </c>
      <c r="J31177" s="1" t="s">
        <v>109007</v>
      </c>
    </row>
    <row r="31178" spans="1:10" x14ac:dyDescent="0.35">
      <c r="A31178" s="1" t="s">
        <v>25838</v>
      </c>
      <c r="B31178" s="1" t="s">
        <v>105234</v>
      </c>
      <c r="C31178" s="1" t="s">
        <v>130</v>
      </c>
      <c r="D31178" s="1" t="s">
        <v>109008</v>
      </c>
      <c r="E31178" s="1" t="s">
        <v>19940</v>
      </c>
      <c r="F31178" s="1" t="s">
        <v>109009</v>
      </c>
      <c r="G31178" s="1" t="s">
        <v>108945</v>
      </c>
      <c r="H31178" s="1" t="s">
        <v>108946</v>
      </c>
      <c r="I31178" s="1" t="s">
        <v>105238</v>
      </c>
      <c r="J31178" s="1" t="s">
        <v>109010</v>
      </c>
    </row>
    <row r="31179" spans="1:10" x14ac:dyDescent="0.35">
      <c r="A31179" s="1" t="s">
        <v>25838</v>
      </c>
      <c r="B31179" s="1" t="s">
        <v>105234</v>
      </c>
      <c r="C31179" s="1" t="s">
        <v>135</v>
      </c>
      <c r="D31179" s="1" t="s">
        <v>109011</v>
      </c>
      <c r="E31179" s="1" t="s">
        <v>109012</v>
      </c>
      <c r="F31179" s="1" t="s">
        <v>109013</v>
      </c>
      <c r="G31179" s="1" t="s">
        <v>108945</v>
      </c>
      <c r="H31179" s="1" t="s">
        <v>108946</v>
      </c>
      <c r="I31179" s="1" t="s">
        <v>105238</v>
      </c>
      <c r="J31179" s="1" t="s">
        <v>109014</v>
      </c>
    </row>
    <row r="31180" spans="1:10" x14ac:dyDescent="0.35">
      <c r="A31180" s="1" t="s">
        <v>25838</v>
      </c>
      <c r="B31180" s="1" t="s">
        <v>105234</v>
      </c>
      <c r="C31180" s="1" t="s">
        <v>140</v>
      </c>
      <c r="D31180" s="1" t="s">
        <v>109015</v>
      </c>
      <c r="E31180" s="1" t="s">
        <v>109016</v>
      </c>
      <c r="F31180" s="1" t="s">
        <v>59810</v>
      </c>
      <c r="G31180" s="1" t="s">
        <v>108945</v>
      </c>
      <c r="H31180" s="1" t="s">
        <v>108946</v>
      </c>
      <c r="I31180" s="1" t="s">
        <v>105238</v>
      </c>
      <c r="J31180" s="1" t="s">
        <v>109017</v>
      </c>
    </row>
    <row r="31181" spans="1:10" x14ac:dyDescent="0.35">
      <c r="A31181" s="1" t="s">
        <v>25838</v>
      </c>
      <c r="B31181" s="1" t="s">
        <v>105234</v>
      </c>
      <c r="C31181" s="1" t="s">
        <v>145</v>
      </c>
      <c r="D31181" s="1" t="s">
        <v>109018</v>
      </c>
      <c r="E31181" s="1" t="s">
        <v>15695</v>
      </c>
      <c r="F31181" s="1" t="s">
        <v>109019</v>
      </c>
      <c r="G31181" s="1" t="s">
        <v>108945</v>
      </c>
      <c r="H31181" s="1" t="s">
        <v>108946</v>
      </c>
      <c r="I31181" s="1" t="s">
        <v>105238</v>
      </c>
      <c r="J31181" s="1" t="s">
        <v>109020</v>
      </c>
    </row>
    <row r="31182" spans="1:10" x14ac:dyDescent="0.35">
      <c r="A31182" s="1" t="s">
        <v>25838</v>
      </c>
      <c r="B31182" s="1" t="s">
        <v>105234</v>
      </c>
      <c r="C31182" s="1" t="s">
        <v>150</v>
      </c>
      <c r="D31182" s="1" t="s">
        <v>109021</v>
      </c>
      <c r="E31182" s="1" t="s">
        <v>109022</v>
      </c>
      <c r="F31182" s="1" t="s">
        <v>63754</v>
      </c>
      <c r="G31182" s="1" t="s">
        <v>108945</v>
      </c>
      <c r="H31182" s="1" t="s">
        <v>108946</v>
      </c>
      <c r="I31182" s="1" t="s">
        <v>105238</v>
      </c>
      <c r="J31182" s="1" t="s">
        <v>109023</v>
      </c>
    </row>
    <row r="31183" spans="1:10" x14ac:dyDescent="0.35">
      <c r="A31183" s="1" t="s">
        <v>25838</v>
      </c>
      <c r="B31183" s="1" t="s">
        <v>105234</v>
      </c>
      <c r="C31183" s="1" t="s">
        <v>155</v>
      </c>
      <c r="D31183" s="1" t="s">
        <v>109024</v>
      </c>
      <c r="E31183" s="1" t="s">
        <v>105244</v>
      </c>
      <c r="F31183" s="1" t="s">
        <v>109025</v>
      </c>
      <c r="G31183" s="1" t="s">
        <v>108945</v>
      </c>
      <c r="H31183" s="1" t="s">
        <v>108946</v>
      </c>
      <c r="I31183" s="1" t="s">
        <v>105238</v>
      </c>
      <c r="J31183" s="1" t="s">
        <v>109026</v>
      </c>
    </row>
    <row r="31184" spans="1:10" x14ac:dyDescent="0.35">
      <c r="A31184" s="1" t="s">
        <v>25838</v>
      </c>
      <c r="B31184" s="1" t="s">
        <v>105234</v>
      </c>
      <c r="C31184" s="1" t="s">
        <v>160</v>
      </c>
      <c r="D31184" s="1" t="s">
        <v>106946</v>
      </c>
      <c r="E31184" s="1" t="s">
        <v>109027</v>
      </c>
      <c r="F31184" s="1" t="s">
        <v>109028</v>
      </c>
      <c r="G31184" s="1" t="s">
        <v>108945</v>
      </c>
      <c r="H31184" s="1" t="s">
        <v>108946</v>
      </c>
      <c r="I31184" s="1" t="s">
        <v>105238</v>
      </c>
      <c r="J31184" s="1" t="s">
        <v>109029</v>
      </c>
    </row>
    <row r="31185" spans="1:10" x14ac:dyDescent="0.35">
      <c r="A31185" s="1" t="s">
        <v>25838</v>
      </c>
      <c r="B31185" s="1" t="s">
        <v>105234</v>
      </c>
      <c r="C31185" s="1" t="s">
        <v>165</v>
      </c>
      <c r="D31185" s="1" t="s">
        <v>71600</v>
      </c>
      <c r="E31185" s="1" t="s">
        <v>76382</v>
      </c>
      <c r="F31185" s="1" t="s">
        <v>109030</v>
      </c>
      <c r="G31185" s="1" t="s">
        <v>108945</v>
      </c>
      <c r="H31185" s="1" t="s">
        <v>108946</v>
      </c>
      <c r="I31185" s="1" t="s">
        <v>105238</v>
      </c>
      <c r="J31185" s="1" t="s">
        <v>109031</v>
      </c>
    </row>
    <row r="31186" spans="1:10" x14ac:dyDescent="0.35">
      <c r="A31186" s="1" t="s">
        <v>25838</v>
      </c>
      <c r="B31186" s="1" t="s">
        <v>105234</v>
      </c>
      <c r="C31186" s="1" t="s">
        <v>170</v>
      </c>
      <c r="D31186" s="1" t="s">
        <v>77221</v>
      </c>
      <c r="E31186" s="1" t="s">
        <v>109032</v>
      </c>
      <c r="F31186" s="1" t="s">
        <v>30623</v>
      </c>
      <c r="G31186" s="1" t="s">
        <v>108945</v>
      </c>
      <c r="H31186" s="1" t="s">
        <v>108946</v>
      </c>
      <c r="I31186" s="1" t="s">
        <v>105238</v>
      </c>
      <c r="J31186" s="1" t="s">
        <v>109033</v>
      </c>
    </row>
    <row r="31187" spans="1:10" x14ac:dyDescent="0.35">
      <c r="A31187" s="1" t="s">
        <v>29496</v>
      </c>
      <c r="B31187" s="1" t="s">
        <v>105234</v>
      </c>
      <c r="C31187" s="1" t="s">
        <v>8</v>
      </c>
      <c r="D31187" s="1" t="s">
        <v>109034</v>
      </c>
      <c r="E31187" s="1" t="s">
        <v>109035</v>
      </c>
      <c r="F31187" s="1" t="s">
        <v>109036</v>
      </c>
      <c r="G31187" s="1" t="s">
        <v>109037</v>
      </c>
      <c r="H31187" s="1" t="s">
        <v>109038</v>
      </c>
      <c r="I31187" s="1" t="s">
        <v>105238</v>
      </c>
      <c r="J31187" s="1" t="s">
        <v>13</v>
      </c>
    </row>
    <row r="31188" spans="1:10" x14ac:dyDescent="0.35">
      <c r="A31188" s="1" t="s">
        <v>29496</v>
      </c>
      <c r="B31188" s="1" t="s">
        <v>105234</v>
      </c>
      <c r="C31188" s="1" t="s">
        <v>15</v>
      </c>
      <c r="D31188" s="1" t="s">
        <v>109039</v>
      </c>
      <c r="E31188" s="1" t="s">
        <v>109040</v>
      </c>
      <c r="F31188" s="1" t="s">
        <v>109041</v>
      </c>
      <c r="G31188" s="1" t="s">
        <v>109037</v>
      </c>
      <c r="H31188" s="1" t="s">
        <v>109038</v>
      </c>
      <c r="I31188" s="1" t="s">
        <v>105238</v>
      </c>
      <c r="J31188" s="1" t="s">
        <v>109042</v>
      </c>
    </row>
    <row r="31189" spans="1:10" x14ac:dyDescent="0.35">
      <c r="A31189" s="1" t="s">
        <v>29496</v>
      </c>
      <c r="B31189" s="1" t="s">
        <v>105234</v>
      </c>
      <c r="C31189" s="1" t="s">
        <v>20</v>
      </c>
      <c r="D31189" s="1" t="s">
        <v>16275</v>
      </c>
      <c r="E31189" s="1" t="s">
        <v>109043</v>
      </c>
      <c r="F31189" s="1" t="s">
        <v>109044</v>
      </c>
      <c r="G31189" s="1" t="s">
        <v>109037</v>
      </c>
      <c r="H31189" s="1" t="s">
        <v>109038</v>
      </c>
      <c r="I31189" s="1" t="s">
        <v>105238</v>
      </c>
      <c r="J31189" s="1" t="s">
        <v>109045</v>
      </c>
    </row>
    <row r="31190" spans="1:10" x14ac:dyDescent="0.35">
      <c r="A31190" s="1" t="s">
        <v>29496</v>
      </c>
      <c r="B31190" s="1" t="s">
        <v>105234</v>
      </c>
      <c r="C31190" s="1" t="s">
        <v>25</v>
      </c>
      <c r="D31190" s="1" t="s">
        <v>109046</v>
      </c>
      <c r="E31190" s="1" t="s">
        <v>109047</v>
      </c>
      <c r="F31190" s="1" t="s">
        <v>109048</v>
      </c>
      <c r="G31190" s="1" t="s">
        <v>109037</v>
      </c>
      <c r="H31190" s="1" t="s">
        <v>109038</v>
      </c>
      <c r="I31190" s="1" t="s">
        <v>105238</v>
      </c>
      <c r="J31190" s="1" t="s">
        <v>109049</v>
      </c>
    </row>
    <row r="31191" spans="1:10" x14ac:dyDescent="0.35">
      <c r="A31191" s="1" t="s">
        <v>29496</v>
      </c>
      <c r="B31191" s="1" t="s">
        <v>105234</v>
      </c>
      <c r="C31191" s="1" t="s">
        <v>30</v>
      </c>
      <c r="D31191" s="1" t="s">
        <v>109050</v>
      </c>
      <c r="E31191" s="1" t="s">
        <v>109051</v>
      </c>
      <c r="F31191" s="1" t="s">
        <v>109052</v>
      </c>
      <c r="G31191" s="1" t="s">
        <v>109037</v>
      </c>
      <c r="H31191" s="1" t="s">
        <v>109038</v>
      </c>
      <c r="I31191" s="1" t="s">
        <v>105238</v>
      </c>
      <c r="J31191" s="1" t="s">
        <v>109053</v>
      </c>
    </row>
    <row r="31192" spans="1:10" x14ac:dyDescent="0.35">
      <c r="A31192" s="1" t="s">
        <v>29496</v>
      </c>
      <c r="B31192" s="1" t="s">
        <v>105234</v>
      </c>
      <c r="C31192" s="1" t="s">
        <v>35</v>
      </c>
      <c r="D31192" s="1" t="s">
        <v>109054</v>
      </c>
      <c r="E31192" s="1" t="s">
        <v>109055</v>
      </c>
      <c r="F31192" s="1" t="s">
        <v>109056</v>
      </c>
      <c r="G31192" s="1" t="s">
        <v>109037</v>
      </c>
      <c r="H31192" s="1" t="s">
        <v>109038</v>
      </c>
      <c r="I31192" s="1" t="s">
        <v>105238</v>
      </c>
      <c r="J31192" s="1" t="s">
        <v>109057</v>
      </c>
    </row>
    <row r="31193" spans="1:10" x14ac:dyDescent="0.35">
      <c r="A31193" s="1" t="s">
        <v>29496</v>
      </c>
      <c r="B31193" s="1" t="s">
        <v>105234</v>
      </c>
      <c r="C31193" s="1" t="s">
        <v>40</v>
      </c>
      <c r="D31193" s="1" t="s">
        <v>109058</v>
      </c>
      <c r="E31193" s="1" t="s">
        <v>109059</v>
      </c>
      <c r="F31193" s="1" t="s">
        <v>109060</v>
      </c>
      <c r="G31193" s="1" t="s">
        <v>109037</v>
      </c>
      <c r="H31193" s="1" t="s">
        <v>109038</v>
      </c>
      <c r="I31193" s="1" t="s">
        <v>105238</v>
      </c>
      <c r="J31193" s="1" t="s">
        <v>109061</v>
      </c>
    </row>
    <row r="31194" spans="1:10" x14ac:dyDescent="0.35">
      <c r="A31194" s="1" t="s">
        <v>29496</v>
      </c>
      <c r="B31194" s="1" t="s">
        <v>105234</v>
      </c>
      <c r="C31194" s="1" t="s">
        <v>45</v>
      </c>
      <c r="D31194" s="1" t="s">
        <v>109062</v>
      </c>
      <c r="E31194" s="1" t="s">
        <v>109063</v>
      </c>
      <c r="F31194" s="1" t="s">
        <v>109064</v>
      </c>
      <c r="G31194" s="1" t="s">
        <v>109037</v>
      </c>
      <c r="H31194" s="1" t="s">
        <v>109038</v>
      </c>
      <c r="I31194" s="1" t="s">
        <v>105238</v>
      </c>
      <c r="J31194" s="1" t="s">
        <v>109065</v>
      </c>
    </row>
    <row r="31195" spans="1:10" x14ac:dyDescent="0.35">
      <c r="A31195" s="1" t="s">
        <v>29496</v>
      </c>
      <c r="B31195" s="1" t="s">
        <v>105234</v>
      </c>
      <c r="C31195" s="1" t="s">
        <v>50</v>
      </c>
      <c r="D31195" s="1" t="s">
        <v>37019</v>
      </c>
      <c r="E31195" s="1" t="s">
        <v>109066</v>
      </c>
      <c r="F31195" s="1" t="s">
        <v>109067</v>
      </c>
      <c r="G31195" s="1" t="s">
        <v>109037</v>
      </c>
      <c r="H31195" s="1" t="s">
        <v>109038</v>
      </c>
      <c r="I31195" s="1" t="s">
        <v>105238</v>
      </c>
      <c r="J31195" s="1" t="s">
        <v>109068</v>
      </c>
    </row>
    <row r="31196" spans="1:10" x14ac:dyDescent="0.35">
      <c r="A31196" s="1" t="s">
        <v>29496</v>
      </c>
      <c r="B31196" s="1" t="s">
        <v>105234</v>
      </c>
      <c r="C31196" s="1" t="s">
        <v>55</v>
      </c>
      <c r="D31196" s="1" t="s">
        <v>109069</v>
      </c>
      <c r="E31196" s="1" t="s">
        <v>109070</v>
      </c>
      <c r="F31196" s="1" t="s">
        <v>109071</v>
      </c>
      <c r="G31196" s="1" t="s">
        <v>109037</v>
      </c>
      <c r="H31196" s="1" t="s">
        <v>109038</v>
      </c>
      <c r="I31196" s="1" t="s">
        <v>105238</v>
      </c>
      <c r="J31196" s="1" t="s">
        <v>109072</v>
      </c>
    </row>
    <row r="31197" spans="1:10" x14ac:dyDescent="0.35">
      <c r="A31197" s="1" t="s">
        <v>29496</v>
      </c>
      <c r="B31197" s="1" t="s">
        <v>105234</v>
      </c>
      <c r="C31197" s="1" t="s">
        <v>60</v>
      </c>
      <c r="D31197" s="1" t="s">
        <v>109073</v>
      </c>
      <c r="E31197" s="1" t="s">
        <v>109074</v>
      </c>
      <c r="F31197" s="1" t="s">
        <v>109075</v>
      </c>
      <c r="G31197" s="1" t="s">
        <v>109037</v>
      </c>
      <c r="H31197" s="1" t="s">
        <v>109038</v>
      </c>
      <c r="I31197" s="1" t="s">
        <v>105238</v>
      </c>
      <c r="J31197" s="1" t="s">
        <v>109076</v>
      </c>
    </row>
    <row r="31198" spans="1:10" x14ac:dyDescent="0.35">
      <c r="A31198" s="1" t="s">
        <v>29496</v>
      </c>
      <c r="B31198" s="1" t="s">
        <v>105234</v>
      </c>
      <c r="C31198" s="1" t="s">
        <v>65</v>
      </c>
      <c r="D31198" s="1" t="s">
        <v>109077</v>
      </c>
      <c r="E31198" s="1" t="s">
        <v>109078</v>
      </c>
      <c r="F31198" s="1" t="s">
        <v>109079</v>
      </c>
      <c r="G31198" s="1" t="s">
        <v>109037</v>
      </c>
      <c r="H31198" s="1" t="s">
        <v>109038</v>
      </c>
      <c r="I31198" s="1" t="s">
        <v>105238</v>
      </c>
      <c r="J31198" s="1" t="s">
        <v>109080</v>
      </c>
    </row>
    <row r="31199" spans="1:10" x14ac:dyDescent="0.35">
      <c r="A31199" s="1" t="s">
        <v>29496</v>
      </c>
      <c r="B31199" s="1" t="s">
        <v>105234</v>
      </c>
      <c r="C31199" s="1" t="s">
        <v>70</v>
      </c>
      <c r="D31199" s="1" t="s">
        <v>76086</v>
      </c>
      <c r="E31199" s="1" t="s">
        <v>109081</v>
      </c>
      <c r="F31199" s="1" t="s">
        <v>109082</v>
      </c>
      <c r="G31199" s="1" t="s">
        <v>109037</v>
      </c>
      <c r="H31199" s="1" t="s">
        <v>109038</v>
      </c>
      <c r="I31199" s="1" t="s">
        <v>105238</v>
      </c>
      <c r="J31199" s="1" t="s">
        <v>109083</v>
      </c>
    </row>
    <row r="31200" spans="1:10" x14ac:dyDescent="0.35">
      <c r="A31200" s="1" t="s">
        <v>29496</v>
      </c>
      <c r="B31200" s="1" t="s">
        <v>105234</v>
      </c>
      <c r="C31200" s="1" t="s">
        <v>75</v>
      </c>
      <c r="D31200" s="1" t="s">
        <v>109084</v>
      </c>
      <c r="E31200" s="1" t="s">
        <v>109085</v>
      </c>
      <c r="F31200" s="1" t="s">
        <v>109086</v>
      </c>
      <c r="G31200" s="1" t="s">
        <v>109037</v>
      </c>
      <c r="H31200" s="1" t="s">
        <v>109038</v>
      </c>
      <c r="I31200" s="1" t="s">
        <v>105238</v>
      </c>
      <c r="J31200" s="1" t="s">
        <v>109087</v>
      </c>
    </row>
    <row r="31201" spans="1:10" x14ac:dyDescent="0.35">
      <c r="A31201" s="1" t="s">
        <v>29496</v>
      </c>
      <c r="B31201" s="1" t="s">
        <v>105234</v>
      </c>
      <c r="C31201" s="1" t="s">
        <v>80</v>
      </c>
      <c r="D31201" s="1" t="s">
        <v>109088</v>
      </c>
      <c r="E31201" s="1" t="s">
        <v>109089</v>
      </c>
      <c r="F31201" s="1" t="s">
        <v>109090</v>
      </c>
      <c r="G31201" s="1" t="s">
        <v>109037</v>
      </c>
      <c r="H31201" s="1" t="s">
        <v>109038</v>
      </c>
      <c r="I31201" s="1" t="s">
        <v>105238</v>
      </c>
      <c r="J31201" s="1" t="s">
        <v>109091</v>
      </c>
    </row>
    <row r="31202" spans="1:10" x14ac:dyDescent="0.35">
      <c r="A31202" s="1" t="s">
        <v>29496</v>
      </c>
      <c r="B31202" s="1" t="s">
        <v>105234</v>
      </c>
      <c r="C31202" s="1" t="s">
        <v>85</v>
      </c>
      <c r="D31202" s="1" t="s">
        <v>109092</v>
      </c>
      <c r="E31202" s="1" t="s">
        <v>109093</v>
      </c>
      <c r="F31202" s="1" t="s">
        <v>109094</v>
      </c>
      <c r="G31202" s="1" t="s">
        <v>109037</v>
      </c>
      <c r="H31202" s="1" t="s">
        <v>109038</v>
      </c>
      <c r="I31202" s="1" t="s">
        <v>105238</v>
      </c>
      <c r="J31202" s="1" t="s">
        <v>109095</v>
      </c>
    </row>
    <row r="31203" spans="1:10" x14ac:dyDescent="0.35">
      <c r="A31203" s="1" t="s">
        <v>29496</v>
      </c>
      <c r="B31203" s="1" t="s">
        <v>105234</v>
      </c>
      <c r="C31203" s="1" t="s">
        <v>90</v>
      </c>
      <c r="D31203" s="1" t="s">
        <v>109096</v>
      </c>
      <c r="E31203" s="1" t="s">
        <v>109097</v>
      </c>
      <c r="F31203" s="1" t="s">
        <v>109098</v>
      </c>
      <c r="G31203" s="1" t="s">
        <v>109037</v>
      </c>
      <c r="H31203" s="1" t="s">
        <v>109038</v>
      </c>
      <c r="I31203" s="1" t="s">
        <v>105238</v>
      </c>
      <c r="J31203" s="1" t="s">
        <v>109099</v>
      </c>
    </row>
    <row r="31204" spans="1:10" x14ac:dyDescent="0.35">
      <c r="A31204" s="1" t="s">
        <v>29496</v>
      </c>
      <c r="B31204" s="1" t="s">
        <v>105234</v>
      </c>
      <c r="C31204" s="1" t="s">
        <v>95</v>
      </c>
      <c r="D31204" s="1" t="s">
        <v>50073</v>
      </c>
      <c r="E31204" s="1" t="s">
        <v>109100</v>
      </c>
      <c r="F31204" s="1" t="s">
        <v>109101</v>
      </c>
      <c r="G31204" s="1" t="s">
        <v>109037</v>
      </c>
      <c r="H31204" s="1" t="s">
        <v>109038</v>
      </c>
      <c r="I31204" s="1" t="s">
        <v>105238</v>
      </c>
      <c r="J31204" s="1" t="s">
        <v>109102</v>
      </c>
    </row>
    <row r="31205" spans="1:10" x14ac:dyDescent="0.35">
      <c r="A31205" s="1" t="s">
        <v>29496</v>
      </c>
      <c r="B31205" s="1" t="s">
        <v>105234</v>
      </c>
      <c r="C31205" s="1" t="s">
        <v>100</v>
      </c>
      <c r="D31205" s="1" t="s">
        <v>109103</v>
      </c>
      <c r="E31205" s="1" t="s">
        <v>109104</v>
      </c>
      <c r="F31205" s="1" t="s">
        <v>109105</v>
      </c>
      <c r="G31205" s="1" t="s">
        <v>109037</v>
      </c>
      <c r="H31205" s="1" t="s">
        <v>109038</v>
      </c>
      <c r="I31205" s="1" t="s">
        <v>105238</v>
      </c>
      <c r="J31205" s="1" t="s">
        <v>109106</v>
      </c>
    </row>
    <row r="31206" spans="1:10" x14ac:dyDescent="0.35">
      <c r="A31206" s="1" t="s">
        <v>29496</v>
      </c>
      <c r="B31206" s="1" t="s">
        <v>105234</v>
      </c>
      <c r="C31206" s="1" t="s">
        <v>105</v>
      </c>
      <c r="D31206" s="1" t="s">
        <v>109107</v>
      </c>
      <c r="E31206" s="1" t="s">
        <v>109108</v>
      </c>
      <c r="F31206" s="1" t="s">
        <v>109109</v>
      </c>
      <c r="G31206" s="1" t="s">
        <v>109037</v>
      </c>
      <c r="H31206" s="1" t="s">
        <v>109038</v>
      </c>
      <c r="I31206" s="1" t="s">
        <v>105238</v>
      </c>
      <c r="J31206" s="1" t="s">
        <v>109110</v>
      </c>
    </row>
    <row r="31207" spans="1:10" x14ac:dyDescent="0.35">
      <c r="A31207" s="1" t="s">
        <v>29496</v>
      </c>
      <c r="B31207" s="1" t="s">
        <v>105234</v>
      </c>
      <c r="C31207" s="1" t="s">
        <v>110</v>
      </c>
      <c r="D31207" s="1" t="s">
        <v>76102</v>
      </c>
      <c r="E31207" s="1" t="s">
        <v>109111</v>
      </c>
      <c r="F31207" s="1" t="s">
        <v>109112</v>
      </c>
      <c r="G31207" s="1" t="s">
        <v>109037</v>
      </c>
      <c r="H31207" s="1" t="s">
        <v>109038</v>
      </c>
      <c r="I31207" s="1" t="s">
        <v>105238</v>
      </c>
      <c r="J31207" s="1" t="s">
        <v>109113</v>
      </c>
    </row>
    <row r="31208" spans="1:10" x14ac:dyDescent="0.35">
      <c r="A31208" s="1" t="s">
        <v>29496</v>
      </c>
      <c r="B31208" s="1" t="s">
        <v>105234</v>
      </c>
      <c r="C31208" s="1" t="s">
        <v>115</v>
      </c>
      <c r="D31208" s="1" t="s">
        <v>43238</v>
      </c>
      <c r="E31208" s="1" t="s">
        <v>109114</v>
      </c>
      <c r="F31208" s="1" t="s">
        <v>109115</v>
      </c>
      <c r="G31208" s="1" t="s">
        <v>109037</v>
      </c>
      <c r="H31208" s="1" t="s">
        <v>109038</v>
      </c>
      <c r="I31208" s="1" t="s">
        <v>105238</v>
      </c>
      <c r="J31208" s="1" t="s">
        <v>109116</v>
      </c>
    </row>
    <row r="31209" spans="1:10" x14ac:dyDescent="0.35">
      <c r="A31209" s="1" t="s">
        <v>29496</v>
      </c>
      <c r="B31209" s="1" t="s">
        <v>105234</v>
      </c>
      <c r="C31209" s="1" t="s">
        <v>120</v>
      </c>
      <c r="D31209" s="1" t="s">
        <v>109117</v>
      </c>
      <c r="E31209" s="1" t="s">
        <v>109118</v>
      </c>
      <c r="F31209" s="1" t="s">
        <v>109119</v>
      </c>
      <c r="G31209" s="1" t="s">
        <v>109037</v>
      </c>
      <c r="H31209" s="1" t="s">
        <v>109038</v>
      </c>
      <c r="I31209" s="1" t="s">
        <v>105238</v>
      </c>
      <c r="J31209" s="1" t="s">
        <v>109120</v>
      </c>
    </row>
    <row r="31210" spans="1:10" x14ac:dyDescent="0.35">
      <c r="A31210" s="1" t="s">
        <v>29496</v>
      </c>
      <c r="B31210" s="1" t="s">
        <v>105234</v>
      </c>
      <c r="C31210" s="1" t="s">
        <v>125</v>
      </c>
      <c r="D31210" s="1" t="s">
        <v>109121</v>
      </c>
      <c r="E31210" s="1" t="s">
        <v>109122</v>
      </c>
      <c r="F31210" s="1" t="s">
        <v>109123</v>
      </c>
      <c r="G31210" s="1" t="s">
        <v>109037</v>
      </c>
      <c r="H31210" s="1" t="s">
        <v>109038</v>
      </c>
      <c r="I31210" s="1" t="s">
        <v>105238</v>
      </c>
      <c r="J31210" s="1" t="s">
        <v>109124</v>
      </c>
    </row>
    <row r="31211" spans="1:10" x14ac:dyDescent="0.35">
      <c r="A31211" s="1" t="s">
        <v>29496</v>
      </c>
      <c r="B31211" s="1" t="s">
        <v>105234</v>
      </c>
      <c r="C31211" s="1" t="s">
        <v>130</v>
      </c>
      <c r="D31211" s="1" t="s">
        <v>109125</v>
      </c>
      <c r="E31211" s="1" t="s">
        <v>109126</v>
      </c>
      <c r="F31211" s="1" t="s">
        <v>109127</v>
      </c>
      <c r="G31211" s="1" t="s">
        <v>109037</v>
      </c>
      <c r="H31211" s="1" t="s">
        <v>109038</v>
      </c>
      <c r="I31211" s="1" t="s">
        <v>105238</v>
      </c>
      <c r="J31211" s="1" t="s">
        <v>109128</v>
      </c>
    </row>
    <row r="31212" spans="1:10" x14ac:dyDescent="0.35">
      <c r="A31212" s="1" t="s">
        <v>29496</v>
      </c>
      <c r="B31212" s="1" t="s">
        <v>105234</v>
      </c>
      <c r="C31212" s="1" t="s">
        <v>135</v>
      </c>
      <c r="D31212" s="1" t="s">
        <v>109129</v>
      </c>
      <c r="E31212" s="1" t="s">
        <v>109130</v>
      </c>
      <c r="F31212" s="1" t="s">
        <v>109131</v>
      </c>
      <c r="G31212" s="1" t="s">
        <v>109037</v>
      </c>
      <c r="H31212" s="1" t="s">
        <v>109038</v>
      </c>
      <c r="I31212" s="1" t="s">
        <v>105238</v>
      </c>
      <c r="J31212" s="1" t="s">
        <v>109132</v>
      </c>
    </row>
    <row r="31213" spans="1:10" x14ac:dyDescent="0.35">
      <c r="A31213" s="1" t="s">
        <v>29496</v>
      </c>
      <c r="B31213" s="1" t="s">
        <v>105234</v>
      </c>
      <c r="C31213" s="1" t="s">
        <v>140</v>
      </c>
      <c r="D31213" s="1" t="s">
        <v>109133</v>
      </c>
      <c r="E31213" s="1" t="s">
        <v>109134</v>
      </c>
      <c r="F31213" s="1" t="s">
        <v>109135</v>
      </c>
      <c r="G31213" s="1" t="s">
        <v>109037</v>
      </c>
      <c r="H31213" s="1" t="s">
        <v>109038</v>
      </c>
      <c r="I31213" s="1" t="s">
        <v>105238</v>
      </c>
      <c r="J31213" s="1" t="s">
        <v>109136</v>
      </c>
    </row>
    <row r="31214" spans="1:10" x14ac:dyDescent="0.35">
      <c r="A31214" s="1" t="s">
        <v>29496</v>
      </c>
      <c r="B31214" s="1" t="s">
        <v>105234</v>
      </c>
      <c r="C31214" s="1" t="s">
        <v>145</v>
      </c>
      <c r="D31214" s="1" t="s">
        <v>13711</v>
      </c>
      <c r="E31214" s="1" t="s">
        <v>109137</v>
      </c>
      <c r="F31214" s="1" t="s">
        <v>109138</v>
      </c>
      <c r="G31214" s="1" t="s">
        <v>109037</v>
      </c>
      <c r="H31214" s="1" t="s">
        <v>109038</v>
      </c>
      <c r="I31214" s="1" t="s">
        <v>105238</v>
      </c>
      <c r="J31214" s="1" t="s">
        <v>109139</v>
      </c>
    </row>
    <row r="31215" spans="1:10" x14ac:dyDescent="0.35">
      <c r="A31215" s="1" t="s">
        <v>29496</v>
      </c>
      <c r="B31215" s="1" t="s">
        <v>105234</v>
      </c>
      <c r="C31215" s="1" t="s">
        <v>150</v>
      </c>
      <c r="D31215" s="1" t="s">
        <v>14366</v>
      </c>
      <c r="E31215" s="1" t="s">
        <v>109140</v>
      </c>
      <c r="F31215" s="1" t="s">
        <v>109141</v>
      </c>
      <c r="G31215" s="1" t="s">
        <v>109037</v>
      </c>
      <c r="H31215" s="1" t="s">
        <v>109038</v>
      </c>
      <c r="I31215" s="1" t="s">
        <v>105238</v>
      </c>
      <c r="J31215" s="1" t="s">
        <v>109142</v>
      </c>
    </row>
    <row r="31216" spans="1:10" x14ac:dyDescent="0.35">
      <c r="A31216" s="1" t="s">
        <v>29496</v>
      </c>
      <c r="B31216" s="1" t="s">
        <v>105234</v>
      </c>
      <c r="C31216" s="1" t="s">
        <v>155</v>
      </c>
      <c r="D31216" s="1" t="s">
        <v>11711</v>
      </c>
      <c r="E31216" s="1" t="s">
        <v>109143</v>
      </c>
      <c r="F31216" s="1" t="s">
        <v>109144</v>
      </c>
      <c r="G31216" s="1" t="s">
        <v>109037</v>
      </c>
      <c r="H31216" s="1" t="s">
        <v>109038</v>
      </c>
      <c r="I31216" s="1" t="s">
        <v>105238</v>
      </c>
      <c r="J31216" s="1" t="s">
        <v>109145</v>
      </c>
    </row>
    <row r="31217" spans="1:10" x14ac:dyDescent="0.35">
      <c r="A31217" s="1" t="s">
        <v>29496</v>
      </c>
      <c r="B31217" s="1" t="s">
        <v>105234</v>
      </c>
      <c r="C31217" s="1" t="s">
        <v>160</v>
      </c>
      <c r="D31217" s="1" t="s">
        <v>109146</v>
      </c>
      <c r="E31217" s="1" t="s">
        <v>109147</v>
      </c>
      <c r="F31217" s="1" t="s">
        <v>109148</v>
      </c>
      <c r="G31217" s="1" t="s">
        <v>109037</v>
      </c>
      <c r="H31217" s="1" t="s">
        <v>109038</v>
      </c>
      <c r="I31217" s="1" t="s">
        <v>105238</v>
      </c>
      <c r="J31217" s="1" t="s">
        <v>109149</v>
      </c>
    </row>
    <row r="31218" spans="1:10" x14ac:dyDescent="0.35">
      <c r="A31218" s="1" t="s">
        <v>29496</v>
      </c>
      <c r="B31218" s="1" t="s">
        <v>105234</v>
      </c>
      <c r="C31218" s="1" t="s">
        <v>165</v>
      </c>
      <c r="D31218" s="1" t="s">
        <v>105192</v>
      </c>
      <c r="E31218" s="1" t="s">
        <v>109150</v>
      </c>
      <c r="F31218" s="1" t="s">
        <v>109151</v>
      </c>
      <c r="G31218" s="1" t="s">
        <v>109037</v>
      </c>
      <c r="H31218" s="1" t="s">
        <v>109038</v>
      </c>
      <c r="I31218" s="1" t="s">
        <v>105238</v>
      </c>
      <c r="J31218" s="1" t="s">
        <v>109152</v>
      </c>
    </row>
    <row r="31219" spans="1:10" x14ac:dyDescent="0.35">
      <c r="A31219" s="1" t="s">
        <v>29496</v>
      </c>
      <c r="B31219" s="1" t="s">
        <v>105234</v>
      </c>
      <c r="C31219" s="1" t="s">
        <v>170</v>
      </c>
      <c r="D31219" s="1" t="s">
        <v>109153</v>
      </c>
      <c r="E31219" s="1" t="s">
        <v>109154</v>
      </c>
      <c r="F31219" s="1" t="s">
        <v>109155</v>
      </c>
      <c r="G31219" s="1" t="s">
        <v>109037</v>
      </c>
      <c r="H31219" s="1" t="s">
        <v>109038</v>
      </c>
      <c r="I31219" s="1" t="s">
        <v>105238</v>
      </c>
      <c r="J31219" s="1" t="s">
        <v>109156</v>
      </c>
    </row>
    <row r="31220" spans="1:10" x14ac:dyDescent="0.35">
      <c r="A31220" s="1" t="s">
        <v>12060</v>
      </c>
      <c r="B31220" s="1" t="s">
        <v>105234</v>
      </c>
      <c r="C31220" s="1" t="s">
        <v>8</v>
      </c>
      <c r="D31220" s="1" t="s">
        <v>109157</v>
      </c>
      <c r="E31220" s="1" t="s">
        <v>109158</v>
      </c>
      <c r="F31220" s="1" t="s">
        <v>109159</v>
      </c>
      <c r="G31220" s="1" t="s">
        <v>109160</v>
      </c>
      <c r="H31220" s="1" t="s">
        <v>109161</v>
      </c>
      <c r="I31220" s="1" t="s">
        <v>105238</v>
      </c>
      <c r="J31220" s="1" t="s">
        <v>13</v>
      </c>
    </row>
    <row r="31221" spans="1:10" x14ac:dyDescent="0.35">
      <c r="A31221" s="1" t="s">
        <v>12060</v>
      </c>
      <c r="B31221" s="1" t="s">
        <v>105234</v>
      </c>
      <c r="C31221" s="1" t="s">
        <v>15</v>
      </c>
      <c r="D31221" s="1" t="s">
        <v>109162</v>
      </c>
      <c r="E31221" s="1" t="s">
        <v>31493</v>
      </c>
      <c r="F31221" s="1" t="s">
        <v>53990</v>
      </c>
      <c r="G31221" s="1" t="s">
        <v>109160</v>
      </c>
      <c r="H31221" s="1" t="s">
        <v>109161</v>
      </c>
      <c r="I31221" s="1" t="s">
        <v>105238</v>
      </c>
      <c r="J31221" s="1" t="s">
        <v>109163</v>
      </c>
    </row>
    <row r="31222" spans="1:10" x14ac:dyDescent="0.35">
      <c r="A31222" s="1" t="s">
        <v>12060</v>
      </c>
      <c r="B31222" s="1" t="s">
        <v>105234</v>
      </c>
      <c r="C31222" s="1" t="s">
        <v>20</v>
      </c>
      <c r="D31222" s="1" t="s">
        <v>109164</v>
      </c>
      <c r="E31222" s="1" t="s">
        <v>109165</v>
      </c>
      <c r="F31222" s="1" t="s">
        <v>78780</v>
      </c>
      <c r="G31222" s="1" t="s">
        <v>109160</v>
      </c>
      <c r="H31222" s="1" t="s">
        <v>109161</v>
      </c>
      <c r="I31222" s="1" t="s">
        <v>105238</v>
      </c>
      <c r="J31222" s="1" t="s">
        <v>109166</v>
      </c>
    </row>
    <row r="31223" spans="1:10" x14ac:dyDescent="0.35">
      <c r="A31223" s="1" t="s">
        <v>12060</v>
      </c>
      <c r="B31223" s="1" t="s">
        <v>105234</v>
      </c>
      <c r="C31223" s="1" t="s">
        <v>25</v>
      </c>
      <c r="D31223" s="1" t="s">
        <v>109167</v>
      </c>
      <c r="E31223" s="1" t="s">
        <v>109168</v>
      </c>
      <c r="F31223" s="1" t="s">
        <v>109169</v>
      </c>
      <c r="G31223" s="1" t="s">
        <v>109160</v>
      </c>
      <c r="H31223" s="1" t="s">
        <v>109161</v>
      </c>
      <c r="I31223" s="1" t="s">
        <v>105238</v>
      </c>
      <c r="J31223" s="1" t="s">
        <v>109170</v>
      </c>
    </row>
    <row r="31224" spans="1:10" x14ac:dyDescent="0.35">
      <c r="A31224" s="1" t="s">
        <v>12060</v>
      </c>
      <c r="B31224" s="1" t="s">
        <v>105234</v>
      </c>
      <c r="C31224" s="1" t="s">
        <v>30</v>
      </c>
      <c r="D31224" s="1" t="s">
        <v>109171</v>
      </c>
      <c r="E31224" s="1" t="s">
        <v>109172</v>
      </c>
      <c r="F31224" s="1" t="s">
        <v>52535</v>
      </c>
      <c r="G31224" s="1" t="s">
        <v>109160</v>
      </c>
      <c r="H31224" s="1" t="s">
        <v>109161</v>
      </c>
      <c r="I31224" s="1" t="s">
        <v>105238</v>
      </c>
      <c r="J31224" s="1" t="s">
        <v>109173</v>
      </c>
    </row>
    <row r="31225" spans="1:10" x14ac:dyDescent="0.35">
      <c r="A31225" s="1" t="s">
        <v>12060</v>
      </c>
      <c r="B31225" s="1" t="s">
        <v>105234</v>
      </c>
      <c r="C31225" s="1" t="s">
        <v>35</v>
      </c>
      <c r="D31225" s="1" t="s">
        <v>109174</v>
      </c>
      <c r="E31225" s="1" t="s">
        <v>15695</v>
      </c>
      <c r="F31225" s="1" t="s">
        <v>109175</v>
      </c>
      <c r="G31225" s="1" t="s">
        <v>109160</v>
      </c>
      <c r="H31225" s="1" t="s">
        <v>109161</v>
      </c>
      <c r="I31225" s="1" t="s">
        <v>105238</v>
      </c>
      <c r="J31225" s="1" t="s">
        <v>109176</v>
      </c>
    </row>
    <row r="31226" spans="1:10" x14ac:dyDescent="0.35">
      <c r="A31226" s="1" t="s">
        <v>12060</v>
      </c>
      <c r="B31226" s="1" t="s">
        <v>105234</v>
      </c>
      <c r="C31226" s="1" t="s">
        <v>40</v>
      </c>
      <c r="D31226" s="1" t="s">
        <v>109177</v>
      </c>
      <c r="E31226" s="1" t="s">
        <v>31560</v>
      </c>
      <c r="F31226" s="1" t="s">
        <v>109178</v>
      </c>
      <c r="G31226" s="1" t="s">
        <v>109160</v>
      </c>
      <c r="H31226" s="1" t="s">
        <v>109161</v>
      </c>
      <c r="I31226" s="1" t="s">
        <v>105238</v>
      </c>
      <c r="J31226" s="1" t="s">
        <v>109179</v>
      </c>
    </row>
    <row r="31227" spans="1:10" x14ac:dyDescent="0.35">
      <c r="A31227" s="1" t="s">
        <v>12060</v>
      </c>
      <c r="B31227" s="1" t="s">
        <v>105234</v>
      </c>
      <c r="C31227" s="1" t="s">
        <v>45</v>
      </c>
      <c r="D31227" s="1" t="s">
        <v>109180</v>
      </c>
      <c r="E31227" s="1" t="s">
        <v>33002</v>
      </c>
      <c r="F31227" s="1" t="s">
        <v>109181</v>
      </c>
      <c r="G31227" s="1" t="s">
        <v>109160</v>
      </c>
      <c r="H31227" s="1" t="s">
        <v>109161</v>
      </c>
      <c r="I31227" s="1" t="s">
        <v>105238</v>
      </c>
      <c r="J31227" s="1" t="s">
        <v>109182</v>
      </c>
    </row>
    <row r="31228" spans="1:10" x14ac:dyDescent="0.35">
      <c r="A31228" s="1" t="s">
        <v>12060</v>
      </c>
      <c r="B31228" s="1" t="s">
        <v>105234</v>
      </c>
      <c r="C31228" s="1" t="s">
        <v>50</v>
      </c>
      <c r="D31228" s="1" t="s">
        <v>109183</v>
      </c>
      <c r="E31228" s="1" t="s">
        <v>109184</v>
      </c>
      <c r="F31228" s="1" t="s">
        <v>109185</v>
      </c>
      <c r="G31228" s="1" t="s">
        <v>109160</v>
      </c>
      <c r="H31228" s="1" t="s">
        <v>109161</v>
      </c>
      <c r="I31228" s="1" t="s">
        <v>105238</v>
      </c>
      <c r="J31228" s="1" t="s">
        <v>109186</v>
      </c>
    </row>
    <row r="31229" spans="1:10" x14ac:dyDescent="0.35">
      <c r="A31229" s="1" t="s">
        <v>12060</v>
      </c>
      <c r="B31229" s="1" t="s">
        <v>105234</v>
      </c>
      <c r="C31229" s="1" t="s">
        <v>55</v>
      </c>
      <c r="D31229" s="1" t="s">
        <v>109187</v>
      </c>
      <c r="E31229" s="1" t="s">
        <v>109188</v>
      </c>
      <c r="F31229" s="1" t="s">
        <v>109189</v>
      </c>
      <c r="G31229" s="1" t="s">
        <v>109160</v>
      </c>
      <c r="H31229" s="1" t="s">
        <v>109161</v>
      </c>
      <c r="I31229" s="1" t="s">
        <v>105238</v>
      </c>
      <c r="J31229" s="1" t="s">
        <v>109190</v>
      </c>
    </row>
    <row r="31230" spans="1:10" x14ac:dyDescent="0.35">
      <c r="A31230" s="1" t="s">
        <v>12060</v>
      </c>
      <c r="B31230" s="1" t="s">
        <v>105234</v>
      </c>
      <c r="C31230" s="1" t="s">
        <v>60</v>
      </c>
      <c r="D31230" s="1" t="s">
        <v>101482</v>
      </c>
      <c r="E31230" s="1" t="s">
        <v>94756</v>
      </c>
      <c r="F31230" s="1" t="s">
        <v>109191</v>
      </c>
      <c r="G31230" s="1" t="s">
        <v>109160</v>
      </c>
      <c r="H31230" s="1" t="s">
        <v>109161</v>
      </c>
      <c r="I31230" s="1" t="s">
        <v>105238</v>
      </c>
      <c r="J31230" s="1" t="s">
        <v>109192</v>
      </c>
    </row>
    <row r="31231" spans="1:10" x14ac:dyDescent="0.35">
      <c r="A31231" s="1" t="s">
        <v>12060</v>
      </c>
      <c r="B31231" s="1" t="s">
        <v>105234</v>
      </c>
      <c r="C31231" s="1" t="s">
        <v>65</v>
      </c>
      <c r="D31231" s="1" t="s">
        <v>109193</v>
      </c>
      <c r="E31231" s="1" t="s">
        <v>90274</v>
      </c>
      <c r="F31231" s="1" t="s">
        <v>109194</v>
      </c>
      <c r="G31231" s="1" t="s">
        <v>109160</v>
      </c>
      <c r="H31231" s="1" t="s">
        <v>109161</v>
      </c>
      <c r="I31231" s="1" t="s">
        <v>105238</v>
      </c>
      <c r="J31231" s="1" t="s">
        <v>109195</v>
      </c>
    </row>
    <row r="31232" spans="1:10" x14ac:dyDescent="0.35">
      <c r="A31232" s="1" t="s">
        <v>12060</v>
      </c>
      <c r="B31232" s="1" t="s">
        <v>105234</v>
      </c>
      <c r="C31232" s="1" t="s">
        <v>70</v>
      </c>
      <c r="D31232" s="1" t="s">
        <v>78482</v>
      </c>
      <c r="E31232" s="1" t="s">
        <v>105960</v>
      </c>
      <c r="F31232" s="1" t="s">
        <v>109196</v>
      </c>
      <c r="G31232" s="1" t="s">
        <v>109160</v>
      </c>
      <c r="H31232" s="1" t="s">
        <v>109161</v>
      </c>
      <c r="I31232" s="1" t="s">
        <v>105238</v>
      </c>
      <c r="J31232" s="1" t="s">
        <v>109197</v>
      </c>
    </row>
    <row r="31233" spans="1:10" x14ac:dyDescent="0.35">
      <c r="A31233" s="1" t="s">
        <v>12060</v>
      </c>
      <c r="B31233" s="1" t="s">
        <v>105234</v>
      </c>
      <c r="C31233" s="1" t="s">
        <v>75</v>
      </c>
      <c r="D31233" s="1" t="s">
        <v>109198</v>
      </c>
      <c r="E31233" s="1" t="s">
        <v>90209</v>
      </c>
      <c r="F31233" s="1" t="s">
        <v>99744</v>
      </c>
      <c r="G31233" s="1" t="s">
        <v>109160</v>
      </c>
      <c r="H31233" s="1" t="s">
        <v>109161</v>
      </c>
      <c r="I31233" s="1" t="s">
        <v>105238</v>
      </c>
      <c r="J31233" s="1" t="s">
        <v>109199</v>
      </c>
    </row>
    <row r="31234" spans="1:10" x14ac:dyDescent="0.35">
      <c r="A31234" s="1" t="s">
        <v>12060</v>
      </c>
      <c r="B31234" s="1" t="s">
        <v>105234</v>
      </c>
      <c r="C31234" s="1" t="s">
        <v>80</v>
      </c>
      <c r="D31234" s="1" t="s">
        <v>109200</v>
      </c>
      <c r="E31234" s="1" t="s">
        <v>109201</v>
      </c>
      <c r="F31234" s="1" t="s">
        <v>24186</v>
      </c>
      <c r="G31234" s="1" t="s">
        <v>109160</v>
      </c>
      <c r="H31234" s="1" t="s">
        <v>109161</v>
      </c>
      <c r="I31234" s="1" t="s">
        <v>105238</v>
      </c>
      <c r="J31234" s="1" t="s">
        <v>109202</v>
      </c>
    </row>
    <row r="31235" spans="1:10" x14ac:dyDescent="0.35">
      <c r="A31235" s="1" t="s">
        <v>12060</v>
      </c>
      <c r="B31235" s="1" t="s">
        <v>105234</v>
      </c>
      <c r="C31235" s="1" t="s">
        <v>85</v>
      </c>
      <c r="D31235" s="1" t="s">
        <v>54809</v>
      </c>
      <c r="E31235" s="1" t="s">
        <v>30660</v>
      </c>
      <c r="F31235" s="1" t="s">
        <v>57011</v>
      </c>
      <c r="G31235" s="1" t="s">
        <v>109160</v>
      </c>
      <c r="H31235" s="1" t="s">
        <v>109161</v>
      </c>
      <c r="I31235" s="1" t="s">
        <v>105238</v>
      </c>
      <c r="J31235" s="1" t="s">
        <v>109203</v>
      </c>
    </row>
    <row r="31236" spans="1:10" x14ac:dyDescent="0.35">
      <c r="A31236" s="1" t="s">
        <v>12060</v>
      </c>
      <c r="B31236" s="1" t="s">
        <v>105234</v>
      </c>
      <c r="C31236" s="1" t="s">
        <v>90</v>
      </c>
      <c r="D31236" s="1" t="s">
        <v>109204</v>
      </c>
      <c r="E31236" s="1" t="s">
        <v>109205</v>
      </c>
      <c r="F31236" s="1" t="s">
        <v>109206</v>
      </c>
      <c r="G31236" s="1" t="s">
        <v>109160</v>
      </c>
      <c r="H31236" s="1" t="s">
        <v>109161</v>
      </c>
      <c r="I31236" s="1" t="s">
        <v>105238</v>
      </c>
      <c r="J31236" s="1" t="s">
        <v>109207</v>
      </c>
    </row>
    <row r="31237" spans="1:10" x14ac:dyDescent="0.35">
      <c r="A31237" s="1" t="s">
        <v>12060</v>
      </c>
      <c r="B31237" s="1" t="s">
        <v>105234</v>
      </c>
      <c r="C31237" s="1" t="s">
        <v>95</v>
      </c>
      <c r="D31237" s="1" t="s">
        <v>94114</v>
      </c>
      <c r="E31237" s="1" t="s">
        <v>109208</v>
      </c>
      <c r="F31237" s="1" t="s">
        <v>109209</v>
      </c>
      <c r="G31237" s="1" t="s">
        <v>109160</v>
      </c>
      <c r="H31237" s="1" t="s">
        <v>109161</v>
      </c>
      <c r="I31237" s="1" t="s">
        <v>105238</v>
      </c>
      <c r="J31237" s="1" t="s">
        <v>109210</v>
      </c>
    </row>
    <row r="31238" spans="1:10" x14ac:dyDescent="0.35">
      <c r="A31238" s="1" t="s">
        <v>12060</v>
      </c>
      <c r="B31238" s="1" t="s">
        <v>105234</v>
      </c>
      <c r="C31238" s="1" t="s">
        <v>100</v>
      </c>
      <c r="D31238" s="1" t="s">
        <v>93696</v>
      </c>
      <c r="E31238" s="1" t="s">
        <v>109211</v>
      </c>
      <c r="F31238" s="1" t="s">
        <v>109212</v>
      </c>
      <c r="G31238" s="1" t="s">
        <v>109160</v>
      </c>
      <c r="H31238" s="1" t="s">
        <v>109161</v>
      </c>
      <c r="I31238" s="1" t="s">
        <v>105238</v>
      </c>
      <c r="J31238" s="1" t="s">
        <v>109213</v>
      </c>
    </row>
    <row r="31239" spans="1:10" x14ac:dyDescent="0.35">
      <c r="A31239" s="1" t="s">
        <v>12060</v>
      </c>
      <c r="B31239" s="1" t="s">
        <v>105234</v>
      </c>
      <c r="C31239" s="1" t="s">
        <v>105</v>
      </c>
      <c r="D31239" s="1" t="s">
        <v>75690</v>
      </c>
      <c r="E31239" s="1" t="s">
        <v>108694</v>
      </c>
      <c r="F31239" s="1" t="s">
        <v>109214</v>
      </c>
      <c r="G31239" s="1" t="s">
        <v>109160</v>
      </c>
      <c r="H31239" s="1" t="s">
        <v>109161</v>
      </c>
      <c r="I31239" s="1" t="s">
        <v>105238</v>
      </c>
      <c r="J31239" s="1" t="s">
        <v>109215</v>
      </c>
    </row>
    <row r="31240" spans="1:10" x14ac:dyDescent="0.35">
      <c r="A31240" s="1" t="s">
        <v>12060</v>
      </c>
      <c r="B31240" s="1" t="s">
        <v>105234</v>
      </c>
      <c r="C31240" s="1" t="s">
        <v>110</v>
      </c>
      <c r="D31240" s="1" t="s">
        <v>98608</v>
      </c>
      <c r="E31240" s="1" t="s">
        <v>109216</v>
      </c>
      <c r="F31240" s="1" t="s">
        <v>56194</v>
      </c>
      <c r="G31240" s="1" t="s">
        <v>109160</v>
      </c>
      <c r="H31240" s="1" t="s">
        <v>109161</v>
      </c>
      <c r="I31240" s="1" t="s">
        <v>105238</v>
      </c>
      <c r="J31240" s="1" t="s">
        <v>109217</v>
      </c>
    </row>
    <row r="31241" spans="1:10" x14ac:dyDescent="0.35">
      <c r="A31241" s="1" t="s">
        <v>12060</v>
      </c>
      <c r="B31241" s="1" t="s">
        <v>105234</v>
      </c>
      <c r="C31241" s="1" t="s">
        <v>115</v>
      </c>
      <c r="D31241" s="1" t="s">
        <v>109218</v>
      </c>
      <c r="E31241" s="1" t="s">
        <v>70904</v>
      </c>
      <c r="F31241" s="1" t="s">
        <v>78780</v>
      </c>
      <c r="G31241" s="1" t="s">
        <v>109160</v>
      </c>
      <c r="H31241" s="1" t="s">
        <v>109161</v>
      </c>
      <c r="I31241" s="1" t="s">
        <v>105238</v>
      </c>
      <c r="J31241" s="1" t="s">
        <v>109219</v>
      </c>
    </row>
    <row r="31242" spans="1:10" x14ac:dyDescent="0.35">
      <c r="A31242" s="1" t="s">
        <v>12060</v>
      </c>
      <c r="B31242" s="1" t="s">
        <v>105234</v>
      </c>
      <c r="C31242" s="1" t="s">
        <v>120</v>
      </c>
      <c r="D31242" s="1" t="s">
        <v>109220</v>
      </c>
      <c r="E31242" s="1" t="s">
        <v>16201</v>
      </c>
      <c r="F31242" s="1" t="s">
        <v>109221</v>
      </c>
      <c r="G31242" s="1" t="s">
        <v>109160</v>
      </c>
      <c r="H31242" s="1" t="s">
        <v>109161</v>
      </c>
      <c r="I31242" s="1" t="s">
        <v>105238</v>
      </c>
      <c r="J31242" s="1" t="s">
        <v>109222</v>
      </c>
    </row>
    <row r="31243" spans="1:10" x14ac:dyDescent="0.35">
      <c r="A31243" s="1" t="s">
        <v>12060</v>
      </c>
      <c r="B31243" s="1" t="s">
        <v>105234</v>
      </c>
      <c r="C31243" s="1" t="s">
        <v>125</v>
      </c>
      <c r="D31243" s="1" t="s">
        <v>80366</v>
      </c>
      <c r="E31243" s="1" t="s">
        <v>109223</v>
      </c>
      <c r="F31243" s="1" t="s">
        <v>109224</v>
      </c>
      <c r="G31243" s="1" t="s">
        <v>109160</v>
      </c>
      <c r="H31243" s="1" t="s">
        <v>109161</v>
      </c>
      <c r="I31243" s="1" t="s">
        <v>105238</v>
      </c>
      <c r="J31243" s="1" t="s">
        <v>109225</v>
      </c>
    </row>
    <row r="31244" spans="1:10" x14ac:dyDescent="0.35">
      <c r="A31244" s="1" t="s">
        <v>12060</v>
      </c>
      <c r="B31244" s="1" t="s">
        <v>105234</v>
      </c>
      <c r="C31244" s="1" t="s">
        <v>130</v>
      </c>
      <c r="D31244" s="1" t="s">
        <v>109226</v>
      </c>
      <c r="E31244" s="1" t="s">
        <v>109227</v>
      </c>
      <c r="F31244" s="1" t="s">
        <v>97594</v>
      </c>
      <c r="G31244" s="1" t="s">
        <v>109160</v>
      </c>
      <c r="H31244" s="1" t="s">
        <v>109161</v>
      </c>
      <c r="I31244" s="1" t="s">
        <v>105238</v>
      </c>
      <c r="J31244" s="1" t="s">
        <v>109228</v>
      </c>
    </row>
    <row r="31245" spans="1:10" x14ac:dyDescent="0.35">
      <c r="A31245" s="1" t="s">
        <v>12060</v>
      </c>
      <c r="B31245" s="1" t="s">
        <v>105234</v>
      </c>
      <c r="C31245" s="1" t="s">
        <v>135</v>
      </c>
      <c r="D31245" s="1" t="s">
        <v>32343</v>
      </c>
      <c r="E31245" s="1" t="s">
        <v>109229</v>
      </c>
      <c r="F31245" s="1" t="s">
        <v>101263</v>
      </c>
      <c r="G31245" s="1" t="s">
        <v>109160</v>
      </c>
      <c r="H31245" s="1" t="s">
        <v>109161</v>
      </c>
      <c r="I31245" s="1" t="s">
        <v>105238</v>
      </c>
      <c r="J31245" s="1" t="s">
        <v>109230</v>
      </c>
    </row>
    <row r="31246" spans="1:10" x14ac:dyDescent="0.35">
      <c r="A31246" s="1" t="s">
        <v>12060</v>
      </c>
      <c r="B31246" s="1" t="s">
        <v>105234</v>
      </c>
      <c r="C31246" s="1" t="s">
        <v>140</v>
      </c>
      <c r="D31246" s="1" t="s">
        <v>109231</v>
      </c>
      <c r="E31246" s="1" t="s">
        <v>109232</v>
      </c>
      <c r="F31246" s="1" t="s">
        <v>68685</v>
      </c>
      <c r="G31246" s="1" t="s">
        <v>109160</v>
      </c>
      <c r="H31246" s="1" t="s">
        <v>109161</v>
      </c>
      <c r="I31246" s="1" t="s">
        <v>105238</v>
      </c>
      <c r="J31246" s="1" t="s">
        <v>109233</v>
      </c>
    </row>
    <row r="31247" spans="1:10" x14ac:dyDescent="0.35">
      <c r="A31247" s="1" t="s">
        <v>12060</v>
      </c>
      <c r="B31247" s="1" t="s">
        <v>105234</v>
      </c>
      <c r="C31247" s="1" t="s">
        <v>145</v>
      </c>
      <c r="D31247" s="1" t="s">
        <v>64867</v>
      </c>
      <c r="E31247" s="1" t="s">
        <v>105928</v>
      </c>
      <c r="F31247" s="1" t="s">
        <v>54198</v>
      </c>
      <c r="G31247" s="1" t="s">
        <v>109160</v>
      </c>
      <c r="H31247" s="1" t="s">
        <v>109161</v>
      </c>
      <c r="I31247" s="1" t="s">
        <v>105238</v>
      </c>
      <c r="J31247" s="1" t="s">
        <v>109234</v>
      </c>
    </row>
    <row r="31248" spans="1:10" x14ac:dyDescent="0.35">
      <c r="A31248" s="1" t="s">
        <v>12060</v>
      </c>
      <c r="B31248" s="1" t="s">
        <v>105234</v>
      </c>
      <c r="C31248" s="1" t="s">
        <v>150</v>
      </c>
      <c r="D31248" s="1" t="s">
        <v>14665</v>
      </c>
      <c r="E31248" s="1" t="s">
        <v>109235</v>
      </c>
      <c r="F31248" s="1" t="s">
        <v>109236</v>
      </c>
      <c r="G31248" s="1" t="s">
        <v>109160</v>
      </c>
      <c r="H31248" s="1" t="s">
        <v>109161</v>
      </c>
      <c r="I31248" s="1" t="s">
        <v>105238</v>
      </c>
      <c r="J31248" s="1" t="s">
        <v>109237</v>
      </c>
    </row>
    <row r="31249" spans="1:10" x14ac:dyDescent="0.35">
      <c r="A31249" s="1" t="s">
        <v>12060</v>
      </c>
      <c r="B31249" s="1" t="s">
        <v>105234</v>
      </c>
      <c r="C31249" s="1" t="s">
        <v>155</v>
      </c>
      <c r="D31249" s="1" t="s">
        <v>109238</v>
      </c>
      <c r="E31249" s="1" t="s">
        <v>109239</v>
      </c>
      <c r="F31249" s="1" t="s">
        <v>109240</v>
      </c>
      <c r="G31249" s="1" t="s">
        <v>109160</v>
      </c>
      <c r="H31249" s="1" t="s">
        <v>109161</v>
      </c>
      <c r="I31249" s="1" t="s">
        <v>105238</v>
      </c>
      <c r="J31249" s="1" t="s">
        <v>109241</v>
      </c>
    </row>
    <row r="31250" spans="1:10" x14ac:dyDescent="0.35">
      <c r="A31250" s="1" t="s">
        <v>12060</v>
      </c>
      <c r="B31250" s="1" t="s">
        <v>105234</v>
      </c>
      <c r="C31250" s="1" t="s">
        <v>160</v>
      </c>
      <c r="D31250" s="1" t="s">
        <v>109242</v>
      </c>
      <c r="E31250" s="1" t="s">
        <v>109243</v>
      </c>
      <c r="F31250" s="1" t="s">
        <v>109244</v>
      </c>
      <c r="G31250" s="1" t="s">
        <v>109160</v>
      </c>
      <c r="H31250" s="1" t="s">
        <v>109161</v>
      </c>
      <c r="I31250" s="1" t="s">
        <v>105238</v>
      </c>
      <c r="J31250" s="1" t="s">
        <v>109245</v>
      </c>
    </row>
    <row r="31251" spans="1:10" x14ac:dyDescent="0.35">
      <c r="A31251" s="1" t="s">
        <v>12060</v>
      </c>
      <c r="B31251" s="1" t="s">
        <v>105234</v>
      </c>
      <c r="C31251" s="1" t="s">
        <v>165</v>
      </c>
      <c r="D31251" s="1" t="s">
        <v>109246</v>
      </c>
      <c r="E31251" s="1" t="s">
        <v>109247</v>
      </c>
      <c r="F31251" s="1" t="s">
        <v>109248</v>
      </c>
      <c r="G31251" s="1" t="s">
        <v>109160</v>
      </c>
      <c r="H31251" s="1" t="s">
        <v>109161</v>
      </c>
      <c r="I31251" s="1" t="s">
        <v>105238</v>
      </c>
      <c r="J31251" s="1" t="s">
        <v>109249</v>
      </c>
    </row>
    <row r="31252" spans="1:10" x14ac:dyDescent="0.35">
      <c r="A31252" s="1" t="s">
        <v>12060</v>
      </c>
      <c r="B31252" s="1" t="s">
        <v>105234</v>
      </c>
      <c r="C31252" s="1" t="s">
        <v>170</v>
      </c>
      <c r="D31252" s="1" t="s">
        <v>76843</v>
      </c>
      <c r="E31252" s="1" t="s">
        <v>109250</v>
      </c>
      <c r="F31252" s="1" t="s">
        <v>109251</v>
      </c>
      <c r="G31252" s="1" t="s">
        <v>109160</v>
      </c>
      <c r="H31252" s="1" t="s">
        <v>109161</v>
      </c>
      <c r="I31252" s="1" t="s">
        <v>105238</v>
      </c>
      <c r="J31252" s="1" t="s">
        <v>109252</v>
      </c>
    </row>
    <row r="31253" spans="1:10" x14ac:dyDescent="0.35">
      <c r="A31253" s="1" t="s">
        <v>46814</v>
      </c>
      <c r="B31253" s="1" t="s">
        <v>105234</v>
      </c>
      <c r="C31253" s="1" t="s">
        <v>8</v>
      </c>
      <c r="D31253" s="1" t="s">
        <v>109253</v>
      </c>
      <c r="E31253" s="1" t="s">
        <v>109254</v>
      </c>
      <c r="F31253" s="1" t="s">
        <v>109255</v>
      </c>
      <c r="G31253" s="1" t="s">
        <v>109256</v>
      </c>
      <c r="H31253" s="1" t="s">
        <v>109257</v>
      </c>
      <c r="I31253" s="1" t="s">
        <v>105238</v>
      </c>
      <c r="J31253" s="1" t="s">
        <v>13</v>
      </c>
    </row>
    <row r="31254" spans="1:10" x14ac:dyDescent="0.35">
      <c r="A31254" s="1" t="s">
        <v>46814</v>
      </c>
      <c r="B31254" s="1" t="s">
        <v>105234</v>
      </c>
      <c r="C31254" s="1" t="s">
        <v>15</v>
      </c>
      <c r="D31254" s="1" t="s">
        <v>109258</v>
      </c>
      <c r="E31254" s="1" t="s">
        <v>109259</v>
      </c>
      <c r="F31254" s="1" t="s">
        <v>109260</v>
      </c>
      <c r="G31254" s="1" t="s">
        <v>109256</v>
      </c>
      <c r="H31254" s="1" t="s">
        <v>109257</v>
      </c>
      <c r="I31254" s="1" t="s">
        <v>105238</v>
      </c>
      <c r="J31254" s="1" t="s">
        <v>109261</v>
      </c>
    </row>
    <row r="31255" spans="1:10" x14ac:dyDescent="0.35">
      <c r="A31255" s="1" t="s">
        <v>46814</v>
      </c>
      <c r="B31255" s="1" t="s">
        <v>105234</v>
      </c>
      <c r="C31255" s="1" t="s">
        <v>20</v>
      </c>
      <c r="D31255" s="1" t="s">
        <v>109262</v>
      </c>
      <c r="E31255" s="1" t="s">
        <v>109263</v>
      </c>
      <c r="F31255" s="1" t="s">
        <v>109264</v>
      </c>
      <c r="G31255" s="1" t="s">
        <v>109256</v>
      </c>
      <c r="H31255" s="1" t="s">
        <v>109257</v>
      </c>
      <c r="I31255" s="1" t="s">
        <v>105238</v>
      </c>
      <c r="J31255" s="1" t="s">
        <v>109265</v>
      </c>
    </row>
    <row r="31256" spans="1:10" x14ac:dyDescent="0.35">
      <c r="A31256" s="1" t="s">
        <v>46814</v>
      </c>
      <c r="B31256" s="1" t="s">
        <v>105234</v>
      </c>
      <c r="C31256" s="1" t="s">
        <v>25</v>
      </c>
      <c r="D31256" s="1" t="s">
        <v>85584</v>
      </c>
      <c r="E31256" s="1" t="s">
        <v>109266</v>
      </c>
      <c r="F31256" s="1" t="s">
        <v>109267</v>
      </c>
      <c r="G31256" s="1" t="s">
        <v>109256</v>
      </c>
      <c r="H31256" s="1" t="s">
        <v>109257</v>
      </c>
      <c r="I31256" s="1" t="s">
        <v>105238</v>
      </c>
      <c r="J31256" s="1" t="s">
        <v>109268</v>
      </c>
    </row>
    <row r="31257" spans="1:10" x14ac:dyDescent="0.35">
      <c r="A31257" s="1" t="s">
        <v>46814</v>
      </c>
      <c r="B31257" s="1" t="s">
        <v>105234</v>
      </c>
      <c r="C31257" s="1" t="s">
        <v>30</v>
      </c>
      <c r="D31257" s="1" t="s">
        <v>107262</v>
      </c>
      <c r="E31257" s="1" t="s">
        <v>109269</v>
      </c>
      <c r="F31257" s="1" t="s">
        <v>109270</v>
      </c>
      <c r="G31257" s="1" t="s">
        <v>109256</v>
      </c>
      <c r="H31257" s="1" t="s">
        <v>109257</v>
      </c>
      <c r="I31257" s="1" t="s">
        <v>105238</v>
      </c>
      <c r="J31257" s="1" t="s">
        <v>109271</v>
      </c>
    </row>
    <row r="31258" spans="1:10" x14ac:dyDescent="0.35">
      <c r="A31258" s="1" t="s">
        <v>46814</v>
      </c>
      <c r="B31258" s="1" t="s">
        <v>105234</v>
      </c>
      <c r="C31258" s="1" t="s">
        <v>35</v>
      </c>
      <c r="D31258" s="1" t="s">
        <v>52717</v>
      </c>
      <c r="E31258" s="1" t="s">
        <v>109272</v>
      </c>
      <c r="F31258" s="1" t="s">
        <v>109273</v>
      </c>
      <c r="G31258" s="1" t="s">
        <v>109256</v>
      </c>
      <c r="H31258" s="1" t="s">
        <v>109257</v>
      </c>
      <c r="I31258" s="1" t="s">
        <v>105238</v>
      </c>
      <c r="J31258" s="1" t="s">
        <v>109274</v>
      </c>
    </row>
    <row r="31259" spans="1:10" x14ac:dyDescent="0.35">
      <c r="A31259" s="1" t="s">
        <v>46814</v>
      </c>
      <c r="B31259" s="1" t="s">
        <v>105234</v>
      </c>
      <c r="C31259" s="1" t="s">
        <v>40</v>
      </c>
      <c r="D31259" s="1" t="s">
        <v>39464</v>
      </c>
      <c r="E31259" s="1" t="s">
        <v>109275</v>
      </c>
      <c r="F31259" s="1" t="s">
        <v>109276</v>
      </c>
      <c r="G31259" s="1" t="s">
        <v>109256</v>
      </c>
      <c r="H31259" s="1" t="s">
        <v>109257</v>
      </c>
      <c r="I31259" s="1" t="s">
        <v>105238</v>
      </c>
      <c r="J31259" s="1" t="s">
        <v>109277</v>
      </c>
    </row>
    <row r="31260" spans="1:10" x14ac:dyDescent="0.35">
      <c r="A31260" s="1" t="s">
        <v>46814</v>
      </c>
      <c r="B31260" s="1" t="s">
        <v>105234</v>
      </c>
      <c r="C31260" s="1" t="s">
        <v>45</v>
      </c>
      <c r="D31260" s="1" t="s">
        <v>109278</v>
      </c>
      <c r="E31260" s="1" t="s">
        <v>109279</v>
      </c>
      <c r="F31260" s="1" t="s">
        <v>109280</v>
      </c>
      <c r="G31260" s="1" t="s">
        <v>109256</v>
      </c>
      <c r="H31260" s="1" t="s">
        <v>109257</v>
      </c>
      <c r="I31260" s="1" t="s">
        <v>105238</v>
      </c>
      <c r="J31260" s="1" t="s">
        <v>109281</v>
      </c>
    </row>
    <row r="31261" spans="1:10" x14ac:dyDescent="0.35">
      <c r="A31261" s="1" t="s">
        <v>46814</v>
      </c>
      <c r="B31261" s="1" t="s">
        <v>105234</v>
      </c>
      <c r="C31261" s="1" t="s">
        <v>50</v>
      </c>
      <c r="D31261" s="1" t="s">
        <v>109282</v>
      </c>
      <c r="E31261" s="1" t="s">
        <v>109283</v>
      </c>
      <c r="F31261" s="1" t="s">
        <v>109284</v>
      </c>
      <c r="G31261" s="1" t="s">
        <v>109256</v>
      </c>
      <c r="H31261" s="1" t="s">
        <v>109257</v>
      </c>
      <c r="I31261" s="1" t="s">
        <v>105238</v>
      </c>
      <c r="J31261" s="1" t="s">
        <v>109285</v>
      </c>
    </row>
    <row r="31262" spans="1:10" x14ac:dyDescent="0.35">
      <c r="A31262" s="1" t="s">
        <v>46814</v>
      </c>
      <c r="B31262" s="1" t="s">
        <v>105234</v>
      </c>
      <c r="C31262" s="1" t="s">
        <v>55</v>
      </c>
      <c r="D31262" s="1" t="s">
        <v>109286</v>
      </c>
      <c r="E31262" s="1" t="s">
        <v>109287</v>
      </c>
      <c r="F31262" s="1" t="s">
        <v>109288</v>
      </c>
      <c r="G31262" s="1" t="s">
        <v>109256</v>
      </c>
      <c r="H31262" s="1" t="s">
        <v>109257</v>
      </c>
      <c r="I31262" s="1" t="s">
        <v>105238</v>
      </c>
      <c r="J31262" s="1" t="s">
        <v>109289</v>
      </c>
    </row>
    <row r="31263" spans="1:10" x14ac:dyDescent="0.35">
      <c r="A31263" s="1" t="s">
        <v>46814</v>
      </c>
      <c r="B31263" s="1" t="s">
        <v>105234</v>
      </c>
      <c r="C31263" s="1" t="s">
        <v>60</v>
      </c>
      <c r="D31263" s="1" t="s">
        <v>109290</v>
      </c>
      <c r="E31263" s="1" t="s">
        <v>109291</v>
      </c>
      <c r="F31263" s="1" t="s">
        <v>109292</v>
      </c>
      <c r="G31263" s="1" t="s">
        <v>109256</v>
      </c>
      <c r="H31263" s="1" t="s">
        <v>109257</v>
      </c>
      <c r="I31263" s="1" t="s">
        <v>105238</v>
      </c>
      <c r="J31263" s="1" t="s">
        <v>109293</v>
      </c>
    </row>
    <row r="31264" spans="1:10" x14ac:dyDescent="0.35">
      <c r="A31264" s="1" t="s">
        <v>46814</v>
      </c>
      <c r="B31264" s="1" t="s">
        <v>105234</v>
      </c>
      <c r="C31264" s="1" t="s">
        <v>65</v>
      </c>
      <c r="D31264" s="1" t="s">
        <v>109294</v>
      </c>
      <c r="E31264" s="1" t="s">
        <v>109295</v>
      </c>
      <c r="F31264" s="1" t="s">
        <v>109296</v>
      </c>
      <c r="G31264" s="1" t="s">
        <v>109256</v>
      </c>
      <c r="H31264" s="1" t="s">
        <v>109257</v>
      </c>
      <c r="I31264" s="1" t="s">
        <v>105238</v>
      </c>
      <c r="J31264" s="1" t="s">
        <v>109297</v>
      </c>
    </row>
    <row r="31265" spans="1:10" x14ac:dyDescent="0.35">
      <c r="A31265" s="1" t="s">
        <v>46814</v>
      </c>
      <c r="B31265" s="1" t="s">
        <v>105234</v>
      </c>
      <c r="C31265" s="1" t="s">
        <v>70</v>
      </c>
      <c r="D31265" s="1" t="s">
        <v>20287</v>
      </c>
      <c r="E31265" s="1" t="s">
        <v>109298</v>
      </c>
      <c r="F31265" s="1" t="s">
        <v>109299</v>
      </c>
      <c r="G31265" s="1" t="s">
        <v>109256</v>
      </c>
      <c r="H31265" s="1" t="s">
        <v>109257</v>
      </c>
      <c r="I31265" s="1" t="s">
        <v>105238</v>
      </c>
      <c r="J31265" s="1" t="s">
        <v>109300</v>
      </c>
    </row>
    <row r="31266" spans="1:10" x14ac:dyDescent="0.35">
      <c r="A31266" s="1" t="s">
        <v>46814</v>
      </c>
      <c r="B31266" s="1" t="s">
        <v>105234</v>
      </c>
      <c r="C31266" s="1" t="s">
        <v>75</v>
      </c>
      <c r="D31266" s="1" t="s">
        <v>54489</v>
      </c>
      <c r="E31266" s="1" t="s">
        <v>109301</v>
      </c>
      <c r="F31266" s="1" t="s">
        <v>109302</v>
      </c>
      <c r="G31266" s="1" t="s">
        <v>109256</v>
      </c>
      <c r="H31266" s="1" t="s">
        <v>109257</v>
      </c>
      <c r="I31266" s="1" t="s">
        <v>105238</v>
      </c>
      <c r="J31266" s="1" t="s">
        <v>109303</v>
      </c>
    </row>
    <row r="31267" spans="1:10" x14ac:dyDescent="0.35">
      <c r="A31267" s="1" t="s">
        <v>46814</v>
      </c>
      <c r="B31267" s="1" t="s">
        <v>105234</v>
      </c>
      <c r="C31267" s="1" t="s">
        <v>80</v>
      </c>
      <c r="D31267" s="1" t="s">
        <v>109304</v>
      </c>
      <c r="E31267" s="1" t="s">
        <v>109305</v>
      </c>
      <c r="F31267" s="1" t="s">
        <v>109306</v>
      </c>
      <c r="G31267" s="1" t="s">
        <v>109256</v>
      </c>
      <c r="H31267" s="1" t="s">
        <v>109257</v>
      </c>
      <c r="I31267" s="1" t="s">
        <v>105238</v>
      </c>
      <c r="J31267" s="1" t="s">
        <v>109307</v>
      </c>
    </row>
    <row r="31268" spans="1:10" x14ac:dyDescent="0.35">
      <c r="A31268" s="1" t="s">
        <v>46814</v>
      </c>
      <c r="B31268" s="1" t="s">
        <v>105234</v>
      </c>
      <c r="C31268" s="1" t="s">
        <v>85</v>
      </c>
      <c r="D31268" s="1" t="s">
        <v>81185</v>
      </c>
      <c r="E31268" s="1" t="s">
        <v>109308</v>
      </c>
      <c r="F31268" s="1" t="s">
        <v>109309</v>
      </c>
      <c r="G31268" s="1" t="s">
        <v>109256</v>
      </c>
      <c r="H31268" s="1" t="s">
        <v>109257</v>
      </c>
      <c r="I31268" s="1" t="s">
        <v>105238</v>
      </c>
      <c r="J31268" s="1" t="s">
        <v>109310</v>
      </c>
    </row>
    <row r="31269" spans="1:10" x14ac:dyDescent="0.35">
      <c r="A31269" s="1" t="s">
        <v>46814</v>
      </c>
      <c r="B31269" s="1" t="s">
        <v>105234</v>
      </c>
      <c r="C31269" s="1" t="s">
        <v>90</v>
      </c>
      <c r="D31269" s="1" t="s">
        <v>20606</v>
      </c>
      <c r="E31269" s="1" t="s">
        <v>109311</v>
      </c>
      <c r="F31269" s="1" t="s">
        <v>109312</v>
      </c>
      <c r="G31269" s="1" t="s">
        <v>109256</v>
      </c>
      <c r="H31269" s="1" t="s">
        <v>109257</v>
      </c>
      <c r="I31269" s="1" t="s">
        <v>105238</v>
      </c>
      <c r="J31269" s="1" t="s">
        <v>109313</v>
      </c>
    </row>
    <row r="31270" spans="1:10" x14ac:dyDescent="0.35">
      <c r="A31270" s="1" t="s">
        <v>46814</v>
      </c>
      <c r="B31270" s="1" t="s">
        <v>105234</v>
      </c>
      <c r="C31270" s="1" t="s">
        <v>95</v>
      </c>
      <c r="D31270" s="1" t="s">
        <v>109314</v>
      </c>
      <c r="E31270" s="1" t="s">
        <v>109315</v>
      </c>
      <c r="F31270" s="1" t="s">
        <v>109316</v>
      </c>
      <c r="G31270" s="1" t="s">
        <v>109256</v>
      </c>
      <c r="H31270" s="1" t="s">
        <v>109257</v>
      </c>
      <c r="I31270" s="1" t="s">
        <v>105238</v>
      </c>
      <c r="J31270" s="1" t="s">
        <v>109317</v>
      </c>
    </row>
    <row r="31271" spans="1:10" x14ac:dyDescent="0.35">
      <c r="A31271" s="1" t="s">
        <v>46814</v>
      </c>
      <c r="B31271" s="1" t="s">
        <v>105234</v>
      </c>
      <c r="C31271" s="1" t="s">
        <v>100</v>
      </c>
      <c r="D31271" s="1" t="s">
        <v>109318</v>
      </c>
      <c r="E31271" s="1" t="s">
        <v>109319</v>
      </c>
      <c r="F31271" s="1" t="s">
        <v>109320</v>
      </c>
      <c r="G31271" s="1" t="s">
        <v>109256</v>
      </c>
      <c r="H31271" s="1" t="s">
        <v>109257</v>
      </c>
      <c r="I31271" s="1" t="s">
        <v>105238</v>
      </c>
      <c r="J31271" s="1" t="s">
        <v>109321</v>
      </c>
    </row>
    <row r="31272" spans="1:10" x14ac:dyDescent="0.35">
      <c r="A31272" s="1" t="s">
        <v>46814</v>
      </c>
      <c r="B31272" s="1" t="s">
        <v>105234</v>
      </c>
      <c r="C31272" s="1" t="s">
        <v>105</v>
      </c>
      <c r="D31272" s="1" t="s">
        <v>60233</v>
      </c>
      <c r="E31272" s="1" t="s">
        <v>109322</v>
      </c>
      <c r="F31272" s="1" t="s">
        <v>109323</v>
      </c>
      <c r="G31272" s="1" t="s">
        <v>109256</v>
      </c>
      <c r="H31272" s="1" t="s">
        <v>109257</v>
      </c>
      <c r="I31272" s="1" t="s">
        <v>105238</v>
      </c>
      <c r="J31272" s="1" t="s">
        <v>109324</v>
      </c>
    </row>
    <row r="31273" spans="1:10" x14ac:dyDescent="0.35">
      <c r="A31273" s="1" t="s">
        <v>46814</v>
      </c>
      <c r="B31273" s="1" t="s">
        <v>105234</v>
      </c>
      <c r="C31273" s="1" t="s">
        <v>110</v>
      </c>
      <c r="D31273" s="1" t="s">
        <v>98776</v>
      </c>
      <c r="E31273" s="1" t="s">
        <v>109325</v>
      </c>
      <c r="F31273" s="1" t="s">
        <v>109326</v>
      </c>
      <c r="G31273" s="1" t="s">
        <v>109256</v>
      </c>
      <c r="H31273" s="1" t="s">
        <v>109257</v>
      </c>
      <c r="I31273" s="1" t="s">
        <v>105238</v>
      </c>
      <c r="J31273" s="1" t="s">
        <v>109327</v>
      </c>
    </row>
    <row r="31274" spans="1:10" x14ac:dyDescent="0.35">
      <c r="A31274" s="1" t="s">
        <v>46814</v>
      </c>
      <c r="B31274" s="1" t="s">
        <v>105234</v>
      </c>
      <c r="C31274" s="1" t="s">
        <v>115</v>
      </c>
      <c r="D31274" s="1" t="s">
        <v>39721</v>
      </c>
      <c r="E31274" s="1" t="s">
        <v>109328</v>
      </c>
      <c r="F31274" s="1" t="s">
        <v>109329</v>
      </c>
      <c r="G31274" s="1" t="s">
        <v>109256</v>
      </c>
      <c r="H31274" s="1" t="s">
        <v>109257</v>
      </c>
      <c r="I31274" s="1" t="s">
        <v>105238</v>
      </c>
      <c r="J31274" s="1" t="s">
        <v>109330</v>
      </c>
    </row>
    <row r="31275" spans="1:10" x14ac:dyDescent="0.35">
      <c r="A31275" s="1" t="s">
        <v>46814</v>
      </c>
      <c r="B31275" s="1" t="s">
        <v>105234</v>
      </c>
      <c r="C31275" s="1" t="s">
        <v>120</v>
      </c>
      <c r="D31275" s="1" t="s">
        <v>43970</v>
      </c>
      <c r="E31275" s="1" t="s">
        <v>109331</v>
      </c>
      <c r="F31275" s="1" t="s">
        <v>109332</v>
      </c>
      <c r="G31275" s="1" t="s">
        <v>109256</v>
      </c>
      <c r="H31275" s="1" t="s">
        <v>109257</v>
      </c>
      <c r="I31275" s="1" t="s">
        <v>105238</v>
      </c>
      <c r="J31275" s="1" t="s">
        <v>109333</v>
      </c>
    </row>
    <row r="31276" spans="1:10" x14ac:dyDescent="0.35">
      <c r="A31276" s="1" t="s">
        <v>46814</v>
      </c>
      <c r="B31276" s="1" t="s">
        <v>105234</v>
      </c>
      <c r="C31276" s="1" t="s">
        <v>125</v>
      </c>
      <c r="D31276" s="1" t="s">
        <v>97835</v>
      </c>
      <c r="E31276" s="1" t="s">
        <v>109334</v>
      </c>
      <c r="F31276" s="1" t="s">
        <v>109335</v>
      </c>
      <c r="G31276" s="1" t="s">
        <v>109256</v>
      </c>
      <c r="H31276" s="1" t="s">
        <v>109257</v>
      </c>
      <c r="I31276" s="1" t="s">
        <v>105238</v>
      </c>
      <c r="J31276" s="1" t="s">
        <v>109336</v>
      </c>
    </row>
    <row r="31277" spans="1:10" x14ac:dyDescent="0.35">
      <c r="A31277" s="1" t="s">
        <v>46814</v>
      </c>
      <c r="B31277" s="1" t="s">
        <v>105234</v>
      </c>
      <c r="C31277" s="1" t="s">
        <v>130</v>
      </c>
      <c r="D31277" s="1" t="s">
        <v>109337</v>
      </c>
      <c r="E31277" s="1" t="s">
        <v>109338</v>
      </c>
      <c r="F31277" s="1" t="s">
        <v>109339</v>
      </c>
      <c r="G31277" s="1" t="s">
        <v>109256</v>
      </c>
      <c r="H31277" s="1" t="s">
        <v>109257</v>
      </c>
      <c r="I31277" s="1" t="s">
        <v>105238</v>
      </c>
      <c r="J31277" s="1" t="s">
        <v>109340</v>
      </c>
    </row>
    <row r="31278" spans="1:10" x14ac:dyDescent="0.35">
      <c r="A31278" s="1" t="s">
        <v>46814</v>
      </c>
      <c r="B31278" s="1" t="s">
        <v>105234</v>
      </c>
      <c r="C31278" s="1" t="s">
        <v>135</v>
      </c>
      <c r="D31278" s="1" t="s">
        <v>42298</v>
      </c>
      <c r="E31278" s="1" t="s">
        <v>109341</v>
      </c>
      <c r="F31278" s="1" t="s">
        <v>109342</v>
      </c>
      <c r="G31278" s="1" t="s">
        <v>109256</v>
      </c>
      <c r="H31278" s="1" t="s">
        <v>109257</v>
      </c>
      <c r="I31278" s="1" t="s">
        <v>105238</v>
      </c>
      <c r="J31278" s="1" t="s">
        <v>109343</v>
      </c>
    </row>
    <row r="31279" spans="1:10" x14ac:dyDescent="0.35">
      <c r="A31279" s="1" t="s">
        <v>46814</v>
      </c>
      <c r="B31279" s="1" t="s">
        <v>105234</v>
      </c>
      <c r="C31279" s="1" t="s">
        <v>140</v>
      </c>
      <c r="D31279" s="1" t="s">
        <v>81984</v>
      </c>
      <c r="E31279" s="1" t="s">
        <v>109344</v>
      </c>
      <c r="F31279" s="1" t="s">
        <v>109345</v>
      </c>
      <c r="G31279" s="1" t="s">
        <v>109256</v>
      </c>
      <c r="H31279" s="1" t="s">
        <v>109257</v>
      </c>
      <c r="I31279" s="1" t="s">
        <v>105238</v>
      </c>
      <c r="J31279" s="1" t="s">
        <v>109346</v>
      </c>
    </row>
    <row r="31280" spans="1:10" x14ac:dyDescent="0.35">
      <c r="A31280" s="1" t="s">
        <v>46814</v>
      </c>
      <c r="B31280" s="1" t="s">
        <v>105234</v>
      </c>
      <c r="C31280" s="1" t="s">
        <v>145</v>
      </c>
      <c r="D31280" s="1" t="s">
        <v>109347</v>
      </c>
      <c r="E31280" s="1" t="s">
        <v>109348</v>
      </c>
      <c r="F31280" s="1" t="s">
        <v>109349</v>
      </c>
      <c r="G31280" s="1" t="s">
        <v>109256</v>
      </c>
      <c r="H31280" s="1" t="s">
        <v>109257</v>
      </c>
      <c r="I31280" s="1" t="s">
        <v>105238</v>
      </c>
      <c r="J31280" s="1" t="s">
        <v>109350</v>
      </c>
    </row>
    <row r="31281" spans="1:10" x14ac:dyDescent="0.35">
      <c r="A31281" s="1" t="s">
        <v>46814</v>
      </c>
      <c r="B31281" s="1" t="s">
        <v>105234</v>
      </c>
      <c r="C31281" s="1" t="s">
        <v>150</v>
      </c>
      <c r="D31281" s="1" t="s">
        <v>106093</v>
      </c>
      <c r="E31281" s="1" t="s">
        <v>109351</v>
      </c>
      <c r="F31281" s="1" t="s">
        <v>109352</v>
      </c>
      <c r="G31281" s="1" t="s">
        <v>109256</v>
      </c>
      <c r="H31281" s="1" t="s">
        <v>109257</v>
      </c>
      <c r="I31281" s="1" t="s">
        <v>105238</v>
      </c>
      <c r="J31281" s="1" t="s">
        <v>109353</v>
      </c>
    </row>
    <row r="31282" spans="1:10" x14ac:dyDescent="0.35">
      <c r="A31282" s="1" t="s">
        <v>46814</v>
      </c>
      <c r="B31282" s="1" t="s">
        <v>105234</v>
      </c>
      <c r="C31282" s="1" t="s">
        <v>155</v>
      </c>
      <c r="D31282" s="1" t="s">
        <v>109354</v>
      </c>
      <c r="E31282" s="1" t="s">
        <v>109355</v>
      </c>
      <c r="F31282" s="1" t="s">
        <v>109356</v>
      </c>
      <c r="G31282" s="1" t="s">
        <v>109256</v>
      </c>
      <c r="H31282" s="1" t="s">
        <v>109257</v>
      </c>
      <c r="I31282" s="1" t="s">
        <v>105238</v>
      </c>
      <c r="J31282" s="1" t="s">
        <v>109357</v>
      </c>
    </row>
    <row r="31283" spans="1:10" x14ac:dyDescent="0.35">
      <c r="A31283" s="1" t="s">
        <v>46814</v>
      </c>
      <c r="B31283" s="1" t="s">
        <v>105234</v>
      </c>
      <c r="C31283" s="1" t="s">
        <v>160</v>
      </c>
      <c r="D31283" s="1" t="s">
        <v>109358</v>
      </c>
      <c r="E31283" s="1" t="s">
        <v>109359</v>
      </c>
      <c r="F31283" s="1" t="s">
        <v>109360</v>
      </c>
      <c r="G31283" s="1" t="s">
        <v>109256</v>
      </c>
      <c r="H31283" s="1" t="s">
        <v>109257</v>
      </c>
      <c r="I31283" s="1" t="s">
        <v>105238</v>
      </c>
      <c r="J31283" s="1" t="s">
        <v>109361</v>
      </c>
    </row>
    <row r="31284" spans="1:10" x14ac:dyDescent="0.35">
      <c r="A31284" s="1" t="s">
        <v>46814</v>
      </c>
      <c r="B31284" s="1" t="s">
        <v>105234</v>
      </c>
      <c r="C31284" s="1" t="s">
        <v>165</v>
      </c>
      <c r="D31284" s="1" t="s">
        <v>56232</v>
      </c>
      <c r="E31284" s="1" t="s">
        <v>109362</v>
      </c>
      <c r="F31284" s="1" t="s">
        <v>109363</v>
      </c>
      <c r="G31284" s="1" t="s">
        <v>109256</v>
      </c>
      <c r="H31284" s="1" t="s">
        <v>109257</v>
      </c>
      <c r="I31284" s="1" t="s">
        <v>105238</v>
      </c>
      <c r="J31284" s="1" t="s">
        <v>109364</v>
      </c>
    </row>
    <row r="31285" spans="1:10" x14ac:dyDescent="0.35">
      <c r="A31285" s="1" t="s">
        <v>46814</v>
      </c>
      <c r="B31285" s="1" t="s">
        <v>105234</v>
      </c>
      <c r="C31285" s="1" t="s">
        <v>170</v>
      </c>
      <c r="D31285" s="1" t="s">
        <v>109365</v>
      </c>
      <c r="E31285" s="1" t="s">
        <v>109366</v>
      </c>
      <c r="F31285" s="1" t="s">
        <v>109367</v>
      </c>
      <c r="G31285" s="1" t="s">
        <v>109256</v>
      </c>
      <c r="H31285" s="1" t="s">
        <v>109257</v>
      </c>
      <c r="I31285" s="1" t="s">
        <v>105238</v>
      </c>
      <c r="J31285" s="1" t="s">
        <v>109368</v>
      </c>
    </row>
    <row r="31286" spans="1:10" x14ac:dyDescent="0.35">
      <c r="A31286" s="1" t="s">
        <v>44662</v>
      </c>
      <c r="B31286" s="1" t="s">
        <v>105234</v>
      </c>
      <c r="C31286" s="1" t="s">
        <v>8</v>
      </c>
      <c r="D31286" s="1" t="s">
        <v>109369</v>
      </c>
      <c r="E31286" s="1" t="s">
        <v>59658</v>
      </c>
      <c r="F31286" s="1" t="s">
        <v>109370</v>
      </c>
      <c r="G31286" s="1" t="s">
        <v>109371</v>
      </c>
      <c r="H31286" s="1" t="s">
        <v>109372</v>
      </c>
      <c r="I31286" s="1" t="s">
        <v>105238</v>
      </c>
      <c r="J31286" s="1" t="s">
        <v>13</v>
      </c>
    </row>
    <row r="31287" spans="1:10" x14ac:dyDescent="0.35">
      <c r="A31287" s="1" t="s">
        <v>44662</v>
      </c>
      <c r="B31287" s="1" t="s">
        <v>105234</v>
      </c>
      <c r="C31287" s="1" t="s">
        <v>15</v>
      </c>
      <c r="D31287" s="1" t="s">
        <v>109373</v>
      </c>
      <c r="E31287" s="1" t="s">
        <v>12821</v>
      </c>
      <c r="F31287" s="1" t="s">
        <v>109374</v>
      </c>
      <c r="G31287" s="1" t="s">
        <v>109371</v>
      </c>
      <c r="H31287" s="1" t="s">
        <v>109372</v>
      </c>
      <c r="I31287" s="1" t="s">
        <v>105238</v>
      </c>
      <c r="J31287" s="1" t="s">
        <v>109375</v>
      </c>
    </row>
    <row r="31288" spans="1:10" x14ac:dyDescent="0.35">
      <c r="A31288" s="1" t="s">
        <v>44662</v>
      </c>
      <c r="B31288" s="1" t="s">
        <v>105234</v>
      </c>
      <c r="C31288" s="1" t="s">
        <v>20</v>
      </c>
      <c r="D31288" s="1" t="s">
        <v>34227</v>
      </c>
      <c r="E31288" s="1" t="s">
        <v>54219</v>
      </c>
      <c r="F31288" s="1" t="s">
        <v>109376</v>
      </c>
      <c r="G31288" s="1" t="s">
        <v>109371</v>
      </c>
      <c r="H31288" s="1" t="s">
        <v>109372</v>
      </c>
      <c r="I31288" s="1" t="s">
        <v>105238</v>
      </c>
      <c r="J31288" s="1" t="s">
        <v>109377</v>
      </c>
    </row>
    <row r="31289" spans="1:10" x14ac:dyDescent="0.35">
      <c r="A31289" s="1" t="s">
        <v>44662</v>
      </c>
      <c r="B31289" s="1" t="s">
        <v>105234</v>
      </c>
      <c r="C31289" s="1" t="s">
        <v>25</v>
      </c>
      <c r="D31289" s="1" t="s">
        <v>109378</v>
      </c>
      <c r="E31289" s="1" t="s">
        <v>27122</v>
      </c>
      <c r="F31289" s="1" t="s">
        <v>109379</v>
      </c>
      <c r="G31289" s="1" t="s">
        <v>109371</v>
      </c>
      <c r="H31289" s="1" t="s">
        <v>109372</v>
      </c>
      <c r="I31289" s="1" t="s">
        <v>105238</v>
      </c>
      <c r="J31289" s="1" t="s">
        <v>109380</v>
      </c>
    </row>
    <row r="31290" spans="1:10" x14ac:dyDescent="0.35">
      <c r="A31290" s="1" t="s">
        <v>44662</v>
      </c>
      <c r="B31290" s="1" t="s">
        <v>105234</v>
      </c>
      <c r="C31290" s="1" t="s">
        <v>30</v>
      </c>
      <c r="D31290" s="1" t="s">
        <v>109381</v>
      </c>
      <c r="E31290" s="1" t="s">
        <v>23525</v>
      </c>
      <c r="F31290" s="1" t="s">
        <v>109382</v>
      </c>
      <c r="G31290" s="1" t="s">
        <v>109371</v>
      </c>
      <c r="H31290" s="1" t="s">
        <v>109372</v>
      </c>
      <c r="I31290" s="1" t="s">
        <v>105238</v>
      </c>
      <c r="J31290" s="1" t="s">
        <v>109383</v>
      </c>
    </row>
    <row r="31291" spans="1:10" x14ac:dyDescent="0.35">
      <c r="A31291" s="1" t="s">
        <v>44662</v>
      </c>
      <c r="B31291" s="1" t="s">
        <v>105234</v>
      </c>
      <c r="C31291" s="1" t="s">
        <v>35</v>
      </c>
      <c r="D31291" s="1" t="s">
        <v>53558</v>
      </c>
      <c r="E31291" s="1" t="s">
        <v>26269</v>
      </c>
      <c r="F31291" s="1" t="s">
        <v>109384</v>
      </c>
      <c r="G31291" s="1" t="s">
        <v>109371</v>
      </c>
      <c r="H31291" s="1" t="s">
        <v>109372</v>
      </c>
      <c r="I31291" s="1" t="s">
        <v>105238</v>
      </c>
      <c r="J31291" s="1" t="s">
        <v>109385</v>
      </c>
    </row>
    <row r="31292" spans="1:10" x14ac:dyDescent="0.35">
      <c r="A31292" s="1" t="s">
        <v>44662</v>
      </c>
      <c r="B31292" s="1" t="s">
        <v>105234</v>
      </c>
      <c r="C31292" s="1" t="s">
        <v>40</v>
      </c>
      <c r="D31292" s="1" t="s">
        <v>109386</v>
      </c>
      <c r="E31292" s="1" t="s">
        <v>15263</v>
      </c>
      <c r="F31292" s="1" t="s">
        <v>109387</v>
      </c>
      <c r="G31292" s="1" t="s">
        <v>109371</v>
      </c>
      <c r="H31292" s="1" t="s">
        <v>109372</v>
      </c>
      <c r="I31292" s="1" t="s">
        <v>105238</v>
      </c>
      <c r="J31292" s="1" t="s">
        <v>109388</v>
      </c>
    </row>
    <row r="31293" spans="1:10" x14ac:dyDescent="0.35">
      <c r="A31293" s="1" t="s">
        <v>44662</v>
      </c>
      <c r="B31293" s="1" t="s">
        <v>105234</v>
      </c>
      <c r="C31293" s="1" t="s">
        <v>45</v>
      </c>
      <c r="D31293" s="1" t="s">
        <v>109389</v>
      </c>
      <c r="E31293" s="1" t="s">
        <v>56043</v>
      </c>
      <c r="F31293" s="1" t="s">
        <v>109390</v>
      </c>
      <c r="G31293" s="1" t="s">
        <v>109371</v>
      </c>
      <c r="H31293" s="1" t="s">
        <v>109372</v>
      </c>
      <c r="I31293" s="1" t="s">
        <v>105238</v>
      </c>
      <c r="J31293" s="1" t="s">
        <v>109391</v>
      </c>
    </row>
    <row r="31294" spans="1:10" x14ac:dyDescent="0.35">
      <c r="A31294" s="1" t="s">
        <v>44662</v>
      </c>
      <c r="B31294" s="1" t="s">
        <v>105234</v>
      </c>
      <c r="C31294" s="1" t="s">
        <v>50</v>
      </c>
      <c r="D31294" s="1" t="s">
        <v>109392</v>
      </c>
      <c r="E31294" s="1" t="s">
        <v>520</v>
      </c>
      <c r="F31294" s="1" t="s">
        <v>109393</v>
      </c>
      <c r="G31294" s="1" t="s">
        <v>109371</v>
      </c>
      <c r="H31294" s="1" t="s">
        <v>109372</v>
      </c>
      <c r="I31294" s="1" t="s">
        <v>105238</v>
      </c>
      <c r="J31294" s="1" t="s">
        <v>109394</v>
      </c>
    </row>
    <row r="31295" spans="1:10" x14ac:dyDescent="0.35">
      <c r="A31295" s="1" t="s">
        <v>44662</v>
      </c>
      <c r="B31295" s="1" t="s">
        <v>105234</v>
      </c>
      <c r="C31295" s="1" t="s">
        <v>55</v>
      </c>
      <c r="D31295" s="1" t="s">
        <v>84613</v>
      </c>
      <c r="E31295" s="1" t="s">
        <v>67868</v>
      </c>
      <c r="F31295" s="1" t="s">
        <v>109395</v>
      </c>
      <c r="G31295" s="1" t="s">
        <v>109371</v>
      </c>
      <c r="H31295" s="1" t="s">
        <v>109372</v>
      </c>
      <c r="I31295" s="1" t="s">
        <v>105238</v>
      </c>
      <c r="J31295" s="1" t="s">
        <v>109396</v>
      </c>
    </row>
    <row r="31296" spans="1:10" x14ac:dyDescent="0.35">
      <c r="A31296" s="1" t="s">
        <v>44662</v>
      </c>
      <c r="B31296" s="1" t="s">
        <v>105234</v>
      </c>
      <c r="C31296" s="1" t="s">
        <v>60</v>
      </c>
      <c r="D31296" s="1" t="s">
        <v>80377</v>
      </c>
      <c r="E31296" s="1" t="s">
        <v>31980</v>
      </c>
      <c r="F31296" s="1" t="s">
        <v>109397</v>
      </c>
      <c r="G31296" s="1" t="s">
        <v>109371</v>
      </c>
      <c r="H31296" s="1" t="s">
        <v>109372</v>
      </c>
      <c r="I31296" s="1" t="s">
        <v>105238</v>
      </c>
      <c r="J31296" s="1" t="s">
        <v>109398</v>
      </c>
    </row>
    <row r="31297" spans="1:10" x14ac:dyDescent="0.35">
      <c r="A31297" s="1" t="s">
        <v>44662</v>
      </c>
      <c r="B31297" s="1" t="s">
        <v>105234</v>
      </c>
      <c r="C31297" s="1" t="s">
        <v>65</v>
      </c>
      <c r="D31297" s="1" t="s">
        <v>14303</v>
      </c>
      <c r="E31297" s="1" t="s">
        <v>32946</v>
      </c>
      <c r="F31297" s="1" t="s">
        <v>109399</v>
      </c>
      <c r="G31297" s="1" t="s">
        <v>109371</v>
      </c>
      <c r="H31297" s="1" t="s">
        <v>109372</v>
      </c>
      <c r="I31297" s="1" t="s">
        <v>105238</v>
      </c>
      <c r="J31297" s="1" t="s">
        <v>109400</v>
      </c>
    </row>
    <row r="31298" spans="1:10" x14ac:dyDescent="0.35">
      <c r="A31298" s="1" t="s">
        <v>44662</v>
      </c>
      <c r="B31298" s="1" t="s">
        <v>105234</v>
      </c>
      <c r="C31298" s="1" t="s">
        <v>70</v>
      </c>
      <c r="D31298" s="1" t="s">
        <v>109401</v>
      </c>
      <c r="E31298" s="1" t="s">
        <v>22286</v>
      </c>
      <c r="F31298" s="1" t="s">
        <v>109402</v>
      </c>
      <c r="G31298" s="1" t="s">
        <v>109371</v>
      </c>
      <c r="H31298" s="1" t="s">
        <v>109372</v>
      </c>
      <c r="I31298" s="1" t="s">
        <v>105238</v>
      </c>
      <c r="J31298" s="1" t="s">
        <v>109403</v>
      </c>
    </row>
    <row r="31299" spans="1:10" x14ac:dyDescent="0.35">
      <c r="A31299" s="1" t="s">
        <v>44662</v>
      </c>
      <c r="B31299" s="1" t="s">
        <v>105234</v>
      </c>
      <c r="C31299" s="1" t="s">
        <v>75</v>
      </c>
      <c r="D31299" s="1" t="s">
        <v>109404</v>
      </c>
      <c r="E31299" s="1" t="s">
        <v>26556</v>
      </c>
      <c r="F31299" s="1" t="s">
        <v>109405</v>
      </c>
      <c r="G31299" s="1" t="s">
        <v>109371</v>
      </c>
      <c r="H31299" s="1" t="s">
        <v>109372</v>
      </c>
      <c r="I31299" s="1" t="s">
        <v>105238</v>
      </c>
      <c r="J31299" s="1" t="s">
        <v>109406</v>
      </c>
    </row>
    <row r="31300" spans="1:10" x14ac:dyDescent="0.35">
      <c r="A31300" s="1" t="s">
        <v>44662</v>
      </c>
      <c r="B31300" s="1" t="s">
        <v>105234</v>
      </c>
      <c r="C31300" s="1" t="s">
        <v>80</v>
      </c>
      <c r="D31300" s="1" t="s">
        <v>109407</v>
      </c>
      <c r="E31300" s="1" t="s">
        <v>94803</v>
      </c>
      <c r="F31300" s="1" t="s">
        <v>54201</v>
      </c>
      <c r="G31300" s="1" t="s">
        <v>109371</v>
      </c>
      <c r="H31300" s="1" t="s">
        <v>109372</v>
      </c>
      <c r="I31300" s="1" t="s">
        <v>105238</v>
      </c>
      <c r="J31300" s="1" t="s">
        <v>109408</v>
      </c>
    </row>
    <row r="31301" spans="1:10" x14ac:dyDescent="0.35">
      <c r="A31301" s="1" t="s">
        <v>44662</v>
      </c>
      <c r="B31301" s="1" t="s">
        <v>105234</v>
      </c>
      <c r="C31301" s="1" t="s">
        <v>85</v>
      </c>
      <c r="D31301" s="1" t="s">
        <v>109409</v>
      </c>
      <c r="E31301" s="1" t="s">
        <v>16138</v>
      </c>
      <c r="F31301" s="1" t="s">
        <v>109410</v>
      </c>
      <c r="G31301" s="1" t="s">
        <v>109371</v>
      </c>
      <c r="H31301" s="1" t="s">
        <v>109372</v>
      </c>
      <c r="I31301" s="1" t="s">
        <v>105238</v>
      </c>
      <c r="J31301" s="1" t="s">
        <v>109411</v>
      </c>
    </row>
    <row r="31302" spans="1:10" x14ac:dyDescent="0.35">
      <c r="A31302" s="1" t="s">
        <v>44662</v>
      </c>
      <c r="B31302" s="1" t="s">
        <v>105234</v>
      </c>
      <c r="C31302" s="1" t="s">
        <v>90</v>
      </c>
      <c r="D31302" s="1" t="s">
        <v>67549</v>
      </c>
      <c r="E31302" s="1" t="s">
        <v>22328</v>
      </c>
      <c r="F31302" s="1" t="s">
        <v>109412</v>
      </c>
      <c r="G31302" s="1" t="s">
        <v>109371</v>
      </c>
      <c r="H31302" s="1" t="s">
        <v>109372</v>
      </c>
      <c r="I31302" s="1" t="s">
        <v>105238</v>
      </c>
      <c r="J31302" s="1" t="s">
        <v>109413</v>
      </c>
    </row>
    <row r="31303" spans="1:10" x14ac:dyDescent="0.35">
      <c r="A31303" s="1" t="s">
        <v>44662</v>
      </c>
      <c r="B31303" s="1" t="s">
        <v>105234</v>
      </c>
      <c r="C31303" s="1" t="s">
        <v>95</v>
      </c>
      <c r="D31303" s="1" t="s">
        <v>102295</v>
      </c>
      <c r="E31303" s="1" t="s">
        <v>60543</v>
      </c>
      <c r="F31303" s="1" t="s">
        <v>56484</v>
      </c>
      <c r="G31303" s="1" t="s">
        <v>109371</v>
      </c>
      <c r="H31303" s="1" t="s">
        <v>109372</v>
      </c>
      <c r="I31303" s="1" t="s">
        <v>105238</v>
      </c>
      <c r="J31303" s="1" t="s">
        <v>109414</v>
      </c>
    </row>
    <row r="31304" spans="1:10" x14ac:dyDescent="0.35">
      <c r="A31304" s="1" t="s">
        <v>44662</v>
      </c>
      <c r="B31304" s="1" t="s">
        <v>105234</v>
      </c>
      <c r="C31304" s="1" t="s">
        <v>100</v>
      </c>
      <c r="D31304" s="1" t="s">
        <v>109415</v>
      </c>
      <c r="E31304" s="1" t="s">
        <v>96591</v>
      </c>
      <c r="F31304" s="1" t="s">
        <v>53953</v>
      </c>
      <c r="G31304" s="1" t="s">
        <v>109371</v>
      </c>
      <c r="H31304" s="1" t="s">
        <v>109372</v>
      </c>
      <c r="I31304" s="1" t="s">
        <v>105238</v>
      </c>
      <c r="J31304" s="1" t="s">
        <v>109416</v>
      </c>
    </row>
    <row r="31305" spans="1:10" x14ac:dyDescent="0.35">
      <c r="A31305" s="1" t="s">
        <v>44662</v>
      </c>
      <c r="B31305" s="1" t="s">
        <v>105234</v>
      </c>
      <c r="C31305" s="1" t="s">
        <v>105</v>
      </c>
      <c r="D31305" s="1" t="s">
        <v>24204</v>
      </c>
      <c r="E31305" s="1" t="s">
        <v>31761</v>
      </c>
      <c r="F31305" s="1" t="s">
        <v>105187</v>
      </c>
      <c r="G31305" s="1" t="s">
        <v>109371</v>
      </c>
      <c r="H31305" s="1" t="s">
        <v>109372</v>
      </c>
      <c r="I31305" s="1" t="s">
        <v>105238</v>
      </c>
      <c r="J31305" s="1" t="s">
        <v>109417</v>
      </c>
    </row>
    <row r="31306" spans="1:10" x14ac:dyDescent="0.35">
      <c r="A31306" s="1" t="s">
        <v>44662</v>
      </c>
      <c r="B31306" s="1" t="s">
        <v>105234</v>
      </c>
      <c r="C31306" s="1" t="s">
        <v>110</v>
      </c>
      <c r="D31306" s="1" t="s">
        <v>68658</v>
      </c>
      <c r="E31306" s="1" t="s">
        <v>109418</v>
      </c>
      <c r="F31306" s="1" t="s">
        <v>109419</v>
      </c>
      <c r="G31306" s="1" t="s">
        <v>109371</v>
      </c>
      <c r="H31306" s="1" t="s">
        <v>109372</v>
      </c>
      <c r="I31306" s="1" t="s">
        <v>105238</v>
      </c>
      <c r="J31306" s="1" t="s">
        <v>109420</v>
      </c>
    </row>
    <row r="31307" spans="1:10" x14ac:dyDescent="0.35">
      <c r="A31307" s="1" t="s">
        <v>44662</v>
      </c>
      <c r="B31307" s="1" t="s">
        <v>105234</v>
      </c>
      <c r="C31307" s="1" t="s">
        <v>115</v>
      </c>
      <c r="D31307" s="1" t="s">
        <v>107369</v>
      </c>
      <c r="E31307" s="1" t="s">
        <v>15417</v>
      </c>
      <c r="F31307" s="1" t="s">
        <v>109421</v>
      </c>
      <c r="G31307" s="1" t="s">
        <v>109371</v>
      </c>
      <c r="H31307" s="1" t="s">
        <v>109372</v>
      </c>
      <c r="I31307" s="1" t="s">
        <v>105238</v>
      </c>
      <c r="J31307" s="1" t="s">
        <v>109422</v>
      </c>
    </row>
    <row r="31308" spans="1:10" x14ac:dyDescent="0.35">
      <c r="A31308" s="1" t="s">
        <v>44662</v>
      </c>
      <c r="B31308" s="1" t="s">
        <v>105234</v>
      </c>
      <c r="C31308" s="1" t="s">
        <v>120</v>
      </c>
      <c r="D31308" s="1" t="s">
        <v>109423</v>
      </c>
      <c r="E31308" s="1" t="s">
        <v>109424</v>
      </c>
      <c r="F31308" s="1" t="s">
        <v>109425</v>
      </c>
      <c r="G31308" s="1" t="s">
        <v>109371</v>
      </c>
      <c r="H31308" s="1" t="s">
        <v>109372</v>
      </c>
      <c r="I31308" s="1" t="s">
        <v>105238</v>
      </c>
      <c r="J31308" s="1" t="s">
        <v>109426</v>
      </c>
    </row>
    <row r="31309" spans="1:10" x14ac:dyDescent="0.35">
      <c r="A31309" s="1" t="s">
        <v>44662</v>
      </c>
      <c r="B31309" s="1" t="s">
        <v>105234</v>
      </c>
      <c r="C31309" s="1" t="s">
        <v>125</v>
      </c>
      <c r="D31309" s="1" t="s">
        <v>109427</v>
      </c>
      <c r="E31309" s="1" t="s">
        <v>58648</v>
      </c>
      <c r="F31309" s="1" t="s">
        <v>62501</v>
      </c>
      <c r="G31309" s="1" t="s">
        <v>109371</v>
      </c>
      <c r="H31309" s="1" t="s">
        <v>109372</v>
      </c>
      <c r="I31309" s="1" t="s">
        <v>105238</v>
      </c>
      <c r="J31309" s="1" t="s">
        <v>109428</v>
      </c>
    </row>
    <row r="31310" spans="1:10" x14ac:dyDescent="0.35">
      <c r="A31310" s="1" t="s">
        <v>44662</v>
      </c>
      <c r="B31310" s="1" t="s">
        <v>105234</v>
      </c>
      <c r="C31310" s="1" t="s">
        <v>130</v>
      </c>
      <c r="D31310" s="1" t="s">
        <v>109429</v>
      </c>
      <c r="E31310" s="1" t="s">
        <v>24280</v>
      </c>
      <c r="F31310" s="1" t="s">
        <v>15626</v>
      </c>
      <c r="G31310" s="1" t="s">
        <v>109371</v>
      </c>
      <c r="H31310" s="1" t="s">
        <v>109372</v>
      </c>
      <c r="I31310" s="1" t="s">
        <v>105238</v>
      </c>
      <c r="J31310" s="1" t="s">
        <v>109430</v>
      </c>
    </row>
    <row r="31311" spans="1:10" x14ac:dyDescent="0.35">
      <c r="A31311" s="1" t="s">
        <v>44662</v>
      </c>
      <c r="B31311" s="1" t="s">
        <v>105234</v>
      </c>
      <c r="C31311" s="1" t="s">
        <v>135</v>
      </c>
      <c r="D31311" s="1" t="s">
        <v>109431</v>
      </c>
      <c r="E31311" s="1" t="s">
        <v>60831</v>
      </c>
      <c r="F31311" s="1" t="s">
        <v>109432</v>
      </c>
      <c r="G31311" s="1" t="s">
        <v>109371</v>
      </c>
      <c r="H31311" s="1" t="s">
        <v>109372</v>
      </c>
      <c r="I31311" s="1" t="s">
        <v>105238</v>
      </c>
      <c r="J31311" s="1" t="s">
        <v>109433</v>
      </c>
    </row>
    <row r="31312" spans="1:10" x14ac:dyDescent="0.35">
      <c r="A31312" s="1" t="s">
        <v>44662</v>
      </c>
      <c r="B31312" s="1" t="s">
        <v>105234</v>
      </c>
      <c r="C31312" s="1" t="s">
        <v>140</v>
      </c>
      <c r="D31312" s="1" t="s">
        <v>109434</v>
      </c>
      <c r="E31312" s="1" t="s">
        <v>109435</v>
      </c>
      <c r="F31312" s="1" t="s">
        <v>109436</v>
      </c>
      <c r="G31312" s="1" t="s">
        <v>109371</v>
      </c>
      <c r="H31312" s="1" t="s">
        <v>109372</v>
      </c>
      <c r="I31312" s="1" t="s">
        <v>105238</v>
      </c>
      <c r="J31312" s="1" t="s">
        <v>109437</v>
      </c>
    </row>
    <row r="31313" spans="1:10" x14ac:dyDescent="0.35">
      <c r="A31313" s="1" t="s">
        <v>44662</v>
      </c>
      <c r="B31313" s="1" t="s">
        <v>105234</v>
      </c>
      <c r="C31313" s="1" t="s">
        <v>145</v>
      </c>
      <c r="D31313" s="1" t="s">
        <v>109438</v>
      </c>
      <c r="E31313" s="1" t="s">
        <v>22339</v>
      </c>
      <c r="F31313" s="1" t="s">
        <v>109439</v>
      </c>
      <c r="G31313" s="1" t="s">
        <v>109371</v>
      </c>
      <c r="H31313" s="1" t="s">
        <v>109372</v>
      </c>
      <c r="I31313" s="1" t="s">
        <v>105238</v>
      </c>
      <c r="J31313" s="1" t="s">
        <v>109440</v>
      </c>
    </row>
    <row r="31314" spans="1:10" x14ac:dyDescent="0.35">
      <c r="A31314" s="1" t="s">
        <v>44662</v>
      </c>
      <c r="B31314" s="1" t="s">
        <v>105234</v>
      </c>
      <c r="C31314" s="1" t="s">
        <v>150</v>
      </c>
      <c r="D31314" s="1" t="s">
        <v>109441</v>
      </c>
      <c r="E31314" s="1" t="s">
        <v>31783</v>
      </c>
      <c r="F31314" s="1" t="s">
        <v>23410</v>
      </c>
      <c r="G31314" s="1" t="s">
        <v>109371</v>
      </c>
      <c r="H31314" s="1" t="s">
        <v>109372</v>
      </c>
      <c r="I31314" s="1" t="s">
        <v>105238</v>
      </c>
      <c r="J31314" s="1" t="s">
        <v>109442</v>
      </c>
    </row>
    <row r="31315" spans="1:10" x14ac:dyDescent="0.35">
      <c r="A31315" s="1" t="s">
        <v>44662</v>
      </c>
      <c r="B31315" s="1" t="s">
        <v>105234</v>
      </c>
      <c r="C31315" s="1" t="s">
        <v>155</v>
      </c>
      <c r="D31315" s="1" t="s">
        <v>109443</v>
      </c>
      <c r="E31315" s="1" t="s">
        <v>95794</v>
      </c>
      <c r="F31315" s="1" t="s">
        <v>109444</v>
      </c>
      <c r="G31315" s="1" t="s">
        <v>109371</v>
      </c>
      <c r="H31315" s="1" t="s">
        <v>109372</v>
      </c>
      <c r="I31315" s="1" t="s">
        <v>105238</v>
      </c>
      <c r="J31315" s="1" t="s">
        <v>109445</v>
      </c>
    </row>
    <row r="31316" spans="1:10" x14ac:dyDescent="0.35">
      <c r="A31316" s="1" t="s">
        <v>44662</v>
      </c>
      <c r="B31316" s="1" t="s">
        <v>105234</v>
      </c>
      <c r="C31316" s="1" t="s">
        <v>160</v>
      </c>
      <c r="D31316" s="1" t="s">
        <v>33984</v>
      </c>
      <c r="E31316" s="1" t="s">
        <v>19912</v>
      </c>
      <c r="F31316" s="1" t="s">
        <v>56338</v>
      </c>
      <c r="G31316" s="1" t="s">
        <v>109371</v>
      </c>
      <c r="H31316" s="1" t="s">
        <v>109372</v>
      </c>
      <c r="I31316" s="1" t="s">
        <v>105238</v>
      </c>
      <c r="J31316" s="1" t="s">
        <v>109446</v>
      </c>
    </row>
    <row r="31317" spans="1:10" x14ac:dyDescent="0.35">
      <c r="A31317" s="1" t="s">
        <v>44662</v>
      </c>
      <c r="B31317" s="1" t="s">
        <v>105234</v>
      </c>
      <c r="C31317" s="1" t="s">
        <v>165</v>
      </c>
      <c r="D31317" s="1" t="s">
        <v>109447</v>
      </c>
      <c r="E31317" s="1" t="s">
        <v>57189</v>
      </c>
      <c r="F31317" s="1" t="s">
        <v>109448</v>
      </c>
      <c r="G31317" s="1" t="s">
        <v>109371</v>
      </c>
      <c r="H31317" s="1" t="s">
        <v>109372</v>
      </c>
      <c r="I31317" s="1" t="s">
        <v>105238</v>
      </c>
      <c r="J31317" s="1" t="s">
        <v>109449</v>
      </c>
    </row>
    <row r="31318" spans="1:10" x14ac:dyDescent="0.35">
      <c r="A31318" s="1" t="s">
        <v>44662</v>
      </c>
      <c r="B31318" s="1" t="s">
        <v>105234</v>
      </c>
      <c r="C31318" s="1" t="s">
        <v>170</v>
      </c>
      <c r="D31318" s="1" t="s">
        <v>59851</v>
      </c>
      <c r="E31318" s="1" t="s">
        <v>31918</v>
      </c>
      <c r="F31318" s="1" t="s">
        <v>62128</v>
      </c>
      <c r="G31318" s="1" t="s">
        <v>109371</v>
      </c>
      <c r="H31318" s="1" t="s">
        <v>109372</v>
      </c>
      <c r="I31318" s="1" t="s">
        <v>105238</v>
      </c>
      <c r="J31318" s="1" t="s">
        <v>109450</v>
      </c>
    </row>
    <row r="31319" spans="1:10" x14ac:dyDescent="0.35">
      <c r="A31319" s="1" t="s">
        <v>6127</v>
      </c>
      <c r="B31319" s="1" t="s">
        <v>105234</v>
      </c>
      <c r="C31319" s="1" t="s">
        <v>8</v>
      </c>
      <c r="D31319" s="1" t="s">
        <v>109451</v>
      </c>
      <c r="E31319" s="1" t="s">
        <v>109452</v>
      </c>
      <c r="F31319" s="1" t="s">
        <v>109453</v>
      </c>
      <c r="G31319" s="1" t="s">
        <v>109454</v>
      </c>
      <c r="H31319" s="1" t="s">
        <v>109455</v>
      </c>
      <c r="I31319" s="1" t="s">
        <v>105238</v>
      </c>
      <c r="J31319" s="1" t="s">
        <v>13</v>
      </c>
    </row>
    <row r="31320" spans="1:10" x14ac:dyDescent="0.35">
      <c r="A31320" s="1" t="s">
        <v>6127</v>
      </c>
      <c r="B31320" s="1" t="s">
        <v>105234</v>
      </c>
      <c r="C31320" s="1" t="s">
        <v>15</v>
      </c>
      <c r="D31320" s="1" t="s">
        <v>109456</v>
      </c>
      <c r="E31320" s="1" t="s">
        <v>109457</v>
      </c>
      <c r="F31320" s="1" t="s">
        <v>26475</v>
      </c>
      <c r="G31320" s="1" t="s">
        <v>109454</v>
      </c>
      <c r="H31320" s="1" t="s">
        <v>109455</v>
      </c>
      <c r="I31320" s="1" t="s">
        <v>105238</v>
      </c>
      <c r="J31320" s="1" t="s">
        <v>109458</v>
      </c>
    </row>
    <row r="31321" spans="1:10" x14ac:dyDescent="0.35">
      <c r="A31321" s="1" t="s">
        <v>6127</v>
      </c>
      <c r="B31321" s="1" t="s">
        <v>105234</v>
      </c>
      <c r="C31321" s="1" t="s">
        <v>20</v>
      </c>
      <c r="D31321" s="1" t="s">
        <v>109459</v>
      </c>
      <c r="E31321" s="1" t="s">
        <v>78776</v>
      </c>
      <c r="F31321" s="1" t="s">
        <v>54732</v>
      </c>
      <c r="G31321" s="1" t="s">
        <v>109454</v>
      </c>
      <c r="H31321" s="1" t="s">
        <v>109455</v>
      </c>
      <c r="I31321" s="1" t="s">
        <v>105238</v>
      </c>
      <c r="J31321" s="1" t="s">
        <v>109460</v>
      </c>
    </row>
    <row r="31322" spans="1:10" x14ac:dyDescent="0.35">
      <c r="A31322" s="1" t="s">
        <v>6127</v>
      </c>
      <c r="B31322" s="1" t="s">
        <v>105234</v>
      </c>
      <c r="C31322" s="1" t="s">
        <v>25</v>
      </c>
      <c r="D31322" s="1" t="s">
        <v>109461</v>
      </c>
      <c r="E31322" s="1" t="s">
        <v>109462</v>
      </c>
      <c r="F31322" s="1" t="s">
        <v>97557</v>
      </c>
      <c r="G31322" s="1" t="s">
        <v>109454</v>
      </c>
      <c r="H31322" s="1" t="s">
        <v>109455</v>
      </c>
      <c r="I31322" s="1" t="s">
        <v>105238</v>
      </c>
      <c r="J31322" s="1" t="s">
        <v>109463</v>
      </c>
    </row>
    <row r="31323" spans="1:10" x14ac:dyDescent="0.35">
      <c r="A31323" s="1" t="s">
        <v>6127</v>
      </c>
      <c r="B31323" s="1" t="s">
        <v>105234</v>
      </c>
      <c r="C31323" s="1" t="s">
        <v>30</v>
      </c>
      <c r="D31323" s="1" t="s">
        <v>109464</v>
      </c>
      <c r="E31323" s="1" t="s">
        <v>109465</v>
      </c>
      <c r="F31323" s="1" t="s">
        <v>109466</v>
      </c>
      <c r="G31323" s="1" t="s">
        <v>109454</v>
      </c>
      <c r="H31323" s="1" t="s">
        <v>109455</v>
      </c>
      <c r="I31323" s="1" t="s">
        <v>105238</v>
      </c>
      <c r="J31323" s="1" t="s">
        <v>109467</v>
      </c>
    </row>
    <row r="31324" spans="1:10" x14ac:dyDescent="0.35">
      <c r="A31324" s="1" t="s">
        <v>6127</v>
      </c>
      <c r="B31324" s="1" t="s">
        <v>105234</v>
      </c>
      <c r="C31324" s="1" t="s">
        <v>35</v>
      </c>
      <c r="D31324" s="1" t="s">
        <v>60584</v>
      </c>
      <c r="E31324" s="1" t="s">
        <v>109468</v>
      </c>
      <c r="F31324" s="1" t="s">
        <v>97579</v>
      </c>
      <c r="G31324" s="1" t="s">
        <v>109454</v>
      </c>
      <c r="H31324" s="1" t="s">
        <v>109455</v>
      </c>
      <c r="I31324" s="1" t="s">
        <v>105238</v>
      </c>
      <c r="J31324" s="1" t="s">
        <v>109469</v>
      </c>
    </row>
    <row r="31325" spans="1:10" x14ac:dyDescent="0.35">
      <c r="A31325" s="1" t="s">
        <v>6127</v>
      </c>
      <c r="B31325" s="1" t="s">
        <v>105234</v>
      </c>
      <c r="C31325" s="1" t="s">
        <v>40</v>
      </c>
      <c r="D31325" s="1" t="s">
        <v>109470</v>
      </c>
      <c r="E31325" s="1" t="s">
        <v>108862</v>
      </c>
      <c r="F31325" s="1" t="s">
        <v>109471</v>
      </c>
      <c r="G31325" s="1" t="s">
        <v>109454</v>
      </c>
      <c r="H31325" s="1" t="s">
        <v>109455</v>
      </c>
      <c r="I31325" s="1" t="s">
        <v>105238</v>
      </c>
      <c r="J31325" s="1" t="s">
        <v>109472</v>
      </c>
    </row>
    <row r="31326" spans="1:10" x14ac:dyDescent="0.35">
      <c r="A31326" s="1" t="s">
        <v>6127</v>
      </c>
      <c r="B31326" s="1" t="s">
        <v>105234</v>
      </c>
      <c r="C31326" s="1" t="s">
        <v>45</v>
      </c>
      <c r="D31326" s="1" t="s">
        <v>91967</v>
      </c>
      <c r="E31326" s="1" t="s">
        <v>109473</v>
      </c>
      <c r="F31326" s="1" t="s">
        <v>103921</v>
      </c>
      <c r="G31326" s="1" t="s">
        <v>109454</v>
      </c>
      <c r="H31326" s="1" t="s">
        <v>109455</v>
      </c>
      <c r="I31326" s="1" t="s">
        <v>105238</v>
      </c>
      <c r="J31326" s="1" t="s">
        <v>109474</v>
      </c>
    </row>
    <row r="31327" spans="1:10" x14ac:dyDescent="0.35">
      <c r="A31327" s="1" t="s">
        <v>6127</v>
      </c>
      <c r="B31327" s="1" t="s">
        <v>105234</v>
      </c>
      <c r="C31327" s="1" t="s">
        <v>50</v>
      </c>
      <c r="D31327" s="1" t="s">
        <v>109475</v>
      </c>
      <c r="E31327" s="1" t="s">
        <v>108899</v>
      </c>
      <c r="F31327" s="1" t="s">
        <v>109476</v>
      </c>
      <c r="G31327" s="1" t="s">
        <v>109454</v>
      </c>
      <c r="H31327" s="1" t="s">
        <v>109455</v>
      </c>
      <c r="I31327" s="1" t="s">
        <v>105238</v>
      </c>
      <c r="J31327" s="1" t="s">
        <v>109477</v>
      </c>
    </row>
    <row r="31328" spans="1:10" x14ac:dyDescent="0.35">
      <c r="A31328" s="1" t="s">
        <v>6127</v>
      </c>
      <c r="B31328" s="1" t="s">
        <v>105234</v>
      </c>
      <c r="C31328" s="1" t="s">
        <v>55</v>
      </c>
      <c r="D31328" s="1" t="s">
        <v>104013</v>
      </c>
      <c r="E31328" s="1" t="s">
        <v>109478</v>
      </c>
      <c r="F31328" s="1" t="s">
        <v>21260</v>
      </c>
      <c r="G31328" s="1" t="s">
        <v>109454</v>
      </c>
      <c r="H31328" s="1" t="s">
        <v>109455</v>
      </c>
      <c r="I31328" s="1" t="s">
        <v>105238</v>
      </c>
      <c r="J31328" s="1" t="s">
        <v>109479</v>
      </c>
    </row>
    <row r="31329" spans="1:10" x14ac:dyDescent="0.35">
      <c r="A31329" s="1" t="s">
        <v>6127</v>
      </c>
      <c r="B31329" s="1" t="s">
        <v>105234</v>
      </c>
      <c r="C31329" s="1" t="s">
        <v>60</v>
      </c>
      <c r="D31329" s="1" t="s">
        <v>109480</v>
      </c>
      <c r="E31329" s="1" t="s">
        <v>109481</v>
      </c>
      <c r="F31329" s="1" t="s">
        <v>55273</v>
      </c>
      <c r="G31329" s="1" t="s">
        <v>109454</v>
      </c>
      <c r="H31329" s="1" t="s">
        <v>109455</v>
      </c>
      <c r="I31329" s="1" t="s">
        <v>105238</v>
      </c>
      <c r="J31329" s="1" t="s">
        <v>109482</v>
      </c>
    </row>
    <row r="31330" spans="1:10" x14ac:dyDescent="0.35">
      <c r="A31330" s="1" t="s">
        <v>6127</v>
      </c>
      <c r="B31330" s="1" t="s">
        <v>105234</v>
      </c>
      <c r="C31330" s="1" t="s">
        <v>65</v>
      </c>
      <c r="D31330" s="1" t="s">
        <v>109483</v>
      </c>
      <c r="E31330" s="1" t="s">
        <v>109465</v>
      </c>
      <c r="F31330" s="1" t="s">
        <v>109484</v>
      </c>
      <c r="G31330" s="1" t="s">
        <v>109454</v>
      </c>
      <c r="H31330" s="1" t="s">
        <v>109455</v>
      </c>
      <c r="I31330" s="1" t="s">
        <v>105238</v>
      </c>
      <c r="J31330" s="1" t="s">
        <v>109485</v>
      </c>
    </row>
    <row r="31331" spans="1:10" x14ac:dyDescent="0.35">
      <c r="A31331" s="1" t="s">
        <v>6127</v>
      </c>
      <c r="B31331" s="1" t="s">
        <v>105234</v>
      </c>
      <c r="C31331" s="1" t="s">
        <v>70</v>
      </c>
      <c r="D31331" s="1" t="s">
        <v>109486</v>
      </c>
      <c r="E31331" s="1" t="s">
        <v>109487</v>
      </c>
      <c r="F31331" s="1" t="s">
        <v>22931</v>
      </c>
      <c r="G31331" s="1" t="s">
        <v>109454</v>
      </c>
      <c r="H31331" s="1" t="s">
        <v>109455</v>
      </c>
      <c r="I31331" s="1" t="s">
        <v>105238</v>
      </c>
      <c r="J31331" s="1" t="s">
        <v>109488</v>
      </c>
    </row>
    <row r="31332" spans="1:10" x14ac:dyDescent="0.35">
      <c r="A31332" s="1" t="s">
        <v>6127</v>
      </c>
      <c r="B31332" s="1" t="s">
        <v>105234</v>
      </c>
      <c r="C31332" s="1" t="s">
        <v>75</v>
      </c>
      <c r="D31332" s="1" t="s">
        <v>92476</v>
      </c>
      <c r="E31332" s="1" t="s">
        <v>109489</v>
      </c>
      <c r="F31332" s="1" t="s">
        <v>109490</v>
      </c>
      <c r="G31332" s="1" t="s">
        <v>109454</v>
      </c>
      <c r="H31332" s="1" t="s">
        <v>109455</v>
      </c>
      <c r="I31332" s="1" t="s">
        <v>105238</v>
      </c>
      <c r="J31332" s="1" t="s">
        <v>109491</v>
      </c>
    </row>
    <row r="31333" spans="1:10" x14ac:dyDescent="0.35">
      <c r="A31333" s="1" t="s">
        <v>6127</v>
      </c>
      <c r="B31333" s="1" t="s">
        <v>105234</v>
      </c>
      <c r="C31333" s="1" t="s">
        <v>80</v>
      </c>
      <c r="D31333" s="1" t="s">
        <v>109492</v>
      </c>
      <c r="E31333" s="1" t="s">
        <v>109493</v>
      </c>
      <c r="F31333" s="1" t="s">
        <v>103461</v>
      </c>
      <c r="G31333" s="1" t="s">
        <v>109454</v>
      </c>
      <c r="H31333" s="1" t="s">
        <v>109455</v>
      </c>
      <c r="I31333" s="1" t="s">
        <v>105238</v>
      </c>
      <c r="J31333" s="1" t="s">
        <v>109494</v>
      </c>
    </row>
    <row r="31334" spans="1:10" x14ac:dyDescent="0.35">
      <c r="A31334" s="1" t="s">
        <v>6127</v>
      </c>
      <c r="B31334" s="1" t="s">
        <v>105234</v>
      </c>
      <c r="C31334" s="1" t="s">
        <v>85</v>
      </c>
      <c r="D31334" s="1" t="s">
        <v>109495</v>
      </c>
      <c r="E31334" s="1" t="s">
        <v>105408</v>
      </c>
      <c r="F31334" s="1" t="s">
        <v>109496</v>
      </c>
      <c r="G31334" s="1" t="s">
        <v>109454</v>
      </c>
      <c r="H31334" s="1" t="s">
        <v>109455</v>
      </c>
      <c r="I31334" s="1" t="s">
        <v>105238</v>
      </c>
      <c r="J31334" s="1" t="s">
        <v>109497</v>
      </c>
    </row>
    <row r="31335" spans="1:10" x14ac:dyDescent="0.35">
      <c r="A31335" s="1" t="s">
        <v>6127</v>
      </c>
      <c r="B31335" s="1" t="s">
        <v>105234</v>
      </c>
      <c r="C31335" s="1" t="s">
        <v>90</v>
      </c>
      <c r="D31335" s="1" t="s">
        <v>109498</v>
      </c>
      <c r="E31335" s="1" t="s">
        <v>78786</v>
      </c>
      <c r="F31335" s="1" t="s">
        <v>109499</v>
      </c>
      <c r="G31335" s="1" t="s">
        <v>109454</v>
      </c>
      <c r="H31335" s="1" t="s">
        <v>109455</v>
      </c>
      <c r="I31335" s="1" t="s">
        <v>105238</v>
      </c>
      <c r="J31335" s="1" t="s">
        <v>109500</v>
      </c>
    </row>
    <row r="31336" spans="1:10" x14ac:dyDescent="0.35">
      <c r="A31336" s="1" t="s">
        <v>6127</v>
      </c>
      <c r="B31336" s="1" t="s">
        <v>105234</v>
      </c>
      <c r="C31336" s="1" t="s">
        <v>95</v>
      </c>
      <c r="D31336" s="1" t="s">
        <v>109501</v>
      </c>
      <c r="E31336" s="1" t="s">
        <v>109502</v>
      </c>
      <c r="F31336" s="1" t="s">
        <v>109503</v>
      </c>
      <c r="G31336" s="1" t="s">
        <v>109454</v>
      </c>
      <c r="H31336" s="1" t="s">
        <v>109455</v>
      </c>
      <c r="I31336" s="1" t="s">
        <v>105238</v>
      </c>
      <c r="J31336" s="1" t="s">
        <v>109504</v>
      </c>
    </row>
    <row r="31337" spans="1:10" x14ac:dyDescent="0.35">
      <c r="A31337" s="1" t="s">
        <v>6127</v>
      </c>
      <c r="B31337" s="1" t="s">
        <v>105234</v>
      </c>
      <c r="C31337" s="1" t="s">
        <v>100</v>
      </c>
      <c r="D31337" s="1" t="s">
        <v>109505</v>
      </c>
      <c r="E31337" s="1" t="s">
        <v>109506</v>
      </c>
      <c r="F31337" s="1" t="s">
        <v>109507</v>
      </c>
      <c r="G31337" s="1" t="s">
        <v>109454</v>
      </c>
      <c r="H31337" s="1" t="s">
        <v>109455</v>
      </c>
      <c r="I31337" s="1" t="s">
        <v>105238</v>
      </c>
      <c r="J31337" s="1" t="s">
        <v>109508</v>
      </c>
    </row>
    <row r="31338" spans="1:10" x14ac:dyDescent="0.35">
      <c r="A31338" s="1" t="s">
        <v>6127</v>
      </c>
      <c r="B31338" s="1" t="s">
        <v>105234</v>
      </c>
      <c r="C31338" s="1" t="s">
        <v>105</v>
      </c>
      <c r="D31338" s="1" t="s">
        <v>109509</v>
      </c>
      <c r="E31338" s="1" t="s">
        <v>109510</v>
      </c>
      <c r="F31338" s="1" t="s">
        <v>109511</v>
      </c>
      <c r="G31338" s="1" t="s">
        <v>109454</v>
      </c>
      <c r="H31338" s="1" t="s">
        <v>109455</v>
      </c>
      <c r="I31338" s="1" t="s">
        <v>105238</v>
      </c>
      <c r="J31338" s="1" t="s">
        <v>109512</v>
      </c>
    </row>
    <row r="31339" spans="1:10" x14ac:dyDescent="0.35">
      <c r="A31339" s="1" t="s">
        <v>6127</v>
      </c>
      <c r="B31339" s="1" t="s">
        <v>105234</v>
      </c>
      <c r="C31339" s="1" t="s">
        <v>110</v>
      </c>
      <c r="D31339" s="1" t="s">
        <v>64794</v>
      </c>
      <c r="E31339" s="1" t="s">
        <v>107441</v>
      </c>
      <c r="F31339" s="1" t="s">
        <v>109513</v>
      </c>
      <c r="G31339" s="1" t="s">
        <v>109454</v>
      </c>
      <c r="H31339" s="1" t="s">
        <v>109455</v>
      </c>
      <c r="I31339" s="1" t="s">
        <v>105238</v>
      </c>
      <c r="J31339" s="1" t="s">
        <v>109514</v>
      </c>
    </row>
    <row r="31340" spans="1:10" x14ac:dyDescent="0.35">
      <c r="A31340" s="1" t="s">
        <v>6127</v>
      </c>
      <c r="B31340" s="1" t="s">
        <v>105234</v>
      </c>
      <c r="C31340" s="1" t="s">
        <v>115</v>
      </c>
      <c r="D31340" s="1" t="s">
        <v>90571</v>
      </c>
      <c r="E31340" s="1" t="s">
        <v>109515</v>
      </c>
      <c r="F31340" s="1" t="s">
        <v>109516</v>
      </c>
      <c r="G31340" s="1" t="s">
        <v>109454</v>
      </c>
      <c r="H31340" s="1" t="s">
        <v>109455</v>
      </c>
      <c r="I31340" s="1" t="s">
        <v>105238</v>
      </c>
      <c r="J31340" s="1" t="s">
        <v>109517</v>
      </c>
    </row>
    <row r="31341" spans="1:10" x14ac:dyDescent="0.35">
      <c r="A31341" s="1" t="s">
        <v>6127</v>
      </c>
      <c r="B31341" s="1" t="s">
        <v>105234</v>
      </c>
      <c r="C31341" s="1" t="s">
        <v>120</v>
      </c>
      <c r="D31341" s="1" t="s">
        <v>86584</v>
      </c>
      <c r="E31341" s="1" t="s">
        <v>109518</v>
      </c>
      <c r="F31341" s="1" t="s">
        <v>109519</v>
      </c>
      <c r="G31341" s="1" t="s">
        <v>109454</v>
      </c>
      <c r="H31341" s="1" t="s">
        <v>109455</v>
      </c>
      <c r="I31341" s="1" t="s">
        <v>105238</v>
      </c>
      <c r="J31341" s="1" t="s">
        <v>109520</v>
      </c>
    </row>
    <row r="31342" spans="1:10" x14ac:dyDescent="0.35">
      <c r="A31342" s="1" t="s">
        <v>6127</v>
      </c>
      <c r="B31342" s="1" t="s">
        <v>105234</v>
      </c>
      <c r="C31342" s="1" t="s">
        <v>125</v>
      </c>
      <c r="D31342" s="1" t="s">
        <v>107225</v>
      </c>
      <c r="E31342" s="1" t="s">
        <v>107441</v>
      </c>
      <c r="F31342" s="1" t="s">
        <v>105436</v>
      </c>
      <c r="G31342" s="1" t="s">
        <v>109454</v>
      </c>
      <c r="H31342" s="1" t="s">
        <v>109455</v>
      </c>
      <c r="I31342" s="1" t="s">
        <v>105238</v>
      </c>
      <c r="J31342" s="1" t="s">
        <v>109521</v>
      </c>
    </row>
    <row r="31343" spans="1:10" x14ac:dyDescent="0.35">
      <c r="A31343" s="1" t="s">
        <v>6127</v>
      </c>
      <c r="B31343" s="1" t="s">
        <v>105234</v>
      </c>
      <c r="C31343" s="1" t="s">
        <v>130</v>
      </c>
      <c r="D31343" s="1" t="s">
        <v>109522</v>
      </c>
      <c r="E31343" s="1" t="s">
        <v>109523</v>
      </c>
      <c r="F31343" s="1" t="s">
        <v>109524</v>
      </c>
      <c r="G31343" s="1" t="s">
        <v>109454</v>
      </c>
      <c r="H31343" s="1" t="s">
        <v>109455</v>
      </c>
      <c r="I31343" s="1" t="s">
        <v>105238</v>
      </c>
      <c r="J31343" s="1" t="s">
        <v>109525</v>
      </c>
    </row>
    <row r="31344" spans="1:10" x14ac:dyDescent="0.35">
      <c r="A31344" s="1" t="s">
        <v>6127</v>
      </c>
      <c r="B31344" s="1" t="s">
        <v>105234</v>
      </c>
      <c r="C31344" s="1" t="s">
        <v>135</v>
      </c>
      <c r="D31344" s="1" t="s">
        <v>67258</v>
      </c>
      <c r="E31344" s="1" t="s">
        <v>109526</v>
      </c>
      <c r="F31344" s="1" t="s">
        <v>60799</v>
      </c>
      <c r="G31344" s="1" t="s">
        <v>109454</v>
      </c>
      <c r="H31344" s="1" t="s">
        <v>109455</v>
      </c>
      <c r="I31344" s="1" t="s">
        <v>105238</v>
      </c>
      <c r="J31344" s="1" t="s">
        <v>109527</v>
      </c>
    </row>
    <row r="31345" spans="1:10" x14ac:dyDescent="0.35">
      <c r="A31345" s="1" t="s">
        <v>6127</v>
      </c>
      <c r="B31345" s="1" t="s">
        <v>105234</v>
      </c>
      <c r="C31345" s="1" t="s">
        <v>140</v>
      </c>
      <c r="D31345" s="1" t="s">
        <v>109528</v>
      </c>
      <c r="E31345" s="1" t="s">
        <v>109529</v>
      </c>
      <c r="F31345" s="1" t="s">
        <v>109530</v>
      </c>
      <c r="G31345" s="1" t="s">
        <v>109454</v>
      </c>
      <c r="H31345" s="1" t="s">
        <v>109455</v>
      </c>
      <c r="I31345" s="1" t="s">
        <v>105238</v>
      </c>
      <c r="J31345" s="1" t="s">
        <v>109531</v>
      </c>
    </row>
    <row r="31346" spans="1:10" x14ac:dyDescent="0.35">
      <c r="A31346" s="1" t="s">
        <v>6127</v>
      </c>
      <c r="B31346" s="1" t="s">
        <v>105234</v>
      </c>
      <c r="C31346" s="1" t="s">
        <v>145</v>
      </c>
      <c r="D31346" s="1" t="s">
        <v>95665</v>
      </c>
      <c r="E31346" s="1" t="s">
        <v>109532</v>
      </c>
      <c r="F31346" s="1" t="s">
        <v>57690</v>
      </c>
      <c r="G31346" s="1" t="s">
        <v>109454</v>
      </c>
      <c r="H31346" s="1" t="s">
        <v>109455</v>
      </c>
      <c r="I31346" s="1" t="s">
        <v>105238</v>
      </c>
      <c r="J31346" s="1" t="s">
        <v>109533</v>
      </c>
    </row>
    <row r="31347" spans="1:10" x14ac:dyDescent="0.35">
      <c r="A31347" s="1" t="s">
        <v>6127</v>
      </c>
      <c r="B31347" s="1" t="s">
        <v>105234</v>
      </c>
      <c r="C31347" s="1" t="s">
        <v>150</v>
      </c>
      <c r="D31347" s="1" t="s">
        <v>88058</v>
      </c>
      <c r="E31347" s="1" t="s">
        <v>109534</v>
      </c>
      <c r="F31347" s="1" t="s">
        <v>109535</v>
      </c>
      <c r="G31347" s="1" t="s">
        <v>109454</v>
      </c>
      <c r="H31347" s="1" t="s">
        <v>109455</v>
      </c>
      <c r="I31347" s="1" t="s">
        <v>105238</v>
      </c>
      <c r="J31347" s="1" t="s">
        <v>109536</v>
      </c>
    </row>
    <row r="31348" spans="1:10" x14ac:dyDescent="0.35">
      <c r="A31348" s="1" t="s">
        <v>6127</v>
      </c>
      <c r="B31348" s="1" t="s">
        <v>105234</v>
      </c>
      <c r="C31348" s="1" t="s">
        <v>155</v>
      </c>
      <c r="D31348" s="1" t="s">
        <v>95873</v>
      </c>
      <c r="E31348" s="1" t="s">
        <v>109537</v>
      </c>
      <c r="F31348" s="1" t="s">
        <v>109538</v>
      </c>
      <c r="G31348" s="1" t="s">
        <v>109454</v>
      </c>
      <c r="H31348" s="1" t="s">
        <v>109455</v>
      </c>
      <c r="I31348" s="1" t="s">
        <v>105238</v>
      </c>
      <c r="J31348" s="1" t="s">
        <v>109539</v>
      </c>
    </row>
    <row r="31349" spans="1:10" x14ac:dyDescent="0.35">
      <c r="A31349" s="1" t="s">
        <v>6127</v>
      </c>
      <c r="B31349" s="1" t="s">
        <v>105234</v>
      </c>
      <c r="C31349" s="1" t="s">
        <v>160</v>
      </c>
      <c r="D31349" s="1" t="s">
        <v>77395</v>
      </c>
      <c r="E31349" s="1" t="s">
        <v>109540</v>
      </c>
      <c r="F31349" s="1" t="s">
        <v>69470</v>
      </c>
      <c r="G31349" s="1" t="s">
        <v>109454</v>
      </c>
      <c r="H31349" s="1" t="s">
        <v>109455</v>
      </c>
      <c r="I31349" s="1" t="s">
        <v>105238</v>
      </c>
      <c r="J31349" s="1" t="s">
        <v>109541</v>
      </c>
    </row>
    <row r="31350" spans="1:10" x14ac:dyDescent="0.35">
      <c r="A31350" s="1" t="s">
        <v>6127</v>
      </c>
      <c r="B31350" s="1" t="s">
        <v>105234</v>
      </c>
      <c r="C31350" s="1" t="s">
        <v>165</v>
      </c>
      <c r="D31350" s="1" t="s">
        <v>109542</v>
      </c>
      <c r="E31350" s="1" t="s">
        <v>77789</v>
      </c>
      <c r="F31350" s="1" t="s">
        <v>27462</v>
      </c>
      <c r="G31350" s="1" t="s">
        <v>109454</v>
      </c>
      <c r="H31350" s="1" t="s">
        <v>109455</v>
      </c>
      <c r="I31350" s="1" t="s">
        <v>105238</v>
      </c>
      <c r="J31350" s="1" t="s">
        <v>109543</v>
      </c>
    </row>
    <row r="31351" spans="1:10" x14ac:dyDescent="0.35">
      <c r="A31351" s="1" t="s">
        <v>6127</v>
      </c>
      <c r="B31351" s="1" t="s">
        <v>105234</v>
      </c>
      <c r="C31351" s="1" t="s">
        <v>170</v>
      </c>
      <c r="D31351" s="1" t="s">
        <v>106284</v>
      </c>
      <c r="E31351" s="1" t="s">
        <v>109544</v>
      </c>
      <c r="F31351" s="1" t="s">
        <v>109545</v>
      </c>
      <c r="G31351" s="1" t="s">
        <v>109454</v>
      </c>
      <c r="H31351" s="1" t="s">
        <v>109455</v>
      </c>
      <c r="I31351" s="1" t="s">
        <v>105238</v>
      </c>
      <c r="J31351" s="1" t="s">
        <v>109546</v>
      </c>
    </row>
    <row r="31352" spans="1:10" x14ac:dyDescent="0.35">
      <c r="A31352" s="1" t="s">
        <v>109547</v>
      </c>
      <c r="B31352" s="1" t="s">
        <v>109548</v>
      </c>
      <c r="C31352" s="1" t="s">
        <v>8</v>
      </c>
      <c r="D31352" s="1" t="s">
        <v>69182</v>
      </c>
      <c r="E31352" s="1" t="s">
        <v>109549</v>
      </c>
      <c r="F31352" s="1" t="s">
        <v>109550</v>
      </c>
      <c r="G31352" s="1" t="s">
        <v>109551</v>
      </c>
      <c r="H31352" s="1" t="s">
        <v>109552</v>
      </c>
      <c r="I31352" s="1" t="s">
        <v>109553</v>
      </c>
      <c r="J31352" s="1" t="s">
        <v>13</v>
      </c>
    </row>
    <row r="31353" spans="1:10" x14ac:dyDescent="0.35">
      <c r="A31353" s="1" t="s">
        <v>109547</v>
      </c>
      <c r="B31353" s="1" t="s">
        <v>109548</v>
      </c>
      <c r="C31353" s="1" t="s">
        <v>15</v>
      </c>
      <c r="D31353" s="1" t="s">
        <v>69526</v>
      </c>
      <c r="E31353" s="1" t="s">
        <v>109554</v>
      </c>
      <c r="F31353" s="1" t="s">
        <v>109555</v>
      </c>
      <c r="G31353" s="1" t="s">
        <v>109551</v>
      </c>
      <c r="H31353" s="1" t="s">
        <v>109552</v>
      </c>
      <c r="I31353" s="1" t="s">
        <v>109553</v>
      </c>
      <c r="J31353" s="1" t="s">
        <v>109556</v>
      </c>
    </row>
    <row r="31354" spans="1:10" x14ac:dyDescent="0.35">
      <c r="A31354" s="1" t="s">
        <v>109547</v>
      </c>
      <c r="B31354" s="1" t="s">
        <v>109548</v>
      </c>
      <c r="C31354" s="1" t="s">
        <v>20</v>
      </c>
      <c r="D31354" s="1" t="s">
        <v>71357</v>
      </c>
      <c r="E31354" s="1" t="s">
        <v>109557</v>
      </c>
      <c r="F31354" s="1" t="s">
        <v>109558</v>
      </c>
      <c r="G31354" s="1" t="s">
        <v>109551</v>
      </c>
      <c r="H31354" s="1" t="s">
        <v>109552</v>
      </c>
      <c r="I31354" s="1" t="s">
        <v>109553</v>
      </c>
      <c r="J31354" s="1" t="s">
        <v>109559</v>
      </c>
    </row>
    <row r="31355" spans="1:10" x14ac:dyDescent="0.35">
      <c r="A31355" s="1" t="s">
        <v>109547</v>
      </c>
      <c r="B31355" s="1" t="s">
        <v>109548</v>
      </c>
      <c r="C31355" s="1" t="s">
        <v>25</v>
      </c>
      <c r="D31355" s="1" t="s">
        <v>25950</v>
      </c>
      <c r="E31355" s="1" t="s">
        <v>109560</v>
      </c>
      <c r="F31355" s="1" t="s">
        <v>109561</v>
      </c>
      <c r="G31355" s="1" t="s">
        <v>109551</v>
      </c>
      <c r="H31355" s="1" t="s">
        <v>109552</v>
      </c>
      <c r="I31355" s="1" t="s">
        <v>109553</v>
      </c>
      <c r="J31355" s="1" t="s">
        <v>109562</v>
      </c>
    </row>
    <row r="31356" spans="1:10" x14ac:dyDescent="0.35">
      <c r="A31356" s="1" t="s">
        <v>109547</v>
      </c>
      <c r="B31356" s="1" t="s">
        <v>109548</v>
      </c>
      <c r="C31356" s="1" t="s">
        <v>30</v>
      </c>
      <c r="D31356" s="1" t="s">
        <v>6212</v>
      </c>
      <c r="E31356" s="1" t="s">
        <v>109563</v>
      </c>
      <c r="F31356" s="1" t="s">
        <v>109564</v>
      </c>
      <c r="G31356" s="1" t="s">
        <v>109551</v>
      </c>
      <c r="H31356" s="1" t="s">
        <v>109552</v>
      </c>
      <c r="I31356" s="1" t="s">
        <v>109553</v>
      </c>
      <c r="J31356" s="1" t="s">
        <v>109565</v>
      </c>
    </row>
    <row r="31357" spans="1:10" x14ac:dyDescent="0.35">
      <c r="A31357" s="1" t="s">
        <v>109547</v>
      </c>
      <c r="B31357" s="1" t="s">
        <v>109548</v>
      </c>
      <c r="C31357" s="1" t="s">
        <v>35</v>
      </c>
      <c r="D31357" s="1" t="s">
        <v>7006</v>
      </c>
      <c r="E31357" s="1" t="s">
        <v>109566</v>
      </c>
      <c r="F31357" s="1" t="s">
        <v>109567</v>
      </c>
      <c r="G31357" s="1" t="s">
        <v>109551</v>
      </c>
      <c r="H31357" s="1" t="s">
        <v>109552</v>
      </c>
      <c r="I31357" s="1" t="s">
        <v>109553</v>
      </c>
      <c r="J31357" s="1" t="s">
        <v>109568</v>
      </c>
    </row>
    <row r="31358" spans="1:10" x14ac:dyDescent="0.35">
      <c r="A31358" s="1" t="s">
        <v>109547</v>
      </c>
      <c r="B31358" s="1" t="s">
        <v>109548</v>
      </c>
      <c r="C31358" s="1" t="s">
        <v>40</v>
      </c>
      <c r="D31358" s="1" t="s">
        <v>9841</v>
      </c>
      <c r="E31358" s="1" t="s">
        <v>109569</v>
      </c>
      <c r="F31358" s="1" t="s">
        <v>109570</v>
      </c>
      <c r="G31358" s="1" t="s">
        <v>109551</v>
      </c>
      <c r="H31358" s="1" t="s">
        <v>109552</v>
      </c>
      <c r="I31358" s="1" t="s">
        <v>109553</v>
      </c>
      <c r="J31358" s="1" t="s">
        <v>109571</v>
      </c>
    </row>
    <row r="31359" spans="1:10" x14ac:dyDescent="0.35">
      <c r="A31359" s="1" t="s">
        <v>109547</v>
      </c>
      <c r="B31359" s="1" t="s">
        <v>109548</v>
      </c>
      <c r="C31359" s="1" t="s">
        <v>45</v>
      </c>
      <c r="D31359" s="1" t="s">
        <v>6155</v>
      </c>
      <c r="E31359" s="1" t="s">
        <v>109572</v>
      </c>
      <c r="F31359" s="1" t="s">
        <v>109573</v>
      </c>
      <c r="G31359" s="1" t="s">
        <v>109551</v>
      </c>
      <c r="H31359" s="1" t="s">
        <v>109552</v>
      </c>
      <c r="I31359" s="1" t="s">
        <v>109553</v>
      </c>
      <c r="J31359" s="1" t="s">
        <v>109574</v>
      </c>
    </row>
    <row r="31360" spans="1:10" x14ac:dyDescent="0.35">
      <c r="A31360" s="1" t="s">
        <v>109547</v>
      </c>
      <c r="B31360" s="1" t="s">
        <v>109548</v>
      </c>
      <c r="C31360" s="1" t="s">
        <v>50</v>
      </c>
      <c r="D31360" s="1" t="s">
        <v>4512</v>
      </c>
      <c r="E31360" s="1" t="s">
        <v>109575</v>
      </c>
      <c r="F31360" s="1" t="s">
        <v>109576</v>
      </c>
      <c r="G31360" s="1" t="s">
        <v>109551</v>
      </c>
      <c r="H31360" s="1" t="s">
        <v>109552</v>
      </c>
      <c r="I31360" s="1" t="s">
        <v>109553</v>
      </c>
      <c r="J31360" s="1" t="s">
        <v>109577</v>
      </c>
    </row>
    <row r="31361" spans="1:10" x14ac:dyDescent="0.35">
      <c r="A31361" s="1" t="s">
        <v>109547</v>
      </c>
      <c r="B31361" s="1" t="s">
        <v>109548</v>
      </c>
      <c r="C31361" s="1" t="s">
        <v>55</v>
      </c>
      <c r="D31361" s="1" t="s">
        <v>109578</v>
      </c>
      <c r="E31361" s="1" t="s">
        <v>109579</v>
      </c>
      <c r="F31361" s="1" t="s">
        <v>109580</v>
      </c>
      <c r="G31361" s="1" t="s">
        <v>109551</v>
      </c>
      <c r="H31361" s="1" t="s">
        <v>109552</v>
      </c>
      <c r="I31361" s="1" t="s">
        <v>109553</v>
      </c>
      <c r="J31361" s="1" t="s">
        <v>109581</v>
      </c>
    </row>
    <row r="31362" spans="1:10" x14ac:dyDescent="0.35">
      <c r="A31362" s="1" t="s">
        <v>109547</v>
      </c>
      <c r="B31362" s="1" t="s">
        <v>109548</v>
      </c>
      <c r="C31362" s="1" t="s">
        <v>60</v>
      </c>
      <c r="D31362" s="1" t="s">
        <v>10217</v>
      </c>
      <c r="E31362" s="1" t="s">
        <v>109582</v>
      </c>
      <c r="F31362" s="1" t="s">
        <v>109583</v>
      </c>
      <c r="G31362" s="1" t="s">
        <v>109551</v>
      </c>
      <c r="H31362" s="1" t="s">
        <v>109552</v>
      </c>
      <c r="I31362" s="1" t="s">
        <v>109553</v>
      </c>
      <c r="J31362" s="1" t="s">
        <v>109584</v>
      </c>
    </row>
    <row r="31363" spans="1:10" x14ac:dyDescent="0.35">
      <c r="A31363" s="1" t="s">
        <v>109547</v>
      </c>
      <c r="B31363" s="1" t="s">
        <v>109548</v>
      </c>
      <c r="C31363" s="1" t="s">
        <v>65</v>
      </c>
      <c r="D31363" s="1" t="s">
        <v>109585</v>
      </c>
      <c r="E31363" s="1" t="s">
        <v>109586</v>
      </c>
      <c r="F31363" s="1" t="s">
        <v>109587</v>
      </c>
      <c r="G31363" s="1" t="s">
        <v>109551</v>
      </c>
      <c r="H31363" s="1" t="s">
        <v>109552</v>
      </c>
      <c r="I31363" s="1" t="s">
        <v>109553</v>
      </c>
      <c r="J31363" s="1" t="s">
        <v>109588</v>
      </c>
    </row>
    <row r="31364" spans="1:10" x14ac:dyDescent="0.35">
      <c r="A31364" s="1" t="s">
        <v>109547</v>
      </c>
      <c r="B31364" s="1" t="s">
        <v>109548</v>
      </c>
      <c r="C31364" s="1" t="s">
        <v>70</v>
      </c>
      <c r="D31364" s="1" t="s">
        <v>2121</v>
      </c>
      <c r="E31364" s="1" t="s">
        <v>109589</v>
      </c>
      <c r="F31364" s="1" t="s">
        <v>109590</v>
      </c>
      <c r="G31364" s="1" t="s">
        <v>109551</v>
      </c>
      <c r="H31364" s="1" t="s">
        <v>109552</v>
      </c>
      <c r="I31364" s="1" t="s">
        <v>109553</v>
      </c>
      <c r="J31364" s="1" t="s">
        <v>109591</v>
      </c>
    </row>
    <row r="31365" spans="1:10" x14ac:dyDescent="0.35">
      <c r="A31365" s="1" t="s">
        <v>109547</v>
      </c>
      <c r="B31365" s="1" t="s">
        <v>109548</v>
      </c>
      <c r="C31365" s="1" t="s">
        <v>75</v>
      </c>
      <c r="D31365" s="1" t="s">
        <v>2603</v>
      </c>
      <c r="E31365" s="1" t="s">
        <v>109592</v>
      </c>
      <c r="F31365" s="1" t="s">
        <v>109593</v>
      </c>
      <c r="G31365" s="1" t="s">
        <v>109551</v>
      </c>
      <c r="H31365" s="1" t="s">
        <v>109552</v>
      </c>
      <c r="I31365" s="1" t="s">
        <v>109553</v>
      </c>
      <c r="J31365" s="1" t="s">
        <v>109594</v>
      </c>
    </row>
    <row r="31366" spans="1:10" x14ac:dyDescent="0.35">
      <c r="A31366" s="1" t="s">
        <v>109547</v>
      </c>
      <c r="B31366" s="1" t="s">
        <v>109548</v>
      </c>
      <c r="C31366" s="1" t="s">
        <v>80</v>
      </c>
      <c r="D31366" s="1" t="s">
        <v>8928</v>
      </c>
      <c r="E31366" s="1" t="s">
        <v>109595</v>
      </c>
      <c r="F31366" s="1" t="s">
        <v>109596</v>
      </c>
      <c r="G31366" s="1" t="s">
        <v>109551</v>
      </c>
      <c r="H31366" s="1" t="s">
        <v>109552</v>
      </c>
      <c r="I31366" s="1" t="s">
        <v>109553</v>
      </c>
      <c r="J31366" s="1" t="s">
        <v>109597</v>
      </c>
    </row>
    <row r="31367" spans="1:10" x14ac:dyDescent="0.35">
      <c r="A31367" s="1" t="s">
        <v>109547</v>
      </c>
      <c r="B31367" s="1" t="s">
        <v>109548</v>
      </c>
      <c r="C31367" s="1" t="s">
        <v>85</v>
      </c>
      <c r="D31367" s="1" t="s">
        <v>109598</v>
      </c>
      <c r="E31367" s="1" t="s">
        <v>109599</v>
      </c>
      <c r="F31367" s="1" t="s">
        <v>109600</v>
      </c>
      <c r="G31367" s="1" t="s">
        <v>109551</v>
      </c>
      <c r="H31367" s="1" t="s">
        <v>109552</v>
      </c>
      <c r="I31367" s="1" t="s">
        <v>109553</v>
      </c>
      <c r="J31367" s="1" t="s">
        <v>109601</v>
      </c>
    </row>
    <row r="31368" spans="1:10" x14ac:dyDescent="0.35">
      <c r="A31368" s="1" t="s">
        <v>109547</v>
      </c>
      <c r="B31368" s="1" t="s">
        <v>109548</v>
      </c>
      <c r="C31368" s="1" t="s">
        <v>90</v>
      </c>
      <c r="D31368" s="1" t="s">
        <v>51087</v>
      </c>
      <c r="E31368" s="1" t="s">
        <v>109602</v>
      </c>
      <c r="F31368" s="1" t="s">
        <v>109603</v>
      </c>
      <c r="G31368" s="1" t="s">
        <v>109551</v>
      </c>
      <c r="H31368" s="1" t="s">
        <v>109552</v>
      </c>
      <c r="I31368" s="1" t="s">
        <v>109553</v>
      </c>
      <c r="J31368" s="1" t="s">
        <v>109604</v>
      </c>
    </row>
    <row r="31369" spans="1:10" x14ac:dyDescent="0.35">
      <c r="A31369" s="1" t="s">
        <v>109547</v>
      </c>
      <c r="B31369" s="1" t="s">
        <v>109548</v>
      </c>
      <c r="C31369" s="1" t="s">
        <v>95</v>
      </c>
      <c r="D31369" s="1" t="s">
        <v>29108</v>
      </c>
      <c r="E31369" s="1" t="s">
        <v>109605</v>
      </c>
      <c r="F31369" s="1" t="s">
        <v>109606</v>
      </c>
      <c r="G31369" s="1" t="s">
        <v>109551</v>
      </c>
      <c r="H31369" s="1" t="s">
        <v>109552</v>
      </c>
      <c r="I31369" s="1" t="s">
        <v>109553</v>
      </c>
      <c r="J31369" s="1" t="s">
        <v>109607</v>
      </c>
    </row>
    <row r="31370" spans="1:10" x14ac:dyDescent="0.35">
      <c r="A31370" s="1" t="s">
        <v>109547</v>
      </c>
      <c r="B31370" s="1" t="s">
        <v>109548</v>
      </c>
      <c r="C31370" s="1" t="s">
        <v>100</v>
      </c>
      <c r="D31370" s="1" t="s">
        <v>48532</v>
      </c>
      <c r="E31370" s="1" t="s">
        <v>109608</v>
      </c>
      <c r="F31370" s="1" t="s">
        <v>109609</v>
      </c>
      <c r="G31370" s="1" t="s">
        <v>109551</v>
      </c>
      <c r="H31370" s="1" t="s">
        <v>109552</v>
      </c>
      <c r="I31370" s="1" t="s">
        <v>109553</v>
      </c>
      <c r="J31370" s="1" t="s">
        <v>109610</v>
      </c>
    </row>
    <row r="31371" spans="1:10" x14ac:dyDescent="0.35">
      <c r="A31371" s="1" t="s">
        <v>109547</v>
      </c>
      <c r="B31371" s="1" t="s">
        <v>109548</v>
      </c>
      <c r="C31371" s="1" t="s">
        <v>105</v>
      </c>
      <c r="D31371" s="1" t="s">
        <v>6524</v>
      </c>
      <c r="E31371" s="1" t="s">
        <v>109611</v>
      </c>
      <c r="F31371" s="1" t="s">
        <v>109612</v>
      </c>
      <c r="G31371" s="1" t="s">
        <v>109551</v>
      </c>
      <c r="H31371" s="1" t="s">
        <v>109552</v>
      </c>
      <c r="I31371" s="1" t="s">
        <v>109553</v>
      </c>
      <c r="J31371" s="1" t="s">
        <v>109613</v>
      </c>
    </row>
    <row r="31372" spans="1:10" x14ac:dyDescent="0.35">
      <c r="A31372" s="1" t="s">
        <v>109547</v>
      </c>
      <c r="B31372" s="1" t="s">
        <v>109548</v>
      </c>
      <c r="C31372" s="1" t="s">
        <v>110</v>
      </c>
      <c r="D31372" s="1" t="s">
        <v>109614</v>
      </c>
      <c r="E31372" s="1" t="s">
        <v>109615</v>
      </c>
      <c r="F31372" s="1" t="s">
        <v>109616</v>
      </c>
      <c r="G31372" s="1" t="s">
        <v>109551</v>
      </c>
      <c r="H31372" s="1" t="s">
        <v>109552</v>
      </c>
      <c r="I31372" s="1" t="s">
        <v>109553</v>
      </c>
      <c r="J31372" s="1" t="s">
        <v>109617</v>
      </c>
    </row>
    <row r="31373" spans="1:10" x14ac:dyDescent="0.35">
      <c r="A31373" s="1" t="s">
        <v>109547</v>
      </c>
      <c r="B31373" s="1" t="s">
        <v>109548</v>
      </c>
      <c r="C31373" s="1" t="s">
        <v>115</v>
      </c>
      <c r="D31373" s="1" t="s">
        <v>1751</v>
      </c>
      <c r="E31373" s="1" t="s">
        <v>109618</v>
      </c>
      <c r="F31373" s="1" t="s">
        <v>109619</v>
      </c>
      <c r="G31373" s="1" t="s">
        <v>109551</v>
      </c>
      <c r="H31373" s="1" t="s">
        <v>109552</v>
      </c>
      <c r="I31373" s="1" t="s">
        <v>109553</v>
      </c>
      <c r="J31373" s="1" t="s">
        <v>109620</v>
      </c>
    </row>
    <row r="31374" spans="1:10" x14ac:dyDescent="0.35">
      <c r="A31374" s="1" t="s">
        <v>109547</v>
      </c>
      <c r="B31374" s="1" t="s">
        <v>109548</v>
      </c>
      <c r="C31374" s="1" t="s">
        <v>120</v>
      </c>
      <c r="D31374" s="1" t="s">
        <v>109621</v>
      </c>
      <c r="E31374" s="1" t="s">
        <v>109622</v>
      </c>
      <c r="F31374" s="1" t="s">
        <v>109623</v>
      </c>
      <c r="G31374" s="1" t="s">
        <v>109551</v>
      </c>
      <c r="H31374" s="1" t="s">
        <v>109552</v>
      </c>
      <c r="I31374" s="1" t="s">
        <v>109553</v>
      </c>
      <c r="J31374" s="1" t="s">
        <v>109624</v>
      </c>
    </row>
    <row r="31375" spans="1:10" x14ac:dyDescent="0.35">
      <c r="A31375" s="1" t="s">
        <v>109547</v>
      </c>
      <c r="B31375" s="1" t="s">
        <v>109548</v>
      </c>
      <c r="C31375" s="1" t="s">
        <v>125</v>
      </c>
      <c r="D31375" s="1" t="s">
        <v>109598</v>
      </c>
      <c r="E31375" s="1" t="s">
        <v>109625</v>
      </c>
      <c r="F31375" s="1" t="s">
        <v>109626</v>
      </c>
      <c r="G31375" s="1" t="s">
        <v>109551</v>
      </c>
      <c r="H31375" s="1" t="s">
        <v>109552</v>
      </c>
      <c r="I31375" s="1" t="s">
        <v>109553</v>
      </c>
      <c r="J31375" s="1" t="s">
        <v>109627</v>
      </c>
    </row>
    <row r="31376" spans="1:10" x14ac:dyDescent="0.35">
      <c r="A31376" s="1" t="s">
        <v>109547</v>
      </c>
      <c r="B31376" s="1" t="s">
        <v>109548</v>
      </c>
      <c r="C31376" s="1" t="s">
        <v>130</v>
      </c>
      <c r="D31376" s="1" t="s">
        <v>71867</v>
      </c>
      <c r="E31376" s="1" t="s">
        <v>109628</v>
      </c>
      <c r="F31376" s="1" t="s">
        <v>109629</v>
      </c>
      <c r="G31376" s="1" t="s">
        <v>109551</v>
      </c>
      <c r="H31376" s="1" t="s">
        <v>109552</v>
      </c>
      <c r="I31376" s="1" t="s">
        <v>109553</v>
      </c>
      <c r="J31376" s="1" t="s">
        <v>109630</v>
      </c>
    </row>
    <row r="31377" spans="1:10" x14ac:dyDescent="0.35">
      <c r="A31377" s="1" t="s">
        <v>109547</v>
      </c>
      <c r="B31377" s="1" t="s">
        <v>109548</v>
      </c>
      <c r="C31377" s="1" t="s">
        <v>135</v>
      </c>
      <c r="D31377" s="1" t="s">
        <v>109631</v>
      </c>
      <c r="E31377" s="1" t="s">
        <v>109632</v>
      </c>
      <c r="F31377" s="1" t="s">
        <v>109633</v>
      </c>
      <c r="G31377" s="1" t="s">
        <v>109551</v>
      </c>
      <c r="H31377" s="1" t="s">
        <v>109552</v>
      </c>
      <c r="I31377" s="1" t="s">
        <v>109553</v>
      </c>
      <c r="J31377" s="1" t="s">
        <v>109634</v>
      </c>
    </row>
    <row r="31378" spans="1:10" x14ac:dyDescent="0.35">
      <c r="A31378" s="1" t="s">
        <v>109547</v>
      </c>
      <c r="B31378" s="1" t="s">
        <v>109548</v>
      </c>
      <c r="C31378" s="1" t="s">
        <v>140</v>
      </c>
      <c r="D31378" s="1" t="s">
        <v>109635</v>
      </c>
      <c r="E31378" s="1" t="s">
        <v>109636</v>
      </c>
      <c r="F31378" s="1" t="s">
        <v>109637</v>
      </c>
      <c r="G31378" s="1" t="s">
        <v>109551</v>
      </c>
      <c r="H31378" s="1" t="s">
        <v>109552</v>
      </c>
      <c r="I31378" s="1" t="s">
        <v>109553</v>
      </c>
      <c r="J31378" s="1" t="s">
        <v>109638</v>
      </c>
    </row>
    <row r="31379" spans="1:10" x14ac:dyDescent="0.35">
      <c r="A31379" s="1" t="s">
        <v>109547</v>
      </c>
      <c r="B31379" s="1" t="s">
        <v>109548</v>
      </c>
      <c r="C31379" s="1" t="s">
        <v>145</v>
      </c>
      <c r="D31379" s="1" t="s">
        <v>109639</v>
      </c>
      <c r="E31379" s="1" t="s">
        <v>109640</v>
      </c>
      <c r="F31379" s="1" t="s">
        <v>109641</v>
      </c>
      <c r="G31379" s="1" t="s">
        <v>109551</v>
      </c>
      <c r="H31379" s="1" t="s">
        <v>109552</v>
      </c>
      <c r="I31379" s="1" t="s">
        <v>109553</v>
      </c>
      <c r="J31379" s="1" t="s">
        <v>109642</v>
      </c>
    </row>
    <row r="31380" spans="1:10" x14ac:dyDescent="0.35">
      <c r="A31380" s="1" t="s">
        <v>109547</v>
      </c>
      <c r="B31380" s="1" t="s">
        <v>109548</v>
      </c>
      <c r="C31380" s="1" t="s">
        <v>150</v>
      </c>
      <c r="D31380" s="1" t="s">
        <v>109643</v>
      </c>
      <c r="E31380" s="1" t="s">
        <v>109644</v>
      </c>
      <c r="F31380" s="1" t="s">
        <v>109645</v>
      </c>
      <c r="G31380" s="1" t="s">
        <v>109551</v>
      </c>
      <c r="H31380" s="1" t="s">
        <v>109552</v>
      </c>
      <c r="I31380" s="1" t="s">
        <v>109553</v>
      </c>
      <c r="J31380" s="1" t="s">
        <v>109646</v>
      </c>
    </row>
    <row r="31381" spans="1:10" x14ac:dyDescent="0.35">
      <c r="A31381" s="1" t="s">
        <v>109547</v>
      </c>
      <c r="B31381" s="1" t="s">
        <v>109548</v>
      </c>
      <c r="C31381" s="1" t="s">
        <v>155</v>
      </c>
      <c r="D31381" s="1" t="s">
        <v>27504</v>
      </c>
      <c r="E31381" s="1" t="s">
        <v>109647</v>
      </c>
      <c r="F31381" s="1" t="s">
        <v>109648</v>
      </c>
      <c r="G31381" s="1" t="s">
        <v>109551</v>
      </c>
      <c r="H31381" s="1" t="s">
        <v>109552</v>
      </c>
      <c r="I31381" s="1" t="s">
        <v>109553</v>
      </c>
      <c r="J31381" s="1" t="s">
        <v>109649</v>
      </c>
    </row>
    <row r="31382" spans="1:10" x14ac:dyDescent="0.35">
      <c r="A31382" s="1" t="s">
        <v>109547</v>
      </c>
      <c r="B31382" s="1" t="s">
        <v>109548</v>
      </c>
      <c r="C31382" s="1" t="s">
        <v>160</v>
      </c>
      <c r="D31382" s="1" t="s">
        <v>109650</v>
      </c>
      <c r="E31382" s="1" t="s">
        <v>109651</v>
      </c>
      <c r="F31382" s="1" t="s">
        <v>109652</v>
      </c>
      <c r="G31382" s="1" t="s">
        <v>109551</v>
      </c>
      <c r="H31382" s="1" t="s">
        <v>109552</v>
      </c>
      <c r="I31382" s="1" t="s">
        <v>109553</v>
      </c>
      <c r="J31382" s="1" t="s">
        <v>109653</v>
      </c>
    </row>
    <row r="31383" spans="1:10" x14ac:dyDescent="0.35">
      <c r="A31383" s="1" t="s">
        <v>109547</v>
      </c>
      <c r="B31383" s="1" t="s">
        <v>109548</v>
      </c>
      <c r="C31383" s="1" t="s">
        <v>165</v>
      </c>
      <c r="D31383" s="1" t="s">
        <v>109654</v>
      </c>
      <c r="E31383" s="1" t="s">
        <v>109655</v>
      </c>
      <c r="F31383" s="1" t="s">
        <v>109656</v>
      </c>
      <c r="G31383" s="1" t="s">
        <v>109551</v>
      </c>
      <c r="H31383" s="1" t="s">
        <v>109552</v>
      </c>
      <c r="I31383" s="1" t="s">
        <v>109553</v>
      </c>
      <c r="J31383" s="1" t="s">
        <v>109657</v>
      </c>
    </row>
    <row r="31384" spans="1:10" x14ac:dyDescent="0.35">
      <c r="A31384" s="1" t="s">
        <v>109547</v>
      </c>
      <c r="B31384" s="1" t="s">
        <v>109548</v>
      </c>
      <c r="C31384" s="1" t="s">
        <v>170</v>
      </c>
      <c r="D31384" s="1" t="s">
        <v>25165</v>
      </c>
      <c r="E31384" s="1" t="s">
        <v>109658</v>
      </c>
      <c r="F31384" s="1" t="s">
        <v>109659</v>
      </c>
      <c r="G31384" s="1" t="s">
        <v>109551</v>
      </c>
      <c r="H31384" s="1" t="s">
        <v>109552</v>
      </c>
      <c r="I31384" s="1" t="s">
        <v>109553</v>
      </c>
      <c r="J31384" s="1" t="s">
        <v>109660</v>
      </c>
    </row>
    <row r="31385" spans="1:10" x14ac:dyDescent="0.35">
      <c r="A31385" s="1" t="s">
        <v>109661</v>
      </c>
      <c r="B31385" s="1" t="s">
        <v>109548</v>
      </c>
      <c r="C31385" s="1" t="s">
        <v>8</v>
      </c>
      <c r="D31385" s="1" t="s">
        <v>25235</v>
      </c>
      <c r="E31385" s="1" t="s">
        <v>109662</v>
      </c>
      <c r="F31385" s="1" t="s">
        <v>109663</v>
      </c>
      <c r="G31385" s="1" t="s">
        <v>109664</v>
      </c>
      <c r="H31385" s="1" t="s">
        <v>109665</v>
      </c>
      <c r="I31385" s="1" t="s">
        <v>109553</v>
      </c>
      <c r="J31385" s="1" t="s">
        <v>13</v>
      </c>
    </row>
    <row r="31386" spans="1:10" x14ac:dyDescent="0.35">
      <c r="A31386" s="1" t="s">
        <v>109661</v>
      </c>
      <c r="B31386" s="1" t="s">
        <v>109548</v>
      </c>
      <c r="C31386" s="1" t="s">
        <v>15</v>
      </c>
      <c r="D31386" s="1" t="s">
        <v>44538</v>
      </c>
      <c r="E31386" s="1" t="s">
        <v>109666</v>
      </c>
      <c r="F31386" s="1" t="s">
        <v>109667</v>
      </c>
      <c r="G31386" s="1" t="s">
        <v>109664</v>
      </c>
      <c r="H31386" s="1" t="s">
        <v>109665</v>
      </c>
      <c r="I31386" s="1" t="s">
        <v>109553</v>
      </c>
      <c r="J31386" s="1" t="s">
        <v>109668</v>
      </c>
    </row>
    <row r="31387" spans="1:10" x14ac:dyDescent="0.35">
      <c r="A31387" s="1" t="s">
        <v>109661</v>
      </c>
      <c r="B31387" s="1" t="s">
        <v>109548</v>
      </c>
      <c r="C31387" s="1" t="s">
        <v>20</v>
      </c>
      <c r="D31387" s="1" t="s">
        <v>109669</v>
      </c>
      <c r="E31387" s="1" t="s">
        <v>70859</v>
      </c>
      <c r="F31387" s="1" t="s">
        <v>109670</v>
      </c>
      <c r="G31387" s="1" t="s">
        <v>109664</v>
      </c>
      <c r="H31387" s="1" t="s">
        <v>109665</v>
      </c>
      <c r="I31387" s="1" t="s">
        <v>109553</v>
      </c>
      <c r="J31387" s="1" t="s">
        <v>109671</v>
      </c>
    </row>
    <row r="31388" spans="1:10" x14ac:dyDescent="0.35">
      <c r="A31388" s="1" t="s">
        <v>109661</v>
      </c>
      <c r="B31388" s="1" t="s">
        <v>109548</v>
      </c>
      <c r="C31388" s="1" t="s">
        <v>25</v>
      </c>
      <c r="D31388" s="1" t="s">
        <v>109672</v>
      </c>
      <c r="E31388" s="1" t="s">
        <v>109673</v>
      </c>
      <c r="F31388" s="1" t="s">
        <v>109674</v>
      </c>
      <c r="G31388" s="1" t="s">
        <v>109664</v>
      </c>
      <c r="H31388" s="1" t="s">
        <v>109665</v>
      </c>
      <c r="I31388" s="1" t="s">
        <v>109553</v>
      </c>
      <c r="J31388" s="1" t="s">
        <v>109675</v>
      </c>
    </row>
    <row r="31389" spans="1:10" x14ac:dyDescent="0.35">
      <c r="A31389" s="1" t="s">
        <v>109661</v>
      </c>
      <c r="B31389" s="1" t="s">
        <v>109548</v>
      </c>
      <c r="C31389" s="1" t="s">
        <v>30</v>
      </c>
      <c r="D31389" s="1" t="s">
        <v>25724</v>
      </c>
      <c r="E31389" s="1" t="s">
        <v>109676</v>
      </c>
      <c r="F31389" s="1" t="s">
        <v>109677</v>
      </c>
      <c r="G31389" s="1" t="s">
        <v>109664</v>
      </c>
      <c r="H31389" s="1" t="s">
        <v>109665</v>
      </c>
      <c r="I31389" s="1" t="s">
        <v>109553</v>
      </c>
      <c r="J31389" s="1" t="s">
        <v>109678</v>
      </c>
    </row>
    <row r="31390" spans="1:10" x14ac:dyDescent="0.35">
      <c r="A31390" s="1" t="s">
        <v>109661</v>
      </c>
      <c r="B31390" s="1" t="s">
        <v>109548</v>
      </c>
      <c r="C31390" s="1" t="s">
        <v>35</v>
      </c>
      <c r="D31390" s="1" t="s">
        <v>25393</v>
      </c>
      <c r="E31390" s="1" t="s">
        <v>109679</v>
      </c>
      <c r="F31390" s="1" t="s">
        <v>109680</v>
      </c>
      <c r="G31390" s="1" t="s">
        <v>109664</v>
      </c>
      <c r="H31390" s="1" t="s">
        <v>109665</v>
      </c>
      <c r="I31390" s="1" t="s">
        <v>109553</v>
      </c>
      <c r="J31390" s="1" t="s">
        <v>109681</v>
      </c>
    </row>
    <row r="31391" spans="1:10" x14ac:dyDescent="0.35">
      <c r="A31391" s="1" t="s">
        <v>109661</v>
      </c>
      <c r="B31391" s="1" t="s">
        <v>109548</v>
      </c>
      <c r="C31391" s="1" t="s">
        <v>40</v>
      </c>
      <c r="D31391" s="1" t="s">
        <v>45375</v>
      </c>
      <c r="E31391" s="1" t="s">
        <v>78763</v>
      </c>
      <c r="F31391" s="1" t="s">
        <v>109682</v>
      </c>
      <c r="G31391" s="1" t="s">
        <v>109664</v>
      </c>
      <c r="H31391" s="1" t="s">
        <v>109665</v>
      </c>
      <c r="I31391" s="1" t="s">
        <v>109553</v>
      </c>
      <c r="J31391" s="1" t="s">
        <v>109683</v>
      </c>
    </row>
    <row r="31392" spans="1:10" x14ac:dyDescent="0.35">
      <c r="A31392" s="1" t="s">
        <v>109661</v>
      </c>
      <c r="B31392" s="1" t="s">
        <v>109548</v>
      </c>
      <c r="C31392" s="1" t="s">
        <v>45</v>
      </c>
      <c r="D31392" s="1" t="s">
        <v>109684</v>
      </c>
      <c r="E31392" s="1" t="s">
        <v>109685</v>
      </c>
      <c r="F31392" s="1" t="s">
        <v>109686</v>
      </c>
      <c r="G31392" s="1" t="s">
        <v>109664</v>
      </c>
      <c r="H31392" s="1" t="s">
        <v>109665</v>
      </c>
      <c r="I31392" s="1" t="s">
        <v>109553</v>
      </c>
      <c r="J31392" s="1" t="s">
        <v>109687</v>
      </c>
    </row>
    <row r="31393" spans="1:10" x14ac:dyDescent="0.35">
      <c r="A31393" s="1" t="s">
        <v>109661</v>
      </c>
      <c r="B31393" s="1" t="s">
        <v>109548</v>
      </c>
      <c r="C31393" s="1" t="s">
        <v>50</v>
      </c>
      <c r="D31393" s="1" t="s">
        <v>47323</v>
      </c>
      <c r="E31393" s="1" t="s">
        <v>109688</v>
      </c>
      <c r="F31393" s="1" t="s">
        <v>109689</v>
      </c>
      <c r="G31393" s="1" t="s">
        <v>109664</v>
      </c>
      <c r="H31393" s="1" t="s">
        <v>109665</v>
      </c>
      <c r="I31393" s="1" t="s">
        <v>109553</v>
      </c>
      <c r="J31393" s="1" t="s">
        <v>109690</v>
      </c>
    </row>
    <row r="31394" spans="1:10" x14ac:dyDescent="0.35">
      <c r="A31394" s="1" t="s">
        <v>109661</v>
      </c>
      <c r="B31394" s="1" t="s">
        <v>109548</v>
      </c>
      <c r="C31394" s="1" t="s">
        <v>55</v>
      </c>
      <c r="D31394" s="1" t="s">
        <v>4058</v>
      </c>
      <c r="E31394" s="1" t="s">
        <v>109691</v>
      </c>
      <c r="F31394" s="1" t="s">
        <v>109692</v>
      </c>
      <c r="G31394" s="1" t="s">
        <v>109664</v>
      </c>
      <c r="H31394" s="1" t="s">
        <v>109665</v>
      </c>
      <c r="I31394" s="1" t="s">
        <v>109553</v>
      </c>
      <c r="J31394" s="1" t="s">
        <v>109693</v>
      </c>
    </row>
    <row r="31395" spans="1:10" x14ac:dyDescent="0.35">
      <c r="A31395" s="1" t="s">
        <v>109661</v>
      </c>
      <c r="B31395" s="1" t="s">
        <v>109548</v>
      </c>
      <c r="C31395" s="1" t="s">
        <v>60</v>
      </c>
      <c r="D31395" s="1" t="s">
        <v>2089</v>
      </c>
      <c r="E31395" s="1" t="s">
        <v>70811</v>
      </c>
      <c r="F31395" s="1" t="s">
        <v>109694</v>
      </c>
      <c r="G31395" s="1" t="s">
        <v>109664</v>
      </c>
      <c r="H31395" s="1" t="s">
        <v>109665</v>
      </c>
      <c r="I31395" s="1" t="s">
        <v>109553</v>
      </c>
      <c r="J31395" s="1" t="s">
        <v>109695</v>
      </c>
    </row>
    <row r="31396" spans="1:10" x14ac:dyDescent="0.35">
      <c r="A31396" s="1" t="s">
        <v>109661</v>
      </c>
      <c r="B31396" s="1" t="s">
        <v>109548</v>
      </c>
      <c r="C31396" s="1" t="s">
        <v>65</v>
      </c>
      <c r="D31396" s="1" t="s">
        <v>109696</v>
      </c>
      <c r="E31396" s="1" t="s">
        <v>109697</v>
      </c>
      <c r="F31396" s="1" t="s">
        <v>109698</v>
      </c>
      <c r="G31396" s="1" t="s">
        <v>109664</v>
      </c>
      <c r="H31396" s="1" t="s">
        <v>109665</v>
      </c>
      <c r="I31396" s="1" t="s">
        <v>109553</v>
      </c>
      <c r="J31396" s="1" t="s">
        <v>109699</v>
      </c>
    </row>
    <row r="31397" spans="1:10" x14ac:dyDescent="0.35">
      <c r="A31397" s="1" t="s">
        <v>109661</v>
      </c>
      <c r="B31397" s="1" t="s">
        <v>109548</v>
      </c>
      <c r="C31397" s="1" t="s">
        <v>70</v>
      </c>
      <c r="D31397" s="1" t="s">
        <v>109700</v>
      </c>
      <c r="E31397" s="1" t="s">
        <v>77492</v>
      </c>
      <c r="F31397" s="1" t="s">
        <v>109701</v>
      </c>
      <c r="G31397" s="1" t="s">
        <v>109664</v>
      </c>
      <c r="H31397" s="1" t="s">
        <v>109665</v>
      </c>
      <c r="I31397" s="1" t="s">
        <v>109553</v>
      </c>
      <c r="J31397" s="1" t="s">
        <v>109702</v>
      </c>
    </row>
    <row r="31398" spans="1:10" x14ac:dyDescent="0.35">
      <c r="A31398" s="1" t="s">
        <v>109661</v>
      </c>
      <c r="B31398" s="1" t="s">
        <v>109548</v>
      </c>
      <c r="C31398" s="1" t="s">
        <v>75</v>
      </c>
      <c r="D31398" s="1" t="s">
        <v>29001</v>
      </c>
      <c r="E31398" s="1" t="s">
        <v>109703</v>
      </c>
      <c r="F31398" s="1" t="s">
        <v>109704</v>
      </c>
      <c r="G31398" s="1" t="s">
        <v>109664</v>
      </c>
      <c r="H31398" s="1" t="s">
        <v>109665</v>
      </c>
      <c r="I31398" s="1" t="s">
        <v>109553</v>
      </c>
      <c r="J31398" s="1" t="s">
        <v>109705</v>
      </c>
    </row>
    <row r="31399" spans="1:10" x14ac:dyDescent="0.35">
      <c r="A31399" s="1" t="s">
        <v>109661</v>
      </c>
      <c r="B31399" s="1" t="s">
        <v>109548</v>
      </c>
      <c r="C31399" s="1" t="s">
        <v>80</v>
      </c>
      <c r="D31399" s="1" t="s">
        <v>109706</v>
      </c>
      <c r="E31399" s="1" t="s">
        <v>73417</v>
      </c>
      <c r="F31399" s="1" t="s">
        <v>109707</v>
      </c>
      <c r="G31399" s="1" t="s">
        <v>109664</v>
      </c>
      <c r="H31399" s="1" t="s">
        <v>109665</v>
      </c>
      <c r="I31399" s="1" t="s">
        <v>109553</v>
      </c>
      <c r="J31399" s="1" t="s">
        <v>109708</v>
      </c>
    </row>
    <row r="31400" spans="1:10" x14ac:dyDescent="0.35">
      <c r="A31400" s="1" t="s">
        <v>109661</v>
      </c>
      <c r="B31400" s="1" t="s">
        <v>109548</v>
      </c>
      <c r="C31400" s="1" t="s">
        <v>85</v>
      </c>
      <c r="D31400" s="1" t="s">
        <v>7571</v>
      </c>
      <c r="E31400" s="1" t="s">
        <v>109709</v>
      </c>
      <c r="F31400" s="1" t="s">
        <v>109710</v>
      </c>
      <c r="G31400" s="1" t="s">
        <v>109664</v>
      </c>
      <c r="H31400" s="1" t="s">
        <v>109665</v>
      </c>
      <c r="I31400" s="1" t="s">
        <v>109553</v>
      </c>
      <c r="J31400" s="1" t="s">
        <v>109711</v>
      </c>
    </row>
    <row r="31401" spans="1:10" x14ac:dyDescent="0.35">
      <c r="A31401" s="1" t="s">
        <v>109661</v>
      </c>
      <c r="B31401" s="1" t="s">
        <v>109548</v>
      </c>
      <c r="C31401" s="1" t="s">
        <v>90</v>
      </c>
      <c r="D31401" s="1" t="s">
        <v>26022</v>
      </c>
      <c r="E31401" s="1" t="s">
        <v>109712</v>
      </c>
      <c r="F31401" s="1" t="s">
        <v>109713</v>
      </c>
      <c r="G31401" s="1" t="s">
        <v>109664</v>
      </c>
      <c r="H31401" s="1" t="s">
        <v>109665</v>
      </c>
      <c r="I31401" s="1" t="s">
        <v>109553</v>
      </c>
      <c r="J31401" s="1" t="s">
        <v>109714</v>
      </c>
    </row>
    <row r="31402" spans="1:10" x14ac:dyDescent="0.35">
      <c r="A31402" s="1" t="s">
        <v>109661</v>
      </c>
      <c r="B31402" s="1" t="s">
        <v>109548</v>
      </c>
      <c r="C31402" s="1" t="s">
        <v>95</v>
      </c>
      <c r="D31402" s="1" t="s">
        <v>1687</v>
      </c>
      <c r="E31402" s="1" t="s">
        <v>109715</v>
      </c>
      <c r="F31402" s="1" t="s">
        <v>109716</v>
      </c>
      <c r="G31402" s="1" t="s">
        <v>109664</v>
      </c>
      <c r="H31402" s="1" t="s">
        <v>109665</v>
      </c>
      <c r="I31402" s="1" t="s">
        <v>109553</v>
      </c>
      <c r="J31402" s="1" t="s">
        <v>109717</v>
      </c>
    </row>
    <row r="31403" spans="1:10" x14ac:dyDescent="0.35">
      <c r="A31403" s="1" t="s">
        <v>109661</v>
      </c>
      <c r="B31403" s="1" t="s">
        <v>109548</v>
      </c>
      <c r="C31403" s="1" t="s">
        <v>100</v>
      </c>
      <c r="D31403" s="1" t="s">
        <v>10122</v>
      </c>
      <c r="E31403" s="1" t="s">
        <v>109718</v>
      </c>
      <c r="F31403" s="1" t="s">
        <v>109719</v>
      </c>
      <c r="G31403" s="1" t="s">
        <v>109664</v>
      </c>
      <c r="H31403" s="1" t="s">
        <v>109665</v>
      </c>
      <c r="I31403" s="1" t="s">
        <v>109553</v>
      </c>
      <c r="J31403" s="1" t="s">
        <v>109720</v>
      </c>
    </row>
    <row r="31404" spans="1:10" x14ac:dyDescent="0.35">
      <c r="A31404" s="1" t="s">
        <v>109661</v>
      </c>
      <c r="B31404" s="1" t="s">
        <v>109548</v>
      </c>
      <c r="C31404" s="1" t="s">
        <v>105</v>
      </c>
      <c r="D31404" s="1" t="s">
        <v>10032</v>
      </c>
      <c r="E31404" s="1" t="s">
        <v>73417</v>
      </c>
      <c r="F31404" s="1" t="s">
        <v>109721</v>
      </c>
      <c r="G31404" s="1" t="s">
        <v>109664</v>
      </c>
      <c r="H31404" s="1" t="s">
        <v>109665</v>
      </c>
      <c r="I31404" s="1" t="s">
        <v>109553</v>
      </c>
      <c r="J31404" s="1" t="s">
        <v>109722</v>
      </c>
    </row>
    <row r="31405" spans="1:10" x14ac:dyDescent="0.35">
      <c r="A31405" s="1" t="s">
        <v>109661</v>
      </c>
      <c r="B31405" s="1" t="s">
        <v>109548</v>
      </c>
      <c r="C31405" s="1" t="s">
        <v>110</v>
      </c>
      <c r="D31405" s="1" t="s">
        <v>109723</v>
      </c>
      <c r="E31405" s="1" t="s">
        <v>109724</v>
      </c>
      <c r="F31405" s="1" t="s">
        <v>109725</v>
      </c>
      <c r="G31405" s="1" t="s">
        <v>109664</v>
      </c>
      <c r="H31405" s="1" t="s">
        <v>109665</v>
      </c>
      <c r="I31405" s="1" t="s">
        <v>109553</v>
      </c>
      <c r="J31405" s="1" t="s">
        <v>109726</v>
      </c>
    </row>
    <row r="31406" spans="1:10" x14ac:dyDescent="0.35">
      <c r="A31406" s="1" t="s">
        <v>109661</v>
      </c>
      <c r="B31406" s="1" t="s">
        <v>109548</v>
      </c>
      <c r="C31406" s="1" t="s">
        <v>115</v>
      </c>
      <c r="D31406" s="1" t="s">
        <v>30045</v>
      </c>
      <c r="E31406" s="1" t="s">
        <v>109727</v>
      </c>
      <c r="F31406" s="1" t="s">
        <v>109728</v>
      </c>
      <c r="G31406" s="1" t="s">
        <v>109664</v>
      </c>
      <c r="H31406" s="1" t="s">
        <v>109665</v>
      </c>
      <c r="I31406" s="1" t="s">
        <v>109553</v>
      </c>
      <c r="J31406" s="1" t="s">
        <v>109729</v>
      </c>
    </row>
    <row r="31407" spans="1:10" x14ac:dyDescent="0.35">
      <c r="A31407" s="1" t="s">
        <v>109661</v>
      </c>
      <c r="B31407" s="1" t="s">
        <v>109548</v>
      </c>
      <c r="C31407" s="1" t="s">
        <v>120</v>
      </c>
      <c r="D31407" s="1" t="s">
        <v>109730</v>
      </c>
      <c r="E31407" s="1" t="s">
        <v>109731</v>
      </c>
      <c r="F31407" s="1" t="s">
        <v>109732</v>
      </c>
      <c r="G31407" s="1" t="s">
        <v>109664</v>
      </c>
      <c r="H31407" s="1" t="s">
        <v>109665</v>
      </c>
      <c r="I31407" s="1" t="s">
        <v>109553</v>
      </c>
      <c r="J31407" s="1" t="s">
        <v>109733</v>
      </c>
    </row>
    <row r="31408" spans="1:10" x14ac:dyDescent="0.35">
      <c r="A31408" s="1" t="s">
        <v>109661</v>
      </c>
      <c r="B31408" s="1" t="s">
        <v>109548</v>
      </c>
      <c r="C31408" s="1" t="s">
        <v>125</v>
      </c>
      <c r="D31408" s="1" t="s">
        <v>7571</v>
      </c>
      <c r="E31408" s="1" t="s">
        <v>109734</v>
      </c>
      <c r="F31408" s="1" t="s">
        <v>109735</v>
      </c>
      <c r="G31408" s="1" t="s">
        <v>109664</v>
      </c>
      <c r="H31408" s="1" t="s">
        <v>109665</v>
      </c>
      <c r="I31408" s="1" t="s">
        <v>109553</v>
      </c>
      <c r="J31408" s="1" t="s">
        <v>109736</v>
      </c>
    </row>
    <row r="31409" spans="1:10" x14ac:dyDescent="0.35">
      <c r="A31409" s="1" t="s">
        <v>109661</v>
      </c>
      <c r="B31409" s="1" t="s">
        <v>109548</v>
      </c>
      <c r="C31409" s="1" t="s">
        <v>130</v>
      </c>
      <c r="D31409" s="1" t="s">
        <v>6900</v>
      </c>
      <c r="E31409" s="1" t="s">
        <v>73417</v>
      </c>
      <c r="F31409" s="1" t="s">
        <v>109737</v>
      </c>
      <c r="G31409" s="1" t="s">
        <v>109664</v>
      </c>
      <c r="H31409" s="1" t="s">
        <v>109665</v>
      </c>
      <c r="I31409" s="1" t="s">
        <v>109553</v>
      </c>
      <c r="J31409" s="1" t="s">
        <v>109738</v>
      </c>
    </row>
    <row r="31410" spans="1:10" x14ac:dyDescent="0.35">
      <c r="A31410" s="1" t="s">
        <v>109661</v>
      </c>
      <c r="B31410" s="1" t="s">
        <v>109548</v>
      </c>
      <c r="C31410" s="1" t="s">
        <v>135</v>
      </c>
      <c r="D31410" s="1" t="s">
        <v>109739</v>
      </c>
      <c r="E31410" s="1" t="s">
        <v>109740</v>
      </c>
      <c r="F31410" s="1" t="s">
        <v>109741</v>
      </c>
      <c r="G31410" s="1" t="s">
        <v>109664</v>
      </c>
      <c r="H31410" s="1" t="s">
        <v>109665</v>
      </c>
      <c r="I31410" s="1" t="s">
        <v>109553</v>
      </c>
      <c r="J31410" s="1" t="s">
        <v>109742</v>
      </c>
    </row>
    <row r="31411" spans="1:10" x14ac:dyDescent="0.35">
      <c r="A31411" s="1" t="s">
        <v>109661</v>
      </c>
      <c r="B31411" s="1" t="s">
        <v>109548</v>
      </c>
      <c r="C31411" s="1" t="s">
        <v>140</v>
      </c>
      <c r="D31411" s="1" t="s">
        <v>109743</v>
      </c>
      <c r="E31411" s="1" t="s">
        <v>109744</v>
      </c>
      <c r="F31411" s="1" t="s">
        <v>109745</v>
      </c>
      <c r="G31411" s="1" t="s">
        <v>109664</v>
      </c>
      <c r="H31411" s="1" t="s">
        <v>109665</v>
      </c>
      <c r="I31411" s="1" t="s">
        <v>109553</v>
      </c>
      <c r="J31411" s="1" t="s">
        <v>109746</v>
      </c>
    </row>
    <row r="31412" spans="1:10" x14ac:dyDescent="0.35">
      <c r="A31412" s="1" t="s">
        <v>109661</v>
      </c>
      <c r="B31412" s="1" t="s">
        <v>109548</v>
      </c>
      <c r="C31412" s="1" t="s">
        <v>145</v>
      </c>
      <c r="D31412" s="1" t="s">
        <v>36674</v>
      </c>
      <c r="E31412" s="1" t="s">
        <v>109747</v>
      </c>
      <c r="F31412" s="1" t="s">
        <v>109748</v>
      </c>
      <c r="G31412" s="1" t="s">
        <v>109664</v>
      </c>
      <c r="H31412" s="1" t="s">
        <v>109665</v>
      </c>
      <c r="I31412" s="1" t="s">
        <v>109553</v>
      </c>
      <c r="J31412" s="1" t="s">
        <v>109749</v>
      </c>
    </row>
    <row r="31413" spans="1:10" x14ac:dyDescent="0.35">
      <c r="A31413" s="1" t="s">
        <v>109661</v>
      </c>
      <c r="B31413" s="1" t="s">
        <v>109548</v>
      </c>
      <c r="C31413" s="1" t="s">
        <v>150</v>
      </c>
      <c r="D31413" s="1" t="s">
        <v>109750</v>
      </c>
      <c r="E31413" s="1" t="s">
        <v>70845</v>
      </c>
      <c r="F31413" s="1" t="s">
        <v>109751</v>
      </c>
      <c r="G31413" s="1" t="s">
        <v>109664</v>
      </c>
      <c r="H31413" s="1" t="s">
        <v>109665</v>
      </c>
      <c r="I31413" s="1" t="s">
        <v>109553</v>
      </c>
      <c r="J31413" s="1" t="s">
        <v>109752</v>
      </c>
    </row>
    <row r="31414" spans="1:10" x14ac:dyDescent="0.35">
      <c r="A31414" s="1" t="s">
        <v>109661</v>
      </c>
      <c r="B31414" s="1" t="s">
        <v>109548</v>
      </c>
      <c r="C31414" s="1" t="s">
        <v>155</v>
      </c>
      <c r="D31414" s="1" t="s">
        <v>109753</v>
      </c>
      <c r="E31414" s="1" t="s">
        <v>74123</v>
      </c>
      <c r="F31414" s="1" t="s">
        <v>109754</v>
      </c>
      <c r="G31414" s="1" t="s">
        <v>109664</v>
      </c>
      <c r="H31414" s="1" t="s">
        <v>109665</v>
      </c>
      <c r="I31414" s="1" t="s">
        <v>109553</v>
      </c>
      <c r="J31414" s="1" t="s">
        <v>109755</v>
      </c>
    </row>
    <row r="31415" spans="1:10" x14ac:dyDescent="0.35">
      <c r="A31415" s="1" t="s">
        <v>109661</v>
      </c>
      <c r="B31415" s="1" t="s">
        <v>109548</v>
      </c>
      <c r="C31415" s="1" t="s">
        <v>160</v>
      </c>
      <c r="D31415" s="1" t="s">
        <v>109750</v>
      </c>
      <c r="E31415" s="1" t="s">
        <v>77499</v>
      </c>
      <c r="F31415" s="1" t="s">
        <v>109756</v>
      </c>
      <c r="G31415" s="1" t="s">
        <v>109664</v>
      </c>
      <c r="H31415" s="1" t="s">
        <v>109665</v>
      </c>
      <c r="I31415" s="1" t="s">
        <v>109553</v>
      </c>
      <c r="J31415" s="1" t="s">
        <v>109757</v>
      </c>
    </row>
    <row r="31416" spans="1:10" x14ac:dyDescent="0.35">
      <c r="A31416" s="1" t="s">
        <v>109661</v>
      </c>
      <c r="B31416" s="1" t="s">
        <v>109548</v>
      </c>
      <c r="C31416" s="1" t="s">
        <v>165</v>
      </c>
      <c r="D31416" s="1" t="s">
        <v>352</v>
      </c>
      <c r="E31416" s="1" t="s">
        <v>109758</v>
      </c>
      <c r="F31416" s="1" t="s">
        <v>109759</v>
      </c>
      <c r="G31416" s="1" t="s">
        <v>109664</v>
      </c>
      <c r="H31416" s="1" t="s">
        <v>109665</v>
      </c>
      <c r="I31416" s="1" t="s">
        <v>109553</v>
      </c>
      <c r="J31416" s="1" t="s">
        <v>109760</v>
      </c>
    </row>
    <row r="31417" spans="1:10" x14ac:dyDescent="0.35">
      <c r="A31417" s="1" t="s">
        <v>109661</v>
      </c>
      <c r="B31417" s="1" t="s">
        <v>109548</v>
      </c>
      <c r="C31417" s="1" t="s">
        <v>170</v>
      </c>
      <c r="D31417" s="1" t="s">
        <v>109761</v>
      </c>
      <c r="E31417" s="1" t="s">
        <v>109762</v>
      </c>
      <c r="F31417" s="1" t="s">
        <v>109763</v>
      </c>
      <c r="G31417" s="1" t="s">
        <v>109664</v>
      </c>
      <c r="H31417" s="1" t="s">
        <v>109665</v>
      </c>
      <c r="I31417" s="1" t="s">
        <v>109553</v>
      </c>
      <c r="J31417" s="1" t="s">
        <v>47154</v>
      </c>
    </row>
    <row r="31418" spans="1:10" x14ac:dyDescent="0.35">
      <c r="A31418" s="1" t="s">
        <v>1528</v>
      </c>
      <c r="B31418" s="1" t="s">
        <v>109548</v>
      </c>
      <c r="C31418" s="1" t="s">
        <v>8</v>
      </c>
      <c r="D31418" s="1" t="s">
        <v>109764</v>
      </c>
      <c r="E31418" s="1" t="s">
        <v>109765</v>
      </c>
      <c r="F31418" s="1" t="s">
        <v>109766</v>
      </c>
      <c r="G31418" s="1" t="s">
        <v>109767</v>
      </c>
      <c r="H31418" s="1" t="s">
        <v>109768</v>
      </c>
      <c r="I31418" s="1" t="s">
        <v>109553</v>
      </c>
      <c r="J31418" s="1" t="s">
        <v>13</v>
      </c>
    </row>
    <row r="31419" spans="1:10" x14ac:dyDescent="0.35">
      <c r="A31419" s="1" t="s">
        <v>1528</v>
      </c>
      <c r="B31419" s="1" t="s">
        <v>109548</v>
      </c>
      <c r="C31419" s="1" t="s">
        <v>15</v>
      </c>
      <c r="D31419" s="1" t="s">
        <v>44019</v>
      </c>
      <c r="E31419" s="1" t="s">
        <v>109769</v>
      </c>
      <c r="F31419" s="1" t="s">
        <v>109770</v>
      </c>
      <c r="G31419" s="1" t="s">
        <v>109767</v>
      </c>
      <c r="H31419" s="1" t="s">
        <v>109768</v>
      </c>
      <c r="I31419" s="1" t="s">
        <v>109553</v>
      </c>
      <c r="J31419" s="1" t="s">
        <v>109771</v>
      </c>
    </row>
    <row r="31420" spans="1:10" x14ac:dyDescent="0.35">
      <c r="A31420" s="1" t="s">
        <v>1528</v>
      </c>
      <c r="B31420" s="1" t="s">
        <v>109548</v>
      </c>
      <c r="C31420" s="1" t="s">
        <v>20</v>
      </c>
      <c r="D31420" s="1" t="s">
        <v>9194</v>
      </c>
      <c r="E31420" s="1" t="s">
        <v>109772</v>
      </c>
      <c r="F31420" s="1" t="s">
        <v>16265</v>
      </c>
      <c r="G31420" s="1" t="s">
        <v>109767</v>
      </c>
      <c r="H31420" s="1" t="s">
        <v>109768</v>
      </c>
      <c r="I31420" s="1" t="s">
        <v>109553</v>
      </c>
      <c r="J31420" s="1" t="s">
        <v>109773</v>
      </c>
    </row>
    <row r="31421" spans="1:10" x14ac:dyDescent="0.35">
      <c r="A31421" s="1" t="s">
        <v>1528</v>
      </c>
      <c r="B31421" s="1" t="s">
        <v>109548</v>
      </c>
      <c r="C31421" s="1" t="s">
        <v>25</v>
      </c>
      <c r="D31421" s="1" t="s">
        <v>99759</v>
      </c>
      <c r="E31421" s="1" t="s">
        <v>109774</v>
      </c>
      <c r="F31421" s="1" t="s">
        <v>109775</v>
      </c>
      <c r="G31421" s="1" t="s">
        <v>109767</v>
      </c>
      <c r="H31421" s="1" t="s">
        <v>109768</v>
      </c>
      <c r="I31421" s="1" t="s">
        <v>109553</v>
      </c>
      <c r="J31421" s="1" t="s">
        <v>109776</v>
      </c>
    </row>
    <row r="31422" spans="1:10" x14ac:dyDescent="0.35">
      <c r="A31422" s="1" t="s">
        <v>1528</v>
      </c>
      <c r="B31422" s="1" t="s">
        <v>109548</v>
      </c>
      <c r="C31422" s="1" t="s">
        <v>30</v>
      </c>
      <c r="D31422" s="1" t="s">
        <v>13174</v>
      </c>
      <c r="E31422" s="1" t="s">
        <v>109777</v>
      </c>
      <c r="F31422" s="1" t="s">
        <v>109778</v>
      </c>
      <c r="G31422" s="1" t="s">
        <v>109767</v>
      </c>
      <c r="H31422" s="1" t="s">
        <v>109768</v>
      </c>
      <c r="I31422" s="1" t="s">
        <v>109553</v>
      </c>
      <c r="J31422" s="1" t="s">
        <v>109779</v>
      </c>
    </row>
    <row r="31423" spans="1:10" x14ac:dyDescent="0.35">
      <c r="A31423" s="1" t="s">
        <v>1528</v>
      </c>
      <c r="B31423" s="1" t="s">
        <v>109548</v>
      </c>
      <c r="C31423" s="1" t="s">
        <v>35</v>
      </c>
      <c r="D31423" s="1" t="s">
        <v>109780</v>
      </c>
      <c r="E31423" s="1" t="s">
        <v>77792</v>
      </c>
      <c r="F31423" s="1" t="s">
        <v>109781</v>
      </c>
      <c r="G31423" s="1" t="s">
        <v>109767</v>
      </c>
      <c r="H31423" s="1" t="s">
        <v>109768</v>
      </c>
      <c r="I31423" s="1" t="s">
        <v>109553</v>
      </c>
      <c r="J31423" s="1" t="s">
        <v>109782</v>
      </c>
    </row>
    <row r="31424" spans="1:10" x14ac:dyDescent="0.35">
      <c r="A31424" s="1" t="s">
        <v>1528</v>
      </c>
      <c r="B31424" s="1" t="s">
        <v>109548</v>
      </c>
      <c r="C31424" s="1" t="s">
        <v>40</v>
      </c>
      <c r="D31424" s="1" t="s">
        <v>6097</v>
      </c>
      <c r="E31424" s="1" t="s">
        <v>109783</v>
      </c>
      <c r="F31424" s="1" t="s">
        <v>109784</v>
      </c>
      <c r="G31424" s="1" t="s">
        <v>109767</v>
      </c>
      <c r="H31424" s="1" t="s">
        <v>109768</v>
      </c>
      <c r="I31424" s="1" t="s">
        <v>109553</v>
      </c>
      <c r="J31424" s="1" t="s">
        <v>109785</v>
      </c>
    </row>
    <row r="31425" spans="1:10" x14ac:dyDescent="0.35">
      <c r="A31425" s="1" t="s">
        <v>1528</v>
      </c>
      <c r="B31425" s="1" t="s">
        <v>109548</v>
      </c>
      <c r="C31425" s="1" t="s">
        <v>45</v>
      </c>
      <c r="D31425" s="1" t="s">
        <v>27911</v>
      </c>
      <c r="E31425" s="1" t="s">
        <v>109786</v>
      </c>
      <c r="F31425" s="1" t="s">
        <v>109787</v>
      </c>
      <c r="G31425" s="1" t="s">
        <v>109767</v>
      </c>
      <c r="H31425" s="1" t="s">
        <v>109768</v>
      </c>
      <c r="I31425" s="1" t="s">
        <v>109553</v>
      </c>
      <c r="J31425" s="1" t="s">
        <v>109788</v>
      </c>
    </row>
    <row r="31426" spans="1:10" x14ac:dyDescent="0.35">
      <c r="A31426" s="1" t="s">
        <v>1528</v>
      </c>
      <c r="B31426" s="1" t="s">
        <v>109548</v>
      </c>
      <c r="C31426" s="1" t="s">
        <v>50</v>
      </c>
      <c r="D31426" s="1" t="s">
        <v>109789</v>
      </c>
      <c r="E31426" s="1" t="s">
        <v>109790</v>
      </c>
      <c r="F31426" s="1" t="s">
        <v>109791</v>
      </c>
      <c r="G31426" s="1" t="s">
        <v>109767</v>
      </c>
      <c r="H31426" s="1" t="s">
        <v>109768</v>
      </c>
      <c r="I31426" s="1" t="s">
        <v>109553</v>
      </c>
      <c r="J31426" s="1" t="s">
        <v>109792</v>
      </c>
    </row>
    <row r="31427" spans="1:10" x14ac:dyDescent="0.35">
      <c r="A31427" s="1" t="s">
        <v>1528</v>
      </c>
      <c r="B31427" s="1" t="s">
        <v>109548</v>
      </c>
      <c r="C31427" s="1" t="s">
        <v>55</v>
      </c>
      <c r="D31427" s="1" t="s">
        <v>109793</v>
      </c>
      <c r="E31427" s="1" t="s">
        <v>109794</v>
      </c>
      <c r="F31427" s="1" t="s">
        <v>109795</v>
      </c>
      <c r="G31427" s="1" t="s">
        <v>109767</v>
      </c>
      <c r="H31427" s="1" t="s">
        <v>109768</v>
      </c>
      <c r="I31427" s="1" t="s">
        <v>109553</v>
      </c>
      <c r="J31427" s="1" t="s">
        <v>109796</v>
      </c>
    </row>
    <row r="31428" spans="1:10" x14ac:dyDescent="0.35">
      <c r="A31428" s="1" t="s">
        <v>1528</v>
      </c>
      <c r="B31428" s="1" t="s">
        <v>109548</v>
      </c>
      <c r="C31428" s="1" t="s">
        <v>60</v>
      </c>
      <c r="D31428" s="1" t="s">
        <v>109797</v>
      </c>
      <c r="E31428" s="1" t="s">
        <v>109798</v>
      </c>
      <c r="F31428" s="1" t="s">
        <v>109799</v>
      </c>
      <c r="G31428" s="1" t="s">
        <v>109767</v>
      </c>
      <c r="H31428" s="1" t="s">
        <v>109768</v>
      </c>
      <c r="I31428" s="1" t="s">
        <v>109553</v>
      </c>
      <c r="J31428" s="1" t="s">
        <v>109800</v>
      </c>
    </row>
    <row r="31429" spans="1:10" x14ac:dyDescent="0.35">
      <c r="A31429" s="1" t="s">
        <v>1528</v>
      </c>
      <c r="B31429" s="1" t="s">
        <v>109548</v>
      </c>
      <c r="C31429" s="1" t="s">
        <v>65</v>
      </c>
      <c r="D31429" s="1" t="s">
        <v>26008</v>
      </c>
      <c r="E31429" s="1" t="s">
        <v>109801</v>
      </c>
      <c r="F31429" s="1" t="s">
        <v>109802</v>
      </c>
      <c r="G31429" s="1" t="s">
        <v>109767</v>
      </c>
      <c r="H31429" s="1" t="s">
        <v>109768</v>
      </c>
      <c r="I31429" s="1" t="s">
        <v>109553</v>
      </c>
      <c r="J31429" s="1" t="s">
        <v>109803</v>
      </c>
    </row>
    <row r="31430" spans="1:10" x14ac:dyDescent="0.35">
      <c r="A31430" s="1" t="s">
        <v>1528</v>
      </c>
      <c r="B31430" s="1" t="s">
        <v>109548</v>
      </c>
      <c r="C31430" s="1" t="s">
        <v>70</v>
      </c>
      <c r="D31430" s="1" t="s">
        <v>35197</v>
      </c>
      <c r="E31430" s="1" t="s">
        <v>77792</v>
      </c>
      <c r="F31430" s="1" t="s">
        <v>109804</v>
      </c>
      <c r="G31430" s="1" t="s">
        <v>109767</v>
      </c>
      <c r="H31430" s="1" t="s">
        <v>109768</v>
      </c>
      <c r="I31430" s="1" t="s">
        <v>109553</v>
      </c>
      <c r="J31430" s="1" t="s">
        <v>109805</v>
      </c>
    </row>
    <row r="31431" spans="1:10" x14ac:dyDescent="0.35">
      <c r="A31431" s="1" t="s">
        <v>1528</v>
      </c>
      <c r="B31431" s="1" t="s">
        <v>109548</v>
      </c>
      <c r="C31431" s="1" t="s">
        <v>75</v>
      </c>
      <c r="D31431" s="1" t="s">
        <v>7519</v>
      </c>
      <c r="E31431" s="1" t="s">
        <v>109806</v>
      </c>
      <c r="F31431" s="1" t="s">
        <v>109807</v>
      </c>
      <c r="G31431" s="1" t="s">
        <v>109767</v>
      </c>
      <c r="H31431" s="1" t="s">
        <v>109768</v>
      </c>
      <c r="I31431" s="1" t="s">
        <v>109553</v>
      </c>
      <c r="J31431" s="1" t="s">
        <v>109808</v>
      </c>
    </row>
    <row r="31432" spans="1:10" x14ac:dyDescent="0.35">
      <c r="A31432" s="1" t="s">
        <v>1528</v>
      </c>
      <c r="B31432" s="1" t="s">
        <v>109548</v>
      </c>
      <c r="C31432" s="1" t="s">
        <v>80</v>
      </c>
      <c r="D31432" s="1" t="s">
        <v>6630</v>
      </c>
      <c r="E31432" s="1" t="s">
        <v>109809</v>
      </c>
      <c r="F31432" s="1" t="s">
        <v>109810</v>
      </c>
      <c r="G31432" s="1" t="s">
        <v>109767</v>
      </c>
      <c r="H31432" s="1" t="s">
        <v>109768</v>
      </c>
      <c r="I31432" s="1" t="s">
        <v>109553</v>
      </c>
      <c r="J31432" s="1" t="s">
        <v>109811</v>
      </c>
    </row>
    <row r="31433" spans="1:10" x14ac:dyDescent="0.35">
      <c r="A31433" s="1" t="s">
        <v>1528</v>
      </c>
      <c r="B31433" s="1" t="s">
        <v>109548</v>
      </c>
      <c r="C31433" s="1" t="s">
        <v>85</v>
      </c>
      <c r="D31433" s="1" t="s">
        <v>109812</v>
      </c>
      <c r="E31433" s="1" t="s">
        <v>109813</v>
      </c>
      <c r="F31433" s="1" t="s">
        <v>109814</v>
      </c>
      <c r="G31433" s="1" t="s">
        <v>109767</v>
      </c>
      <c r="H31433" s="1" t="s">
        <v>109768</v>
      </c>
      <c r="I31433" s="1" t="s">
        <v>109553</v>
      </c>
      <c r="J31433" s="1" t="s">
        <v>109815</v>
      </c>
    </row>
    <row r="31434" spans="1:10" x14ac:dyDescent="0.35">
      <c r="A31434" s="1" t="s">
        <v>1528</v>
      </c>
      <c r="B31434" s="1" t="s">
        <v>109548</v>
      </c>
      <c r="C31434" s="1" t="s">
        <v>90</v>
      </c>
      <c r="D31434" s="1" t="s">
        <v>109816</v>
      </c>
      <c r="E31434" s="1" t="s">
        <v>107333</v>
      </c>
      <c r="F31434" s="1" t="s">
        <v>109817</v>
      </c>
      <c r="G31434" s="1" t="s">
        <v>109767</v>
      </c>
      <c r="H31434" s="1" t="s">
        <v>109768</v>
      </c>
      <c r="I31434" s="1" t="s">
        <v>109553</v>
      </c>
      <c r="J31434" s="1" t="s">
        <v>109818</v>
      </c>
    </row>
    <row r="31435" spans="1:10" x14ac:dyDescent="0.35">
      <c r="A31435" s="1" t="s">
        <v>1528</v>
      </c>
      <c r="B31435" s="1" t="s">
        <v>109548</v>
      </c>
      <c r="C31435" s="1" t="s">
        <v>95</v>
      </c>
      <c r="D31435" s="1" t="s">
        <v>109819</v>
      </c>
      <c r="E31435" s="1" t="s">
        <v>109820</v>
      </c>
      <c r="F31435" s="1" t="s">
        <v>109821</v>
      </c>
      <c r="G31435" s="1" t="s">
        <v>109767</v>
      </c>
      <c r="H31435" s="1" t="s">
        <v>109768</v>
      </c>
      <c r="I31435" s="1" t="s">
        <v>109553</v>
      </c>
      <c r="J31435" s="1" t="s">
        <v>109822</v>
      </c>
    </row>
    <row r="31436" spans="1:10" x14ac:dyDescent="0.35">
      <c r="A31436" s="1" t="s">
        <v>1528</v>
      </c>
      <c r="B31436" s="1" t="s">
        <v>109548</v>
      </c>
      <c r="C31436" s="1" t="s">
        <v>100</v>
      </c>
      <c r="D31436" s="1" t="s">
        <v>2913</v>
      </c>
      <c r="E31436" s="1" t="s">
        <v>77792</v>
      </c>
      <c r="F31436" s="1" t="s">
        <v>109823</v>
      </c>
      <c r="G31436" s="1" t="s">
        <v>109767</v>
      </c>
      <c r="H31436" s="1" t="s">
        <v>109768</v>
      </c>
      <c r="I31436" s="1" t="s">
        <v>109553</v>
      </c>
      <c r="J31436" s="1" t="s">
        <v>109824</v>
      </c>
    </row>
    <row r="31437" spans="1:10" x14ac:dyDescent="0.35">
      <c r="A31437" s="1" t="s">
        <v>1528</v>
      </c>
      <c r="B31437" s="1" t="s">
        <v>109548</v>
      </c>
      <c r="C31437" s="1" t="s">
        <v>105</v>
      </c>
      <c r="D31437" s="1" t="s">
        <v>105071</v>
      </c>
      <c r="E31437" s="1" t="s">
        <v>109825</v>
      </c>
      <c r="F31437" s="1" t="s">
        <v>109826</v>
      </c>
      <c r="G31437" s="1" t="s">
        <v>109767</v>
      </c>
      <c r="H31437" s="1" t="s">
        <v>109768</v>
      </c>
      <c r="I31437" s="1" t="s">
        <v>109553</v>
      </c>
      <c r="J31437" s="1" t="s">
        <v>109827</v>
      </c>
    </row>
    <row r="31438" spans="1:10" x14ac:dyDescent="0.35">
      <c r="A31438" s="1" t="s">
        <v>1528</v>
      </c>
      <c r="B31438" s="1" t="s">
        <v>109548</v>
      </c>
      <c r="C31438" s="1" t="s">
        <v>110</v>
      </c>
      <c r="D31438" s="1" t="s">
        <v>109828</v>
      </c>
      <c r="E31438" s="1" t="s">
        <v>107326</v>
      </c>
      <c r="F31438" s="1" t="s">
        <v>109829</v>
      </c>
      <c r="G31438" s="1" t="s">
        <v>109767</v>
      </c>
      <c r="H31438" s="1" t="s">
        <v>109768</v>
      </c>
      <c r="I31438" s="1" t="s">
        <v>109553</v>
      </c>
      <c r="J31438" s="1" t="s">
        <v>109830</v>
      </c>
    </row>
    <row r="31439" spans="1:10" x14ac:dyDescent="0.35">
      <c r="A31439" s="1" t="s">
        <v>1528</v>
      </c>
      <c r="B31439" s="1" t="s">
        <v>109548</v>
      </c>
      <c r="C31439" s="1" t="s">
        <v>115</v>
      </c>
      <c r="D31439" s="1" t="s">
        <v>109831</v>
      </c>
      <c r="E31439" s="1" t="s">
        <v>109832</v>
      </c>
      <c r="F31439" s="1" t="s">
        <v>109833</v>
      </c>
      <c r="G31439" s="1" t="s">
        <v>109767</v>
      </c>
      <c r="H31439" s="1" t="s">
        <v>109768</v>
      </c>
      <c r="I31439" s="1" t="s">
        <v>109553</v>
      </c>
      <c r="J31439" s="1" t="s">
        <v>109834</v>
      </c>
    </row>
    <row r="31440" spans="1:10" x14ac:dyDescent="0.35">
      <c r="A31440" s="1" t="s">
        <v>1528</v>
      </c>
      <c r="B31440" s="1" t="s">
        <v>109548</v>
      </c>
      <c r="C31440" s="1" t="s">
        <v>120</v>
      </c>
      <c r="D31440" s="1" t="s">
        <v>109835</v>
      </c>
      <c r="E31440" s="1" t="s">
        <v>109836</v>
      </c>
      <c r="F31440" s="1" t="s">
        <v>100898</v>
      </c>
      <c r="G31440" s="1" t="s">
        <v>109767</v>
      </c>
      <c r="H31440" s="1" t="s">
        <v>109768</v>
      </c>
      <c r="I31440" s="1" t="s">
        <v>109553</v>
      </c>
      <c r="J31440" s="1" t="s">
        <v>109837</v>
      </c>
    </row>
    <row r="31441" spans="1:10" x14ac:dyDescent="0.35">
      <c r="A31441" s="1" t="s">
        <v>1528</v>
      </c>
      <c r="B31441" s="1" t="s">
        <v>109548</v>
      </c>
      <c r="C31441" s="1" t="s">
        <v>125</v>
      </c>
      <c r="D31441" s="1" t="s">
        <v>109838</v>
      </c>
      <c r="E31441" s="1" t="s">
        <v>109801</v>
      </c>
      <c r="F31441" s="1" t="s">
        <v>109839</v>
      </c>
      <c r="G31441" s="1" t="s">
        <v>109767</v>
      </c>
      <c r="H31441" s="1" t="s">
        <v>109768</v>
      </c>
      <c r="I31441" s="1" t="s">
        <v>109553</v>
      </c>
      <c r="J31441" s="1" t="s">
        <v>109840</v>
      </c>
    </row>
    <row r="31442" spans="1:10" x14ac:dyDescent="0.35">
      <c r="A31442" s="1" t="s">
        <v>1528</v>
      </c>
      <c r="B31442" s="1" t="s">
        <v>109548</v>
      </c>
      <c r="C31442" s="1" t="s">
        <v>130</v>
      </c>
      <c r="D31442" s="1" t="s">
        <v>28627</v>
      </c>
      <c r="E31442" s="1" t="s">
        <v>77792</v>
      </c>
      <c r="F31442" s="1" t="s">
        <v>109841</v>
      </c>
      <c r="G31442" s="1" t="s">
        <v>109767</v>
      </c>
      <c r="H31442" s="1" t="s">
        <v>109768</v>
      </c>
      <c r="I31442" s="1" t="s">
        <v>109553</v>
      </c>
      <c r="J31442" s="1" t="s">
        <v>109842</v>
      </c>
    </row>
    <row r="31443" spans="1:10" x14ac:dyDescent="0.35">
      <c r="A31443" s="1" t="s">
        <v>1528</v>
      </c>
      <c r="B31443" s="1" t="s">
        <v>109548</v>
      </c>
      <c r="C31443" s="1" t="s">
        <v>135</v>
      </c>
      <c r="D31443" s="1" t="s">
        <v>29114</v>
      </c>
      <c r="E31443" s="1" t="s">
        <v>109843</v>
      </c>
      <c r="F31443" s="1" t="s">
        <v>101588</v>
      </c>
      <c r="G31443" s="1" t="s">
        <v>109767</v>
      </c>
      <c r="H31443" s="1" t="s">
        <v>109768</v>
      </c>
      <c r="I31443" s="1" t="s">
        <v>109553</v>
      </c>
      <c r="J31443" s="1" t="s">
        <v>109844</v>
      </c>
    </row>
    <row r="31444" spans="1:10" x14ac:dyDescent="0.35">
      <c r="A31444" s="1" t="s">
        <v>1528</v>
      </c>
      <c r="B31444" s="1" t="s">
        <v>109548</v>
      </c>
      <c r="C31444" s="1" t="s">
        <v>140</v>
      </c>
      <c r="D31444" s="1" t="s">
        <v>6559</v>
      </c>
      <c r="E31444" s="1" t="s">
        <v>109845</v>
      </c>
      <c r="F31444" s="1" t="s">
        <v>109846</v>
      </c>
      <c r="G31444" s="1" t="s">
        <v>109767</v>
      </c>
      <c r="H31444" s="1" t="s">
        <v>109768</v>
      </c>
      <c r="I31444" s="1" t="s">
        <v>109553</v>
      </c>
      <c r="J31444" s="1" t="s">
        <v>109847</v>
      </c>
    </row>
    <row r="31445" spans="1:10" x14ac:dyDescent="0.35">
      <c r="A31445" s="1" t="s">
        <v>1528</v>
      </c>
      <c r="B31445" s="1" t="s">
        <v>109548</v>
      </c>
      <c r="C31445" s="1" t="s">
        <v>145</v>
      </c>
      <c r="D31445" s="1" t="s">
        <v>105078</v>
      </c>
      <c r="E31445" s="1" t="s">
        <v>109848</v>
      </c>
      <c r="F31445" s="1" t="s">
        <v>40664</v>
      </c>
      <c r="G31445" s="1" t="s">
        <v>109767</v>
      </c>
      <c r="H31445" s="1" t="s">
        <v>109768</v>
      </c>
      <c r="I31445" s="1" t="s">
        <v>109553</v>
      </c>
      <c r="J31445" s="1" t="s">
        <v>109849</v>
      </c>
    </row>
    <row r="31446" spans="1:10" x14ac:dyDescent="0.35">
      <c r="A31446" s="1" t="s">
        <v>1528</v>
      </c>
      <c r="B31446" s="1" t="s">
        <v>109548</v>
      </c>
      <c r="C31446" s="1" t="s">
        <v>150</v>
      </c>
      <c r="D31446" s="1" t="s">
        <v>50113</v>
      </c>
      <c r="E31446" s="1" t="s">
        <v>109850</v>
      </c>
      <c r="F31446" s="1" t="s">
        <v>57352</v>
      </c>
      <c r="G31446" s="1" t="s">
        <v>109767</v>
      </c>
      <c r="H31446" s="1" t="s">
        <v>109768</v>
      </c>
      <c r="I31446" s="1" t="s">
        <v>109553</v>
      </c>
      <c r="J31446" s="1" t="s">
        <v>109851</v>
      </c>
    </row>
    <row r="31447" spans="1:10" x14ac:dyDescent="0.35">
      <c r="A31447" s="1" t="s">
        <v>1528</v>
      </c>
      <c r="B31447" s="1" t="s">
        <v>109548</v>
      </c>
      <c r="C31447" s="1" t="s">
        <v>155</v>
      </c>
      <c r="D31447" s="1" t="s">
        <v>109852</v>
      </c>
      <c r="E31447" s="1" t="s">
        <v>109853</v>
      </c>
      <c r="F31447" s="1" t="s">
        <v>109854</v>
      </c>
      <c r="G31447" s="1" t="s">
        <v>109767</v>
      </c>
      <c r="H31447" s="1" t="s">
        <v>109768</v>
      </c>
      <c r="I31447" s="1" t="s">
        <v>109553</v>
      </c>
      <c r="J31447" s="1" t="s">
        <v>109855</v>
      </c>
    </row>
    <row r="31448" spans="1:10" x14ac:dyDescent="0.35">
      <c r="A31448" s="1" t="s">
        <v>1528</v>
      </c>
      <c r="B31448" s="1" t="s">
        <v>109548</v>
      </c>
      <c r="C31448" s="1" t="s">
        <v>160</v>
      </c>
      <c r="D31448" s="1" t="s">
        <v>50113</v>
      </c>
      <c r="E31448" s="1" t="s">
        <v>109856</v>
      </c>
      <c r="F31448" s="1" t="s">
        <v>109857</v>
      </c>
      <c r="G31448" s="1" t="s">
        <v>109767</v>
      </c>
      <c r="H31448" s="1" t="s">
        <v>109768</v>
      </c>
      <c r="I31448" s="1" t="s">
        <v>109553</v>
      </c>
      <c r="J31448" s="1" t="s">
        <v>109858</v>
      </c>
    </row>
    <row r="31449" spans="1:10" x14ac:dyDescent="0.35">
      <c r="A31449" s="1" t="s">
        <v>1528</v>
      </c>
      <c r="B31449" s="1" t="s">
        <v>109548</v>
      </c>
      <c r="C31449" s="1" t="s">
        <v>165</v>
      </c>
      <c r="D31449" s="1" t="s">
        <v>109859</v>
      </c>
      <c r="E31449" s="1" t="s">
        <v>109860</v>
      </c>
      <c r="F31449" s="1" t="s">
        <v>109861</v>
      </c>
      <c r="G31449" s="1" t="s">
        <v>109767</v>
      </c>
      <c r="H31449" s="1" t="s">
        <v>109768</v>
      </c>
      <c r="I31449" s="1" t="s">
        <v>109553</v>
      </c>
      <c r="J31449" s="1" t="s">
        <v>109862</v>
      </c>
    </row>
    <row r="31450" spans="1:10" x14ac:dyDescent="0.35">
      <c r="A31450" s="1" t="s">
        <v>1528</v>
      </c>
      <c r="B31450" s="1" t="s">
        <v>109548</v>
      </c>
      <c r="C31450" s="1" t="s">
        <v>170</v>
      </c>
      <c r="D31450" s="1" t="s">
        <v>5758</v>
      </c>
      <c r="E31450" s="1" t="s">
        <v>109863</v>
      </c>
      <c r="F31450" s="1" t="s">
        <v>109864</v>
      </c>
      <c r="G31450" s="1" t="s">
        <v>109767</v>
      </c>
      <c r="H31450" s="1" t="s">
        <v>109768</v>
      </c>
      <c r="I31450" s="1" t="s">
        <v>109553</v>
      </c>
      <c r="J31450" s="1" t="s">
        <v>109865</v>
      </c>
    </row>
    <row r="31451" spans="1:10" x14ac:dyDescent="0.35">
      <c r="A31451" s="1" t="s">
        <v>109866</v>
      </c>
      <c r="B31451" s="1" t="s">
        <v>109548</v>
      </c>
      <c r="C31451" s="1" t="s">
        <v>8</v>
      </c>
      <c r="D31451" s="1" t="s">
        <v>109867</v>
      </c>
      <c r="E31451" s="1" t="s">
        <v>729</v>
      </c>
      <c r="F31451" s="1" t="s">
        <v>109868</v>
      </c>
      <c r="G31451" s="1" t="s">
        <v>109869</v>
      </c>
      <c r="H31451" s="1" t="s">
        <v>109870</v>
      </c>
      <c r="I31451" s="1" t="s">
        <v>109553</v>
      </c>
      <c r="J31451" s="1" t="s">
        <v>13</v>
      </c>
    </row>
    <row r="31452" spans="1:10" x14ac:dyDescent="0.35">
      <c r="A31452" s="1" t="s">
        <v>109866</v>
      </c>
      <c r="B31452" s="1" t="s">
        <v>109548</v>
      </c>
      <c r="C31452" s="1" t="s">
        <v>15</v>
      </c>
      <c r="D31452" s="1" t="s">
        <v>8061</v>
      </c>
      <c r="E31452" s="1" t="s">
        <v>109871</v>
      </c>
      <c r="F31452" s="1" t="s">
        <v>109872</v>
      </c>
      <c r="G31452" s="1" t="s">
        <v>109869</v>
      </c>
      <c r="H31452" s="1" t="s">
        <v>109870</v>
      </c>
      <c r="I31452" s="1" t="s">
        <v>109553</v>
      </c>
      <c r="J31452" s="1" t="s">
        <v>109873</v>
      </c>
    </row>
    <row r="31453" spans="1:10" x14ac:dyDescent="0.35">
      <c r="A31453" s="1" t="s">
        <v>109866</v>
      </c>
      <c r="B31453" s="1" t="s">
        <v>109548</v>
      </c>
      <c r="C31453" s="1" t="s">
        <v>20</v>
      </c>
      <c r="D31453" s="1" t="s">
        <v>28424</v>
      </c>
      <c r="E31453" s="1" t="s">
        <v>109874</v>
      </c>
      <c r="F31453" s="1" t="s">
        <v>109875</v>
      </c>
      <c r="G31453" s="1" t="s">
        <v>109869</v>
      </c>
      <c r="H31453" s="1" t="s">
        <v>109870</v>
      </c>
      <c r="I31453" s="1" t="s">
        <v>109553</v>
      </c>
      <c r="J31453" s="1" t="s">
        <v>109876</v>
      </c>
    </row>
    <row r="31454" spans="1:10" x14ac:dyDescent="0.35">
      <c r="A31454" s="1" t="s">
        <v>109866</v>
      </c>
      <c r="B31454" s="1" t="s">
        <v>109548</v>
      </c>
      <c r="C31454" s="1" t="s">
        <v>25</v>
      </c>
      <c r="D31454" s="1" t="s">
        <v>25996</v>
      </c>
      <c r="E31454" s="1" t="s">
        <v>109877</v>
      </c>
      <c r="F31454" s="1" t="s">
        <v>109878</v>
      </c>
      <c r="G31454" s="1" t="s">
        <v>109869</v>
      </c>
      <c r="H31454" s="1" t="s">
        <v>109870</v>
      </c>
      <c r="I31454" s="1" t="s">
        <v>109553</v>
      </c>
      <c r="J31454" s="1" t="s">
        <v>109879</v>
      </c>
    </row>
    <row r="31455" spans="1:10" x14ac:dyDescent="0.35">
      <c r="A31455" s="1" t="s">
        <v>109866</v>
      </c>
      <c r="B31455" s="1" t="s">
        <v>109548</v>
      </c>
      <c r="C31455" s="1" t="s">
        <v>30</v>
      </c>
      <c r="D31455" s="1" t="s">
        <v>35148</v>
      </c>
      <c r="E31455" s="1" t="s">
        <v>714</v>
      </c>
      <c r="F31455" s="1" t="s">
        <v>109880</v>
      </c>
      <c r="G31455" s="1" t="s">
        <v>109869</v>
      </c>
      <c r="H31455" s="1" t="s">
        <v>109870</v>
      </c>
      <c r="I31455" s="1" t="s">
        <v>109553</v>
      </c>
      <c r="J31455" s="1" t="s">
        <v>109881</v>
      </c>
    </row>
    <row r="31456" spans="1:10" x14ac:dyDescent="0.35">
      <c r="A31456" s="1" t="s">
        <v>109866</v>
      </c>
      <c r="B31456" s="1" t="s">
        <v>109548</v>
      </c>
      <c r="C31456" s="1" t="s">
        <v>35</v>
      </c>
      <c r="D31456" s="1" t="s">
        <v>9979</v>
      </c>
      <c r="E31456" s="1" t="s">
        <v>714</v>
      </c>
      <c r="F31456" s="1" t="s">
        <v>109882</v>
      </c>
      <c r="G31456" s="1" t="s">
        <v>109869</v>
      </c>
      <c r="H31456" s="1" t="s">
        <v>109870</v>
      </c>
      <c r="I31456" s="1" t="s">
        <v>109553</v>
      </c>
      <c r="J31456" s="1" t="s">
        <v>109883</v>
      </c>
    </row>
    <row r="31457" spans="1:10" x14ac:dyDescent="0.35">
      <c r="A31457" s="1" t="s">
        <v>109866</v>
      </c>
      <c r="B31457" s="1" t="s">
        <v>109548</v>
      </c>
      <c r="C31457" s="1" t="s">
        <v>40</v>
      </c>
      <c r="D31457" s="1" t="s">
        <v>109884</v>
      </c>
      <c r="E31457" s="1" t="s">
        <v>109885</v>
      </c>
      <c r="F31457" s="1" t="s">
        <v>109886</v>
      </c>
      <c r="G31457" s="1" t="s">
        <v>109869</v>
      </c>
      <c r="H31457" s="1" t="s">
        <v>109870</v>
      </c>
      <c r="I31457" s="1" t="s">
        <v>109553</v>
      </c>
      <c r="J31457" s="1" t="s">
        <v>109887</v>
      </c>
    </row>
    <row r="31458" spans="1:10" x14ac:dyDescent="0.35">
      <c r="A31458" s="1" t="s">
        <v>109866</v>
      </c>
      <c r="B31458" s="1" t="s">
        <v>109548</v>
      </c>
      <c r="C31458" s="1" t="s">
        <v>45</v>
      </c>
      <c r="D31458" s="1" t="s">
        <v>33544</v>
      </c>
      <c r="E31458" s="1" t="s">
        <v>109888</v>
      </c>
      <c r="F31458" s="1" t="s">
        <v>109889</v>
      </c>
      <c r="G31458" s="1" t="s">
        <v>109869</v>
      </c>
      <c r="H31458" s="1" t="s">
        <v>109870</v>
      </c>
      <c r="I31458" s="1" t="s">
        <v>109553</v>
      </c>
      <c r="J31458" s="1" t="s">
        <v>109890</v>
      </c>
    </row>
    <row r="31459" spans="1:10" x14ac:dyDescent="0.35">
      <c r="A31459" s="1" t="s">
        <v>109866</v>
      </c>
      <c r="B31459" s="1" t="s">
        <v>109548</v>
      </c>
      <c r="C31459" s="1" t="s">
        <v>50</v>
      </c>
      <c r="D31459" s="1" t="s">
        <v>109891</v>
      </c>
      <c r="E31459" s="1" t="s">
        <v>109892</v>
      </c>
      <c r="F31459" s="1" t="s">
        <v>109893</v>
      </c>
      <c r="G31459" s="1" t="s">
        <v>109869</v>
      </c>
      <c r="H31459" s="1" t="s">
        <v>109870</v>
      </c>
      <c r="I31459" s="1" t="s">
        <v>109553</v>
      </c>
      <c r="J31459" s="1" t="s">
        <v>109894</v>
      </c>
    </row>
    <row r="31460" spans="1:10" x14ac:dyDescent="0.35">
      <c r="A31460" s="1" t="s">
        <v>109866</v>
      </c>
      <c r="B31460" s="1" t="s">
        <v>109548</v>
      </c>
      <c r="C31460" s="1" t="s">
        <v>55</v>
      </c>
      <c r="D31460" s="1" t="s">
        <v>25161</v>
      </c>
      <c r="E31460" s="1" t="s">
        <v>73487</v>
      </c>
      <c r="F31460" s="1" t="s">
        <v>109895</v>
      </c>
      <c r="G31460" s="1" t="s">
        <v>109869</v>
      </c>
      <c r="H31460" s="1" t="s">
        <v>109870</v>
      </c>
      <c r="I31460" s="1" t="s">
        <v>109553</v>
      </c>
      <c r="J31460" s="1" t="s">
        <v>109896</v>
      </c>
    </row>
    <row r="31461" spans="1:10" x14ac:dyDescent="0.35">
      <c r="A31461" s="1" t="s">
        <v>109866</v>
      </c>
      <c r="B31461" s="1" t="s">
        <v>109548</v>
      </c>
      <c r="C31461" s="1" t="s">
        <v>60</v>
      </c>
      <c r="D31461" s="1" t="s">
        <v>35255</v>
      </c>
      <c r="E31461" s="1" t="s">
        <v>827</v>
      </c>
      <c r="F31461" s="1" t="s">
        <v>109897</v>
      </c>
      <c r="G31461" s="1" t="s">
        <v>109869</v>
      </c>
      <c r="H31461" s="1" t="s">
        <v>109870</v>
      </c>
      <c r="I31461" s="1" t="s">
        <v>109553</v>
      </c>
      <c r="J31461" s="1" t="s">
        <v>109898</v>
      </c>
    </row>
    <row r="31462" spans="1:10" x14ac:dyDescent="0.35">
      <c r="A31462" s="1" t="s">
        <v>109866</v>
      </c>
      <c r="B31462" s="1" t="s">
        <v>109548</v>
      </c>
      <c r="C31462" s="1" t="s">
        <v>65</v>
      </c>
      <c r="D31462" s="1" t="s">
        <v>109899</v>
      </c>
      <c r="E31462" s="1" t="s">
        <v>109900</v>
      </c>
      <c r="F31462" s="1" t="s">
        <v>109901</v>
      </c>
      <c r="G31462" s="1" t="s">
        <v>109869</v>
      </c>
      <c r="H31462" s="1" t="s">
        <v>109870</v>
      </c>
      <c r="I31462" s="1" t="s">
        <v>109553</v>
      </c>
      <c r="J31462" s="1" t="s">
        <v>109902</v>
      </c>
    </row>
    <row r="31463" spans="1:10" x14ac:dyDescent="0.35">
      <c r="A31463" s="1" t="s">
        <v>109866</v>
      </c>
      <c r="B31463" s="1" t="s">
        <v>109548</v>
      </c>
      <c r="C31463" s="1" t="s">
        <v>70</v>
      </c>
      <c r="D31463" s="1" t="s">
        <v>109903</v>
      </c>
      <c r="E31463" s="1" t="s">
        <v>109904</v>
      </c>
      <c r="F31463" s="1" t="s">
        <v>109905</v>
      </c>
      <c r="G31463" s="1" t="s">
        <v>109869</v>
      </c>
      <c r="H31463" s="1" t="s">
        <v>109870</v>
      </c>
      <c r="I31463" s="1" t="s">
        <v>109553</v>
      </c>
      <c r="J31463" s="1" t="s">
        <v>109906</v>
      </c>
    </row>
    <row r="31464" spans="1:10" x14ac:dyDescent="0.35">
      <c r="A31464" s="1" t="s">
        <v>109866</v>
      </c>
      <c r="B31464" s="1" t="s">
        <v>109548</v>
      </c>
      <c r="C31464" s="1" t="s">
        <v>75</v>
      </c>
      <c r="D31464" s="1" t="s">
        <v>38175</v>
      </c>
      <c r="E31464" s="1" t="s">
        <v>4820</v>
      </c>
      <c r="F31464" s="1" t="s">
        <v>109907</v>
      </c>
      <c r="G31464" s="1" t="s">
        <v>109869</v>
      </c>
      <c r="H31464" s="1" t="s">
        <v>109870</v>
      </c>
      <c r="I31464" s="1" t="s">
        <v>109553</v>
      </c>
      <c r="J31464" s="1" t="s">
        <v>109908</v>
      </c>
    </row>
    <row r="31465" spans="1:10" x14ac:dyDescent="0.35">
      <c r="A31465" s="1" t="s">
        <v>109866</v>
      </c>
      <c r="B31465" s="1" t="s">
        <v>109548</v>
      </c>
      <c r="C31465" s="1" t="s">
        <v>80</v>
      </c>
      <c r="D31465" s="1" t="s">
        <v>109909</v>
      </c>
      <c r="E31465" s="1" t="s">
        <v>109910</v>
      </c>
      <c r="F31465" s="1" t="s">
        <v>109911</v>
      </c>
      <c r="G31465" s="1" t="s">
        <v>109869</v>
      </c>
      <c r="H31465" s="1" t="s">
        <v>109870</v>
      </c>
      <c r="I31465" s="1" t="s">
        <v>109553</v>
      </c>
      <c r="J31465" s="1" t="s">
        <v>109912</v>
      </c>
    </row>
    <row r="31466" spans="1:10" x14ac:dyDescent="0.35">
      <c r="A31466" s="1" t="s">
        <v>109866</v>
      </c>
      <c r="B31466" s="1" t="s">
        <v>109548</v>
      </c>
      <c r="C31466" s="1" t="s">
        <v>85</v>
      </c>
      <c r="D31466" s="1" t="s">
        <v>71733</v>
      </c>
      <c r="E31466" s="1" t="s">
        <v>109904</v>
      </c>
      <c r="F31466" s="1" t="s">
        <v>109913</v>
      </c>
      <c r="G31466" s="1" t="s">
        <v>109869</v>
      </c>
      <c r="H31466" s="1" t="s">
        <v>109870</v>
      </c>
      <c r="I31466" s="1" t="s">
        <v>109553</v>
      </c>
      <c r="J31466" s="1" t="s">
        <v>109914</v>
      </c>
    </row>
    <row r="31467" spans="1:10" x14ac:dyDescent="0.35">
      <c r="A31467" s="1" t="s">
        <v>109866</v>
      </c>
      <c r="B31467" s="1" t="s">
        <v>109548</v>
      </c>
      <c r="C31467" s="1" t="s">
        <v>90</v>
      </c>
      <c r="D31467" s="1" t="s">
        <v>109915</v>
      </c>
      <c r="E31467" s="1" t="s">
        <v>109910</v>
      </c>
      <c r="F31467" s="1" t="s">
        <v>109916</v>
      </c>
      <c r="G31467" s="1" t="s">
        <v>109869</v>
      </c>
      <c r="H31467" s="1" t="s">
        <v>109870</v>
      </c>
      <c r="I31467" s="1" t="s">
        <v>109553</v>
      </c>
      <c r="J31467" s="1" t="s">
        <v>109917</v>
      </c>
    </row>
    <row r="31468" spans="1:10" x14ac:dyDescent="0.35">
      <c r="A31468" s="1" t="s">
        <v>109866</v>
      </c>
      <c r="B31468" s="1" t="s">
        <v>109548</v>
      </c>
      <c r="C31468" s="1" t="s">
        <v>95</v>
      </c>
      <c r="D31468" s="1" t="s">
        <v>109918</v>
      </c>
      <c r="E31468" s="1" t="s">
        <v>109900</v>
      </c>
      <c r="F31468" s="1" t="s">
        <v>109919</v>
      </c>
      <c r="G31468" s="1" t="s">
        <v>109869</v>
      </c>
      <c r="H31468" s="1" t="s">
        <v>109870</v>
      </c>
      <c r="I31468" s="1" t="s">
        <v>109553</v>
      </c>
      <c r="J31468" s="1" t="s">
        <v>109920</v>
      </c>
    </row>
    <row r="31469" spans="1:10" x14ac:dyDescent="0.35">
      <c r="A31469" s="1" t="s">
        <v>109866</v>
      </c>
      <c r="B31469" s="1" t="s">
        <v>109548</v>
      </c>
      <c r="C31469" s="1" t="s">
        <v>100</v>
      </c>
      <c r="D31469" s="1" t="s">
        <v>109921</v>
      </c>
      <c r="E31469" s="1" t="s">
        <v>109922</v>
      </c>
      <c r="F31469" s="1" t="s">
        <v>109923</v>
      </c>
      <c r="G31469" s="1" t="s">
        <v>109869</v>
      </c>
      <c r="H31469" s="1" t="s">
        <v>109870</v>
      </c>
      <c r="I31469" s="1" t="s">
        <v>109553</v>
      </c>
      <c r="J31469" s="1" t="s">
        <v>109924</v>
      </c>
    </row>
    <row r="31470" spans="1:10" x14ac:dyDescent="0.35">
      <c r="A31470" s="1" t="s">
        <v>109866</v>
      </c>
      <c r="B31470" s="1" t="s">
        <v>109548</v>
      </c>
      <c r="C31470" s="1" t="s">
        <v>105</v>
      </c>
      <c r="D31470" s="1" t="s">
        <v>241</v>
      </c>
      <c r="E31470" s="1" t="s">
        <v>109925</v>
      </c>
      <c r="F31470" s="1" t="s">
        <v>109926</v>
      </c>
      <c r="G31470" s="1" t="s">
        <v>109869</v>
      </c>
      <c r="H31470" s="1" t="s">
        <v>109870</v>
      </c>
      <c r="I31470" s="1" t="s">
        <v>109553</v>
      </c>
      <c r="J31470" s="1" t="s">
        <v>109927</v>
      </c>
    </row>
    <row r="31471" spans="1:10" x14ac:dyDescent="0.35">
      <c r="A31471" s="1" t="s">
        <v>109866</v>
      </c>
      <c r="B31471" s="1" t="s">
        <v>109548</v>
      </c>
      <c r="C31471" s="1" t="s">
        <v>110</v>
      </c>
      <c r="D31471" s="1" t="s">
        <v>73853</v>
      </c>
      <c r="E31471" s="1" t="s">
        <v>109928</v>
      </c>
      <c r="F31471" s="1" t="s">
        <v>12178</v>
      </c>
      <c r="G31471" s="1" t="s">
        <v>109869</v>
      </c>
      <c r="H31471" s="1" t="s">
        <v>109870</v>
      </c>
      <c r="I31471" s="1" t="s">
        <v>109553</v>
      </c>
      <c r="J31471" s="1" t="s">
        <v>109929</v>
      </c>
    </row>
    <row r="31472" spans="1:10" x14ac:dyDescent="0.35">
      <c r="A31472" s="1" t="s">
        <v>109866</v>
      </c>
      <c r="B31472" s="1" t="s">
        <v>109548</v>
      </c>
      <c r="C31472" s="1" t="s">
        <v>115</v>
      </c>
      <c r="D31472" s="1" t="s">
        <v>109930</v>
      </c>
      <c r="E31472" s="1" t="s">
        <v>4879</v>
      </c>
      <c r="F31472" s="1" t="s">
        <v>109931</v>
      </c>
      <c r="G31472" s="1" t="s">
        <v>109869</v>
      </c>
      <c r="H31472" s="1" t="s">
        <v>109870</v>
      </c>
      <c r="I31472" s="1" t="s">
        <v>109553</v>
      </c>
      <c r="J31472" s="1" t="s">
        <v>109932</v>
      </c>
    </row>
    <row r="31473" spans="1:10" x14ac:dyDescent="0.35">
      <c r="A31473" s="1" t="s">
        <v>109866</v>
      </c>
      <c r="B31473" s="1" t="s">
        <v>109548</v>
      </c>
      <c r="C31473" s="1" t="s">
        <v>120</v>
      </c>
      <c r="D31473" s="1" t="s">
        <v>47106</v>
      </c>
      <c r="E31473" s="1" t="s">
        <v>109933</v>
      </c>
      <c r="F31473" s="1" t="s">
        <v>109934</v>
      </c>
      <c r="G31473" s="1" t="s">
        <v>109869</v>
      </c>
      <c r="H31473" s="1" t="s">
        <v>109870</v>
      </c>
      <c r="I31473" s="1" t="s">
        <v>109553</v>
      </c>
      <c r="J31473" s="1" t="s">
        <v>109935</v>
      </c>
    </row>
    <row r="31474" spans="1:10" x14ac:dyDescent="0.35">
      <c r="A31474" s="1" t="s">
        <v>109866</v>
      </c>
      <c r="B31474" s="1" t="s">
        <v>109548</v>
      </c>
      <c r="C31474" s="1" t="s">
        <v>125</v>
      </c>
      <c r="D31474" s="1" t="s">
        <v>71409</v>
      </c>
      <c r="E31474" s="1" t="s">
        <v>74217</v>
      </c>
      <c r="F31474" s="1" t="s">
        <v>109936</v>
      </c>
      <c r="G31474" s="1" t="s">
        <v>109869</v>
      </c>
      <c r="H31474" s="1" t="s">
        <v>109870</v>
      </c>
      <c r="I31474" s="1" t="s">
        <v>109553</v>
      </c>
      <c r="J31474" s="1" t="s">
        <v>109937</v>
      </c>
    </row>
    <row r="31475" spans="1:10" x14ac:dyDescent="0.35">
      <c r="A31475" s="1" t="s">
        <v>109866</v>
      </c>
      <c r="B31475" s="1" t="s">
        <v>109548</v>
      </c>
      <c r="C31475" s="1" t="s">
        <v>130</v>
      </c>
      <c r="D31475" s="1" t="s">
        <v>109938</v>
      </c>
      <c r="E31475" s="1" t="s">
        <v>109939</v>
      </c>
      <c r="F31475" s="1" t="s">
        <v>109940</v>
      </c>
      <c r="G31475" s="1" t="s">
        <v>109869</v>
      </c>
      <c r="H31475" s="1" t="s">
        <v>109870</v>
      </c>
      <c r="I31475" s="1" t="s">
        <v>109553</v>
      </c>
      <c r="J31475" s="1" t="s">
        <v>109941</v>
      </c>
    </row>
    <row r="31476" spans="1:10" x14ac:dyDescent="0.35">
      <c r="A31476" s="1" t="s">
        <v>109866</v>
      </c>
      <c r="B31476" s="1" t="s">
        <v>109548</v>
      </c>
      <c r="C31476" s="1" t="s">
        <v>135</v>
      </c>
      <c r="D31476" s="1" t="s">
        <v>51906</v>
      </c>
      <c r="E31476" s="1" t="s">
        <v>6728</v>
      </c>
      <c r="F31476" s="1" t="s">
        <v>109942</v>
      </c>
      <c r="G31476" s="1" t="s">
        <v>109869</v>
      </c>
      <c r="H31476" s="1" t="s">
        <v>109870</v>
      </c>
      <c r="I31476" s="1" t="s">
        <v>109553</v>
      </c>
      <c r="J31476" s="1" t="s">
        <v>109943</v>
      </c>
    </row>
    <row r="31477" spans="1:10" x14ac:dyDescent="0.35">
      <c r="A31477" s="1" t="s">
        <v>109866</v>
      </c>
      <c r="B31477" s="1" t="s">
        <v>109548</v>
      </c>
      <c r="C31477" s="1" t="s">
        <v>140</v>
      </c>
      <c r="D31477" s="1" t="s">
        <v>109944</v>
      </c>
      <c r="E31477" s="1" t="s">
        <v>109945</v>
      </c>
      <c r="F31477" s="1" t="s">
        <v>109946</v>
      </c>
      <c r="G31477" s="1" t="s">
        <v>109869</v>
      </c>
      <c r="H31477" s="1" t="s">
        <v>109870</v>
      </c>
      <c r="I31477" s="1" t="s">
        <v>109553</v>
      </c>
      <c r="J31477" s="1" t="s">
        <v>109947</v>
      </c>
    </row>
    <row r="31478" spans="1:10" x14ac:dyDescent="0.35">
      <c r="A31478" s="1" t="s">
        <v>109866</v>
      </c>
      <c r="B31478" s="1" t="s">
        <v>109548</v>
      </c>
      <c r="C31478" s="1" t="s">
        <v>145</v>
      </c>
      <c r="D31478" s="1" t="s">
        <v>19497</v>
      </c>
      <c r="E31478" s="1" t="s">
        <v>4820</v>
      </c>
      <c r="F31478" s="1" t="s">
        <v>109948</v>
      </c>
      <c r="G31478" s="1" t="s">
        <v>109869</v>
      </c>
      <c r="H31478" s="1" t="s">
        <v>109870</v>
      </c>
      <c r="I31478" s="1" t="s">
        <v>109553</v>
      </c>
      <c r="J31478" s="1" t="s">
        <v>109949</v>
      </c>
    </row>
    <row r="31479" spans="1:10" x14ac:dyDescent="0.35">
      <c r="A31479" s="1" t="s">
        <v>109866</v>
      </c>
      <c r="B31479" s="1" t="s">
        <v>109548</v>
      </c>
      <c r="C31479" s="1" t="s">
        <v>150</v>
      </c>
      <c r="D31479" s="1" t="s">
        <v>109950</v>
      </c>
      <c r="E31479" s="1" t="s">
        <v>109904</v>
      </c>
      <c r="F31479" s="1" t="s">
        <v>109951</v>
      </c>
      <c r="G31479" s="1" t="s">
        <v>109869</v>
      </c>
      <c r="H31479" s="1" t="s">
        <v>109870</v>
      </c>
      <c r="I31479" s="1" t="s">
        <v>109553</v>
      </c>
      <c r="J31479" s="1" t="s">
        <v>109952</v>
      </c>
    </row>
    <row r="31480" spans="1:10" x14ac:dyDescent="0.35">
      <c r="A31480" s="1" t="s">
        <v>109866</v>
      </c>
      <c r="B31480" s="1" t="s">
        <v>109548</v>
      </c>
      <c r="C31480" s="1" t="s">
        <v>155</v>
      </c>
      <c r="D31480" s="1" t="s">
        <v>109953</v>
      </c>
      <c r="E31480" s="1" t="s">
        <v>109954</v>
      </c>
      <c r="F31480" s="1" t="s">
        <v>109955</v>
      </c>
      <c r="G31480" s="1" t="s">
        <v>109869</v>
      </c>
      <c r="H31480" s="1" t="s">
        <v>109870</v>
      </c>
      <c r="I31480" s="1" t="s">
        <v>109553</v>
      </c>
      <c r="J31480" s="1" t="s">
        <v>109956</v>
      </c>
    </row>
    <row r="31481" spans="1:10" x14ac:dyDescent="0.35">
      <c r="A31481" s="1" t="s">
        <v>109866</v>
      </c>
      <c r="B31481" s="1" t="s">
        <v>109548</v>
      </c>
      <c r="C31481" s="1" t="s">
        <v>160</v>
      </c>
      <c r="D31481" s="1" t="s">
        <v>109950</v>
      </c>
      <c r="E31481" s="1" t="s">
        <v>109957</v>
      </c>
      <c r="F31481" s="1" t="s">
        <v>109958</v>
      </c>
      <c r="G31481" s="1" t="s">
        <v>109869</v>
      </c>
      <c r="H31481" s="1" t="s">
        <v>109870</v>
      </c>
      <c r="I31481" s="1" t="s">
        <v>109553</v>
      </c>
      <c r="J31481" s="1" t="s">
        <v>109959</v>
      </c>
    </row>
    <row r="31482" spans="1:10" x14ac:dyDescent="0.35">
      <c r="A31482" s="1" t="s">
        <v>109866</v>
      </c>
      <c r="B31482" s="1" t="s">
        <v>109548</v>
      </c>
      <c r="C31482" s="1" t="s">
        <v>165</v>
      </c>
      <c r="D31482" s="1" t="s">
        <v>30593</v>
      </c>
      <c r="E31482" s="1" t="s">
        <v>109960</v>
      </c>
      <c r="F31482" s="1" t="s">
        <v>109961</v>
      </c>
      <c r="G31482" s="1" t="s">
        <v>109869</v>
      </c>
      <c r="H31482" s="1" t="s">
        <v>109870</v>
      </c>
      <c r="I31482" s="1" t="s">
        <v>109553</v>
      </c>
      <c r="J31482" s="1" t="s">
        <v>109962</v>
      </c>
    </row>
    <row r="31483" spans="1:10" x14ac:dyDescent="0.35">
      <c r="A31483" s="1" t="s">
        <v>109866</v>
      </c>
      <c r="B31483" s="1" t="s">
        <v>109548</v>
      </c>
      <c r="C31483" s="1" t="s">
        <v>170</v>
      </c>
      <c r="D31483" s="1" t="s">
        <v>51604</v>
      </c>
      <c r="E31483" s="1" t="s">
        <v>109963</v>
      </c>
      <c r="F31483" s="1" t="s">
        <v>109964</v>
      </c>
      <c r="G31483" s="1" t="s">
        <v>109869</v>
      </c>
      <c r="H31483" s="1" t="s">
        <v>109870</v>
      </c>
      <c r="I31483" s="1" t="s">
        <v>109553</v>
      </c>
      <c r="J31483" s="1" t="s">
        <v>109965</v>
      </c>
    </row>
    <row r="31484" spans="1:10" x14ac:dyDescent="0.35">
      <c r="A31484" s="1" t="s">
        <v>9854</v>
      </c>
      <c r="B31484" s="1" t="s">
        <v>109548</v>
      </c>
      <c r="C31484" s="1" t="s">
        <v>8</v>
      </c>
      <c r="D31484" s="1" t="s">
        <v>27607</v>
      </c>
      <c r="E31484" s="1" t="s">
        <v>109966</v>
      </c>
      <c r="F31484" s="1" t="s">
        <v>109967</v>
      </c>
      <c r="G31484" s="1" t="s">
        <v>109968</v>
      </c>
      <c r="H31484" s="1" t="s">
        <v>109969</v>
      </c>
      <c r="I31484" s="1" t="s">
        <v>109553</v>
      </c>
      <c r="J31484" s="1" t="s">
        <v>13</v>
      </c>
    </row>
    <row r="31485" spans="1:10" x14ac:dyDescent="0.35">
      <c r="A31485" s="1" t="s">
        <v>9854</v>
      </c>
      <c r="B31485" s="1" t="s">
        <v>109548</v>
      </c>
      <c r="C31485" s="1" t="s">
        <v>15</v>
      </c>
      <c r="D31485" s="1" t="s">
        <v>14142</v>
      </c>
      <c r="E31485" s="1" t="s">
        <v>109970</v>
      </c>
      <c r="F31485" s="1" t="s">
        <v>109971</v>
      </c>
      <c r="G31485" s="1" t="s">
        <v>109968</v>
      </c>
      <c r="H31485" s="1" t="s">
        <v>109969</v>
      </c>
      <c r="I31485" s="1" t="s">
        <v>109553</v>
      </c>
      <c r="J31485" s="1" t="s">
        <v>109972</v>
      </c>
    </row>
    <row r="31486" spans="1:10" x14ac:dyDescent="0.35">
      <c r="A31486" s="1" t="s">
        <v>9854</v>
      </c>
      <c r="B31486" s="1" t="s">
        <v>109548</v>
      </c>
      <c r="C31486" s="1" t="s">
        <v>20</v>
      </c>
      <c r="D31486" s="1" t="s">
        <v>25065</v>
      </c>
      <c r="E31486" s="1" t="s">
        <v>109973</v>
      </c>
      <c r="F31486" s="1" t="s">
        <v>109974</v>
      </c>
      <c r="G31486" s="1" t="s">
        <v>109968</v>
      </c>
      <c r="H31486" s="1" t="s">
        <v>109969</v>
      </c>
      <c r="I31486" s="1" t="s">
        <v>109553</v>
      </c>
      <c r="J31486" s="1" t="s">
        <v>72504</v>
      </c>
    </row>
    <row r="31487" spans="1:10" x14ac:dyDescent="0.35">
      <c r="A31487" s="1" t="s">
        <v>9854</v>
      </c>
      <c r="B31487" s="1" t="s">
        <v>109548</v>
      </c>
      <c r="C31487" s="1" t="s">
        <v>25</v>
      </c>
      <c r="D31487" s="1" t="s">
        <v>11759</v>
      </c>
      <c r="E31487" s="1" t="s">
        <v>109975</v>
      </c>
      <c r="F31487" s="1" t="s">
        <v>109976</v>
      </c>
      <c r="G31487" s="1" t="s">
        <v>109968</v>
      </c>
      <c r="H31487" s="1" t="s">
        <v>109969</v>
      </c>
      <c r="I31487" s="1" t="s">
        <v>109553</v>
      </c>
      <c r="J31487" s="1" t="s">
        <v>109977</v>
      </c>
    </row>
    <row r="31488" spans="1:10" x14ac:dyDescent="0.35">
      <c r="A31488" s="1" t="s">
        <v>9854</v>
      </c>
      <c r="B31488" s="1" t="s">
        <v>109548</v>
      </c>
      <c r="C31488" s="1" t="s">
        <v>30</v>
      </c>
      <c r="D31488" s="1" t="s">
        <v>109978</v>
      </c>
      <c r="E31488" s="1" t="s">
        <v>109979</v>
      </c>
      <c r="F31488" s="1" t="s">
        <v>109980</v>
      </c>
      <c r="G31488" s="1" t="s">
        <v>109968</v>
      </c>
      <c r="H31488" s="1" t="s">
        <v>109969</v>
      </c>
      <c r="I31488" s="1" t="s">
        <v>109553</v>
      </c>
      <c r="J31488" s="1" t="s">
        <v>109981</v>
      </c>
    </row>
    <row r="31489" spans="1:10" x14ac:dyDescent="0.35">
      <c r="A31489" s="1" t="s">
        <v>9854</v>
      </c>
      <c r="B31489" s="1" t="s">
        <v>109548</v>
      </c>
      <c r="C31489" s="1" t="s">
        <v>35</v>
      </c>
      <c r="D31489" s="1" t="s">
        <v>8748</v>
      </c>
      <c r="E31489" s="1" t="s">
        <v>109982</v>
      </c>
      <c r="F31489" s="1" t="s">
        <v>109983</v>
      </c>
      <c r="G31489" s="1" t="s">
        <v>109968</v>
      </c>
      <c r="H31489" s="1" t="s">
        <v>109969</v>
      </c>
      <c r="I31489" s="1" t="s">
        <v>109553</v>
      </c>
      <c r="J31489" s="1" t="s">
        <v>109984</v>
      </c>
    </row>
    <row r="31490" spans="1:10" x14ac:dyDescent="0.35">
      <c r="A31490" s="1" t="s">
        <v>9854</v>
      </c>
      <c r="B31490" s="1" t="s">
        <v>109548</v>
      </c>
      <c r="C31490" s="1" t="s">
        <v>40</v>
      </c>
      <c r="D31490" s="1" t="s">
        <v>109985</v>
      </c>
      <c r="E31490" s="1" t="s">
        <v>109986</v>
      </c>
      <c r="F31490" s="1" t="s">
        <v>109987</v>
      </c>
      <c r="G31490" s="1" t="s">
        <v>109968</v>
      </c>
      <c r="H31490" s="1" t="s">
        <v>109969</v>
      </c>
      <c r="I31490" s="1" t="s">
        <v>109553</v>
      </c>
      <c r="J31490" s="1" t="s">
        <v>109988</v>
      </c>
    </row>
    <row r="31491" spans="1:10" x14ac:dyDescent="0.35">
      <c r="A31491" s="1" t="s">
        <v>9854</v>
      </c>
      <c r="B31491" s="1" t="s">
        <v>109548</v>
      </c>
      <c r="C31491" s="1" t="s">
        <v>45</v>
      </c>
      <c r="D31491" s="1" t="s">
        <v>15063</v>
      </c>
      <c r="E31491" s="1" t="s">
        <v>109989</v>
      </c>
      <c r="F31491" s="1" t="s">
        <v>109990</v>
      </c>
      <c r="G31491" s="1" t="s">
        <v>109968</v>
      </c>
      <c r="H31491" s="1" t="s">
        <v>109969</v>
      </c>
      <c r="I31491" s="1" t="s">
        <v>109553</v>
      </c>
      <c r="J31491" s="1" t="s">
        <v>109991</v>
      </c>
    </row>
    <row r="31492" spans="1:10" x14ac:dyDescent="0.35">
      <c r="A31492" s="1" t="s">
        <v>9854</v>
      </c>
      <c r="B31492" s="1" t="s">
        <v>109548</v>
      </c>
      <c r="C31492" s="1" t="s">
        <v>50</v>
      </c>
      <c r="D31492" s="1" t="s">
        <v>27577</v>
      </c>
      <c r="E31492" s="1" t="s">
        <v>109992</v>
      </c>
      <c r="F31492" s="1" t="s">
        <v>109993</v>
      </c>
      <c r="G31492" s="1" t="s">
        <v>109968</v>
      </c>
      <c r="H31492" s="1" t="s">
        <v>109969</v>
      </c>
      <c r="I31492" s="1" t="s">
        <v>109553</v>
      </c>
      <c r="J31492" s="1" t="s">
        <v>109994</v>
      </c>
    </row>
    <row r="31493" spans="1:10" x14ac:dyDescent="0.35">
      <c r="A31493" s="1" t="s">
        <v>9854</v>
      </c>
      <c r="B31493" s="1" t="s">
        <v>109548</v>
      </c>
      <c r="C31493" s="1" t="s">
        <v>55</v>
      </c>
      <c r="D31493" s="1" t="s">
        <v>4404</v>
      </c>
      <c r="E31493" s="1" t="s">
        <v>109995</v>
      </c>
      <c r="F31493" s="1" t="s">
        <v>109996</v>
      </c>
      <c r="G31493" s="1" t="s">
        <v>109968</v>
      </c>
      <c r="H31493" s="1" t="s">
        <v>109969</v>
      </c>
      <c r="I31493" s="1" t="s">
        <v>109553</v>
      </c>
      <c r="J31493" s="1" t="s">
        <v>109997</v>
      </c>
    </row>
    <row r="31494" spans="1:10" x14ac:dyDescent="0.35">
      <c r="A31494" s="1" t="s">
        <v>9854</v>
      </c>
      <c r="B31494" s="1" t="s">
        <v>109548</v>
      </c>
      <c r="C31494" s="1" t="s">
        <v>60</v>
      </c>
      <c r="D31494" s="1" t="s">
        <v>109998</v>
      </c>
      <c r="E31494" s="1" t="s">
        <v>109999</v>
      </c>
      <c r="F31494" s="1" t="s">
        <v>110000</v>
      </c>
      <c r="G31494" s="1" t="s">
        <v>109968</v>
      </c>
      <c r="H31494" s="1" t="s">
        <v>109969</v>
      </c>
      <c r="I31494" s="1" t="s">
        <v>109553</v>
      </c>
      <c r="J31494" s="1" t="s">
        <v>110001</v>
      </c>
    </row>
    <row r="31495" spans="1:10" x14ac:dyDescent="0.35">
      <c r="A31495" s="1" t="s">
        <v>9854</v>
      </c>
      <c r="B31495" s="1" t="s">
        <v>109548</v>
      </c>
      <c r="C31495" s="1" t="s">
        <v>65</v>
      </c>
      <c r="D31495" s="1" t="s">
        <v>110002</v>
      </c>
      <c r="E31495" s="1" t="s">
        <v>110003</v>
      </c>
      <c r="F31495" s="1" t="s">
        <v>110004</v>
      </c>
      <c r="G31495" s="1" t="s">
        <v>109968</v>
      </c>
      <c r="H31495" s="1" t="s">
        <v>109969</v>
      </c>
      <c r="I31495" s="1" t="s">
        <v>109553</v>
      </c>
      <c r="J31495" s="1" t="s">
        <v>110005</v>
      </c>
    </row>
    <row r="31496" spans="1:10" x14ac:dyDescent="0.35">
      <c r="A31496" s="1" t="s">
        <v>9854</v>
      </c>
      <c r="B31496" s="1" t="s">
        <v>109548</v>
      </c>
      <c r="C31496" s="1" t="s">
        <v>70</v>
      </c>
      <c r="D31496" s="1" t="s">
        <v>4058</v>
      </c>
      <c r="E31496" s="1" t="s">
        <v>110006</v>
      </c>
      <c r="F31496" s="1" t="s">
        <v>110007</v>
      </c>
      <c r="G31496" s="1" t="s">
        <v>109968</v>
      </c>
      <c r="H31496" s="1" t="s">
        <v>109969</v>
      </c>
      <c r="I31496" s="1" t="s">
        <v>109553</v>
      </c>
      <c r="J31496" s="1" t="s">
        <v>110008</v>
      </c>
    </row>
    <row r="31497" spans="1:10" x14ac:dyDescent="0.35">
      <c r="A31497" s="1" t="s">
        <v>9854</v>
      </c>
      <c r="B31497" s="1" t="s">
        <v>109548</v>
      </c>
      <c r="C31497" s="1" t="s">
        <v>75</v>
      </c>
      <c r="D31497" s="1" t="s">
        <v>109585</v>
      </c>
      <c r="E31497" s="1" t="s">
        <v>110009</v>
      </c>
      <c r="F31497" s="1" t="s">
        <v>110010</v>
      </c>
      <c r="G31497" s="1" t="s">
        <v>109968</v>
      </c>
      <c r="H31497" s="1" t="s">
        <v>109969</v>
      </c>
      <c r="I31497" s="1" t="s">
        <v>109553</v>
      </c>
      <c r="J31497" s="1" t="s">
        <v>110011</v>
      </c>
    </row>
    <row r="31498" spans="1:10" x14ac:dyDescent="0.35">
      <c r="A31498" s="1" t="s">
        <v>9854</v>
      </c>
      <c r="B31498" s="1" t="s">
        <v>109548</v>
      </c>
      <c r="C31498" s="1" t="s">
        <v>80</v>
      </c>
      <c r="D31498" s="1" t="s">
        <v>110012</v>
      </c>
      <c r="E31498" s="1" t="s">
        <v>110013</v>
      </c>
      <c r="F31498" s="1" t="s">
        <v>110014</v>
      </c>
      <c r="G31498" s="1" t="s">
        <v>109968</v>
      </c>
      <c r="H31498" s="1" t="s">
        <v>109969</v>
      </c>
      <c r="I31498" s="1" t="s">
        <v>109553</v>
      </c>
      <c r="J31498" s="1" t="s">
        <v>110015</v>
      </c>
    </row>
    <row r="31499" spans="1:10" x14ac:dyDescent="0.35">
      <c r="A31499" s="1" t="s">
        <v>9854</v>
      </c>
      <c r="B31499" s="1" t="s">
        <v>109548</v>
      </c>
      <c r="C31499" s="1" t="s">
        <v>85</v>
      </c>
      <c r="D31499" s="1" t="s">
        <v>1580</v>
      </c>
      <c r="E31499" s="1" t="s">
        <v>110016</v>
      </c>
      <c r="F31499" s="1" t="s">
        <v>110017</v>
      </c>
      <c r="G31499" s="1" t="s">
        <v>109968</v>
      </c>
      <c r="H31499" s="1" t="s">
        <v>109969</v>
      </c>
      <c r="I31499" s="1" t="s">
        <v>109553</v>
      </c>
      <c r="J31499" s="1" t="s">
        <v>110018</v>
      </c>
    </row>
    <row r="31500" spans="1:10" x14ac:dyDescent="0.35">
      <c r="A31500" s="1" t="s">
        <v>9854</v>
      </c>
      <c r="B31500" s="1" t="s">
        <v>109548</v>
      </c>
      <c r="C31500" s="1" t="s">
        <v>90</v>
      </c>
      <c r="D31500" s="1" t="s">
        <v>28271</v>
      </c>
      <c r="E31500" s="1" t="s">
        <v>110019</v>
      </c>
      <c r="F31500" s="1" t="s">
        <v>110020</v>
      </c>
      <c r="G31500" s="1" t="s">
        <v>109968</v>
      </c>
      <c r="H31500" s="1" t="s">
        <v>109969</v>
      </c>
      <c r="I31500" s="1" t="s">
        <v>109553</v>
      </c>
      <c r="J31500" s="1" t="s">
        <v>110021</v>
      </c>
    </row>
    <row r="31501" spans="1:10" x14ac:dyDescent="0.35">
      <c r="A31501" s="1" t="s">
        <v>9854</v>
      </c>
      <c r="B31501" s="1" t="s">
        <v>109548</v>
      </c>
      <c r="C31501" s="1" t="s">
        <v>95</v>
      </c>
      <c r="D31501" s="1" t="s">
        <v>25247</v>
      </c>
      <c r="E31501" s="1" t="s">
        <v>110022</v>
      </c>
      <c r="F31501" s="1" t="s">
        <v>110023</v>
      </c>
      <c r="G31501" s="1" t="s">
        <v>109968</v>
      </c>
      <c r="H31501" s="1" t="s">
        <v>109969</v>
      </c>
      <c r="I31501" s="1" t="s">
        <v>109553</v>
      </c>
      <c r="J31501" s="1" t="s">
        <v>110024</v>
      </c>
    </row>
    <row r="31502" spans="1:10" x14ac:dyDescent="0.35">
      <c r="A31502" s="1" t="s">
        <v>9854</v>
      </c>
      <c r="B31502" s="1" t="s">
        <v>109548</v>
      </c>
      <c r="C31502" s="1" t="s">
        <v>100</v>
      </c>
      <c r="D31502" s="1" t="s">
        <v>7048</v>
      </c>
      <c r="E31502" s="1" t="s">
        <v>110025</v>
      </c>
      <c r="F31502" s="1" t="s">
        <v>110026</v>
      </c>
      <c r="G31502" s="1" t="s">
        <v>109968</v>
      </c>
      <c r="H31502" s="1" t="s">
        <v>109969</v>
      </c>
      <c r="I31502" s="1" t="s">
        <v>109553</v>
      </c>
      <c r="J31502" s="1" t="s">
        <v>110027</v>
      </c>
    </row>
    <row r="31503" spans="1:10" x14ac:dyDescent="0.35">
      <c r="A31503" s="1" t="s">
        <v>9854</v>
      </c>
      <c r="B31503" s="1" t="s">
        <v>109548</v>
      </c>
      <c r="C31503" s="1" t="s">
        <v>105</v>
      </c>
      <c r="D31503" s="1" t="s">
        <v>110028</v>
      </c>
      <c r="E31503" s="1" t="s">
        <v>110029</v>
      </c>
      <c r="F31503" s="1" t="s">
        <v>110030</v>
      </c>
      <c r="G31503" s="1" t="s">
        <v>109968</v>
      </c>
      <c r="H31503" s="1" t="s">
        <v>109969</v>
      </c>
      <c r="I31503" s="1" t="s">
        <v>109553</v>
      </c>
      <c r="J31503" s="1" t="s">
        <v>110031</v>
      </c>
    </row>
    <row r="31504" spans="1:10" x14ac:dyDescent="0.35">
      <c r="A31504" s="1" t="s">
        <v>9854</v>
      </c>
      <c r="B31504" s="1" t="s">
        <v>109548</v>
      </c>
      <c r="C31504" s="1" t="s">
        <v>110</v>
      </c>
      <c r="D31504" s="1" t="s">
        <v>29581</v>
      </c>
      <c r="E31504" s="1" t="s">
        <v>110032</v>
      </c>
      <c r="F31504" s="1" t="s">
        <v>110033</v>
      </c>
      <c r="G31504" s="1" t="s">
        <v>109968</v>
      </c>
      <c r="H31504" s="1" t="s">
        <v>109969</v>
      </c>
      <c r="I31504" s="1" t="s">
        <v>109553</v>
      </c>
      <c r="J31504" s="1" t="s">
        <v>110034</v>
      </c>
    </row>
    <row r="31505" spans="1:10" x14ac:dyDescent="0.35">
      <c r="A31505" s="1" t="s">
        <v>9854</v>
      </c>
      <c r="B31505" s="1" t="s">
        <v>109548</v>
      </c>
      <c r="C31505" s="1" t="s">
        <v>115</v>
      </c>
      <c r="D31505" s="1" t="s">
        <v>46849</v>
      </c>
      <c r="E31505" s="1" t="s">
        <v>110035</v>
      </c>
      <c r="F31505" s="1" t="s">
        <v>110036</v>
      </c>
      <c r="G31505" s="1" t="s">
        <v>109968</v>
      </c>
      <c r="H31505" s="1" t="s">
        <v>109969</v>
      </c>
      <c r="I31505" s="1" t="s">
        <v>109553</v>
      </c>
      <c r="J31505" s="1" t="s">
        <v>110037</v>
      </c>
    </row>
    <row r="31506" spans="1:10" x14ac:dyDescent="0.35">
      <c r="A31506" s="1" t="s">
        <v>9854</v>
      </c>
      <c r="B31506" s="1" t="s">
        <v>109548</v>
      </c>
      <c r="C31506" s="1" t="s">
        <v>120</v>
      </c>
      <c r="D31506" s="1" t="s">
        <v>28558</v>
      </c>
      <c r="E31506" s="1" t="s">
        <v>110038</v>
      </c>
      <c r="F31506" s="1" t="s">
        <v>110039</v>
      </c>
      <c r="G31506" s="1" t="s">
        <v>109968</v>
      </c>
      <c r="H31506" s="1" t="s">
        <v>109969</v>
      </c>
      <c r="I31506" s="1" t="s">
        <v>109553</v>
      </c>
      <c r="J31506" s="1" t="s">
        <v>110040</v>
      </c>
    </row>
    <row r="31507" spans="1:10" x14ac:dyDescent="0.35">
      <c r="A31507" s="1" t="s">
        <v>9854</v>
      </c>
      <c r="B31507" s="1" t="s">
        <v>109548</v>
      </c>
      <c r="C31507" s="1" t="s">
        <v>125</v>
      </c>
      <c r="D31507" s="1" t="s">
        <v>110041</v>
      </c>
      <c r="E31507" s="1" t="s">
        <v>110042</v>
      </c>
      <c r="F31507" s="1" t="s">
        <v>110043</v>
      </c>
      <c r="G31507" s="1" t="s">
        <v>109968</v>
      </c>
      <c r="H31507" s="1" t="s">
        <v>109969</v>
      </c>
      <c r="I31507" s="1" t="s">
        <v>109553</v>
      </c>
      <c r="J31507" s="1" t="s">
        <v>110044</v>
      </c>
    </row>
    <row r="31508" spans="1:10" x14ac:dyDescent="0.35">
      <c r="A31508" s="1" t="s">
        <v>9854</v>
      </c>
      <c r="B31508" s="1" t="s">
        <v>109548</v>
      </c>
      <c r="C31508" s="1" t="s">
        <v>130</v>
      </c>
      <c r="D31508" s="1" t="s">
        <v>10149</v>
      </c>
      <c r="E31508" s="1" t="s">
        <v>110045</v>
      </c>
      <c r="F31508" s="1" t="s">
        <v>110046</v>
      </c>
      <c r="G31508" s="1" t="s">
        <v>109968</v>
      </c>
      <c r="H31508" s="1" t="s">
        <v>109969</v>
      </c>
      <c r="I31508" s="1" t="s">
        <v>109553</v>
      </c>
      <c r="J31508" s="1" t="s">
        <v>110047</v>
      </c>
    </row>
    <row r="31509" spans="1:10" x14ac:dyDescent="0.35">
      <c r="A31509" s="1" t="s">
        <v>9854</v>
      </c>
      <c r="B31509" s="1" t="s">
        <v>109548</v>
      </c>
      <c r="C31509" s="1" t="s">
        <v>135</v>
      </c>
      <c r="D31509" s="1" t="s">
        <v>110048</v>
      </c>
      <c r="E31509" s="1" t="s">
        <v>110049</v>
      </c>
      <c r="F31509" s="1" t="s">
        <v>110050</v>
      </c>
      <c r="G31509" s="1" t="s">
        <v>109968</v>
      </c>
      <c r="H31509" s="1" t="s">
        <v>109969</v>
      </c>
      <c r="I31509" s="1" t="s">
        <v>109553</v>
      </c>
      <c r="J31509" s="1" t="s">
        <v>110051</v>
      </c>
    </row>
    <row r="31510" spans="1:10" x14ac:dyDescent="0.35">
      <c r="A31510" s="1" t="s">
        <v>9854</v>
      </c>
      <c r="B31510" s="1" t="s">
        <v>109548</v>
      </c>
      <c r="C31510" s="1" t="s">
        <v>140</v>
      </c>
      <c r="D31510" s="1" t="s">
        <v>110052</v>
      </c>
      <c r="E31510" s="1" t="s">
        <v>110053</v>
      </c>
      <c r="F31510" s="1" t="s">
        <v>110054</v>
      </c>
      <c r="G31510" s="1" t="s">
        <v>109968</v>
      </c>
      <c r="H31510" s="1" t="s">
        <v>109969</v>
      </c>
      <c r="I31510" s="1" t="s">
        <v>109553</v>
      </c>
      <c r="J31510" s="1" t="s">
        <v>110055</v>
      </c>
    </row>
    <row r="31511" spans="1:10" x14ac:dyDescent="0.35">
      <c r="A31511" s="1" t="s">
        <v>9854</v>
      </c>
      <c r="B31511" s="1" t="s">
        <v>109548</v>
      </c>
      <c r="C31511" s="1" t="s">
        <v>145</v>
      </c>
      <c r="D31511" s="1" t="s">
        <v>10973</v>
      </c>
      <c r="E31511" s="1" t="s">
        <v>110056</v>
      </c>
      <c r="F31511" s="1" t="s">
        <v>110057</v>
      </c>
      <c r="G31511" s="1" t="s">
        <v>109968</v>
      </c>
      <c r="H31511" s="1" t="s">
        <v>109969</v>
      </c>
      <c r="I31511" s="1" t="s">
        <v>109553</v>
      </c>
      <c r="J31511" s="1" t="s">
        <v>110058</v>
      </c>
    </row>
    <row r="31512" spans="1:10" x14ac:dyDescent="0.35">
      <c r="A31512" s="1" t="s">
        <v>9854</v>
      </c>
      <c r="B31512" s="1" t="s">
        <v>109548</v>
      </c>
      <c r="C31512" s="1" t="s">
        <v>150</v>
      </c>
      <c r="D31512" s="1" t="s">
        <v>110059</v>
      </c>
      <c r="E31512" s="1" t="s">
        <v>110060</v>
      </c>
      <c r="F31512" s="1" t="s">
        <v>110061</v>
      </c>
      <c r="G31512" s="1" t="s">
        <v>109968</v>
      </c>
      <c r="H31512" s="1" t="s">
        <v>109969</v>
      </c>
      <c r="I31512" s="1" t="s">
        <v>109553</v>
      </c>
      <c r="J31512" s="1" t="s">
        <v>110062</v>
      </c>
    </row>
    <row r="31513" spans="1:10" x14ac:dyDescent="0.35">
      <c r="A31513" s="1" t="s">
        <v>9854</v>
      </c>
      <c r="B31513" s="1" t="s">
        <v>109548</v>
      </c>
      <c r="C31513" s="1" t="s">
        <v>155</v>
      </c>
      <c r="D31513" s="1" t="s">
        <v>110063</v>
      </c>
      <c r="E31513" s="1" t="s">
        <v>110064</v>
      </c>
      <c r="F31513" s="1" t="s">
        <v>110065</v>
      </c>
      <c r="G31513" s="1" t="s">
        <v>109968</v>
      </c>
      <c r="H31513" s="1" t="s">
        <v>109969</v>
      </c>
      <c r="I31513" s="1" t="s">
        <v>109553</v>
      </c>
      <c r="J31513" s="1" t="s">
        <v>110066</v>
      </c>
    </row>
    <row r="31514" spans="1:10" x14ac:dyDescent="0.35">
      <c r="A31514" s="1" t="s">
        <v>9854</v>
      </c>
      <c r="B31514" s="1" t="s">
        <v>109548</v>
      </c>
      <c r="C31514" s="1" t="s">
        <v>160</v>
      </c>
      <c r="D31514" s="1" t="s">
        <v>110059</v>
      </c>
      <c r="E31514" s="1" t="s">
        <v>110067</v>
      </c>
      <c r="F31514" s="1" t="s">
        <v>110068</v>
      </c>
      <c r="G31514" s="1" t="s">
        <v>109968</v>
      </c>
      <c r="H31514" s="1" t="s">
        <v>109969</v>
      </c>
      <c r="I31514" s="1" t="s">
        <v>109553</v>
      </c>
      <c r="J31514" s="1" t="s">
        <v>110069</v>
      </c>
    </row>
    <row r="31515" spans="1:10" x14ac:dyDescent="0.35">
      <c r="A31515" s="1" t="s">
        <v>9854</v>
      </c>
      <c r="B31515" s="1" t="s">
        <v>109548</v>
      </c>
      <c r="C31515" s="1" t="s">
        <v>165</v>
      </c>
      <c r="D31515" s="1" t="s">
        <v>104100</v>
      </c>
      <c r="E31515" s="1" t="s">
        <v>110070</v>
      </c>
      <c r="F31515" s="1" t="s">
        <v>110071</v>
      </c>
      <c r="G31515" s="1" t="s">
        <v>109968</v>
      </c>
      <c r="H31515" s="1" t="s">
        <v>109969</v>
      </c>
      <c r="I31515" s="1" t="s">
        <v>109553</v>
      </c>
      <c r="J31515" s="1" t="s">
        <v>110072</v>
      </c>
    </row>
    <row r="31516" spans="1:10" x14ac:dyDescent="0.35">
      <c r="A31516" s="1" t="s">
        <v>9854</v>
      </c>
      <c r="B31516" s="1" t="s">
        <v>109548</v>
      </c>
      <c r="C31516" s="1" t="s">
        <v>170</v>
      </c>
      <c r="D31516" s="1" t="s">
        <v>110073</v>
      </c>
      <c r="E31516" s="1" t="s">
        <v>110074</v>
      </c>
      <c r="F31516" s="1" t="s">
        <v>110075</v>
      </c>
      <c r="G31516" s="1" t="s">
        <v>109968</v>
      </c>
      <c r="H31516" s="1" t="s">
        <v>109969</v>
      </c>
      <c r="I31516" s="1" t="s">
        <v>109553</v>
      </c>
      <c r="J31516" s="1" t="s">
        <v>110076</v>
      </c>
    </row>
    <row r="31517" spans="1:10" x14ac:dyDescent="0.35">
      <c r="A31517" s="1" t="s">
        <v>46076</v>
      </c>
      <c r="B31517" s="1" t="s">
        <v>109548</v>
      </c>
      <c r="C31517" s="1" t="s">
        <v>8</v>
      </c>
      <c r="D31517" s="1" t="s">
        <v>25439</v>
      </c>
      <c r="E31517" s="1" t="s">
        <v>11849</v>
      </c>
      <c r="F31517" s="1" t="s">
        <v>110077</v>
      </c>
      <c r="G31517" s="1" t="s">
        <v>110078</v>
      </c>
      <c r="H31517" s="1" t="s">
        <v>110079</v>
      </c>
      <c r="I31517" s="1" t="s">
        <v>109553</v>
      </c>
      <c r="J31517" s="1" t="s">
        <v>13</v>
      </c>
    </row>
    <row r="31518" spans="1:10" x14ac:dyDescent="0.35">
      <c r="A31518" s="1" t="s">
        <v>46076</v>
      </c>
      <c r="B31518" s="1" t="s">
        <v>109548</v>
      </c>
      <c r="C31518" s="1" t="s">
        <v>15</v>
      </c>
      <c r="D31518" s="1" t="s">
        <v>110080</v>
      </c>
      <c r="E31518" s="1" t="s">
        <v>110081</v>
      </c>
      <c r="F31518" s="1" t="s">
        <v>110082</v>
      </c>
      <c r="G31518" s="1" t="s">
        <v>110078</v>
      </c>
      <c r="H31518" s="1" t="s">
        <v>110079</v>
      </c>
      <c r="I31518" s="1" t="s">
        <v>109553</v>
      </c>
      <c r="J31518" s="1" t="s">
        <v>110083</v>
      </c>
    </row>
    <row r="31519" spans="1:10" x14ac:dyDescent="0.35">
      <c r="A31519" s="1" t="s">
        <v>46076</v>
      </c>
      <c r="B31519" s="1" t="s">
        <v>109548</v>
      </c>
      <c r="C31519" s="1" t="s">
        <v>20</v>
      </c>
      <c r="D31519" s="1" t="s">
        <v>28130</v>
      </c>
      <c r="E31519" s="1" t="s">
        <v>51396</v>
      </c>
      <c r="F31519" s="1" t="s">
        <v>110084</v>
      </c>
      <c r="G31519" s="1" t="s">
        <v>110078</v>
      </c>
      <c r="H31519" s="1" t="s">
        <v>110079</v>
      </c>
      <c r="I31519" s="1" t="s">
        <v>109553</v>
      </c>
      <c r="J31519" s="1" t="s">
        <v>110085</v>
      </c>
    </row>
    <row r="31520" spans="1:10" x14ac:dyDescent="0.35">
      <c r="A31520" s="1" t="s">
        <v>46076</v>
      </c>
      <c r="B31520" s="1" t="s">
        <v>109548</v>
      </c>
      <c r="C31520" s="1" t="s">
        <v>25</v>
      </c>
      <c r="D31520" s="1" t="s">
        <v>27937</v>
      </c>
      <c r="E31520" s="1" t="s">
        <v>110086</v>
      </c>
      <c r="F31520" s="1" t="s">
        <v>110087</v>
      </c>
      <c r="G31520" s="1" t="s">
        <v>110078</v>
      </c>
      <c r="H31520" s="1" t="s">
        <v>110079</v>
      </c>
      <c r="I31520" s="1" t="s">
        <v>109553</v>
      </c>
      <c r="J31520" s="1" t="s">
        <v>110088</v>
      </c>
    </row>
    <row r="31521" spans="1:10" x14ac:dyDescent="0.35">
      <c r="A31521" s="1" t="s">
        <v>46076</v>
      </c>
      <c r="B31521" s="1" t="s">
        <v>109548</v>
      </c>
      <c r="C31521" s="1" t="s">
        <v>30</v>
      </c>
      <c r="D31521" s="1" t="s">
        <v>28134</v>
      </c>
      <c r="E31521" s="1" t="s">
        <v>110089</v>
      </c>
      <c r="F31521" s="1" t="s">
        <v>110090</v>
      </c>
      <c r="G31521" s="1" t="s">
        <v>110078</v>
      </c>
      <c r="H31521" s="1" t="s">
        <v>110079</v>
      </c>
      <c r="I31521" s="1" t="s">
        <v>109553</v>
      </c>
      <c r="J31521" s="1" t="s">
        <v>110091</v>
      </c>
    </row>
    <row r="31522" spans="1:10" x14ac:dyDescent="0.35">
      <c r="A31522" s="1" t="s">
        <v>46076</v>
      </c>
      <c r="B31522" s="1" t="s">
        <v>109548</v>
      </c>
      <c r="C31522" s="1" t="s">
        <v>35</v>
      </c>
      <c r="D31522" s="1" t="s">
        <v>28137</v>
      </c>
      <c r="E31522" s="1" t="s">
        <v>110092</v>
      </c>
      <c r="F31522" s="1" t="s">
        <v>110093</v>
      </c>
      <c r="G31522" s="1" t="s">
        <v>110078</v>
      </c>
      <c r="H31522" s="1" t="s">
        <v>110079</v>
      </c>
      <c r="I31522" s="1" t="s">
        <v>109553</v>
      </c>
      <c r="J31522" s="1" t="s">
        <v>28140</v>
      </c>
    </row>
    <row r="31523" spans="1:10" x14ac:dyDescent="0.35">
      <c r="A31523" s="1" t="s">
        <v>46076</v>
      </c>
      <c r="B31523" s="1" t="s">
        <v>109548</v>
      </c>
      <c r="C31523" s="1" t="s">
        <v>40</v>
      </c>
      <c r="D31523" s="1" t="s">
        <v>110094</v>
      </c>
      <c r="E31523" s="1" t="s">
        <v>110095</v>
      </c>
      <c r="F31523" s="1" t="s">
        <v>110096</v>
      </c>
      <c r="G31523" s="1" t="s">
        <v>110078</v>
      </c>
      <c r="H31523" s="1" t="s">
        <v>110079</v>
      </c>
      <c r="I31523" s="1" t="s">
        <v>109553</v>
      </c>
      <c r="J31523" s="1" t="s">
        <v>110097</v>
      </c>
    </row>
    <row r="31524" spans="1:10" x14ac:dyDescent="0.35">
      <c r="A31524" s="1" t="s">
        <v>46076</v>
      </c>
      <c r="B31524" s="1" t="s">
        <v>109548</v>
      </c>
      <c r="C31524" s="1" t="s">
        <v>45</v>
      </c>
      <c r="D31524" s="1" t="s">
        <v>2619</v>
      </c>
      <c r="E31524" s="1" t="s">
        <v>50823</v>
      </c>
      <c r="F31524" s="1" t="s">
        <v>110098</v>
      </c>
      <c r="G31524" s="1" t="s">
        <v>110078</v>
      </c>
      <c r="H31524" s="1" t="s">
        <v>110079</v>
      </c>
      <c r="I31524" s="1" t="s">
        <v>109553</v>
      </c>
      <c r="J31524" s="1" t="s">
        <v>110099</v>
      </c>
    </row>
    <row r="31525" spans="1:10" x14ac:dyDescent="0.35">
      <c r="A31525" s="1" t="s">
        <v>46076</v>
      </c>
      <c r="B31525" s="1" t="s">
        <v>109548</v>
      </c>
      <c r="C31525" s="1" t="s">
        <v>50</v>
      </c>
      <c r="D31525" s="1" t="s">
        <v>110100</v>
      </c>
      <c r="E31525" s="1" t="s">
        <v>28225</v>
      </c>
      <c r="F31525" s="1" t="s">
        <v>110101</v>
      </c>
      <c r="G31525" s="1" t="s">
        <v>110078</v>
      </c>
      <c r="H31525" s="1" t="s">
        <v>110079</v>
      </c>
      <c r="I31525" s="1" t="s">
        <v>109553</v>
      </c>
      <c r="J31525" s="1" t="s">
        <v>110102</v>
      </c>
    </row>
    <row r="31526" spans="1:10" x14ac:dyDescent="0.35">
      <c r="A31526" s="1" t="s">
        <v>46076</v>
      </c>
      <c r="B31526" s="1" t="s">
        <v>109548</v>
      </c>
      <c r="C31526" s="1" t="s">
        <v>55</v>
      </c>
      <c r="D31526" s="1" t="s">
        <v>110103</v>
      </c>
      <c r="E31526" s="1" t="s">
        <v>110104</v>
      </c>
      <c r="F31526" s="1" t="s">
        <v>110105</v>
      </c>
      <c r="G31526" s="1" t="s">
        <v>110078</v>
      </c>
      <c r="H31526" s="1" t="s">
        <v>110079</v>
      </c>
      <c r="I31526" s="1" t="s">
        <v>109553</v>
      </c>
      <c r="J31526" s="1" t="s">
        <v>110106</v>
      </c>
    </row>
    <row r="31527" spans="1:10" x14ac:dyDescent="0.35">
      <c r="A31527" s="1" t="s">
        <v>46076</v>
      </c>
      <c r="B31527" s="1" t="s">
        <v>109548</v>
      </c>
      <c r="C31527" s="1" t="s">
        <v>60</v>
      </c>
      <c r="D31527" s="1" t="s">
        <v>42878</v>
      </c>
      <c r="E31527" s="1" t="s">
        <v>11804</v>
      </c>
      <c r="F31527" s="1" t="s">
        <v>110107</v>
      </c>
      <c r="G31527" s="1" t="s">
        <v>110078</v>
      </c>
      <c r="H31527" s="1" t="s">
        <v>110079</v>
      </c>
      <c r="I31527" s="1" t="s">
        <v>109553</v>
      </c>
      <c r="J31527" s="1" t="s">
        <v>110108</v>
      </c>
    </row>
    <row r="31528" spans="1:10" x14ac:dyDescent="0.35">
      <c r="A31528" s="1" t="s">
        <v>46076</v>
      </c>
      <c r="B31528" s="1" t="s">
        <v>109548</v>
      </c>
      <c r="C31528" s="1" t="s">
        <v>65</v>
      </c>
      <c r="D31528" s="1" t="s">
        <v>34935</v>
      </c>
      <c r="E31528" s="1" t="s">
        <v>110109</v>
      </c>
      <c r="F31528" s="1" t="s">
        <v>110110</v>
      </c>
      <c r="G31528" s="1" t="s">
        <v>110078</v>
      </c>
      <c r="H31528" s="1" t="s">
        <v>110079</v>
      </c>
      <c r="I31528" s="1" t="s">
        <v>109553</v>
      </c>
      <c r="J31528" s="1" t="s">
        <v>110111</v>
      </c>
    </row>
    <row r="31529" spans="1:10" x14ac:dyDescent="0.35">
      <c r="A31529" s="1" t="s">
        <v>46076</v>
      </c>
      <c r="B31529" s="1" t="s">
        <v>109548</v>
      </c>
      <c r="C31529" s="1" t="s">
        <v>70</v>
      </c>
      <c r="D31529" s="1" t="s">
        <v>18478</v>
      </c>
      <c r="E31529" s="1" t="s">
        <v>110112</v>
      </c>
      <c r="F31529" s="1" t="s">
        <v>110113</v>
      </c>
      <c r="G31529" s="1" t="s">
        <v>110078</v>
      </c>
      <c r="H31529" s="1" t="s">
        <v>110079</v>
      </c>
      <c r="I31529" s="1" t="s">
        <v>109553</v>
      </c>
      <c r="J31529" s="1" t="s">
        <v>110114</v>
      </c>
    </row>
    <row r="31530" spans="1:10" x14ac:dyDescent="0.35">
      <c r="A31530" s="1" t="s">
        <v>46076</v>
      </c>
      <c r="B31530" s="1" t="s">
        <v>109548</v>
      </c>
      <c r="C31530" s="1" t="s">
        <v>75</v>
      </c>
      <c r="D31530" s="1" t="s">
        <v>17899</v>
      </c>
      <c r="E31530" s="1" t="s">
        <v>29039</v>
      </c>
      <c r="F31530" s="1" t="s">
        <v>110115</v>
      </c>
      <c r="G31530" s="1" t="s">
        <v>110078</v>
      </c>
      <c r="H31530" s="1" t="s">
        <v>110079</v>
      </c>
      <c r="I31530" s="1" t="s">
        <v>109553</v>
      </c>
      <c r="J31530" s="1" t="s">
        <v>110116</v>
      </c>
    </row>
    <row r="31531" spans="1:10" x14ac:dyDescent="0.35">
      <c r="A31531" s="1" t="s">
        <v>46076</v>
      </c>
      <c r="B31531" s="1" t="s">
        <v>109548</v>
      </c>
      <c r="C31531" s="1" t="s">
        <v>80</v>
      </c>
      <c r="D31531" s="1" t="s">
        <v>110117</v>
      </c>
      <c r="E31531" s="1" t="s">
        <v>110118</v>
      </c>
      <c r="F31531" s="1" t="s">
        <v>110119</v>
      </c>
      <c r="G31531" s="1" t="s">
        <v>110078</v>
      </c>
      <c r="H31531" s="1" t="s">
        <v>110079</v>
      </c>
      <c r="I31531" s="1" t="s">
        <v>109553</v>
      </c>
      <c r="J31531" s="1" t="s">
        <v>110120</v>
      </c>
    </row>
    <row r="31532" spans="1:10" x14ac:dyDescent="0.35">
      <c r="A31532" s="1" t="s">
        <v>46076</v>
      </c>
      <c r="B31532" s="1" t="s">
        <v>109548</v>
      </c>
      <c r="C31532" s="1" t="s">
        <v>85</v>
      </c>
      <c r="D31532" s="1" t="s">
        <v>110121</v>
      </c>
      <c r="E31532" s="1" t="s">
        <v>28323</v>
      </c>
      <c r="F31532" s="1" t="s">
        <v>110122</v>
      </c>
      <c r="G31532" s="1" t="s">
        <v>110078</v>
      </c>
      <c r="H31532" s="1" t="s">
        <v>110079</v>
      </c>
      <c r="I31532" s="1" t="s">
        <v>109553</v>
      </c>
      <c r="J31532" s="1" t="s">
        <v>110123</v>
      </c>
    </row>
    <row r="31533" spans="1:10" x14ac:dyDescent="0.35">
      <c r="A31533" s="1" t="s">
        <v>46076</v>
      </c>
      <c r="B31533" s="1" t="s">
        <v>109548</v>
      </c>
      <c r="C31533" s="1" t="s">
        <v>90</v>
      </c>
      <c r="D31533" s="1" t="s">
        <v>71248</v>
      </c>
      <c r="E31533" s="1" t="s">
        <v>110124</v>
      </c>
      <c r="F31533" s="1" t="s">
        <v>110125</v>
      </c>
      <c r="G31533" s="1" t="s">
        <v>110078</v>
      </c>
      <c r="H31533" s="1" t="s">
        <v>110079</v>
      </c>
      <c r="I31533" s="1" t="s">
        <v>109553</v>
      </c>
      <c r="J31533" s="1" t="s">
        <v>110126</v>
      </c>
    </row>
    <row r="31534" spans="1:10" x14ac:dyDescent="0.35">
      <c r="A31534" s="1" t="s">
        <v>46076</v>
      </c>
      <c r="B31534" s="1" t="s">
        <v>109548</v>
      </c>
      <c r="C31534" s="1" t="s">
        <v>95</v>
      </c>
      <c r="D31534" s="1" t="s">
        <v>18212</v>
      </c>
      <c r="E31534" s="1" t="s">
        <v>50871</v>
      </c>
      <c r="F31534" s="1" t="s">
        <v>110127</v>
      </c>
      <c r="G31534" s="1" t="s">
        <v>110078</v>
      </c>
      <c r="H31534" s="1" t="s">
        <v>110079</v>
      </c>
      <c r="I31534" s="1" t="s">
        <v>109553</v>
      </c>
      <c r="J31534" s="1" t="s">
        <v>110128</v>
      </c>
    </row>
    <row r="31535" spans="1:10" x14ac:dyDescent="0.35">
      <c r="A31535" s="1" t="s">
        <v>46076</v>
      </c>
      <c r="B31535" s="1" t="s">
        <v>109548</v>
      </c>
      <c r="C31535" s="1" t="s">
        <v>100</v>
      </c>
      <c r="D31535" s="1" t="s">
        <v>110129</v>
      </c>
      <c r="E31535" s="1" t="s">
        <v>110112</v>
      </c>
      <c r="F31535" s="1" t="s">
        <v>110130</v>
      </c>
      <c r="G31535" s="1" t="s">
        <v>110078</v>
      </c>
      <c r="H31535" s="1" t="s">
        <v>110079</v>
      </c>
      <c r="I31535" s="1" t="s">
        <v>109553</v>
      </c>
      <c r="J31535" s="1" t="s">
        <v>110131</v>
      </c>
    </row>
    <row r="31536" spans="1:10" x14ac:dyDescent="0.35">
      <c r="A31536" s="1" t="s">
        <v>46076</v>
      </c>
      <c r="B31536" s="1" t="s">
        <v>109548</v>
      </c>
      <c r="C31536" s="1" t="s">
        <v>105</v>
      </c>
      <c r="D31536" s="1" t="s">
        <v>6727</v>
      </c>
      <c r="E31536" s="1" t="s">
        <v>110132</v>
      </c>
      <c r="F31536" s="1" t="s">
        <v>110133</v>
      </c>
      <c r="G31536" s="1" t="s">
        <v>110078</v>
      </c>
      <c r="H31536" s="1" t="s">
        <v>110079</v>
      </c>
      <c r="I31536" s="1" t="s">
        <v>109553</v>
      </c>
      <c r="J31536" s="1" t="s">
        <v>110134</v>
      </c>
    </row>
    <row r="31537" spans="1:10" x14ac:dyDescent="0.35">
      <c r="A31537" s="1" t="s">
        <v>46076</v>
      </c>
      <c r="B31537" s="1" t="s">
        <v>109548</v>
      </c>
      <c r="C31537" s="1" t="s">
        <v>110</v>
      </c>
      <c r="D31537" s="1" t="s">
        <v>110135</v>
      </c>
      <c r="E31537" s="1" t="s">
        <v>110136</v>
      </c>
      <c r="F31537" s="1" t="s">
        <v>110137</v>
      </c>
      <c r="G31537" s="1" t="s">
        <v>110078</v>
      </c>
      <c r="H31537" s="1" t="s">
        <v>110079</v>
      </c>
      <c r="I31537" s="1" t="s">
        <v>109553</v>
      </c>
      <c r="J31537" s="1" t="s">
        <v>110138</v>
      </c>
    </row>
    <row r="31538" spans="1:10" x14ac:dyDescent="0.35">
      <c r="A31538" s="1" t="s">
        <v>46076</v>
      </c>
      <c r="B31538" s="1" t="s">
        <v>109548</v>
      </c>
      <c r="C31538" s="1" t="s">
        <v>115</v>
      </c>
      <c r="D31538" s="1" t="s">
        <v>110139</v>
      </c>
      <c r="E31538" s="1" t="s">
        <v>110140</v>
      </c>
      <c r="F31538" s="1" t="s">
        <v>110141</v>
      </c>
      <c r="G31538" s="1" t="s">
        <v>110078</v>
      </c>
      <c r="H31538" s="1" t="s">
        <v>110079</v>
      </c>
      <c r="I31538" s="1" t="s">
        <v>109553</v>
      </c>
      <c r="J31538" s="1" t="s">
        <v>110142</v>
      </c>
    </row>
    <row r="31539" spans="1:10" x14ac:dyDescent="0.35">
      <c r="A31539" s="1" t="s">
        <v>46076</v>
      </c>
      <c r="B31539" s="1" t="s">
        <v>109548</v>
      </c>
      <c r="C31539" s="1" t="s">
        <v>120</v>
      </c>
      <c r="D31539" s="1" t="s">
        <v>110143</v>
      </c>
      <c r="E31539" s="1" t="s">
        <v>28250</v>
      </c>
      <c r="F31539" s="1" t="s">
        <v>110144</v>
      </c>
      <c r="G31539" s="1" t="s">
        <v>110078</v>
      </c>
      <c r="H31539" s="1" t="s">
        <v>110079</v>
      </c>
      <c r="I31539" s="1" t="s">
        <v>109553</v>
      </c>
      <c r="J31539" s="1" t="s">
        <v>110145</v>
      </c>
    </row>
    <row r="31540" spans="1:10" x14ac:dyDescent="0.35">
      <c r="A31540" s="1" t="s">
        <v>46076</v>
      </c>
      <c r="B31540" s="1" t="s">
        <v>109548</v>
      </c>
      <c r="C31540" s="1" t="s">
        <v>125</v>
      </c>
      <c r="D31540" s="1" t="s">
        <v>30975</v>
      </c>
      <c r="E31540" s="1" t="s">
        <v>11853</v>
      </c>
      <c r="F31540" s="1" t="s">
        <v>110146</v>
      </c>
      <c r="G31540" s="1" t="s">
        <v>110078</v>
      </c>
      <c r="H31540" s="1" t="s">
        <v>110079</v>
      </c>
      <c r="I31540" s="1" t="s">
        <v>109553</v>
      </c>
      <c r="J31540" s="1" t="s">
        <v>110147</v>
      </c>
    </row>
    <row r="31541" spans="1:10" x14ac:dyDescent="0.35">
      <c r="A31541" s="1" t="s">
        <v>46076</v>
      </c>
      <c r="B31541" s="1" t="s">
        <v>109548</v>
      </c>
      <c r="C31541" s="1" t="s">
        <v>130</v>
      </c>
      <c r="D31541" s="1" t="s">
        <v>47373</v>
      </c>
      <c r="E31541" s="1" t="s">
        <v>28042</v>
      </c>
      <c r="F31541" s="1" t="s">
        <v>110148</v>
      </c>
      <c r="G31541" s="1" t="s">
        <v>110078</v>
      </c>
      <c r="H31541" s="1" t="s">
        <v>110079</v>
      </c>
      <c r="I31541" s="1" t="s">
        <v>109553</v>
      </c>
      <c r="J31541" s="1" t="s">
        <v>110149</v>
      </c>
    </row>
    <row r="31542" spans="1:10" x14ac:dyDescent="0.35">
      <c r="A31542" s="1" t="s">
        <v>46076</v>
      </c>
      <c r="B31542" s="1" t="s">
        <v>109548</v>
      </c>
      <c r="C31542" s="1" t="s">
        <v>135</v>
      </c>
      <c r="D31542" s="1" t="s">
        <v>75442</v>
      </c>
      <c r="E31542" s="1" t="s">
        <v>15128</v>
      </c>
      <c r="F31542" s="1" t="s">
        <v>110150</v>
      </c>
      <c r="G31542" s="1" t="s">
        <v>110078</v>
      </c>
      <c r="H31542" s="1" t="s">
        <v>110079</v>
      </c>
      <c r="I31542" s="1" t="s">
        <v>109553</v>
      </c>
      <c r="J31542" s="1" t="s">
        <v>110151</v>
      </c>
    </row>
    <row r="31543" spans="1:10" x14ac:dyDescent="0.35">
      <c r="A31543" s="1" t="s">
        <v>46076</v>
      </c>
      <c r="B31543" s="1" t="s">
        <v>109548</v>
      </c>
      <c r="C31543" s="1" t="s">
        <v>140</v>
      </c>
      <c r="D31543" s="1" t="s">
        <v>110152</v>
      </c>
      <c r="E31543" s="1" t="s">
        <v>110153</v>
      </c>
      <c r="F31543" s="1" t="s">
        <v>12678</v>
      </c>
      <c r="G31543" s="1" t="s">
        <v>110078</v>
      </c>
      <c r="H31543" s="1" t="s">
        <v>110079</v>
      </c>
      <c r="I31543" s="1" t="s">
        <v>109553</v>
      </c>
      <c r="J31543" s="1" t="s">
        <v>110154</v>
      </c>
    </row>
    <row r="31544" spans="1:10" x14ac:dyDescent="0.35">
      <c r="A31544" s="1" t="s">
        <v>46076</v>
      </c>
      <c r="B31544" s="1" t="s">
        <v>109548</v>
      </c>
      <c r="C31544" s="1" t="s">
        <v>145</v>
      </c>
      <c r="D31544" s="1" t="s">
        <v>110155</v>
      </c>
      <c r="E31544" s="1" t="s">
        <v>29039</v>
      </c>
      <c r="F31544" s="1" t="s">
        <v>110156</v>
      </c>
      <c r="G31544" s="1" t="s">
        <v>110078</v>
      </c>
      <c r="H31544" s="1" t="s">
        <v>110079</v>
      </c>
      <c r="I31544" s="1" t="s">
        <v>109553</v>
      </c>
      <c r="J31544" s="1" t="s">
        <v>110157</v>
      </c>
    </row>
    <row r="31545" spans="1:10" x14ac:dyDescent="0.35">
      <c r="A31545" s="1" t="s">
        <v>46076</v>
      </c>
      <c r="B31545" s="1" t="s">
        <v>109548</v>
      </c>
      <c r="C31545" s="1" t="s">
        <v>150</v>
      </c>
      <c r="D31545" s="1" t="s">
        <v>110158</v>
      </c>
      <c r="E31545" s="1" t="s">
        <v>110159</v>
      </c>
      <c r="F31545" s="1" t="s">
        <v>110160</v>
      </c>
      <c r="G31545" s="1" t="s">
        <v>110078</v>
      </c>
      <c r="H31545" s="1" t="s">
        <v>110079</v>
      </c>
      <c r="I31545" s="1" t="s">
        <v>109553</v>
      </c>
      <c r="J31545" s="1" t="s">
        <v>110161</v>
      </c>
    </row>
    <row r="31546" spans="1:10" x14ac:dyDescent="0.35">
      <c r="A31546" s="1" t="s">
        <v>46076</v>
      </c>
      <c r="B31546" s="1" t="s">
        <v>109548</v>
      </c>
      <c r="C31546" s="1" t="s">
        <v>155</v>
      </c>
      <c r="D31546" s="1" t="s">
        <v>110162</v>
      </c>
      <c r="E31546" s="1" t="s">
        <v>28988</v>
      </c>
      <c r="F31546" s="1" t="s">
        <v>110163</v>
      </c>
      <c r="G31546" s="1" t="s">
        <v>110078</v>
      </c>
      <c r="H31546" s="1" t="s">
        <v>110079</v>
      </c>
      <c r="I31546" s="1" t="s">
        <v>109553</v>
      </c>
      <c r="J31546" s="1" t="s">
        <v>110164</v>
      </c>
    </row>
    <row r="31547" spans="1:10" x14ac:dyDescent="0.35">
      <c r="A31547" s="1" t="s">
        <v>46076</v>
      </c>
      <c r="B31547" s="1" t="s">
        <v>109548</v>
      </c>
      <c r="C31547" s="1" t="s">
        <v>160</v>
      </c>
      <c r="D31547" s="1" t="s">
        <v>42634</v>
      </c>
      <c r="E31547" s="1" t="s">
        <v>110165</v>
      </c>
      <c r="F31547" s="1" t="s">
        <v>110166</v>
      </c>
      <c r="G31547" s="1" t="s">
        <v>110078</v>
      </c>
      <c r="H31547" s="1" t="s">
        <v>110079</v>
      </c>
      <c r="I31547" s="1" t="s">
        <v>109553</v>
      </c>
      <c r="J31547" s="1" t="s">
        <v>110167</v>
      </c>
    </row>
    <row r="31548" spans="1:10" x14ac:dyDescent="0.35">
      <c r="A31548" s="1" t="s">
        <v>46076</v>
      </c>
      <c r="B31548" s="1" t="s">
        <v>109548</v>
      </c>
      <c r="C31548" s="1" t="s">
        <v>165</v>
      </c>
      <c r="D31548" s="1" t="s">
        <v>38368</v>
      </c>
      <c r="E31548" s="1" t="s">
        <v>15194</v>
      </c>
      <c r="F31548" s="1" t="s">
        <v>110168</v>
      </c>
      <c r="G31548" s="1" t="s">
        <v>110078</v>
      </c>
      <c r="H31548" s="1" t="s">
        <v>110079</v>
      </c>
      <c r="I31548" s="1" t="s">
        <v>109553</v>
      </c>
      <c r="J31548" s="1" t="s">
        <v>110169</v>
      </c>
    </row>
    <row r="31549" spans="1:10" x14ac:dyDescent="0.35">
      <c r="A31549" s="1" t="s">
        <v>46076</v>
      </c>
      <c r="B31549" s="1" t="s">
        <v>109548</v>
      </c>
      <c r="C31549" s="1" t="s">
        <v>170</v>
      </c>
      <c r="D31549" s="1" t="s">
        <v>37903</v>
      </c>
      <c r="E31549" s="1" t="s">
        <v>28272</v>
      </c>
      <c r="F31549" s="1" t="s">
        <v>110170</v>
      </c>
      <c r="G31549" s="1" t="s">
        <v>110078</v>
      </c>
      <c r="H31549" s="1" t="s">
        <v>110079</v>
      </c>
      <c r="I31549" s="1" t="s">
        <v>109553</v>
      </c>
      <c r="J31549" s="1" t="s">
        <v>110171</v>
      </c>
    </row>
    <row r="31550" spans="1:10" x14ac:dyDescent="0.35">
      <c r="A31550" s="1" t="s">
        <v>6290</v>
      </c>
      <c r="B31550" s="1" t="s">
        <v>109548</v>
      </c>
      <c r="C31550" s="1" t="s">
        <v>8</v>
      </c>
      <c r="D31550" s="1" t="s">
        <v>53201</v>
      </c>
      <c r="E31550" s="1" t="s">
        <v>110172</v>
      </c>
      <c r="F31550" s="1" t="s">
        <v>110173</v>
      </c>
      <c r="G31550" s="1" t="s">
        <v>110174</v>
      </c>
      <c r="H31550" s="1" t="s">
        <v>110175</v>
      </c>
      <c r="I31550" s="1" t="s">
        <v>109553</v>
      </c>
      <c r="J31550" s="1" t="s">
        <v>13</v>
      </c>
    </row>
    <row r="31551" spans="1:10" x14ac:dyDescent="0.35">
      <c r="A31551" s="1" t="s">
        <v>6290</v>
      </c>
      <c r="B31551" s="1" t="s">
        <v>109548</v>
      </c>
      <c r="C31551" s="1" t="s">
        <v>15</v>
      </c>
      <c r="D31551" s="1" t="s">
        <v>108617</v>
      </c>
      <c r="E31551" s="1" t="s">
        <v>74146</v>
      </c>
      <c r="F31551" s="1" t="s">
        <v>110176</v>
      </c>
      <c r="G31551" s="1" t="s">
        <v>110174</v>
      </c>
      <c r="H31551" s="1" t="s">
        <v>110175</v>
      </c>
      <c r="I31551" s="1" t="s">
        <v>109553</v>
      </c>
      <c r="J31551" s="1" t="s">
        <v>110177</v>
      </c>
    </row>
    <row r="31552" spans="1:10" x14ac:dyDescent="0.35">
      <c r="A31552" s="1" t="s">
        <v>6290</v>
      </c>
      <c r="B31552" s="1" t="s">
        <v>109548</v>
      </c>
      <c r="C31552" s="1" t="s">
        <v>20</v>
      </c>
      <c r="D31552" s="1" t="s">
        <v>110178</v>
      </c>
      <c r="E31552" s="1" t="s">
        <v>110179</v>
      </c>
      <c r="F31552" s="1" t="s">
        <v>110180</v>
      </c>
      <c r="G31552" s="1" t="s">
        <v>110174</v>
      </c>
      <c r="H31552" s="1" t="s">
        <v>110175</v>
      </c>
      <c r="I31552" s="1" t="s">
        <v>109553</v>
      </c>
      <c r="J31552" s="1" t="s">
        <v>110181</v>
      </c>
    </row>
    <row r="31553" spans="1:10" x14ac:dyDescent="0.35">
      <c r="A31553" s="1" t="s">
        <v>6290</v>
      </c>
      <c r="B31553" s="1" t="s">
        <v>109548</v>
      </c>
      <c r="C31553" s="1" t="s">
        <v>25</v>
      </c>
      <c r="D31553" s="1" t="s">
        <v>106616</v>
      </c>
      <c r="E31553" s="1" t="s">
        <v>73425</v>
      </c>
      <c r="F31553" s="1" t="s">
        <v>110182</v>
      </c>
      <c r="G31553" s="1" t="s">
        <v>110174</v>
      </c>
      <c r="H31553" s="1" t="s">
        <v>110175</v>
      </c>
      <c r="I31553" s="1" t="s">
        <v>109553</v>
      </c>
      <c r="J31553" s="1" t="s">
        <v>110183</v>
      </c>
    </row>
    <row r="31554" spans="1:10" x14ac:dyDescent="0.35">
      <c r="A31554" s="1" t="s">
        <v>6290</v>
      </c>
      <c r="B31554" s="1" t="s">
        <v>109548</v>
      </c>
      <c r="C31554" s="1" t="s">
        <v>30</v>
      </c>
      <c r="D31554" s="1" t="s">
        <v>107986</v>
      </c>
      <c r="E31554" s="1" t="s">
        <v>73453</v>
      </c>
      <c r="F31554" s="1" t="s">
        <v>101059</v>
      </c>
      <c r="G31554" s="1" t="s">
        <v>110174</v>
      </c>
      <c r="H31554" s="1" t="s">
        <v>110175</v>
      </c>
      <c r="I31554" s="1" t="s">
        <v>109553</v>
      </c>
      <c r="J31554" s="1" t="s">
        <v>110184</v>
      </c>
    </row>
    <row r="31555" spans="1:10" x14ac:dyDescent="0.35">
      <c r="A31555" s="1" t="s">
        <v>6290</v>
      </c>
      <c r="B31555" s="1" t="s">
        <v>109548</v>
      </c>
      <c r="C31555" s="1" t="s">
        <v>35</v>
      </c>
      <c r="D31555" s="1" t="s">
        <v>110185</v>
      </c>
      <c r="E31555" s="1" t="s">
        <v>110186</v>
      </c>
      <c r="F31555" s="1" t="s">
        <v>110187</v>
      </c>
      <c r="G31555" s="1" t="s">
        <v>110174</v>
      </c>
      <c r="H31555" s="1" t="s">
        <v>110175</v>
      </c>
      <c r="I31555" s="1" t="s">
        <v>109553</v>
      </c>
      <c r="J31555" s="1" t="s">
        <v>110188</v>
      </c>
    </row>
    <row r="31556" spans="1:10" x14ac:dyDescent="0.35">
      <c r="A31556" s="1" t="s">
        <v>6290</v>
      </c>
      <c r="B31556" s="1" t="s">
        <v>109548</v>
      </c>
      <c r="C31556" s="1" t="s">
        <v>40</v>
      </c>
      <c r="D31556" s="1" t="s">
        <v>110189</v>
      </c>
      <c r="E31556" s="1" t="s">
        <v>110190</v>
      </c>
      <c r="F31556" s="1" t="s">
        <v>110191</v>
      </c>
      <c r="G31556" s="1" t="s">
        <v>110174</v>
      </c>
      <c r="H31556" s="1" t="s">
        <v>110175</v>
      </c>
      <c r="I31556" s="1" t="s">
        <v>109553</v>
      </c>
      <c r="J31556" s="1" t="s">
        <v>110192</v>
      </c>
    </row>
    <row r="31557" spans="1:10" x14ac:dyDescent="0.35">
      <c r="A31557" s="1" t="s">
        <v>6290</v>
      </c>
      <c r="B31557" s="1" t="s">
        <v>109548</v>
      </c>
      <c r="C31557" s="1" t="s">
        <v>45</v>
      </c>
      <c r="D31557" s="1" t="s">
        <v>110193</v>
      </c>
      <c r="E31557" s="1" t="s">
        <v>110194</v>
      </c>
      <c r="F31557" s="1" t="s">
        <v>110195</v>
      </c>
      <c r="G31557" s="1" t="s">
        <v>110174</v>
      </c>
      <c r="H31557" s="1" t="s">
        <v>110175</v>
      </c>
      <c r="I31557" s="1" t="s">
        <v>109553</v>
      </c>
      <c r="J31557" s="1" t="s">
        <v>110196</v>
      </c>
    </row>
    <row r="31558" spans="1:10" x14ac:dyDescent="0.35">
      <c r="A31558" s="1" t="s">
        <v>6290</v>
      </c>
      <c r="B31558" s="1" t="s">
        <v>109548</v>
      </c>
      <c r="C31558" s="1" t="s">
        <v>50</v>
      </c>
      <c r="D31558" s="1" t="s">
        <v>110197</v>
      </c>
      <c r="E31558" s="1" t="s">
        <v>758</v>
      </c>
      <c r="F31558" s="1" t="s">
        <v>110198</v>
      </c>
      <c r="G31558" s="1" t="s">
        <v>110174</v>
      </c>
      <c r="H31558" s="1" t="s">
        <v>110175</v>
      </c>
      <c r="I31558" s="1" t="s">
        <v>109553</v>
      </c>
      <c r="J31558" s="1" t="s">
        <v>110199</v>
      </c>
    </row>
    <row r="31559" spans="1:10" x14ac:dyDescent="0.35">
      <c r="A31559" s="1" t="s">
        <v>6290</v>
      </c>
      <c r="B31559" s="1" t="s">
        <v>109548</v>
      </c>
      <c r="C31559" s="1" t="s">
        <v>55</v>
      </c>
      <c r="D31559" s="1" t="s">
        <v>42439</v>
      </c>
      <c r="E31559" s="1" t="s">
        <v>110200</v>
      </c>
      <c r="F31559" s="1" t="s">
        <v>110201</v>
      </c>
      <c r="G31559" s="1" t="s">
        <v>110174</v>
      </c>
      <c r="H31559" s="1" t="s">
        <v>110175</v>
      </c>
      <c r="I31559" s="1" t="s">
        <v>109553</v>
      </c>
      <c r="J31559" s="1" t="s">
        <v>110202</v>
      </c>
    </row>
    <row r="31560" spans="1:10" x14ac:dyDescent="0.35">
      <c r="A31560" s="1" t="s">
        <v>6290</v>
      </c>
      <c r="B31560" s="1" t="s">
        <v>109548</v>
      </c>
      <c r="C31560" s="1" t="s">
        <v>60</v>
      </c>
      <c r="D31560" s="1" t="s">
        <v>42616</v>
      </c>
      <c r="E31560" s="1" t="s">
        <v>110203</v>
      </c>
      <c r="F31560" s="1" t="s">
        <v>110204</v>
      </c>
      <c r="G31560" s="1" t="s">
        <v>110174</v>
      </c>
      <c r="H31560" s="1" t="s">
        <v>110175</v>
      </c>
      <c r="I31560" s="1" t="s">
        <v>109553</v>
      </c>
      <c r="J31560" s="1" t="s">
        <v>110205</v>
      </c>
    </row>
    <row r="31561" spans="1:10" x14ac:dyDescent="0.35">
      <c r="A31561" s="1" t="s">
        <v>6290</v>
      </c>
      <c r="B31561" s="1" t="s">
        <v>109548</v>
      </c>
      <c r="C31561" s="1" t="s">
        <v>65</v>
      </c>
      <c r="D31561" s="1" t="s">
        <v>83718</v>
      </c>
      <c r="E31561" s="1" t="s">
        <v>110206</v>
      </c>
      <c r="F31561" s="1" t="s">
        <v>110207</v>
      </c>
      <c r="G31561" s="1" t="s">
        <v>110174</v>
      </c>
      <c r="H31561" s="1" t="s">
        <v>110175</v>
      </c>
      <c r="I31561" s="1" t="s">
        <v>109553</v>
      </c>
      <c r="J31561" s="1" t="s">
        <v>110208</v>
      </c>
    </row>
    <row r="31562" spans="1:10" x14ac:dyDescent="0.35">
      <c r="A31562" s="1" t="s">
        <v>6290</v>
      </c>
      <c r="B31562" s="1" t="s">
        <v>109548</v>
      </c>
      <c r="C31562" s="1" t="s">
        <v>70</v>
      </c>
      <c r="D31562" s="1" t="s">
        <v>43705</v>
      </c>
      <c r="E31562" s="1" t="s">
        <v>110209</v>
      </c>
      <c r="F31562" s="1" t="s">
        <v>110210</v>
      </c>
      <c r="G31562" s="1" t="s">
        <v>110174</v>
      </c>
      <c r="H31562" s="1" t="s">
        <v>110175</v>
      </c>
      <c r="I31562" s="1" t="s">
        <v>109553</v>
      </c>
      <c r="J31562" s="1" t="s">
        <v>110211</v>
      </c>
    </row>
    <row r="31563" spans="1:10" x14ac:dyDescent="0.35">
      <c r="A31563" s="1" t="s">
        <v>6290</v>
      </c>
      <c r="B31563" s="1" t="s">
        <v>109548</v>
      </c>
      <c r="C31563" s="1" t="s">
        <v>75</v>
      </c>
      <c r="D31563" s="1" t="s">
        <v>110212</v>
      </c>
      <c r="E31563" s="1" t="s">
        <v>110213</v>
      </c>
      <c r="F31563" s="1" t="s">
        <v>110214</v>
      </c>
      <c r="G31563" s="1" t="s">
        <v>110174</v>
      </c>
      <c r="H31563" s="1" t="s">
        <v>110175</v>
      </c>
      <c r="I31563" s="1" t="s">
        <v>109553</v>
      </c>
      <c r="J31563" s="1" t="s">
        <v>110215</v>
      </c>
    </row>
    <row r="31564" spans="1:10" x14ac:dyDescent="0.35">
      <c r="A31564" s="1" t="s">
        <v>6290</v>
      </c>
      <c r="B31564" s="1" t="s">
        <v>109548</v>
      </c>
      <c r="C31564" s="1" t="s">
        <v>80</v>
      </c>
      <c r="D31564" s="1" t="s">
        <v>110216</v>
      </c>
      <c r="E31564" s="1" t="s">
        <v>110217</v>
      </c>
      <c r="F31564" s="1" t="s">
        <v>110218</v>
      </c>
      <c r="G31564" s="1" t="s">
        <v>110174</v>
      </c>
      <c r="H31564" s="1" t="s">
        <v>110175</v>
      </c>
      <c r="I31564" s="1" t="s">
        <v>109553</v>
      </c>
      <c r="J31564" s="1" t="s">
        <v>110219</v>
      </c>
    </row>
    <row r="31565" spans="1:10" x14ac:dyDescent="0.35">
      <c r="A31565" s="1" t="s">
        <v>6290</v>
      </c>
      <c r="B31565" s="1" t="s">
        <v>109548</v>
      </c>
      <c r="C31565" s="1" t="s">
        <v>85</v>
      </c>
      <c r="D31565" s="1" t="s">
        <v>110220</v>
      </c>
      <c r="E31565" s="1" t="s">
        <v>110221</v>
      </c>
      <c r="F31565" s="1" t="s">
        <v>110222</v>
      </c>
      <c r="G31565" s="1" t="s">
        <v>110174</v>
      </c>
      <c r="H31565" s="1" t="s">
        <v>110175</v>
      </c>
      <c r="I31565" s="1" t="s">
        <v>109553</v>
      </c>
      <c r="J31565" s="1" t="s">
        <v>110223</v>
      </c>
    </row>
    <row r="31566" spans="1:10" x14ac:dyDescent="0.35">
      <c r="A31566" s="1" t="s">
        <v>6290</v>
      </c>
      <c r="B31566" s="1" t="s">
        <v>109548</v>
      </c>
      <c r="C31566" s="1" t="s">
        <v>90</v>
      </c>
      <c r="D31566" s="1" t="s">
        <v>110224</v>
      </c>
      <c r="E31566" s="1" t="s">
        <v>73453</v>
      </c>
      <c r="F31566" s="1" t="s">
        <v>110225</v>
      </c>
      <c r="G31566" s="1" t="s">
        <v>110174</v>
      </c>
      <c r="H31566" s="1" t="s">
        <v>110175</v>
      </c>
      <c r="I31566" s="1" t="s">
        <v>109553</v>
      </c>
      <c r="J31566" s="1" t="s">
        <v>110226</v>
      </c>
    </row>
    <row r="31567" spans="1:10" x14ac:dyDescent="0.35">
      <c r="A31567" s="1" t="s">
        <v>6290</v>
      </c>
      <c r="B31567" s="1" t="s">
        <v>109548</v>
      </c>
      <c r="C31567" s="1" t="s">
        <v>95</v>
      </c>
      <c r="D31567" s="1" t="s">
        <v>3204</v>
      </c>
      <c r="E31567" s="1" t="s">
        <v>73470</v>
      </c>
      <c r="F31567" s="1" t="s">
        <v>110227</v>
      </c>
      <c r="G31567" s="1" t="s">
        <v>110174</v>
      </c>
      <c r="H31567" s="1" t="s">
        <v>110175</v>
      </c>
      <c r="I31567" s="1" t="s">
        <v>109553</v>
      </c>
      <c r="J31567" s="1" t="s">
        <v>110228</v>
      </c>
    </row>
    <row r="31568" spans="1:10" x14ac:dyDescent="0.35">
      <c r="A31568" s="1" t="s">
        <v>6290</v>
      </c>
      <c r="B31568" s="1" t="s">
        <v>109548</v>
      </c>
      <c r="C31568" s="1" t="s">
        <v>100</v>
      </c>
      <c r="D31568" s="1" t="s">
        <v>110229</v>
      </c>
      <c r="E31568" s="1" t="s">
        <v>110230</v>
      </c>
      <c r="F31568" s="1" t="s">
        <v>110231</v>
      </c>
      <c r="G31568" s="1" t="s">
        <v>110174</v>
      </c>
      <c r="H31568" s="1" t="s">
        <v>110175</v>
      </c>
      <c r="I31568" s="1" t="s">
        <v>109553</v>
      </c>
      <c r="J31568" s="1" t="s">
        <v>110232</v>
      </c>
    </row>
    <row r="31569" spans="1:10" x14ac:dyDescent="0.35">
      <c r="A31569" s="1" t="s">
        <v>6290</v>
      </c>
      <c r="B31569" s="1" t="s">
        <v>109548</v>
      </c>
      <c r="C31569" s="1" t="s">
        <v>105</v>
      </c>
      <c r="D31569" s="1" t="s">
        <v>110233</v>
      </c>
      <c r="E31569" s="1" t="s">
        <v>74183</v>
      </c>
      <c r="F31569" s="1" t="s">
        <v>110234</v>
      </c>
      <c r="G31569" s="1" t="s">
        <v>110174</v>
      </c>
      <c r="H31569" s="1" t="s">
        <v>110175</v>
      </c>
      <c r="I31569" s="1" t="s">
        <v>109553</v>
      </c>
      <c r="J31569" s="1" t="s">
        <v>110235</v>
      </c>
    </row>
    <row r="31570" spans="1:10" x14ac:dyDescent="0.35">
      <c r="A31570" s="1" t="s">
        <v>6290</v>
      </c>
      <c r="B31570" s="1" t="s">
        <v>109548</v>
      </c>
      <c r="C31570" s="1" t="s">
        <v>110</v>
      </c>
      <c r="D31570" s="1" t="s">
        <v>110236</v>
      </c>
      <c r="E31570" s="1" t="s">
        <v>110237</v>
      </c>
      <c r="F31570" s="1" t="s">
        <v>110238</v>
      </c>
      <c r="G31570" s="1" t="s">
        <v>110174</v>
      </c>
      <c r="H31570" s="1" t="s">
        <v>110175</v>
      </c>
      <c r="I31570" s="1" t="s">
        <v>109553</v>
      </c>
      <c r="J31570" s="1" t="s">
        <v>110239</v>
      </c>
    </row>
    <row r="31571" spans="1:10" x14ac:dyDescent="0.35">
      <c r="A31571" s="1" t="s">
        <v>6290</v>
      </c>
      <c r="B31571" s="1" t="s">
        <v>109548</v>
      </c>
      <c r="C31571" s="1" t="s">
        <v>115</v>
      </c>
      <c r="D31571" s="1" t="s">
        <v>106942</v>
      </c>
      <c r="E31571" s="1" t="s">
        <v>110240</v>
      </c>
      <c r="F31571" s="1" t="s">
        <v>110241</v>
      </c>
      <c r="G31571" s="1" t="s">
        <v>110174</v>
      </c>
      <c r="H31571" s="1" t="s">
        <v>110175</v>
      </c>
      <c r="I31571" s="1" t="s">
        <v>109553</v>
      </c>
      <c r="J31571" s="1" t="s">
        <v>110242</v>
      </c>
    </row>
    <row r="31572" spans="1:10" x14ac:dyDescent="0.35">
      <c r="A31572" s="1" t="s">
        <v>6290</v>
      </c>
      <c r="B31572" s="1" t="s">
        <v>109548</v>
      </c>
      <c r="C31572" s="1" t="s">
        <v>120</v>
      </c>
      <c r="D31572" s="1" t="s">
        <v>110243</v>
      </c>
      <c r="E31572" s="1" t="s">
        <v>110194</v>
      </c>
      <c r="F31572" s="1" t="s">
        <v>110244</v>
      </c>
      <c r="G31572" s="1" t="s">
        <v>110174</v>
      </c>
      <c r="H31572" s="1" t="s">
        <v>110175</v>
      </c>
      <c r="I31572" s="1" t="s">
        <v>109553</v>
      </c>
      <c r="J31572" s="1" t="s">
        <v>110245</v>
      </c>
    </row>
    <row r="31573" spans="1:10" x14ac:dyDescent="0.35">
      <c r="A31573" s="1" t="s">
        <v>6290</v>
      </c>
      <c r="B31573" s="1" t="s">
        <v>109548</v>
      </c>
      <c r="C31573" s="1" t="s">
        <v>125</v>
      </c>
      <c r="D31573" s="1" t="s">
        <v>110246</v>
      </c>
      <c r="E31573" s="1" t="s">
        <v>110247</v>
      </c>
      <c r="F31573" s="1" t="s">
        <v>97862</v>
      </c>
      <c r="G31573" s="1" t="s">
        <v>110174</v>
      </c>
      <c r="H31573" s="1" t="s">
        <v>110175</v>
      </c>
      <c r="I31573" s="1" t="s">
        <v>109553</v>
      </c>
      <c r="J31573" s="1" t="s">
        <v>110248</v>
      </c>
    </row>
    <row r="31574" spans="1:10" x14ac:dyDescent="0.35">
      <c r="A31574" s="1" t="s">
        <v>6290</v>
      </c>
      <c r="B31574" s="1" t="s">
        <v>109548</v>
      </c>
      <c r="C31574" s="1" t="s">
        <v>130</v>
      </c>
      <c r="D31574" s="1" t="s">
        <v>79993</v>
      </c>
      <c r="E31574" s="1" t="s">
        <v>110249</v>
      </c>
      <c r="F31574" s="1" t="s">
        <v>110250</v>
      </c>
      <c r="G31574" s="1" t="s">
        <v>110174</v>
      </c>
      <c r="H31574" s="1" t="s">
        <v>110175</v>
      </c>
      <c r="I31574" s="1" t="s">
        <v>109553</v>
      </c>
      <c r="J31574" s="1" t="s">
        <v>110251</v>
      </c>
    </row>
    <row r="31575" spans="1:10" x14ac:dyDescent="0.35">
      <c r="A31575" s="1" t="s">
        <v>6290</v>
      </c>
      <c r="B31575" s="1" t="s">
        <v>109548</v>
      </c>
      <c r="C31575" s="1" t="s">
        <v>135</v>
      </c>
      <c r="D31575" s="1" t="s">
        <v>110252</v>
      </c>
      <c r="E31575" s="1" t="s">
        <v>110253</v>
      </c>
      <c r="F31575" s="1" t="s">
        <v>110254</v>
      </c>
      <c r="G31575" s="1" t="s">
        <v>110174</v>
      </c>
      <c r="H31575" s="1" t="s">
        <v>110175</v>
      </c>
      <c r="I31575" s="1" t="s">
        <v>109553</v>
      </c>
      <c r="J31575" s="1" t="s">
        <v>110255</v>
      </c>
    </row>
    <row r="31576" spans="1:10" x14ac:dyDescent="0.35">
      <c r="A31576" s="1" t="s">
        <v>6290</v>
      </c>
      <c r="B31576" s="1" t="s">
        <v>109548</v>
      </c>
      <c r="C31576" s="1" t="s">
        <v>140</v>
      </c>
      <c r="D31576" s="1" t="s">
        <v>110256</v>
      </c>
      <c r="E31576" s="1" t="s">
        <v>110257</v>
      </c>
      <c r="F31576" s="1" t="s">
        <v>110258</v>
      </c>
      <c r="G31576" s="1" t="s">
        <v>110174</v>
      </c>
      <c r="H31576" s="1" t="s">
        <v>110175</v>
      </c>
      <c r="I31576" s="1" t="s">
        <v>109553</v>
      </c>
      <c r="J31576" s="1" t="s">
        <v>110259</v>
      </c>
    </row>
    <row r="31577" spans="1:10" x14ac:dyDescent="0.35">
      <c r="A31577" s="1" t="s">
        <v>6290</v>
      </c>
      <c r="B31577" s="1" t="s">
        <v>109548</v>
      </c>
      <c r="C31577" s="1" t="s">
        <v>145</v>
      </c>
      <c r="D31577" s="1" t="s">
        <v>105763</v>
      </c>
      <c r="E31577" s="1" t="s">
        <v>110260</v>
      </c>
      <c r="F31577" s="1" t="s">
        <v>110261</v>
      </c>
      <c r="G31577" s="1" t="s">
        <v>110174</v>
      </c>
      <c r="H31577" s="1" t="s">
        <v>110175</v>
      </c>
      <c r="I31577" s="1" t="s">
        <v>109553</v>
      </c>
      <c r="J31577" s="1" t="s">
        <v>110262</v>
      </c>
    </row>
    <row r="31578" spans="1:10" x14ac:dyDescent="0.35">
      <c r="A31578" s="1" t="s">
        <v>6290</v>
      </c>
      <c r="B31578" s="1" t="s">
        <v>109548</v>
      </c>
      <c r="C31578" s="1" t="s">
        <v>150</v>
      </c>
      <c r="D31578" s="1" t="s">
        <v>107332</v>
      </c>
      <c r="E31578" s="1" t="s">
        <v>73470</v>
      </c>
      <c r="F31578" s="1" t="s">
        <v>110263</v>
      </c>
      <c r="G31578" s="1" t="s">
        <v>110174</v>
      </c>
      <c r="H31578" s="1" t="s">
        <v>110175</v>
      </c>
      <c r="I31578" s="1" t="s">
        <v>109553</v>
      </c>
      <c r="J31578" s="1" t="s">
        <v>110264</v>
      </c>
    </row>
    <row r="31579" spans="1:10" x14ac:dyDescent="0.35">
      <c r="A31579" s="1" t="s">
        <v>6290</v>
      </c>
      <c r="B31579" s="1" t="s">
        <v>109548</v>
      </c>
      <c r="C31579" s="1" t="s">
        <v>155</v>
      </c>
      <c r="D31579" s="1" t="s">
        <v>97915</v>
      </c>
      <c r="E31579" s="1" t="s">
        <v>110265</v>
      </c>
      <c r="F31579" s="1" t="s">
        <v>110266</v>
      </c>
      <c r="G31579" s="1" t="s">
        <v>110174</v>
      </c>
      <c r="H31579" s="1" t="s">
        <v>110175</v>
      </c>
      <c r="I31579" s="1" t="s">
        <v>109553</v>
      </c>
      <c r="J31579" s="1" t="s">
        <v>110267</v>
      </c>
    </row>
    <row r="31580" spans="1:10" x14ac:dyDescent="0.35">
      <c r="A31580" s="1" t="s">
        <v>6290</v>
      </c>
      <c r="B31580" s="1" t="s">
        <v>109548</v>
      </c>
      <c r="C31580" s="1" t="s">
        <v>160</v>
      </c>
      <c r="D31580" s="1" t="s">
        <v>55596</v>
      </c>
      <c r="E31580" s="1" t="s">
        <v>110268</v>
      </c>
      <c r="F31580" s="1" t="s">
        <v>110269</v>
      </c>
      <c r="G31580" s="1" t="s">
        <v>110174</v>
      </c>
      <c r="H31580" s="1" t="s">
        <v>110175</v>
      </c>
      <c r="I31580" s="1" t="s">
        <v>109553</v>
      </c>
      <c r="J31580" s="1" t="s">
        <v>110270</v>
      </c>
    </row>
    <row r="31581" spans="1:10" x14ac:dyDescent="0.35">
      <c r="A31581" s="1" t="s">
        <v>6290</v>
      </c>
      <c r="B31581" s="1" t="s">
        <v>109548</v>
      </c>
      <c r="C31581" s="1" t="s">
        <v>165</v>
      </c>
      <c r="D31581" s="1" t="s">
        <v>43453</v>
      </c>
      <c r="E31581" s="1" t="s">
        <v>73480</v>
      </c>
      <c r="F31581" s="1" t="s">
        <v>110271</v>
      </c>
      <c r="G31581" s="1" t="s">
        <v>110174</v>
      </c>
      <c r="H31581" s="1" t="s">
        <v>110175</v>
      </c>
      <c r="I31581" s="1" t="s">
        <v>109553</v>
      </c>
      <c r="J31581" s="1" t="s">
        <v>110272</v>
      </c>
    </row>
    <row r="31582" spans="1:10" x14ac:dyDescent="0.35">
      <c r="A31582" s="1" t="s">
        <v>6290</v>
      </c>
      <c r="B31582" s="1" t="s">
        <v>109548</v>
      </c>
      <c r="C31582" s="1" t="s">
        <v>170</v>
      </c>
      <c r="D31582" s="1" t="s">
        <v>18788</v>
      </c>
      <c r="E31582" s="1" t="s">
        <v>110194</v>
      </c>
      <c r="F31582" s="1" t="s">
        <v>21316</v>
      </c>
      <c r="G31582" s="1" t="s">
        <v>110174</v>
      </c>
      <c r="H31582" s="1" t="s">
        <v>110175</v>
      </c>
      <c r="I31582" s="1" t="s">
        <v>109553</v>
      </c>
      <c r="J31582" s="1" t="s">
        <v>110273</v>
      </c>
    </row>
    <row r="31583" spans="1:10" x14ac:dyDescent="0.35">
      <c r="A31583" s="1" t="s">
        <v>110274</v>
      </c>
      <c r="B31583" s="1" t="s">
        <v>109548</v>
      </c>
      <c r="C31583" s="1" t="s">
        <v>8</v>
      </c>
      <c r="D31583" s="1" t="s">
        <v>51150</v>
      </c>
      <c r="E31583" s="1" t="s">
        <v>110275</v>
      </c>
      <c r="F31583" s="1" t="s">
        <v>110276</v>
      </c>
      <c r="G31583" s="1" t="s">
        <v>110277</v>
      </c>
      <c r="H31583" s="1" t="s">
        <v>110278</v>
      </c>
      <c r="I31583" s="1" t="s">
        <v>109553</v>
      </c>
      <c r="J31583" s="1" t="s">
        <v>13</v>
      </c>
    </row>
    <row r="31584" spans="1:10" x14ac:dyDescent="0.35">
      <c r="A31584" s="1" t="s">
        <v>110274</v>
      </c>
      <c r="B31584" s="1" t="s">
        <v>109548</v>
      </c>
      <c r="C31584" s="1" t="s">
        <v>15</v>
      </c>
      <c r="D31584" s="1" t="s">
        <v>2187</v>
      </c>
      <c r="E31584" s="1" t="s">
        <v>110279</v>
      </c>
      <c r="F31584" s="1" t="s">
        <v>110280</v>
      </c>
      <c r="G31584" s="1" t="s">
        <v>110277</v>
      </c>
      <c r="H31584" s="1" t="s">
        <v>110278</v>
      </c>
      <c r="I31584" s="1" t="s">
        <v>109553</v>
      </c>
      <c r="J31584" s="1" t="s">
        <v>110281</v>
      </c>
    </row>
    <row r="31585" spans="1:10" x14ac:dyDescent="0.35">
      <c r="A31585" s="1" t="s">
        <v>110274</v>
      </c>
      <c r="B31585" s="1" t="s">
        <v>109548</v>
      </c>
      <c r="C31585" s="1" t="s">
        <v>20</v>
      </c>
      <c r="D31585" s="1" t="s">
        <v>69689</v>
      </c>
      <c r="E31585" s="1" t="s">
        <v>110282</v>
      </c>
      <c r="F31585" s="1" t="s">
        <v>110283</v>
      </c>
      <c r="G31585" s="1" t="s">
        <v>110277</v>
      </c>
      <c r="H31585" s="1" t="s">
        <v>110278</v>
      </c>
      <c r="I31585" s="1" t="s">
        <v>109553</v>
      </c>
      <c r="J31585" s="1" t="s">
        <v>110284</v>
      </c>
    </row>
    <row r="31586" spans="1:10" x14ac:dyDescent="0.35">
      <c r="A31586" s="1" t="s">
        <v>110274</v>
      </c>
      <c r="B31586" s="1" t="s">
        <v>109548</v>
      </c>
      <c r="C31586" s="1" t="s">
        <v>25</v>
      </c>
      <c r="D31586" s="1" t="s">
        <v>9808</v>
      </c>
      <c r="E31586" s="1" t="s">
        <v>110285</v>
      </c>
      <c r="F31586" s="1" t="s">
        <v>110286</v>
      </c>
      <c r="G31586" s="1" t="s">
        <v>110277</v>
      </c>
      <c r="H31586" s="1" t="s">
        <v>110278</v>
      </c>
      <c r="I31586" s="1" t="s">
        <v>109553</v>
      </c>
      <c r="J31586" s="1" t="s">
        <v>110287</v>
      </c>
    </row>
    <row r="31587" spans="1:10" x14ac:dyDescent="0.35">
      <c r="A31587" s="1" t="s">
        <v>110274</v>
      </c>
      <c r="B31587" s="1" t="s">
        <v>109548</v>
      </c>
      <c r="C31587" s="1" t="s">
        <v>30</v>
      </c>
      <c r="D31587" s="1" t="s">
        <v>72852</v>
      </c>
      <c r="E31587" s="1" t="s">
        <v>110288</v>
      </c>
      <c r="F31587" s="1" t="s">
        <v>110289</v>
      </c>
      <c r="G31587" s="1" t="s">
        <v>110277</v>
      </c>
      <c r="H31587" s="1" t="s">
        <v>110278</v>
      </c>
      <c r="I31587" s="1" t="s">
        <v>109553</v>
      </c>
      <c r="J31587" s="1" t="s">
        <v>110290</v>
      </c>
    </row>
    <row r="31588" spans="1:10" x14ac:dyDescent="0.35">
      <c r="A31588" s="1" t="s">
        <v>110274</v>
      </c>
      <c r="B31588" s="1" t="s">
        <v>109548</v>
      </c>
      <c r="C31588" s="1" t="s">
        <v>35</v>
      </c>
      <c r="D31588" s="1" t="s">
        <v>75102</v>
      </c>
      <c r="E31588" s="1" t="s">
        <v>110291</v>
      </c>
      <c r="F31588" s="1" t="s">
        <v>110292</v>
      </c>
      <c r="G31588" s="1" t="s">
        <v>110277</v>
      </c>
      <c r="H31588" s="1" t="s">
        <v>110278</v>
      </c>
      <c r="I31588" s="1" t="s">
        <v>109553</v>
      </c>
      <c r="J31588" s="1" t="s">
        <v>110293</v>
      </c>
    </row>
    <row r="31589" spans="1:10" x14ac:dyDescent="0.35">
      <c r="A31589" s="1" t="s">
        <v>110274</v>
      </c>
      <c r="B31589" s="1" t="s">
        <v>109548</v>
      </c>
      <c r="C31589" s="1" t="s">
        <v>40</v>
      </c>
      <c r="D31589" s="1" t="s">
        <v>94095</v>
      </c>
      <c r="E31589" s="1" t="s">
        <v>110294</v>
      </c>
      <c r="F31589" s="1" t="s">
        <v>110295</v>
      </c>
      <c r="G31589" s="1" t="s">
        <v>110277</v>
      </c>
      <c r="H31589" s="1" t="s">
        <v>110278</v>
      </c>
      <c r="I31589" s="1" t="s">
        <v>109553</v>
      </c>
      <c r="J31589" s="1" t="s">
        <v>110296</v>
      </c>
    </row>
    <row r="31590" spans="1:10" x14ac:dyDescent="0.35">
      <c r="A31590" s="1" t="s">
        <v>110274</v>
      </c>
      <c r="B31590" s="1" t="s">
        <v>109548</v>
      </c>
      <c r="C31590" s="1" t="s">
        <v>45</v>
      </c>
      <c r="D31590" s="1" t="s">
        <v>110297</v>
      </c>
      <c r="E31590" s="1" t="s">
        <v>110298</v>
      </c>
      <c r="F31590" s="1" t="s">
        <v>110299</v>
      </c>
      <c r="G31590" s="1" t="s">
        <v>110277</v>
      </c>
      <c r="H31590" s="1" t="s">
        <v>110278</v>
      </c>
      <c r="I31590" s="1" t="s">
        <v>109553</v>
      </c>
      <c r="J31590" s="1" t="s">
        <v>110300</v>
      </c>
    </row>
    <row r="31591" spans="1:10" x14ac:dyDescent="0.35">
      <c r="A31591" s="1" t="s">
        <v>110274</v>
      </c>
      <c r="B31591" s="1" t="s">
        <v>109548</v>
      </c>
      <c r="C31591" s="1" t="s">
        <v>50</v>
      </c>
      <c r="D31591" s="1" t="s">
        <v>6167</v>
      </c>
      <c r="E31591" s="1" t="s">
        <v>110301</v>
      </c>
      <c r="F31591" s="1" t="s">
        <v>110302</v>
      </c>
      <c r="G31591" s="1" t="s">
        <v>110277</v>
      </c>
      <c r="H31591" s="1" t="s">
        <v>110278</v>
      </c>
      <c r="I31591" s="1" t="s">
        <v>109553</v>
      </c>
      <c r="J31591" s="1" t="s">
        <v>110303</v>
      </c>
    </row>
    <row r="31592" spans="1:10" x14ac:dyDescent="0.35">
      <c r="A31592" s="1" t="s">
        <v>110274</v>
      </c>
      <c r="B31592" s="1" t="s">
        <v>109548</v>
      </c>
      <c r="C31592" s="1" t="s">
        <v>55</v>
      </c>
      <c r="D31592" s="1" t="s">
        <v>28141</v>
      </c>
      <c r="E31592" s="1" t="s">
        <v>110304</v>
      </c>
      <c r="F31592" s="1" t="s">
        <v>110305</v>
      </c>
      <c r="G31592" s="1" t="s">
        <v>110277</v>
      </c>
      <c r="H31592" s="1" t="s">
        <v>110278</v>
      </c>
      <c r="I31592" s="1" t="s">
        <v>109553</v>
      </c>
      <c r="J31592" s="1" t="s">
        <v>110306</v>
      </c>
    </row>
    <row r="31593" spans="1:10" x14ac:dyDescent="0.35">
      <c r="A31593" s="1" t="s">
        <v>110274</v>
      </c>
      <c r="B31593" s="1" t="s">
        <v>109548</v>
      </c>
      <c r="C31593" s="1" t="s">
        <v>60</v>
      </c>
      <c r="D31593" s="1" t="s">
        <v>12966</v>
      </c>
      <c r="E31593" s="1" t="s">
        <v>110307</v>
      </c>
      <c r="F31593" s="1" t="s">
        <v>110308</v>
      </c>
      <c r="G31593" s="1" t="s">
        <v>110277</v>
      </c>
      <c r="H31593" s="1" t="s">
        <v>110278</v>
      </c>
      <c r="I31593" s="1" t="s">
        <v>109553</v>
      </c>
      <c r="J31593" s="1" t="s">
        <v>110309</v>
      </c>
    </row>
    <row r="31594" spans="1:10" x14ac:dyDescent="0.35">
      <c r="A31594" s="1" t="s">
        <v>110274</v>
      </c>
      <c r="B31594" s="1" t="s">
        <v>109548</v>
      </c>
      <c r="C31594" s="1" t="s">
        <v>65</v>
      </c>
      <c r="D31594" s="1" t="s">
        <v>110310</v>
      </c>
      <c r="E31594" s="1" t="s">
        <v>110311</v>
      </c>
      <c r="F31594" s="1" t="s">
        <v>110312</v>
      </c>
      <c r="G31594" s="1" t="s">
        <v>110277</v>
      </c>
      <c r="H31594" s="1" t="s">
        <v>110278</v>
      </c>
      <c r="I31594" s="1" t="s">
        <v>109553</v>
      </c>
      <c r="J31594" s="1" t="s">
        <v>110313</v>
      </c>
    </row>
    <row r="31595" spans="1:10" x14ac:dyDescent="0.35">
      <c r="A31595" s="1" t="s">
        <v>110274</v>
      </c>
      <c r="B31595" s="1" t="s">
        <v>109548</v>
      </c>
      <c r="C31595" s="1" t="s">
        <v>70</v>
      </c>
      <c r="D31595" s="1" t="s">
        <v>29437</v>
      </c>
      <c r="E31595" s="1" t="s">
        <v>110314</v>
      </c>
      <c r="F31595" s="1" t="s">
        <v>110315</v>
      </c>
      <c r="G31595" s="1" t="s">
        <v>110277</v>
      </c>
      <c r="H31595" s="1" t="s">
        <v>110278</v>
      </c>
      <c r="I31595" s="1" t="s">
        <v>109553</v>
      </c>
      <c r="J31595" s="1" t="s">
        <v>1945</v>
      </c>
    </row>
    <row r="31596" spans="1:10" x14ac:dyDescent="0.35">
      <c r="A31596" s="1" t="s">
        <v>110274</v>
      </c>
      <c r="B31596" s="1" t="s">
        <v>109548</v>
      </c>
      <c r="C31596" s="1" t="s">
        <v>75</v>
      </c>
      <c r="D31596" s="1" t="s">
        <v>45248</v>
      </c>
      <c r="E31596" s="1" t="s">
        <v>110316</v>
      </c>
      <c r="F31596" s="1" t="s">
        <v>110317</v>
      </c>
      <c r="G31596" s="1" t="s">
        <v>110277</v>
      </c>
      <c r="H31596" s="1" t="s">
        <v>110278</v>
      </c>
      <c r="I31596" s="1" t="s">
        <v>109553</v>
      </c>
      <c r="J31596" s="1" t="s">
        <v>110318</v>
      </c>
    </row>
    <row r="31597" spans="1:10" x14ac:dyDescent="0.35">
      <c r="A31597" s="1" t="s">
        <v>110274</v>
      </c>
      <c r="B31597" s="1" t="s">
        <v>109548</v>
      </c>
      <c r="C31597" s="1" t="s">
        <v>80</v>
      </c>
      <c r="D31597" s="1" t="s">
        <v>110319</v>
      </c>
      <c r="E31597" s="1" t="s">
        <v>110320</v>
      </c>
      <c r="F31597" s="1" t="s">
        <v>110321</v>
      </c>
      <c r="G31597" s="1" t="s">
        <v>110277</v>
      </c>
      <c r="H31597" s="1" t="s">
        <v>110278</v>
      </c>
      <c r="I31597" s="1" t="s">
        <v>109553</v>
      </c>
      <c r="J31597" s="1" t="s">
        <v>110322</v>
      </c>
    </row>
    <row r="31598" spans="1:10" x14ac:dyDescent="0.35">
      <c r="A31598" s="1" t="s">
        <v>110274</v>
      </c>
      <c r="B31598" s="1" t="s">
        <v>109548</v>
      </c>
      <c r="C31598" s="1" t="s">
        <v>85</v>
      </c>
      <c r="D31598" s="1" t="s">
        <v>15063</v>
      </c>
      <c r="E31598" s="1" t="s">
        <v>110323</v>
      </c>
      <c r="F31598" s="1" t="s">
        <v>110324</v>
      </c>
      <c r="G31598" s="1" t="s">
        <v>110277</v>
      </c>
      <c r="H31598" s="1" t="s">
        <v>110278</v>
      </c>
      <c r="I31598" s="1" t="s">
        <v>109553</v>
      </c>
      <c r="J31598" s="1" t="s">
        <v>110325</v>
      </c>
    </row>
    <row r="31599" spans="1:10" x14ac:dyDescent="0.35">
      <c r="A31599" s="1" t="s">
        <v>110274</v>
      </c>
      <c r="B31599" s="1" t="s">
        <v>109548</v>
      </c>
      <c r="C31599" s="1" t="s">
        <v>90</v>
      </c>
      <c r="D31599" s="1" t="s">
        <v>8325</v>
      </c>
      <c r="E31599" s="1" t="s">
        <v>110326</v>
      </c>
      <c r="F31599" s="1" t="s">
        <v>110327</v>
      </c>
      <c r="G31599" s="1" t="s">
        <v>110277</v>
      </c>
      <c r="H31599" s="1" t="s">
        <v>110278</v>
      </c>
      <c r="I31599" s="1" t="s">
        <v>109553</v>
      </c>
      <c r="J31599" s="1" t="s">
        <v>110328</v>
      </c>
    </row>
    <row r="31600" spans="1:10" x14ac:dyDescent="0.35">
      <c r="A31600" s="1" t="s">
        <v>110274</v>
      </c>
      <c r="B31600" s="1" t="s">
        <v>109548</v>
      </c>
      <c r="C31600" s="1" t="s">
        <v>95</v>
      </c>
      <c r="D31600" s="1" t="s">
        <v>110329</v>
      </c>
      <c r="E31600" s="1" t="s">
        <v>110330</v>
      </c>
      <c r="F31600" s="1" t="s">
        <v>110331</v>
      </c>
      <c r="G31600" s="1" t="s">
        <v>110277</v>
      </c>
      <c r="H31600" s="1" t="s">
        <v>110278</v>
      </c>
      <c r="I31600" s="1" t="s">
        <v>109553</v>
      </c>
      <c r="J31600" s="1" t="s">
        <v>32239</v>
      </c>
    </row>
    <row r="31601" spans="1:10" x14ac:dyDescent="0.35">
      <c r="A31601" s="1" t="s">
        <v>110274</v>
      </c>
      <c r="B31601" s="1" t="s">
        <v>109548</v>
      </c>
      <c r="C31601" s="1" t="s">
        <v>100</v>
      </c>
      <c r="D31601" s="1" t="s">
        <v>1556</v>
      </c>
      <c r="E31601" s="1" t="s">
        <v>110332</v>
      </c>
      <c r="F31601" s="1" t="s">
        <v>110333</v>
      </c>
      <c r="G31601" s="1" t="s">
        <v>110277</v>
      </c>
      <c r="H31601" s="1" t="s">
        <v>110278</v>
      </c>
      <c r="I31601" s="1" t="s">
        <v>109553</v>
      </c>
      <c r="J31601" s="1" t="s">
        <v>110334</v>
      </c>
    </row>
    <row r="31602" spans="1:10" x14ac:dyDescent="0.35">
      <c r="A31602" s="1" t="s">
        <v>110274</v>
      </c>
      <c r="B31602" s="1" t="s">
        <v>109548</v>
      </c>
      <c r="C31602" s="1" t="s">
        <v>105</v>
      </c>
      <c r="D31602" s="1" t="s">
        <v>110335</v>
      </c>
      <c r="E31602" s="1" t="s">
        <v>110336</v>
      </c>
      <c r="F31602" s="1" t="s">
        <v>110337</v>
      </c>
      <c r="G31602" s="1" t="s">
        <v>110277</v>
      </c>
      <c r="H31602" s="1" t="s">
        <v>110278</v>
      </c>
      <c r="I31602" s="1" t="s">
        <v>109553</v>
      </c>
      <c r="J31602" s="1" t="s">
        <v>110338</v>
      </c>
    </row>
    <row r="31603" spans="1:10" x14ac:dyDescent="0.35">
      <c r="A31603" s="1" t="s">
        <v>110274</v>
      </c>
      <c r="B31603" s="1" t="s">
        <v>109548</v>
      </c>
      <c r="C31603" s="1" t="s">
        <v>110</v>
      </c>
      <c r="D31603" s="1" t="s">
        <v>10254</v>
      </c>
      <c r="E31603" s="1" t="s">
        <v>110339</v>
      </c>
      <c r="F31603" s="1" t="s">
        <v>110340</v>
      </c>
      <c r="G31603" s="1" t="s">
        <v>110277</v>
      </c>
      <c r="H31603" s="1" t="s">
        <v>110278</v>
      </c>
      <c r="I31603" s="1" t="s">
        <v>109553</v>
      </c>
      <c r="J31603" s="1" t="s">
        <v>110341</v>
      </c>
    </row>
    <row r="31604" spans="1:10" x14ac:dyDescent="0.35">
      <c r="A31604" s="1" t="s">
        <v>110274</v>
      </c>
      <c r="B31604" s="1" t="s">
        <v>109548</v>
      </c>
      <c r="C31604" s="1" t="s">
        <v>115</v>
      </c>
      <c r="D31604" s="1" t="s">
        <v>110342</v>
      </c>
      <c r="E31604" s="1" t="s">
        <v>110343</v>
      </c>
      <c r="F31604" s="1" t="s">
        <v>110344</v>
      </c>
      <c r="G31604" s="1" t="s">
        <v>110277</v>
      </c>
      <c r="H31604" s="1" t="s">
        <v>110278</v>
      </c>
      <c r="I31604" s="1" t="s">
        <v>109553</v>
      </c>
      <c r="J31604" s="1" t="s">
        <v>110345</v>
      </c>
    </row>
    <row r="31605" spans="1:10" x14ac:dyDescent="0.35">
      <c r="A31605" s="1" t="s">
        <v>110274</v>
      </c>
      <c r="B31605" s="1" t="s">
        <v>109548</v>
      </c>
      <c r="C31605" s="1" t="s">
        <v>120</v>
      </c>
      <c r="D31605" s="1" t="s">
        <v>110346</v>
      </c>
      <c r="E31605" s="1" t="s">
        <v>110347</v>
      </c>
      <c r="F31605" s="1" t="s">
        <v>110348</v>
      </c>
      <c r="G31605" s="1" t="s">
        <v>110277</v>
      </c>
      <c r="H31605" s="1" t="s">
        <v>110278</v>
      </c>
      <c r="I31605" s="1" t="s">
        <v>109553</v>
      </c>
      <c r="J31605" s="1" t="s">
        <v>110349</v>
      </c>
    </row>
    <row r="31606" spans="1:10" x14ac:dyDescent="0.35">
      <c r="A31606" s="1" t="s">
        <v>110274</v>
      </c>
      <c r="B31606" s="1" t="s">
        <v>109548</v>
      </c>
      <c r="C31606" s="1" t="s">
        <v>125</v>
      </c>
      <c r="D31606" s="1" t="s">
        <v>8284</v>
      </c>
      <c r="E31606" s="1" t="s">
        <v>110350</v>
      </c>
      <c r="F31606" s="1" t="s">
        <v>110351</v>
      </c>
      <c r="G31606" s="1" t="s">
        <v>110277</v>
      </c>
      <c r="H31606" s="1" t="s">
        <v>110278</v>
      </c>
      <c r="I31606" s="1" t="s">
        <v>109553</v>
      </c>
      <c r="J31606" s="1" t="s">
        <v>110352</v>
      </c>
    </row>
    <row r="31607" spans="1:10" x14ac:dyDescent="0.35">
      <c r="A31607" s="1" t="s">
        <v>110274</v>
      </c>
      <c r="B31607" s="1" t="s">
        <v>109548</v>
      </c>
      <c r="C31607" s="1" t="s">
        <v>130</v>
      </c>
      <c r="D31607" s="1" t="s">
        <v>110353</v>
      </c>
      <c r="E31607" s="1" t="s">
        <v>110354</v>
      </c>
      <c r="F31607" s="1" t="s">
        <v>110355</v>
      </c>
      <c r="G31607" s="1" t="s">
        <v>110277</v>
      </c>
      <c r="H31607" s="1" t="s">
        <v>110278</v>
      </c>
      <c r="I31607" s="1" t="s">
        <v>109553</v>
      </c>
      <c r="J31607" s="1" t="s">
        <v>110356</v>
      </c>
    </row>
    <row r="31608" spans="1:10" x14ac:dyDescent="0.35">
      <c r="A31608" s="1" t="s">
        <v>110274</v>
      </c>
      <c r="B31608" s="1" t="s">
        <v>109548</v>
      </c>
      <c r="C31608" s="1" t="s">
        <v>135</v>
      </c>
      <c r="D31608" s="1" t="s">
        <v>110357</v>
      </c>
      <c r="E31608" s="1" t="s">
        <v>110358</v>
      </c>
      <c r="F31608" s="1" t="s">
        <v>110359</v>
      </c>
      <c r="G31608" s="1" t="s">
        <v>110277</v>
      </c>
      <c r="H31608" s="1" t="s">
        <v>110278</v>
      </c>
      <c r="I31608" s="1" t="s">
        <v>109553</v>
      </c>
      <c r="J31608" s="1" t="s">
        <v>110360</v>
      </c>
    </row>
    <row r="31609" spans="1:10" x14ac:dyDescent="0.35">
      <c r="A31609" s="1" t="s">
        <v>110274</v>
      </c>
      <c r="B31609" s="1" t="s">
        <v>109548</v>
      </c>
      <c r="C31609" s="1" t="s">
        <v>140</v>
      </c>
      <c r="D31609" s="1" t="s">
        <v>51025</v>
      </c>
      <c r="E31609" s="1" t="s">
        <v>110361</v>
      </c>
      <c r="F31609" s="1" t="s">
        <v>110362</v>
      </c>
      <c r="G31609" s="1" t="s">
        <v>110277</v>
      </c>
      <c r="H31609" s="1" t="s">
        <v>110278</v>
      </c>
      <c r="I31609" s="1" t="s">
        <v>109553</v>
      </c>
      <c r="J31609" s="1" t="s">
        <v>110363</v>
      </c>
    </row>
    <row r="31610" spans="1:10" x14ac:dyDescent="0.35">
      <c r="A31610" s="1" t="s">
        <v>110274</v>
      </c>
      <c r="B31610" s="1" t="s">
        <v>109548</v>
      </c>
      <c r="C31610" s="1" t="s">
        <v>145</v>
      </c>
      <c r="D31610" s="1" t="s">
        <v>110364</v>
      </c>
      <c r="E31610" s="1" t="s">
        <v>110365</v>
      </c>
      <c r="F31610" s="1" t="s">
        <v>110366</v>
      </c>
      <c r="G31610" s="1" t="s">
        <v>110277</v>
      </c>
      <c r="H31610" s="1" t="s">
        <v>110278</v>
      </c>
      <c r="I31610" s="1" t="s">
        <v>109553</v>
      </c>
      <c r="J31610" s="1" t="s">
        <v>110367</v>
      </c>
    </row>
    <row r="31611" spans="1:10" x14ac:dyDescent="0.35">
      <c r="A31611" s="1" t="s">
        <v>110274</v>
      </c>
      <c r="B31611" s="1" t="s">
        <v>109548</v>
      </c>
      <c r="C31611" s="1" t="s">
        <v>150</v>
      </c>
      <c r="D31611" s="1" t="s">
        <v>29187</v>
      </c>
      <c r="E31611" s="1" t="s">
        <v>110368</v>
      </c>
      <c r="F31611" s="1" t="s">
        <v>110369</v>
      </c>
      <c r="G31611" s="1" t="s">
        <v>110277</v>
      </c>
      <c r="H31611" s="1" t="s">
        <v>110278</v>
      </c>
      <c r="I31611" s="1" t="s">
        <v>109553</v>
      </c>
      <c r="J31611" s="1" t="s">
        <v>110370</v>
      </c>
    </row>
    <row r="31612" spans="1:10" x14ac:dyDescent="0.35">
      <c r="A31612" s="1" t="s">
        <v>110274</v>
      </c>
      <c r="B31612" s="1" t="s">
        <v>109548</v>
      </c>
      <c r="C31612" s="1" t="s">
        <v>155</v>
      </c>
      <c r="D31612" s="1" t="s">
        <v>110371</v>
      </c>
      <c r="E31612" s="1" t="s">
        <v>110372</v>
      </c>
      <c r="F31612" s="1" t="s">
        <v>110373</v>
      </c>
      <c r="G31612" s="1" t="s">
        <v>110277</v>
      </c>
      <c r="H31612" s="1" t="s">
        <v>110278</v>
      </c>
      <c r="I31612" s="1" t="s">
        <v>109553</v>
      </c>
      <c r="J31612" s="1" t="s">
        <v>110374</v>
      </c>
    </row>
    <row r="31613" spans="1:10" x14ac:dyDescent="0.35">
      <c r="A31613" s="1" t="s">
        <v>110274</v>
      </c>
      <c r="B31613" s="1" t="s">
        <v>109548</v>
      </c>
      <c r="C31613" s="1" t="s">
        <v>160</v>
      </c>
      <c r="D31613" s="1" t="s">
        <v>29187</v>
      </c>
      <c r="E31613" s="1" t="s">
        <v>110375</v>
      </c>
      <c r="F31613" s="1" t="s">
        <v>110376</v>
      </c>
      <c r="G31613" s="1" t="s">
        <v>110277</v>
      </c>
      <c r="H31613" s="1" t="s">
        <v>110278</v>
      </c>
      <c r="I31613" s="1" t="s">
        <v>109553</v>
      </c>
      <c r="J31613" s="1" t="s">
        <v>110377</v>
      </c>
    </row>
    <row r="31614" spans="1:10" x14ac:dyDescent="0.35">
      <c r="A31614" s="1" t="s">
        <v>110274</v>
      </c>
      <c r="B31614" s="1" t="s">
        <v>109548</v>
      </c>
      <c r="C31614" s="1" t="s">
        <v>165</v>
      </c>
      <c r="D31614" s="1" t="s">
        <v>2093</v>
      </c>
      <c r="E31614" s="1" t="s">
        <v>110378</v>
      </c>
      <c r="F31614" s="1" t="s">
        <v>110379</v>
      </c>
      <c r="G31614" s="1" t="s">
        <v>110277</v>
      </c>
      <c r="H31614" s="1" t="s">
        <v>110278</v>
      </c>
      <c r="I31614" s="1" t="s">
        <v>109553</v>
      </c>
      <c r="J31614" s="1" t="s">
        <v>110380</v>
      </c>
    </row>
    <row r="31615" spans="1:10" x14ac:dyDescent="0.35">
      <c r="A31615" s="1" t="s">
        <v>110274</v>
      </c>
      <c r="B31615" s="1" t="s">
        <v>109548</v>
      </c>
      <c r="C31615" s="1" t="s">
        <v>170</v>
      </c>
      <c r="D31615" s="1" t="s">
        <v>4761</v>
      </c>
      <c r="E31615" s="1" t="s">
        <v>110381</v>
      </c>
      <c r="F31615" s="1" t="s">
        <v>110382</v>
      </c>
      <c r="G31615" s="1" t="s">
        <v>110277</v>
      </c>
      <c r="H31615" s="1" t="s">
        <v>110278</v>
      </c>
      <c r="I31615" s="1" t="s">
        <v>109553</v>
      </c>
      <c r="J31615" s="1" t="s">
        <v>110383</v>
      </c>
    </row>
    <row r="31616" spans="1:10" x14ac:dyDescent="0.35">
      <c r="A31616" s="1" t="s">
        <v>110384</v>
      </c>
      <c r="B31616" s="1" t="s">
        <v>109548</v>
      </c>
      <c r="C31616" s="1" t="s">
        <v>8</v>
      </c>
      <c r="D31616" s="1" t="s">
        <v>46231</v>
      </c>
      <c r="E31616" s="1" t="s">
        <v>110385</v>
      </c>
      <c r="F31616" s="1" t="s">
        <v>110386</v>
      </c>
      <c r="G31616" s="1" t="s">
        <v>110387</v>
      </c>
      <c r="H31616" s="1" t="s">
        <v>110388</v>
      </c>
      <c r="I31616" s="1" t="s">
        <v>109553</v>
      </c>
      <c r="J31616" s="1" t="s">
        <v>13</v>
      </c>
    </row>
    <row r="31617" spans="1:10" x14ac:dyDescent="0.35">
      <c r="A31617" s="1" t="s">
        <v>110384</v>
      </c>
      <c r="B31617" s="1" t="s">
        <v>109548</v>
      </c>
      <c r="C31617" s="1" t="s">
        <v>15</v>
      </c>
      <c r="D31617" s="1" t="s">
        <v>27863</v>
      </c>
      <c r="E31617" s="1" t="s">
        <v>110389</v>
      </c>
      <c r="F31617" s="1" t="s">
        <v>110390</v>
      </c>
      <c r="G31617" s="1" t="s">
        <v>110387</v>
      </c>
      <c r="H31617" s="1" t="s">
        <v>110388</v>
      </c>
      <c r="I31617" s="1" t="s">
        <v>109553</v>
      </c>
      <c r="J31617" s="1" t="s">
        <v>110391</v>
      </c>
    </row>
    <row r="31618" spans="1:10" x14ac:dyDescent="0.35">
      <c r="A31618" s="1" t="s">
        <v>110384</v>
      </c>
      <c r="B31618" s="1" t="s">
        <v>109548</v>
      </c>
      <c r="C31618" s="1" t="s">
        <v>20</v>
      </c>
      <c r="D31618" s="1" t="s">
        <v>1675</v>
      </c>
      <c r="E31618" s="1" t="s">
        <v>110392</v>
      </c>
      <c r="F31618" s="1" t="s">
        <v>110393</v>
      </c>
      <c r="G31618" s="1" t="s">
        <v>110387</v>
      </c>
      <c r="H31618" s="1" t="s">
        <v>110388</v>
      </c>
      <c r="I31618" s="1" t="s">
        <v>109553</v>
      </c>
      <c r="J31618" s="1" t="s">
        <v>110394</v>
      </c>
    </row>
    <row r="31619" spans="1:10" x14ac:dyDescent="0.35">
      <c r="A31619" s="1" t="s">
        <v>110384</v>
      </c>
      <c r="B31619" s="1" t="s">
        <v>109548</v>
      </c>
      <c r="C31619" s="1" t="s">
        <v>25</v>
      </c>
      <c r="D31619" s="1" t="s">
        <v>110395</v>
      </c>
      <c r="E31619" s="1" t="s">
        <v>110396</v>
      </c>
      <c r="F31619" s="1" t="s">
        <v>110397</v>
      </c>
      <c r="G31619" s="1" t="s">
        <v>110387</v>
      </c>
      <c r="H31619" s="1" t="s">
        <v>110388</v>
      </c>
      <c r="I31619" s="1" t="s">
        <v>109553</v>
      </c>
      <c r="J31619" s="1" t="s">
        <v>110398</v>
      </c>
    </row>
    <row r="31620" spans="1:10" x14ac:dyDescent="0.35">
      <c r="A31620" s="1" t="s">
        <v>110384</v>
      </c>
      <c r="B31620" s="1" t="s">
        <v>109548</v>
      </c>
      <c r="C31620" s="1" t="s">
        <v>30</v>
      </c>
      <c r="D31620" s="1" t="s">
        <v>28271</v>
      </c>
      <c r="E31620" s="1" t="s">
        <v>110399</v>
      </c>
      <c r="F31620" s="1" t="s">
        <v>110400</v>
      </c>
      <c r="G31620" s="1" t="s">
        <v>110387</v>
      </c>
      <c r="H31620" s="1" t="s">
        <v>110388</v>
      </c>
      <c r="I31620" s="1" t="s">
        <v>109553</v>
      </c>
      <c r="J31620" s="1" t="s">
        <v>110401</v>
      </c>
    </row>
    <row r="31621" spans="1:10" x14ac:dyDescent="0.35">
      <c r="A31621" s="1" t="s">
        <v>110384</v>
      </c>
      <c r="B31621" s="1" t="s">
        <v>109548</v>
      </c>
      <c r="C31621" s="1" t="s">
        <v>35</v>
      </c>
      <c r="D31621" s="1" t="s">
        <v>2885</v>
      </c>
      <c r="E31621" s="1" t="s">
        <v>110402</v>
      </c>
      <c r="F31621" s="1" t="s">
        <v>110403</v>
      </c>
      <c r="G31621" s="1" t="s">
        <v>110387</v>
      </c>
      <c r="H31621" s="1" t="s">
        <v>110388</v>
      </c>
      <c r="I31621" s="1" t="s">
        <v>109553</v>
      </c>
      <c r="J31621" s="1" t="s">
        <v>110404</v>
      </c>
    </row>
    <row r="31622" spans="1:10" x14ac:dyDescent="0.35">
      <c r="A31622" s="1" t="s">
        <v>110384</v>
      </c>
      <c r="B31622" s="1" t="s">
        <v>109548</v>
      </c>
      <c r="C31622" s="1" t="s">
        <v>40</v>
      </c>
      <c r="D31622" s="1" t="s">
        <v>10820</v>
      </c>
      <c r="E31622" s="1" t="s">
        <v>110405</v>
      </c>
      <c r="F31622" s="1" t="s">
        <v>110406</v>
      </c>
      <c r="G31622" s="1" t="s">
        <v>110387</v>
      </c>
      <c r="H31622" s="1" t="s">
        <v>110388</v>
      </c>
      <c r="I31622" s="1" t="s">
        <v>109553</v>
      </c>
      <c r="J31622" s="1" t="s">
        <v>110407</v>
      </c>
    </row>
    <row r="31623" spans="1:10" x14ac:dyDescent="0.35">
      <c r="A31623" s="1" t="s">
        <v>110384</v>
      </c>
      <c r="B31623" s="1" t="s">
        <v>109548</v>
      </c>
      <c r="C31623" s="1" t="s">
        <v>45</v>
      </c>
      <c r="D31623" s="1" t="s">
        <v>110408</v>
      </c>
      <c r="E31623" s="1" t="s">
        <v>110409</v>
      </c>
      <c r="F31623" s="1" t="s">
        <v>110410</v>
      </c>
      <c r="G31623" s="1" t="s">
        <v>110387</v>
      </c>
      <c r="H31623" s="1" t="s">
        <v>110388</v>
      </c>
      <c r="I31623" s="1" t="s">
        <v>109553</v>
      </c>
      <c r="J31623" s="1" t="s">
        <v>110411</v>
      </c>
    </row>
    <row r="31624" spans="1:10" x14ac:dyDescent="0.35">
      <c r="A31624" s="1" t="s">
        <v>110384</v>
      </c>
      <c r="B31624" s="1" t="s">
        <v>109548</v>
      </c>
      <c r="C31624" s="1" t="s">
        <v>50</v>
      </c>
      <c r="D31624" s="1" t="s">
        <v>46004</v>
      </c>
      <c r="E31624" s="1" t="s">
        <v>110412</v>
      </c>
      <c r="F31624" s="1" t="s">
        <v>110413</v>
      </c>
      <c r="G31624" s="1" t="s">
        <v>110387</v>
      </c>
      <c r="H31624" s="1" t="s">
        <v>110388</v>
      </c>
      <c r="I31624" s="1" t="s">
        <v>109553</v>
      </c>
      <c r="J31624" s="1" t="s">
        <v>110414</v>
      </c>
    </row>
    <row r="31625" spans="1:10" x14ac:dyDescent="0.35">
      <c r="A31625" s="1" t="s">
        <v>110384</v>
      </c>
      <c r="B31625" s="1" t="s">
        <v>109548</v>
      </c>
      <c r="C31625" s="1" t="s">
        <v>55</v>
      </c>
      <c r="D31625" s="1" t="s">
        <v>110415</v>
      </c>
      <c r="E31625" s="1" t="s">
        <v>110416</v>
      </c>
      <c r="F31625" s="1" t="s">
        <v>110417</v>
      </c>
      <c r="G31625" s="1" t="s">
        <v>110387</v>
      </c>
      <c r="H31625" s="1" t="s">
        <v>110388</v>
      </c>
      <c r="I31625" s="1" t="s">
        <v>109553</v>
      </c>
      <c r="J31625" s="1" t="s">
        <v>110418</v>
      </c>
    </row>
    <row r="31626" spans="1:10" x14ac:dyDescent="0.35">
      <c r="A31626" s="1" t="s">
        <v>110384</v>
      </c>
      <c r="B31626" s="1" t="s">
        <v>109548</v>
      </c>
      <c r="C31626" s="1" t="s">
        <v>60</v>
      </c>
      <c r="D31626" s="1" t="s">
        <v>1439</v>
      </c>
      <c r="E31626" s="1" t="s">
        <v>110419</v>
      </c>
      <c r="F31626" s="1" t="s">
        <v>110420</v>
      </c>
      <c r="G31626" s="1" t="s">
        <v>110387</v>
      </c>
      <c r="H31626" s="1" t="s">
        <v>110388</v>
      </c>
      <c r="I31626" s="1" t="s">
        <v>109553</v>
      </c>
      <c r="J31626" s="1" t="s">
        <v>110421</v>
      </c>
    </row>
    <row r="31627" spans="1:10" x14ac:dyDescent="0.35">
      <c r="A31627" s="1" t="s">
        <v>110384</v>
      </c>
      <c r="B31627" s="1" t="s">
        <v>109548</v>
      </c>
      <c r="C31627" s="1" t="s">
        <v>65</v>
      </c>
      <c r="D31627" s="1" t="s">
        <v>32563</v>
      </c>
      <c r="E31627" s="1" t="s">
        <v>110422</v>
      </c>
      <c r="F31627" s="1" t="s">
        <v>110423</v>
      </c>
      <c r="G31627" s="1" t="s">
        <v>110387</v>
      </c>
      <c r="H31627" s="1" t="s">
        <v>110388</v>
      </c>
      <c r="I31627" s="1" t="s">
        <v>109553</v>
      </c>
      <c r="J31627" s="1" t="s">
        <v>110424</v>
      </c>
    </row>
    <row r="31628" spans="1:10" x14ac:dyDescent="0.35">
      <c r="A31628" s="1" t="s">
        <v>110384</v>
      </c>
      <c r="B31628" s="1" t="s">
        <v>109548</v>
      </c>
      <c r="C31628" s="1" t="s">
        <v>70</v>
      </c>
      <c r="D31628" s="1" t="s">
        <v>46</v>
      </c>
      <c r="E31628" s="1" t="s">
        <v>110425</v>
      </c>
      <c r="F31628" s="1" t="s">
        <v>110426</v>
      </c>
      <c r="G31628" s="1" t="s">
        <v>110387</v>
      </c>
      <c r="H31628" s="1" t="s">
        <v>110388</v>
      </c>
      <c r="I31628" s="1" t="s">
        <v>109553</v>
      </c>
      <c r="J31628" s="1" t="s">
        <v>110427</v>
      </c>
    </row>
    <row r="31629" spans="1:10" x14ac:dyDescent="0.35">
      <c r="A31629" s="1" t="s">
        <v>110384</v>
      </c>
      <c r="B31629" s="1" t="s">
        <v>109548</v>
      </c>
      <c r="C31629" s="1" t="s">
        <v>75</v>
      </c>
      <c r="D31629" s="1" t="s">
        <v>4606</v>
      </c>
      <c r="E31629" s="1" t="s">
        <v>110428</v>
      </c>
      <c r="F31629" s="1" t="s">
        <v>110429</v>
      </c>
      <c r="G31629" s="1" t="s">
        <v>110387</v>
      </c>
      <c r="H31629" s="1" t="s">
        <v>110388</v>
      </c>
      <c r="I31629" s="1" t="s">
        <v>109553</v>
      </c>
      <c r="J31629" s="1" t="s">
        <v>110430</v>
      </c>
    </row>
    <row r="31630" spans="1:10" x14ac:dyDescent="0.35">
      <c r="A31630" s="1" t="s">
        <v>110384</v>
      </c>
      <c r="B31630" s="1" t="s">
        <v>109548</v>
      </c>
      <c r="C31630" s="1" t="s">
        <v>80</v>
      </c>
      <c r="D31630" s="1" t="s">
        <v>110431</v>
      </c>
      <c r="E31630" s="1" t="s">
        <v>110432</v>
      </c>
      <c r="F31630" s="1" t="s">
        <v>110433</v>
      </c>
      <c r="G31630" s="1" t="s">
        <v>110387</v>
      </c>
      <c r="H31630" s="1" t="s">
        <v>110388</v>
      </c>
      <c r="I31630" s="1" t="s">
        <v>109553</v>
      </c>
      <c r="J31630" s="1" t="s">
        <v>110434</v>
      </c>
    </row>
    <row r="31631" spans="1:10" x14ac:dyDescent="0.35">
      <c r="A31631" s="1" t="s">
        <v>110384</v>
      </c>
      <c r="B31631" s="1" t="s">
        <v>109548</v>
      </c>
      <c r="C31631" s="1" t="s">
        <v>85</v>
      </c>
      <c r="D31631" s="1" t="s">
        <v>47118</v>
      </c>
      <c r="E31631" s="1" t="s">
        <v>110435</v>
      </c>
      <c r="F31631" s="1" t="s">
        <v>110436</v>
      </c>
      <c r="G31631" s="1" t="s">
        <v>110387</v>
      </c>
      <c r="H31631" s="1" t="s">
        <v>110388</v>
      </c>
      <c r="I31631" s="1" t="s">
        <v>109553</v>
      </c>
      <c r="J31631" s="1" t="s">
        <v>110437</v>
      </c>
    </row>
    <row r="31632" spans="1:10" x14ac:dyDescent="0.35">
      <c r="A31632" s="1" t="s">
        <v>110384</v>
      </c>
      <c r="B31632" s="1" t="s">
        <v>109548</v>
      </c>
      <c r="C31632" s="1" t="s">
        <v>90</v>
      </c>
      <c r="D31632" s="1" t="s">
        <v>110438</v>
      </c>
      <c r="E31632" s="1" t="s">
        <v>110439</v>
      </c>
      <c r="F31632" s="1" t="s">
        <v>110440</v>
      </c>
      <c r="G31632" s="1" t="s">
        <v>110387</v>
      </c>
      <c r="H31632" s="1" t="s">
        <v>110388</v>
      </c>
      <c r="I31632" s="1" t="s">
        <v>109553</v>
      </c>
      <c r="J31632" s="1" t="s">
        <v>110441</v>
      </c>
    </row>
    <row r="31633" spans="1:10" x14ac:dyDescent="0.35">
      <c r="A31633" s="1" t="s">
        <v>110384</v>
      </c>
      <c r="B31633" s="1" t="s">
        <v>109548</v>
      </c>
      <c r="C31633" s="1" t="s">
        <v>95</v>
      </c>
      <c r="D31633" s="1" t="s">
        <v>35908</v>
      </c>
      <c r="E31633" s="1" t="s">
        <v>110442</v>
      </c>
      <c r="F31633" s="1" t="s">
        <v>110443</v>
      </c>
      <c r="G31633" s="1" t="s">
        <v>110387</v>
      </c>
      <c r="H31633" s="1" t="s">
        <v>110388</v>
      </c>
      <c r="I31633" s="1" t="s">
        <v>109553</v>
      </c>
      <c r="J31633" s="1" t="s">
        <v>110444</v>
      </c>
    </row>
    <row r="31634" spans="1:10" x14ac:dyDescent="0.35">
      <c r="A31634" s="1" t="s">
        <v>110384</v>
      </c>
      <c r="B31634" s="1" t="s">
        <v>109548</v>
      </c>
      <c r="C31634" s="1" t="s">
        <v>100</v>
      </c>
      <c r="D31634" s="1" t="s">
        <v>104596</v>
      </c>
      <c r="E31634" s="1" t="s">
        <v>110445</v>
      </c>
      <c r="F31634" s="1" t="s">
        <v>110446</v>
      </c>
      <c r="G31634" s="1" t="s">
        <v>110387</v>
      </c>
      <c r="H31634" s="1" t="s">
        <v>110388</v>
      </c>
      <c r="I31634" s="1" t="s">
        <v>109553</v>
      </c>
      <c r="J31634" s="1" t="s">
        <v>110447</v>
      </c>
    </row>
    <row r="31635" spans="1:10" x14ac:dyDescent="0.35">
      <c r="A31635" s="1" t="s">
        <v>110384</v>
      </c>
      <c r="B31635" s="1" t="s">
        <v>109548</v>
      </c>
      <c r="C31635" s="1" t="s">
        <v>105</v>
      </c>
      <c r="D31635" s="1" t="s">
        <v>110448</v>
      </c>
      <c r="E31635" s="1" t="s">
        <v>110449</v>
      </c>
      <c r="F31635" s="1" t="s">
        <v>110450</v>
      </c>
      <c r="G31635" s="1" t="s">
        <v>110387</v>
      </c>
      <c r="H31635" s="1" t="s">
        <v>110388</v>
      </c>
      <c r="I31635" s="1" t="s">
        <v>109553</v>
      </c>
      <c r="J31635" s="1" t="s">
        <v>110451</v>
      </c>
    </row>
    <row r="31636" spans="1:10" x14ac:dyDescent="0.35">
      <c r="A31636" s="1" t="s">
        <v>110384</v>
      </c>
      <c r="B31636" s="1" t="s">
        <v>109548</v>
      </c>
      <c r="C31636" s="1" t="s">
        <v>110</v>
      </c>
      <c r="D31636" s="1" t="s">
        <v>33580</v>
      </c>
      <c r="E31636" s="1" t="s">
        <v>110452</v>
      </c>
      <c r="F31636" s="1" t="s">
        <v>110453</v>
      </c>
      <c r="G31636" s="1" t="s">
        <v>110387</v>
      </c>
      <c r="H31636" s="1" t="s">
        <v>110388</v>
      </c>
      <c r="I31636" s="1" t="s">
        <v>109553</v>
      </c>
      <c r="J31636" s="1" t="s">
        <v>110454</v>
      </c>
    </row>
    <row r="31637" spans="1:10" x14ac:dyDescent="0.35">
      <c r="A31637" s="1" t="s">
        <v>110384</v>
      </c>
      <c r="B31637" s="1" t="s">
        <v>109548</v>
      </c>
      <c r="C31637" s="1" t="s">
        <v>115</v>
      </c>
      <c r="D31637" s="1" t="s">
        <v>49912</v>
      </c>
      <c r="E31637" s="1" t="s">
        <v>110455</v>
      </c>
      <c r="F31637" s="1" t="s">
        <v>110456</v>
      </c>
      <c r="G31637" s="1" t="s">
        <v>110387</v>
      </c>
      <c r="H31637" s="1" t="s">
        <v>110388</v>
      </c>
      <c r="I31637" s="1" t="s">
        <v>109553</v>
      </c>
      <c r="J31637" s="1" t="s">
        <v>110457</v>
      </c>
    </row>
    <row r="31638" spans="1:10" x14ac:dyDescent="0.35">
      <c r="A31638" s="1" t="s">
        <v>110384</v>
      </c>
      <c r="B31638" s="1" t="s">
        <v>109548</v>
      </c>
      <c r="C31638" s="1" t="s">
        <v>120</v>
      </c>
      <c r="D31638" s="1" t="s">
        <v>11811</v>
      </c>
      <c r="E31638" s="1" t="s">
        <v>110458</v>
      </c>
      <c r="F31638" s="1" t="s">
        <v>110459</v>
      </c>
      <c r="G31638" s="1" t="s">
        <v>110387</v>
      </c>
      <c r="H31638" s="1" t="s">
        <v>110388</v>
      </c>
      <c r="I31638" s="1" t="s">
        <v>109553</v>
      </c>
      <c r="J31638" s="1" t="s">
        <v>110460</v>
      </c>
    </row>
    <row r="31639" spans="1:10" x14ac:dyDescent="0.35">
      <c r="A31639" s="1" t="s">
        <v>110384</v>
      </c>
      <c r="B31639" s="1" t="s">
        <v>109548</v>
      </c>
      <c r="C31639" s="1" t="s">
        <v>125</v>
      </c>
      <c r="D31639" s="1" t="s">
        <v>110461</v>
      </c>
      <c r="E31639" s="1" t="s">
        <v>110462</v>
      </c>
      <c r="F31639" s="1" t="s">
        <v>110463</v>
      </c>
      <c r="G31639" s="1" t="s">
        <v>110387</v>
      </c>
      <c r="H31639" s="1" t="s">
        <v>110388</v>
      </c>
      <c r="I31639" s="1" t="s">
        <v>109553</v>
      </c>
      <c r="J31639" s="1" t="s">
        <v>110464</v>
      </c>
    </row>
    <row r="31640" spans="1:10" x14ac:dyDescent="0.35">
      <c r="A31640" s="1" t="s">
        <v>110384</v>
      </c>
      <c r="B31640" s="1" t="s">
        <v>109548</v>
      </c>
      <c r="C31640" s="1" t="s">
        <v>130</v>
      </c>
      <c r="D31640" s="1" t="s">
        <v>110465</v>
      </c>
      <c r="E31640" s="1" t="s">
        <v>110466</v>
      </c>
      <c r="F31640" s="1" t="s">
        <v>110467</v>
      </c>
      <c r="G31640" s="1" t="s">
        <v>110387</v>
      </c>
      <c r="H31640" s="1" t="s">
        <v>110388</v>
      </c>
      <c r="I31640" s="1" t="s">
        <v>109553</v>
      </c>
      <c r="J31640" s="1" t="s">
        <v>110468</v>
      </c>
    </row>
    <row r="31641" spans="1:10" x14ac:dyDescent="0.35">
      <c r="A31641" s="1" t="s">
        <v>110384</v>
      </c>
      <c r="B31641" s="1" t="s">
        <v>109548</v>
      </c>
      <c r="C31641" s="1" t="s">
        <v>135</v>
      </c>
      <c r="D31641" s="1" t="s">
        <v>110469</v>
      </c>
      <c r="E31641" s="1" t="s">
        <v>110470</v>
      </c>
      <c r="F31641" s="1" t="s">
        <v>110471</v>
      </c>
      <c r="G31641" s="1" t="s">
        <v>110387</v>
      </c>
      <c r="H31641" s="1" t="s">
        <v>110388</v>
      </c>
      <c r="I31641" s="1" t="s">
        <v>109553</v>
      </c>
      <c r="J31641" s="1" t="s">
        <v>110472</v>
      </c>
    </row>
    <row r="31642" spans="1:10" x14ac:dyDescent="0.35">
      <c r="A31642" s="1" t="s">
        <v>110384</v>
      </c>
      <c r="B31642" s="1" t="s">
        <v>109548</v>
      </c>
      <c r="C31642" s="1" t="s">
        <v>140</v>
      </c>
      <c r="D31642" s="1" t="s">
        <v>73789</v>
      </c>
      <c r="E31642" s="1" t="s">
        <v>110473</v>
      </c>
      <c r="F31642" s="1" t="s">
        <v>110474</v>
      </c>
      <c r="G31642" s="1" t="s">
        <v>110387</v>
      </c>
      <c r="H31642" s="1" t="s">
        <v>110388</v>
      </c>
      <c r="I31642" s="1" t="s">
        <v>109553</v>
      </c>
      <c r="J31642" s="1" t="s">
        <v>110475</v>
      </c>
    </row>
    <row r="31643" spans="1:10" x14ac:dyDescent="0.35">
      <c r="A31643" s="1" t="s">
        <v>110384</v>
      </c>
      <c r="B31643" s="1" t="s">
        <v>109548</v>
      </c>
      <c r="C31643" s="1" t="s">
        <v>145</v>
      </c>
      <c r="D31643" s="1" t="s">
        <v>31158</v>
      </c>
      <c r="E31643" s="1" t="s">
        <v>110476</v>
      </c>
      <c r="F31643" s="1" t="s">
        <v>110477</v>
      </c>
      <c r="G31643" s="1" t="s">
        <v>110387</v>
      </c>
      <c r="H31643" s="1" t="s">
        <v>110388</v>
      </c>
      <c r="I31643" s="1" t="s">
        <v>109553</v>
      </c>
      <c r="J31643" s="1" t="s">
        <v>110478</v>
      </c>
    </row>
    <row r="31644" spans="1:10" x14ac:dyDescent="0.35">
      <c r="A31644" s="1" t="s">
        <v>110384</v>
      </c>
      <c r="B31644" s="1" t="s">
        <v>109548</v>
      </c>
      <c r="C31644" s="1" t="s">
        <v>150</v>
      </c>
      <c r="D31644" s="1" t="s">
        <v>31169</v>
      </c>
      <c r="E31644" s="1" t="s">
        <v>110479</v>
      </c>
      <c r="F31644" s="1" t="s">
        <v>110480</v>
      </c>
      <c r="G31644" s="1" t="s">
        <v>110387</v>
      </c>
      <c r="H31644" s="1" t="s">
        <v>110388</v>
      </c>
      <c r="I31644" s="1" t="s">
        <v>109553</v>
      </c>
      <c r="J31644" s="1" t="s">
        <v>110481</v>
      </c>
    </row>
    <row r="31645" spans="1:10" x14ac:dyDescent="0.35">
      <c r="A31645" s="1" t="s">
        <v>110384</v>
      </c>
      <c r="B31645" s="1" t="s">
        <v>109548</v>
      </c>
      <c r="C31645" s="1" t="s">
        <v>155</v>
      </c>
      <c r="D31645" s="1" t="s">
        <v>110482</v>
      </c>
      <c r="E31645" s="1" t="s">
        <v>110483</v>
      </c>
      <c r="F31645" s="1" t="s">
        <v>110484</v>
      </c>
      <c r="G31645" s="1" t="s">
        <v>110387</v>
      </c>
      <c r="H31645" s="1" t="s">
        <v>110388</v>
      </c>
      <c r="I31645" s="1" t="s">
        <v>109553</v>
      </c>
      <c r="J31645" s="1" t="s">
        <v>110485</v>
      </c>
    </row>
    <row r="31646" spans="1:10" x14ac:dyDescent="0.35">
      <c r="A31646" s="1" t="s">
        <v>110384</v>
      </c>
      <c r="B31646" s="1" t="s">
        <v>109548</v>
      </c>
      <c r="C31646" s="1" t="s">
        <v>160</v>
      </c>
      <c r="D31646" s="1" t="s">
        <v>110486</v>
      </c>
      <c r="E31646" s="1" t="s">
        <v>110487</v>
      </c>
      <c r="F31646" s="1" t="s">
        <v>110488</v>
      </c>
      <c r="G31646" s="1" t="s">
        <v>110387</v>
      </c>
      <c r="H31646" s="1" t="s">
        <v>110388</v>
      </c>
      <c r="I31646" s="1" t="s">
        <v>109553</v>
      </c>
      <c r="J31646" s="1" t="s">
        <v>110489</v>
      </c>
    </row>
    <row r="31647" spans="1:10" x14ac:dyDescent="0.35">
      <c r="A31647" s="1" t="s">
        <v>110384</v>
      </c>
      <c r="B31647" s="1" t="s">
        <v>109548</v>
      </c>
      <c r="C31647" s="1" t="s">
        <v>165</v>
      </c>
      <c r="D31647" s="1" t="s">
        <v>110490</v>
      </c>
      <c r="E31647" s="1" t="s">
        <v>110491</v>
      </c>
      <c r="F31647" s="1" t="s">
        <v>110492</v>
      </c>
      <c r="G31647" s="1" t="s">
        <v>110387</v>
      </c>
      <c r="H31647" s="1" t="s">
        <v>110388</v>
      </c>
      <c r="I31647" s="1" t="s">
        <v>109553</v>
      </c>
      <c r="J31647" s="1" t="s">
        <v>110493</v>
      </c>
    </row>
    <row r="31648" spans="1:10" x14ac:dyDescent="0.35">
      <c r="A31648" s="1" t="s">
        <v>110384</v>
      </c>
      <c r="B31648" s="1" t="s">
        <v>109548</v>
      </c>
      <c r="C31648" s="1" t="s">
        <v>170</v>
      </c>
      <c r="D31648" s="1" t="s">
        <v>110494</v>
      </c>
      <c r="E31648" s="1" t="s">
        <v>110495</v>
      </c>
      <c r="F31648" s="1" t="s">
        <v>110496</v>
      </c>
      <c r="G31648" s="1" t="s">
        <v>110387</v>
      </c>
      <c r="H31648" s="1" t="s">
        <v>110388</v>
      </c>
      <c r="I31648" s="1" t="s">
        <v>109553</v>
      </c>
      <c r="J31648" s="1" t="s">
        <v>8525</v>
      </c>
    </row>
    <row r="31649" spans="1:10" x14ac:dyDescent="0.35">
      <c r="A31649" s="1" t="s">
        <v>13229</v>
      </c>
      <c r="B31649" s="1" t="s">
        <v>109548</v>
      </c>
      <c r="C31649" s="1" t="s">
        <v>8</v>
      </c>
      <c r="D31649" s="1" t="s">
        <v>11746</v>
      </c>
      <c r="E31649" s="1" t="s">
        <v>110497</v>
      </c>
      <c r="F31649" s="1" t="s">
        <v>110498</v>
      </c>
      <c r="G31649" s="1" t="s">
        <v>110499</v>
      </c>
      <c r="H31649" s="1" t="s">
        <v>110500</v>
      </c>
      <c r="I31649" s="1" t="s">
        <v>109553</v>
      </c>
      <c r="J31649" s="1" t="s">
        <v>13</v>
      </c>
    </row>
    <row r="31650" spans="1:10" x14ac:dyDescent="0.35">
      <c r="A31650" s="1" t="s">
        <v>13229</v>
      </c>
      <c r="B31650" s="1" t="s">
        <v>109548</v>
      </c>
      <c r="C31650" s="1" t="s">
        <v>15</v>
      </c>
      <c r="D31650" s="1" t="s">
        <v>110501</v>
      </c>
      <c r="E31650" s="1" t="s">
        <v>73377</v>
      </c>
      <c r="F31650" s="1" t="s">
        <v>110502</v>
      </c>
      <c r="G31650" s="1" t="s">
        <v>110499</v>
      </c>
      <c r="H31650" s="1" t="s">
        <v>110500</v>
      </c>
      <c r="I31650" s="1" t="s">
        <v>109553</v>
      </c>
      <c r="J31650" s="1" t="s">
        <v>110503</v>
      </c>
    </row>
    <row r="31651" spans="1:10" x14ac:dyDescent="0.35">
      <c r="A31651" s="1" t="s">
        <v>13229</v>
      </c>
      <c r="B31651" s="1" t="s">
        <v>109548</v>
      </c>
      <c r="C31651" s="1" t="s">
        <v>20</v>
      </c>
      <c r="D31651" s="1" t="s">
        <v>110504</v>
      </c>
      <c r="E31651" s="1" t="s">
        <v>6849</v>
      </c>
      <c r="F31651" s="1" t="s">
        <v>110505</v>
      </c>
      <c r="G31651" s="1" t="s">
        <v>110499</v>
      </c>
      <c r="H31651" s="1" t="s">
        <v>110500</v>
      </c>
      <c r="I31651" s="1" t="s">
        <v>109553</v>
      </c>
      <c r="J31651" s="1" t="s">
        <v>110506</v>
      </c>
    </row>
    <row r="31652" spans="1:10" x14ac:dyDescent="0.35">
      <c r="A31652" s="1" t="s">
        <v>13229</v>
      </c>
      <c r="B31652" s="1" t="s">
        <v>109548</v>
      </c>
      <c r="C31652" s="1" t="s">
        <v>25</v>
      </c>
      <c r="D31652" s="1" t="s">
        <v>27787</v>
      </c>
      <c r="E31652" s="1" t="s">
        <v>110507</v>
      </c>
      <c r="F31652" s="1" t="s">
        <v>110508</v>
      </c>
      <c r="G31652" s="1" t="s">
        <v>110499</v>
      </c>
      <c r="H31652" s="1" t="s">
        <v>110500</v>
      </c>
      <c r="I31652" s="1" t="s">
        <v>109553</v>
      </c>
      <c r="J31652" s="1" t="s">
        <v>110509</v>
      </c>
    </row>
    <row r="31653" spans="1:10" x14ac:dyDescent="0.35">
      <c r="A31653" s="1" t="s">
        <v>13229</v>
      </c>
      <c r="B31653" s="1" t="s">
        <v>109548</v>
      </c>
      <c r="C31653" s="1" t="s">
        <v>30</v>
      </c>
      <c r="D31653" s="1" t="s">
        <v>47316</v>
      </c>
      <c r="E31653" s="1" t="s">
        <v>110497</v>
      </c>
      <c r="F31653" s="1" t="s">
        <v>110510</v>
      </c>
      <c r="G31653" s="1" t="s">
        <v>110499</v>
      </c>
      <c r="H31653" s="1" t="s">
        <v>110500</v>
      </c>
      <c r="I31653" s="1" t="s">
        <v>109553</v>
      </c>
      <c r="J31653" s="1" t="s">
        <v>110511</v>
      </c>
    </row>
    <row r="31654" spans="1:10" x14ac:dyDescent="0.35">
      <c r="A31654" s="1" t="s">
        <v>13229</v>
      </c>
      <c r="B31654" s="1" t="s">
        <v>109548</v>
      </c>
      <c r="C31654" s="1" t="s">
        <v>35</v>
      </c>
      <c r="D31654" s="1" t="s">
        <v>15025</v>
      </c>
      <c r="E31654" s="1" t="s">
        <v>110512</v>
      </c>
      <c r="F31654" s="1" t="s">
        <v>110513</v>
      </c>
      <c r="G31654" s="1" t="s">
        <v>110499</v>
      </c>
      <c r="H31654" s="1" t="s">
        <v>110500</v>
      </c>
      <c r="I31654" s="1" t="s">
        <v>109553</v>
      </c>
      <c r="J31654" s="1" t="s">
        <v>110514</v>
      </c>
    </row>
    <row r="31655" spans="1:10" x14ac:dyDescent="0.35">
      <c r="A31655" s="1" t="s">
        <v>13229</v>
      </c>
      <c r="B31655" s="1" t="s">
        <v>109548</v>
      </c>
      <c r="C31655" s="1" t="s">
        <v>40</v>
      </c>
      <c r="D31655" s="1" t="s">
        <v>1556</v>
      </c>
      <c r="E31655" s="1" t="s">
        <v>110515</v>
      </c>
      <c r="F31655" s="1" t="s">
        <v>110516</v>
      </c>
      <c r="G31655" s="1" t="s">
        <v>110499</v>
      </c>
      <c r="H31655" s="1" t="s">
        <v>110500</v>
      </c>
      <c r="I31655" s="1" t="s">
        <v>109553</v>
      </c>
      <c r="J31655" s="1" t="s">
        <v>110517</v>
      </c>
    </row>
    <row r="31656" spans="1:10" x14ac:dyDescent="0.35">
      <c r="A31656" s="1" t="s">
        <v>13229</v>
      </c>
      <c r="B31656" s="1" t="s">
        <v>109548</v>
      </c>
      <c r="C31656" s="1" t="s">
        <v>45</v>
      </c>
      <c r="D31656" s="1" t="s">
        <v>27607</v>
      </c>
      <c r="E31656" s="1" t="s">
        <v>110518</v>
      </c>
      <c r="F31656" s="1" t="s">
        <v>104655</v>
      </c>
      <c r="G31656" s="1" t="s">
        <v>110499</v>
      </c>
      <c r="H31656" s="1" t="s">
        <v>110500</v>
      </c>
      <c r="I31656" s="1" t="s">
        <v>109553</v>
      </c>
      <c r="J31656" s="1" t="s">
        <v>110519</v>
      </c>
    </row>
    <row r="31657" spans="1:10" x14ac:dyDescent="0.35">
      <c r="A31657" s="1" t="s">
        <v>13229</v>
      </c>
      <c r="B31657" s="1" t="s">
        <v>109548</v>
      </c>
      <c r="C31657" s="1" t="s">
        <v>50</v>
      </c>
      <c r="D31657" s="1" t="s">
        <v>29771</v>
      </c>
      <c r="E31657" s="1" t="s">
        <v>110520</v>
      </c>
      <c r="F31657" s="1" t="s">
        <v>110521</v>
      </c>
      <c r="G31657" s="1" t="s">
        <v>110499</v>
      </c>
      <c r="H31657" s="1" t="s">
        <v>110500</v>
      </c>
      <c r="I31657" s="1" t="s">
        <v>109553</v>
      </c>
      <c r="J31657" s="1" t="s">
        <v>110522</v>
      </c>
    </row>
    <row r="31658" spans="1:10" x14ac:dyDescent="0.35">
      <c r="A31658" s="1" t="s">
        <v>13229</v>
      </c>
      <c r="B31658" s="1" t="s">
        <v>109548</v>
      </c>
      <c r="C31658" s="1" t="s">
        <v>55</v>
      </c>
      <c r="D31658" s="1" t="s">
        <v>27619</v>
      </c>
      <c r="E31658" s="1" t="s">
        <v>4835</v>
      </c>
      <c r="F31658" s="1" t="s">
        <v>110523</v>
      </c>
      <c r="G31658" s="1" t="s">
        <v>110499</v>
      </c>
      <c r="H31658" s="1" t="s">
        <v>110500</v>
      </c>
      <c r="I31658" s="1" t="s">
        <v>109553</v>
      </c>
      <c r="J31658" s="1" t="s">
        <v>110524</v>
      </c>
    </row>
    <row r="31659" spans="1:10" x14ac:dyDescent="0.35">
      <c r="A31659" s="1" t="s">
        <v>13229</v>
      </c>
      <c r="B31659" s="1" t="s">
        <v>109548</v>
      </c>
      <c r="C31659" s="1" t="s">
        <v>60</v>
      </c>
      <c r="D31659" s="1" t="s">
        <v>30016</v>
      </c>
      <c r="E31659" s="1" t="s">
        <v>73385</v>
      </c>
      <c r="F31659" s="1" t="s">
        <v>110525</v>
      </c>
      <c r="G31659" s="1" t="s">
        <v>110499</v>
      </c>
      <c r="H31659" s="1" t="s">
        <v>110500</v>
      </c>
      <c r="I31659" s="1" t="s">
        <v>109553</v>
      </c>
      <c r="J31659" s="1" t="s">
        <v>110526</v>
      </c>
    </row>
    <row r="31660" spans="1:10" x14ac:dyDescent="0.35">
      <c r="A31660" s="1" t="s">
        <v>13229</v>
      </c>
      <c r="B31660" s="1" t="s">
        <v>109548</v>
      </c>
      <c r="C31660" s="1" t="s">
        <v>65</v>
      </c>
      <c r="D31660" s="1" t="s">
        <v>110527</v>
      </c>
      <c r="E31660" s="1" t="s">
        <v>110528</v>
      </c>
      <c r="F31660" s="1" t="s">
        <v>110529</v>
      </c>
      <c r="G31660" s="1" t="s">
        <v>110499</v>
      </c>
      <c r="H31660" s="1" t="s">
        <v>110500</v>
      </c>
      <c r="I31660" s="1" t="s">
        <v>109553</v>
      </c>
      <c r="J31660" s="1" t="s">
        <v>110530</v>
      </c>
    </row>
    <row r="31661" spans="1:10" x14ac:dyDescent="0.35">
      <c r="A31661" s="1" t="s">
        <v>13229</v>
      </c>
      <c r="B31661" s="1" t="s">
        <v>109548</v>
      </c>
      <c r="C31661" s="1" t="s">
        <v>70</v>
      </c>
      <c r="D31661" s="1" t="s">
        <v>11737</v>
      </c>
      <c r="E31661" s="1" t="s">
        <v>110531</v>
      </c>
      <c r="F31661" s="1" t="s">
        <v>110532</v>
      </c>
      <c r="G31661" s="1" t="s">
        <v>110499</v>
      </c>
      <c r="H31661" s="1" t="s">
        <v>110500</v>
      </c>
      <c r="I31661" s="1" t="s">
        <v>109553</v>
      </c>
      <c r="J31661" s="1" t="s">
        <v>110533</v>
      </c>
    </row>
    <row r="31662" spans="1:10" x14ac:dyDescent="0.35">
      <c r="A31662" s="1" t="s">
        <v>13229</v>
      </c>
      <c r="B31662" s="1" t="s">
        <v>109548</v>
      </c>
      <c r="C31662" s="1" t="s">
        <v>75</v>
      </c>
      <c r="D31662" s="1" t="s">
        <v>11044</v>
      </c>
      <c r="E31662" s="1" t="s">
        <v>4914</v>
      </c>
      <c r="F31662" s="1" t="s">
        <v>21212</v>
      </c>
      <c r="G31662" s="1" t="s">
        <v>110499</v>
      </c>
      <c r="H31662" s="1" t="s">
        <v>110500</v>
      </c>
      <c r="I31662" s="1" t="s">
        <v>109553</v>
      </c>
      <c r="J31662" s="1" t="s">
        <v>110534</v>
      </c>
    </row>
    <row r="31663" spans="1:10" x14ac:dyDescent="0.35">
      <c r="A31663" s="1" t="s">
        <v>13229</v>
      </c>
      <c r="B31663" s="1" t="s">
        <v>109548</v>
      </c>
      <c r="C31663" s="1" t="s">
        <v>80</v>
      </c>
      <c r="D31663" s="1" t="s">
        <v>70</v>
      </c>
      <c r="E31663" s="1" t="s">
        <v>110535</v>
      </c>
      <c r="F31663" s="1" t="s">
        <v>110536</v>
      </c>
      <c r="G31663" s="1" t="s">
        <v>110499</v>
      </c>
      <c r="H31663" s="1" t="s">
        <v>110500</v>
      </c>
      <c r="I31663" s="1" t="s">
        <v>109553</v>
      </c>
      <c r="J31663" s="1" t="s">
        <v>110537</v>
      </c>
    </row>
    <row r="31664" spans="1:10" x14ac:dyDescent="0.35">
      <c r="A31664" s="1" t="s">
        <v>13229</v>
      </c>
      <c r="B31664" s="1" t="s">
        <v>109548</v>
      </c>
      <c r="C31664" s="1" t="s">
        <v>85</v>
      </c>
      <c r="D31664" s="1" t="s">
        <v>6435</v>
      </c>
      <c r="E31664" s="1" t="s">
        <v>110512</v>
      </c>
      <c r="F31664" s="1" t="s">
        <v>110538</v>
      </c>
      <c r="G31664" s="1" t="s">
        <v>110499</v>
      </c>
      <c r="H31664" s="1" t="s">
        <v>110500</v>
      </c>
      <c r="I31664" s="1" t="s">
        <v>109553</v>
      </c>
      <c r="J31664" s="1" t="s">
        <v>110539</v>
      </c>
    </row>
    <row r="31665" spans="1:10" x14ac:dyDescent="0.35">
      <c r="A31665" s="1" t="s">
        <v>13229</v>
      </c>
      <c r="B31665" s="1" t="s">
        <v>109548</v>
      </c>
      <c r="C31665" s="1" t="s">
        <v>90</v>
      </c>
      <c r="D31665" s="1" t="s">
        <v>28763</v>
      </c>
      <c r="E31665" s="1" t="s">
        <v>110497</v>
      </c>
      <c r="F31665" s="1" t="s">
        <v>11750</v>
      </c>
      <c r="G31665" s="1" t="s">
        <v>110499</v>
      </c>
      <c r="H31665" s="1" t="s">
        <v>110500</v>
      </c>
      <c r="I31665" s="1" t="s">
        <v>109553</v>
      </c>
      <c r="J31665" s="1" t="s">
        <v>110540</v>
      </c>
    </row>
    <row r="31666" spans="1:10" x14ac:dyDescent="0.35">
      <c r="A31666" s="1" t="s">
        <v>13229</v>
      </c>
      <c r="B31666" s="1" t="s">
        <v>109548</v>
      </c>
      <c r="C31666" s="1" t="s">
        <v>95</v>
      </c>
      <c r="D31666" s="1" t="s">
        <v>24974</v>
      </c>
      <c r="E31666" s="1" t="s">
        <v>110541</v>
      </c>
      <c r="F31666" s="1" t="s">
        <v>110542</v>
      </c>
      <c r="G31666" s="1" t="s">
        <v>110499</v>
      </c>
      <c r="H31666" s="1" t="s">
        <v>110500</v>
      </c>
      <c r="I31666" s="1" t="s">
        <v>109553</v>
      </c>
      <c r="J31666" s="1" t="s">
        <v>110543</v>
      </c>
    </row>
    <row r="31667" spans="1:10" x14ac:dyDescent="0.35">
      <c r="A31667" s="1" t="s">
        <v>13229</v>
      </c>
      <c r="B31667" s="1" t="s">
        <v>109548</v>
      </c>
      <c r="C31667" s="1" t="s">
        <v>100</v>
      </c>
      <c r="D31667" s="1" t="s">
        <v>10048</v>
      </c>
      <c r="E31667" s="1" t="s">
        <v>110544</v>
      </c>
      <c r="F31667" s="1" t="s">
        <v>110545</v>
      </c>
      <c r="G31667" s="1" t="s">
        <v>110499</v>
      </c>
      <c r="H31667" s="1" t="s">
        <v>110500</v>
      </c>
      <c r="I31667" s="1" t="s">
        <v>109553</v>
      </c>
      <c r="J31667" s="1" t="s">
        <v>110546</v>
      </c>
    </row>
    <row r="31668" spans="1:10" x14ac:dyDescent="0.35">
      <c r="A31668" s="1" t="s">
        <v>13229</v>
      </c>
      <c r="B31668" s="1" t="s">
        <v>109548</v>
      </c>
      <c r="C31668" s="1" t="s">
        <v>105</v>
      </c>
      <c r="D31668" s="1" t="s">
        <v>9233</v>
      </c>
      <c r="E31668" s="1" t="s">
        <v>110547</v>
      </c>
      <c r="F31668" s="1" t="s">
        <v>110548</v>
      </c>
      <c r="G31668" s="1" t="s">
        <v>110499</v>
      </c>
      <c r="H31668" s="1" t="s">
        <v>110500</v>
      </c>
      <c r="I31668" s="1" t="s">
        <v>109553</v>
      </c>
      <c r="J31668" s="1" t="s">
        <v>110549</v>
      </c>
    </row>
    <row r="31669" spans="1:10" x14ac:dyDescent="0.35">
      <c r="A31669" s="1" t="s">
        <v>13229</v>
      </c>
      <c r="B31669" s="1" t="s">
        <v>109548</v>
      </c>
      <c r="C31669" s="1" t="s">
        <v>110</v>
      </c>
      <c r="D31669" s="1" t="s">
        <v>110550</v>
      </c>
      <c r="E31669" s="1" t="s">
        <v>110551</v>
      </c>
      <c r="F31669" s="1" t="s">
        <v>110552</v>
      </c>
      <c r="G31669" s="1" t="s">
        <v>110499</v>
      </c>
      <c r="H31669" s="1" t="s">
        <v>110500</v>
      </c>
      <c r="I31669" s="1" t="s">
        <v>109553</v>
      </c>
      <c r="J31669" s="1" t="s">
        <v>110553</v>
      </c>
    </row>
    <row r="31670" spans="1:10" x14ac:dyDescent="0.35">
      <c r="A31670" s="1" t="s">
        <v>13229</v>
      </c>
      <c r="B31670" s="1" t="s">
        <v>109548</v>
      </c>
      <c r="C31670" s="1" t="s">
        <v>115</v>
      </c>
      <c r="D31670" s="1" t="s">
        <v>110554</v>
      </c>
      <c r="E31670" s="1" t="s">
        <v>110555</v>
      </c>
      <c r="F31670" s="1" t="s">
        <v>110556</v>
      </c>
      <c r="G31670" s="1" t="s">
        <v>110499</v>
      </c>
      <c r="H31670" s="1" t="s">
        <v>110500</v>
      </c>
      <c r="I31670" s="1" t="s">
        <v>109553</v>
      </c>
      <c r="J31670" s="1" t="s">
        <v>110557</v>
      </c>
    </row>
    <row r="31671" spans="1:10" x14ac:dyDescent="0.35">
      <c r="A31671" s="1" t="s">
        <v>13229</v>
      </c>
      <c r="B31671" s="1" t="s">
        <v>109548</v>
      </c>
      <c r="C31671" s="1" t="s">
        <v>120</v>
      </c>
      <c r="D31671" s="1" t="s">
        <v>28766</v>
      </c>
      <c r="E31671" s="1" t="s">
        <v>4902</v>
      </c>
      <c r="F31671" s="1" t="s">
        <v>71163</v>
      </c>
      <c r="G31671" s="1" t="s">
        <v>110499</v>
      </c>
      <c r="H31671" s="1" t="s">
        <v>110500</v>
      </c>
      <c r="I31671" s="1" t="s">
        <v>109553</v>
      </c>
      <c r="J31671" s="1" t="s">
        <v>110558</v>
      </c>
    </row>
    <row r="31672" spans="1:10" x14ac:dyDescent="0.35">
      <c r="A31672" s="1" t="s">
        <v>13229</v>
      </c>
      <c r="B31672" s="1" t="s">
        <v>109548</v>
      </c>
      <c r="C31672" s="1" t="s">
        <v>125</v>
      </c>
      <c r="D31672" s="1" t="s">
        <v>110559</v>
      </c>
      <c r="E31672" s="1" t="s">
        <v>6796</v>
      </c>
      <c r="F31672" s="1" t="s">
        <v>110560</v>
      </c>
      <c r="G31672" s="1" t="s">
        <v>110499</v>
      </c>
      <c r="H31672" s="1" t="s">
        <v>110500</v>
      </c>
      <c r="I31672" s="1" t="s">
        <v>109553</v>
      </c>
      <c r="J31672" s="1" t="s">
        <v>110561</v>
      </c>
    </row>
    <row r="31673" spans="1:10" x14ac:dyDescent="0.35">
      <c r="A31673" s="1" t="s">
        <v>13229</v>
      </c>
      <c r="B31673" s="1" t="s">
        <v>109548</v>
      </c>
      <c r="C31673" s="1" t="s">
        <v>130</v>
      </c>
      <c r="D31673" s="1" t="s">
        <v>4034</v>
      </c>
      <c r="E31673" s="1" t="s">
        <v>110531</v>
      </c>
      <c r="F31673" s="1" t="s">
        <v>110562</v>
      </c>
      <c r="G31673" s="1" t="s">
        <v>110499</v>
      </c>
      <c r="H31673" s="1" t="s">
        <v>110500</v>
      </c>
      <c r="I31673" s="1" t="s">
        <v>109553</v>
      </c>
      <c r="J31673" s="1" t="s">
        <v>110563</v>
      </c>
    </row>
    <row r="31674" spans="1:10" x14ac:dyDescent="0.35">
      <c r="A31674" s="1" t="s">
        <v>13229</v>
      </c>
      <c r="B31674" s="1" t="s">
        <v>109548</v>
      </c>
      <c r="C31674" s="1" t="s">
        <v>135</v>
      </c>
      <c r="D31674" s="1" t="s">
        <v>104431</v>
      </c>
      <c r="E31674" s="1" t="s">
        <v>110564</v>
      </c>
      <c r="F31674" s="1" t="s">
        <v>110565</v>
      </c>
      <c r="G31674" s="1" t="s">
        <v>110499</v>
      </c>
      <c r="H31674" s="1" t="s">
        <v>110500</v>
      </c>
      <c r="I31674" s="1" t="s">
        <v>109553</v>
      </c>
      <c r="J31674" s="1" t="s">
        <v>110566</v>
      </c>
    </row>
    <row r="31675" spans="1:10" x14ac:dyDescent="0.35">
      <c r="A31675" s="1" t="s">
        <v>13229</v>
      </c>
      <c r="B31675" s="1" t="s">
        <v>109548</v>
      </c>
      <c r="C31675" s="1" t="s">
        <v>140</v>
      </c>
      <c r="D31675" s="1" t="s">
        <v>110567</v>
      </c>
      <c r="E31675" s="1" t="s">
        <v>110568</v>
      </c>
      <c r="F31675" s="1" t="s">
        <v>4247</v>
      </c>
      <c r="G31675" s="1" t="s">
        <v>110499</v>
      </c>
      <c r="H31675" s="1" t="s">
        <v>110500</v>
      </c>
      <c r="I31675" s="1" t="s">
        <v>109553</v>
      </c>
      <c r="J31675" s="1" t="s">
        <v>110569</v>
      </c>
    </row>
    <row r="31676" spans="1:10" x14ac:dyDescent="0.35">
      <c r="A31676" s="1" t="s">
        <v>13229</v>
      </c>
      <c r="B31676" s="1" t="s">
        <v>109548</v>
      </c>
      <c r="C31676" s="1" t="s">
        <v>145</v>
      </c>
      <c r="D31676" s="1" t="s">
        <v>10187</v>
      </c>
      <c r="E31676" s="1" t="s">
        <v>6825</v>
      </c>
      <c r="F31676" s="1" t="s">
        <v>71022</v>
      </c>
      <c r="G31676" s="1" t="s">
        <v>110499</v>
      </c>
      <c r="H31676" s="1" t="s">
        <v>110500</v>
      </c>
      <c r="I31676" s="1" t="s">
        <v>109553</v>
      </c>
      <c r="J31676" s="1" t="s">
        <v>110570</v>
      </c>
    </row>
    <row r="31677" spans="1:10" x14ac:dyDescent="0.35">
      <c r="A31677" s="1" t="s">
        <v>13229</v>
      </c>
      <c r="B31677" s="1" t="s">
        <v>109548</v>
      </c>
      <c r="C31677" s="1" t="s">
        <v>150</v>
      </c>
      <c r="D31677" s="1" t="s">
        <v>110571</v>
      </c>
      <c r="E31677" s="1" t="s">
        <v>6768</v>
      </c>
      <c r="F31677" s="1" t="s">
        <v>110572</v>
      </c>
      <c r="G31677" s="1" t="s">
        <v>110499</v>
      </c>
      <c r="H31677" s="1" t="s">
        <v>110500</v>
      </c>
      <c r="I31677" s="1" t="s">
        <v>109553</v>
      </c>
      <c r="J31677" s="1" t="s">
        <v>48556</v>
      </c>
    </row>
    <row r="31678" spans="1:10" x14ac:dyDescent="0.35">
      <c r="A31678" s="1" t="s">
        <v>13229</v>
      </c>
      <c r="B31678" s="1" t="s">
        <v>109548</v>
      </c>
      <c r="C31678" s="1" t="s">
        <v>155</v>
      </c>
      <c r="D31678" s="1" t="s">
        <v>110573</v>
      </c>
      <c r="E31678" s="1" t="s">
        <v>110574</v>
      </c>
      <c r="F31678" s="1" t="s">
        <v>70962</v>
      </c>
      <c r="G31678" s="1" t="s">
        <v>110499</v>
      </c>
      <c r="H31678" s="1" t="s">
        <v>110500</v>
      </c>
      <c r="I31678" s="1" t="s">
        <v>109553</v>
      </c>
      <c r="J31678" s="1" t="s">
        <v>110575</v>
      </c>
    </row>
    <row r="31679" spans="1:10" x14ac:dyDescent="0.35">
      <c r="A31679" s="1" t="s">
        <v>13229</v>
      </c>
      <c r="B31679" s="1" t="s">
        <v>109548</v>
      </c>
      <c r="C31679" s="1" t="s">
        <v>160</v>
      </c>
      <c r="D31679" s="1" t="s">
        <v>110576</v>
      </c>
      <c r="E31679" s="1" t="s">
        <v>110577</v>
      </c>
      <c r="F31679" s="1" t="s">
        <v>110578</v>
      </c>
      <c r="G31679" s="1" t="s">
        <v>110499</v>
      </c>
      <c r="H31679" s="1" t="s">
        <v>110500</v>
      </c>
      <c r="I31679" s="1" t="s">
        <v>109553</v>
      </c>
      <c r="J31679" s="1" t="s">
        <v>110579</v>
      </c>
    </row>
    <row r="31680" spans="1:10" x14ac:dyDescent="0.35">
      <c r="A31680" s="1" t="s">
        <v>13229</v>
      </c>
      <c r="B31680" s="1" t="s">
        <v>109548</v>
      </c>
      <c r="C31680" s="1" t="s">
        <v>165</v>
      </c>
      <c r="D31680" s="1" t="s">
        <v>4737</v>
      </c>
      <c r="E31680" s="1" t="s">
        <v>8029</v>
      </c>
      <c r="F31680" s="1" t="s">
        <v>110580</v>
      </c>
      <c r="G31680" s="1" t="s">
        <v>110499</v>
      </c>
      <c r="H31680" s="1" t="s">
        <v>110500</v>
      </c>
      <c r="I31680" s="1" t="s">
        <v>109553</v>
      </c>
      <c r="J31680" s="1" t="s">
        <v>110581</v>
      </c>
    </row>
    <row r="31681" spans="1:10" x14ac:dyDescent="0.35">
      <c r="A31681" s="1" t="s">
        <v>13229</v>
      </c>
      <c r="B31681" s="1" t="s">
        <v>109548</v>
      </c>
      <c r="C31681" s="1" t="s">
        <v>170</v>
      </c>
      <c r="D31681" s="1" t="s">
        <v>110582</v>
      </c>
      <c r="E31681" s="1" t="s">
        <v>110583</v>
      </c>
      <c r="F31681" s="1" t="s">
        <v>23575</v>
      </c>
      <c r="G31681" s="1" t="s">
        <v>110499</v>
      </c>
      <c r="H31681" s="1" t="s">
        <v>110500</v>
      </c>
      <c r="I31681" s="1" t="s">
        <v>109553</v>
      </c>
      <c r="J31681" s="1" t="s">
        <v>110584</v>
      </c>
    </row>
    <row r="31682" spans="1:10" x14ac:dyDescent="0.35">
      <c r="A31682" s="1" t="s">
        <v>1154</v>
      </c>
      <c r="B31682" s="1" t="s">
        <v>109548</v>
      </c>
      <c r="C31682" s="1" t="s">
        <v>8</v>
      </c>
      <c r="D31682" s="1" t="s">
        <v>4447</v>
      </c>
      <c r="E31682" s="1" t="s">
        <v>110585</v>
      </c>
      <c r="F31682" s="1" t="s">
        <v>15885</v>
      </c>
      <c r="G31682" s="1" t="s">
        <v>110586</v>
      </c>
      <c r="H31682" s="1" t="s">
        <v>110587</v>
      </c>
      <c r="I31682" s="1" t="s">
        <v>109553</v>
      </c>
      <c r="J31682" s="1" t="s">
        <v>13</v>
      </c>
    </row>
    <row r="31683" spans="1:10" x14ac:dyDescent="0.35">
      <c r="A31683" s="1" t="s">
        <v>1154</v>
      </c>
      <c r="B31683" s="1" t="s">
        <v>109548</v>
      </c>
      <c r="C31683" s="1" t="s">
        <v>15</v>
      </c>
      <c r="D31683" s="1" t="s">
        <v>28032</v>
      </c>
      <c r="E31683" s="1" t="s">
        <v>110588</v>
      </c>
      <c r="F31683" s="1" t="s">
        <v>110589</v>
      </c>
      <c r="G31683" s="1" t="s">
        <v>110586</v>
      </c>
      <c r="H31683" s="1" t="s">
        <v>110587</v>
      </c>
      <c r="I31683" s="1" t="s">
        <v>109553</v>
      </c>
      <c r="J31683" s="1" t="s">
        <v>110590</v>
      </c>
    </row>
    <row r="31684" spans="1:10" x14ac:dyDescent="0.35">
      <c r="A31684" s="1" t="s">
        <v>1154</v>
      </c>
      <c r="B31684" s="1" t="s">
        <v>109548</v>
      </c>
      <c r="C31684" s="1" t="s">
        <v>20</v>
      </c>
      <c r="D31684" s="1" t="s">
        <v>28134</v>
      </c>
      <c r="E31684" s="1" t="s">
        <v>4851</v>
      </c>
      <c r="F31684" s="1" t="s">
        <v>110591</v>
      </c>
      <c r="G31684" s="1" t="s">
        <v>110586</v>
      </c>
      <c r="H31684" s="1" t="s">
        <v>110587</v>
      </c>
      <c r="I31684" s="1" t="s">
        <v>109553</v>
      </c>
      <c r="J31684" s="1" t="s">
        <v>110592</v>
      </c>
    </row>
    <row r="31685" spans="1:10" x14ac:dyDescent="0.35">
      <c r="A31685" s="1" t="s">
        <v>1154</v>
      </c>
      <c r="B31685" s="1" t="s">
        <v>109548</v>
      </c>
      <c r="C31685" s="1" t="s">
        <v>25</v>
      </c>
      <c r="D31685" s="1" t="s">
        <v>4341</v>
      </c>
      <c r="E31685" s="1" t="s">
        <v>110593</v>
      </c>
      <c r="F31685" s="1" t="s">
        <v>110594</v>
      </c>
      <c r="G31685" s="1" t="s">
        <v>110586</v>
      </c>
      <c r="H31685" s="1" t="s">
        <v>110587</v>
      </c>
      <c r="I31685" s="1" t="s">
        <v>109553</v>
      </c>
      <c r="J31685" s="1" t="s">
        <v>110595</v>
      </c>
    </row>
    <row r="31686" spans="1:10" x14ac:dyDescent="0.35">
      <c r="A31686" s="1" t="s">
        <v>1154</v>
      </c>
      <c r="B31686" s="1" t="s">
        <v>109548</v>
      </c>
      <c r="C31686" s="1" t="s">
        <v>30</v>
      </c>
      <c r="D31686" s="1" t="s">
        <v>1981</v>
      </c>
      <c r="E31686" s="1" t="s">
        <v>4871</v>
      </c>
      <c r="F31686" s="1" t="s">
        <v>110596</v>
      </c>
      <c r="G31686" s="1" t="s">
        <v>110586</v>
      </c>
      <c r="H31686" s="1" t="s">
        <v>110587</v>
      </c>
      <c r="I31686" s="1" t="s">
        <v>109553</v>
      </c>
      <c r="J31686" s="1" t="s">
        <v>110597</v>
      </c>
    </row>
    <row r="31687" spans="1:10" x14ac:dyDescent="0.35">
      <c r="A31687" s="1" t="s">
        <v>1154</v>
      </c>
      <c r="B31687" s="1" t="s">
        <v>109548</v>
      </c>
      <c r="C31687" s="1" t="s">
        <v>35</v>
      </c>
      <c r="D31687" s="1" t="s">
        <v>28050</v>
      </c>
      <c r="E31687" s="1" t="s">
        <v>110598</v>
      </c>
      <c r="F31687" s="1" t="s">
        <v>110599</v>
      </c>
      <c r="G31687" s="1" t="s">
        <v>110586</v>
      </c>
      <c r="H31687" s="1" t="s">
        <v>110587</v>
      </c>
      <c r="I31687" s="1" t="s">
        <v>109553</v>
      </c>
      <c r="J31687" s="1" t="s">
        <v>110600</v>
      </c>
    </row>
    <row r="31688" spans="1:10" x14ac:dyDescent="0.35">
      <c r="A31688" s="1" t="s">
        <v>1154</v>
      </c>
      <c r="B31688" s="1" t="s">
        <v>109548</v>
      </c>
      <c r="C31688" s="1" t="s">
        <v>40</v>
      </c>
      <c r="D31688" s="1" t="s">
        <v>30110</v>
      </c>
      <c r="E31688" s="1" t="s">
        <v>110601</v>
      </c>
      <c r="F31688" s="1" t="s">
        <v>110602</v>
      </c>
      <c r="G31688" s="1" t="s">
        <v>110586</v>
      </c>
      <c r="H31688" s="1" t="s">
        <v>110587</v>
      </c>
      <c r="I31688" s="1" t="s">
        <v>109553</v>
      </c>
      <c r="J31688" s="1" t="s">
        <v>110603</v>
      </c>
    </row>
    <row r="31689" spans="1:10" x14ac:dyDescent="0.35">
      <c r="A31689" s="1" t="s">
        <v>1154</v>
      </c>
      <c r="B31689" s="1" t="s">
        <v>109548</v>
      </c>
      <c r="C31689" s="1" t="s">
        <v>45</v>
      </c>
      <c r="D31689" s="1" t="s">
        <v>29291</v>
      </c>
      <c r="E31689" s="1" t="s">
        <v>110604</v>
      </c>
      <c r="F31689" s="1" t="s">
        <v>110605</v>
      </c>
      <c r="G31689" s="1" t="s">
        <v>110586</v>
      </c>
      <c r="H31689" s="1" t="s">
        <v>110587</v>
      </c>
      <c r="I31689" s="1" t="s">
        <v>109553</v>
      </c>
      <c r="J31689" s="1" t="s">
        <v>110606</v>
      </c>
    </row>
    <row r="31690" spans="1:10" x14ac:dyDescent="0.35">
      <c r="A31690" s="1" t="s">
        <v>1154</v>
      </c>
      <c r="B31690" s="1" t="s">
        <v>109548</v>
      </c>
      <c r="C31690" s="1" t="s">
        <v>50</v>
      </c>
      <c r="D31690" s="1" t="s">
        <v>28158</v>
      </c>
      <c r="E31690" s="1" t="s">
        <v>110607</v>
      </c>
      <c r="F31690" s="1" t="s">
        <v>110608</v>
      </c>
      <c r="G31690" s="1" t="s">
        <v>110586</v>
      </c>
      <c r="H31690" s="1" t="s">
        <v>110587</v>
      </c>
      <c r="I31690" s="1" t="s">
        <v>109553</v>
      </c>
      <c r="J31690" s="1" t="s">
        <v>110609</v>
      </c>
    </row>
    <row r="31691" spans="1:10" x14ac:dyDescent="0.35">
      <c r="A31691" s="1" t="s">
        <v>1154</v>
      </c>
      <c r="B31691" s="1" t="s">
        <v>109548</v>
      </c>
      <c r="C31691" s="1" t="s">
        <v>55</v>
      </c>
      <c r="D31691" s="1" t="s">
        <v>4357</v>
      </c>
      <c r="E31691" s="1" t="s">
        <v>73380</v>
      </c>
      <c r="F31691" s="1" t="s">
        <v>110610</v>
      </c>
      <c r="G31691" s="1" t="s">
        <v>110586</v>
      </c>
      <c r="H31691" s="1" t="s">
        <v>110587</v>
      </c>
      <c r="I31691" s="1" t="s">
        <v>109553</v>
      </c>
      <c r="J31691" s="1" t="s">
        <v>110611</v>
      </c>
    </row>
    <row r="31692" spans="1:10" x14ac:dyDescent="0.35">
      <c r="A31692" s="1" t="s">
        <v>1154</v>
      </c>
      <c r="B31692" s="1" t="s">
        <v>109548</v>
      </c>
      <c r="C31692" s="1" t="s">
        <v>60</v>
      </c>
      <c r="D31692" s="1" t="s">
        <v>29414</v>
      </c>
      <c r="E31692" s="1" t="s">
        <v>110612</v>
      </c>
      <c r="F31692" s="1" t="s">
        <v>110613</v>
      </c>
      <c r="G31692" s="1" t="s">
        <v>110586</v>
      </c>
      <c r="H31692" s="1" t="s">
        <v>110587</v>
      </c>
      <c r="I31692" s="1" t="s">
        <v>109553</v>
      </c>
      <c r="J31692" s="1" t="s">
        <v>110614</v>
      </c>
    </row>
    <row r="31693" spans="1:10" x14ac:dyDescent="0.35">
      <c r="A31693" s="1" t="s">
        <v>1154</v>
      </c>
      <c r="B31693" s="1" t="s">
        <v>109548</v>
      </c>
      <c r="C31693" s="1" t="s">
        <v>65</v>
      </c>
      <c r="D31693" s="1" t="s">
        <v>25069</v>
      </c>
      <c r="E31693" s="1" t="s">
        <v>4871</v>
      </c>
      <c r="F31693" s="1" t="s">
        <v>110615</v>
      </c>
      <c r="G31693" s="1" t="s">
        <v>110586</v>
      </c>
      <c r="H31693" s="1" t="s">
        <v>110587</v>
      </c>
      <c r="I31693" s="1" t="s">
        <v>109553</v>
      </c>
      <c r="J31693" s="1" t="s">
        <v>110616</v>
      </c>
    </row>
    <row r="31694" spans="1:10" x14ac:dyDescent="0.35">
      <c r="A31694" s="1" t="s">
        <v>1154</v>
      </c>
      <c r="B31694" s="1" t="s">
        <v>109548</v>
      </c>
      <c r="C31694" s="1" t="s">
        <v>70</v>
      </c>
      <c r="D31694" s="1" t="s">
        <v>29637</v>
      </c>
      <c r="E31694" s="1" t="s">
        <v>110617</v>
      </c>
      <c r="F31694" s="1" t="s">
        <v>110618</v>
      </c>
      <c r="G31694" s="1" t="s">
        <v>110586</v>
      </c>
      <c r="H31694" s="1" t="s">
        <v>110587</v>
      </c>
      <c r="I31694" s="1" t="s">
        <v>109553</v>
      </c>
      <c r="J31694" s="1" t="s">
        <v>110619</v>
      </c>
    </row>
    <row r="31695" spans="1:10" x14ac:dyDescent="0.35">
      <c r="A31695" s="1" t="s">
        <v>1154</v>
      </c>
      <c r="B31695" s="1" t="s">
        <v>109548</v>
      </c>
      <c r="C31695" s="1" t="s">
        <v>75</v>
      </c>
      <c r="D31695" s="1" t="s">
        <v>9316</v>
      </c>
      <c r="E31695" s="1" t="s">
        <v>110620</v>
      </c>
      <c r="F31695" s="1" t="s">
        <v>110621</v>
      </c>
      <c r="G31695" s="1" t="s">
        <v>110586</v>
      </c>
      <c r="H31695" s="1" t="s">
        <v>110587</v>
      </c>
      <c r="I31695" s="1" t="s">
        <v>109553</v>
      </c>
      <c r="J31695" s="1" t="s">
        <v>110622</v>
      </c>
    </row>
    <row r="31696" spans="1:10" x14ac:dyDescent="0.35">
      <c r="A31696" s="1" t="s">
        <v>1154</v>
      </c>
      <c r="B31696" s="1" t="s">
        <v>109548</v>
      </c>
      <c r="C31696" s="1" t="s">
        <v>80</v>
      </c>
      <c r="D31696" s="1" t="s">
        <v>9320</v>
      </c>
      <c r="E31696" s="1" t="s">
        <v>110512</v>
      </c>
      <c r="F31696" s="1" t="s">
        <v>110623</v>
      </c>
      <c r="G31696" s="1" t="s">
        <v>110586</v>
      </c>
      <c r="H31696" s="1" t="s">
        <v>110587</v>
      </c>
      <c r="I31696" s="1" t="s">
        <v>109553</v>
      </c>
      <c r="J31696" s="1" t="s">
        <v>9323</v>
      </c>
    </row>
    <row r="31697" spans="1:10" x14ac:dyDescent="0.35">
      <c r="A31697" s="1" t="s">
        <v>1154</v>
      </c>
      <c r="B31697" s="1" t="s">
        <v>109548</v>
      </c>
      <c r="C31697" s="1" t="s">
        <v>85</v>
      </c>
      <c r="D31697" s="1" t="s">
        <v>28165</v>
      </c>
      <c r="E31697" s="1" t="s">
        <v>110624</v>
      </c>
      <c r="F31697" s="1" t="s">
        <v>110625</v>
      </c>
      <c r="G31697" s="1" t="s">
        <v>110586</v>
      </c>
      <c r="H31697" s="1" t="s">
        <v>110587</v>
      </c>
      <c r="I31697" s="1" t="s">
        <v>109553</v>
      </c>
      <c r="J31697" s="1" t="s">
        <v>110626</v>
      </c>
    </row>
    <row r="31698" spans="1:10" x14ac:dyDescent="0.35">
      <c r="A31698" s="1" t="s">
        <v>1154</v>
      </c>
      <c r="B31698" s="1" t="s">
        <v>109548</v>
      </c>
      <c r="C31698" s="1" t="s">
        <v>90</v>
      </c>
      <c r="D31698" s="1" t="s">
        <v>45124</v>
      </c>
      <c r="E31698" s="1" t="s">
        <v>110627</v>
      </c>
      <c r="F31698" s="1" t="s">
        <v>110628</v>
      </c>
      <c r="G31698" s="1" t="s">
        <v>110586</v>
      </c>
      <c r="H31698" s="1" t="s">
        <v>110587</v>
      </c>
      <c r="I31698" s="1" t="s">
        <v>109553</v>
      </c>
      <c r="J31698" s="1" t="s">
        <v>110629</v>
      </c>
    </row>
    <row r="31699" spans="1:10" x14ac:dyDescent="0.35">
      <c r="A31699" s="1" t="s">
        <v>1154</v>
      </c>
      <c r="B31699" s="1" t="s">
        <v>109548</v>
      </c>
      <c r="C31699" s="1" t="s">
        <v>95</v>
      </c>
      <c r="D31699" s="1" t="s">
        <v>28178</v>
      </c>
      <c r="E31699" s="1" t="s">
        <v>110630</v>
      </c>
      <c r="F31699" s="1" t="s">
        <v>110631</v>
      </c>
      <c r="G31699" s="1" t="s">
        <v>110586</v>
      </c>
      <c r="H31699" s="1" t="s">
        <v>110587</v>
      </c>
      <c r="I31699" s="1" t="s">
        <v>109553</v>
      </c>
      <c r="J31699" s="1" t="s">
        <v>110632</v>
      </c>
    </row>
    <row r="31700" spans="1:10" x14ac:dyDescent="0.35">
      <c r="A31700" s="1" t="s">
        <v>1154</v>
      </c>
      <c r="B31700" s="1" t="s">
        <v>109548</v>
      </c>
      <c r="C31700" s="1" t="s">
        <v>100</v>
      </c>
      <c r="D31700" s="1" t="s">
        <v>12084</v>
      </c>
      <c r="E31700" s="1" t="s">
        <v>110624</v>
      </c>
      <c r="F31700" s="1" t="s">
        <v>110633</v>
      </c>
      <c r="G31700" s="1" t="s">
        <v>110586</v>
      </c>
      <c r="H31700" s="1" t="s">
        <v>110587</v>
      </c>
      <c r="I31700" s="1" t="s">
        <v>109553</v>
      </c>
      <c r="J31700" s="1" t="s">
        <v>110634</v>
      </c>
    </row>
    <row r="31701" spans="1:10" x14ac:dyDescent="0.35">
      <c r="A31701" s="1" t="s">
        <v>1154</v>
      </c>
      <c r="B31701" s="1" t="s">
        <v>109548</v>
      </c>
      <c r="C31701" s="1" t="s">
        <v>105</v>
      </c>
      <c r="D31701" s="1" t="s">
        <v>110635</v>
      </c>
      <c r="E31701" s="1" t="s">
        <v>110620</v>
      </c>
      <c r="F31701" s="1" t="s">
        <v>110636</v>
      </c>
      <c r="G31701" s="1" t="s">
        <v>110586</v>
      </c>
      <c r="H31701" s="1" t="s">
        <v>110587</v>
      </c>
      <c r="I31701" s="1" t="s">
        <v>109553</v>
      </c>
      <c r="J31701" s="1" t="s">
        <v>110637</v>
      </c>
    </row>
    <row r="31702" spans="1:10" x14ac:dyDescent="0.35">
      <c r="A31702" s="1" t="s">
        <v>1154</v>
      </c>
      <c r="B31702" s="1" t="s">
        <v>109548</v>
      </c>
      <c r="C31702" s="1" t="s">
        <v>110</v>
      </c>
      <c r="D31702" s="1" t="s">
        <v>27334</v>
      </c>
      <c r="E31702" s="1" t="s">
        <v>73350</v>
      </c>
      <c r="F31702" s="1" t="s">
        <v>110638</v>
      </c>
      <c r="G31702" s="1" t="s">
        <v>110586</v>
      </c>
      <c r="H31702" s="1" t="s">
        <v>110587</v>
      </c>
      <c r="I31702" s="1" t="s">
        <v>109553</v>
      </c>
      <c r="J31702" s="1" t="s">
        <v>110639</v>
      </c>
    </row>
    <row r="31703" spans="1:10" x14ac:dyDescent="0.35">
      <c r="A31703" s="1" t="s">
        <v>1154</v>
      </c>
      <c r="B31703" s="1" t="s">
        <v>109548</v>
      </c>
      <c r="C31703" s="1" t="s">
        <v>115</v>
      </c>
      <c r="D31703" s="1" t="s">
        <v>45240</v>
      </c>
      <c r="E31703" s="1" t="s">
        <v>4883</v>
      </c>
      <c r="F31703" s="1" t="s">
        <v>110640</v>
      </c>
      <c r="G31703" s="1" t="s">
        <v>110586</v>
      </c>
      <c r="H31703" s="1" t="s">
        <v>110587</v>
      </c>
      <c r="I31703" s="1" t="s">
        <v>109553</v>
      </c>
      <c r="J31703" s="1" t="s">
        <v>110641</v>
      </c>
    </row>
    <row r="31704" spans="1:10" x14ac:dyDescent="0.35">
      <c r="A31704" s="1" t="s">
        <v>1154</v>
      </c>
      <c r="B31704" s="1" t="s">
        <v>109548</v>
      </c>
      <c r="C31704" s="1" t="s">
        <v>120</v>
      </c>
      <c r="D31704" s="1" t="s">
        <v>110642</v>
      </c>
      <c r="E31704" s="1" t="s">
        <v>110643</v>
      </c>
      <c r="F31704" s="1" t="s">
        <v>51392</v>
      </c>
      <c r="G31704" s="1" t="s">
        <v>110586</v>
      </c>
      <c r="H31704" s="1" t="s">
        <v>110587</v>
      </c>
      <c r="I31704" s="1" t="s">
        <v>109553</v>
      </c>
      <c r="J31704" s="1" t="s">
        <v>110644</v>
      </c>
    </row>
    <row r="31705" spans="1:10" x14ac:dyDescent="0.35">
      <c r="A31705" s="1" t="s">
        <v>1154</v>
      </c>
      <c r="B31705" s="1" t="s">
        <v>109548</v>
      </c>
      <c r="C31705" s="1" t="s">
        <v>125</v>
      </c>
      <c r="D31705" s="1" t="s">
        <v>25724</v>
      </c>
      <c r="E31705" s="1" t="s">
        <v>110645</v>
      </c>
      <c r="F31705" s="1" t="s">
        <v>110646</v>
      </c>
      <c r="G31705" s="1" t="s">
        <v>110586</v>
      </c>
      <c r="H31705" s="1" t="s">
        <v>110587</v>
      </c>
      <c r="I31705" s="1" t="s">
        <v>109553</v>
      </c>
      <c r="J31705" s="1" t="s">
        <v>110647</v>
      </c>
    </row>
    <row r="31706" spans="1:10" x14ac:dyDescent="0.35">
      <c r="A31706" s="1" t="s">
        <v>1154</v>
      </c>
      <c r="B31706" s="1" t="s">
        <v>109548</v>
      </c>
      <c r="C31706" s="1" t="s">
        <v>130</v>
      </c>
      <c r="D31706" s="1" t="s">
        <v>110648</v>
      </c>
      <c r="E31706" s="1" t="s">
        <v>110617</v>
      </c>
      <c r="F31706" s="1" t="s">
        <v>110649</v>
      </c>
      <c r="G31706" s="1" t="s">
        <v>110586</v>
      </c>
      <c r="H31706" s="1" t="s">
        <v>110587</v>
      </c>
      <c r="I31706" s="1" t="s">
        <v>109553</v>
      </c>
      <c r="J31706" s="1" t="s">
        <v>110650</v>
      </c>
    </row>
    <row r="31707" spans="1:10" x14ac:dyDescent="0.35">
      <c r="A31707" s="1" t="s">
        <v>1154</v>
      </c>
      <c r="B31707" s="1" t="s">
        <v>109548</v>
      </c>
      <c r="C31707" s="1" t="s">
        <v>135</v>
      </c>
      <c r="D31707" s="1" t="s">
        <v>110559</v>
      </c>
      <c r="E31707" s="1" t="s">
        <v>110651</v>
      </c>
      <c r="F31707" s="1" t="s">
        <v>110652</v>
      </c>
      <c r="G31707" s="1" t="s">
        <v>110586</v>
      </c>
      <c r="H31707" s="1" t="s">
        <v>110587</v>
      </c>
      <c r="I31707" s="1" t="s">
        <v>109553</v>
      </c>
      <c r="J31707" s="1" t="s">
        <v>110653</v>
      </c>
    </row>
    <row r="31708" spans="1:10" x14ac:dyDescent="0.35">
      <c r="A31708" s="1" t="s">
        <v>1154</v>
      </c>
      <c r="B31708" s="1" t="s">
        <v>109548</v>
      </c>
      <c r="C31708" s="1" t="s">
        <v>140</v>
      </c>
      <c r="D31708" s="1" t="s">
        <v>110654</v>
      </c>
      <c r="E31708" s="1" t="s">
        <v>4839</v>
      </c>
      <c r="F31708" s="1" t="s">
        <v>110655</v>
      </c>
      <c r="G31708" s="1" t="s">
        <v>110586</v>
      </c>
      <c r="H31708" s="1" t="s">
        <v>110587</v>
      </c>
      <c r="I31708" s="1" t="s">
        <v>109553</v>
      </c>
      <c r="J31708" s="1" t="s">
        <v>110656</v>
      </c>
    </row>
    <row r="31709" spans="1:10" x14ac:dyDescent="0.35">
      <c r="A31709" s="1" t="s">
        <v>1154</v>
      </c>
      <c r="B31709" s="1" t="s">
        <v>109548</v>
      </c>
      <c r="C31709" s="1" t="s">
        <v>145</v>
      </c>
      <c r="D31709" s="1" t="s">
        <v>27403</v>
      </c>
      <c r="E31709" s="1" t="s">
        <v>110657</v>
      </c>
      <c r="F31709" s="1" t="s">
        <v>110658</v>
      </c>
      <c r="G31709" s="1" t="s">
        <v>110586</v>
      </c>
      <c r="H31709" s="1" t="s">
        <v>110587</v>
      </c>
      <c r="I31709" s="1" t="s">
        <v>109553</v>
      </c>
      <c r="J31709" s="1" t="s">
        <v>110659</v>
      </c>
    </row>
    <row r="31710" spans="1:10" x14ac:dyDescent="0.35">
      <c r="A31710" s="1" t="s">
        <v>1154</v>
      </c>
      <c r="B31710" s="1" t="s">
        <v>109548</v>
      </c>
      <c r="C31710" s="1" t="s">
        <v>150</v>
      </c>
      <c r="D31710" s="1" t="s">
        <v>8314</v>
      </c>
      <c r="E31710" s="1" t="s">
        <v>110660</v>
      </c>
      <c r="F31710" s="1" t="s">
        <v>110661</v>
      </c>
      <c r="G31710" s="1" t="s">
        <v>110586</v>
      </c>
      <c r="H31710" s="1" t="s">
        <v>110587</v>
      </c>
      <c r="I31710" s="1" t="s">
        <v>109553</v>
      </c>
      <c r="J31710" s="1" t="s">
        <v>110662</v>
      </c>
    </row>
    <row r="31711" spans="1:10" x14ac:dyDescent="0.35">
      <c r="A31711" s="1" t="s">
        <v>1154</v>
      </c>
      <c r="B31711" s="1" t="s">
        <v>109548</v>
      </c>
      <c r="C31711" s="1" t="s">
        <v>155</v>
      </c>
      <c r="D31711" s="1" t="s">
        <v>110663</v>
      </c>
      <c r="E31711" s="1" t="s">
        <v>110664</v>
      </c>
      <c r="F31711" s="1" t="s">
        <v>110665</v>
      </c>
      <c r="G31711" s="1" t="s">
        <v>110586</v>
      </c>
      <c r="H31711" s="1" t="s">
        <v>110587</v>
      </c>
      <c r="I31711" s="1" t="s">
        <v>109553</v>
      </c>
      <c r="J31711" s="1" t="s">
        <v>110666</v>
      </c>
    </row>
    <row r="31712" spans="1:10" x14ac:dyDescent="0.35">
      <c r="A31712" s="1" t="s">
        <v>1154</v>
      </c>
      <c r="B31712" s="1" t="s">
        <v>109548</v>
      </c>
      <c r="C31712" s="1" t="s">
        <v>160</v>
      </c>
      <c r="D31712" s="1" t="s">
        <v>8314</v>
      </c>
      <c r="E31712" s="1" t="s">
        <v>110667</v>
      </c>
      <c r="F31712" s="1" t="s">
        <v>110668</v>
      </c>
      <c r="G31712" s="1" t="s">
        <v>110586</v>
      </c>
      <c r="H31712" s="1" t="s">
        <v>110587</v>
      </c>
      <c r="I31712" s="1" t="s">
        <v>109553</v>
      </c>
      <c r="J31712" s="1" t="s">
        <v>110669</v>
      </c>
    </row>
    <row r="31713" spans="1:10" x14ac:dyDescent="0.35">
      <c r="A31713" s="1" t="s">
        <v>1154</v>
      </c>
      <c r="B31713" s="1" t="s">
        <v>109548</v>
      </c>
      <c r="C31713" s="1" t="s">
        <v>165</v>
      </c>
      <c r="D31713" s="1" t="s">
        <v>110670</v>
      </c>
      <c r="E31713" s="1" t="s">
        <v>110671</v>
      </c>
      <c r="F31713" s="1" t="s">
        <v>110672</v>
      </c>
      <c r="G31713" s="1" t="s">
        <v>110586</v>
      </c>
      <c r="H31713" s="1" t="s">
        <v>110587</v>
      </c>
      <c r="I31713" s="1" t="s">
        <v>109553</v>
      </c>
      <c r="J31713" s="1" t="s">
        <v>110673</v>
      </c>
    </row>
    <row r="31714" spans="1:10" x14ac:dyDescent="0.35">
      <c r="A31714" s="1" t="s">
        <v>1154</v>
      </c>
      <c r="B31714" s="1" t="s">
        <v>109548</v>
      </c>
      <c r="C31714" s="1" t="s">
        <v>170</v>
      </c>
      <c r="D31714" s="1" t="s">
        <v>25506</v>
      </c>
      <c r="E31714" s="1" t="s">
        <v>110674</v>
      </c>
      <c r="F31714" s="1" t="s">
        <v>110675</v>
      </c>
      <c r="G31714" s="1" t="s">
        <v>110586</v>
      </c>
      <c r="H31714" s="1" t="s">
        <v>110587</v>
      </c>
      <c r="I31714" s="1" t="s">
        <v>109553</v>
      </c>
      <c r="J31714" s="1" t="s">
        <v>110676</v>
      </c>
    </row>
    <row r="31715" spans="1:10" x14ac:dyDescent="0.35">
      <c r="A31715" s="1" t="s">
        <v>45220</v>
      </c>
      <c r="B31715" s="1" t="s">
        <v>109548</v>
      </c>
      <c r="C31715" s="1" t="s">
        <v>8</v>
      </c>
      <c r="D31715" s="1" t="s">
        <v>3984</v>
      </c>
      <c r="E31715" s="1" t="s">
        <v>110677</v>
      </c>
      <c r="F31715" s="1" t="s">
        <v>110678</v>
      </c>
      <c r="G31715" s="1" t="s">
        <v>110679</v>
      </c>
      <c r="H31715" s="1" t="s">
        <v>110680</v>
      </c>
      <c r="I31715" s="1" t="s">
        <v>109553</v>
      </c>
      <c r="J31715" s="1" t="s">
        <v>13</v>
      </c>
    </row>
    <row r="31716" spans="1:10" x14ac:dyDescent="0.35">
      <c r="A31716" s="1" t="s">
        <v>45220</v>
      </c>
      <c r="B31716" s="1" t="s">
        <v>109548</v>
      </c>
      <c r="C31716" s="1" t="s">
        <v>15</v>
      </c>
      <c r="D31716" s="1" t="s">
        <v>4361</v>
      </c>
      <c r="E31716" s="1" t="s">
        <v>110681</v>
      </c>
      <c r="F31716" s="1" t="s">
        <v>110682</v>
      </c>
      <c r="G31716" s="1" t="s">
        <v>110679</v>
      </c>
      <c r="H31716" s="1" t="s">
        <v>110680</v>
      </c>
      <c r="I31716" s="1" t="s">
        <v>109553</v>
      </c>
      <c r="J31716" s="1" t="s">
        <v>110683</v>
      </c>
    </row>
    <row r="31717" spans="1:10" x14ac:dyDescent="0.35">
      <c r="A31717" s="1" t="s">
        <v>45220</v>
      </c>
      <c r="B31717" s="1" t="s">
        <v>109548</v>
      </c>
      <c r="C31717" s="1" t="s">
        <v>20</v>
      </c>
      <c r="D31717" s="1" t="s">
        <v>27666</v>
      </c>
      <c r="E31717" s="1" t="s">
        <v>745</v>
      </c>
      <c r="F31717" s="1" t="s">
        <v>110684</v>
      </c>
      <c r="G31717" s="1" t="s">
        <v>110679</v>
      </c>
      <c r="H31717" s="1" t="s">
        <v>110680</v>
      </c>
      <c r="I31717" s="1" t="s">
        <v>109553</v>
      </c>
      <c r="J31717" s="1" t="s">
        <v>110685</v>
      </c>
    </row>
    <row r="31718" spans="1:10" x14ac:dyDescent="0.35">
      <c r="A31718" s="1" t="s">
        <v>45220</v>
      </c>
      <c r="B31718" s="1" t="s">
        <v>109548</v>
      </c>
      <c r="C31718" s="1" t="s">
        <v>25</v>
      </c>
      <c r="D31718" s="1" t="s">
        <v>20</v>
      </c>
      <c r="E31718" s="1" t="s">
        <v>110186</v>
      </c>
      <c r="F31718" s="1" t="s">
        <v>110686</v>
      </c>
      <c r="G31718" s="1" t="s">
        <v>110679</v>
      </c>
      <c r="H31718" s="1" t="s">
        <v>110680</v>
      </c>
      <c r="I31718" s="1" t="s">
        <v>109553</v>
      </c>
      <c r="J31718" s="1" t="s">
        <v>110687</v>
      </c>
    </row>
    <row r="31719" spans="1:10" x14ac:dyDescent="0.35">
      <c r="A31719" s="1" t="s">
        <v>45220</v>
      </c>
      <c r="B31719" s="1" t="s">
        <v>109548</v>
      </c>
      <c r="C31719" s="1" t="s">
        <v>30</v>
      </c>
      <c r="D31719" s="1" t="s">
        <v>5514</v>
      </c>
      <c r="E31719" s="1" t="s">
        <v>110688</v>
      </c>
      <c r="F31719" s="1" t="s">
        <v>110689</v>
      </c>
      <c r="G31719" s="1" t="s">
        <v>110679</v>
      </c>
      <c r="H31719" s="1" t="s">
        <v>110680</v>
      </c>
      <c r="I31719" s="1" t="s">
        <v>109553</v>
      </c>
      <c r="J31719" s="1" t="s">
        <v>110690</v>
      </c>
    </row>
    <row r="31720" spans="1:10" x14ac:dyDescent="0.35">
      <c r="A31720" s="1" t="s">
        <v>45220</v>
      </c>
      <c r="B31720" s="1" t="s">
        <v>109548</v>
      </c>
      <c r="C31720" s="1" t="s">
        <v>35</v>
      </c>
      <c r="D31720" s="1" t="s">
        <v>3995</v>
      </c>
      <c r="E31720" s="1" t="s">
        <v>73494</v>
      </c>
      <c r="F31720" s="1" t="s">
        <v>110691</v>
      </c>
      <c r="G31720" s="1" t="s">
        <v>110679</v>
      </c>
      <c r="H31720" s="1" t="s">
        <v>110680</v>
      </c>
      <c r="I31720" s="1" t="s">
        <v>109553</v>
      </c>
      <c r="J31720" s="1" t="s">
        <v>110692</v>
      </c>
    </row>
    <row r="31721" spans="1:10" x14ac:dyDescent="0.35">
      <c r="A31721" s="1" t="s">
        <v>45220</v>
      </c>
      <c r="B31721" s="1" t="s">
        <v>109548</v>
      </c>
      <c r="C31721" s="1" t="s">
        <v>40</v>
      </c>
      <c r="D31721" s="1" t="s">
        <v>8295</v>
      </c>
      <c r="E31721" s="1" t="s">
        <v>73675</v>
      </c>
      <c r="F31721" s="1" t="s">
        <v>110693</v>
      </c>
      <c r="G31721" s="1" t="s">
        <v>110679</v>
      </c>
      <c r="H31721" s="1" t="s">
        <v>110680</v>
      </c>
      <c r="I31721" s="1" t="s">
        <v>109553</v>
      </c>
      <c r="J31721" s="1" t="s">
        <v>110694</v>
      </c>
    </row>
    <row r="31722" spans="1:10" x14ac:dyDescent="0.35">
      <c r="A31722" s="1" t="s">
        <v>45220</v>
      </c>
      <c r="B31722" s="1" t="s">
        <v>109548</v>
      </c>
      <c r="C31722" s="1" t="s">
        <v>45</v>
      </c>
      <c r="D31722" s="1" t="s">
        <v>27771</v>
      </c>
      <c r="E31722" s="1" t="s">
        <v>74195</v>
      </c>
      <c r="F31722" s="1" t="s">
        <v>110695</v>
      </c>
      <c r="G31722" s="1" t="s">
        <v>110679</v>
      </c>
      <c r="H31722" s="1" t="s">
        <v>110680</v>
      </c>
      <c r="I31722" s="1" t="s">
        <v>109553</v>
      </c>
      <c r="J31722" s="1" t="s">
        <v>110696</v>
      </c>
    </row>
    <row r="31723" spans="1:10" x14ac:dyDescent="0.35">
      <c r="A31723" s="1" t="s">
        <v>45220</v>
      </c>
      <c r="B31723" s="1" t="s">
        <v>109548</v>
      </c>
      <c r="C31723" s="1" t="s">
        <v>50</v>
      </c>
      <c r="D31723" s="1" t="s">
        <v>110697</v>
      </c>
      <c r="E31723" s="1" t="s">
        <v>73326</v>
      </c>
      <c r="F31723" s="1" t="s">
        <v>110698</v>
      </c>
      <c r="G31723" s="1" t="s">
        <v>110679</v>
      </c>
      <c r="H31723" s="1" t="s">
        <v>110680</v>
      </c>
      <c r="I31723" s="1" t="s">
        <v>109553</v>
      </c>
      <c r="J31723" s="1" t="s">
        <v>110699</v>
      </c>
    </row>
    <row r="31724" spans="1:10" x14ac:dyDescent="0.35">
      <c r="A31724" s="1" t="s">
        <v>45220</v>
      </c>
      <c r="B31724" s="1" t="s">
        <v>109548</v>
      </c>
      <c r="C31724" s="1" t="s">
        <v>55</v>
      </c>
      <c r="D31724" s="1" t="s">
        <v>110700</v>
      </c>
      <c r="E31724" s="1" t="s">
        <v>110701</v>
      </c>
      <c r="F31724" s="1" t="s">
        <v>110702</v>
      </c>
      <c r="G31724" s="1" t="s">
        <v>110679</v>
      </c>
      <c r="H31724" s="1" t="s">
        <v>110680</v>
      </c>
      <c r="I31724" s="1" t="s">
        <v>109553</v>
      </c>
      <c r="J31724" s="1" t="s">
        <v>110703</v>
      </c>
    </row>
    <row r="31725" spans="1:10" x14ac:dyDescent="0.35">
      <c r="A31725" s="1" t="s">
        <v>45220</v>
      </c>
      <c r="B31725" s="1" t="s">
        <v>109548</v>
      </c>
      <c r="C31725" s="1" t="s">
        <v>60</v>
      </c>
      <c r="D31725" s="1" t="s">
        <v>110704</v>
      </c>
      <c r="E31725" s="1" t="s">
        <v>740</v>
      </c>
      <c r="F31725" s="1" t="s">
        <v>110705</v>
      </c>
      <c r="G31725" s="1" t="s">
        <v>110679</v>
      </c>
      <c r="H31725" s="1" t="s">
        <v>110680</v>
      </c>
      <c r="I31725" s="1" t="s">
        <v>109553</v>
      </c>
      <c r="J31725" s="1" t="s">
        <v>110706</v>
      </c>
    </row>
    <row r="31726" spans="1:10" x14ac:dyDescent="0.35">
      <c r="A31726" s="1" t="s">
        <v>45220</v>
      </c>
      <c r="B31726" s="1" t="s">
        <v>109548</v>
      </c>
      <c r="C31726" s="1" t="s">
        <v>65</v>
      </c>
      <c r="D31726" s="1" t="s">
        <v>110707</v>
      </c>
      <c r="E31726" s="1" t="s">
        <v>110708</v>
      </c>
      <c r="F31726" s="1" t="s">
        <v>110709</v>
      </c>
      <c r="G31726" s="1" t="s">
        <v>110679</v>
      </c>
      <c r="H31726" s="1" t="s">
        <v>110680</v>
      </c>
      <c r="I31726" s="1" t="s">
        <v>109553</v>
      </c>
      <c r="J31726" s="1" t="s">
        <v>110710</v>
      </c>
    </row>
    <row r="31727" spans="1:10" x14ac:dyDescent="0.35">
      <c r="A31727" s="1" t="s">
        <v>45220</v>
      </c>
      <c r="B31727" s="1" t="s">
        <v>109548</v>
      </c>
      <c r="C31727" s="1" t="s">
        <v>70</v>
      </c>
      <c r="D31727" s="1" t="s">
        <v>110711</v>
      </c>
      <c r="E31727" s="1" t="s">
        <v>110712</v>
      </c>
      <c r="F31727" s="1" t="s">
        <v>110713</v>
      </c>
      <c r="G31727" s="1" t="s">
        <v>110679</v>
      </c>
      <c r="H31727" s="1" t="s">
        <v>110680</v>
      </c>
      <c r="I31727" s="1" t="s">
        <v>109553</v>
      </c>
      <c r="J31727" s="1" t="s">
        <v>110714</v>
      </c>
    </row>
    <row r="31728" spans="1:10" x14ac:dyDescent="0.35">
      <c r="A31728" s="1" t="s">
        <v>45220</v>
      </c>
      <c r="B31728" s="1" t="s">
        <v>109548</v>
      </c>
      <c r="C31728" s="1" t="s">
        <v>75</v>
      </c>
      <c r="D31728" s="1" t="s">
        <v>34818</v>
      </c>
      <c r="E31728" s="1" t="s">
        <v>110715</v>
      </c>
      <c r="F31728" s="1" t="s">
        <v>110716</v>
      </c>
      <c r="G31728" s="1" t="s">
        <v>110679</v>
      </c>
      <c r="H31728" s="1" t="s">
        <v>110680</v>
      </c>
      <c r="I31728" s="1" t="s">
        <v>109553</v>
      </c>
      <c r="J31728" s="1" t="s">
        <v>110717</v>
      </c>
    </row>
    <row r="31729" spans="1:10" x14ac:dyDescent="0.35">
      <c r="A31729" s="1" t="s">
        <v>45220</v>
      </c>
      <c r="B31729" s="1" t="s">
        <v>109548</v>
      </c>
      <c r="C31729" s="1" t="s">
        <v>80</v>
      </c>
      <c r="D31729" s="1" t="s">
        <v>34803</v>
      </c>
      <c r="E31729" s="1" t="s">
        <v>110718</v>
      </c>
      <c r="F31729" s="1" t="s">
        <v>110719</v>
      </c>
      <c r="G31729" s="1" t="s">
        <v>110679</v>
      </c>
      <c r="H31729" s="1" t="s">
        <v>110680</v>
      </c>
      <c r="I31729" s="1" t="s">
        <v>109553</v>
      </c>
      <c r="J31729" s="1" t="s">
        <v>110720</v>
      </c>
    </row>
    <row r="31730" spans="1:10" x14ac:dyDescent="0.35">
      <c r="A31730" s="1" t="s">
        <v>45220</v>
      </c>
      <c r="B31730" s="1" t="s">
        <v>109548</v>
      </c>
      <c r="C31730" s="1" t="s">
        <v>85</v>
      </c>
      <c r="D31730" s="1" t="s">
        <v>110721</v>
      </c>
      <c r="E31730" s="1" t="s">
        <v>73487</v>
      </c>
      <c r="F31730" s="1" t="s">
        <v>110722</v>
      </c>
      <c r="G31730" s="1" t="s">
        <v>110679</v>
      </c>
      <c r="H31730" s="1" t="s">
        <v>110680</v>
      </c>
      <c r="I31730" s="1" t="s">
        <v>109553</v>
      </c>
      <c r="J31730" s="1" t="s">
        <v>110723</v>
      </c>
    </row>
    <row r="31731" spans="1:10" x14ac:dyDescent="0.35">
      <c r="A31731" s="1" t="s">
        <v>45220</v>
      </c>
      <c r="B31731" s="1" t="s">
        <v>109548</v>
      </c>
      <c r="C31731" s="1" t="s">
        <v>90</v>
      </c>
      <c r="D31731" s="1" t="s">
        <v>37303</v>
      </c>
      <c r="E31731" s="1" t="s">
        <v>110724</v>
      </c>
      <c r="F31731" s="1" t="s">
        <v>110725</v>
      </c>
      <c r="G31731" s="1" t="s">
        <v>110679</v>
      </c>
      <c r="H31731" s="1" t="s">
        <v>110680</v>
      </c>
      <c r="I31731" s="1" t="s">
        <v>109553</v>
      </c>
      <c r="J31731" s="1" t="s">
        <v>110726</v>
      </c>
    </row>
    <row r="31732" spans="1:10" x14ac:dyDescent="0.35">
      <c r="A31732" s="1" t="s">
        <v>45220</v>
      </c>
      <c r="B31732" s="1" t="s">
        <v>109548</v>
      </c>
      <c r="C31732" s="1" t="s">
        <v>95</v>
      </c>
      <c r="D31732" s="1" t="s">
        <v>110727</v>
      </c>
      <c r="E31732" s="1" t="s">
        <v>110728</v>
      </c>
      <c r="F31732" s="1" t="s">
        <v>110729</v>
      </c>
      <c r="G31732" s="1" t="s">
        <v>110679</v>
      </c>
      <c r="H31732" s="1" t="s">
        <v>110680</v>
      </c>
      <c r="I31732" s="1" t="s">
        <v>109553</v>
      </c>
      <c r="J31732" s="1" t="s">
        <v>110730</v>
      </c>
    </row>
    <row r="31733" spans="1:10" x14ac:dyDescent="0.35">
      <c r="A31733" s="1" t="s">
        <v>45220</v>
      </c>
      <c r="B31733" s="1" t="s">
        <v>109548</v>
      </c>
      <c r="C31733" s="1" t="s">
        <v>100</v>
      </c>
      <c r="D31733" s="1" t="s">
        <v>3409</v>
      </c>
      <c r="E31733" s="1" t="s">
        <v>110731</v>
      </c>
      <c r="F31733" s="1" t="s">
        <v>110732</v>
      </c>
      <c r="G31733" s="1" t="s">
        <v>110679</v>
      </c>
      <c r="H31733" s="1" t="s">
        <v>110680</v>
      </c>
      <c r="I31733" s="1" t="s">
        <v>109553</v>
      </c>
      <c r="J31733" s="1" t="s">
        <v>110733</v>
      </c>
    </row>
    <row r="31734" spans="1:10" x14ac:dyDescent="0.35">
      <c r="A31734" s="1" t="s">
        <v>45220</v>
      </c>
      <c r="B31734" s="1" t="s">
        <v>109548</v>
      </c>
      <c r="C31734" s="1" t="s">
        <v>105</v>
      </c>
      <c r="D31734" s="1" t="s">
        <v>47354</v>
      </c>
      <c r="E31734" s="1" t="s">
        <v>110734</v>
      </c>
      <c r="F31734" s="1" t="s">
        <v>110735</v>
      </c>
      <c r="G31734" s="1" t="s">
        <v>110679</v>
      </c>
      <c r="H31734" s="1" t="s">
        <v>110680</v>
      </c>
      <c r="I31734" s="1" t="s">
        <v>109553</v>
      </c>
      <c r="J31734" s="1" t="s">
        <v>110736</v>
      </c>
    </row>
    <row r="31735" spans="1:10" x14ac:dyDescent="0.35">
      <c r="A31735" s="1" t="s">
        <v>45220</v>
      </c>
      <c r="B31735" s="1" t="s">
        <v>109548</v>
      </c>
      <c r="C31735" s="1" t="s">
        <v>110</v>
      </c>
      <c r="D31735" s="1" t="s">
        <v>110737</v>
      </c>
      <c r="E31735" s="1" t="s">
        <v>110738</v>
      </c>
      <c r="F31735" s="1" t="s">
        <v>110739</v>
      </c>
      <c r="G31735" s="1" t="s">
        <v>110679</v>
      </c>
      <c r="H31735" s="1" t="s">
        <v>110680</v>
      </c>
      <c r="I31735" s="1" t="s">
        <v>109553</v>
      </c>
      <c r="J31735" s="1" t="s">
        <v>110740</v>
      </c>
    </row>
    <row r="31736" spans="1:10" x14ac:dyDescent="0.35">
      <c r="A31736" s="1" t="s">
        <v>45220</v>
      </c>
      <c r="B31736" s="1" t="s">
        <v>109548</v>
      </c>
      <c r="C31736" s="1" t="s">
        <v>115</v>
      </c>
      <c r="D31736" s="1" t="s">
        <v>35537</v>
      </c>
      <c r="E31736" s="1" t="s">
        <v>110741</v>
      </c>
      <c r="F31736" s="1" t="s">
        <v>110742</v>
      </c>
      <c r="G31736" s="1" t="s">
        <v>110679</v>
      </c>
      <c r="H31736" s="1" t="s">
        <v>110680</v>
      </c>
      <c r="I31736" s="1" t="s">
        <v>109553</v>
      </c>
      <c r="J31736" s="1" t="s">
        <v>110743</v>
      </c>
    </row>
    <row r="31737" spans="1:10" x14ac:dyDescent="0.35">
      <c r="A31737" s="1" t="s">
        <v>45220</v>
      </c>
      <c r="B31737" s="1" t="s">
        <v>109548</v>
      </c>
      <c r="C31737" s="1" t="s">
        <v>120</v>
      </c>
      <c r="D31737" s="1" t="s">
        <v>9566</v>
      </c>
      <c r="E31737" s="1" t="s">
        <v>110744</v>
      </c>
      <c r="F31737" s="1" t="s">
        <v>110745</v>
      </c>
      <c r="G31737" s="1" t="s">
        <v>110679</v>
      </c>
      <c r="H31737" s="1" t="s">
        <v>110680</v>
      </c>
      <c r="I31737" s="1" t="s">
        <v>109553</v>
      </c>
      <c r="J31737" s="1" t="s">
        <v>110746</v>
      </c>
    </row>
    <row r="31738" spans="1:10" x14ac:dyDescent="0.35">
      <c r="A31738" s="1" t="s">
        <v>45220</v>
      </c>
      <c r="B31738" s="1" t="s">
        <v>109548</v>
      </c>
      <c r="C31738" s="1" t="s">
        <v>125</v>
      </c>
      <c r="D31738" s="1" t="s">
        <v>82305</v>
      </c>
      <c r="E31738" s="1" t="s">
        <v>110747</v>
      </c>
      <c r="F31738" s="1" t="s">
        <v>110748</v>
      </c>
      <c r="G31738" s="1" t="s">
        <v>110679</v>
      </c>
      <c r="H31738" s="1" t="s">
        <v>110680</v>
      </c>
      <c r="I31738" s="1" t="s">
        <v>109553</v>
      </c>
      <c r="J31738" s="1" t="s">
        <v>110749</v>
      </c>
    </row>
    <row r="31739" spans="1:10" x14ac:dyDescent="0.35">
      <c r="A31739" s="1" t="s">
        <v>45220</v>
      </c>
      <c r="B31739" s="1" t="s">
        <v>109548</v>
      </c>
      <c r="C31739" s="1" t="s">
        <v>130</v>
      </c>
      <c r="D31739" s="1" t="s">
        <v>110750</v>
      </c>
      <c r="E31739" s="1" t="s">
        <v>110751</v>
      </c>
      <c r="F31739" s="1" t="s">
        <v>110752</v>
      </c>
      <c r="G31739" s="1" t="s">
        <v>110679</v>
      </c>
      <c r="H31739" s="1" t="s">
        <v>110680</v>
      </c>
      <c r="I31739" s="1" t="s">
        <v>109553</v>
      </c>
      <c r="J31739" s="1" t="s">
        <v>110753</v>
      </c>
    </row>
    <row r="31740" spans="1:10" x14ac:dyDescent="0.35">
      <c r="A31740" s="1" t="s">
        <v>45220</v>
      </c>
      <c r="B31740" s="1" t="s">
        <v>109548</v>
      </c>
      <c r="C31740" s="1" t="s">
        <v>135</v>
      </c>
      <c r="D31740" s="1" t="s">
        <v>110754</v>
      </c>
      <c r="E31740" s="1" t="s">
        <v>74263</v>
      </c>
      <c r="F31740" s="1" t="s">
        <v>110755</v>
      </c>
      <c r="G31740" s="1" t="s">
        <v>110679</v>
      </c>
      <c r="H31740" s="1" t="s">
        <v>110680</v>
      </c>
      <c r="I31740" s="1" t="s">
        <v>109553</v>
      </c>
      <c r="J31740" s="1" t="s">
        <v>110756</v>
      </c>
    </row>
    <row r="31741" spans="1:10" x14ac:dyDescent="0.35">
      <c r="A31741" s="1" t="s">
        <v>45220</v>
      </c>
      <c r="B31741" s="1" t="s">
        <v>109548</v>
      </c>
      <c r="C31741" s="1" t="s">
        <v>140</v>
      </c>
      <c r="D31741" s="1" t="s">
        <v>110757</v>
      </c>
      <c r="E31741" s="1" t="s">
        <v>73462</v>
      </c>
      <c r="F31741" s="1" t="s">
        <v>110758</v>
      </c>
      <c r="G31741" s="1" t="s">
        <v>110679</v>
      </c>
      <c r="H31741" s="1" t="s">
        <v>110680</v>
      </c>
      <c r="I31741" s="1" t="s">
        <v>109553</v>
      </c>
      <c r="J31741" s="1" t="s">
        <v>110759</v>
      </c>
    </row>
    <row r="31742" spans="1:10" x14ac:dyDescent="0.35">
      <c r="A31742" s="1" t="s">
        <v>45220</v>
      </c>
      <c r="B31742" s="1" t="s">
        <v>109548</v>
      </c>
      <c r="C31742" s="1" t="s">
        <v>145</v>
      </c>
      <c r="D31742" s="1" t="s">
        <v>110760</v>
      </c>
      <c r="E31742" s="1" t="s">
        <v>110761</v>
      </c>
      <c r="F31742" s="1" t="s">
        <v>110762</v>
      </c>
      <c r="G31742" s="1" t="s">
        <v>110679</v>
      </c>
      <c r="H31742" s="1" t="s">
        <v>110680</v>
      </c>
      <c r="I31742" s="1" t="s">
        <v>109553</v>
      </c>
      <c r="J31742" s="1" t="s">
        <v>110763</v>
      </c>
    </row>
    <row r="31743" spans="1:10" x14ac:dyDescent="0.35">
      <c r="A31743" s="1" t="s">
        <v>45220</v>
      </c>
      <c r="B31743" s="1" t="s">
        <v>109548</v>
      </c>
      <c r="C31743" s="1" t="s">
        <v>150</v>
      </c>
      <c r="D31743" s="1" t="s">
        <v>110764</v>
      </c>
      <c r="E31743" s="1" t="s">
        <v>110728</v>
      </c>
      <c r="F31743" s="1" t="s">
        <v>110765</v>
      </c>
      <c r="G31743" s="1" t="s">
        <v>110679</v>
      </c>
      <c r="H31743" s="1" t="s">
        <v>110680</v>
      </c>
      <c r="I31743" s="1" t="s">
        <v>109553</v>
      </c>
      <c r="J31743" s="1" t="s">
        <v>110766</v>
      </c>
    </row>
    <row r="31744" spans="1:10" x14ac:dyDescent="0.35">
      <c r="A31744" s="1" t="s">
        <v>45220</v>
      </c>
      <c r="B31744" s="1" t="s">
        <v>109548</v>
      </c>
      <c r="C31744" s="1" t="s">
        <v>155</v>
      </c>
      <c r="D31744" s="1" t="s">
        <v>110767</v>
      </c>
      <c r="E31744" s="1" t="s">
        <v>726</v>
      </c>
      <c r="F31744" s="1" t="s">
        <v>110768</v>
      </c>
      <c r="G31744" s="1" t="s">
        <v>110679</v>
      </c>
      <c r="H31744" s="1" t="s">
        <v>110680</v>
      </c>
      <c r="I31744" s="1" t="s">
        <v>109553</v>
      </c>
      <c r="J31744" s="1" t="s">
        <v>110769</v>
      </c>
    </row>
    <row r="31745" spans="1:10" x14ac:dyDescent="0.35">
      <c r="A31745" s="1" t="s">
        <v>45220</v>
      </c>
      <c r="B31745" s="1" t="s">
        <v>109548</v>
      </c>
      <c r="C31745" s="1" t="s">
        <v>160</v>
      </c>
      <c r="D31745" s="1" t="s">
        <v>609</v>
      </c>
      <c r="E31745" s="1" t="s">
        <v>73318</v>
      </c>
      <c r="F31745" s="1" t="s">
        <v>110770</v>
      </c>
      <c r="G31745" s="1" t="s">
        <v>110679</v>
      </c>
      <c r="H31745" s="1" t="s">
        <v>110680</v>
      </c>
      <c r="I31745" s="1" t="s">
        <v>109553</v>
      </c>
      <c r="J31745" s="1" t="s">
        <v>110771</v>
      </c>
    </row>
    <row r="31746" spans="1:10" x14ac:dyDescent="0.35">
      <c r="A31746" s="1" t="s">
        <v>45220</v>
      </c>
      <c r="B31746" s="1" t="s">
        <v>109548</v>
      </c>
      <c r="C31746" s="1" t="s">
        <v>165</v>
      </c>
      <c r="D31746" s="1" t="s">
        <v>110772</v>
      </c>
      <c r="E31746" s="1" t="s">
        <v>110773</v>
      </c>
      <c r="F31746" s="1" t="s">
        <v>110774</v>
      </c>
      <c r="G31746" s="1" t="s">
        <v>110679</v>
      </c>
      <c r="H31746" s="1" t="s">
        <v>110680</v>
      </c>
      <c r="I31746" s="1" t="s">
        <v>109553</v>
      </c>
      <c r="J31746" s="1" t="s">
        <v>110775</v>
      </c>
    </row>
    <row r="31747" spans="1:10" x14ac:dyDescent="0.35">
      <c r="A31747" s="1" t="s">
        <v>45220</v>
      </c>
      <c r="B31747" s="1" t="s">
        <v>109548</v>
      </c>
      <c r="C31747" s="1" t="s">
        <v>170</v>
      </c>
      <c r="D31747" s="1" t="s">
        <v>110776</v>
      </c>
      <c r="E31747" s="1" t="s">
        <v>110777</v>
      </c>
      <c r="F31747" s="1" t="s">
        <v>110778</v>
      </c>
      <c r="G31747" s="1" t="s">
        <v>110679</v>
      </c>
      <c r="H31747" s="1" t="s">
        <v>110680</v>
      </c>
      <c r="I31747" s="1" t="s">
        <v>109553</v>
      </c>
      <c r="J31747" s="1" t="s">
        <v>110779</v>
      </c>
    </row>
    <row r="31748" spans="1:10" x14ac:dyDescent="0.35">
      <c r="A31748" s="1" t="s">
        <v>110780</v>
      </c>
      <c r="B31748" s="1" t="s">
        <v>109548</v>
      </c>
      <c r="C31748" s="1" t="s">
        <v>8</v>
      </c>
      <c r="D31748" s="1" t="s">
        <v>65799</v>
      </c>
      <c r="E31748" s="1" t="s">
        <v>110781</v>
      </c>
      <c r="F31748" s="1" t="s">
        <v>110782</v>
      </c>
      <c r="G31748" s="1" t="s">
        <v>110783</v>
      </c>
      <c r="H31748" s="1" t="s">
        <v>110784</v>
      </c>
      <c r="I31748" s="1" t="s">
        <v>109553</v>
      </c>
      <c r="J31748" s="1" t="s">
        <v>13</v>
      </c>
    </row>
    <row r="31749" spans="1:10" x14ac:dyDescent="0.35">
      <c r="A31749" s="1" t="s">
        <v>110780</v>
      </c>
      <c r="B31749" s="1" t="s">
        <v>109548</v>
      </c>
      <c r="C31749" s="1" t="s">
        <v>15</v>
      </c>
      <c r="D31749" s="1" t="s">
        <v>110785</v>
      </c>
      <c r="E31749" s="1" t="s">
        <v>110786</v>
      </c>
      <c r="F31749" s="1" t="s">
        <v>110787</v>
      </c>
      <c r="G31749" s="1" t="s">
        <v>110783</v>
      </c>
      <c r="H31749" s="1" t="s">
        <v>110784</v>
      </c>
      <c r="I31749" s="1" t="s">
        <v>109553</v>
      </c>
      <c r="J31749" s="1" t="s">
        <v>110788</v>
      </c>
    </row>
    <row r="31750" spans="1:10" x14ac:dyDescent="0.35">
      <c r="A31750" s="1" t="s">
        <v>110780</v>
      </c>
      <c r="B31750" s="1" t="s">
        <v>109548</v>
      </c>
      <c r="C31750" s="1" t="s">
        <v>20</v>
      </c>
      <c r="D31750" s="1" t="s">
        <v>1862</v>
      </c>
      <c r="E31750" s="1" t="s">
        <v>110789</v>
      </c>
      <c r="F31750" s="1" t="s">
        <v>110790</v>
      </c>
      <c r="G31750" s="1" t="s">
        <v>110783</v>
      </c>
      <c r="H31750" s="1" t="s">
        <v>110784</v>
      </c>
      <c r="I31750" s="1" t="s">
        <v>109553</v>
      </c>
      <c r="J31750" s="1" t="s">
        <v>110791</v>
      </c>
    </row>
    <row r="31751" spans="1:10" x14ac:dyDescent="0.35">
      <c r="A31751" s="1" t="s">
        <v>110780</v>
      </c>
      <c r="B31751" s="1" t="s">
        <v>109548</v>
      </c>
      <c r="C31751" s="1" t="s">
        <v>25</v>
      </c>
      <c r="D31751" s="1" t="s">
        <v>1332</v>
      </c>
      <c r="E31751" s="1" t="s">
        <v>110792</v>
      </c>
      <c r="F31751" s="1" t="s">
        <v>110793</v>
      </c>
      <c r="G31751" s="1" t="s">
        <v>110783</v>
      </c>
      <c r="H31751" s="1" t="s">
        <v>110784</v>
      </c>
      <c r="I31751" s="1" t="s">
        <v>109553</v>
      </c>
      <c r="J31751" s="1" t="s">
        <v>110794</v>
      </c>
    </row>
    <row r="31752" spans="1:10" x14ac:dyDescent="0.35">
      <c r="A31752" s="1" t="s">
        <v>110780</v>
      </c>
      <c r="B31752" s="1" t="s">
        <v>109548</v>
      </c>
      <c r="C31752" s="1" t="s">
        <v>30</v>
      </c>
      <c r="D31752" s="1" t="s">
        <v>110795</v>
      </c>
      <c r="E31752" s="1" t="s">
        <v>110781</v>
      </c>
      <c r="F31752" s="1" t="s">
        <v>110796</v>
      </c>
      <c r="G31752" s="1" t="s">
        <v>110783</v>
      </c>
      <c r="H31752" s="1" t="s">
        <v>110784</v>
      </c>
      <c r="I31752" s="1" t="s">
        <v>109553</v>
      </c>
      <c r="J31752" s="1" t="s">
        <v>110797</v>
      </c>
    </row>
    <row r="31753" spans="1:10" x14ac:dyDescent="0.35">
      <c r="A31753" s="1" t="s">
        <v>110780</v>
      </c>
      <c r="B31753" s="1" t="s">
        <v>109548</v>
      </c>
      <c r="C31753" s="1" t="s">
        <v>35</v>
      </c>
      <c r="D31753" s="1" t="s">
        <v>69013</v>
      </c>
      <c r="E31753" s="1" t="s">
        <v>110798</v>
      </c>
      <c r="F31753" s="1" t="s">
        <v>110799</v>
      </c>
      <c r="G31753" s="1" t="s">
        <v>110783</v>
      </c>
      <c r="H31753" s="1" t="s">
        <v>110784</v>
      </c>
      <c r="I31753" s="1" t="s">
        <v>109553</v>
      </c>
      <c r="J31753" s="1" t="s">
        <v>110800</v>
      </c>
    </row>
    <row r="31754" spans="1:10" x14ac:dyDescent="0.35">
      <c r="A31754" s="1" t="s">
        <v>110780</v>
      </c>
      <c r="B31754" s="1" t="s">
        <v>109548</v>
      </c>
      <c r="C31754" s="1" t="s">
        <v>40</v>
      </c>
      <c r="D31754" s="1" t="s">
        <v>94326</v>
      </c>
      <c r="E31754" s="1" t="s">
        <v>110801</v>
      </c>
      <c r="F31754" s="1" t="s">
        <v>110802</v>
      </c>
      <c r="G31754" s="1" t="s">
        <v>110783</v>
      </c>
      <c r="H31754" s="1" t="s">
        <v>110784</v>
      </c>
      <c r="I31754" s="1" t="s">
        <v>109553</v>
      </c>
      <c r="J31754" s="1" t="s">
        <v>110803</v>
      </c>
    </row>
    <row r="31755" spans="1:10" x14ac:dyDescent="0.35">
      <c r="A31755" s="1" t="s">
        <v>110780</v>
      </c>
      <c r="B31755" s="1" t="s">
        <v>109548</v>
      </c>
      <c r="C31755" s="1" t="s">
        <v>45</v>
      </c>
      <c r="D31755" s="1" t="s">
        <v>1528</v>
      </c>
      <c r="E31755" s="1" t="s">
        <v>110804</v>
      </c>
      <c r="F31755" s="1" t="s">
        <v>110805</v>
      </c>
      <c r="G31755" s="1" t="s">
        <v>110783</v>
      </c>
      <c r="H31755" s="1" t="s">
        <v>110784</v>
      </c>
      <c r="I31755" s="1" t="s">
        <v>109553</v>
      </c>
      <c r="J31755" s="1" t="s">
        <v>110806</v>
      </c>
    </row>
    <row r="31756" spans="1:10" x14ac:dyDescent="0.35">
      <c r="A31756" s="1" t="s">
        <v>110780</v>
      </c>
      <c r="B31756" s="1" t="s">
        <v>109548</v>
      </c>
      <c r="C31756" s="1" t="s">
        <v>50</v>
      </c>
      <c r="D31756" s="1" t="s">
        <v>110807</v>
      </c>
      <c r="E31756" s="1" t="s">
        <v>110808</v>
      </c>
      <c r="F31756" s="1" t="s">
        <v>110809</v>
      </c>
      <c r="G31756" s="1" t="s">
        <v>110783</v>
      </c>
      <c r="H31756" s="1" t="s">
        <v>110784</v>
      </c>
      <c r="I31756" s="1" t="s">
        <v>109553</v>
      </c>
      <c r="J31756" s="1" t="s">
        <v>110810</v>
      </c>
    </row>
    <row r="31757" spans="1:10" x14ac:dyDescent="0.35">
      <c r="A31757" s="1" t="s">
        <v>110780</v>
      </c>
      <c r="B31757" s="1" t="s">
        <v>109548</v>
      </c>
      <c r="C31757" s="1" t="s">
        <v>55</v>
      </c>
      <c r="D31757" s="1" t="s">
        <v>13857</v>
      </c>
      <c r="E31757" s="1" t="s">
        <v>110811</v>
      </c>
      <c r="F31757" s="1" t="s">
        <v>110812</v>
      </c>
      <c r="G31757" s="1" t="s">
        <v>110783</v>
      </c>
      <c r="H31757" s="1" t="s">
        <v>110784</v>
      </c>
      <c r="I31757" s="1" t="s">
        <v>109553</v>
      </c>
      <c r="J31757" s="1" t="s">
        <v>110813</v>
      </c>
    </row>
    <row r="31758" spans="1:10" x14ac:dyDescent="0.35">
      <c r="A31758" s="1" t="s">
        <v>110780</v>
      </c>
      <c r="B31758" s="1" t="s">
        <v>109548</v>
      </c>
      <c r="C31758" s="1" t="s">
        <v>60</v>
      </c>
      <c r="D31758" s="1" t="s">
        <v>11749</v>
      </c>
      <c r="E31758" s="1" t="s">
        <v>110814</v>
      </c>
      <c r="F31758" s="1" t="s">
        <v>110815</v>
      </c>
      <c r="G31758" s="1" t="s">
        <v>110783</v>
      </c>
      <c r="H31758" s="1" t="s">
        <v>110784</v>
      </c>
      <c r="I31758" s="1" t="s">
        <v>109553</v>
      </c>
      <c r="J31758" s="1" t="s">
        <v>110816</v>
      </c>
    </row>
    <row r="31759" spans="1:10" x14ac:dyDescent="0.35">
      <c r="A31759" s="1" t="s">
        <v>110780</v>
      </c>
      <c r="B31759" s="1" t="s">
        <v>109548</v>
      </c>
      <c r="C31759" s="1" t="s">
        <v>65</v>
      </c>
      <c r="D31759" s="1" t="s">
        <v>4388</v>
      </c>
      <c r="E31759" s="1" t="s">
        <v>110817</v>
      </c>
      <c r="F31759" s="1" t="s">
        <v>110818</v>
      </c>
      <c r="G31759" s="1" t="s">
        <v>110783</v>
      </c>
      <c r="H31759" s="1" t="s">
        <v>110784</v>
      </c>
      <c r="I31759" s="1" t="s">
        <v>109553</v>
      </c>
      <c r="J31759" s="1" t="s">
        <v>110819</v>
      </c>
    </row>
    <row r="31760" spans="1:10" x14ac:dyDescent="0.35">
      <c r="A31760" s="1" t="s">
        <v>110780</v>
      </c>
      <c r="B31760" s="1" t="s">
        <v>109548</v>
      </c>
      <c r="C31760" s="1" t="s">
        <v>70</v>
      </c>
      <c r="D31760" s="1" t="s">
        <v>10213</v>
      </c>
      <c r="E31760" s="1" t="s">
        <v>110820</v>
      </c>
      <c r="F31760" s="1" t="s">
        <v>110821</v>
      </c>
      <c r="G31760" s="1" t="s">
        <v>110783</v>
      </c>
      <c r="H31760" s="1" t="s">
        <v>110784</v>
      </c>
      <c r="I31760" s="1" t="s">
        <v>109553</v>
      </c>
      <c r="J31760" s="1" t="s">
        <v>110822</v>
      </c>
    </row>
    <row r="31761" spans="1:10" x14ac:dyDescent="0.35">
      <c r="A31761" s="1" t="s">
        <v>110780</v>
      </c>
      <c r="B31761" s="1" t="s">
        <v>109548</v>
      </c>
      <c r="C31761" s="1" t="s">
        <v>75</v>
      </c>
      <c r="D31761" s="1" t="s">
        <v>7533</v>
      </c>
      <c r="E31761" s="1" t="s">
        <v>78688</v>
      </c>
      <c r="F31761" s="1" t="s">
        <v>110823</v>
      </c>
      <c r="G31761" s="1" t="s">
        <v>110783</v>
      </c>
      <c r="H31761" s="1" t="s">
        <v>110784</v>
      </c>
      <c r="I31761" s="1" t="s">
        <v>109553</v>
      </c>
      <c r="J31761" s="1" t="s">
        <v>110824</v>
      </c>
    </row>
    <row r="31762" spans="1:10" x14ac:dyDescent="0.35">
      <c r="A31762" s="1" t="s">
        <v>110780</v>
      </c>
      <c r="B31762" s="1" t="s">
        <v>109548</v>
      </c>
      <c r="C31762" s="1" t="s">
        <v>80</v>
      </c>
      <c r="D31762" s="1" t="s">
        <v>6906</v>
      </c>
      <c r="E31762" s="1" t="s">
        <v>110825</v>
      </c>
      <c r="F31762" s="1" t="s">
        <v>110826</v>
      </c>
      <c r="G31762" s="1" t="s">
        <v>110783</v>
      </c>
      <c r="H31762" s="1" t="s">
        <v>110784</v>
      </c>
      <c r="I31762" s="1" t="s">
        <v>109553</v>
      </c>
      <c r="J31762" s="1" t="s">
        <v>110827</v>
      </c>
    </row>
    <row r="31763" spans="1:10" x14ac:dyDescent="0.35">
      <c r="A31763" s="1" t="s">
        <v>110780</v>
      </c>
      <c r="B31763" s="1" t="s">
        <v>109548</v>
      </c>
      <c r="C31763" s="1" t="s">
        <v>85</v>
      </c>
      <c r="D31763" s="1" t="s">
        <v>36662</v>
      </c>
      <c r="E31763" s="1" t="s">
        <v>109845</v>
      </c>
      <c r="F31763" s="1" t="s">
        <v>110828</v>
      </c>
      <c r="G31763" s="1" t="s">
        <v>110783</v>
      </c>
      <c r="H31763" s="1" t="s">
        <v>110784</v>
      </c>
      <c r="I31763" s="1" t="s">
        <v>109553</v>
      </c>
      <c r="J31763" s="1" t="s">
        <v>110829</v>
      </c>
    </row>
    <row r="31764" spans="1:10" x14ac:dyDescent="0.35">
      <c r="A31764" s="1" t="s">
        <v>110780</v>
      </c>
      <c r="B31764" s="1" t="s">
        <v>109548</v>
      </c>
      <c r="C31764" s="1" t="s">
        <v>90</v>
      </c>
      <c r="D31764" s="1" t="s">
        <v>110830</v>
      </c>
      <c r="E31764" s="1" t="s">
        <v>110831</v>
      </c>
      <c r="F31764" s="1" t="s">
        <v>110832</v>
      </c>
      <c r="G31764" s="1" t="s">
        <v>110783</v>
      </c>
      <c r="H31764" s="1" t="s">
        <v>110784</v>
      </c>
      <c r="I31764" s="1" t="s">
        <v>109553</v>
      </c>
      <c r="J31764" s="1" t="s">
        <v>110833</v>
      </c>
    </row>
    <row r="31765" spans="1:10" x14ac:dyDescent="0.35">
      <c r="A31765" s="1" t="s">
        <v>110780</v>
      </c>
      <c r="B31765" s="1" t="s">
        <v>109548</v>
      </c>
      <c r="C31765" s="1" t="s">
        <v>95</v>
      </c>
      <c r="D31765" s="1" t="s">
        <v>50810</v>
      </c>
      <c r="E31765" s="1" t="s">
        <v>77800</v>
      </c>
      <c r="F31765" s="1" t="s">
        <v>110834</v>
      </c>
      <c r="G31765" s="1" t="s">
        <v>110783</v>
      </c>
      <c r="H31765" s="1" t="s">
        <v>110784</v>
      </c>
      <c r="I31765" s="1" t="s">
        <v>109553</v>
      </c>
      <c r="J31765" s="1" t="s">
        <v>110835</v>
      </c>
    </row>
    <row r="31766" spans="1:10" x14ac:dyDescent="0.35">
      <c r="A31766" s="1" t="s">
        <v>110780</v>
      </c>
      <c r="B31766" s="1" t="s">
        <v>109548</v>
      </c>
      <c r="C31766" s="1" t="s">
        <v>100</v>
      </c>
      <c r="D31766" s="1" t="s">
        <v>4733</v>
      </c>
      <c r="E31766" s="1" t="s">
        <v>110820</v>
      </c>
      <c r="F31766" s="1" t="s">
        <v>110836</v>
      </c>
      <c r="G31766" s="1" t="s">
        <v>110783</v>
      </c>
      <c r="H31766" s="1" t="s">
        <v>110784</v>
      </c>
      <c r="I31766" s="1" t="s">
        <v>109553</v>
      </c>
      <c r="J31766" s="1" t="s">
        <v>110837</v>
      </c>
    </row>
    <row r="31767" spans="1:10" x14ac:dyDescent="0.35">
      <c r="A31767" s="1" t="s">
        <v>110780</v>
      </c>
      <c r="B31767" s="1" t="s">
        <v>109548</v>
      </c>
      <c r="C31767" s="1" t="s">
        <v>105</v>
      </c>
      <c r="D31767" s="1" t="s">
        <v>27859</v>
      </c>
      <c r="E31767" s="1" t="s">
        <v>110838</v>
      </c>
      <c r="F31767" s="1" t="s">
        <v>110839</v>
      </c>
      <c r="G31767" s="1" t="s">
        <v>110783</v>
      </c>
      <c r="H31767" s="1" t="s">
        <v>110784</v>
      </c>
      <c r="I31767" s="1" t="s">
        <v>109553</v>
      </c>
      <c r="J31767" s="1" t="s">
        <v>110840</v>
      </c>
    </row>
    <row r="31768" spans="1:10" x14ac:dyDescent="0.35">
      <c r="A31768" s="1" t="s">
        <v>110780</v>
      </c>
      <c r="B31768" s="1" t="s">
        <v>109548</v>
      </c>
      <c r="C31768" s="1" t="s">
        <v>110</v>
      </c>
      <c r="D31768" s="1" t="s">
        <v>7494</v>
      </c>
      <c r="E31768" s="1" t="s">
        <v>110841</v>
      </c>
      <c r="F31768" s="1" t="s">
        <v>110842</v>
      </c>
      <c r="G31768" s="1" t="s">
        <v>110783</v>
      </c>
      <c r="H31768" s="1" t="s">
        <v>110784</v>
      </c>
      <c r="I31768" s="1" t="s">
        <v>109553</v>
      </c>
      <c r="J31768" s="1" t="s">
        <v>110843</v>
      </c>
    </row>
    <row r="31769" spans="1:10" x14ac:dyDescent="0.35">
      <c r="A31769" s="1" t="s">
        <v>110780</v>
      </c>
      <c r="B31769" s="1" t="s">
        <v>109548</v>
      </c>
      <c r="C31769" s="1" t="s">
        <v>115</v>
      </c>
      <c r="D31769" s="1" t="s">
        <v>4701</v>
      </c>
      <c r="E31769" s="1" t="s">
        <v>110844</v>
      </c>
      <c r="F31769" s="1" t="s">
        <v>110845</v>
      </c>
      <c r="G31769" s="1" t="s">
        <v>110783</v>
      </c>
      <c r="H31769" s="1" t="s">
        <v>110784</v>
      </c>
      <c r="I31769" s="1" t="s">
        <v>109553</v>
      </c>
      <c r="J31769" s="1" t="s">
        <v>110846</v>
      </c>
    </row>
    <row r="31770" spans="1:10" x14ac:dyDescent="0.35">
      <c r="A31770" s="1" t="s">
        <v>110780</v>
      </c>
      <c r="B31770" s="1" t="s">
        <v>109548</v>
      </c>
      <c r="C31770" s="1" t="s">
        <v>120</v>
      </c>
      <c r="D31770" s="1" t="s">
        <v>27453</v>
      </c>
      <c r="E31770" s="1" t="s">
        <v>110847</v>
      </c>
      <c r="F31770" s="1" t="s">
        <v>110848</v>
      </c>
      <c r="G31770" s="1" t="s">
        <v>110783</v>
      </c>
      <c r="H31770" s="1" t="s">
        <v>110784</v>
      </c>
      <c r="I31770" s="1" t="s">
        <v>109553</v>
      </c>
      <c r="J31770" s="1" t="s">
        <v>38729</v>
      </c>
    </row>
    <row r="31771" spans="1:10" x14ac:dyDescent="0.35">
      <c r="A31771" s="1" t="s">
        <v>110780</v>
      </c>
      <c r="B31771" s="1" t="s">
        <v>109548</v>
      </c>
      <c r="C31771" s="1" t="s">
        <v>125</v>
      </c>
      <c r="D31771" s="1" t="s">
        <v>14185</v>
      </c>
      <c r="E31771" s="1" t="s">
        <v>110849</v>
      </c>
      <c r="F31771" s="1" t="s">
        <v>110850</v>
      </c>
      <c r="G31771" s="1" t="s">
        <v>110783</v>
      </c>
      <c r="H31771" s="1" t="s">
        <v>110784</v>
      </c>
      <c r="I31771" s="1" t="s">
        <v>109553</v>
      </c>
      <c r="J31771" s="1" t="s">
        <v>110851</v>
      </c>
    </row>
    <row r="31772" spans="1:10" x14ac:dyDescent="0.35">
      <c r="A31772" s="1" t="s">
        <v>110780</v>
      </c>
      <c r="B31772" s="1" t="s">
        <v>109548</v>
      </c>
      <c r="C31772" s="1" t="s">
        <v>130</v>
      </c>
      <c r="D31772" s="1" t="s">
        <v>51934</v>
      </c>
      <c r="E31772" s="1" t="s">
        <v>78715</v>
      </c>
      <c r="F31772" s="1" t="s">
        <v>110852</v>
      </c>
      <c r="G31772" s="1" t="s">
        <v>110783</v>
      </c>
      <c r="H31772" s="1" t="s">
        <v>110784</v>
      </c>
      <c r="I31772" s="1" t="s">
        <v>109553</v>
      </c>
      <c r="J31772" s="1" t="s">
        <v>110853</v>
      </c>
    </row>
    <row r="31773" spans="1:10" x14ac:dyDescent="0.35">
      <c r="A31773" s="1" t="s">
        <v>110780</v>
      </c>
      <c r="B31773" s="1" t="s">
        <v>109548</v>
      </c>
      <c r="C31773" s="1" t="s">
        <v>135</v>
      </c>
      <c r="D31773" s="1" t="s">
        <v>110854</v>
      </c>
      <c r="E31773" s="1" t="s">
        <v>78759</v>
      </c>
      <c r="F31773" s="1" t="s">
        <v>110855</v>
      </c>
      <c r="G31773" s="1" t="s">
        <v>110783</v>
      </c>
      <c r="H31773" s="1" t="s">
        <v>110784</v>
      </c>
      <c r="I31773" s="1" t="s">
        <v>109553</v>
      </c>
      <c r="J31773" s="1" t="s">
        <v>110856</v>
      </c>
    </row>
    <row r="31774" spans="1:10" x14ac:dyDescent="0.35">
      <c r="A31774" s="1" t="s">
        <v>110780</v>
      </c>
      <c r="B31774" s="1" t="s">
        <v>109548</v>
      </c>
      <c r="C31774" s="1" t="s">
        <v>140</v>
      </c>
      <c r="D31774" s="1" t="s">
        <v>29802</v>
      </c>
      <c r="E31774" s="1" t="s">
        <v>110857</v>
      </c>
      <c r="F31774" s="1" t="s">
        <v>110858</v>
      </c>
      <c r="G31774" s="1" t="s">
        <v>110783</v>
      </c>
      <c r="H31774" s="1" t="s">
        <v>110784</v>
      </c>
      <c r="I31774" s="1" t="s">
        <v>109553</v>
      </c>
      <c r="J31774" s="1" t="s">
        <v>110859</v>
      </c>
    </row>
    <row r="31775" spans="1:10" x14ac:dyDescent="0.35">
      <c r="A31775" s="1" t="s">
        <v>110780</v>
      </c>
      <c r="B31775" s="1" t="s">
        <v>109548</v>
      </c>
      <c r="C31775" s="1" t="s">
        <v>145</v>
      </c>
      <c r="D31775" s="1" t="s">
        <v>46454</v>
      </c>
      <c r="E31775" s="1" t="s">
        <v>110860</v>
      </c>
      <c r="F31775" s="1" t="s">
        <v>110861</v>
      </c>
      <c r="G31775" s="1" t="s">
        <v>110783</v>
      </c>
      <c r="H31775" s="1" t="s">
        <v>110784</v>
      </c>
      <c r="I31775" s="1" t="s">
        <v>109553</v>
      </c>
      <c r="J31775" s="1" t="s">
        <v>110862</v>
      </c>
    </row>
    <row r="31776" spans="1:10" x14ac:dyDescent="0.35">
      <c r="A31776" s="1" t="s">
        <v>110780</v>
      </c>
      <c r="B31776" s="1" t="s">
        <v>109548</v>
      </c>
      <c r="C31776" s="1" t="s">
        <v>150</v>
      </c>
      <c r="D31776" s="1" t="s">
        <v>110863</v>
      </c>
      <c r="E31776" s="1" t="s">
        <v>110864</v>
      </c>
      <c r="F31776" s="1" t="s">
        <v>110865</v>
      </c>
      <c r="G31776" s="1" t="s">
        <v>110783</v>
      </c>
      <c r="H31776" s="1" t="s">
        <v>110784</v>
      </c>
      <c r="I31776" s="1" t="s">
        <v>109553</v>
      </c>
      <c r="J31776" s="1" t="s">
        <v>110866</v>
      </c>
    </row>
    <row r="31777" spans="1:10" x14ac:dyDescent="0.35">
      <c r="A31777" s="1" t="s">
        <v>110780</v>
      </c>
      <c r="B31777" s="1" t="s">
        <v>109548</v>
      </c>
      <c r="C31777" s="1" t="s">
        <v>155</v>
      </c>
      <c r="D31777" s="1" t="s">
        <v>15583</v>
      </c>
      <c r="E31777" s="1" t="s">
        <v>110867</v>
      </c>
      <c r="F31777" s="1" t="s">
        <v>110868</v>
      </c>
      <c r="G31777" s="1" t="s">
        <v>110783</v>
      </c>
      <c r="H31777" s="1" t="s">
        <v>110784</v>
      </c>
      <c r="I31777" s="1" t="s">
        <v>109553</v>
      </c>
      <c r="J31777" s="1" t="s">
        <v>110869</v>
      </c>
    </row>
    <row r="31778" spans="1:10" x14ac:dyDescent="0.35">
      <c r="A31778" s="1" t="s">
        <v>110780</v>
      </c>
      <c r="B31778" s="1" t="s">
        <v>109548</v>
      </c>
      <c r="C31778" s="1" t="s">
        <v>160</v>
      </c>
      <c r="D31778" s="1" t="s">
        <v>110863</v>
      </c>
      <c r="E31778" s="1" t="s">
        <v>110870</v>
      </c>
      <c r="F31778" s="1" t="s">
        <v>110871</v>
      </c>
      <c r="G31778" s="1" t="s">
        <v>110783</v>
      </c>
      <c r="H31778" s="1" t="s">
        <v>110784</v>
      </c>
      <c r="I31778" s="1" t="s">
        <v>109553</v>
      </c>
      <c r="J31778" s="1" t="s">
        <v>110872</v>
      </c>
    </row>
    <row r="31779" spans="1:10" x14ac:dyDescent="0.35">
      <c r="A31779" s="1" t="s">
        <v>110780</v>
      </c>
      <c r="B31779" s="1" t="s">
        <v>109548</v>
      </c>
      <c r="C31779" s="1" t="s">
        <v>165</v>
      </c>
      <c r="D31779" s="1" t="s">
        <v>2406</v>
      </c>
      <c r="E31779" s="1" t="s">
        <v>78670</v>
      </c>
      <c r="F31779" s="1" t="s">
        <v>110873</v>
      </c>
      <c r="G31779" s="1" t="s">
        <v>110783</v>
      </c>
      <c r="H31779" s="1" t="s">
        <v>110784</v>
      </c>
      <c r="I31779" s="1" t="s">
        <v>109553</v>
      </c>
      <c r="J31779" s="1" t="s">
        <v>110874</v>
      </c>
    </row>
    <row r="31780" spans="1:10" x14ac:dyDescent="0.35">
      <c r="A31780" s="1" t="s">
        <v>110780</v>
      </c>
      <c r="B31780" s="1" t="s">
        <v>109548</v>
      </c>
      <c r="C31780" s="1" t="s">
        <v>170</v>
      </c>
      <c r="D31780" s="1" t="s">
        <v>110875</v>
      </c>
      <c r="E31780" s="1" t="s">
        <v>110876</v>
      </c>
      <c r="F31780" s="1" t="s">
        <v>110877</v>
      </c>
      <c r="G31780" s="1" t="s">
        <v>110783</v>
      </c>
      <c r="H31780" s="1" t="s">
        <v>110784</v>
      </c>
      <c r="I31780" s="1" t="s">
        <v>109553</v>
      </c>
      <c r="J31780" s="1" t="s">
        <v>110878</v>
      </c>
    </row>
    <row r="31781" spans="1:10" x14ac:dyDescent="0.35">
      <c r="A31781" s="1" t="s">
        <v>110879</v>
      </c>
      <c r="B31781" s="1" t="s">
        <v>109548</v>
      </c>
      <c r="C31781" s="1" t="s">
        <v>8</v>
      </c>
      <c r="D31781" s="1" t="s">
        <v>110880</v>
      </c>
      <c r="E31781" s="1" t="s">
        <v>14806</v>
      </c>
      <c r="F31781" s="1" t="s">
        <v>110881</v>
      </c>
      <c r="G31781" s="1" t="s">
        <v>110882</v>
      </c>
      <c r="H31781" s="1" t="s">
        <v>110883</v>
      </c>
      <c r="I31781" s="1" t="s">
        <v>109553</v>
      </c>
      <c r="J31781" s="1" t="s">
        <v>13</v>
      </c>
    </row>
    <row r="31782" spans="1:10" x14ac:dyDescent="0.35">
      <c r="A31782" s="1" t="s">
        <v>110879</v>
      </c>
      <c r="B31782" s="1" t="s">
        <v>109548</v>
      </c>
      <c r="C31782" s="1" t="s">
        <v>15</v>
      </c>
      <c r="D31782" s="1" t="s">
        <v>27878</v>
      </c>
      <c r="E31782" s="1" t="s">
        <v>110884</v>
      </c>
      <c r="F31782" s="1" t="s">
        <v>110885</v>
      </c>
      <c r="G31782" s="1" t="s">
        <v>110882</v>
      </c>
      <c r="H31782" s="1" t="s">
        <v>110883</v>
      </c>
      <c r="I31782" s="1" t="s">
        <v>109553</v>
      </c>
      <c r="J31782" s="1" t="s">
        <v>110886</v>
      </c>
    </row>
    <row r="31783" spans="1:10" x14ac:dyDescent="0.35">
      <c r="A31783" s="1" t="s">
        <v>110879</v>
      </c>
      <c r="B31783" s="1" t="s">
        <v>109548</v>
      </c>
      <c r="C31783" s="1" t="s">
        <v>20</v>
      </c>
      <c r="D31783" s="1" t="s">
        <v>110887</v>
      </c>
      <c r="E31783" s="1" t="s">
        <v>7966</v>
      </c>
      <c r="F31783" s="1" t="s">
        <v>110888</v>
      </c>
      <c r="G31783" s="1" t="s">
        <v>110882</v>
      </c>
      <c r="H31783" s="1" t="s">
        <v>110883</v>
      </c>
      <c r="I31783" s="1" t="s">
        <v>109553</v>
      </c>
      <c r="J31783" s="1" t="s">
        <v>110889</v>
      </c>
    </row>
    <row r="31784" spans="1:10" x14ac:dyDescent="0.35">
      <c r="A31784" s="1" t="s">
        <v>110879</v>
      </c>
      <c r="B31784" s="1" t="s">
        <v>109548</v>
      </c>
      <c r="C31784" s="1" t="s">
        <v>25</v>
      </c>
      <c r="D31784" s="1" t="s">
        <v>7575</v>
      </c>
      <c r="E31784" s="1" t="s">
        <v>539</v>
      </c>
      <c r="F31784" s="1" t="s">
        <v>110890</v>
      </c>
      <c r="G31784" s="1" t="s">
        <v>110882</v>
      </c>
      <c r="H31784" s="1" t="s">
        <v>110883</v>
      </c>
      <c r="I31784" s="1" t="s">
        <v>109553</v>
      </c>
      <c r="J31784" s="1" t="s">
        <v>110891</v>
      </c>
    </row>
    <row r="31785" spans="1:10" x14ac:dyDescent="0.35">
      <c r="A31785" s="1" t="s">
        <v>110879</v>
      </c>
      <c r="B31785" s="1" t="s">
        <v>109548</v>
      </c>
      <c r="C31785" s="1" t="s">
        <v>30</v>
      </c>
      <c r="D31785" s="1" t="s">
        <v>7579</v>
      </c>
      <c r="E31785" s="1" t="s">
        <v>7933</v>
      </c>
      <c r="F31785" s="1" t="s">
        <v>110892</v>
      </c>
      <c r="G31785" s="1" t="s">
        <v>110882</v>
      </c>
      <c r="H31785" s="1" t="s">
        <v>110883</v>
      </c>
      <c r="I31785" s="1" t="s">
        <v>109553</v>
      </c>
      <c r="J31785" s="1" t="s">
        <v>7582</v>
      </c>
    </row>
    <row r="31786" spans="1:10" x14ac:dyDescent="0.35">
      <c r="A31786" s="1" t="s">
        <v>110879</v>
      </c>
      <c r="B31786" s="1" t="s">
        <v>109548</v>
      </c>
      <c r="C31786" s="1" t="s">
        <v>35</v>
      </c>
      <c r="D31786" s="1" t="s">
        <v>1715</v>
      </c>
      <c r="E31786" s="1" t="s">
        <v>110884</v>
      </c>
      <c r="F31786" s="1" t="s">
        <v>110893</v>
      </c>
      <c r="G31786" s="1" t="s">
        <v>110882</v>
      </c>
      <c r="H31786" s="1" t="s">
        <v>110883</v>
      </c>
      <c r="I31786" s="1" t="s">
        <v>109553</v>
      </c>
      <c r="J31786" s="1" t="s">
        <v>110894</v>
      </c>
    </row>
    <row r="31787" spans="1:10" x14ac:dyDescent="0.35">
      <c r="A31787" s="1" t="s">
        <v>110879</v>
      </c>
      <c r="B31787" s="1" t="s">
        <v>109548</v>
      </c>
      <c r="C31787" s="1" t="s">
        <v>40</v>
      </c>
      <c r="D31787" s="1" t="s">
        <v>7906</v>
      </c>
      <c r="E31787" s="1" t="s">
        <v>110895</v>
      </c>
      <c r="F31787" s="1" t="s">
        <v>110896</v>
      </c>
      <c r="G31787" s="1" t="s">
        <v>110882</v>
      </c>
      <c r="H31787" s="1" t="s">
        <v>110883</v>
      </c>
      <c r="I31787" s="1" t="s">
        <v>109553</v>
      </c>
      <c r="J31787" s="1" t="s">
        <v>110897</v>
      </c>
    </row>
    <row r="31788" spans="1:10" x14ac:dyDescent="0.35">
      <c r="A31788" s="1" t="s">
        <v>110879</v>
      </c>
      <c r="B31788" s="1" t="s">
        <v>109548</v>
      </c>
      <c r="C31788" s="1" t="s">
        <v>45</v>
      </c>
      <c r="D31788" s="1" t="s">
        <v>7063</v>
      </c>
      <c r="E31788" s="1" t="s">
        <v>8566</v>
      </c>
      <c r="F31788" s="1" t="s">
        <v>110898</v>
      </c>
      <c r="G31788" s="1" t="s">
        <v>110882</v>
      </c>
      <c r="H31788" s="1" t="s">
        <v>110883</v>
      </c>
      <c r="I31788" s="1" t="s">
        <v>109553</v>
      </c>
      <c r="J31788" s="1" t="s">
        <v>110899</v>
      </c>
    </row>
    <row r="31789" spans="1:10" x14ac:dyDescent="0.35">
      <c r="A31789" s="1" t="s">
        <v>110879</v>
      </c>
      <c r="B31789" s="1" t="s">
        <v>109548</v>
      </c>
      <c r="C31789" s="1" t="s">
        <v>50</v>
      </c>
      <c r="D31789" s="1" t="s">
        <v>110900</v>
      </c>
      <c r="E31789" s="1" t="s">
        <v>12739</v>
      </c>
      <c r="F31789" s="1" t="s">
        <v>110901</v>
      </c>
      <c r="G31789" s="1" t="s">
        <v>110882</v>
      </c>
      <c r="H31789" s="1" t="s">
        <v>110883</v>
      </c>
      <c r="I31789" s="1" t="s">
        <v>109553</v>
      </c>
      <c r="J31789" s="1" t="s">
        <v>110902</v>
      </c>
    </row>
    <row r="31790" spans="1:10" x14ac:dyDescent="0.35">
      <c r="A31790" s="1" t="s">
        <v>110879</v>
      </c>
      <c r="B31790" s="1" t="s">
        <v>109548</v>
      </c>
      <c r="C31790" s="1" t="s">
        <v>55</v>
      </c>
      <c r="D31790" s="1" t="s">
        <v>71878</v>
      </c>
      <c r="E31790" s="1" t="s">
        <v>110903</v>
      </c>
      <c r="F31790" s="1" t="s">
        <v>110904</v>
      </c>
      <c r="G31790" s="1" t="s">
        <v>110882</v>
      </c>
      <c r="H31790" s="1" t="s">
        <v>110883</v>
      </c>
      <c r="I31790" s="1" t="s">
        <v>109553</v>
      </c>
      <c r="J31790" s="1" t="s">
        <v>110905</v>
      </c>
    </row>
    <row r="31791" spans="1:10" x14ac:dyDescent="0.35">
      <c r="A31791" s="1" t="s">
        <v>110879</v>
      </c>
      <c r="B31791" s="1" t="s">
        <v>109548</v>
      </c>
      <c r="C31791" s="1" t="s">
        <v>60</v>
      </c>
      <c r="D31791" s="1" t="s">
        <v>110906</v>
      </c>
      <c r="E31791" s="1" t="s">
        <v>110884</v>
      </c>
      <c r="F31791" s="1" t="s">
        <v>110907</v>
      </c>
      <c r="G31791" s="1" t="s">
        <v>110882</v>
      </c>
      <c r="H31791" s="1" t="s">
        <v>110883</v>
      </c>
      <c r="I31791" s="1" t="s">
        <v>109553</v>
      </c>
      <c r="J31791" s="1" t="s">
        <v>110908</v>
      </c>
    </row>
    <row r="31792" spans="1:10" x14ac:dyDescent="0.35">
      <c r="A31792" s="1" t="s">
        <v>110879</v>
      </c>
      <c r="B31792" s="1" t="s">
        <v>109548</v>
      </c>
      <c r="C31792" s="1" t="s">
        <v>65</v>
      </c>
      <c r="D31792" s="1" t="s">
        <v>16112</v>
      </c>
      <c r="E31792" s="1" t="s">
        <v>27484</v>
      </c>
      <c r="F31792" s="1" t="s">
        <v>110909</v>
      </c>
      <c r="G31792" s="1" t="s">
        <v>110882</v>
      </c>
      <c r="H31792" s="1" t="s">
        <v>110883</v>
      </c>
      <c r="I31792" s="1" t="s">
        <v>109553</v>
      </c>
      <c r="J31792" s="1" t="s">
        <v>110910</v>
      </c>
    </row>
    <row r="31793" spans="1:10" x14ac:dyDescent="0.35">
      <c r="A31793" s="1" t="s">
        <v>110879</v>
      </c>
      <c r="B31793" s="1" t="s">
        <v>109548</v>
      </c>
      <c r="C31793" s="1" t="s">
        <v>70</v>
      </c>
      <c r="D31793" s="1" t="s">
        <v>110911</v>
      </c>
      <c r="E31793" s="1" t="s">
        <v>110912</v>
      </c>
      <c r="F31793" s="1" t="s">
        <v>110913</v>
      </c>
      <c r="G31793" s="1" t="s">
        <v>110882</v>
      </c>
      <c r="H31793" s="1" t="s">
        <v>110883</v>
      </c>
      <c r="I31793" s="1" t="s">
        <v>109553</v>
      </c>
      <c r="J31793" s="1" t="s">
        <v>110914</v>
      </c>
    </row>
    <row r="31794" spans="1:10" x14ac:dyDescent="0.35">
      <c r="A31794" s="1" t="s">
        <v>110879</v>
      </c>
      <c r="B31794" s="1" t="s">
        <v>109548</v>
      </c>
      <c r="C31794" s="1" t="s">
        <v>75</v>
      </c>
      <c r="D31794" s="1" t="s">
        <v>110915</v>
      </c>
      <c r="E31794" s="1" t="s">
        <v>12743</v>
      </c>
      <c r="F31794" s="1" t="s">
        <v>110916</v>
      </c>
      <c r="G31794" s="1" t="s">
        <v>110882</v>
      </c>
      <c r="H31794" s="1" t="s">
        <v>110883</v>
      </c>
      <c r="I31794" s="1" t="s">
        <v>109553</v>
      </c>
      <c r="J31794" s="1" t="s">
        <v>110917</v>
      </c>
    </row>
    <row r="31795" spans="1:10" x14ac:dyDescent="0.35">
      <c r="A31795" s="1" t="s">
        <v>110879</v>
      </c>
      <c r="B31795" s="1" t="s">
        <v>109548</v>
      </c>
      <c r="C31795" s="1" t="s">
        <v>80</v>
      </c>
      <c r="D31795" s="1" t="s">
        <v>109903</v>
      </c>
      <c r="E31795" s="1" t="s">
        <v>110918</v>
      </c>
      <c r="F31795" s="1" t="s">
        <v>110919</v>
      </c>
      <c r="G31795" s="1" t="s">
        <v>110882</v>
      </c>
      <c r="H31795" s="1" t="s">
        <v>110883</v>
      </c>
      <c r="I31795" s="1" t="s">
        <v>109553</v>
      </c>
      <c r="J31795" s="1" t="s">
        <v>110920</v>
      </c>
    </row>
    <row r="31796" spans="1:10" x14ac:dyDescent="0.35">
      <c r="A31796" s="1" t="s">
        <v>110879</v>
      </c>
      <c r="B31796" s="1" t="s">
        <v>109548</v>
      </c>
      <c r="C31796" s="1" t="s">
        <v>85</v>
      </c>
      <c r="D31796" s="1" t="s">
        <v>110921</v>
      </c>
      <c r="E31796" s="1" t="s">
        <v>110922</v>
      </c>
      <c r="F31796" s="1" t="s">
        <v>110923</v>
      </c>
      <c r="G31796" s="1" t="s">
        <v>110882</v>
      </c>
      <c r="H31796" s="1" t="s">
        <v>110883</v>
      </c>
      <c r="I31796" s="1" t="s">
        <v>109553</v>
      </c>
      <c r="J31796" s="1" t="s">
        <v>110924</v>
      </c>
    </row>
    <row r="31797" spans="1:10" x14ac:dyDescent="0.35">
      <c r="A31797" s="1" t="s">
        <v>110879</v>
      </c>
      <c r="B31797" s="1" t="s">
        <v>109548</v>
      </c>
      <c r="C31797" s="1" t="s">
        <v>90</v>
      </c>
      <c r="D31797" s="1" t="s">
        <v>110925</v>
      </c>
      <c r="E31797" s="1" t="s">
        <v>110926</v>
      </c>
      <c r="F31797" s="1" t="s">
        <v>110927</v>
      </c>
      <c r="G31797" s="1" t="s">
        <v>110882</v>
      </c>
      <c r="H31797" s="1" t="s">
        <v>110883</v>
      </c>
      <c r="I31797" s="1" t="s">
        <v>109553</v>
      </c>
      <c r="J31797" s="1" t="s">
        <v>110928</v>
      </c>
    </row>
    <row r="31798" spans="1:10" x14ac:dyDescent="0.35">
      <c r="A31798" s="1" t="s">
        <v>110879</v>
      </c>
      <c r="B31798" s="1" t="s">
        <v>109548</v>
      </c>
      <c r="C31798" s="1" t="s">
        <v>95</v>
      </c>
      <c r="D31798" s="1" t="s">
        <v>35595</v>
      </c>
      <c r="E31798" s="1" t="s">
        <v>13680</v>
      </c>
      <c r="F31798" s="1" t="s">
        <v>110929</v>
      </c>
      <c r="G31798" s="1" t="s">
        <v>110882</v>
      </c>
      <c r="H31798" s="1" t="s">
        <v>110883</v>
      </c>
      <c r="I31798" s="1" t="s">
        <v>109553</v>
      </c>
      <c r="J31798" s="1" t="s">
        <v>110930</v>
      </c>
    </row>
    <row r="31799" spans="1:10" x14ac:dyDescent="0.35">
      <c r="A31799" s="1" t="s">
        <v>110879</v>
      </c>
      <c r="B31799" s="1" t="s">
        <v>109548</v>
      </c>
      <c r="C31799" s="1" t="s">
        <v>100</v>
      </c>
      <c r="D31799" s="1" t="s">
        <v>110931</v>
      </c>
      <c r="E31799" s="1" t="s">
        <v>110932</v>
      </c>
      <c r="F31799" s="1" t="s">
        <v>110933</v>
      </c>
      <c r="G31799" s="1" t="s">
        <v>110882</v>
      </c>
      <c r="H31799" s="1" t="s">
        <v>110883</v>
      </c>
      <c r="I31799" s="1" t="s">
        <v>109553</v>
      </c>
      <c r="J31799" s="1" t="s">
        <v>110934</v>
      </c>
    </row>
    <row r="31800" spans="1:10" x14ac:dyDescent="0.35">
      <c r="A31800" s="1" t="s">
        <v>110879</v>
      </c>
      <c r="B31800" s="1" t="s">
        <v>109548</v>
      </c>
      <c r="C31800" s="1" t="s">
        <v>105</v>
      </c>
      <c r="D31800" s="1" t="s">
        <v>37871</v>
      </c>
      <c r="E31800" s="1" t="s">
        <v>110935</v>
      </c>
      <c r="F31800" s="1" t="s">
        <v>110936</v>
      </c>
      <c r="G31800" s="1" t="s">
        <v>110882</v>
      </c>
      <c r="H31800" s="1" t="s">
        <v>110883</v>
      </c>
      <c r="I31800" s="1" t="s">
        <v>109553</v>
      </c>
      <c r="J31800" s="1" t="s">
        <v>110937</v>
      </c>
    </row>
    <row r="31801" spans="1:10" x14ac:dyDescent="0.35">
      <c r="A31801" s="1" t="s">
        <v>110879</v>
      </c>
      <c r="B31801" s="1" t="s">
        <v>109548</v>
      </c>
      <c r="C31801" s="1" t="s">
        <v>110</v>
      </c>
      <c r="D31801" s="1" t="s">
        <v>110938</v>
      </c>
      <c r="E31801" s="1" t="s">
        <v>13680</v>
      </c>
      <c r="F31801" s="1" t="s">
        <v>110939</v>
      </c>
      <c r="G31801" s="1" t="s">
        <v>110882</v>
      </c>
      <c r="H31801" s="1" t="s">
        <v>110883</v>
      </c>
      <c r="I31801" s="1" t="s">
        <v>109553</v>
      </c>
      <c r="J31801" s="1" t="s">
        <v>110940</v>
      </c>
    </row>
    <row r="31802" spans="1:10" x14ac:dyDescent="0.35">
      <c r="A31802" s="1" t="s">
        <v>110879</v>
      </c>
      <c r="B31802" s="1" t="s">
        <v>109548</v>
      </c>
      <c r="C31802" s="1" t="s">
        <v>115</v>
      </c>
      <c r="D31802" s="1" t="s">
        <v>5344</v>
      </c>
      <c r="E31802" s="1" t="s">
        <v>110941</v>
      </c>
      <c r="F31802" s="1" t="s">
        <v>110942</v>
      </c>
      <c r="G31802" s="1" t="s">
        <v>110882</v>
      </c>
      <c r="H31802" s="1" t="s">
        <v>110883</v>
      </c>
      <c r="I31802" s="1" t="s">
        <v>109553</v>
      </c>
      <c r="J31802" s="1" t="s">
        <v>110943</v>
      </c>
    </row>
    <row r="31803" spans="1:10" x14ac:dyDescent="0.35">
      <c r="A31803" s="1" t="s">
        <v>110879</v>
      </c>
      <c r="B31803" s="1" t="s">
        <v>109548</v>
      </c>
      <c r="C31803" s="1" t="s">
        <v>120</v>
      </c>
      <c r="D31803" s="1" t="s">
        <v>7171</v>
      </c>
      <c r="E31803" s="1" t="s">
        <v>12743</v>
      </c>
      <c r="F31803" s="1" t="s">
        <v>110944</v>
      </c>
      <c r="G31803" s="1" t="s">
        <v>110882</v>
      </c>
      <c r="H31803" s="1" t="s">
        <v>110883</v>
      </c>
      <c r="I31803" s="1" t="s">
        <v>109553</v>
      </c>
      <c r="J31803" s="1" t="s">
        <v>110945</v>
      </c>
    </row>
    <row r="31804" spans="1:10" x14ac:dyDescent="0.35">
      <c r="A31804" s="1" t="s">
        <v>110879</v>
      </c>
      <c r="B31804" s="1" t="s">
        <v>109548</v>
      </c>
      <c r="C31804" s="1" t="s">
        <v>125</v>
      </c>
      <c r="D31804" s="1" t="s">
        <v>73458</v>
      </c>
      <c r="E31804" s="1" t="s">
        <v>27477</v>
      </c>
      <c r="F31804" s="1" t="s">
        <v>110946</v>
      </c>
      <c r="G31804" s="1" t="s">
        <v>110882</v>
      </c>
      <c r="H31804" s="1" t="s">
        <v>110883</v>
      </c>
      <c r="I31804" s="1" t="s">
        <v>109553</v>
      </c>
      <c r="J31804" s="1" t="s">
        <v>110947</v>
      </c>
    </row>
    <row r="31805" spans="1:10" x14ac:dyDescent="0.35">
      <c r="A31805" s="1" t="s">
        <v>110879</v>
      </c>
      <c r="B31805" s="1" t="s">
        <v>109548</v>
      </c>
      <c r="C31805" s="1" t="s">
        <v>130</v>
      </c>
      <c r="D31805" s="1" t="s">
        <v>110948</v>
      </c>
      <c r="E31805" s="1" t="s">
        <v>27514</v>
      </c>
      <c r="F31805" s="1" t="s">
        <v>110949</v>
      </c>
      <c r="G31805" s="1" t="s">
        <v>110882</v>
      </c>
      <c r="H31805" s="1" t="s">
        <v>110883</v>
      </c>
      <c r="I31805" s="1" t="s">
        <v>109553</v>
      </c>
      <c r="J31805" s="1" t="s">
        <v>110950</v>
      </c>
    </row>
    <row r="31806" spans="1:10" x14ac:dyDescent="0.35">
      <c r="A31806" s="1" t="s">
        <v>110879</v>
      </c>
      <c r="B31806" s="1" t="s">
        <v>109548</v>
      </c>
      <c r="C31806" s="1" t="s">
        <v>135</v>
      </c>
      <c r="D31806" s="1" t="s">
        <v>110951</v>
      </c>
      <c r="E31806" s="1" t="s">
        <v>110952</v>
      </c>
      <c r="F31806" s="1" t="s">
        <v>110953</v>
      </c>
      <c r="G31806" s="1" t="s">
        <v>110882</v>
      </c>
      <c r="H31806" s="1" t="s">
        <v>110883</v>
      </c>
      <c r="I31806" s="1" t="s">
        <v>109553</v>
      </c>
      <c r="J31806" s="1" t="s">
        <v>110954</v>
      </c>
    </row>
    <row r="31807" spans="1:10" x14ac:dyDescent="0.35">
      <c r="A31807" s="1" t="s">
        <v>110879</v>
      </c>
      <c r="B31807" s="1" t="s">
        <v>109548</v>
      </c>
      <c r="C31807" s="1" t="s">
        <v>140</v>
      </c>
      <c r="D31807" s="1" t="s">
        <v>71194</v>
      </c>
      <c r="E31807" s="1" t="s">
        <v>110955</v>
      </c>
      <c r="F31807" s="1" t="s">
        <v>110956</v>
      </c>
      <c r="G31807" s="1" t="s">
        <v>110882</v>
      </c>
      <c r="H31807" s="1" t="s">
        <v>110883</v>
      </c>
      <c r="I31807" s="1" t="s">
        <v>109553</v>
      </c>
      <c r="J31807" s="1" t="s">
        <v>110957</v>
      </c>
    </row>
    <row r="31808" spans="1:10" x14ac:dyDescent="0.35">
      <c r="A31808" s="1" t="s">
        <v>110879</v>
      </c>
      <c r="B31808" s="1" t="s">
        <v>109548</v>
      </c>
      <c r="C31808" s="1" t="s">
        <v>145</v>
      </c>
      <c r="D31808" s="1" t="s">
        <v>110958</v>
      </c>
      <c r="E31808" s="1" t="s">
        <v>27508</v>
      </c>
      <c r="F31808" s="1" t="s">
        <v>110959</v>
      </c>
      <c r="G31808" s="1" t="s">
        <v>110882</v>
      </c>
      <c r="H31808" s="1" t="s">
        <v>110883</v>
      </c>
      <c r="I31808" s="1" t="s">
        <v>109553</v>
      </c>
      <c r="J31808" s="1" t="s">
        <v>110960</v>
      </c>
    </row>
    <row r="31809" spans="1:10" x14ac:dyDescent="0.35">
      <c r="A31809" s="1" t="s">
        <v>110879</v>
      </c>
      <c r="B31809" s="1" t="s">
        <v>109548</v>
      </c>
      <c r="C31809" s="1" t="s">
        <v>150</v>
      </c>
      <c r="D31809" s="1" t="s">
        <v>110961</v>
      </c>
      <c r="E31809" s="1" t="s">
        <v>13648</v>
      </c>
      <c r="F31809" s="1" t="s">
        <v>110962</v>
      </c>
      <c r="G31809" s="1" t="s">
        <v>110882</v>
      </c>
      <c r="H31809" s="1" t="s">
        <v>110883</v>
      </c>
      <c r="I31809" s="1" t="s">
        <v>109553</v>
      </c>
      <c r="J31809" s="1" t="s">
        <v>110963</v>
      </c>
    </row>
    <row r="31810" spans="1:10" x14ac:dyDescent="0.35">
      <c r="A31810" s="1" t="s">
        <v>110879</v>
      </c>
      <c r="B31810" s="1" t="s">
        <v>109548</v>
      </c>
      <c r="C31810" s="1" t="s">
        <v>155</v>
      </c>
      <c r="D31810" s="1" t="s">
        <v>5409</v>
      </c>
      <c r="E31810" s="1" t="s">
        <v>110964</v>
      </c>
      <c r="F31810" s="1" t="s">
        <v>110965</v>
      </c>
      <c r="G31810" s="1" t="s">
        <v>110882</v>
      </c>
      <c r="H31810" s="1" t="s">
        <v>110883</v>
      </c>
      <c r="I31810" s="1" t="s">
        <v>109553</v>
      </c>
      <c r="J31810" s="1" t="s">
        <v>110966</v>
      </c>
    </row>
    <row r="31811" spans="1:10" x14ac:dyDescent="0.35">
      <c r="A31811" s="1" t="s">
        <v>110879</v>
      </c>
      <c r="B31811" s="1" t="s">
        <v>109548</v>
      </c>
      <c r="C31811" s="1" t="s">
        <v>160</v>
      </c>
      <c r="D31811" s="1" t="s">
        <v>110967</v>
      </c>
      <c r="E31811" s="1" t="s">
        <v>110955</v>
      </c>
      <c r="F31811" s="1" t="s">
        <v>110968</v>
      </c>
      <c r="G31811" s="1" t="s">
        <v>110882</v>
      </c>
      <c r="H31811" s="1" t="s">
        <v>110883</v>
      </c>
      <c r="I31811" s="1" t="s">
        <v>109553</v>
      </c>
      <c r="J31811" s="1" t="s">
        <v>110969</v>
      </c>
    </row>
    <row r="31812" spans="1:10" x14ac:dyDescent="0.35">
      <c r="A31812" s="1" t="s">
        <v>110879</v>
      </c>
      <c r="B31812" s="1" t="s">
        <v>109548</v>
      </c>
      <c r="C31812" s="1" t="s">
        <v>165</v>
      </c>
      <c r="D31812" s="1" t="s">
        <v>24843</v>
      </c>
      <c r="E31812" s="1" t="s">
        <v>110970</v>
      </c>
      <c r="F31812" s="1" t="s">
        <v>110971</v>
      </c>
      <c r="G31812" s="1" t="s">
        <v>110882</v>
      </c>
      <c r="H31812" s="1" t="s">
        <v>110883</v>
      </c>
      <c r="I31812" s="1" t="s">
        <v>109553</v>
      </c>
      <c r="J31812" s="1" t="s">
        <v>110972</v>
      </c>
    </row>
    <row r="31813" spans="1:10" x14ac:dyDescent="0.35">
      <c r="A31813" s="1" t="s">
        <v>110879</v>
      </c>
      <c r="B31813" s="1" t="s">
        <v>109548</v>
      </c>
      <c r="C31813" s="1" t="s">
        <v>170</v>
      </c>
      <c r="D31813" s="1" t="s">
        <v>110973</v>
      </c>
      <c r="E31813" s="1" t="s">
        <v>110974</v>
      </c>
      <c r="F31813" s="1" t="s">
        <v>110975</v>
      </c>
      <c r="G31813" s="1" t="s">
        <v>110882</v>
      </c>
      <c r="H31813" s="1" t="s">
        <v>110883</v>
      </c>
      <c r="I31813" s="1" t="s">
        <v>109553</v>
      </c>
      <c r="J31813" s="1" t="s">
        <v>110976</v>
      </c>
    </row>
    <row r="31814" spans="1:10" x14ac:dyDescent="0.35">
      <c r="A31814" s="1" t="s">
        <v>110977</v>
      </c>
      <c r="B31814" s="1" t="s">
        <v>109548</v>
      </c>
      <c r="C31814" s="1" t="s">
        <v>8</v>
      </c>
      <c r="D31814" s="1" t="s">
        <v>1885</v>
      </c>
      <c r="E31814" s="1" t="s">
        <v>110978</v>
      </c>
      <c r="F31814" s="1" t="s">
        <v>110979</v>
      </c>
      <c r="G31814" s="1" t="s">
        <v>110980</v>
      </c>
      <c r="H31814" s="1" t="s">
        <v>110981</v>
      </c>
      <c r="I31814" s="1" t="s">
        <v>109553</v>
      </c>
      <c r="J31814" s="1" t="s">
        <v>13</v>
      </c>
    </row>
    <row r="31815" spans="1:10" x14ac:dyDescent="0.35">
      <c r="A31815" s="1" t="s">
        <v>110977</v>
      </c>
      <c r="B31815" s="1" t="s">
        <v>109548</v>
      </c>
      <c r="C31815" s="1" t="s">
        <v>15</v>
      </c>
      <c r="D31815" s="1" t="s">
        <v>1280</v>
      </c>
      <c r="E31815" s="1" t="s">
        <v>16208</v>
      </c>
      <c r="F31815" s="1" t="s">
        <v>110982</v>
      </c>
      <c r="G31815" s="1" t="s">
        <v>110980</v>
      </c>
      <c r="H31815" s="1" t="s">
        <v>110981</v>
      </c>
      <c r="I31815" s="1" t="s">
        <v>109553</v>
      </c>
      <c r="J31815" s="1" t="s">
        <v>110983</v>
      </c>
    </row>
    <row r="31816" spans="1:10" x14ac:dyDescent="0.35">
      <c r="A31816" s="1" t="s">
        <v>110977</v>
      </c>
      <c r="B31816" s="1" t="s">
        <v>109548</v>
      </c>
      <c r="C31816" s="1" t="s">
        <v>20</v>
      </c>
      <c r="D31816" s="1" t="s">
        <v>1870</v>
      </c>
      <c r="E31816" s="1" t="s">
        <v>110984</v>
      </c>
      <c r="F31816" s="1" t="s">
        <v>110985</v>
      </c>
      <c r="G31816" s="1" t="s">
        <v>110980</v>
      </c>
      <c r="H31816" s="1" t="s">
        <v>110981</v>
      </c>
      <c r="I31816" s="1" t="s">
        <v>109553</v>
      </c>
      <c r="J31816" s="1" t="s">
        <v>110986</v>
      </c>
    </row>
    <row r="31817" spans="1:10" x14ac:dyDescent="0.35">
      <c r="A31817" s="1" t="s">
        <v>110977</v>
      </c>
      <c r="B31817" s="1" t="s">
        <v>109548</v>
      </c>
      <c r="C31817" s="1" t="s">
        <v>25</v>
      </c>
      <c r="D31817" s="1" t="s">
        <v>69013</v>
      </c>
      <c r="E31817" s="1" t="s">
        <v>110987</v>
      </c>
      <c r="F31817" s="1" t="s">
        <v>110988</v>
      </c>
      <c r="G31817" s="1" t="s">
        <v>110980</v>
      </c>
      <c r="H31817" s="1" t="s">
        <v>110981</v>
      </c>
      <c r="I31817" s="1" t="s">
        <v>109553</v>
      </c>
      <c r="J31817" s="1" t="s">
        <v>110989</v>
      </c>
    </row>
    <row r="31818" spans="1:10" x14ac:dyDescent="0.35">
      <c r="A31818" s="1" t="s">
        <v>110977</v>
      </c>
      <c r="B31818" s="1" t="s">
        <v>109548</v>
      </c>
      <c r="C31818" s="1" t="s">
        <v>30</v>
      </c>
      <c r="D31818" s="1" t="s">
        <v>69526</v>
      </c>
      <c r="E31818" s="1" t="s">
        <v>107351</v>
      </c>
      <c r="F31818" s="1" t="s">
        <v>110990</v>
      </c>
      <c r="G31818" s="1" t="s">
        <v>110980</v>
      </c>
      <c r="H31818" s="1" t="s">
        <v>110981</v>
      </c>
      <c r="I31818" s="1" t="s">
        <v>109553</v>
      </c>
      <c r="J31818" s="1" t="s">
        <v>110991</v>
      </c>
    </row>
    <row r="31819" spans="1:10" x14ac:dyDescent="0.35">
      <c r="A31819" s="1" t="s">
        <v>110977</v>
      </c>
      <c r="B31819" s="1" t="s">
        <v>109548</v>
      </c>
      <c r="C31819" s="1" t="s">
        <v>35</v>
      </c>
      <c r="D31819" s="1" t="s">
        <v>1930</v>
      </c>
      <c r="E31819" s="1" t="s">
        <v>110992</v>
      </c>
      <c r="F31819" s="1" t="s">
        <v>110993</v>
      </c>
      <c r="G31819" s="1" t="s">
        <v>110980</v>
      </c>
      <c r="H31819" s="1" t="s">
        <v>110981</v>
      </c>
      <c r="I31819" s="1" t="s">
        <v>109553</v>
      </c>
      <c r="J31819" s="1" t="s">
        <v>110994</v>
      </c>
    </row>
    <row r="31820" spans="1:10" x14ac:dyDescent="0.35">
      <c r="A31820" s="1" t="s">
        <v>110977</v>
      </c>
      <c r="B31820" s="1" t="s">
        <v>109548</v>
      </c>
      <c r="C31820" s="1" t="s">
        <v>40</v>
      </c>
      <c r="D31820" s="1" t="s">
        <v>110995</v>
      </c>
      <c r="E31820" s="1" t="s">
        <v>110996</v>
      </c>
      <c r="F31820" s="1" t="s">
        <v>70996</v>
      </c>
      <c r="G31820" s="1" t="s">
        <v>110980</v>
      </c>
      <c r="H31820" s="1" t="s">
        <v>110981</v>
      </c>
      <c r="I31820" s="1" t="s">
        <v>109553</v>
      </c>
      <c r="J31820" s="1" t="s">
        <v>110997</v>
      </c>
    </row>
    <row r="31821" spans="1:10" x14ac:dyDescent="0.35">
      <c r="A31821" s="1" t="s">
        <v>110977</v>
      </c>
      <c r="B31821" s="1" t="s">
        <v>109548</v>
      </c>
      <c r="C31821" s="1" t="s">
        <v>45</v>
      </c>
      <c r="D31821" s="1" t="s">
        <v>12016</v>
      </c>
      <c r="E31821" s="1" t="s">
        <v>110998</v>
      </c>
      <c r="F31821" s="1" t="s">
        <v>62067</v>
      </c>
      <c r="G31821" s="1" t="s">
        <v>110980</v>
      </c>
      <c r="H31821" s="1" t="s">
        <v>110981</v>
      </c>
      <c r="I31821" s="1" t="s">
        <v>109553</v>
      </c>
      <c r="J31821" s="1" t="s">
        <v>110999</v>
      </c>
    </row>
    <row r="31822" spans="1:10" x14ac:dyDescent="0.35">
      <c r="A31822" s="1" t="s">
        <v>110977</v>
      </c>
      <c r="B31822" s="1" t="s">
        <v>109548</v>
      </c>
      <c r="C31822" s="1" t="s">
        <v>50</v>
      </c>
      <c r="D31822" s="1" t="s">
        <v>1946</v>
      </c>
      <c r="E31822" s="1" t="s">
        <v>111000</v>
      </c>
      <c r="F31822" s="1" t="s">
        <v>111001</v>
      </c>
      <c r="G31822" s="1" t="s">
        <v>110980</v>
      </c>
      <c r="H31822" s="1" t="s">
        <v>110981</v>
      </c>
      <c r="I31822" s="1" t="s">
        <v>109553</v>
      </c>
      <c r="J31822" s="1" t="s">
        <v>111002</v>
      </c>
    </row>
    <row r="31823" spans="1:10" x14ac:dyDescent="0.35">
      <c r="A31823" s="1" t="s">
        <v>110977</v>
      </c>
      <c r="B31823" s="1" t="s">
        <v>109548</v>
      </c>
      <c r="C31823" s="1" t="s">
        <v>55</v>
      </c>
      <c r="D31823" s="1" t="s">
        <v>13203</v>
      </c>
      <c r="E31823" s="1" t="s">
        <v>111003</v>
      </c>
      <c r="F31823" s="1" t="s">
        <v>111004</v>
      </c>
      <c r="G31823" s="1" t="s">
        <v>110980</v>
      </c>
      <c r="H31823" s="1" t="s">
        <v>110981</v>
      </c>
      <c r="I31823" s="1" t="s">
        <v>109553</v>
      </c>
      <c r="J31823" s="1" t="s">
        <v>111005</v>
      </c>
    </row>
    <row r="31824" spans="1:10" x14ac:dyDescent="0.35">
      <c r="A31824" s="1" t="s">
        <v>110977</v>
      </c>
      <c r="B31824" s="1" t="s">
        <v>109548</v>
      </c>
      <c r="C31824" s="1" t="s">
        <v>60</v>
      </c>
      <c r="D31824" s="1" t="s">
        <v>1193</v>
      </c>
      <c r="E31824" s="1" t="s">
        <v>111006</v>
      </c>
      <c r="F31824" s="1" t="s">
        <v>111007</v>
      </c>
      <c r="G31824" s="1" t="s">
        <v>110980</v>
      </c>
      <c r="H31824" s="1" t="s">
        <v>110981</v>
      </c>
      <c r="I31824" s="1" t="s">
        <v>109553</v>
      </c>
      <c r="J31824" s="1" t="s">
        <v>111008</v>
      </c>
    </row>
    <row r="31825" spans="1:10" x14ac:dyDescent="0.35">
      <c r="A31825" s="1" t="s">
        <v>110977</v>
      </c>
      <c r="B31825" s="1" t="s">
        <v>109548</v>
      </c>
      <c r="C31825" s="1" t="s">
        <v>65</v>
      </c>
      <c r="D31825" s="1" t="s">
        <v>30</v>
      </c>
      <c r="E31825" s="1" t="s">
        <v>111009</v>
      </c>
      <c r="F31825" s="1" t="s">
        <v>111010</v>
      </c>
      <c r="G31825" s="1" t="s">
        <v>110980</v>
      </c>
      <c r="H31825" s="1" t="s">
        <v>110981</v>
      </c>
      <c r="I31825" s="1" t="s">
        <v>109553</v>
      </c>
      <c r="J31825" s="1" t="s">
        <v>111011</v>
      </c>
    </row>
    <row r="31826" spans="1:10" x14ac:dyDescent="0.35">
      <c r="A31826" s="1" t="s">
        <v>110977</v>
      </c>
      <c r="B31826" s="1" t="s">
        <v>109548</v>
      </c>
      <c r="C31826" s="1" t="s">
        <v>70</v>
      </c>
      <c r="D31826" s="1" t="s">
        <v>111012</v>
      </c>
      <c r="E31826" s="1" t="s">
        <v>111013</v>
      </c>
      <c r="F31826" s="1" t="s">
        <v>111014</v>
      </c>
      <c r="G31826" s="1" t="s">
        <v>110980</v>
      </c>
      <c r="H31826" s="1" t="s">
        <v>110981</v>
      </c>
      <c r="I31826" s="1" t="s">
        <v>109553</v>
      </c>
      <c r="J31826" s="1" t="s">
        <v>111015</v>
      </c>
    </row>
    <row r="31827" spans="1:10" x14ac:dyDescent="0.35">
      <c r="A31827" s="1" t="s">
        <v>110977</v>
      </c>
      <c r="B31827" s="1" t="s">
        <v>109548</v>
      </c>
      <c r="C31827" s="1" t="s">
        <v>75</v>
      </c>
      <c r="D31827" s="1" t="s">
        <v>111016</v>
      </c>
      <c r="E31827" s="1" t="s">
        <v>111017</v>
      </c>
      <c r="F31827" s="1" t="s">
        <v>111018</v>
      </c>
      <c r="G31827" s="1" t="s">
        <v>110980</v>
      </c>
      <c r="H31827" s="1" t="s">
        <v>110981</v>
      </c>
      <c r="I31827" s="1" t="s">
        <v>109553</v>
      </c>
      <c r="J31827" s="1" t="s">
        <v>111019</v>
      </c>
    </row>
    <row r="31828" spans="1:10" x14ac:dyDescent="0.35">
      <c r="A31828" s="1" t="s">
        <v>110977</v>
      </c>
      <c r="B31828" s="1" t="s">
        <v>109548</v>
      </c>
      <c r="C31828" s="1" t="s">
        <v>80</v>
      </c>
      <c r="D31828" s="1" t="s">
        <v>111020</v>
      </c>
      <c r="E31828" s="1" t="s">
        <v>106173</v>
      </c>
      <c r="F31828" s="1" t="s">
        <v>57195</v>
      </c>
      <c r="G31828" s="1" t="s">
        <v>110980</v>
      </c>
      <c r="H31828" s="1" t="s">
        <v>110981</v>
      </c>
      <c r="I31828" s="1" t="s">
        <v>109553</v>
      </c>
      <c r="J31828" s="1" t="s">
        <v>111021</v>
      </c>
    </row>
    <row r="31829" spans="1:10" x14ac:dyDescent="0.35">
      <c r="A31829" s="1" t="s">
        <v>110977</v>
      </c>
      <c r="B31829" s="1" t="s">
        <v>109548</v>
      </c>
      <c r="C31829" s="1" t="s">
        <v>85</v>
      </c>
      <c r="D31829" s="1" t="s">
        <v>29327</v>
      </c>
      <c r="E31829" s="1" t="s">
        <v>81120</v>
      </c>
      <c r="F31829" s="1" t="s">
        <v>808</v>
      </c>
      <c r="G31829" s="1" t="s">
        <v>110980</v>
      </c>
      <c r="H31829" s="1" t="s">
        <v>110981</v>
      </c>
      <c r="I31829" s="1" t="s">
        <v>109553</v>
      </c>
      <c r="J31829" s="1" t="s">
        <v>111022</v>
      </c>
    </row>
    <row r="31830" spans="1:10" x14ac:dyDescent="0.35">
      <c r="A31830" s="1" t="s">
        <v>110977</v>
      </c>
      <c r="B31830" s="1" t="s">
        <v>109548</v>
      </c>
      <c r="C31830" s="1" t="s">
        <v>90</v>
      </c>
      <c r="D31830" s="1" t="s">
        <v>320</v>
      </c>
      <c r="E31830" s="1" t="s">
        <v>106154</v>
      </c>
      <c r="F31830" s="1" t="s">
        <v>111023</v>
      </c>
      <c r="G31830" s="1" t="s">
        <v>110980</v>
      </c>
      <c r="H31830" s="1" t="s">
        <v>110981</v>
      </c>
      <c r="I31830" s="1" t="s">
        <v>109553</v>
      </c>
      <c r="J31830" s="1" t="s">
        <v>111024</v>
      </c>
    </row>
    <row r="31831" spans="1:10" x14ac:dyDescent="0.35">
      <c r="A31831" s="1" t="s">
        <v>110977</v>
      </c>
      <c r="B31831" s="1" t="s">
        <v>109548</v>
      </c>
      <c r="C31831" s="1" t="s">
        <v>95</v>
      </c>
      <c r="D31831" s="1" t="s">
        <v>29585</v>
      </c>
      <c r="E31831" s="1" t="s">
        <v>105308</v>
      </c>
      <c r="F31831" s="1" t="s">
        <v>103690</v>
      </c>
      <c r="G31831" s="1" t="s">
        <v>110980</v>
      </c>
      <c r="H31831" s="1" t="s">
        <v>110981</v>
      </c>
      <c r="I31831" s="1" t="s">
        <v>109553</v>
      </c>
      <c r="J31831" s="1" t="s">
        <v>111025</v>
      </c>
    </row>
    <row r="31832" spans="1:10" x14ac:dyDescent="0.35">
      <c r="A31832" s="1" t="s">
        <v>110977</v>
      </c>
      <c r="B31832" s="1" t="s">
        <v>109548</v>
      </c>
      <c r="C31832" s="1" t="s">
        <v>100</v>
      </c>
      <c r="D31832" s="1" t="s">
        <v>109739</v>
      </c>
      <c r="E31832" s="1" t="s">
        <v>108761</v>
      </c>
      <c r="F31832" s="1" t="s">
        <v>21780</v>
      </c>
      <c r="G31832" s="1" t="s">
        <v>110980</v>
      </c>
      <c r="H31832" s="1" t="s">
        <v>110981</v>
      </c>
      <c r="I31832" s="1" t="s">
        <v>109553</v>
      </c>
      <c r="J31832" s="1" t="s">
        <v>111026</v>
      </c>
    </row>
    <row r="31833" spans="1:10" x14ac:dyDescent="0.35">
      <c r="A31833" s="1" t="s">
        <v>110977</v>
      </c>
      <c r="B31833" s="1" t="s">
        <v>109548</v>
      </c>
      <c r="C31833" s="1" t="s">
        <v>105</v>
      </c>
      <c r="D31833" s="1" t="s">
        <v>29589</v>
      </c>
      <c r="E31833" s="1" t="s">
        <v>81120</v>
      </c>
      <c r="F31833" s="1" t="s">
        <v>111027</v>
      </c>
      <c r="G31833" s="1" t="s">
        <v>110980</v>
      </c>
      <c r="H31833" s="1" t="s">
        <v>110981</v>
      </c>
      <c r="I31833" s="1" t="s">
        <v>109553</v>
      </c>
      <c r="J31833" s="1" t="s">
        <v>111028</v>
      </c>
    </row>
    <row r="31834" spans="1:10" x14ac:dyDescent="0.35">
      <c r="A31834" s="1" t="s">
        <v>110977</v>
      </c>
      <c r="B31834" s="1" t="s">
        <v>109548</v>
      </c>
      <c r="C31834" s="1" t="s">
        <v>110</v>
      </c>
      <c r="D31834" s="1" t="s">
        <v>2615</v>
      </c>
      <c r="E31834" s="1" t="s">
        <v>111029</v>
      </c>
      <c r="F31834" s="1" t="s">
        <v>111030</v>
      </c>
      <c r="G31834" s="1" t="s">
        <v>110980</v>
      </c>
      <c r="H31834" s="1" t="s">
        <v>110981</v>
      </c>
      <c r="I31834" s="1" t="s">
        <v>109553</v>
      </c>
      <c r="J31834" s="1" t="s">
        <v>23474</v>
      </c>
    </row>
    <row r="31835" spans="1:10" x14ac:dyDescent="0.35">
      <c r="A31835" s="1" t="s">
        <v>110977</v>
      </c>
      <c r="B31835" s="1" t="s">
        <v>109548</v>
      </c>
      <c r="C31835" s="1" t="s">
        <v>115</v>
      </c>
      <c r="D31835" s="1" t="s">
        <v>111031</v>
      </c>
      <c r="E31835" s="1" t="s">
        <v>16294</v>
      </c>
      <c r="F31835" s="1" t="s">
        <v>111032</v>
      </c>
      <c r="G31835" s="1" t="s">
        <v>110980</v>
      </c>
      <c r="H31835" s="1" t="s">
        <v>110981</v>
      </c>
      <c r="I31835" s="1" t="s">
        <v>109553</v>
      </c>
      <c r="J31835" s="1" t="s">
        <v>111033</v>
      </c>
    </row>
    <row r="31836" spans="1:10" x14ac:dyDescent="0.35">
      <c r="A31836" s="1" t="s">
        <v>110977</v>
      </c>
      <c r="B31836" s="1" t="s">
        <v>109548</v>
      </c>
      <c r="C31836" s="1" t="s">
        <v>120</v>
      </c>
      <c r="D31836" s="1" t="s">
        <v>105071</v>
      </c>
      <c r="E31836" s="1" t="s">
        <v>111034</v>
      </c>
      <c r="F31836" s="1" t="s">
        <v>111035</v>
      </c>
      <c r="G31836" s="1" t="s">
        <v>110980</v>
      </c>
      <c r="H31836" s="1" t="s">
        <v>110981</v>
      </c>
      <c r="I31836" s="1" t="s">
        <v>109553</v>
      </c>
      <c r="J31836" s="1" t="s">
        <v>111036</v>
      </c>
    </row>
    <row r="31837" spans="1:10" x14ac:dyDescent="0.35">
      <c r="A31837" s="1" t="s">
        <v>110977</v>
      </c>
      <c r="B31837" s="1" t="s">
        <v>109548</v>
      </c>
      <c r="C31837" s="1" t="s">
        <v>125</v>
      </c>
      <c r="D31837" s="1" t="s">
        <v>2406</v>
      </c>
      <c r="E31837" s="1" t="s">
        <v>111037</v>
      </c>
      <c r="F31837" s="1" t="s">
        <v>103058</v>
      </c>
      <c r="G31837" s="1" t="s">
        <v>110980</v>
      </c>
      <c r="H31837" s="1" t="s">
        <v>110981</v>
      </c>
      <c r="I31837" s="1" t="s">
        <v>109553</v>
      </c>
      <c r="J31837" s="1" t="s">
        <v>111038</v>
      </c>
    </row>
    <row r="31838" spans="1:10" x14ac:dyDescent="0.35">
      <c r="A31838" s="1" t="s">
        <v>110977</v>
      </c>
      <c r="B31838" s="1" t="s">
        <v>109548</v>
      </c>
      <c r="C31838" s="1" t="s">
        <v>130</v>
      </c>
      <c r="D31838" s="1" t="s">
        <v>111039</v>
      </c>
      <c r="E31838" s="1" t="s">
        <v>81120</v>
      </c>
      <c r="F31838" s="1" t="s">
        <v>111040</v>
      </c>
      <c r="G31838" s="1" t="s">
        <v>110980</v>
      </c>
      <c r="H31838" s="1" t="s">
        <v>110981</v>
      </c>
      <c r="I31838" s="1" t="s">
        <v>109553</v>
      </c>
      <c r="J31838" s="1" t="s">
        <v>111041</v>
      </c>
    </row>
    <row r="31839" spans="1:10" x14ac:dyDescent="0.35">
      <c r="A31839" s="1" t="s">
        <v>110977</v>
      </c>
      <c r="B31839" s="1" t="s">
        <v>109548</v>
      </c>
      <c r="C31839" s="1" t="s">
        <v>135</v>
      </c>
      <c r="D31839" s="1" t="s">
        <v>111042</v>
      </c>
      <c r="E31839" s="1" t="s">
        <v>81190</v>
      </c>
      <c r="F31839" s="1" t="s">
        <v>111043</v>
      </c>
      <c r="G31839" s="1" t="s">
        <v>110980</v>
      </c>
      <c r="H31839" s="1" t="s">
        <v>110981</v>
      </c>
      <c r="I31839" s="1" t="s">
        <v>109553</v>
      </c>
      <c r="J31839" s="1" t="s">
        <v>105831</v>
      </c>
    </row>
    <row r="31840" spans="1:10" x14ac:dyDescent="0.35">
      <c r="A31840" s="1" t="s">
        <v>110977</v>
      </c>
      <c r="B31840" s="1" t="s">
        <v>109548</v>
      </c>
      <c r="C31840" s="1" t="s">
        <v>140</v>
      </c>
      <c r="D31840" s="1" t="s">
        <v>1600</v>
      </c>
      <c r="E31840" s="1" t="s">
        <v>49816</v>
      </c>
      <c r="F31840" s="1" t="s">
        <v>111044</v>
      </c>
      <c r="G31840" s="1" t="s">
        <v>110980</v>
      </c>
      <c r="H31840" s="1" t="s">
        <v>110981</v>
      </c>
      <c r="I31840" s="1" t="s">
        <v>109553</v>
      </c>
      <c r="J31840" s="1" t="s">
        <v>111045</v>
      </c>
    </row>
    <row r="31841" spans="1:10" x14ac:dyDescent="0.35">
      <c r="A31841" s="1" t="s">
        <v>110977</v>
      </c>
      <c r="B31841" s="1" t="s">
        <v>109548</v>
      </c>
      <c r="C31841" s="1" t="s">
        <v>145</v>
      </c>
      <c r="D31841" s="1" t="s">
        <v>111046</v>
      </c>
      <c r="E31841" s="1" t="s">
        <v>111047</v>
      </c>
      <c r="F31841" s="1" t="s">
        <v>111048</v>
      </c>
      <c r="G31841" s="1" t="s">
        <v>110980</v>
      </c>
      <c r="H31841" s="1" t="s">
        <v>110981</v>
      </c>
      <c r="I31841" s="1" t="s">
        <v>109553</v>
      </c>
      <c r="J31841" s="1" t="s">
        <v>111049</v>
      </c>
    </row>
    <row r="31842" spans="1:10" x14ac:dyDescent="0.35">
      <c r="A31842" s="1" t="s">
        <v>110977</v>
      </c>
      <c r="B31842" s="1" t="s">
        <v>109548</v>
      </c>
      <c r="C31842" s="1" t="s">
        <v>150</v>
      </c>
      <c r="D31842" s="1" t="s">
        <v>11775</v>
      </c>
      <c r="E31842" s="1" t="s">
        <v>105387</v>
      </c>
      <c r="F31842" s="1" t="s">
        <v>62600</v>
      </c>
      <c r="G31842" s="1" t="s">
        <v>110980</v>
      </c>
      <c r="H31842" s="1" t="s">
        <v>110981</v>
      </c>
      <c r="I31842" s="1" t="s">
        <v>109553</v>
      </c>
      <c r="J31842" s="1" t="s">
        <v>111050</v>
      </c>
    </row>
    <row r="31843" spans="1:10" x14ac:dyDescent="0.35">
      <c r="A31843" s="1" t="s">
        <v>110977</v>
      </c>
      <c r="B31843" s="1" t="s">
        <v>109548</v>
      </c>
      <c r="C31843" s="1" t="s">
        <v>155</v>
      </c>
      <c r="D31843" s="1" t="s">
        <v>111051</v>
      </c>
      <c r="E31843" s="1" t="s">
        <v>15563</v>
      </c>
      <c r="F31843" s="1" t="s">
        <v>111010</v>
      </c>
      <c r="G31843" s="1" t="s">
        <v>110980</v>
      </c>
      <c r="H31843" s="1" t="s">
        <v>110981</v>
      </c>
      <c r="I31843" s="1" t="s">
        <v>109553</v>
      </c>
      <c r="J31843" s="1" t="s">
        <v>111052</v>
      </c>
    </row>
    <row r="31844" spans="1:10" x14ac:dyDescent="0.35">
      <c r="A31844" s="1" t="s">
        <v>110977</v>
      </c>
      <c r="B31844" s="1" t="s">
        <v>109548</v>
      </c>
      <c r="C31844" s="1" t="s">
        <v>160</v>
      </c>
      <c r="D31844" s="1" t="s">
        <v>111053</v>
      </c>
      <c r="E31844" s="1" t="s">
        <v>106223</v>
      </c>
      <c r="F31844" s="1" t="s">
        <v>111054</v>
      </c>
      <c r="G31844" s="1" t="s">
        <v>110980</v>
      </c>
      <c r="H31844" s="1" t="s">
        <v>110981</v>
      </c>
      <c r="I31844" s="1" t="s">
        <v>109553</v>
      </c>
      <c r="J31844" s="1" t="s">
        <v>111055</v>
      </c>
    </row>
    <row r="31845" spans="1:10" x14ac:dyDescent="0.35">
      <c r="A31845" s="1" t="s">
        <v>110977</v>
      </c>
      <c r="B31845" s="1" t="s">
        <v>109548</v>
      </c>
      <c r="C31845" s="1" t="s">
        <v>165</v>
      </c>
      <c r="D31845" s="1" t="s">
        <v>25135</v>
      </c>
      <c r="E31845" s="1" t="s">
        <v>111056</v>
      </c>
      <c r="F31845" s="1" t="s">
        <v>21788</v>
      </c>
      <c r="G31845" s="1" t="s">
        <v>110980</v>
      </c>
      <c r="H31845" s="1" t="s">
        <v>110981</v>
      </c>
      <c r="I31845" s="1" t="s">
        <v>109553</v>
      </c>
      <c r="J31845" s="1" t="s">
        <v>111057</v>
      </c>
    </row>
    <row r="31846" spans="1:10" x14ac:dyDescent="0.35">
      <c r="A31846" s="1" t="s">
        <v>110977</v>
      </c>
      <c r="B31846" s="1" t="s">
        <v>109548</v>
      </c>
      <c r="C31846" s="1" t="s">
        <v>170</v>
      </c>
      <c r="D31846" s="1" t="s">
        <v>52004</v>
      </c>
      <c r="E31846" s="1" t="s">
        <v>15544</v>
      </c>
      <c r="F31846" s="1" t="s">
        <v>111058</v>
      </c>
      <c r="G31846" s="1" t="s">
        <v>110980</v>
      </c>
      <c r="H31846" s="1" t="s">
        <v>110981</v>
      </c>
      <c r="I31846" s="1" t="s">
        <v>109553</v>
      </c>
      <c r="J31846" s="1" t="s">
        <v>111059</v>
      </c>
    </row>
    <row r="31847" spans="1:10" x14ac:dyDescent="0.35">
      <c r="A31847" s="1" t="s">
        <v>45605</v>
      </c>
      <c r="B31847" s="1" t="s">
        <v>109548</v>
      </c>
      <c r="C31847" s="1" t="s">
        <v>8</v>
      </c>
      <c r="D31847" s="1" t="s">
        <v>27334</v>
      </c>
      <c r="E31847" s="1" t="s">
        <v>111060</v>
      </c>
      <c r="F31847" s="1" t="s">
        <v>111061</v>
      </c>
      <c r="G31847" s="1" t="s">
        <v>111062</v>
      </c>
      <c r="H31847" s="1" t="s">
        <v>111063</v>
      </c>
      <c r="I31847" s="1" t="s">
        <v>109553</v>
      </c>
      <c r="J31847" s="1" t="s">
        <v>13</v>
      </c>
    </row>
    <row r="31848" spans="1:10" x14ac:dyDescent="0.35">
      <c r="A31848" s="1" t="s">
        <v>45605</v>
      </c>
      <c r="B31848" s="1" t="s">
        <v>109548</v>
      </c>
      <c r="C31848" s="1" t="s">
        <v>15</v>
      </c>
      <c r="D31848" s="1" t="s">
        <v>14240</v>
      </c>
      <c r="E31848" s="1" t="s">
        <v>111064</v>
      </c>
      <c r="F31848" s="1" t="s">
        <v>111065</v>
      </c>
      <c r="G31848" s="1" t="s">
        <v>111062</v>
      </c>
      <c r="H31848" s="1" t="s">
        <v>111063</v>
      </c>
      <c r="I31848" s="1" t="s">
        <v>109553</v>
      </c>
      <c r="J31848" s="1" t="s">
        <v>28055</v>
      </c>
    </row>
    <row r="31849" spans="1:10" x14ac:dyDescent="0.35">
      <c r="A31849" s="1" t="s">
        <v>45605</v>
      </c>
      <c r="B31849" s="1" t="s">
        <v>109548</v>
      </c>
      <c r="C31849" s="1" t="s">
        <v>20</v>
      </c>
      <c r="D31849" s="1" t="s">
        <v>14968</v>
      </c>
      <c r="E31849" s="1" t="s">
        <v>111066</v>
      </c>
      <c r="F31849" s="1" t="s">
        <v>111067</v>
      </c>
      <c r="G31849" s="1" t="s">
        <v>111062</v>
      </c>
      <c r="H31849" s="1" t="s">
        <v>111063</v>
      </c>
      <c r="I31849" s="1" t="s">
        <v>109553</v>
      </c>
      <c r="J31849" s="1" t="s">
        <v>111068</v>
      </c>
    </row>
    <row r="31850" spans="1:10" x14ac:dyDescent="0.35">
      <c r="A31850" s="1" t="s">
        <v>45605</v>
      </c>
      <c r="B31850" s="1" t="s">
        <v>109548</v>
      </c>
      <c r="C31850" s="1" t="s">
        <v>25</v>
      </c>
      <c r="D31850" s="1" t="s">
        <v>29771</v>
      </c>
      <c r="E31850" s="1" t="s">
        <v>111069</v>
      </c>
      <c r="F31850" s="1" t="s">
        <v>111070</v>
      </c>
      <c r="G31850" s="1" t="s">
        <v>111062</v>
      </c>
      <c r="H31850" s="1" t="s">
        <v>111063</v>
      </c>
      <c r="I31850" s="1" t="s">
        <v>109553</v>
      </c>
      <c r="J31850" s="1" t="s">
        <v>111071</v>
      </c>
    </row>
    <row r="31851" spans="1:10" x14ac:dyDescent="0.35">
      <c r="A31851" s="1" t="s">
        <v>45605</v>
      </c>
      <c r="B31851" s="1" t="s">
        <v>109548</v>
      </c>
      <c r="C31851" s="1" t="s">
        <v>30</v>
      </c>
      <c r="D31851" s="1" t="s">
        <v>111072</v>
      </c>
      <c r="E31851" s="1" t="s">
        <v>111073</v>
      </c>
      <c r="F31851" s="1" t="s">
        <v>111074</v>
      </c>
      <c r="G31851" s="1" t="s">
        <v>111062</v>
      </c>
      <c r="H31851" s="1" t="s">
        <v>111063</v>
      </c>
      <c r="I31851" s="1" t="s">
        <v>109553</v>
      </c>
      <c r="J31851" s="1" t="s">
        <v>111075</v>
      </c>
    </row>
    <row r="31852" spans="1:10" x14ac:dyDescent="0.35">
      <c r="A31852" s="1" t="s">
        <v>45605</v>
      </c>
      <c r="B31852" s="1" t="s">
        <v>109548</v>
      </c>
      <c r="C31852" s="1" t="s">
        <v>35</v>
      </c>
      <c r="D31852" s="1" t="s">
        <v>8303</v>
      </c>
      <c r="E31852" s="1" t="s">
        <v>111076</v>
      </c>
      <c r="F31852" s="1" t="s">
        <v>111077</v>
      </c>
      <c r="G31852" s="1" t="s">
        <v>111062</v>
      </c>
      <c r="H31852" s="1" t="s">
        <v>111063</v>
      </c>
      <c r="I31852" s="1" t="s">
        <v>109553</v>
      </c>
      <c r="J31852" s="1" t="s">
        <v>111078</v>
      </c>
    </row>
    <row r="31853" spans="1:10" x14ac:dyDescent="0.35">
      <c r="A31853" s="1" t="s">
        <v>45605</v>
      </c>
      <c r="B31853" s="1" t="s">
        <v>109548</v>
      </c>
      <c r="C31853" s="1" t="s">
        <v>40</v>
      </c>
      <c r="D31853" s="1" t="s">
        <v>14146</v>
      </c>
      <c r="E31853" s="1" t="s">
        <v>111079</v>
      </c>
      <c r="F31853" s="1" t="s">
        <v>111080</v>
      </c>
      <c r="G31853" s="1" t="s">
        <v>111062</v>
      </c>
      <c r="H31853" s="1" t="s">
        <v>111063</v>
      </c>
      <c r="I31853" s="1" t="s">
        <v>109553</v>
      </c>
      <c r="J31853" s="1" t="s">
        <v>111081</v>
      </c>
    </row>
    <row r="31854" spans="1:10" x14ac:dyDescent="0.35">
      <c r="A31854" s="1" t="s">
        <v>45605</v>
      </c>
      <c r="B31854" s="1" t="s">
        <v>109548</v>
      </c>
      <c r="C31854" s="1" t="s">
        <v>45</v>
      </c>
      <c r="D31854" s="1" t="s">
        <v>44769</v>
      </c>
      <c r="E31854" s="1" t="s">
        <v>111082</v>
      </c>
      <c r="F31854" s="1" t="s">
        <v>111083</v>
      </c>
      <c r="G31854" s="1" t="s">
        <v>111062</v>
      </c>
      <c r="H31854" s="1" t="s">
        <v>111063</v>
      </c>
      <c r="I31854" s="1" t="s">
        <v>109553</v>
      </c>
      <c r="J31854" s="1" t="s">
        <v>111084</v>
      </c>
    </row>
    <row r="31855" spans="1:10" x14ac:dyDescent="0.35">
      <c r="A31855" s="1" t="s">
        <v>45605</v>
      </c>
      <c r="B31855" s="1" t="s">
        <v>109548</v>
      </c>
      <c r="C31855" s="1" t="s">
        <v>50</v>
      </c>
      <c r="D31855" s="1" t="s">
        <v>1711</v>
      </c>
      <c r="E31855" s="1" t="s">
        <v>111085</v>
      </c>
      <c r="F31855" s="1" t="s">
        <v>111086</v>
      </c>
      <c r="G31855" s="1" t="s">
        <v>111062</v>
      </c>
      <c r="H31855" s="1" t="s">
        <v>111063</v>
      </c>
      <c r="I31855" s="1" t="s">
        <v>109553</v>
      </c>
      <c r="J31855" s="1" t="s">
        <v>111087</v>
      </c>
    </row>
    <row r="31856" spans="1:10" x14ac:dyDescent="0.35">
      <c r="A31856" s="1" t="s">
        <v>45605</v>
      </c>
      <c r="B31856" s="1" t="s">
        <v>109548</v>
      </c>
      <c r="C31856" s="1" t="s">
        <v>55</v>
      </c>
      <c r="D31856" s="1" t="s">
        <v>29011</v>
      </c>
      <c r="E31856" s="1" t="s">
        <v>111088</v>
      </c>
      <c r="F31856" s="1" t="s">
        <v>111089</v>
      </c>
      <c r="G31856" s="1" t="s">
        <v>111062</v>
      </c>
      <c r="H31856" s="1" t="s">
        <v>111063</v>
      </c>
      <c r="I31856" s="1" t="s">
        <v>109553</v>
      </c>
      <c r="J31856" s="1" t="s">
        <v>111090</v>
      </c>
    </row>
    <row r="31857" spans="1:10" x14ac:dyDescent="0.35">
      <c r="A31857" s="1" t="s">
        <v>45605</v>
      </c>
      <c r="B31857" s="1" t="s">
        <v>109548</v>
      </c>
      <c r="C31857" s="1" t="s">
        <v>60</v>
      </c>
      <c r="D31857" s="1" t="s">
        <v>30060</v>
      </c>
      <c r="E31857" s="1" t="s">
        <v>111091</v>
      </c>
      <c r="F31857" s="1" t="s">
        <v>111092</v>
      </c>
      <c r="G31857" s="1" t="s">
        <v>111062</v>
      </c>
      <c r="H31857" s="1" t="s">
        <v>111063</v>
      </c>
      <c r="I31857" s="1" t="s">
        <v>109553</v>
      </c>
      <c r="J31857" s="1" t="s">
        <v>111093</v>
      </c>
    </row>
    <row r="31858" spans="1:10" x14ac:dyDescent="0.35">
      <c r="A31858" s="1" t="s">
        <v>45605</v>
      </c>
      <c r="B31858" s="1" t="s">
        <v>109548</v>
      </c>
      <c r="C31858" s="1" t="s">
        <v>65</v>
      </c>
      <c r="D31858" s="1" t="s">
        <v>111094</v>
      </c>
      <c r="E31858" s="1" t="s">
        <v>111095</v>
      </c>
      <c r="F31858" s="1" t="s">
        <v>111096</v>
      </c>
      <c r="G31858" s="1" t="s">
        <v>111062</v>
      </c>
      <c r="H31858" s="1" t="s">
        <v>111063</v>
      </c>
      <c r="I31858" s="1" t="s">
        <v>109553</v>
      </c>
      <c r="J31858" s="1" t="s">
        <v>111097</v>
      </c>
    </row>
    <row r="31859" spans="1:10" x14ac:dyDescent="0.35">
      <c r="A31859" s="1" t="s">
        <v>45605</v>
      </c>
      <c r="B31859" s="1" t="s">
        <v>109548</v>
      </c>
      <c r="C31859" s="1" t="s">
        <v>70</v>
      </c>
      <c r="D31859" s="1" t="s">
        <v>2933</v>
      </c>
      <c r="E31859" s="1" t="s">
        <v>111098</v>
      </c>
      <c r="F31859" s="1" t="s">
        <v>111099</v>
      </c>
      <c r="G31859" s="1" t="s">
        <v>111062</v>
      </c>
      <c r="H31859" s="1" t="s">
        <v>111063</v>
      </c>
      <c r="I31859" s="1" t="s">
        <v>109553</v>
      </c>
      <c r="J31859" s="1" t="s">
        <v>111100</v>
      </c>
    </row>
    <row r="31860" spans="1:10" x14ac:dyDescent="0.35">
      <c r="A31860" s="1" t="s">
        <v>45605</v>
      </c>
      <c r="B31860" s="1" t="s">
        <v>109548</v>
      </c>
      <c r="C31860" s="1" t="s">
        <v>75</v>
      </c>
      <c r="D31860" s="1" t="s">
        <v>111101</v>
      </c>
      <c r="E31860" s="1" t="s">
        <v>111102</v>
      </c>
      <c r="F31860" s="1" t="s">
        <v>111103</v>
      </c>
      <c r="G31860" s="1" t="s">
        <v>111062</v>
      </c>
      <c r="H31860" s="1" t="s">
        <v>111063</v>
      </c>
      <c r="I31860" s="1" t="s">
        <v>109553</v>
      </c>
      <c r="J31860" s="1" t="s">
        <v>111104</v>
      </c>
    </row>
    <row r="31861" spans="1:10" x14ac:dyDescent="0.35">
      <c r="A31861" s="1" t="s">
        <v>45605</v>
      </c>
      <c r="B31861" s="1" t="s">
        <v>109548</v>
      </c>
      <c r="C31861" s="1" t="s">
        <v>80</v>
      </c>
      <c r="D31861" s="1" t="s">
        <v>111105</v>
      </c>
      <c r="E31861" s="1" t="s">
        <v>111106</v>
      </c>
      <c r="F31861" s="1" t="s">
        <v>111107</v>
      </c>
      <c r="G31861" s="1" t="s">
        <v>111062</v>
      </c>
      <c r="H31861" s="1" t="s">
        <v>111063</v>
      </c>
      <c r="I31861" s="1" t="s">
        <v>109553</v>
      </c>
      <c r="J31861" s="1" t="s">
        <v>111108</v>
      </c>
    </row>
    <row r="31862" spans="1:10" x14ac:dyDescent="0.35">
      <c r="A31862" s="1" t="s">
        <v>45605</v>
      </c>
      <c r="B31862" s="1" t="s">
        <v>109548</v>
      </c>
      <c r="C31862" s="1" t="s">
        <v>85</v>
      </c>
      <c r="D31862" s="1" t="s">
        <v>111109</v>
      </c>
      <c r="E31862" s="1" t="s">
        <v>111110</v>
      </c>
      <c r="F31862" s="1" t="s">
        <v>111111</v>
      </c>
      <c r="G31862" s="1" t="s">
        <v>111062</v>
      </c>
      <c r="H31862" s="1" t="s">
        <v>111063</v>
      </c>
      <c r="I31862" s="1" t="s">
        <v>109553</v>
      </c>
      <c r="J31862" s="1" t="s">
        <v>111112</v>
      </c>
    </row>
    <row r="31863" spans="1:10" x14ac:dyDescent="0.35">
      <c r="A31863" s="1" t="s">
        <v>45605</v>
      </c>
      <c r="B31863" s="1" t="s">
        <v>109548</v>
      </c>
      <c r="C31863" s="1" t="s">
        <v>90</v>
      </c>
      <c r="D31863" s="1" t="s">
        <v>70818</v>
      </c>
      <c r="E31863" s="1" t="s">
        <v>111113</v>
      </c>
      <c r="F31863" s="1" t="s">
        <v>111114</v>
      </c>
      <c r="G31863" s="1" t="s">
        <v>111062</v>
      </c>
      <c r="H31863" s="1" t="s">
        <v>111063</v>
      </c>
      <c r="I31863" s="1" t="s">
        <v>109553</v>
      </c>
      <c r="J31863" s="1" t="s">
        <v>111115</v>
      </c>
    </row>
    <row r="31864" spans="1:10" x14ac:dyDescent="0.35">
      <c r="A31864" s="1" t="s">
        <v>45605</v>
      </c>
      <c r="B31864" s="1" t="s">
        <v>109548</v>
      </c>
      <c r="C31864" s="1" t="s">
        <v>95</v>
      </c>
      <c r="D31864" s="1" t="s">
        <v>37333</v>
      </c>
      <c r="E31864" s="1" t="s">
        <v>111116</v>
      </c>
      <c r="F31864" s="1" t="s">
        <v>111117</v>
      </c>
      <c r="G31864" s="1" t="s">
        <v>111062</v>
      </c>
      <c r="H31864" s="1" t="s">
        <v>111063</v>
      </c>
      <c r="I31864" s="1" t="s">
        <v>109553</v>
      </c>
      <c r="J31864" s="1" t="s">
        <v>111118</v>
      </c>
    </row>
    <row r="31865" spans="1:10" x14ac:dyDescent="0.35">
      <c r="A31865" s="1" t="s">
        <v>45605</v>
      </c>
      <c r="B31865" s="1" t="s">
        <v>109548</v>
      </c>
      <c r="C31865" s="1" t="s">
        <v>100</v>
      </c>
      <c r="D31865" s="1" t="s">
        <v>48294</v>
      </c>
      <c r="E31865" s="1" t="s">
        <v>111119</v>
      </c>
      <c r="F31865" s="1" t="s">
        <v>111120</v>
      </c>
      <c r="G31865" s="1" t="s">
        <v>111062</v>
      </c>
      <c r="H31865" s="1" t="s">
        <v>111063</v>
      </c>
      <c r="I31865" s="1" t="s">
        <v>109553</v>
      </c>
      <c r="J31865" s="1" t="s">
        <v>111121</v>
      </c>
    </row>
    <row r="31866" spans="1:10" x14ac:dyDescent="0.35">
      <c r="A31866" s="1" t="s">
        <v>45605</v>
      </c>
      <c r="B31866" s="1" t="s">
        <v>109548</v>
      </c>
      <c r="C31866" s="1" t="s">
        <v>105</v>
      </c>
      <c r="D31866" s="1" t="s">
        <v>44906</v>
      </c>
      <c r="E31866" s="1" t="s">
        <v>111122</v>
      </c>
      <c r="F31866" s="1" t="s">
        <v>111123</v>
      </c>
      <c r="G31866" s="1" t="s">
        <v>111062</v>
      </c>
      <c r="H31866" s="1" t="s">
        <v>111063</v>
      </c>
      <c r="I31866" s="1" t="s">
        <v>109553</v>
      </c>
      <c r="J31866" s="1" t="s">
        <v>111124</v>
      </c>
    </row>
    <row r="31867" spans="1:10" x14ac:dyDescent="0.35">
      <c r="A31867" s="1" t="s">
        <v>45605</v>
      </c>
      <c r="B31867" s="1" t="s">
        <v>109548</v>
      </c>
      <c r="C31867" s="1" t="s">
        <v>110</v>
      </c>
      <c r="D31867" s="1" t="s">
        <v>71878</v>
      </c>
      <c r="E31867" s="1" t="s">
        <v>111125</v>
      </c>
      <c r="F31867" s="1" t="s">
        <v>111126</v>
      </c>
      <c r="G31867" s="1" t="s">
        <v>111062</v>
      </c>
      <c r="H31867" s="1" t="s">
        <v>111063</v>
      </c>
      <c r="I31867" s="1" t="s">
        <v>109553</v>
      </c>
      <c r="J31867" s="1" t="s">
        <v>111127</v>
      </c>
    </row>
    <row r="31868" spans="1:10" x14ac:dyDescent="0.35">
      <c r="A31868" s="1" t="s">
        <v>45605</v>
      </c>
      <c r="B31868" s="1" t="s">
        <v>109548</v>
      </c>
      <c r="C31868" s="1" t="s">
        <v>115</v>
      </c>
      <c r="D31868" s="1" t="s">
        <v>72700</v>
      </c>
      <c r="E31868" s="1" t="s">
        <v>111128</v>
      </c>
      <c r="F31868" s="1" t="s">
        <v>111129</v>
      </c>
      <c r="G31868" s="1" t="s">
        <v>111062</v>
      </c>
      <c r="H31868" s="1" t="s">
        <v>111063</v>
      </c>
      <c r="I31868" s="1" t="s">
        <v>109553</v>
      </c>
      <c r="J31868" s="1" t="s">
        <v>111130</v>
      </c>
    </row>
    <row r="31869" spans="1:10" x14ac:dyDescent="0.35">
      <c r="A31869" s="1" t="s">
        <v>45605</v>
      </c>
      <c r="B31869" s="1" t="s">
        <v>109548</v>
      </c>
      <c r="C31869" s="1" t="s">
        <v>120</v>
      </c>
      <c r="D31869" s="1" t="s">
        <v>28820</v>
      </c>
      <c r="E31869" s="1" t="s">
        <v>111131</v>
      </c>
      <c r="F31869" s="1" t="s">
        <v>111132</v>
      </c>
      <c r="G31869" s="1" t="s">
        <v>111062</v>
      </c>
      <c r="H31869" s="1" t="s">
        <v>111063</v>
      </c>
      <c r="I31869" s="1" t="s">
        <v>109553</v>
      </c>
      <c r="J31869" s="1" t="s">
        <v>111133</v>
      </c>
    </row>
    <row r="31870" spans="1:10" x14ac:dyDescent="0.35">
      <c r="A31870" s="1" t="s">
        <v>45605</v>
      </c>
      <c r="B31870" s="1" t="s">
        <v>109548</v>
      </c>
      <c r="C31870" s="1" t="s">
        <v>125</v>
      </c>
      <c r="D31870" s="1" t="s">
        <v>111134</v>
      </c>
      <c r="E31870" s="1" t="s">
        <v>111135</v>
      </c>
      <c r="F31870" s="1" t="s">
        <v>111136</v>
      </c>
      <c r="G31870" s="1" t="s">
        <v>111062</v>
      </c>
      <c r="H31870" s="1" t="s">
        <v>111063</v>
      </c>
      <c r="I31870" s="1" t="s">
        <v>109553</v>
      </c>
      <c r="J31870" s="1" t="s">
        <v>111137</v>
      </c>
    </row>
    <row r="31871" spans="1:10" x14ac:dyDescent="0.35">
      <c r="A31871" s="1" t="s">
        <v>45605</v>
      </c>
      <c r="B31871" s="1" t="s">
        <v>109548</v>
      </c>
      <c r="C31871" s="1" t="s">
        <v>130</v>
      </c>
      <c r="D31871" s="1" t="s">
        <v>16348</v>
      </c>
      <c r="E31871" s="1" t="s">
        <v>111138</v>
      </c>
      <c r="F31871" s="1" t="s">
        <v>111139</v>
      </c>
      <c r="G31871" s="1" t="s">
        <v>111062</v>
      </c>
      <c r="H31871" s="1" t="s">
        <v>111063</v>
      </c>
      <c r="I31871" s="1" t="s">
        <v>109553</v>
      </c>
      <c r="J31871" s="1" t="s">
        <v>111140</v>
      </c>
    </row>
    <row r="31872" spans="1:10" x14ac:dyDescent="0.35">
      <c r="A31872" s="1" t="s">
        <v>45605</v>
      </c>
      <c r="B31872" s="1" t="s">
        <v>109548</v>
      </c>
      <c r="C31872" s="1" t="s">
        <v>135</v>
      </c>
      <c r="D31872" s="1" t="s">
        <v>111141</v>
      </c>
      <c r="E31872" s="1" t="s">
        <v>111142</v>
      </c>
      <c r="F31872" s="1" t="s">
        <v>111143</v>
      </c>
      <c r="G31872" s="1" t="s">
        <v>111062</v>
      </c>
      <c r="H31872" s="1" t="s">
        <v>111063</v>
      </c>
      <c r="I31872" s="1" t="s">
        <v>109553</v>
      </c>
      <c r="J31872" s="1" t="s">
        <v>28724</v>
      </c>
    </row>
    <row r="31873" spans="1:10" x14ac:dyDescent="0.35">
      <c r="A31873" s="1" t="s">
        <v>45605</v>
      </c>
      <c r="B31873" s="1" t="s">
        <v>109548</v>
      </c>
      <c r="C31873" s="1" t="s">
        <v>140</v>
      </c>
      <c r="D31873" s="1" t="s">
        <v>38792</v>
      </c>
      <c r="E31873" s="1" t="s">
        <v>111144</v>
      </c>
      <c r="F31873" s="1" t="s">
        <v>111145</v>
      </c>
      <c r="G31873" s="1" t="s">
        <v>111062</v>
      </c>
      <c r="H31873" s="1" t="s">
        <v>111063</v>
      </c>
      <c r="I31873" s="1" t="s">
        <v>109553</v>
      </c>
      <c r="J31873" s="1" t="s">
        <v>111146</v>
      </c>
    </row>
    <row r="31874" spans="1:10" x14ac:dyDescent="0.35">
      <c r="A31874" s="1" t="s">
        <v>45605</v>
      </c>
      <c r="B31874" s="1" t="s">
        <v>109548</v>
      </c>
      <c r="C31874" s="1" t="s">
        <v>145</v>
      </c>
      <c r="D31874" s="1" t="s">
        <v>25051</v>
      </c>
      <c r="E31874" s="1" t="s">
        <v>111147</v>
      </c>
      <c r="F31874" s="1" t="s">
        <v>111148</v>
      </c>
      <c r="G31874" s="1" t="s">
        <v>111062</v>
      </c>
      <c r="H31874" s="1" t="s">
        <v>111063</v>
      </c>
      <c r="I31874" s="1" t="s">
        <v>109553</v>
      </c>
      <c r="J31874" s="1" t="s">
        <v>111149</v>
      </c>
    </row>
    <row r="31875" spans="1:10" x14ac:dyDescent="0.35">
      <c r="A31875" s="1" t="s">
        <v>45605</v>
      </c>
      <c r="B31875" s="1" t="s">
        <v>109548</v>
      </c>
      <c r="C31875" s="1" t="s">
        <v>150</v>
      </c>
      <c r="D31875" s="1" t="s">
        <v>111150</v>
      </c>
      <c r="E31875" s="1" t="s">
        <v>111151</v>
      </c>
      <c r="F31875" s="1" t="s">
        <v>111152</v>
      </c>
      <c r="G31875" s="1" t="s">
        <v>111062</v>
      </c>
      <c r="H31875" s="1" t="s">
        <v>111063</v>
      </c>
      <c r="I31875" s="1" t="s">
        <v>109553</v>
      </c>
      <c r="J31875" s="1" t="s">
        <v>111153</v>
      </c>
    </row>
    <row r="31876" spans="1:10" x14ac:dyDescent="0.35">
      <c r="A31876" s="1" t="s">
        <v>45605</v>
      </c>
      <c r="B31876" s="1" t="s">
        <v>109548</v>
      </c>
      <c r="C31876" s="1" t="s">
        <v>155</v>
      </c>
      <c r="D31876" s="1" t="s">
        <v>111154</v>
      </c>
      <c r="E31876" s="1" t="s">
        <v>111155</v>
      </c>
      <c r="F31876" s="1" t="s">
        <v>111156</v>
      </c>
      <c r="G31876" s="1" t="s">
        <v>111062</v>
      </c>
      <c r="H31876" s="1" t="s">
        <v>111063</v>
      </c>
      <c r="I31876" s="1" t="s">
        <v>109553</v>
      </c>
      <c r="J31876" s="1" t="s">
        <v>111157</v>
      </c>
    </row>
    <row r="31877" spans="1:10" x14ac:dyDescent="0.35">
      <c r="A31877" s="1" t="s">
        <v>45605</v>
      </c>
      <c r="B31877" s="1" t="s">
        <v>109548</v>
      </c>
      <c r="C31877" s="1" t="s">
        <v>160</v>
      </c>
      <c r="D31877" s="1" t="s">
        <v>35030</v>
      </c>
      <c r="E31877" s="1" t="s">
        <v>111158</v>
      </c>
      <c r="F31877" s="1" t="s">
        <v>111159</v>
      </c>
      <c r="G31877" s="1" t="s">
        <v>111062</v>
      </c>
      <c r="H31877" s="1" t="s">
        <v>111063</v>
      </c>
      <c r="I31877" s="1" t="s">
        <v>109553</v>
      </c>
      <c r="J31877" s="1" t="s">
        <v>111160</v>
      </c>
    </row>
    <row r="31878" spans="1:10" x14ac:dyDescent="0.35">
      <c r="A31878" s="1" t="s">
        <v>45605</v>
      </c>
      <c r="B31878" s="1" t="s">
        <v>109548</v>
      </c>
      <c r="C31878" s="1" t="s">
        <v>165</v>
      </c>
      <c r="D31878" s="1" t="s">
        <v>34923</v>
      </c>
      <c r="E31878" s="1" t="s">
        <v>111161</v>
      </c>
      <c r="F31878" s="1" t="s">
        <v>111162</v>
      </c>
      <c r="G31878" s="1" t="s">
        <v>111062</v>
      </c>
      <c r="H31878" s="1" t="s">
        <v>111063</v>
      </c>
      <c r="I31878" s="1" t="s">
        <v>109553</v>
      </c>
      <c r="J31878" s="1" t="s">
        <v>111163</v>
      </c>
    </row>
    <row r="31879" spans="1:10" x14ac:dyDescent="0.35">
      <c r="A31879" s="1" t="s">
        <v>45605</v>
      </c>
      <c r="B31879" s="1" t="s">
        <v>109548</v>
      </c>
      <c r="C31879" s="1" t="s">
        <v>170</v>
      </c>
      <c r="D31879" s="1" t="s">
        <v>14580</v>
      </c>
      <c r="E31879" s="1" t="s">
        <v>111164</v>
      </c>
      <c r="F31879" s="1" t="s">
        <v>111165</v>
      </c>
      <c r="G31879" s="1" t="s">
        <v>111062</v>
      </c>
      <c r="H31879" s="1" t="s">
        <v>111063</v>
      </c>
      <c r="I31879" s="1" t="s">
        <v>109553</v>
      </c>
      <c r="J31879" s="1" t="s">
        <v>111166</v>
      </c>
    </row>
    <row r="31880" spans="1:10" x14ac:dyDescent="0.35">
      <c r="A31880" s="1" t="s">
        <v>44281</v>
      </c>
      <c r="B31880" s="1" t="s">
        <v>109548</v>
      </c>
      <c r="C31880" s="1" t="s">
        <v>8</v>
      </c>
      <c r="D31880" s="1" t="s">
        <v>6323</v>
      </c>
      <c r="E31880" s="1" t="s">
        <v>111167</v>
      </c>
      <c r="F31880" s="1" t="s">
        <v>111168</v>
      </c>
      <c r="G31880" s="1" t="s">
        <v>111169</v>
      </c>
      <c r="H31880" s="1" t="s">
        <v>111170</v>
      </c>
      <c r="I31880" s="1" t="s">
        <v>109553</v>
      </c>
      <c r="J31880" s="1" t="s">
        <v>13</v>
      </c>
    </row>
    <row r="31881" spans="1:10" x14ac:dyDescent="0.35">
      <c r="A31881" s="1" t="s">
        <v>44281</v>
      </c>
      <c r="B31881" s="1" t="s">
        <v>109548</v>
      </c>
      <c r="C31881" s="1" t="s">
        <v>15</v>
      </c>
      <c r="D31881" s="1" t="s">
        <v>6105</v>
      </c>
      <c r="E31881" s="1" t="s">
        <v>78767</v>
      </c>
      <c r="F31881" s="1" t="s">
        <v>111171</v>
      </c>
      <c r="G31881" s="1" t="s">
        <v>111169</v>
      </c>
      <c r="H31881" s="1" t="s">
        <v>111170</v>
      </c>
      <c r="I31881" s="1" t="s">
        <v>109553</v>
      </c>
      <c r="J31881" s="1" t="s">
        <v>111172</v>
      </c>
    </row>
    <row r="31882" spans="1:10" x14ac:dyDescent="0.35">
      <c r="A31882" s="1" t="s">
        <v>44281</v>
      </c>
      <c r="B31882" s="1" t="s">
        <v>109548</v>
      </c>
      <c r="C31882" s="1" t="s">
        <v>20</v>
      </c>
      <c r="D31882" s="1" t="s">
        <v>13840</v>
      </c>
      <c r="E31882" s="1" t="s">
        <v>81210</v>
      </c>
      <c r="F31882" s="1" t="s">
        <v>111173</v>
      </c>
      <c r="G31882" s="1" t="s">
        <v>111169</v>
      </c>
      <c r="H31882" s="1" t="s">
        <v>111170</v>
      </c>
      <c r="I31882" s="1" t="s">
        <v>109553</v>
      </c>
      <c r="J31882" s="1" t="s">
        <v>111174</v>
      </c>
    </row>
    <row r="31883" spans="1:10" x14ac:dyDescent="0.35">
      <c r="A31883" s="1" t="s">
        <v>44281</v>
      </c>
      <c r="B31883" s="1" t="s">
        <v>109548</v>
      </c>
      <c r="C31883" s="1" t="s">
        <v>25</v>
      </c>
      <c r="D31883" s="1" t="s">
        <v>111175</v>
      </c>
      <c r="E31883" s="1" t="s">
        <v>81170</v>
      </c>
      <c r="F31883" s="1" t="s">
        <v>111176</v>
      </c>
      <c r="G31883" s="1" t="s">
        <v>111169</v>
      </c>
      <c r="H31883" s="1" t="s">
        <v>111170</v>
      </c>
      <c r="I31883" s="1" t="s">
        <v>109553</v>
      </c>
      <c r="J31883" s="1" t="s">
        <v>111177</v>
      </c>
    </row>
    <row r="31884" spans="1:10" x14ac:dyDescent="0.35">
      <c r="A31884" s="1" t="s">
        <v>44281</v>
      </c>
      <c r="B31884" s="1" t="s">
        <v>109548</v>
      </c>
      <c r="C31884" s="1" t="s">
        <v>30</v>
      </c>
      <c r="D31884" s="1" t="s">
        <v>28144</v>
      </c>
      <c r="E31884" s="1" t="s">
        <v>111178</v>
      </c>
      <c r="F31884" s="1" t="s">
        <v>102755</v>
      </c>
      <c r="G31884" s="1" t="s">
        <v>111169</v>
      </c>
      <c r="H31884" s="1" t="s">
        <v>111170</v>
      </c>
      <c r="I31884" s="1" t="s">
        <v>109553</v>
      </c>
      <c r="J31884" s="1" t="s">
        <v>111179</v>
      </c>
    </row>
    <row r="31885" spans="1:10" x14ac:dyDescent="0.35">
      <c r="A31885" s="1" t="s">
        <v>44281</v>
      </c>
      <c r="B31885" s="1" t="s">
        <v>109548</v>
      </c>
      <c r="C31885" s="1" t="s">
        <v>35</v>
      </c>
      <c r="D31885" s="1" t="s">
        <v>4473</v>
      </c>
      <c r="E31885" s="1" t="s">
        <v>107295</v>
      </c>
      <c r="F31885" s="1" t="s">
        <v>111180</v>
      </c>
      <c r="G31885" s="1" t="s">
        <v>111169</v>
      </c>
      <c r="H31885" s="1" t="s">
        <v>111170</v>
      </c>
      <c r="I31885" s="1" t="s">
        <v>109553</v>
      </c>
      <c r="J31885" s="1" t="s">
        <v>111181</v>
      </c>
    </row>
    <row r="31886" spans="1:10" x14ac:dyDescent="0.35">
      <c r="A31886" s="1" t="s">
        <v>44281</v>
      </c>
      <c r="B31886" s="1" t="s">
        <v>109548</v>
      </c>
      <c r="C31886" s="1" t="s">
        <v>40</v>
      </c>
      <c r="D31886" s="1" t="s">
        <v>3581</v>
      </c>
      <c r="E31886" s="1" t="s">
        <v>108878</v>
      </c>
      <c r="F31886" s="1" t="s">
        <v>111182</v>
      </c>
      <c r="G31886" s="1" t="s">
        <v>111169</v>
      </c>
      <c r="H31886" s="1" t="s">
        <v>111170</v>
      </c>
      <c r="I31886" s="1" t="s">
        <v>109553</v>
      </c>
      <c r="J31886" s="1" t="s">
        <v>111183</v>
      </c>
    </row>
    <row r="31887" spans="1:10" x14ac:dyDescent="0.35">
      <c r="A31887" s="1" t="s">
        <v>44281</v>
      </c>
      <c r="B31887" s="1" t="s">
        <v>109548</v>
      </c>
      <c r="C31887" s="1" t="s">
        <v>45</v>
      </c>
      <c r="D31887" s="1" t="s">
        <v>30086</v>
      </c>
      <c r="E31887" s="1" t="s">
        <v>78839</v>
      </c>
      <c r="F31887" s="1" t="s">
        <v>111184</v>
      </c>
      <c r="G31887" s="1" t="s">
        <v>111169</v>
      </c>
      <c r="H31887" s="1" t="s">
        <v>111170</v>
      </c>
      <c r="I31887" s="1" t="s">
        <v>109553</v>
      </c>
      <c r="J31887" s="1" t="s">
        <v>111185</v>
      </c>
    </row>
    <row r="31888" spans="1:10" x14ac:dyDescent="0.35">
      <c r="A31888" s="1" t="s">
        <v>44281</v>
      </c>
      <c r="B31888" s="1" t="s">
        <v>109548</v>
      </c>
      <c r="C31888" s="1" t="s">
        <v>50</v>
      </c>
      <c r="D31888" s="1" t="s">
        <v>5534</v>
      </c>
      <c r="E31888" s="1" t="s">
        <v>111186</v>
      </c>
      <c r="F31888" s="1" t="s">
        <v>111187</v>
      </c>
      <c r="G31888" s="1" t="s">
        <v>111169</v>
      </c>
      <c r="H31888" s="1" t="s">
        <v>111170</v>
      </c>
      <c r="I31888" s="1" t="s">
        <v>109553</v>
      </c>
      <c r="J31888" s="1" t="s">
        <v>111188</v>
      </c>
    </row>
    <row r="31889" spans="1:10" x14ac:dyDescent="0.35">
      <c r="A31889" s="1" t="s">
        <v>44281</v>
      </c>
      <c r="B31889" s="1" t="s">
        <v>109548</v>
      </c>
      <c r="C31889" s="1" t="s">
        <v>55</v>
      </c>
      <c r="D31889" s="1" t="s">
        <v>110501</v>
      </c>
      <c r="E31889" s="1" t="s">
        <v>81182</v>
      </c>
      <c r="F31889" s="1" t="s">
        <v>111189</v>
      </c>
      <c r="G31889" s="1" t="s">
        <v>111169</v>
      </c>
      <c r="H31889" s="1" t="s">
        <v>111170</v>
      </c>
      <c r="I31889" s="1" t="s">
        <v>109553</v>
      </c>
      <c r="J31889" s="1" t="s">
        <v>111190</v>
      </c>
    </row>
    <row r="31890" spans="1:10" x14ac:dyDescent="0.35">
      <c r="A31890" s="1" t="s">
        <v>44281</v>
      </c>
      <c r="B31890" s="1" t="s">
        <v>109548</v>
      </c>
      <c r="C31890" s="1" t="s">
        <v>60</v>
      </c>
      <c r="D31890" s="1" t="s">
        <v>14161</v>
      </c>
      <c r="E31890" s="1" t="s">
        <v>108896</v>
      </c>
      <c r="F31890" s="1" t="s">
        <v>111191</v>
      </c>
      <c r="G31890" s="1" t="s">
        <v>111169</v>
      </c>
      <c r="H31890" s="1" t="s">
        <v>111170</v>
      </c>
      <c r="I31890" s="1" t="s">
        <v>109553</v>
      </c>
      <c r="J31890" s="1" t="s">
        <v>111192</v>
      </c>
    </row>
    <row r="31891" spans="1:10" x14ac:dyDescent="0.35">
      <c r="A31891" s="1" t="s">
        <v>44281</v>
      </c>
      <c r="B31891" s="1" t="s">
        <v>109548</v>
      </c>
      <c r="C31891" s="1" t="s">
        <v>65</v>
      </c>
      <c r="D31891" s="1" t="s">
        <v>11759</v>
      </c>
      <c r="E31891" s="1" t="s">
        <v>107295</v>
      </c>
      <c r="F31891" s="1" t="s">
        <v>111193</v>
      </c>
      <c r="G31891" s="1" t="s">
        <v>111169</v>
      </c>
      <c r="H31891" s="1" t="s">
        <v>111170</v>
      </c>
      <c r="I31891" s="1" t="s">
        <v>109553</v>
      </c>
      <c r="J31891" s="1" t="s">
        <v>111194</v>
      </c>
    </row>
    <row r="31892" spans="1:10" x14ac:dyDescent="0.35">
      <c r="A31892" s="1" t="s">
        <v>44281</v>
      </c>
      <c r="B31892" s="1" t="s">
        <v>109548</v>
      </c>
      <c r="C31892" s="1" t="s">
        <v>70</v>
      </c>
      <c r="D31892" s="1" t="s">
        <v>111195</v>
      </c>
      <c r="E31892" s="1" t="s">
        <v>78792</v>
      </c>
      <c r="F31892" s="1" t="s">
        <v>111196</v>
      </c>
      <c r="G31892" s="1" t="s">
        <v>111169</v>
      </c>
      <c r="H31892" s="1" t="s">
        <v>111170</v>
      </c>
      <c r="I31892" s="1" t="s">
        <v>109553</v>
      </c>
      <c r="J31892" s="1" t="s">
        <v>111197</v>
      </c>
    </row>
    <row r="31893" spans="1:10" x14ac:dyDescent="0.35">
      <c r="A31893" s="1" t="s">
        <v>44281</v>
      </c>
      <c r="B31893" s="1" t="s">
        <v>109548</v>
      </c>
      <c r="C31893" s="1" t="s">
        <v>75</v>
      </c>
      <c r="D31893" s="1" t="s">
        <v>45736</v>
      </c>
      <c r="E31893" s="1" t="s">
        <v>108923</v>
      </c>
      <c r="F31893" s="1" t="s">
        <v>111198</v>
      </c>
      <c r="G31893" s="1" t="s">
        <v>111169</v>
      </c>
      <c r="H31893" s="1" t="s">
        <v>111170</v>
      </c>
      <c r="I31893" s="1" t="s">
        <v>109553</v>
      </c>
      <c r="J31893" s="1" t="s">
        <v>111199</v>
      </c>
    </row>
    <row r="31894" spans="1:10" x14ac:dyDescent="0.35">
      <c r="A31894" s="1" t="s">
        <v>44281</v>
      </c>
      <c r="B31894" s="1" t="s">
        <v>109548</v>
      </c>
      <c r="C31894" s="1" t="s">
        <v>80</v>
      </c>
      <c r="D31894" s="1" t="s">
        <v>25506</v>
      </c>
      <c r="E31894" s="1" t="s">
        <v>111200</v>
      </c>
      <c r="F31894" s="1" t="s">
        <v>111201</v>
      </c>
      <c r="G31894" s="1" t="s">
        <v>111169</v>
      </c>
      <c r="H31894" s="1" t="s">
        <v>111170</v>
      </c>
      <c r="I31894" s="1" t="s">
        <v>109553</v>
      </c>
      <c r="J31894" s="1" t="s">
        <v>111202</v>
      </c>
    </row>
    <row r="31895" spans="1:10" x14ac:dyDescent="0.35">
      <c r="A31895" s="1" t="s">
        <v>44281</v>
      </c>
      <c r="B31895" s="1" t="s">
        <v>109548</v>
      </c>
      <c r="C31895" s="1" t="s">
        <v>85</v>
      </c>
      <c r="D31895" s="1" t="s">
        <v>8353</v>
      </c>
      <c r="E31895" s="1" t="s">
        <v>78863</v>
      </c>
      <c r="F31895" s="1" t="s">
        <v>111203</v>
      </c>
      <c r="G31895" s="1" t="s">
        <v>111169</v>
      </c>
      <c r="H31895" s="1" t="s">
        <v>111170</v>
      </c>
      <c r="I31895" s="1" t="s">
        <v>109553</v>
      </c>
      <c r="J31895" s="1" t="s">
        <v>111204</v>
      </c>
    </row>
    <row r="31896" spans="1:10" x14ac:dyDescent="0.35">
      <c r="A31896" s="1" t="s">
        <v>44281</v>
      </c>
      <c r="B31896" s="1" t="s">
        <v>109548</v>
      </c>
      <c r="C31896" s="1" t="s">
        <v>90</v>
      </c>
      <c r="D31896" s="1" t="s">
        <v>9991</v>
      </c>
      <c r="E31896" s="1" t="s">
        <v>107295</v>
      </c>
      <c r="F31896" s="1" t="s">
        <v>111205</v>
      </c>
      <c r="G31896" s="1" t="s">
        <v>111169</v>
      </c>
      <c r="H31896" s="1" t="s">
        <v>111170</v>
      </c>
      <c r="I31896" s="1" t="s">
        <v>109553</v>
      </c>
      <c r="J31896" s="1" t="s">
        <v>111206</v>
      </c>
    </row>
    <row r="31897" spans="1:10" x14ac:dyDescent="0.35">
      <c r="A31897" s="1" t="s">
        <v>44281</v>
      </c>
      <c r="B31897" s="1" t="s">
        <v>109548</v>
      </c>
      <c r="C31897" s="1" t="s">
        <v>95</v>
      </c>
      <c r="D31897" s="1" t="s">
        <v>111207</v>
      </c>
      <c r="E31897" s="1" t="s">
        <v>78852</v>
      </c>
      <c r="F31897" s="1" t="s">
        <v>111208</v>
      </c>
      <c r="G31897" s="1" t="s">
        <v>111169</v>
      </c>
      <c r="H31897" s="1" t="s">
        <v>111170</v>
      </c>
      <c r="I31897" s="1" t="s">
        <v>109553</v>
      </c>
      <c r="J31897" s="1" t="s">
        <v>111209</v>
      </c>
    </row>
    <row r="31898" spans="1:10" x14ac:dyDescent="0.35">
      <c r="A31898" s="1" t="s">
        <v>44281</v>
      </c>
      <c r="B31898" s="1" t="s">
        <v>109548</v>
      </c>
      <c r="C31898" s="1" t="s">
        <v>100</v>
      </c>
      <c r="D31898" s="1" t="s">
        <v>110875</v>
      </c>
      <c r="E31898" s="1" t="s">
        <v>111210</v>
      </c>
      <c r="F31898" s="1" t="s">
        <v>111211</v>
      </c>
      <c r="G31898" s="1" t="s">
        <v>111169</v>
      </c>
      <c r="H31898" s="1" t="s">
        <v>111170</v>
      </c>
      <c r="I31898" s="1" t="s">
        <v>109553</v>
      </c>
      <c r="J31898" s="1" t="s">
        <v>111212</v>
      </c>
    </row>
    <row r="31899" spans="1:10" x14ac:dyDescent="0.35">
      <c r="A31899" s="1" t="s">
        <v>44281</v>
      </c>
      <c r="B31899" s="1" t="s">
        <v>109548</v>
      </c>
      <c r="C31899" s="1" t="s">
        <v>105</v>
      </c>
      <c r="D31899" s="1" t="s">
        <v>109831</v>
      </c>
      <c r="E31899" s="1" t="s">
        <v>111213</v>
      </c>
      <c r="F31899" s="1" t="s">
        <v>111214</v>
      </c>
      <c r="G31899" s="1" t="s">
        <v>111169</v>
      </c>
      <c r="H31899" s="1" t="s">
        <v>111170</v>
      </c>
      <c r="I31899" s="1" t="s">
        <v>109553</v>
      </c>
      <c r="J31899" s="1" t="s">
        <v>111215</v>
      </c>
    </row>
    <row r="31900" spans="1:10" x14ac:dyDescent="0.35">
      <c r="A31900" s="1" t="s">
        <v>44281</v>
      </c>
      <c r="B31900" s="1" t="s">
        <v>109548</v>
      </c>
      <c r="C31900" s="1" t="s">
        <v>110</v>
      </c>
      <c r="D31900" s="1" t="s">
        <v>111216</v>
      </c>
      <c r="E31900" s="1" t="s">
        <v>78802</v>
      </c>
      <c r="F31900" s="1" t="s">
        <v>111217</v>
      </c>
      <c r="G31900" s="1" t="s">
        <v>111169</v>
      </c>
      <c r="H31900" s="1" t="s">
        <v>111170</v>
      </c>
      <c r="I31900" s="1" t="s">
        <v>109553</v>
      </c>
      <c r="J31900" s="1" t="s">
        <v>111218</v>
      </c>
    </row>
    <row r="31901" spans="1:10" x14ac:dyDescent="0.35">
      <c r="A31901" s="1" t="s">
        <v>44281</v>
      </c>
      <c r="B31901" s="1" t="s">
        <v>109548</v>
      </c>
      <c r="C31901" s="1" t="s">
        <v>115</v>
      </c>
      <c r="D31901" s="1" t="s">
        <v>111219</v>
      </c>
      <c r="E31901" s="1" t="s">
        <v>111220</v>
      </c>
      <c r="F31901" s="1" t="s">
        <v>111221</v>
      </c>
      <c r="G31901" s="1" t="s">
        <v>111169</v>
      </c>
      <c r="H31901" s="1" t="s">
        <v>111170</v>
      </c>
      <c r="I31901" s="1" t="s">
        <v>109553</v>
      </c>
      <c r="J31901" s="1" t="s">
        <v>111222</v>
      </c>
    </row>
    <row r="31902" spans="1:10" x14ac:dyDescent="0.35">
      <c r="A31902" s="1" t="s">
        <v>44281</v>
      </c>
      <c r="B31902" s="1" t="s">
        <v>109548</v>
      </c>
      <c r="C31902" s="1" t="s">
        <v>120</v>
      </c>
      <c r="D31902" s="1" t="s">
        <v>7924</v>
      </c>
      <c r="E31902" s="1" t="s">
        <v>111223</v>
      </c>
      <c r="F31902" s="1" t="s">
        <v>111224</v>
      </c>
      <c r="G31902" s="1" t="s">
        <v>111169</v>
      </c>
      <c r="H31902" s="1" t="s">
        <v>111170</v>
      </c>
      <c r="I31902" s="1" t="s">
        <v>109553</v>
      </c>
      <c r="J31902" s="1" t="s">
        <v>111225</v>
      </c>
    </row>
    <row r="31903" spans="1:10" x14ac:dyDescent="0.35">
      <c r="A31903" s="1" t="s">
        <v>44281</v>
      </c>
      <c r="B31903" s="1" t="s">
        <v>109548</v>
      </c>
      <c r="C31903" s="1" t="s">
        <v>125</v>
      </c>
      <c r="D31903" s="1" t="s">
        <v>111226</v>
      </c>
      <c r="E31903" s="1" t="s">
        <v>111227</v>
      </c>
      <c r="F31903" s="1" t="s">
        <v>111228</v>
      </c>
      <c r="G31903" s="1" t="s">
        <v>111169</v>
      </c>
      <c r="H31903" s="1" t="s">
        <v>111170</v>
      </c>
      <c r="I31903" s="1" t="s">
        <v>109553</v>
      </c>
      <c r="J31903" s="1" t="s">
        <v>111229</v>
      </c>
    </row>
    <row r="31904" spans="1:10" x14ac:dyDescent="0.35">
      <c r="A31904" s="1" t="s">
        <v>44281</v>
      </c>
      <c r="B31904" s="1" t="s">
        <v>109548</v>
      </c>
      <c r="C31904" s="1" t="s">
        <v>130</v>
      </c>
      <c r="D31904" s="1" t="s">
        <v>27491</v>
      </c>
      <c r="E31904" s="1" t="s">
        <v>78863</v>
      </c>
      <c r="F31904" s="1" t="s">
        <v>111230</v>
      </c>
      <c r="G31904" s="1" t="s">
        <v>111169</v>
      </c>
      <c r="H31904" s="1" t="s">
        <v>111170</v>
      </c>
      <c r="I31904" s="1" t="s">
        <v>109553</v>
      </c>
      <c r="J31904" s="1" t="s">
        <v>111231</v>
      </c>
    </row>
    <row r="31905" spans="1:10" x14ac:dyDescent="0.35">
      <c r="A31905" s="1" t="s">
        <v>44281</v>
      </c>
      <c r="B31905" s="1" t="s">
        <v>109548</v>
      </c>
      <c r="C31905" s="1" t="s">
        <v>135</v>
      </c>
      <c r="D31905" s="1" t="s">
        <v>109643</v>
      </c>
      <c r="E31905" s="1" t="s">
        <v>111232</v>
      </c>
      <c r="F31905" s="1" t="s">
        <v>111233</v>
      </c>
      <c r="G31905" s="1" t="s">
        <v>111169</v>
      </c>
      <c r="H31905" s="1" t="s">
        <v>111170</v>
      </c>
      <c r="I31905" s="1" t="s">
        <v>109553</v>
      </c>
      <c r="J31905" s="1" t="s">
        <v>111234</v>
      </c>
    </row>
    <row r="31906" spans="1:10" x14ac:dyDescent="0.35">
      <c r="A31906" s="1" t="s">
        <v>44281</v>
      </c>
      <c r="B31906" s="1" t="s">
        <v>109548</v>
      </c>
      <c r="C31906" s="1" t="s">
        <v>140</v>
      </c>
      <c r="D31906" s="1" t="s">
        <v>28224</v>
      </c>
      <c r="E31906" s="1" t="s">
        <v>111235</v>
      </c>
      <c r="F31906" s="1" t="s">
        <v>111236</v>
      </c>
      <c r="G31906" s="1" t="s">
        <v>111169</v>
      </c>
      <c r="H31906" s="1" t="s">
        <v>111170</v>
      </c>
      <c r="I31906" s="1" t="s">
        <v>109553</v>
      </c>
      <c r="J31906" s="1" t="s">
        <v>111237</v>
      </c>
    </row>
    <row r="31907" spans="1:10" x14ac:dyDescent="0.35">
      <c r="A31907" s="1" t="s">
        <v>44281</v>
      </c>
      <c r="B31907" s="1" t="s">
        <v>109548</v>
      </c>
      <c r="C31907" s="1" t="s">
        <v>145</v>
      </c>
      <c r="D31907" s="1" t="s">
        <v>111238</v>
      </c>
      <c r="E31907" s="1" t="s">
        <v>107319</v>
      </c>
      <c r="F31907" s="1" t="s">
        <v>111239</v>
      </c>
      <c r="G31907" s="1" t="s">
        <v>111169</v>
      </c>
      <c r="H31907" s="1" t="s">
        <v>111170</v>
      </c>
      <c r="I31907" s="1" t="s">
        <v>109553</v>
      </c>
      <c r="J31907" s="1" t="s">
        <v>111240</v>
      </c>
    </row>
    <row r="31908" spans="1:10" x14ac:dyDescent="0.35">
      <c r="A31908" s="1" t="s">
        <v>44281</v>
      </c>
      <c r="B31908" s="1" t="s">
        <v>109548</v>
      </c>
      <c r="C31908" s="1" t="s">
        <v>150</v>
      </c>
      <c r="D31908" s="1" t="s">
        <v>34660</v>
      </c>
      <c r="E31908" s="1" t="s">
        <v>78767</v>
      </c>
      <c r="F31908" s="1" t="s">
        <v>111241</v>
      </c>
      <c r="G31908" s="1" t="s">
        <v>111169</v>
      </c>
      <c r="H31908" s="1" t="s">
        <v>111170</v>
      </c>
      <c r="I31908" s="1" t="s">
        <v>109553</v>
      </c>
      <c r="J31908" s="1" t="s">
        <v>111242</v>
      </c>
    </row>
    <row r="31909" spans="1:10" x14ac:dyDescent="0.35">
      <c r="A31909" s="1" t="s">
        <v>44281</v>
      </c>
      <c r="B31909" s="1" t="s">
        <v>109548</v>
      </c>
      <c r="C31909" s="1" t="s">
        <v>155</v>
      </c>
      <c r="D31909" s="1" t="s">
        <v>7074</v>
      </c>
      <c r="E31909" s="1" t="s">
        <v>78832</v>
      </c>
      <c r="F31909" s="1" t="s">
        <v>111243</v>
      </c>
      <c r="G31909" s="1" t="s">
        <v>111169</v>
      </c>
      <c r="H31909" s="1" t="s">
        <v>111170</v>
      </c>
      <c r="I31909" s="1" t="s">
        <v>109553</v>
      </c>
      <c r="J31909" s="1" t="s">
        <v>111244</v>
      </c>
    </row>
    <row r="31910" spans="1:10" x14ac:dyDescent="0.35">
      <c r="A31910" s="1" t="s">
        <v>44281</v>
      </c>
      <c r="B31910" s="1" t="s">
        <v>109548</v>
      </c>
      <c r="C31910" s="1" t="s">
        <v>160</v>
      </c>
      <c r="D31910" s="1" t="s">
        <v>34660</v>
      </c>
      <c r="E31910" s="1" t="s">
        <v>111245</v>
      </c>
      <c r="F31910" s="1" t="s">
        <v>111246</v>
      </c>
      <c r="G31910" s="1" t="s">
        <v>111169</v>
      </c>
      <c r="H31910" s="1" t="s">
        <v>111170</v>
      </c>
      <c r="I31910" s="1" t="s">
        <v>109553</v>
      </c>
      <c r="J31910" s="1" t="s">
        <v>111247</v>
      </c>
    </row>
    <row r="31911" spans="1:10" x14ac:dyDescent="0.35">
      <c r="A31911" s="1" t="s">
        <v>44281</v>
      </c>
      <c r="B31911" s="1" t="s">
        <v>109548</v>
      </c>
      <c r="C31911" s="1" t="s">
        <v>165</v>
      </c>
      <c r="D31911" s="1" t="s">
        <v>37721</v>
      </c>
      <c r="E31911" s="1" t="s">
        <v>107445</v>
      </c>
      <c r="F31911" s="1" t="s">
        <v>50895</v>
      </c>
      <c r="G31911" s="1" t="s">
        <v>111169</v>
      </c>
      <c r="H31911" s="1" t="s">
        <v>111170</v>
      </c>
      <c r="I31911" s="1" t="s">
        <v>109553</v>
      </c>
      <c r="J31911" s="1" t="s">
        <v>111248</v>
      </c>
    </row>
    <row r="31912" spans="1:10" x14ac:dyDescent="0.35">
      <c r="A31912" s="1" t="s">
        <v>44281</v>
      </c>
      <c r="B31912" s="1" t="s">
        <v>109548</v>
      </c>
      <c r="C31912" s="1" t="s">
        <v>170</v>
      </c>
      <c r="D31912" s="1" t="s">
        <v>111249</v>
      </c>
      <c r="E31912" s="1" t="s">
        <v>111186</v>
      </c>
      <c r="F31912" s="1" t="s">
        <v>111250</v>
      </c>
      <c r="G31912" s="1" t="s">
        <v>111169</v>
      </c>
      <c r="H31912" s="1" t="s">
        <v>111170</v>
      </c>
      <c r="I31912" s="1" t="s">
        <v>109553</v>
      </c>
      <c r="J31912" s="1" t="s">
        <v>111251</v>
      </c>
    </row>
    <row r="31913" spans="1:10" x14ac:dyDescent="0.35">
      <c r="A31913" s="1" t="s">
        <v>111252</v>
      </c>
      <c r="B31913" s="1" t="s">
        <v>109548</v>
      </c>
      <c r="C31913" s="1" t="s">
        <v>8</v>
      </c>
      <c r="D31913" s="1" t="s">
        <v>12077</v>
      </c>
      <c r="E31913" s="1" t="s">
        <v>111253</v>
      </c>
      <c r="F31913" s="1" t="s">
        <v>111254</v>
      </c>
      <c r="G31913" s="1" t="s">
        <v>111255</v>
      </c>
      <c r="H31913" s="1" t="s">
        <v>111256</v>
      </c>
      <c r="I31913" s="1" t="s">
        <v>109553</v>
      </c>
      <c r="J31913" s="1" t="s">
        <v>13</v>
      </c>
    </row>
    <row r="31914" spans="1:10" x14ac:dyDescent="0.35">
      <c r="A31914" s="1" t="s">
        <v>111252</v>
      </c>
      <c r="B31914" s="1" t="s">
        <v>109548</v>
      </c>
      <c r="C31914" s="1" t="s">
        <v>15</v>
      </c>
      <c r="D31914" s="1" t="s">
        <v>3949</v>
      </c>
      <c r="E31914" s="1" t="s">
        <v>111257</v>
      </c>
      <c r="F31914" s="1" t="s">
        <v>111258</v>
      </c>
      <c r="G31914" s="1" t="s">
        <v>111255</v>
      </c>
      <c r="H31914" s="1" t="s">
        <v>111256</v>
      </c>
      <c r="I31914" s="1" t="s">
        <v>109553</v>
      </c>
      <c r="J31914" s="1" t="s">
        <v>111259</v>
      </c>
    </row>
    <row r="31915" spans="1:10" x14ac:dyDescent="0.35">
      <c r="A31915" s="1" t="s">
        <v>111252</v>
      </c>
      <c r="B31915" s="1" t="s">
        <v>109548</v>
      </c>
      <c r="C31915" s="1" t="s">
        <v>20</v>
      </c>
      <c r="D31915" s="1" t="s">
        <v>4427</v>
      </c>
      <c r="E31915" s="1" t="s">
        <v>111260</v>
      </c>
      <c r="F31915" s="1" t="s">
        <v>111261</v>
      </c>
      <c r="G31915" s="1" t="s">
        <v>111255</v>
      </c>
      <c r="H31915" s="1" t="s">
        <v>111256</v>
      </c>
      <c r="I31915" s="1" t="s">
        <v>109553</v>
      </c>
      <c r="J31915" s="1" t="s">
        <v>111262</v>
      </c>
    </row>
    <row r="31916" spans="1:10" x14ac:dyDescent="0.35">
      <c r="A31916" s="1" t="s">
        <v>111252</v>
      </c>
      <c r="B31916" s="1" t="s">
        <v>109548</v>
      </c>
      <c r="C31916" s="1" t="s">
        <v>25</v>
      </c>
      <c r="D31916" s="1" t="s">
        <v>9893</v>
      </c>
      <c r="E31916" s="1" t="s">
        <v>111263</v>
      </c>
      <c r="F31916" s="1" t="s">
        <v>111264</v>
      </c>
      <c r="G31916" s="1" t="s">
        <v>111255</v>
      </c>
      <c r="H31916" s="1" t="s">
        <v>111256</v>
      </c>
      <c r="I31916" s="1" t="s">
        <v>109553</v>
      </c>
      <c r="J31916" s="1" t="s">
        <v>111265</v>
      </c>
    </row>
    <row r="31917" spans="1:10" x14ac:dyDescent="0.35">
      <c r="A31917" s="1" t="s">
        <v>111252</v>
      </c>
      <c r="B31917" s="1" t="s">
        <v>109548</v>
      </c>
      <c r="C31917" s="1" t="s">
        <v>30</v>
      </c>
      <c r="D31917" s="1" t="s">
        <v>11737</v>
      </c>
      <c r="E31917" s="1" t="s">
        <v>111266</v>
      </c>
      <c r="F31917" s="1" t="s">
        <v>111267</v>
      </c>
      <c r="G31917" s="1" t="s">
        <v>111255</v>
      </c>
      <c r="H31917" s="1" t="s">
        <v>111256</v>
      </c>
      <c r="I31917" s="1" t="s">
        <v>109553</v>
      </c>
      <c r="J31917" s="1" t="s">
        <v>111268</v>
      </c>
    </row>
    <row r="31918" spans="1:10" x14ac:dyDescent="0.35">
      <c r="A31918" s="1" t="s">
        <v>111252</v>
      </c>
      <c r="B31918" s="1" t="s">
        <v>109548</v>
      </c>
      <c r="C31918" s="1" t="s">
        <v>35</v>
      </c>
      <c r="D31918" s="1" t="s">
        <v>111269</v>
      </c>
      <c r="E31918" s="1" t="s">
        <v>111270</v>
      </c>
      <c r="F31918" s="1" t="s">
        <v>111271</v>
      </c>
      <c r="G31918" s="1" t="s">
        <v>111255</v>
      </c>
      <c r="H31918" s="1" t="s">
        <v>111256</v>
      </c>
      <c r="I31918" s="1" t="s">
        <v>109553</v>
      </c>
      <c r="J31918" s="1" t="s">
        <v>111272</v>
      </c>
    </row>
    <row r="31919" spans="1:10" x14ac:dyDescent="0.35">
      <c r="A31919" s="1" t="s">
        <v>111252</v>
      </c>
      <c r="B31919" s="1" t="s">
        <v>109548</v>
      </c>
      <c r="C31919" s="1" t="s">
        <v>40</v>
      </c>
      <c r="D31919" s="1" t="s">
        <v>45831</v>
      </c>
      <c r="E31919" s="1" t="s">
        <v>3013</v>
      </c>
      <c r="F31919" s="1" t="s">
        <v>111273</v>
      </c>
      <c r="G31919" s="1" t="s">
        <v>111255</v>
      </c>
      <c r="H31919" s="1" t="s">
        <v>111256</v>
      </c>
      <c r="I31919" s="1" t="s">
        <v>109553</v>
      </c>
      <c r="J31919" s="1" t="s">
        <v>111274</v>
      </c>
    </row>
    <row r="31920" spans="1:10" x14ac:dyDescent="0.35">
      <c r="A31920" s="1" t="s">
        <v>111252</v>
      </c>
      <c r="B31920" s="1" t="s">
        <v>109548</v>
      </c>
      <c r="C31920" s="1" t="s">
        <v>45</v>
      </c>
      <c r="D31920" s="1" t="s">
        <v>111275</v>
      </c>
      <c r="E31920" s="1" t="s">
        <v>7929</v>
      </c>
      <c r="F31920" s="1" t="s">
        <v>111276</v>
      </c>
      <c r="G31920" s="1" t="s">
        <v>111255</v>
      </c>
      <c r="H31920" s="1" t="s">
        <v>111256</v>
      </c>
      <c r="I31920" s="1" t="s">
        <v>109553</v>
      </c>
      <c r="J31920" s="1" t="s">
        <v>111277</v>
      </c>
    </row>
    <row r="31921" spans="1:10" x14ac:dyDescent="0.35">
      <c r="A31921" s="1" t="s">
        <v>111252</v>
      </c>
      <c r="B31921" s="1" t="s">
        <v>109548</v>
      </c>
      <c r="C31921" s="1" t="s">
        <v>50</v>
      </c>
      <c r="D31921" s="1" t="s">
        <v>111278</v>
      </c>
      <c r="E31921" s="1" t="s">
        <v>7962</v>
      </c>
      <c r="F31921" s="1" t="s">
        <v>111279</v>
      </c>
      <c r="G31921" s="1" t="s">
        <v>111255</v>
      </c>
      <c r="H31921" s="1" t="s">
        <v>111256</v>
      </c>
      <c r="I31921" s="1" t="s">
        <v>109553</v>
      </c>
      <c r="J31921" s="1" t="s">
        <v>111280</v>
      </c>
    </row>
    <row r="31922" spans="1:10" x14ac:dyDescent="0.35">
      <c r="A31922" s="1" t="s">
        <v>111252</v>
      </c>
      <c r="B31922" s="1" t="s">
        <v>109548</v>
      </c>
      <c r="C31922" s="1" t="s">
        <v>55</v>
      </c>
      <c r="D31922" s="1" t="s">
        <v>111281</v>
      </c>
      <c r="E31922" s="1" t="s">
        <v>111282</v>
      </c>
      <c r="F31922" s="1" t="s">
        <v>111283</v>
      </c>
      <c r="G31922" s="1" t="s">
        <v>111255</v>
      </c>
      <c r="H31922" s="1" t="s">
        <v>111256</v>
      </c>
      <c r="I31922" s="1" t="s">
        <v>109553</v>
      </c>
      <c r="J31922" s="1" t="s">
        <v>111284</v>
      </c>
    </row>
    <row r="31923" spans="1:10" x14ac:dyDescent="0.35">
      <c r="A31923" s="1" t="s">
        <v>111252</v>
      </c>
      <c r="B31923" s="1" t="s">
        <v>109548</v>
      </c>
      <c r="C31923" s="1" t="s">
        <v>60</v>
      </c>
      <c r="D31923" s="1" t="s">
        <v>34056</v>
      </c>
      <c r="E31923" s="1" t="s">
        <v>111285</v>
      </c>
      <c r="F31923" s="1" t="s">
        <v>111286</v>
      </c>
      <c r="G31923" s="1" t="s">
        <v>111255</v>
      </c>
      <c r="H31923" s="1" t="s">
        <v>111256</v>
      </c>
      <c r="I31923" s="1" t="s">
        <v>109553</v>
      </c>
      <c r="J31923" s="1" t="s">
        <v>111287</v>
      </c>
    </row>
    <row r="31924" spans="1:10" x14ac:dyDescent="0.35">
      <c r="A31924" s="1" t="s">
        <v>111252</v>
      </c>
      <c r="B31924" s="1" t="s">
        <v>109548</v>
      </c>
      <c r="C31924" s="1" t="s">
        <v>65</v>
      </c>
      <c r="D31924" s="1" t="s">
        <v>16348</v>
      </c>
      <c r="E31924" s="1" t="s">
        <v>7929</v>
      </c>
      <c r="F31924" s="1" t="s">
        <v>111288</v>
      </c>
      <c r="G31924" s="1" t="s">
        <v>111255</v>
      </c>
      <c r="H31924" s="1" t="s">
        <v>111256</v>
      </c>
      <c r="I31924" s="1" t="s">
        <v>109553</v>
      </c>
      <c r="J31924" s="1" t="s">
        <v>111289</v>
      </c>
    </row>
    <row r="31925" spans="1:10" x14ac:dyDescent="0.35">
      <c r="A31925" s="1" t="s">
        <v>111252</v>
      </c>
      <c r="B31925" s="1" t="s">
        <v>109548</v>
      </c>
      <c r="C31925" s="1" t="s">
        <v>70</v>
      </c>
      <c r="D31925" s="1" t="s">
        <v>14634</v>
      </c>
      <c r="E31925" s="1" t="s">
        <v>12648</v>
      </c>
      <c r="F31925" s="1" t="s">
        <v>111290</v>
      </c>
      <c r="G31925" s="1" t="s">
        <v>111255</v>
      </c>
      <c r="H31925" s="1" t="s">
        <v>111256</v>
      </c>
      <c r="I31925" s="1" t="s">
        <v>109553</v>
      </c>
      <c r="J31925" s="1" t="s">
        <v>111291</v>
      </c>
    </row>
    <row r="31926" spans="1:10" x14ac:dyDescent="0.35">
      <c r="A31926" s="1" t="s">
        <v>111252</v>
      </c>
      <c r="B31926" s="1" t="s">
        <v>109548</v>
      </c>
      <c r="C31926" s="1" t="s">
        <v>75</v>
      </c>
      <c r="D31926" s="1" t="s">
        <v>37466</v>
      </c>
      <c r="E31926" s="1" t="s">
        <v>12150</v>
      </c>
      <c r="F31926" s="1" t="s">
        <v>111292</v>
      </c>
      <c r="G31926" s="1" t="s">
        <v>111255</v>
      </c>
      <c r="H31926" s="1" t="s">
        <v>111256</v>
      </c>
      <c r="I31926" s="1" t="s">
        <v>109553</v>
      </c>
      <c r="J31926" s="1" t="s">
        <v>111293</v>
      </c>
    </row>
    <row r="31927" spans="1:10" x14ac:dyDescent="0.35">
      <c r="A31927" s="1" t="s">
        <v>111252</v>
      </c>
      <c r="B31927" s="1" t="s">
        <v>109548</v>
      </c>
      <c r="C31927" s="1" t="s">
        <v>80</v>
      </c>
      <c r="D31927" s="1" t="s">
        <v>111294</v>
      </c>
      <c r="E31927" s="1" t="s">
        <v>12177</v>
      </c>
      <c r="F31927" s="1" t="s">
        <v>111295</v>
      </c>
      <c r="G31927" s="1" t="s">
        <v>111255</v>
      </c>
      <c r="H31927" s="1" t="s">
        <v>111256</v>
      </c>
      <c r="I31927" s="1" t="s">
        <v>109553</v>
      </c>
      <c r="J31927" s="1" t="s">
        <v>111296</v>
      </c>
    </row>
    <row r="31928" spans="1:10" x14ac:dyDescent="0.35">
      <c r="A31928" s="1" t="s">
        <v>111252</v>
      </c>
      <c r="B31928" s="1" t="s">
        <v>109548</v>
      </c>
      <c r="C31928" s="1" t="s">
        <v>85</v>
      </c>
      <c r="D31928" s="1" t="s">
        <v>82966</v>
      </c>
      <c r="E31928" s="1" t="s">
        <v>7947</v>
      </c>
      <c r="F31928" s="1" t="s">
        <v>111297</v>
      </c>
      <c r="G31928" s="1" t="s">
        <v>111255</v>
      </c>
      <c r="H31928" s="1" t="s">
        <v>111256</v>
      </c>
      <c r="I31928" s="1" t="s">
        <v>109553</v>
      </c>
      <c r="J31928" s="1" t="s">
        <v>111298</v>
      </c>
    </row>
    <row r="31929" spans="1:10" x14ac:dyDescent="0.35">
      <c r="A31929" s="1" t="s">
        <v>111252</v>
      </c>
      <c r="B31929" s="1" t="s">
        <v>109548</v>
      </c>
      <c r="C31929" s="1" t="s">
        <v>90</v>
      </c>
      <c r="D31929" s="1" t="s">
        <v>111299</v>
      </c>
      <c r="E31929" s="1" t="s">
        <v>111300</v>
      </c>
      <c r="F31929" s="1" t="s">
        <v>111301</v>
      </c>
      <c r="G31929" s="1" t="s">
        <v>111255</v>
      </c>
      <c r="H31929" s="1" t="s">
        <v>111256</v>
      </c>
      <c r="I31929" s="1" t="s">
        <v>109553</v>
      </c>
      <c r="J31929" s="1" t="s">
        <v>111302</v>
      </c>
    </row>
    <row r="31930" spans="1:10" x14ac:dyDescent="0.35">
      <c r="A31930" s="1" t="s">
        <v>111252</v>
      </c>
      <c r="B31930" s="1" t="s">
        <v>109548</v>
      </c>
      <c r="C31930" s="1" t="s">
        <v>95</v>
      </c>
      <c r="D31930" s="1" t="s">
        <v>50551</v>
      </c>
      <c r="E31930" s="1" t="s">
        <v>7989</v>
      </c>
      <c r="F31930" s="1" t="s">
        <v>111303</v>
      </c>
      <c r="G31930" s="1" t="s">
        <v>111255</v>
      </c>
      <c r="H31930" s="1" t="s">
        <v>111256</v>
      </c>
      <c r="I31930" s="1" t="s">
        <v>109553</v>
      </c>
      <c r="J31930" s="1" t="s">
        <v>111304</v>
      </c>
    </row>
    <row r="31931" spans="1:10" x14ac:dyDescent="0.35">
      <c r="A31931" s="1" t="s">
        <v>111252</v>
      </c>
      <c r="B31931" s="1" t="s">
        <v>109548</v>
      </c>
      <c r="C31931" s="1" t="s">
        <v>100</v>
      </c>
      <c r="D31931" s="1" t="s">
        <v>44943</v>
      </c>
      <c r="E31931" s="1" t="s">
        <v>7921</v>
      </c>
      <c r="F31931" s="1" t="s">
        <v>111305</v>
      </c>
      <c r="G31931" s="1" t="s">
        <v>111255</v>
      </c>
      <c r="H31931" s="1" t="s">
        <v>111256</v>
      </c>
      <c r="I31931" s="1" t="s">
        <v>109553</v>
      </c>
      <c r="J31931" s="1" t="s">
        <v>111306</v>
      </c>
    </row>
    <row r="31932" spans="1:10" x14ac:dyDescent="0.35">
      <c r="A31932" s="1" t="s">
        <v>111252</v>
      </c>
      <c r="B31932" s="1" t="s">
        <v>109548</v>
      </c>
      <c r="C31932" s="1" t="s">
        <v>105</v>
      </c>
      <c r="D31932" s="1" t="s">
        <v>17867</v>
      </c>
      <c r="E31932" s="1" t="s">
        <v>499</v>
      </c>
      <c r="F31932" s="1" t="s">
        <v>111307</v>
      </c>
      <c r="G31932" s="1" t="s">
        <v>111255</v>
      </c>
      <c r="H31932" s="1" t="s">
        <v>111256</v>
      </c>
      <c r="I31932" s="1" t="s">
        <v>109553</v>
      </c>
      <c r="J31932" s="1" t="s">
        <v>111308</v>
      </c>
    </row>
    <row r="31933" spans="1:10" x14ac:dyDescent="0.35">
      <c r="A31933" s="1" t="s">
        <v>111252</v>
      </c>
      <c r="B31933" s="1" t="s">
        <v>109548</v>
      </c>
      <c r="C31933" s="1" t="s">
        <v>110</v>
      </c>
      <c r="D31933" s="1" t="s">
        <v>38316</v>
      </c>
      <c r="E31933" s="1" t="s">
        <v>14769</v>
      </c>
      <c r="F31933" s="1" t="s">
        <v>111309</v>
      </c>
      <c r="G31933" s="1" t="s">
        <v>111255</v>
      </c>
      <c r="H31933" s="1" t="s">
        <v>111256</v>
      </c>
      <c r="I31933" s="1" t="s">
        <v>109553</v>
      </c>
      <c r="J31933" s="1" t="s">
        <v>111310</v>
      </c>
    </row>
    <row r="31934" spans="1:10" x14ac:dyDescent="0.35">
      <c r="A31934" s="1" t="s">
        <v>111252</v>
      </c>
      <c r="B31934" s="1" t="s">
        <v>109548</v>
      </c>
      <c r="C31934" s="1" t="s">
        <v>115</v>
      </c>
      <c r="D31934" s="1" t="s">
        <v>111311</v>
      </c>
      <c r="E31934" s="1" t="s">
        <v>111312</v>
      </c>
      <c r="F31934" s="1" t="s">
        <v>111313</v>
      </c>
      <c r="G31934" s="1" t="s">
        <v>111255</v>
      </c>
      <c r="H31934" s="1" t="s">
        <v>111256</v>
      </c>
      <c r="I31934" s="1" t="s">
        <v>109553</v>
      </c>
      <c r="J31934" s="1" t="s">
        <v>111314</v>
      </c>
    </row>
    <row r="31935" spans="1:10" x14ac:dyDescent="0.35">
      <c r="A31935" s="1" t="s">
        <v>111252</v>
      </c>
      <c r="B31935" s="1" t="s">
        <v>109548</v>
      </c>
      <c r="C31935" s="1" t="s">
        <v>120</v>
      </c>
      <c r="D31935" s="1" t="s">
        <v>49977</v>
      </c>
      <c r="E31935" s="1" t="s">
        <v>111312</v>
      </c>
      <c r="F31935" s="1" t="s">
        <v>111315</v>
      </c>
      <c r="G31935" s="1" t="s">
        <v>111255</v>
      </c>
      <c r="H31935" s="1" t="s">
        <v>111256</v>
      </c>
      <c r="I31935" s="1" t="s">
        <v>109553</v>
      </c>
      <c r="J31935" s="1" t="s">
        <v>111316</v>
      </c>
    </row>
    <row r="31936" spans="1:10" x14ac:dyDescent="0.35">
      <c r="A31936" s="1" t="s">
        <v>111252</v>
      </c>
      <c r="B31936" s="1" t="s">
        <v>109548</v>
      </c>
      <c r="C31936" s="1" t="s">
        <v>125</v>
      </c>
      <c r="D31936" s="1" t="s">
        <v>82993</v>
      </c>
      <c r="E31936" s="1" t="s">
        <v>14791</v>
      </c>
      <c r="F31936" s="1" t="s">
        <v>111317</v>
      </c>
      <c r="G31936" s="1" t="s">
        <v>111255</v>
      </c>
      <c r="H31936" s="1" t="s">
        <v>111256</v>
      </c>
      <c r="I31936" s="1" t="s">
        <v>109553</v>
      </c>
      <c r="J31936" s="1" t="s">
        <v>111318</v>
      </c>
    </row>
    <row r="31937" spans="1:10" x14ac:dyDescent="0.35">
      <c r="A31937" s="1" t="s">
        <v>111252</v>
      </c>
      <c r="B31937" s="1" t="s">
        <v>109548</v>
      </c>
      <c r="C31937" s="1" t="s">
        <v>130</v>
      </c>
      <c r="D31937" s="1" t="s">
        <v>70645</v>
      </c>
      <c r="E31937" s="1" t="s">
        <v>111319</v>
      </c>
      <c r="F31937" s="1" t="s">
        <v>111320</v>
      </c>
      <c r="G31937" s="1" t="s">
        <v>111255</v>
      </c>
      <c r="H31937" s="1" t="s">
        <v>111256</v>
      </c>
      <c r="I31937" s="1" t="s">
        <v>109553</v>
      </c>
      <c r="J31937" s="1" t="s">
        <v>111321</v>
      </c>
    </row>
    <row r="31938" spans="1:10" x14ac:dyDescent="0.35">
      <c r="A31938" s="1" t="s">
        <v>111252</v>
      </c>
      <c r="B31938" s="1" t="s">
        <v>109548</v>
      </c>
      <c r="C31938" s="1" t="s">
        <v>135</v>
      </c>
      <c r="D31938" s="1" t="s">
        <v>111322</v>
      </c>
      <c r="E31938" s="1" t="s">
        <v>12226</v>
      </c>
      <c r="F31938" s="1" t="s">
        <v>111323</v>
      </c>
      <c r="G31938" s="1" t="s">
        <v>111255</v>
      </c>
      <c r="H31938" s="1" t="s">
        <v>111256</v>
      </c>
      <c r="I31938" s="1" t="s">
        <v>109553</v>
      </c>
      <c r="J31938" s="1" t="s">
        <v>111324</v>
      </c>
    </row>
    <row r="31939" spans="1:10" x14ac:dyDescent="0.35">
      <c r="A31939" s="1" t="s">
        <v>111252</v>
      </c>
      <c r="B31939" s="1" t="s">
        <v>109548</v>
      </c>
      <c r="C31939" s="1" t="s">
        <v>140</v>
      </c>
      <c r="D31939" s="1" t="s">
        <v>30909</v>
      </c>
      <c r="E31939" s="1" t="s">
        <v>111325</v>
      </c>
      <c r="F31939" s="1" t="s">
        <v>111326</v>
      </c>
      <c r="G31939" s="1" t="s">
        <v>111255</v>
      </c>
      <c r="H31939" s="1" t="s">
        <v>111256</v>
      </c>
      <c r="I31939" s="1" t="s">
        <v>109553</v>
      </c>
      <c r="J31939" s="1" t="s">
        <v>111327</v>
      </c>
    </row>
    <row r="31940" spans="1:10" x14ac:dyDescent="0.35">
      <c r="A31940" s="1" t="s">
        <v>111252</v>
      </c>
      <c r="B31940" s="1" t="s">
        <v>109548</v>
      </c>
      <c r="C31940" s="1" t="s">
        <v>145</v>
      </c>
      <c r="D31940" s="1" t="s">
        <v>110162</v>
      </c>
      <c r="E31940" s="1" t="s">
        <v>7993</v>
      </c>
      <c r="F31940" s="1" t="s">
        <v>111328</v>
      </c>
      <c r="G31940" s="1" t="s">
        <v>111255</v>
      </c>
      <c r="H31940" s="1" t="s">
        <v>111256</v>
      </c>
      <c r="I31940" s="1" t="s">
        <v>109553</v>
      </c>
      <c r="J31940" s="1" t="s">
        <v>111329</v>
      </c>
    </row>
    <row r="31941" spans="1:10" x14ac:dyDescent="0.35">
      <c r="A31941" s="1" t="s">
        <v>111252</v>
      </c>
      <c r="B31941" s="1" t="s">
        <v>109548</v>
      </c>
      <c r="C31941" s="1" t="s">
        <v>150</v>
      </c>
      <c r="D31941" s="1" t="s">
        <v>17625</v>
      </c>
      <c r="E31941" s="1" t="s">
        <v>111330</v>
      </c>
      <c r="F31941" s="1" t="s">
        <v>111331</v>
      </c>
      <c r="G31941" s="1" t="s">
        <v>111255</v>
      </c>
      <c r="H31941" s="1" t="s">
        <v>111256</v>
      </c>
      <c r="I31941" s="1" t="s">
        <v>109553</v>
      </c>
      <c r="J31941" s="1" t="s">
        <v>111332</v>
      </c>
    </row>
    <row r="31942" spans="1:10" x14ac:dyDescent="0.35">
      <c r="A31942" s="1" t="s">
        <v>111252</v>
      </c>
      <c r="B31942" s="1" t="s">
        <v>109548</v>
      </c>
      <c r="C31942" s="1" t="s">
        <v>155</v>
      </c>
      <c r="D31942" s="1" t="s">
        <v>31162</v>
      </c>
      <c r="E31942" s="1" t="s">
        <v>8630</v>
      </c>
      <c r="F31942" s="1" t="s">
        <v>111333</v>
      </c>
      <c r="G31942" s="1" t="s">
        <v>111255</v>
      </c>
      <c r="H31942" s="1" t="s">
        <v>111256</v>
      </c>
      <c r="I31942" s="1" t="s">
        <v>109553</v>
      </c>
      <c r="J31942" s="1" t="s">
        <v>111334</v>
      </c>
    </row>
    <row r="31943" spans="1:10" x14ac:dyDescent="0.35">
      <c r="A31943" s="1" t="s">
        <v>111252</v>
      </c>
      <c r="B31943" s="1" t="s">
        <v>109548</v>
      </c>
      <c r="C31943" s="1" t="s">
        <v>160</v>
      </c>
      <c r="D31943" s="1" t="s">
        <v>17625</v>
      </c>
      <c r="E31943" s="1" t="s">
        <v>111335</v>
      </c>
      <c r="F31943" s="1" t="s">
        <v>111336</v>
      </c>
      <c r="G31943" s="1" t="s">
        <v>111255</v>
      </c>
      <c r="H31943" s="1" t="s">
        <v>111256</v>
      </c>
      <c r="I31943" s="1" t="s">
        <v>109553</v>
      </c>
      <c r="J31943" s="1" t="s">
        <v>111337</v>
      </c>
    </row>
    <row r="31944" spans="1:10" x14ac:dyDescent="0.35">
      <c r="A31944" s="1" t="s">
        <v>111252</v>
      </c>
      <c r="B31944" s="1" t="s">
        <v>109548</v>
      </c>
      <c r="C31944" s="1" t="s">
        <v>165</v>
      </c>
      <c r="D31944" s="1" t="s">
        <v>2445</v>
      </c>
      <c r="E31944" s="1" t="s">
        <v>480</v>
      </c>
      <c r="F31944" s="1" t="s">
        <v>111338</v>
      </c>
      <c r="G31944" s="1" t="s">
        <v>111255</v>
      </c>
      <c r="H31944" s="1" t="s">
        <v>111256</v>
      </c>
      <c r="I31944" s="1" t="s">
        <v>109553</v>
      </c>
      <c r="J31944" s="1" t="s">
        <v>111339</v>
      </c>
    </row>
    <row r="31945" spans="1:10" x14ac:dyDescent="0.35">
      <c r="A31945" s="1" t="s">
        <v>111252</v>
      </c>
      <c r="B31945" s="1" t="s">
        <v>109548</v>
      </c>
      <c r="C31945" s="1" t="s">
        <v>170</v>
      </c>
      <c r="D31945" s="1" t="s">
        <v>111340</v>
      </c>
      <c r="E31945" s="1" t="s">
        <v>111341</v>
      </c>
      <c r="F31945" s="1" t="s">
        <v>111342</v>
      </c>
      <c r="G31945" s="1" t="s">
        <v>111255</v>
      </c>
      <c r="H31945" s="1" t="s">
        <v>111256</v>
      </c>
      <c r="I31945" s="1" t="s">
        <v>109553</v>
      </c>
      <c r="J31945" s="1" t="s">
        <v>111343</v>
      </c>
    </row>
    <row r="31946" spans="1:10" x14ac:dyDescent="0.35">
      <c r="A31946" s="1" t="s">
        <v>25700</v>
      </c>
      <c r="B31946" s="1" t="s">
        <v>111344</v>
      </c>
      <c r="C31946" s="1" t="s">
        <v>8</v>
      </c>
      <c r="D31946" s="1" t="s">
        <v>27526</v>
      </c>
      <c r="E31946" s="1" t="s">
        <v>111345</v>
      </c>
      <c r="F31946" s="1" t="s">
        <v>111346</v>
      </c>
      <c r="G31946" s="1" t="s">
        <v>111347</v>
      </c>
      <c r="H31946" s="1" t="s">
        <v>111348</v>
      </c>
      <c r="I31946" s="1" t="s">
        <v>111349</v>
      </c>
      <c r="J31946" s="1" t="s">
        <v>13</v>
      </c>
    </row>
    <row r="31947" spans="1:10" x14ac:dyDescent="0.35">
      <c r="A31947" s="1" t="s">
        <v>25700</v>
      </c>
      <c r="B31947" s="1" t="s">
        <v>111344</v>
      </c>
      <c r="C31947" s="1" t="s">
        <v>15</v>
      </c>
      <c r="D31947" s="1" t="s">
        <v>14787</v>
      </c>
      <c r="E31947" s="1" t="s">
        <v>111350</v>
      </c>
      <c r="F31947" s="1" t="s">
        <v>111351</v>
      </c>
      <c r="G31947" s="1" t="s">
        <v>111347</v>
      </c>
      <c r="H31947" s="1" t="s">
        <v>111348</v>
      </c>
      <c r="I31947" s="1" t="s">
        <v>111349</v>
      </c>
      <c r="J31947" s="1" t="s">
        <v>111352</v>
      </c>
    </row>
    <row r="31948" spans="1:10" x14ac:dyDescent="0.35">
      <c r="A31948" s="1" t="s">
        <v>25700</v>
      </c>
      <c r="B31948" s="1" t="s">
        <v>111344</v>
      </c>
      <c r="C31948" s="1" t="s">
        <v>20</v>
      </c>
      <c r="D31948" s="1" t="s">
        <v>111353</v>
      </c>
      <c r="E31948" s="1" t="s">
        <v>111354</v>
      </c>
      <c r="F31948" s="1" t="s">
        <v>111355</v>
      </c>
      <c r="G31948" s="1" t="s">
        <v>111347</v>
      </c>
      <c r="H31948" s="1" t="s">
        <v>111348</v>
      </c>
      <c r="I31948" s="1" t="s">
        <v>111349</v>
      </c>
      <c r="J31948" s="1" t="s">
        <v>111356</v>
      </c>
    </row>
    <row r="31949" spans="1:10" x14ac:dyDescent="0.35">
      <c r="A31949" s="1" t="s">
        <v>25700</v>
      </c>
      <c r="B31949" s="1" t="s">
        <v>111344</v>
      </c>
      <c r="C31949" s="1" t="s">
        <v>25</v>
      </c>
      <c r="D31949" s="1" t="s">
        <v>111357</v>
      </c>
      <c r="E31949" s="1" t="s">
        <v>111358</v>
      </c>
      <c r="F31949" s="1" t="s">
        <v>111359</v>
      </c>
      <c r="G31949" s="1" t="s">
        <v>111347</v>
      </c>
      <c r="H31949" s="1" t="s">
        <v>111348</v>
      </c>
      <c r="I31949" s="1" t="s">
        <v>111349</v>
      </c>
      <c r="J31949" s="1" t="s">
        <v>111360</v>
      </c>
    </row>
    <row r="31950" spans="1:10" x14ac:dyDescent="0.35">
      <c r="A31950" s="1" t="s">
        <v>25700</v>
      </c>
      <c r="B31950" s="1" t="s">
        <v>111344</v>
      </c>
      <c r="C31950" s="1" t="s">
        <v>30</v>
      </c>
      <c r="D31950" s="1" t="s">
        <v>7067</v>
      </c>
      <c r="E31950" s="1" t="s">
        <v>111361</v>
      </c>
      <c r="F31950" s="1" t="s">
        <v>111362</v>
      </c>
      <c r="G31950" s="1" t="s">
        <v>111347</v>
      </c>
      <c r="H31950" s="1" t="s">
        <v>111348</v>
      </c>
      <c r="I31950" s="1" t="s">
        <v>111349</v>
      </c>
      <c r="J31950" s="1" t="s">
        <v>111363</v>
      </c>
    </row>
    <row r="31951" spans="1:10" x14ac:dyDescent="0.35">
      <c r="A31951" s="1" t="s">
        <v>25700</v>
      </c>
      <c r="B31951" s="1" t="s">
        <v>111344</v>
      </c>
      <c r="C31951" s="1" t="s">
        <v>35</v>
      </c>
      <c r="D31951" s="1" t="s">
        <v>34784</v>
      </c>
      <c r="E31951" s="1" t="s">
        <v>111364</v>
      </c>
      <c r="F31951" s="1" t="s">
        <v>111365</v>
      </c>
      <c r="G31951" s="1" t="s">
        <v>111347</v>
      </c>
      <c r="H31951" s="1" t="s">
        <v>111348</v>
      </c>
      <c r="I31951" s="1" t="s">
        <v>111349</v>
      </c>
      <c r="J31951" s="1" t="s">
        <v>111366</v>
      </c>
    </row>
    <row r="31952" spans="1:10" x14ac:dyDescent="0.35">
      <c r="A31952" s="1" t="s">
        <v>25700</v>
      </c>
      <c r="B31952" s="1" t="s">
        <v>111344</v>
      </c>
      <c r="C31952" s="1" t="s">
        <v>40</v>
      </c>
      <c r="D31952" s="1" t="s">
        <v>45028</v>
      </c>
      <c r="E31952" s="1" t="s">
        <v>111367</v>
      </c>
      <c r="F31952" s="1" t="s">
        <v>111368</v>
      </c>
      <c r="G31952" s="1" t="s">
        <v>111347</v>
      </c>
      <c r="H31952" s="1" t="s">
        <v>111348</v>
      </c>
      <c r="I31952" s="1" t="s">
        <v>111349</v>
      </c>
      <c r="J31952" s="1" t="s">
        <v>111369</v>
      </c>
    </row>
    <row r="31953" spans="1:10" x14ac:dyDescent="0.35">
      <c r="A31953" s="1" t="s">
        <v>25700</v>
      </c>
      <c r="B31953" s="1" t="s">
        <v>111344</v>
      </c>
      <c r="C31953" s="1" t="s">
        <v>45</v>
      </c>
      <c r="D31953" s="1" t="s">
        <v>111370</v>
      </c>
      <c r="E31953" s="1" t="s">
        <v>111371</v>
      </c>
      <c r="F31953" s="1" t="s">
        <v>111372</v>
      </c>
      <c r="G31953" s="1" t="s">
        <v>111347</v>
      </c>
      <c r="H31953" s="1" t="s">
        <v>111348</v>
      </c>
      <c r="I31953" s="1" t="s">
        <v>111349</v>
      </c>
      <c r="J31953" s="1" t="s">
        <v>111373</v>
      </c>
    </row>
    <row r="31954" spans="1:10" x14ac:dyDescent="0.35">
      <c r="A31954" s="1" t="s">
        <v>25700</v>
      </c>
      <c r="B31954" s="1" t="s">
        <v>111344</v>
      </c>
      <c r="C31954" s="1" t="s">
        <v>50</v>
      </c>
      <c r="D31954" s="1" t="s">
        <v>10334</v>
      </c>
      <c r="E31954" s="1" t="s">
        <v>111374</v>
      </c>
      <c r="F31954" s="1" t="s">
        <v>111375</v>
      </c>
      <c r="G31954" s="1" t="s">
        <v>111347</v>
      </c>
      <c r="H31954" s="1" t="s">
        <v>111348</v>
      </c>
      <c r="I31954" s="1" t="s">
        <v>111349</v>
      </c>
      <c r="J31954" s="1" t="s">
        <v>111376</v>
      </c>
    </row>
    <row r="31955" spans="1:10" x14ac:dyDescent="0.35">
      <c r="A31955" s="1" t="s">
        <v>25700</v>
      </c>
      <c r="B31955" s="1" t="s">
        <v>111344</v>
      </c>
      <c r="C31955" s="1" t="s">
        <v>55</v>
      </c>
      <c r="D31955" s="1" t="s">
        <v>29111</v>
      </c>
      <c r="E31955" s="1" t="s">
        <v>111377</v>
      </c>
      <c r="F31955" s="1" t="s">
        <v>111378</v>
      </c>
      <c r="G31955" s="1" t="s">
        <v>111347</v>
      </c>
      <c r="H31955" s="1" t="s">
        <v>111348</v>
      </c>
      <c r="I31955" s="1" t="s">
        <v>111349</v>
      </c>
      <c r="J31955" s="1" t="s">
        <v>111379</v>
      </c>
    </row>
    <row r="31956" spans="1:10" x14ac:dyDescent="0.35">
      <c r="A31956" s="1" t="s">
        <v>25700</v>
      </c>
      <c r="B31956" s="1" t="s">
        <v>111344</v>
      </c>
      <c r="C31956" s="1" t="s">
        <v>60</v>
      </c>
      <c r="D31956" s="1" t="s">
        <v>111380</v>
      </c>
      <c r="E31956" s="1" t="s">
        <v>111381</v>
      </c>
      <c r="F31956" s="1" t="s">
        <v>111382</v>
      </c>
      <c r="G31956" s="1" t="s">
        <v>111347</v>
      </c>
      <c r="H31956" s="1" t="s">
        <v>111348</v>
      </c>
      <c r="I31956" s="1" t="s">
        <v>111349</v>
      </c>
      <c r="J31956" s="1" t="s">
        <v>111383</v>
      </c>
    </row>
    <row r="31957" spans="1:10" x14ac:dyDescent="0.35">
      <c r="A31957" s="1" t="s">
        <v>25700</v>
      </c>
      <c r="B31957" s="1" t="s">
        <v>111344</v>
      </c>
      <c r="C31957" s="1" t="s">
        <v>65</v>
      </c>
      <c r="D31957" s="1" t="s">
        <v>111226</v>
      </c>
      <c r="E31957" s="1" t="s">
        <v>111384</v>
      </c>
      <c r="F31957" s="1" t="s">
        <v>111385</v>
      </c>
      <c r="G31957" s="1" t="s">
        <v>111347</v>
      </c>
      <c r="H31957" s="1" t="s">
        <v>111348</v>
      </c>
      <c r="I31957" s="1" t="s">
        <v>111349</v>
      </c>
      <c r="J31957" s="1" t="s">
        <v>111386</v>
      </c>
    </row>
    <row r="31958" spans="1:10" x14ac:dyDescent="0.35">
      <c r="A31958" s="1" t="s">
        <v>25700</v>
      </c>
      <c r="B31958" s="1" t="s">
        <v>111344</v>
      </c>
      <c r="C31958" s="1" t="s">
        <v>70</v>
      </c>
      <c r="D31958" s="1" t="s">
        <v>111387</v>
      </c>
      <c r="E31958" s="1" t="s">
        <v>111388</v>
      </c>
      <c r="F31958" s="1" t="s">
        <v>111389</v>
      </c>
      <c r="G31958" s="1" t="s">
        <v>111347</v>
      </c>
      <c r="H31958" s="1" t="s">
        <v>111348</v>
      </c>
      <c r="I31958" s="1" t="s">
        <v>111349</v>
      </c>
      <c r="J31958" s="1" t="s">
        <v>111390</v>
      </c>
    </row>
    <row r="31959" spans="1:10" x14ac:dyDescent="0.35">
      <c r="A31959" s="1" t="s">
        <v>25700</v>
      </c>
      <c r="B31959" s="1" t="s">
        <v>111344</v>
      </c>
      <c r="C31959" s="1" t="s">
        <v>75</v>
      </c>
      <c r="D31959" s="1" t="s">
        <v>111391</v>
      </c>
      <c r="E31959" s="1" t="s">
        <v>111392</v>
      </c>
      <c r="F31959" s="1" t="s">
        <v>111393</v>
      </c>
      <c r="G31959" s="1" t="s">
        <v>111347</v>
      </c>
      <c r="H31959" s="1" t="s">
        <v>111348</v>
      </c>
      <c r="I31959" s="1" t="s">
        <v>111349</v>
      </c>
      <c r="J31959" s="1" t="s">
        <v>111394</v>
      </c>
    </row>
    <row r="31960" spans="1:10" x14ac:dyDescent="0.35">
      <c r="A31960" s="1" t="s">
        <v>25700</v>
      </c>
      <c r="B31960" s="1" t="s">
        <v>111344</v>
      </c>
      <c r="C31960" s="1" t="s">
        <v>80</v>
      </c>
      <c r="D31960" s="1" t="s">
        <v>111395</v>
      </c>
      <c r="E31960" s="1" t="s">
        <v>111396</v>
      </c>
      <c r="F31960" s="1" t="s">
        <v>111397</v>
      </c>
      <c r="G31960" s="1" t="s">
        <v>111347</v>
      </c>
      <c r="H31960" s="1" t="s">
        <v>111348</v>
      </c>
      <c r="I31960" s="1" t="s">
        <v>111349</v>
      </c>
      <c r="J31960" s="1" t="s">
        <v>111398</v>
      </c>
    </row>
    <row r="31961" spans="1:10" x14ac:dyDescent="0.35">
      <c r="A31961" s="1" t="s">
        <v>25700</v>
      </c>
      <c r="B31961" s="1" t="s">
        <v>111344</v>
      </c>
      <c r="C31961" s="1" t="s">
        <v>85</v>
      </c>
      <c r="D31961" s="1" t="s">
        <v>36174</v>
      </c>
      <c r="E31961" s="1" t="s">
        <v>111399</v>
      </c>
      <c r="F31961" s="1" t="s">
        <v>111400</v>
      </c>
      <c r="G31961" s="1" t="s">
        <v>111347</v>
      </c>
      <c r="H31961" s="1" t="s">
        <v>111348</v>
      </c>
      <c r="I31961" s="1" t="s">
        <v>111349</v>
      </c>
      <c r="J31961" s="1" t="s">
        <v>111401</v>
      </c>
    </row>
    <row r="31962" spans="1:10" x14ac:dyDescent="0.35">
      <c r="A31962" s="1" t="s">
        <v>25700</v>
      </c>
      <c r="B31962" s="1" t="s">
        <v>111344</v>
      </c>
      <c r="C31962" s="1" t="s">
        <v>90</v>
      </c>
      <c r="D31962" s="1" t="s">
        <v>52019</v>
      </c>
      <c r="E31962" s="1" t="s">
        <v>111402</v>
      </c>
      <c r="F31962" s="1" t="s">
        <v>111403</v>
      </c>
      <c r="G31962" s="1" t="s">
        <v>111347</v>
      </c>
      <c r="H31962" s="1" t="s">
        <v>111348</v>
      </c>
      <c r="I31962" s="1" t="s">
        <v>111349</v>
      </c>
      <c r="J31962" s="1" t="s">
        <v>111404</v>
      </c>
    </row>
    <row r="31963" spans="1:10" x14ac:dyDescent="0.35">
      <c r="A31963" s="1" t="s">
        <v>25700</v>
      </c>
      <c r="B31963" s="1" t="s">
        <v>111344</v>
      </c>
      <c r="C31963" s="1" t="s">
        <v>95</v>
      </c>
      <c r="D31963" s="1" t="s">
        <v>34678</v>
      </c>
      <c r="E31963" s="1" t="s">
        <v>111405</v>
      </c>
      <c r="F31963" s="1" t="s">
        <v>111406</v>
      </c>
      <c r="G31963" s="1" t="s">
        <v>111347</v>
      </c>
      <c r="H31963" s="1" t="s">
        <v>111348</v>
      </c>
      <c r="I31963" s="1" t="s">
        <v>111349</v>
      </c>
      <c r="J31963" s="1" t="s">
        <v>111407</v>
      </c>
    </row>
    <row r="31964" spans="1:10" x14ac:dyDescent="0.35">
      <c r="A31964" s="1" t="s">
        <v>25700</v>
      </c>
      <c r="B31964" s="1" t="s">
        <v>111344</v>
      </c>
      <c r="C31964" s="1" t="s">
        <v>100</v>
      </c>
      <c r="D31964" s="1" t="s">
        <v>111408</v>
      </c>
      <c r="E31964" s="1" t="s">
        <v>111409</v>
      </c>
      <c r="F31964" s="1" t="s">
        <v>111410</v>
      </c>
      <c r="G31964" s="1" t="s">
        <v>111347</v>
      </c>
      <c r="H31964" s="1" t="s">
        <v>111348</v>
      </c>
      <c r="I31964" s="1" t="s">
        <v>111349</v>
      </c>
      <c r="J31964" s="1" t="s">
        <v>111411</v>
      </c>
    </row>
    <row r="31965" spans="1:10" x14ac:dyDescent="0.35">
      <c r="A31965" s="1" t="s">
        <v>25700</v>
      </c>
      <c r="B31965" s="1" t="s">
        <v>111344</v>
      </c>
      <c r="C31965" s="1" t="s">
        <v>105</v>
      </c>
      <c r="D31965" s="1" t="s">
        <v>48602</v>
      </c>
      <c r="E31965" s="1" t="s">
        <v>111412</v>
      </c>
      <c r="F31965" s="1" t="s">
        <v>111413</v>
      </c>
      <c r="G31965" s="1" t="s">
        <v>111347</v>
      </c>
      <c r="H31965" s="1" t="s">
        <v>111348</v>
      </c>
      <c r="I31965" s="1" t="s">
        <v>111349</v>
      </c>
      <c r="J31965" s="1" t="s">
        <v>111414</v>
      </c>
    </row>
    <row r="31966" spans="1:10" x14ac:dyDescent="0.35">
      <c r="A31966" s="1" t="s">
        <v>25700</v>
      </c>
      <c r="B31966" s="1" t="s">
        <v>111344</v>
      </c>
      <c r="C31966" s="1" t="s">
        <v>110</v>
      </c>
      <c r="D31966" s="1" t="s">
        <v>111415</v>
      </c>
      <c r="E31966" s="1" t="s">
        <v>111416</v>
      </c>
      <c r="F31966" s="1" t="s">
        <v>111417</v>
      </c>
      <c r="G31966" s="1" t="s">
        <v>111347</v>
      </c>
      <c r="H31966" s="1" t="s">
        <v>111348</v>
      </c>
      <c r="I31966" s="1" t="s">
        <v>111349</v>
      </c>
      <c r="J31966" s="1" t="s">
        <v>111418</v>
      </c>
    </row>
    <row r="31967" spans="1:10" x14ac:dyDescent="0.35">
      <c r="A31967" s="1" t="s">
        <v>25700</v>
      </c>
      <c r="B31967" s="1" t="s">
        <v>111344</v>
      </c>
      <c r="C31967" s="1" t="s">
        <v>115</v>
      </c>
      <c r="D31967" s="1" t="s">
        <v>111419</v>
      </c>
      <c r="E31967" s="1" t="s">
        <v>111420</v>
      </c>
      <c r="F31967" s="1" t="s">
        <v>111421</v>
      </c>
      <c r="G31967" s="1" t="s">
        <v>111347</v>
      </c>
      <c r="H31967" s="1" t="s">
        <v>111348</v>
      </c>
      <c r="I31967" s="1" t="s">
        <v>111349</v>
      </c>
      <c r="J31967" s="1" t="s">
        <v>111422</v>
      </c>
    </row>
    <row r="31968" spans="1:10" x14ac:dyDescent="0.35">
      <c r="A31968" s="1" t="s">
        <v>25700</v>
      </c>
      <c r="B31968" s="1" t="s">
        <v>111344</v>
      </c>
      <c r="C31968" s="1" t="s">
        <v>120</v>
      </c>
      <c r="D31968" s="1" t="s">
        <v>37435</v>
      </c>
      <c r="E31968" s="1" t="s">
        <v>111423</v>
      </c>
      <c r="F31968" s="1" t="s">
        <v>111424</v>
      </c>
      <c r="G31968" s="1" t="s">
        <v>111347</v>
      </c>
      <c r="H31968" s="1" t="s">
        <v>111348</v>
      </c>
      <c r="I31968" s="1" t="s">
        <v>111349</v>
      </c>
      <c r="J31968" s="1" t="s">
        <v>111425</v>
      </c>
    </row>
    <row r="31969" spans="1:10" x14ac:dyDescent="0.35">
      <c r="A31969" s="1" t="s">
        <v>25700</v>
      </c>
      <c r="B31969" s="1" t="s">
        <v>111344</v>
      </c>
      <c r="C31969" s="1" t="s">
        <v>125</v>
      </c>
      <c r="D31969" s="1" t="s">
        <v>72686</v>
      </c>
      <c r="E31969" s="1" t="s">
        <v>111426</v>
      </c>
      <c r="F31969" s="1" t="s">
        <v>111427</v>
      </c>
      <c r="G31969" s="1" t="s">
        <v>111347</v>
      </c>
      <c r="H31969" s="1" t="s">
        <v>111348</v>
      </c>
      <c r="I31969" s="1" t="s">
        <v>111349</v>
      </c>
      <c r="J31969" s="1" t="s">
        <v>111428</v>
      </c>
    </row>
    <row r="31970" spans="1:10" x14ac:dyDescent="0.35">
      <c r="A31970" s="1" t="s">
        <v>25700</v>
      </c>
      <c r="B31970" s="1" t="s">
        <v>111344</v>
      </c>
      <c r="C31970" s="1" t="s">
        <v>130</v>
      </c>
      <c r="D31970" s="1" t="s">
        <v>111429</v>
      </c>
      <c r="E31970" s="1" t="s">
        <v>111430</v>
      </c>
      <c r="F31970" s="1" t="s">
        <v>111431</v>
      </c>
      <c r="G31970" s="1" t="s">
        <v>111347</v>
      </c>
      <c r="H31970" s="1" t="s">
        <v>111348</v>
      </c>
      <c r="I31970" s="1" t="s">
        <v>111349</v>
      </c>
      <c r="J31970" s="1" t="s">
        <v>111432</v>
      </c>
    </row>
    <row r="31971" spans="1:10" x14ac:dyDescent="0.35">
      <c r="A31971" s="1" t="s">
        <v>25700</v>
      </c>
      <c r="B31971" s="1" t="s">
        <v>111344</v>
      </c>
      <c r="C31971" s="1" t="s">
        <v>135</v>
      </c>
      <c r="D31971" s="1" t="s">
        <v>14615</v>
      </c>
      <c r="E31971" s="1" t="s">
        <v>111433</v>
      </c>
      <c r="F31971" s="1" t="s">
        <v>111434</v>
      </c>
      <c r="G31971" s="1" t="s">
        <v>111347</v>
      </c>
      <c r="H31971" s="1" t="s">
        <v>111348</v>
      </c>
      <c r="I31971" s="1" t="s">
        <v>111349</v>
      </c>
      <c r="J31971" s="1" t="s">
        <v>111435</v>
      </c>
    </row>
    <row r="31972" spans="1:10" x14ac:dyDescent="0.35">
      <c r="A31972" s="1" t="s">
        <v>25700</v>
      </c>
      <c r="B31972" s="1" t="s">
        <v>111344</v>
      </c>
      <c r="C31972" s="1" t="s">
        <v>140</v>
      </c>
      <c r="D31972" s="1" t="s">
        <v>15444</v>
      </c>
      <c r="E31972" s="1" t="s">
        <v>111436</v>
      </c>
      <c r="F31972" s="1" t="s">
        <v>111437</v>
      </c>
      <c r="G31972" s="1" t="s">
        <v>111347</v>
      </c>
      <c r="H31972" s="1" t="s">
        <v>111348</v>
      </c>
      <c r="I31972" s="1" t="s">
        <v>111349</v>
      </c>
      <c r="J31972" s="1" t="s">
        <v>111438</v>
      </c>
    </row>
    <row r="31973" spans="1:10" x14ac:dyDescent="0.35">
      <c r="A31973" s="1" t="s">
        <v>25700</v>
      </c>
      <c r="B31973" s="1" t="s">
        <v>111344</v>
      </c>
      <c r="C31973" s="1" t="s">
        <v>145</v>
      </c>
      <c r="D31973" s="1" t="s">
        <v>34508</v>
      </c>
      <c r="E31973" s="1" t="s">
        <v>111439</v>
      </c>
      <c r="F31973" s="1" t="s">
        <v>111440</v>
      </c>
      <c r="G31973" s="1" t="s">
        <v>111347</v>
      </c>
      <c r="H31973" s="1" t="s">
        <v>111348</v>
      </c>
      <c r="I31973" s="1" t="s">
        <v>111349</v>
      </c>
      <c r="J31973" s="1" t="s">
        <v>111441</v>
      </c>
    </row>
    <row r="31974" spans="1:10" x14ac:dyDescent="0.35">
      <c r="A31974" s="1" t="s">
        <v>25700</v>
      </c>
      <c r="B31974" s="1" t="s">
        <v>111344</v>
      </c>
      <c r="C31974" s="1" t="s">
        <v>150</v>
      </c>
      <c r="D31974" s="1" t="s">
        <v>38830</v>
      </c>
      <c r="E31974" s="1" t="s">
        <v>111442</v>
      </c>
      <c r="F31974" s="1" t="s">
        <v>111443</v>
      </c>
      <c r="G31974" s="1" t="s">
        <v>111347</v>
      </c>
      <c r="H31974" s="1" t="s">
        <v>111348</v>
      </c>
      <c r="I31974" s="1" t="s">
        <v>111349</v>
      </c>
      <c r="J31974" s="1" t="s">
        <v>111444</v>
      </c>
    </row>
    <row r="31975" spans="1:10" x14ac:dyDescent="0.35">
      <c r="A31975" s="1" t="s">
        <v>25700</v>
      </c>
      <c r="B31975" s="1" t="s">
        <v>111344</v>
      </c>
      <c r="C31975" s="1" t="s">
        <v>155</v>
      </c>
      <c r="D31975" s="1" t="s">
        <v>29134</v>
      </c>
      <c r="E31975" s="1" t="s">
        <v>111445</v>
      </c>
      <c r="F31975" s="1" t="s">
        <v>111446</v>
      </c>
      <c r="G31975" s="1" t="s">
        <v>111347</v>
      </c>
      <c r="H31975" s="1" t="s">
        <v>111348</v>
      </c>
      <c r="I31975" s="1" t="s">
        <v>111349</v>
      </c>
      <c r="J31975" s="1" t="s">
        <v>111447</v>
      </c>
    </row>
    <row r="31976" spans="1:10" x14ac:dyDescent="0.35">
      <c r="A31976" s="1" t="s">
        <v>25700</v>
      </c>
      <c r="B31976" s="1" t="s">
        <v>111344</v>
      </c>
      <c r="C31976" s="1" t="s">
        <v>160</v>
      </c>
      <c r="D31976" s="1" t="s">
        <v>111448</v>
      </c>
      <c r="E31976" s="1" t="s">
        <v>111449</v>
      </c>
      <c r="F31976" s="1" t="s">
        <v>111450</v>
      </c>
      <c r="G31976" s="1" t="s">
        <v>111347</v>
      </c>
      <c r="H31976" s="1" t="s">
        <v>111348</v>
      </c>
      <c r="I31976" s="1" t="s">
        <v>111349</v>
      </c>
      <c r="J31976" s="1" t="s">
        <v>111451</v>
      </c>
    </row>
    <row r="31977" spans="1:10" x14ac:dyDescent="0.35">
      <c r="A31977" s="1" t="s">
        <v>25700</v>
      </c>
      <c r="B31977" s="1" t="s">
        <v>111344</v>
      </c>
      <c r="C31977" s="1" t="s">
        <v>165</v>
      </c>
      <c r="D31977" s="1" t="s">
        <v>111452</v>
      </c>
      <c r="E31977" s="1" t="s">
        <v>111453</v>
      </c>
      <c r="F31977" s="1" t="s">
        <v>111454</v>
      </c>
      <c r="G31977" s="1" t="s">
        <v>111347</v>
      </c>
      <c r="H31977" s="1" t="s">
        <v>111348</v>
      </c>
      <c r="I31977" s="1" t="s">
        <v>111349</v>
      </c>
      <c r="J31977" s="1" t="s">
        <v>111455</v>
      </c>
    </row>
    <row r="31978" spans="1:10" x14ac:dyDescent="0.35">
      <c r="A31978" s="1" t="s">
        <v>25700</v>
      </c>
      <c r="B31978" s="1" t="s">
        <v>111344</v>
      </c>
      <c r="C31978" s="1" t="s">
        <v>170</v>
      </c>
      <c r="D31978" s="1" t="s">
        <v>111456</v>
      </c>
      <c r="E31978" s="1" t="s">
        <v>111457</v>
      </c>
      <c r="F31978" s="1" t="s">
        <v>111458</v>
      </c>
      <c r="G31978" s="1" t="s">
        <v>111347</v>
      </c>
      <c r="H31978" s="1" t="s">
        <v>111348</v>
      </c>
      <c r="I31978" s="1" t="s">
        <v>111349</v>
      </c>
      <c r="J31978" s="1" t="s">
        <v>111459</v>
      </c>
    </row>
    <row r="31979" spans="1:10" x14ac:dyDescent="0.35">
      <c r="A31979" s="1" t="s">
        <v>111460</v>
      </c>
      <c r="B31979" s="1" t="s">
        <v>111344</v>
      </c>
      <c r="C31979" s="1" t="s">
        <v>8</v>
      </c>
      <c r="D31979" s="1" t="s">
        <v>111461</v>
      </c>
      <c r="E31979" s="1" t="s">
        <v>111462</v>
      </c>
      <c r="F31979" s="1" t="s">
        <v>111463</v>
      </c>
      <c r="G31979" s="1" t="s">
        <v>111464</v>
      </c>
      <c r="H31979" s="1" t="s">
        <v>111465</v>
      </c>
      <c r="I31979" s="1" t="s">
        <v>111349</v>
      </c>
      <c r="J31979" s="1" t="s">
        <v>13</v>
      </c>
    </row>
    <row r="31980" spans="1:10" x14ac:dyDescent="0.35">
      <c r="A31980" s="1" t="s">
        <v>111460</v>
      </c>
      <c r="B31980" s="1" t="s">
        <v>111344</v>
      </c>
      <c r="C31980" s="1" t="s">
        <v>15</v>
      </c>
      <c r="D31980" s="1" t="s">
        <v>10110</v>
      </c>
      <c r="E31980" s="1" t="s">
        <v>111466</v>
      </c>
      <c r="F31980" s="1" t="s">
        <v>111467</v>
      </c>
      <c r="G31980" s="1" t="s">
        <v>111464</v>
      </c>
      <c r="H31980" s="1" t="s">
        <v>111465</v>
      </c>
      <c r="I31980" s="1" t="s">
        <v>111349</v>
      </c>
      <c r="J31980" s="1" t="s">
        <v>111468</v>
      </c>
    </row>
    <row r="31981" spans="1:10" x14ac:dyDescent="0.35">
      <c r="A31981" s="1" t="s">
        <v>111460</v>
      </c>
      <c r="B31981" s="1" t="s">
        <v>111344</v>
      </c>
      <c r="C31981" s="1" t="s">
        <v>20</v>
      </c>
      <c r="D31981" s="1" t="s">
        <v>111469</v>
      </c>
      <c r="E31981" s="1" t="s">
        <v>111466</v>
      </c>
      <c r="F31981" s="1" t="s">
        <v>111470</v>
      </c>
      <c r="G31981" s="1" t="s">
        <v>111464</v>
      </c>
      <c r="H31981" s="1" t="s">
        <v>111465</v>
      </c>
      <c r="I31981" s="1" t="s">
        <v>111349</v>
      </c>
      <c r="J31981" s="1" t="s">
        <v>111471</v>
      </c>
    </row>
    <row r="31982" spans="1:10" x14ac:dyDescent="0.35">
      <c r="A31982" s="1" t="s">
        <v>111460</v>
      </c>
      <c r="B31982" s="1" t="s">
        <v>111344</v>
      </c>
      <c r="C31982" s="1" t="s">
        <v>25</v>
      </c>
      <c r="D31982" s="1" t="s">
        <v>5720</v>
      </c>
      <c r="E31982" s="1" t="s">
        <v>111472</v>
      </c>
      <c r="F31982" s="1" t="s">
        <v>111473</v>
      </c>
      <c r="G31982" s="1" t="s">
        <v>111464</v>
      </c>
      <c r="H31982" s="1" t="s">
        <v>111465</v>
      </c>
      <c r="I31982" s="1" t="s">
        <v>111349</v>
      </c>
      <c r="J31982" s="1" t="s">
        <v>111474</v>
      </c>
    </row>
    <row r="31983" spans="1:10" x14ac:dyDescent="0.35">
      <c r="A31983" s="1" t="s">
        <v>111460</v>
      </c>
      <c r="B31983" s="1" t="s">
        <v>111344</v>
      </c>
      <c r="C31983" s="1" t="s">
        <v>30</v>
      </c>
      <c r="D31983" s="1" t="s">
        <v>35167</v>
      </c>
      <c r="E31983" s="1" t="s">
        <v>12234</v>
      </c>
      <c r="F31983" s="1" t="s">
        <v>111475</v>
      </c>
      <c r="G31983" s="1" t="s">
        <v>111464</v>
      </c>
      <c r="H31983" s="1" t="s">
        <v>111465</v>
      </c>
      <c r="I31983" s="1" t="s">
        <v>111349</v>
      </c>
      <c r="J31983" s="1" t="s">
        <v>111476</v>
      </c>
    </row>
    <row r="31984" spans="1:10" x14ac:dyDescent="0.35">
      <c r="A31984" s="1" t="s">
        <v>111460</v>
      </c>
      <c r="B31984" s="1" t="s">
        <v>111344</v>
      </c>
      <c r="C31984" s="1" t="s">
        <v>35</v>
      </c>
      <c r="D31984" s="1" t="s">
        <v>28436</v>
      </c>
      <c r="E31984" s="1" t="s">
        <v>111477</v>
      </c>
      <c r="F31984" s="1" t="s">
        <v>111478</v>
      </c>
      <c r="G31984" s="1" t="s">
        <v>111464</v>
      </c>
      <c r="H31984" s="1" t="s">
        <v>111465</v>
      </c>
      <c r="I31984" s="1" t="s">
        <v>111349</v>
      </c>
      <c r="J31984" s="1" t="s">
        <v>111479</v>
      </c>
    </row>
    <row r="31985" spans="1:10" x14ac:dyDescent="0.35">
      <c r="A31985" s="1" t="s">
        <v>111460</v>
      </c>
      <c r="B31985" s="1" t="s">
        <v>111344</v>
      </c>
      <c r="C31985" s="1" t="s">
        <v>40</v>
      </c>
      <c r="D31985" s="1" t="s">
        <v>10023</v>
      </c>
      <c r="E31985" s="1" t="s">
        <v>111480</v>
      </c>
      <c r="F31985" s="1" t="s">
        <v>111481</v>
      </c>
      <c r="G31985" s="1" t="s">
        <v>111464</v>
      </c>
      <c r="H31985" s="1" t="s">
        <v>111465</v>
      </c>
      <c r="I31985" s="1" t="s">
        <v>111349</v>
      </c>
      <c r="J31985" s="1" t="s">
        <v>111482</v>
      </c>
    </row>
    <row r="31986" spans="1:10" x14ac:dyDescent="0.35">
      <c r="A31986" s="1" t="s">
        <v>111460</v>
      </c>
      <c r="B31986" s="1" t="s">
        <v>111344</v>
      </c>
      <c r="C31986" s="1" t="s">
        <v>45</v>
      </c>
      <c r="D31986" s="1" t="s">
        <v>47327</v>
      </c>
      <c r="E31986" s="1" t="s">
        <v>111483</v>
      </c>
      <c r="F31986" s="1" t="s">
        <v>29135</v>
      </c>
      <c r="G31986" s="1" t="s">
        <v>111464</v>
      </c>
      <c r="H31986" s="1" t="s">
        <v>111465</v>
      </c>
      <c r="I31986" s="1" t="s">
        <v>111349</v>
      </c>
      <c r="J31986" s="1" t="s">
        <v>111484</v>
      </c>
    </row>
    <row r="31987" spans="1:10" x14ac:dyDescent="0.35">
      <c r="A31987" s="1" t="s">
        <v>111460</v>
      </c>
      <c r="B31987" s="1" t="s">
        <v>111344</v>
      </c>
      <c r="C31987" s="1" t="s">
        <v>50</v>
      </c>
      <c r="D31987" s="1" t="s">
        <v>8365</v>
      </c>
      <c r="E31987" s="1" t="s">
        <v>111485</v>
      </c>
      <c r="F31987" s="1" t="s">
        <v>111486</v>
      </c>
      <c r="G31987" s="1" t="s">
        <v>111464</v>
      </c>
      <c r="H31987" s="1" t="s">
        <v>111465</v>
      </c>
      <c r="I31987" s="1" t="s">
        <v>111349</v>
      </c>
      <c r="J31987" s="1" t="s">
        <v>111487</v>
      </c>
    </row>
    <row r="31988" spans="1:10" x14ac:dyDescent="0.35">
      <c r="A31988" s="1" t="s">
        <v>111460</v>
      </c>
      <c r="B31988" s="1" t="s">
        <v>111344</v>
      </c>
      <c r="C31988" s="1" t="s">
        <v>55</v>
      </c>
      <c r="D31988" s="1" t="s">
        <v>111488</v>
      </c>
      <c r="E31988" s="1" t="s">
        <v>111489</v>
      </c>
      <c r="F31988" s="1" t="s">
        <v>111490</v>
      </c>
      <c r="G31988" s="1" t="s">
        <v>111464</v>
      </c>
      <c r="H31988" s="1" t="s">
        <v>111465</v>
      </c>
      <c r="I31988" s="1" t="s">
        <v>111349</v>
      </c>
      <c r="J31988" s="1" t="s">
        <v>111491</v>
      </c>
    </row>
    <row r="31989" spans="1:10" x14ac:dyDescent="0.35">
      <c r="A31989" s="1" t="s">
        <v>111460</v>
      </c>
      <c r="B31989" s="1" t="s">
        <v>111344</v>
      </c>
      <c r="C31989" s="1" t="s">
        <v>60</v>
      </c>
      <c r="D31989" s="1" t="s">
        <v>111492</v>
      </c>
      <c r="E31989" s="1" t="s">
        <v>27514</v>
      </c>
      <c r="F31989" s="1" t="s">
        <v>111493</v>
      </c>
      <c r="G31989" s="1" t="s">
        <v>111464</v>
      </c>
      <c r="H31989" s="1" t="s">
        <v>111465</v>
      </c>
      <c r="I31989" s="1" t="s">
        <v>111349</v>
      </c>
      <c r="J31989" s="1" t="s">
        <v>111494</v>
      </c>
    </row>
    <row r="31990" spans="1:10" x14ac:dyDescent="0.35">
      <c r="A31990" s="1" t="s">
        <v>111460</v>
      </c>
      <c r="B31990" s="1" t="s">
        <v>111344</v>
      </c>
      <c r="C31990" s="1" t="s">
        <v>65</v>
      </c>
      <c r="D31990" s="1" t="s">
        <v>111495</v>
      </c>
      <c r="E31990" s="1" t="s">
        <v>111496</v>
      </c>
      <c r="F31990" s="1" t="s">
        <v>111497</v>
      </c>
      <c r="G31990" s="1" t="s">
        <v>111464</v>
      </c>
      <c r="H31990" s="1" t="s">
        <v>111465</v>
      </c>
      <c r="I31990" s="1" t="s">
        <v>111349</v>
      </c>
      <c r="J31990" s="1" t="s">
        <v>111498</v>
      </c>
    </row>
    <row r="31991" spans="1:10" x14ac:dyDescent="0.35">
      <c r="A31991" s="1" t="s">
        <v>111460</v>
      </c>
      <c r="B31991" s="1" t="s">
        <v>111344</v>
      </c>
      <c r="C31991" s="1" t="s">
        <v>70</v>
      </c>
      <c r="D31991" s="1" t="s">
        <v>8099</v>
      </c>
      <c r="E31991" s="1" t="s">
        <v>111499</v>
      </c>
      <c r="F31991" s="1" t="s">
        <v>111500</v>
      </c>
      <c r="G31991" s="1" t="s">
        <v>111464</v>
      </c>
      <c r="H31991" s="1" t="s">
        <v>111465</v>
      </c>
      <c r="I31991" s="1" t="s">
        <v>111349</v>
      </c>
      <c r="J31991" s="1" t="s">
        <v>111501</v>
      </c>
    </row>
    <row r="31992" spans="1:10" x14ac:dyDescent="0.35">
      <c r="A31992" s="1" t="s">
        <v>111460</v>
      </c>
      <c r="B31992" s="1" t="s">
        <v>111344</v>
      </c>
      <c r="C31992" s="1" t="s">
        <v>75</v>
      </c>
      <c r="D31992" s="1" t="s">
        <v>35148</v>
      </c>
      <c r="E31992" s="1" t="s">
        <v>111502</v>
      </c>
      <c r="F31992" s="1" t="s">
        <v>111503</v>
      </c>
      <c r="G31992" s="1" t="s">
        <v>111464</v>
      </c>
      <c r="H31992" s="1" t="s">
        <v>111465</v>
      </c>
      <c r="I31992" s="1" t="s">
        <v>111349</v>
      </c>
      <c r="J31992" s="1" t="s">
        <v>111504</v>
      </c>
    </row>
    <row r="31993" spans="1:10" x14ac:dyDescent="0.35">
      <c r="A31993" s="1" t="s">
        <v>111460</v>
      </c>
      <c r="B31993" s="1" t="s">
        <v>111344</v>
      </c>
      <c r="C31993" s="1" t="s">
        <v>80</v>
      </c>
      <c r="D31993" s="1" t="s">
        <v>45983</v>
      </c>
      <c r="E31993" s="1" t="s">
        <v>111505</v>
      </c>
      <c r="F31993" s="1" t="s">
        <v>111506</v>
      </c>
      <c r="G31993" s="1" t="s">
        <v>111464</v>
      </c>
      <c r="H31993" s="1" t="s">
        <v>111465</v>
      </c>
      <c r="I31993" s="1" t="s">
        <v>111349</v>
      </c>
      <c r="J31993" s="1" t="s">
        <v>111507</v>
      </c>
    </row>
    <row r="31994" spans="1:10" x14ac:dyDescent="0.35">
      <c r="A31994" s="1" t="s">
        <v>111460</v>
      </c>
      <c r="B31994" s="1" t="s">
        <v>111344</v>
      </c>
      <c r="C31994" s="1" t="s">
        <v>85</v>
      </c>
      <c r="D31994" s="1" t="s">
        <v>110571</v>
      </c>
      <c r="E31994" s="1" t="s">
        <v>111508</v>
      </c>
      <c r="F31994" s="1" t="s">
        <v>111509</v>
      </c>
      <c r="G31994" s="1" t="s">
        <v>111464</v>
      </c>
      <c r="H31994" s="1" t="s">
        <v>111465</v>
      </c>
      <c r="I31994" s="1" t="s">
        <v>111349</v>
      </c>
      <c r="J31994" s="1" t="s">
        <v>111510</v>
      </c>
    </row>
    <row r="31995" spans="1:10" x14ac:dyDescent="0.35">
      <c r="A31995" s="1" t="s">
        <v>111460</v>
      </c>
      <c r="B31995" s="1" t="s">
        <v>111344</v>
      </c>
      <c r="C31995" s="1" t="s">
        <v>90</v>
      </c>
      <c r="D31995" s="1" t="s">
        <v>24989</v>
      </c>
      <c r="E31995" s="1" t="s">
        <v>111511</v>
      </c>
      <c r="F31995" s="1" t="s">
        <v>111512</v>
      </c>
      <c r="G31995" s="1" t="s">
        <v>111464</v>
      </c>
      <c r="H31995" s="1" t="s">
        <v>111465</v>
      </c>
      <c r="I31995" s="1" t="s">
        <v>111349</v>
      </c>
      <c r="J31995" s="1" t="s">
        <v>111513</v>
      </c>
    </row>
    <row r="31996" spans="1:10" x14ac:dyDescent="0.35">
      <c r="A31996" s="1" t="s">
        <v>111460</v>
      </c>
      <c r="B31996" s="1" t="s">
        <v>111344</v>
      </c>
      <c r="C31996" s="1" t="s">
        <v>95</v>
      </c>
      <c r="D31996" s="1" t="s">
        <v>111514</v>
      </c>
      <c r="E31996" s="1" t="s">
        <v>111515</v>
      </c>
      <c r="F31996" s="1" t="s">
        <v>111516</v>
      </c>
      <c r="G31996" s="1" t="s">
        <v>111464</v>
      </c>
      <c r="H31996" s="1" t="s">
        <v>111465</v>
      </c>
      <c r="I31996" s="1" t="s">
        <v>111349</v>
      </c>
      <c r="J31996" s="1" t="s">
        <v>111517</v>
      </c>
    </row>
    <row r="31997" spans="1:10" x14ac:dyDescent="0.35">
      <c r="A31997" s="1" t="s">
        <v>111460</v>
      </c>
      <c r="B31997" s="1" t="s">
        <v>111344</v>
      </c>
      <c r="C31997" s="1" t="s">
        <v>100</v>
      </c>
      <c r="D31997" s="1" t="s">
        <v>27421</v>
      </c>
      <c r="E31997" s="1" t="s">
        <v>111518</v>
      </c>
      <c r="F31997" s="1" t="s">
        <v>111519</v>
      </c>
      <c r="G31997" s="1" t="s">
        <v>111464</v>
      </c>
      <c r="H31997" s="1" t="s">
        <v>111465</v>
      </c>
      <c r="I31997" s="1" t="s">
        <v>111349</v>
      </c>
      <c r="J31997" s="1" t="s">
        <v>111520</v>
      </c>
    </row>
    <row r="31998" spans="1:10" x14ac:dyDescent="0.35">
      <c r="A31998" s="1" t="s">
        <v>111460</v>
      </c>
      <c r="B31998" s="1" t="s">
        <v>111344</v>
      </c>
      <c r="C31998" s="1" t="s">
        <v>105</v>
      </c>
      <c r="D31998" s="1" t="s">
        <v>10205</v>
      </c>
      <c r="E31998" s="1" t="s">
        <v>111521</v>
      </c>
      <c r="F31998" s="1" t="s">
        <v>111522</v>
      </c>
      <c r="G31998" s="1" t="s">
        <v>111464</v>
      </c>
      <c r="H31998" s="1" t="s">
        <v>111465</v>
      </c>
      <c r="I31998" s="1" t="s">
        <v>111349</v>
      </c>
      <c r="J31998" s="1" t="s">
        <v>111523</v>
      </c>
    </row>
    <row r="31999" spans="1:10" x14ac:dyDescent="0.35">
      <c r="A31999" s="1" t="s">
        <v>111460</v>
      </c>
      <c r="B31999" s="1" t="s">
        <v>111344</v>
      </c>
      <c r="C31999" s="1" t="s">
        <v>110</v>
      </c>
      <c r="D31999" s="1" t="s">
        <v>111524</v>
      </c>
      <c r="E31999" s="1" t="s">
        <v>111525</v>
      </c>
      <c r="F31999" s="1" t="s">
        <v>111526</v>
      </c>
      <c r="G31999" s="1" t="s">
        <v>111464</v>
      </c>
      <c r="H31999" s="1" t="s">
        <v>111465</v>
      </c>
      <c r="I31999" s="1" t="s">
        <v>111349</v>
      </c>
      <c r="J31999" s="1" t="s">
        <v>111527</v>
      </c>
    </row>
    <row r="32000" spans="1:10" x14ac:dyDescent="0.35">
      <c r="A32000" s="1" t="s">
        <v>111460</v>
      </c>
      <c r="B32000" s="1" t="s">
        <v>111344</v>
      </c>
      <c r="C32000" s="1" t="s">
        <v>115</v>
      </c>
      <c r="D32000" s="1" t="s">
        <v>4697</v>
      </c>
      <c r="E32000" s="1" t="s">
        <v>111528</v>
      </c>
      <c r="F32000" s="1" t="s">
        <v>109936</v>
      </c>
      <c r="G32000" s="1" t="s">
        <v>111464</v>
      </c>
      <c r="H32000" s="1" t="s">
        <v>111465</v>
      </c>
      <c r="I32000" s="1" t="s">
        <v>111349</v>
      </c>
      <c r="J32000" s="1" t="s">
        <v>111529</v>
      </c>
    </row>
    <row r="32001" spans="1:10" x14ac:dyDescent="0.35">
      <c r="A32001" s="1" t="s">
        <v>111460</v>
      </c>
      <c r="B32001" s="1" t="s">
        <v>111344</v>
      </c>
      <c r="C32001" s="1" t="s">
        <v>120</v>
      </c>
      <c r="D32001" s="1" t="s">
        <v>1580</v>
      </c>
      <c r="E32001" s="1" t="s">
        <v>111530</v>
      </c>
      <c r="F32001" s="1" t="s">
        <v>111531</v>
      </c>
      <c r="G32001" s="1" t="s">
        <v>111464</v>
      </c>
      <c r="H32001" s="1" t="s">
        <v>111465</v>
      </c>
      <c r="I32001" s="1" t="s">
        <v>111349</v>
      </c>
      <c r="J32001" s="1" t="s">
        <v>111532</v>
      </c>
    </row>
    <row r="32002" spans="1:10" x14ac:dyDescent="0.35">
      <c r="A32002" s="1" t="s">
        <v>111460</v>
      </c>
      <c r="B32002" s="1" t="s">
        <v>111344</v>
      </c>
      <c r="C32002" s="1" t="s">
        <v>125</v>
      </c>
      <c r="D32002" s="1" t="s">
        <v>10032</v>
      </c>
      <c r="E32002" s="1" t="s">
        <v>111533</v>
      </c>
      <c r="F32002" s="1" t="s">
        <v>111534</v>
      </c>
      <c r="G32002" s="1" t="s">
        <v>111464</v>
      </c>
      <c r="H32002" s="1" t="s">
        <v>111465</v>
      </c>
      <c r="I32002" s="1" t="s">
        <v>111349</v>
      </c>
      <c r="J32002" s="1" t="s">
        <v>111535</v>
      </c>
    </row>
    <row r="32003" spans="1:10" x14ac:dyDescent="0.35">
      <c r="A32003" s="1" t="s">
        <v>111460</v>
      </c>
      <c r="B32003" s="1" t="s">
        <v>111344</v>
      </c>
      <c r="C32003" s="1" t="s">
        <v>130</v>
      </c>
      <c r="D32003" s="1" t="s">
        <v>25243</v>
      </c>
      <c r="E32003" s="1" t="s">
        <v>111536</v>
      </c>
      <c r="F32003" s="1" t="s">
        <v>111537</v>
      </c>
      <c r="G32003" s="1" t="s">
        <v>111464</v>
      </c>
      <c r="H32003" s="1" t="s">
        <v>111465</v>
      </c>
      <c r="I32003" s="1" t="s">
        <v>111349</v>
      </c>
      <c r="J32003" s="1" t="s">
        <v>111538</v>
      </c>
    </row>
    <row r="32004" spans="1:10" x14ac:dyDescent="0.35">
      <c r="A32004" s="1" t="s">
        <v>111460</v>
      </c>
      <c r="B32004" s="1" t="s">
        <v>111344</v>
      </c>
      <c r="C32004" s="1" t="s">
        <v>135</v>
      </c>
      <c r="D32004" s="1" t="s">
        <v>51259</v>
      </c>
      <c r="E32004" s="1" t="s">
        <v>111539</v>
      </c>
      <c r="F32004" s="1" t="s">
        <v>111540</v>
      </c>
      <c r="G32004" s="1" t="s">
        <v>111464</v>
      </c>
      <c r="H32004" s="1" t="s">
        <v>111465</v>
      </c>
      <c r="I32004" s="1" t="s">
        <v>111349</v>
      </c>
      <c r="J32004" s="1" t="s">
        <v>111541</v>
      </c>
    </row>
    <row r="32005" spans="1:10" x14ac:dyDescent="0.35">
      <c r="A32005" s="1" t="s">
        <v>111460</v>
      </c>
      <c r="B32005" s="1" t="s">
        <v>111344</v>
      </c>
      <c r="C32005" s="1" t="s">
        <v>140</v>
      </c>
      <c r="D32005" s="1" t="s">
        <v>111542</v>
      </c>
      <c r="E32005" s="1" t="s">
        <v>111543</v>
      </c>
      <c r="F32005" s="1" t="s">
        <v>111544</v>
      </c>
      <c r="G32005" s="1" t="s">
        <v>111464</v>
      </c>
      <c r="H32005" s="1" t="s">
        <v>111465</v>
      </c>
      <c r="I32005" s="1" t="s">
        <v>111349</v>
      </c>
      <c r="J32005" s="1" t="s">
        <v>111545</v>
      </c>
    </row>
    <row r="32006" spans="1:10" x14ac:dyDescent="0.35">
      <c r="A32006" s="1" t="s">
        <v>111460</v>
      </c>
      <c r="B32006" s="1" t="s">
        <v>111344</v>
      </c>
      <c r="C32006" s="1" t="s">
        <v>145</v>
      </c>
      <c r="D32006" s="1" t="s">
        <v>111546</v>
      </c>
      <c r="E32006" s="1" t="s">
        <v>111521</v>
      </c>
      <c r="F32006" s="1" t="s">
        <v>111547</v>
      </c>
      <c r="G32006" s="1" t="s">
        <v>111464</v>
      </c>
      <c r="H32006" s="1" t="s">
        <v>111465</v>
      </c>
      <c r="I32006" s="1" t="s">
        <v>111349</v>
      </c>
      <c r="J32006" s="1" t="s">
        <v>111548</v>
      </c>
    </row>
    <row r="32007" spans="1:10" x14ac:dyDescent="0.35">
      <c r="A32007" s="1" t="s">
        <v>111460</v>
      </c>
      <c r="B32007" s="1" t="s">
        <v>111344</v>
      </c>
      <c r="C32007" s="1" t="s">
        <v>150</v>
      </c>
      <c r="D32007" s="1" t="s">
        <v>10134</v>
      </c>
      <c r="E32007" s="1" t="s">
        <v>111549</v>
      </c>
      <c r="F32007" s="1" t="s">
        <v>111550</v>
      </c>
      <c r="G32007" s="1" t="s">
        <v>111464</v>
      </c>
      <c r="H32007" s="1" t="s">
        <v>111465</v>
      </c>
      <c r="I32007" s="1" t="s">
        <v>111349</v>
      </c>
      <c r="J32007" s="1" t="s">
        <v>111551</v>
      </c>
    </row>
    <row r="32008" spans="1:10" x14ac:dyDescent="0.35">
      <c r="A32008" s="1" t="s">
        <v>111460</v>
      </c>
      <c r="B32008" s="1" t="s">
        <v>111344</v>
      </c>
      <c r="C32008" s="1" t="s">
        <v>155</v>
      </c>
      <c r="D32008" s="1" t="s">
        <v>6919</v>
      </c>
      <c r="E32008" s="1" t="s">
        <v>111539</v>
      </c>
      <c r="F32008" s="1" t="s">
        <v>111552</v>
      </c>
      <c r="G32008" s="1" t="s">
        <v>111464</v>
      </c>
      <c r="H32008" s="1" t="s">
        <v>111465</v>
      </c>
      <c r="I32008" s="1" t="s">
        <v>111349</v>
      </c>
      <c r="J32008" s="1" t="s">
        <v>111553</v>
      </c>
    </row>
    <row r="32009" spans="1:10" x14ac:dyDescent="0.35">
      <c r="A32009" s="1" t="s">
        <v>111460</v>
      </c>
      <c r="B32009" s="1" t="s">
        <v>111344</v>
      </c>
      <c r="C32009" s="1" t="s">
        <v>160</v>
      </c>
      <c r="D32009" s="1" t="s">
        <v>29093</v>
      </c>
      <c r="E32009" s="1" t="s">
        <v>111554</v>
      </c>
      <c r="F32009" s="1" t="s">
        <v>111555</v>
      </c>
      <c r="G32009" s="1" t="s">
        <v>111464</v>
      </c>
      <c r="H32009" s="1" t="s">
        <v>111465</v>
      </c>
      <c r="I32009" s="1" t="s">
        <v>111349</v>
      </c>
      <c r="J32009" s="1" t="s">
        <v>111556</v>
      </c>
    </row>
    <row r="32010" spans="1:10" x14ac:dyDescent="0.35">
      <c r="A32010" s="1" t="s">
        <v>111460</v>
      </c>
      <c r="B32010" s="1" t="s">
        <v>111344</v>
      </c>
      <c r="C32010" s="1" t="s">
        <v>165</v>
      </c>
      <c r="D32010" s="1" t="s">
        <v>111557</v>
      </c>
      <c r="E32010" s="1" t="s">
        <v>111558</v>
      </c>
      <c r="F32010" s="1" t="s">
        <v>111544</v>
      </c>
      <c r="G32010" s="1" t="s">
        <v>111464</v>
      </c>
      <c r="H32010" s="1" t="s">
        <v>111465</v>
      </c>
      <c r="I32010" s="1" t="s">
        <v>111349</v>
      </c>
      <c r="J32010" s="1" t="s">
        <v>111559</v>
      </c>
    </row>
    <row r="32011" spans="1:10" x14ac:dyDescent="0.35">
      <c r="A32011" s="1" t="s">
        <v>111460</v>
      </c>
      <c r="B32011" s="1" t="s">
        <v>111344</v>
      </c>
      <c r="C32011" s="1" t="s">
        <v>170</v>
      </c>
      <c r="D32011" s="1" t="s">
        <v>111560</v>
      </c>
      <c r="E32011" s="1" t="s">
        <v>111561</v>
      </c>
      <c r="F32011" s="1" t="s">
        <v>111544</v>
      </c>
      <c r="G32011" s="1" t="s">
        <v>111464</v>
      </c>
      <c r="H32011" s="1" t="s">
        <v>111465</v>
      </c>
      <c r="I32011" s="1" t="s">
        <v>111349</v>
      </c>
      <c r="J32011" s="1" t="s">
        <v>111562</v>
      </c>
    </row>
    <row r="32012" spans="1:10" x14ac:dyDescent="0.35">
      <c r="A32012" s="1" t="s">
        <v>111563</v>
      </c>
      <c r="B32012" s="1" t="s">
        <v>111344</v>
      </c>
      <c r="C32012" s="1" t="s">
        <v>8</v>
      </c>
      <c r="D32012" s="1" t="s">
        <v>111564</v>
      </c>
      <c r="E32012" s="1" t="s">
        <v>111565</v>
      </c>
      <c r="F32012" s="1" t="s">
        <v>111566</v>
      </c>
      <c r="G32012" s="1" t="s">
        <v>111567</v>
      </c>
      <c r="H32012" s="1" t="s">
        <v>111568</v>
      </c>
      <c r="I32012" s="1" t="s">
        <v>111349</v>
      </c>
      <c r="J32012" s="1" t="s">
        <v>13</v>
      </c>
    </row>
    <row r="32013" spans="1:10" x14ac:dyDescent="0.35">
      <c r="A32013" s="1" t="s">
        <v>111563</v>
      </c>
      <c r="B32013" s="1" t="s">
        <v>111344</v>
      </c>
      <c r="C32013" s="1" t="s">
        <v>15</v>
      </c>
      <c r="D32013" s="1" t="s">
        <v>111569</v>
      </c>
      <c r="E32013" s="1" t="s">
        <v>111570</v>
      </c>
      <c r="F32013" s="1" t="s">
        <v>111571</v>
      </c>
      <c r="G32013" s="1" t="s">
        <v>111567</v>
      </c>
      <c r="H32013" s="1" t="s">
        <v>111568</v>
      </c>
      <c r="I32013" s="1" t="s">
        <v>111349</v>
      </c>
      <c r="J32013" s="1" t="s">
        <v>111572</v>
      </c>
    </row>
    <row r="32014" spans="1:10" x14ac:dyDescent="0.35">
      <c r="A32014" s="1" t="s">
        <v>111563</v>
      </c>
      <c r="B32014" s="1" t="s">
        <v>111344</v>
      </c>
      <c r="C32014" s="1" t="s">
        <v>20</v>
      </c>
      <c r="D32014" s="1" t="s">
        <v>28206</v>
      </c>
      <c r="E32014" s="1" t="s">
        <v>111573</v>
      </c>
      <c r="F32014" s="1" t="s">
        <v>111574</v>
      </c>
      <c r="G32014" s="1" t="s">
        <v>111567</v>
      </c>
      <c r="H32014" s="1" t="s">
        <v>111568</v>
      </c>
      <c r="I32014" s="1" t="s">
        <v>111349</v>
      </c>
      <c r="J32014" s="1" t="s">
        <v>111575</v>
      </c>
    </row>
    <row r="32015" spans="1:10" x14ac:dyDescent="0.35">
      <c r="A32015" s="1" t="s">
        <v>111563</v>
      </c>
      <c r="B32015" s="1" t="s">
        <v>111344</v>
      </c>
      <c r="C32015" s="1" t="s">
        <v>25</v>
      </c>
      <c r="D32015" s="1" t="s">
        <v>6461</v>
      </c>
      <c r="E32015" s="1" t="s">
        <v>111576</v>
      </c>
      <c r="F32015" s="1" t="s">
        <v>111577</v>
      </c>
      <c r="G32015" s="1" t="s">
        <v>111567</v>
      </c>
      <c r="H32015" s="1" t="s">
        <v>111568</v>
      </c>
      <c r="I32015" s="1" t="s">
        <v>111349</v>
      </c>
      <c r="J32015" s="1" t="s">
        <v>111578</v>
      </c>
    </row>
    <row r="32016" spans="1:10" x14ac:dyDescent="0.35">
      <c r="A32016" s="1" t="s">
        <v>111563</v>
      </c>
      <c r="B32016" s="1" t="s">
        <v>111344</v>
      </c>
      <c r="C32016" s="1" t="s">
        <v>30</v>
      </c>
      <c r="D32016" s="1" t="s">
        <v>111579</v>
      </c>
      <c r="E32016" s="1" t="s">
        <v>111580</v>
      </c>
      <c r="F32016" s="1" t="s">
        <v>111581</v>
      </c>
      <c r="G32016" s="1" t="s">
        <v>111567</v>
      </c>
      <c r="H32016" s="1" t="s">
        <v>111568</v>
      </c>
      <c r="I32016" s="1" t="s">
        <v>111349</v>
      </c>
      <c r="J32016" s="1" t="s">
        <v>111582</v>
      </c>
    </row>
    <row r="32017" spans="1:10" x14ac:dyDescent="0.35">
      <c r="A32017" s="1" t="s">
        <v>111563</v>
      </c>
      <c r="B32017" s="1" t="s">
        <v>111344</v>
      </c>
      <c r="C32017" s="1" t="s">
        <v>35</v>
      </c>
      <c r="D32017" s="1" t="s">
        <v>14537</v>
      </c>
      <c r="E32017" s="1" t="s">
        <v>111583</v>
      </c>
      <c r="F32017" s="1" t="s">
        <v>111584</v>
      </c>
      <c r="G32017" s="1" t="s">
        <v>111567</v>
      </c>
      <c r="H32017" s="1" t="s">
        <v>111568</v>
      </c>
      <c r="I32017" s="1" t="s">
        <v>111349</v>
      </c>
      <c r="J32017" s="1" t="s">
        <v>111585</v>
      </c>
    </row>
    <row r="32018" spans="1:10" x14ac:dyDescent="0.35">
      <c r="A32018" s="1" t="s">
        <v>111563</v>
      </c>
      <c r="B32018" s="1" t="s">
        <v>111344</v>
      </c>
      <c r="C32018" s="1" t="s">
        <v>40</v>
      </c>
      <c r="D32018" s="1" t="s">
        <v>111586</v>
      </c>
      <c r="E32018" s="1" t="s">
        <v>111587</v>
      </c>
      <c r="F32018" s="1" t="s">
        <v>111588</v>
      </c>
      <c r="G32018" s="1" t="s">
        <v>111567</v>
      </c>
      <c r="H32018" s="1" t="s">
        <v>111568</v>
      </c>
      <c r="I32018" s="1" t="s">
        <v>111349</v>
      </c>
      <c r="J32018" s="1" t="s">
        <v>111589</v>
      </c>
    </row>
    <row r="32019" spans="1:10" x14ac:dyDescent="0.35">
      <c r="A32019" s="1" t="s">
        <v>111563</v>
      </c>
      <c r="B32019" s="1" t="s">
        <v>111344</v>
      </c>
      <c r="C32019" s="1" t="s">
        <v>45</v>
      </c>
      <c r="D32019" s="1" t="s">
        <v>111590</v>
      </c>
      <c r="E32019" s="1" t="s">
        <v>111591</v>
      </c>
      <c r="F32019" s="1" t="s">
        <v>111592</v>
      </c>
      <c r="G32019" s="1" t="s">
        <v>111567</v>
      </c>
      <c r="H32019" s="1" t="s">
        <v>111568</v>
      </c>
      <c r="I32019" s="1" t="s">
        <v>111349</v>
      </c>
      <c r="J32019" s="1" t="s">
        <v>111593</v>
      </c>
    </row>
    <row r="32020" spans="1:10" x14ac:dyDescent="0.35">
      <c r="A32020" s="1" t="s">
        <v>111563</v>
      </c>
      <c r="B32020" s="1" t="s">
        <v>111344</v>
      </c>
      <c r="C32020" s="1" t="s">
        <v>50</v>
      </c>
      <c r="D32020" s="1" t="s">
        <v>15703</v>
      </c>
      <c r="E32020" s="1" t="s">
        <v>111594</v>
      </c>
      <c r="F32020" s="1" t="s">
        <v>111595</v>
      </c>
      <c r="G32020" s="1" t="s">
        <v>111567</v>
      </c>
      <c r="H32020" s="1" t="s">
        <v>111568</v>
      </c>
      <c r="I32020" s="1" t="s">
        <v>111349</v>
      </c>
      <c r="J32020" s="1" t="s">
        <v>111596</v>
      </c>
    </row>
    <row r="32021" spans="1:10" x14ac:dyDescent="0.35">
      <c r="A32021" s="1" t="s">
        <v>111563</v>
      </c>
      <c r="B32021" s="1" t="s">
        <v>111344</v>
      </c>
      <c r="C32021" s="1" t="s">
        <v>55</v>
      </c>
      <c r="D32021" s="1" t="s">
        <v>7567</v>
      </c>
      <c r="E32021" s="1" t="s">
        <v>111597</v>
      </c>
      <c r="F32021" s="1" t="s">
        <v>111598</v>
      </c>
      <c r="G32021" s="1" t="s">
        <v>111567</v>
      </c>
      <c r="H32021" s="1" t="s">
        <v>111568</v>
      </c>
      <c r="I32021" s="1" t="s">
        <v>111349</v>
      </c>
      <c r="J32021" s="1" t="s">
        <v>111599</v>
      </c>
    </row>
    <row r="32022" spans="1:10" x14ac:dyDescent="0.35">
      <c r="A32022" s="1" t="s">
        <v>111563</v>
      </c>
      <c r="B32022" s="1" t="s">
        <v>111344</v>
      </c>
      <c r="C32022" s="1" t="s">
        <v>60</v>
      </c>
      <c r="D32022" s="1" t="s">
        <v>111600</v>
      </c>
      <c r="E32022" s="1" t="s">
        <v>111601</v>
      </c>
      <c r="F32022" s="1" t="s">
        <v>111602</v>
      </c>
      <c r="G32022" s="1" t="s">
        <v>111567</v>
      </c>
      <c r="H32022" s="1" t="s">
        <v>111568</v>
      </c>
      <c r="I32022" s="1" t="s">
        <v>111349</v>
      </c>
      <c r="J32022" s="1" t="s">
        <v>111603</v>
      </c>
    </row>
    <row r="32023" spans="1:10" x14ac:dyDescent="0.35">
      <c r="A32023" s="1" t="s">
        <v>111563</v>
      </c>
      <c r="B32023" s="1" t="s">
        <v>111344</v>
      </c>
      <c r="C32023" s="1" t="s">
        <v>65</v>
      </c>
      <c r="D32023" s="1" t="s">
        <v>2145</v>
      </c>
      <c r="E32023" s="1" t="s">
        <v>111604</v>
      </c>
      <c r="F32023" s="1" t="s">
        <v>111605</v>
      </c>
      <c r="G32023" s="1" t="s">
        <v>111567</v>
      </c>
      <c r="H32023" s="1" t="s">
        <v>111568</v>
      </c>
      <c r="I32023" s="1" t="s">
        <v>111349</v>
      </c>
      <c r="J32023" s="1" t="s">
        <v>111606</v>
      </c>
    </row>
    <row r="32024" spans="1:10" x14ac:dyDescent="0.35">
      <c r="A32024" s="1" t="s">
        <v>111563</v>
      </c>
      <c r="B32024" s="1" t="s">
        <v>111344</v>
      </c>
      <c r="C32024" s="1" t="s">
        <v>70</v>
      </c>
      <c r="D32024" s="1" t="s">
        <v>111607</v>
      </c>
      <c r="E32024" s="1" t="s">
        <v>111608</v>
      </c>
      <c r="F32024" s="1" t="s">
        <v>111609</v>
      </c>
      <c r="G32024" s="1" t="s">
        <v>111567</v>
      </c>
      <c r="H32024" s="1" t="s">
        <v>111568</v>
      </c>
      <c r="I32024" s="1" t="s">
        <v>111349</v>
      </c>
      <c r="J32024" s="1" t="s">
        <v>111610</v>
      </c>
    </row>
    <row r="32025" spans="1:10" x14ac:dyDescent="0.35">
      <c r="A32025" s="1" t="s">
        <v>111563</v>
      </c>
      <c r="B32025" s="1" t="s">
        <v>111344</v>
      </c>
      <c r="C32025" s="1" t="s">
        <v>75</v>
      </c>
      <c r="D32025" s="1" t="s">
        <v>1735</v>
      </c>
      <c r="E32025" s="1" t="s">
        <v>111611</v>
      </c>
      <c r="F32025" s="1" t="s">
        <v>111612</v>
      </c>
      <c r="G32025" s="1" t="s">
        <v>111567</v>
      </c>
      <c r="H32025" s="1" t="s">
        <v>111568</v>
      </c>
      <c r="I32025" s="1" t="s">
        <v>111349</v>
      </c>
      <c r="J32025" s="1" t="s">
        <v>111613</v>
      </c>
    </row>
    <row r="32026" spans="1:10" x14ac:dyDescent="0.35">
      <c r="A32026" s="1" t="s">
        <v>111563</v>
      </c>
      <c r="B32026" s="1" t="s">
        <v>111344</v>
      </c>
      <c r="C32026" s="1" t="s">
        <v>80</v>
      </c>
      <c r="D32026" s="1" t="s">
        <v>49359</v>
      </c>
      <c r="E32026" s="1" t="s">
        <v>111614</v>
      </c>
      <c r="F32026" s="1" t="s">
        <v>111615</v>
      </c>
      <c r="G32026" s="1" t="s">
        <v>111567</v>
      </c>
      <c r="H32026" s="1" t="s">
        <v>111568</v>
      </c>
      <c r="I32026" s="1" t="s">
        <v>111349</v>
      </c>
      <c r="J32026" s="1" t="s">
        <v>111616</v>
      </c>
    </row>
    <row r="32027" spans="1:10" x14ac:dyDescent="0.35">
      <c r="A32027" s="1" t="s">
        <v>111563</v>
      </c>
      <c r="B32027" s="1" t="s">
        <v>111344</v>
      </c>
      <c r="C32027" s="1" t="s">
        <v>85</v>
      </c>
      <c r="D32027" s="1" t="s">
        <v>25734</v>
      </c>
      <c r="E32027" s="1" t="s">
        <v>111617</v>
      </c>
      <c r="F32027" s="1" t="s">
        <v>111618</v>
      </c>
      <c r="G32027" s="1" t="s">
        <v>111567</v>
      </c>
      <c r="H32027" s="1" t="s">
        <v>111568</v>
      </c>
      <c r="I32027" s="1" t="s">
        <v>111349</v>
      </c>
      <c r="J32027" s="1" t="s">
        <v>111619</v>
      </c>
    </row>
    <row r="32028" spans="1:10" x14ac:dyDescent="0.35">
      <c r="A32028" s="1" t="s">
        <v>111563</v>
      </c>
      <c r="B32028" s="1" t="s">
        <v>111344</v>
      </c>
      <c r="C32028" s="1" t="s">
        <v>90</v>
      </c>
      <c r="D32028" s="1" t="s">
        <v>34428</v>
      </c>
      <c r="E32028" s="1" t="s">
        <v>111620</v>
      </c>
      <c r="F32028" s="1" t="s">
        <v>111621</v>
      </c>
      <c r="G32028" s="1" t="s">
        <v>111567</v>
      </c>
      <c r="H32028" s="1" t="s">
        <v>111568</v>
      </c>
      <c r="I32028" s="1" t="s">
        <v>111349</v>
      </c>
      <c r="J32028" s="1" t="s">
        <v>111622</v>
      </c>
    </row>
    <row r="32029" spans="1:10" x14ac:dyDescent="0.35">
      <c r="A32029" s="1" t="s">
        <v>111563</v>
      </c>
      <c r="B32029" s="1" t="s">
        <v>111344</v>
      </c>
      <c r="C32029" s="1" t="s">
        <v>95</v>
      </c>
      <c r="D32029" s="1" t="s">
        <v>111623</v>
      </c>
      <c r="E32029" s="1" t="s">
        <v>111624</v>
      </c>
      <c r="F32029" s="1" t="s">
        <v>111625</v>
      </c>
      <c r="G32029" s="1" t="s">
        <v>111567</v>
      </c>
      <c r="H32029" s="1" t="s">
        <v>111568</v>
      </c>
      <c r="I32029" s="1" t="s">
        <v>111349</v>
      </c>
      <c r="J32029" s="1" t="s">
        <v>111626</v>
      </c>
    </row>
    <row r="32030" spans="1:10" x14ac:dyDescent="0.35">
      <c r="A32030" s="1" t="s">
        <v>111563</v>
      </c>
      <c r="B32030" s="1" t="s">
        <v>111344</v>
      </c>
      <c r="C32030" s="1" t="s">
        <v>100</v>
      </c>
      <c r="D32030" s="1" t="s">
        <v>111627</v>
      </c>
      <c r="E32030" s="1" t="s">
        <v>111628</v>
      </c>
      <c r="F32030" s="1" t="s">
        <v>111629</v>
      </c>
      <c r="G32030" s="1" t="s">
        <v>111567</v>
      </c>
      <c r="H32030" s="1" t="s">
        <v>111568</v>
      </c>
      <c r="I32030" s="1" t="s">
        <v>111349</v>
      </c>
      <c r="J32030" s="1" t="s">
        <v>111630</v>
      </c>
    </row>
    <row r="32031" spans="1:10" x14ac:dyDescent="0.35">
      <c r="A32031" s="1" t="s">
        <v>111563</v>
      </c>
      <c r="B32031" s="1" t="s">
        <v>111344</v>
      </c>
      <c r="C32031" s="1" t="s">
        <v>105</v>
      </c>
      <c r="D32031" s="1" t="s">
        <v>111631</v>
      </c>
      <c r="E32031" s="1" t="s">
        <v>111632</v>
      </c>
      <c r="F32031" s="1" t="s">
        <v>111633</v>
      </c>
      <c r="G32031" s="1" t="s">
        <v>111567</v>
      </c>
      <c r="H32031" s="1" t="s">
        <v>111568</v>
      </c>
      <c r="I32031" s="1" t="s">
        <v>111349</v>
      </c>
      <c r="J32031" s="1" t="s">
        <v>111634</v>
      </c>
    </row>
    <row r="32032" spans="1:10" x14ac:dyDescent="0.35">
      <c r="A32032" s="1" t="s">
        <v>111563</v>
      </c>
      <c r="B32032" s="1" t="s">
        <v>111344</v>
      </c>
      <c r="C32032" s="1" t="s">
        <v>110</v>
      </c>
      <c r="D32032" s="1" t="s">
        <v>29021</v>
      </c>
      <c r="E32032" s="1" t="s">
        <v>111635</v>
      </c>
      <c r="F32032" s="1" t="s">
        <v>111636</v>
      </c>
      <c r="G32032" s="1" t="s">
        <v>111567</v>
      </c>
      <c r="H32032" s="1" t="s">
        <v>111568</v>
      </c>
      <c r="I32032" s="1" t="s">
        <v>111349</v>
      </c>
      <c r="J32032" s="1" t="s">
        <v>111637</v>
      </c>
    </row>
    <row r="32033" spans="1:10" x14ac:dyDescent="0.35">
      <c r="A32033" s="1" t="s">
        <v>111563</v>
      </c>
      <c r="B32033" s="1" t="s">
        <v>111344</v>
      </c>
      <c r="C32033" s="1" t="s">
        <v>115</v>
      </c>
      <c r="D32033" s="1" t="s">
        <v>2925</v>
      </c>
      <c r="E32033" s="1" t="s">
        <v>111638</v>
      </c>
      <c r="F32033" s="1" t="s">
        <v>111639</v>
      </c>
      <c r="G32033" s="1" t="s">
        <v>111567</v>
      </c>
      <c r="H32033" s="1" t="s">
        <v>111568</v>
      </c>
      <c r="I32033" s="1" t="s">
        <v>111349</v>
      </c>
      <c r="J32033" s="1" t="s">
        <v>111640</v>
      </c>
    </row>
    <row r="32034" spans="1:10" x14ac:dyDescent="0.35">
      <c r="A32034" s="1" t="s">
        <v>111563</v>
      </c>
      <c r="B32034" s="1" t="s">
        <v>111344</v>
      </c>
      <c r="C32034" s="1" t="s">
        <v>120</v>
      </c>
      <c r="D32034" s="1" t="s">
        <v>29488</v>
      </c>
      <c r="E32034" s="1" t="s">
        <v>111641</v>
      </c>
      <c r="F32034" s="1" t="s">
        <v>111642</v>
      </c>
      <c r="G32034" s="1" t="s">
        <v>111567</v>
      </c>
      <c r="H32034" s="1" t="s">
        <v>111568</v>
      </c>
      <c r="I32034" s="1" t="s">
        <v>111349</v>
      </c>
      <c r="J32034" s="1" t="s">
        <v>111643</v>
      </c>
    </row>
    <row r="32035" spans="1:10" x14ac:dyDescent="0.35">
      <c r="A32035" s="1" t="s">
        <v>111563</v>
      </c>
      <c r="B32035" s="1" t="s">
        <v>111344</v>
      </c>
      <c r="C32035" s="1" t="s">
        <v>125</v>
      </c>
      <c r="D32035" s="1" t="s">
        <v>111644</v>
      </c>
      <c r="E32035" s="1" t="s">
        <v>111645</v>
      </c>
      <c r="F32035" s="1" t="s">
        <v>111646</v>
      </c>
      <c r="G32035" s="1" t="s">
        <v>111567</v>
      </c>
      <c r="H32035" s="1" t="s">
        <v>111568</v>
      </c>
      <c r="I32035" s="1" t="s">
        <v>111349</v>
      </c>
      <c r="J32035" s="1" t="s">
        <v>111647</v>
      </c>
    </row>
    <row r="32036" spans="1:10" x14ac:dyDescent="0.35">
      <c r="A32036" s="1" t="s">
        <v>111563</v>
      </c>
      <c r="B32036" s="1" t="s">
        <v>111344</v>
      </c>
      <c r="C32036" s="1" t="s">
        <v>130</v>
      </c>
      <c r="D32036" s="1" t="s">
        <v>111648</v>
      </c>
      <c r="E32036" s="1" t="s">
        <v>111649</v>
      </c>
      <c r="F32036" s="1" t="s">
        <v>111650</v>
      </c>
      <c r="G32036" s="1" t="s">
        <v>111567</v>
      </c>
      <c r="H32036" s="1" t="s">
        <v>111568</v>
      </c>
      <c r="I32036" s="1" t="s">
        <v>111349</v>
      </c>
      <c r="J32036" s="1" t="s">
        <v>111651</v>
      </c>
    </row>
    <row r="32037" spans="1:10" x14ac:dyDescent="0.35">
      <c r="A32037" s="1" t="s">
        <v>111563</v>
      </c>
      <c r="B32037" s="1" t="s">
        <v>111344</v>
      </c>
      <c r="C32037" s="1" t="s">
        <v>135</v>
      </c>
      <c r="D32037" s="1" t="s">
        <v>2331</v>
      </c>
      <c r="E32037" s="1" t="s">
        <v>111652</v>
      </c>
      <c r="F32037" s="1" t="s">
        <v>111653</v>
      </c>
      <c r="G32037" s="1" t="s">
        <v>111567</v>
      </c>
      <c r="H32037" s="1" t="s">
        <v>111568</v>
      </c>
      <c r="I32037" s="1" t="s">
        <v>111349</v>
      </c>
      <c r="J32037" s="1" t="s">
        <v>111654</v>
      </c>
    </row>
    <row r="32038" spans="1:10" x14ac:dyDescent="0.35">
      <c r="A32038" s="1" t="s">
        <v>111563</v>
      </c>
      <c r="B32038" s="1" t="s">
        <v>111344</v>
      </c>
      <c r="C32038" s="1" t="s">
        <v>140</v>
      </c>
      <c r="D32038" s="1" t="s">
        <v>25895</v>
      </c>
      <c r="E32038" s="1" t="s">
        <v>111655</v>
      </c>
      <c r="F32038" s="1" t="s">
        <v>111656</v>
      </c>
      <c r="G32038" s="1" t="s">
        <v>111567</v>
      </c>
      <c r="H32038" s="1" t="s">
        <v>111568</v>
      </c>
      <c r="I32038" s="1" t="s">
        <v>111349</v>
      </c>
      <c r="J32038" s="1" t="s">
        <v>111657</v>
      </c>
    </row>
    <row r="32039" spans="1:10" x14ac:dyDescent="0.35">
      <c r="A32039" s="1" t="s">
        <v>111563</v>
      </c>
      <c r="B32039" s="1" t="s">
        <v>111344</v>
      </c>
      <c r="C32039" s="1" t="s">
        <v>145</v>
      </c>
      <c r="D32039" s="1" t="s">
        <v>15875</v>
      </c>
      <c r="E32039" s="1" t="s">
        <v>111658</v>
      </c>
      <c r="F32039" s="1" t="s">
        <v>111659</v>
      </c>
      <c r="G32039" s="1" t="s">
        <v>111567</v>
      </c>
      <c r="H32039" s="1" t="s">
        <v>111568</v>
      </c>
      <c r="I32039" s="1" t="s">
        <v>111349</v>
      </c>
      <c r="J32039" s="1" t="s">
        <v>111660</v>
      </c>
    </row>
    <row r="32040" spans="1:10" x14ac:dyDescent="0.35">
      <c r="A32040" s="1" t="s">
        <v>111563</v>
      </c>
      <c r="B32040" s="1" t="s">
        <v>111344</v>
      </c>
      <c r="C32040" s="1" t="s">
        <v>150</v>
      </c>
      <c r="D32040" s="1" t="s">
        <v>111661</v>
      </c>
      <c r="E32040" s="1" t="s">
        <v>111662</v>
      </c>
      <c r="F32040" s="1" t="s">
        <v>111663</v>
      </c>
      <c r="G32040" s="1" t="s">
        <v>111567</v>
      </c>
      <c r="H32040" s="1" t="s">
        <v>111568</v>
      </c>
      <c r="I32040" s="1" t="s">
        <v>111349</v>
      </c>
      <c r="J32040" s="1" t="s">
        <v>111664</v>
      </c>
    </row>
    <row r="32041" spans="1:10" x14ac:dyDescent="0.35">
      <c r="A32041" s="1" t="s">
        <v>111563</v>
      </c>
      <c r="B32041" s="1" t="s">
        <v>111344</v>
      </c>
      <c r="C32041" s="1" t="s">
        <v>155</v>
      </c>
      <c r="D32041" s="1" t="s">
        <v>111665</v>
      </c>
      <c r="E32041" s="1" t="s">
        <v>111666</v>
      </c>
      <c r="F32041" s="1" t="s">
        <v>111667</v>
      </c>
      <c r="G32041" s="1" t="s">
        <v>111567</v>
      </c>
      <c r="H32041" s="1" t="s">
        <v>111568</v>
      </c>
      <c r="I32041" s="1" t="s">
        <v>111349</v>
      </c>
      <c r="J32041" s="1" t="s">
        <v>111668</v>
      </c>
    </row>
    <row r="32042" spans="1:10" x14ac:dyDescent="0.35">
      <c r="A32042" s="1" t="s">
        <v>111563</v>
      </c>
      <c r="B32042" s="1" t="s">
        <v>111344</v>
      </c>
      <c r="C32042" s="1" t="s">
        <v>160</v>
      </c>
      <c r="D32042" s="1" t="s">
        <v>111669</v>
      </c>
      <c r="E32042" s="1" t="s">
        <v>111670</v>
      </c>
      <c r="F32042" s="1" t="s">
        <v>111671</v>
      </c>
      <c r="G32042" s="1" t="s">
        <v>111567</v>
      </c>
      <c r="H32042" s="1" t="s">
        <v>111568</v>
      </c>
      <c r="I32042" s="1" t="s">
        <v>111349</v>
      </c>
      <c r="J32042" s="1" t="s">
        <v>111672</v>
      </c>
    </row>
    <row r="32043" spans="1:10" x14ac:dyDescent="0.35">
      <c r="A32043" s="1" t="s">
        <v>111563</v>
      </c>
      <c r="B32043" s="1" t="s">
        <v>111344</v>
      </c>
      <c r="C32043" s="1" t="s">
        <v>165</v>
      </c>
      <c r="D32043" s="1" t="s">
        <v>111673</v>
      </c>
      <c r="E32043" s="1" t="s">
        <v>111674</v>
      </c>
      <c r="F32043" s="1" t="s">
        <v>111675</v>
      </c>
      <c r="G32043" s="1" t="s">
        <v>111567</v>
      </c>
      <c r="H32043" s="1" t="s">
        <v>111568</v>
      </c>
      <c r="I32043" s="1" t="s">
        <v>111349</v>
      </c>
      <c r="J32043" s="1" t="s">
        <v>111676</v>
      </c>
    </row>
    <row r="32044" spans="1:10" x14ac:dyDescent="0.35">
      <c r="A32044" s="1" t="s">
        <v>111563</v>
      </c>
      <c r="B32044" s="1" t="s">
        <v>111344</v>
      </c>
      <c r="C32044" s="1" t="s">
        <v>170</v>
      </c>
      <c r="D32044" s="1" t="s">
        <v>73292</v>
      </c>
      <c r="E32044" s="1" t="s">
        <v>111677</v>
      </c>
      <c r="F32044" s="1" t="s">
        <v>111678</v>
      </c>
      <c r="G32044" s="1" t="s">
        <v>111567</v>
      </c>
      <c r="H32044" s="1" t="s">
        <v>111568</v>
      </c>
      <c r="I32044" s="1" t="s">
        <v>111349</v>
      </c>
      <c r="J32044" s="1" t="s">
        <v>111679</v>
      </c>
    </row>
    <row r="32045" spans="1:10" x14ac:dyDescent="0.35">
      <c r="A32045" s="1" t="s">
        <v>25568</v>
      </c>
      <c r="B32045" s="1" t="s">
        <v>111344</v>
      </c>
      <c r="C32045" s="1" t="s">
        <v>8</v>
      </c>
      <c r="D32045" s="1" t="s">
        <v>104332</v>
      </c>
      <c r="E32045" s="1" t="s">
        <v>111680</v>
      </c>
      <c r="F32045" s="1" t="s">
        <v>111681</v>
      </c>
      <c r="G32045" s="1" t="s">
        <v>111682</v>
      </c>
      <c r="H32045" s="1" t="s">
        <v>111683</v>
      </c>
      <c r="I32045" s="1" t="s">
        <v>111349</v>
      </c>
      <c r="J32045" s="1" t="s">
        <v>13</v>
      </c>
    </row>
    <row r="32046" spans="1:10" x14ac:dyDescent="0.35">
      <c r="A32046" s="1" t="s">
        <v>25568</v>
      </c>
      <c r="B32046" s="1" t="s">
        <v>111344</v>
      </c>
      <c r="C32046" s="1" t="s">
        <v>15</v>
      </c>
      <c r="D32046" s="1" t="s">
        <v>111031</v>
      </c>
      <c r="E32046" s="1" t="s">
        <v>111684</v>
      </c>
      <c r="F32046" s="1" t="s">
        <v>111685</v>
      </c>
      <c r="G32046" s="1" t="s">
        <v>111682</v>
      </c>
      <c r="H32046" s="1" t="s">
        <v>111683</v>
      </c>
      <c r="I32046" s="1" t="s">
        <v>111349</v>
      </c>
      <c r="J32046" s="1" t="s">
        <v>111686</v>
      </c>
    </row>
    <row r="32047" spans="1:10" x14ac:dyDescent="0.35">
      <c r="A32047" s="1" t="s">
        <v>25568</v>
      </c>
      <c r="B32047" s="1" t="s">
        <v>111344</v>
      </c>
      <c r="C32047" s="1" t="s">
        <v>20</v>
      </c>
      <c r="D32047" s="1" t="s">
        <v>27476</v>
      </c>
      <c r="E32047" s="1" t="s">
        <v>111687</v>
      </c>
      <c r="F32047" s="1" t="s">
        <v>111688</v>
      </c>
      <c r="G32047" s="1" t="s">
        <v>111682</v>
      </c>
      <c r="H32047" s="1" t="s">
        <v>111683</v>
      </c>
      <c r="I32047" s="1" t="s">
        <v>111349</v>
      </c>
      <c r="J32047" s="1" t="s">
        <v>111689</v>
      </c>
    </row>
    <row r="32048" spans="1:10" x14ac:dyDescent="0.35">
      <c r="A32048" s="1" t="s">
        <v>25568</v>
      </c>
      <c r="B32048" s="1" t="s">
        <v>111344</v>
      </c>
      <c r="C32048" s="1" t="s">
        <v>25</v>
      </c>
      <c r="D32048" s="1" t="s">
        <v>45150</v>
      </c>
      <c r="E32048" s="1" t="s">
        <v>111690</v>
      </c>
      <c r="F32048" s="1" t="s">
        <v>111691</v>
      </c>
      <c r="G32048" s="1" t="s">
        <v>111682</v>
      </c>
      <c r="H32048" s="1" t="s">
        <v>111683</v>
      </c>
      <c r="I32048" s="1" t="s">
        <v>111349</v>
      </c>
      <c r="J32048" s="1" t="s">
        <v>111692</v>
      </c>
    </row>
    <row r="32049" spans="1:10" x14ac:dyDescent="0.35">
      <c r="A32049" s="1" t="s">
        <v>25568</v>
      </c>
      <c r="B32049" s="1" t="s">
        <v>111344</v>
      </c>
      <c r="C32049" s="1" t="s">
        <v>30</v>
      </c>
      <c r="D32049" s="1" t="s">
        <v>111693</v>
      </c>
      <c r="E32049" s="1" t="s">
        <v>111694</v>
      </c>
      <c r="F32049" s="1" t="s">
        <v>111695</v>
      </c>
      <c r="G32049" s="1" t="s">
        <v>111682</v>
      </c>
      <c r="H32049" s="1" t="s">
        <v>111683</v>
      </c>
      <c r="I32049" s="1" t="s">
        <v>111349</v>
      </c>
      <c r="J32049" s="1" t="s">
        <v>111696</v>
      </c>
    </row>
    <row r="32050" spans="1:10" x14ac:dyDescent="0.35">
      <c r="A32050" s="1" t="s">
        <v>25568</v>
      </c>
      <c r="B32050" s="1" t="s">
        <v>111344</v>
      </c>
      <c r="C32050" s="1" t="s">
        <v>35</v>
      </c>
      <c r="D32050" s="1" t="s">
        <v>7090</v>
      </c>
      <c r="E32050" s="1" t="s">
        <v>111697</v>
      </c>
      <c r="F32050" s="1" t="s">
        <v>111698</v>
      </c>
      <c r="G32050" s="1" t="s">
        <v>111682</v>
      </c>
      <c r="H32050" s="1" t="s">
        <v>111683</v>
      </c>
      <c r="I32050" s="1" t="s">
        <v>111349</v>
      </c>
      <c r="J32050" s="1" t="s">
        <v>111699</v>
      </c>
    </row>
    <row r="32051" spans="1:10" x14ac:dyDescent="0.35">
      <c r="A32051" s="1" t="s">
        <v>25568</v>
      </c>
      <c r="B32051" s="1" t="s">
        <v>111344</v>
      </c>
      <c r="C32051" s="1" t="s">
        <v>40</v>
      </c>
      <c r="D32051" s="1" t="s">
        <v>111700</v>
      </c>
      <c r="E32051" s="1" t="s">
        <v>111701</v>
      </c>
      <c r="F32051" s="1" t="s">
        <v>111702</v>
      </c>
      <c r="G32051" s="1" t="s">
        <v>111682</v>
      </c>
      <c r="H32051" s="1" t="s">
        <v>111683</v>
      </c>
      <c r="I32051" s="1" t="s">
        <v>111349</v>
      </c>
      <c r="J32051" s="1" t="s">
        <v>111703</v>
      </c>
    </row>
    <row r="32052" spans="1:10" x14ac:dyDescent="0.35">
      <c r="A32052" s="1" t="s">
        <v>25568</v>
      </c>
      <c r="B32052" s="1" t="s">
        <v>111344</v>
      </c>
      <c r="C32052" s="1" t="s">
        <v>45</v>
      </c>
      <c r="D32052" s="1" t="s">
        <v>109643</v>
      </c>
      <c r="E32052" s="1" t="s">
        <v>111704</v>
      </c>
      <c r="F32052" s="1" t="s">
        <v>111705</v>
      </c>
      <c r="G32052" s="1" t="s">
        <v>111682</v>
      </c>
      <c r="H32052" s="1" t="s">
        <v>111683</v>
      </c>
      <c r="I32052" s="1" t="s">
        <v>111349</v>
      </c>
      <c r="J32052" s="1" t="s">
        <v>111706</v>
      </c>
    </row>
    <row r="32053" spans="1:10" x14ac:dyDescent="0.35">
      <c r="A32053" s="1" t="s">
        <v>25568</v>
      </c>
      <c r="B32053" s="1" t="s">
        <v>111344</v>
      </c>
      <c r="C32053" s="1" t="s">
        <v>50</v>
      </c>
      <c r="D32053" s="1" t="s">
        <v>44693</v>
      </c>
      <c r="E32053" s="1" t="s">
        <v>111707</v>
      </c>
      <c r="F32053" s="1" t="s">
        <v>111708</v>
      </c>
      <c r="G32053" s="1" t="s">
        <v>111682</v>
      </c>
      <c r="H32053" s="1" t="s">
        <v>111683</v>
      </c>
      <c r="I32053" s="1" t="s">
        <v>111349</v>
      </c>
      <c r="J32053" s="1" t="s">
        <v>111709</v>
      </c>
    </row>
    <row r="32054" spans="1:10" x14ac:dyDescent="0.35">
      <c r="A32054" s="1" t="s">
        <v>25568</v>
      </c>
      <c r="B32054" s="1" t="s">
        <v>111344</v>
      </c>
      <c r="C32054" s="1" t="s">
        <v>55</v>
      </c>
      <c r="D32054" s="1" t="s">
        <v>111219</v>
      </c>
      <c r="E32054" s="1" t="s">
        <v>111710</v>
      </c>
      <c r="F32054" s="1" t="s">
        <v>111711</v>
      </c>
      <c r="G32054" s="1" t="s">
        <v>111682</v>
      </c>
      <c r="H32054" s="1" t="s">
        <v>111683</v>
      </c>
      <c r="I32054" s="1" t="s">
        <v>111349</v>
      </c>
      <c r="J32054" s="1" t="s">
        <v>111712</v>
      </c>
    </row>
    <row r="32055" spans="1:10" x14ac:dyDescent="0.35">
      <c r="A32055" s="1" t="s">
        <v>25568</v>
      </c>
      <c r="B32055" s="1" t="s">
        <v>111344</v>
      </c>
      <c r="C32055" s="1" t="s">
        <v>60</v>
      </c>
      <c r="D32055" s="1" t="s">
        <v>111713</v>
      </c>
      <c r="E32055" s="1" t="s">
        <v>111714</v>
      </c>
      <c r="F32055" s="1" t="s">
        <v>111715</v>
      </c>
      <c r="G32055" s="1" t="s">
        <v>111682</v>
      </c>
      <c r="H32055" s="1" t="s">
        <v>111683</v>
      </c>
      <c r="I32055" s="1" t="s">
        <v>111349</v>
      </c>
      <c r="J32055" s="1" t="s">
        <v>111716</v>
      </c>
    </row>
    <row r="32056" spans="1:10" x14ac:dyDescent="0.35">
      <c r="A32056" s="1" t="s">
        <v>25568</v>
      </c>
      <c r="B32056" s="1" t="s">
        <v>111344</v>
      </c>
      <c r="C32056" s="1" t="s">
        <v>65</v>
      </c>
      <c r="D32056" s="1" t="s">
        <v>29484</v>
      </c>
      <c r="E32056" s="1" t="s">
        <v>111717</v>
      </c>
      <c r="F32056" s="1" t="s">
        <v>111718</v>
      </c>
      <c r="G32056" s="1" t="s">
        <v>111682</v>
      </c>
      <c r="H32056" s="1" t="s">
        <v>111683</v>
      </c>
      <c r="I32056" s="1" t="s">
        <v>111349</v>
      </c>
      <c r="J32056" s="1" t="s">
        <v>111719</v>
      </c>
    </row>
    <row r="32057" spans="1:10" x14ac:dyDescent="0.35">
      <c r="A32057" s="1" t="s">
        <v>25568</v>
      </c>
      <c r="B32057" s="1" t="s">
        <v>111344</v>
      </c>
      <c r="C32057" s="1" t="s">
        <v>70</v>
      </c>
      <c r="D32057" s="1" t="s">
        <v>111720</v>
      </c>
      <c r="E32057" s="1" t="s">
        <v>111721</v>
      </c>
      <c r="F32057" s="1" t="s">
        <v>111722</v>
      </c>
      <c r="G32057" s="1" t="s">
        <v>111682</v>
      </c>
      <c r="H32057" s="1" t="s">
        <v>111683</v>
      </c>
      <c r="I32057" s="1" t="s">
        <v>111349</v>
      </c>
      <c r="J32057" s="1" t="s">
        <v>111723</v>
      </c>
    </row>
    <row r="32058" spans="1:10" x14ac:dyDescent="0.35">
      <c r="A32058" s="1" t="s">
        <v>25568</v>
      </c>
      <c r="B32058" s="1" t="s">
        <v>111344</v>
      </c>
      <c r="C32058" s="1" t="s">
        <v>75</v>
      </c>
      <c r="D32058" s="1" t="s">
        <v>4114</v>
      </c>
      <c r="E32058" s="1" t="s">
        <v>111724</v>
      </c>
      <c r="F32058" s="1" t="s">
        <v>111725</v>
      </c>
      <c r="G32058" s="1" t="s">
        <v>111682</v>
      </c>
      <c r="H32058" s="1" t="s">
        <v>111683</v>
      </c>
      <c r="I32058" s="1" t="s">
        <v>111349</v>
      </c>
      <c r="J32058" s="1" t="s">
        <v>111726</v>
      </c>
    </row>
    <row r="32059" spans="1:10" x14ac:dyDescent="0.35">
      <c r="A32059" s="1" t="s">
        <v>25568</v>
      </c>
      <c r="B32059" s="1" t="s">
        <v>111344</v>
      </c>
      <c r="C32059" s="1" t="s">
        <v>80</v>
      </c>
      <c r="D32059" s="1" t="s">
        <v>45654</v>
      </c>
      <c r="E32059" s="1" t="s">
        <v>111727</v>
      </c>
      <c r="F32059" s="1" t="s">
        <v>111728</v>
      </c>
      <c r="G32059" s="1" t="s">
        <v>111682</v>
      </c>
      <c r="H32059" s="1" t="s">
        <v>111683</v>
      </c>
      <c r="I32059" s="1" t="s">
        <v>111349</v>
      </c>
      <c r="J32059" s="1" t="s">
        <v>111729</v>
      </c>
    </row>
    <row r="32060" spans="1:10" x14ac:dyDescent="0.35">
      <c r="A32060" s="1" t="s">
        <v>25568</v>
      </c>
      <c r="B32060" s="1" t="s">
        <v>111344</v>
      </c>
      <c r="C32060" s="1" t="s">
        <v>85</v>
      </c>
      <c r="D32060" s="1" t="s">
        <v>111730</v>
      </c>
      <c r="E32060" s="1" t="s">
        <v>111731</v>
      </c>
      <c r="F32060" s="1" t="s">
        <v>111732</v>
      </c>
      <c r="G32060" s="1" t="s">
        <v>111682</v>
      </c>
      <c r="H32060" s="1" t="s">
        <v>111683</v>
      </c>
      <c r="I32060" s="1" t="s">
        <v>111349</v>
      </c>
      <c r="J32060" s="1" t="s">
        <v>111733</v>
      </c>
    </row>
    <row r="32061" spans="1:10" x14ac:dyDescent="0.35">
      <c r="A32061" s="1" t="s">
        <v>25568</v>
      </c>
      <c r="B32061" s="1" t="s">
        <v>111344</v>
      </c>
      <c r="C32061" s="1" t="s">
        <v>90</v>
      </c>
      <c r="D32061" s="1" t="s">
        <v>111734</v>
      </c>
      <c r="E32061" s="1" t="s">
        <v>111735</v>
      </c>
      <c r="F32061" s="1" t="s">
        <v>111736</v>
      </c>
      <c r="G32061" s="1" t="s">
        <v>111682</v>
      </c>
      <c r="H32061" s="1" t="s">
        <v>111683</v>
      </c>
      <c r="I32061" s="1" t="s">
        <v>111349</v>
      </c>
      <c r="J32061" s="1" t="s">
        <v>111737</v>
      </c>
    </row>
    <row r="32062" spans="1:10" x14ac:dyDescent="0.35">
      <c r="A32062" s="1" t="s">
        <v>25568</v>
      </c>
      <c r="B32062" s="1" t="s">
        <v>111344</v>
      </c>
      <c r="C32062" s="1" t="s">
        <v>95</v>
      </c>
      <c r="D32062" s="1" t="s">
        <v>111738</v>
      </c>
      <c r="E32062" s="1" t="s">
        <v>111739</v>
      </c>
      <c r="F32062" s="1" t="s">
        <v>111740</v>
      </c>
      <c r="G32062" s="1" t="s">
        <v>111682</v>
      </c>
      <c r="H32062" s="1" t="s">
        <v>111683</v>
      </c>
      <c r="I32062" s="1" t="s">
        <v>111349</v>
      </c>
      <c r="J32062" s="1" t="s">
        <v>111741</v>
      </c>
    </row>
    <row r="32063" spans="1:10" x14ac:dyDescent="0.35">
      <c r="A32063" s="1" t="s">
        <v>25568</v>
      </c>
      <c r="B32063" s="1" t="s">
        <v>111344</v>
      </c>
      <c r="C32063" s="1" t="s">
        <v>100</v>
      </c>
      <c r="D32063" s="1" t="s">
        <v>37439</v>
      </c>
      <c r="E32063" s="1" t="s">
        <v>111742</v>
      </c>
      <c r="F32063" s="1" t="s">
        <v>111743</v>
      </c>
      <c r="G32063" s="1" t="s">
        <v>111682</v>
      </c>
      <c r="H32063" s="1" t="s">
        <v>111683</v>
      </c>
      <c r="I32063" s="1" t="s">
        <v>111349</v>
      </c>
      <c r="J32063" s="1" t="s">
        <v>111744</v>
      </c>
    </row>
    <row r="32064" spans="1:10" x14ac:dyDescent="0.35">
      <c r="A32064" s="1" t="s">
        <v>25568</v>
      </c>
      <c r="B32064" s="1" t="s">
        <v>111344</v>
      </c>
      <c r="C32064" s="1" t="s">
        <v>105</v>
      </c>
      <c r="D32064" s="1" t="s">
        <v>72726</v>
      </c>
      <c r="E32064" s="1" t="s">
        <v>111745</v>
      </c>
      <c r="F32064" s="1" t="s">
        <v>111746</v>
      </c>
      <c r="G32064" s="1" t="s">
        <v>111682</v>
      </c>
      <c r="H32064" s="1" t="s">
        <v>111683</v>
      </c>
      <c r="I32064" s="1" t="s">
        <v>111349</v>
      </c>
      <c r="J32064" s="1" t="s">
        <v>111747</v>
      </c>
    </row>
    <row r="32065" spans="1:10" x14ac:dyDescent="0.35">
      <c r="A32065" s="1" t="s">
        <v>25568</v>
      </c>
      <c r="B32065" s="1" t="s">
        <v>111344</v>
      </c>
      <c r="C32065" s="1" t="s">
        <v>110</v>
      </c>
      <c r="D32065" s="1" t="s">
        <v>48689</v>
      </c>
      <c r="E32065" s="1" t="s">
        <v>111748</v>
      </c>
      <c r="F32065" s="1" t="s">
        <v>111749</v>
      </c>
      <c r="G32065" s="1" t="s">
        <v>111682</v>
      </c>
      <c r="H32065" s="1" t="s">
        <v>111683</v>
      </c>
      <c r="I32065" s="1" t="s">
        <v>111349</v>
      </c>
      <c r="J32065" s="1" t="s">
        <v>111750</v>
      </c>
    </row>
    <row r="32066" spans="1:10" x14ac:dyDescent="0.35">
      <c r="A32066" s="1" t="s">
        <v>25568</v>
      </c>
      <c r="B32066" s="1" t="s">
        <v>111344</v>
      </c>
      <c r="C32066" s="1" t="s">
        <v>115</v>
      </c>
      <c r="D32066" s="1" t="s">
        <v>10350</v>
      </c>
      <c r="E32066" s="1" t="s">
        <v>111751</v>
      </c>
      <c r="F32066" s="1" t="s">
        <v>111752</v>
      </c>
      <c r="G32066" s="1" t="s">
        <v>111682</v>
      </c>
      <c r="H32066" s="1" t="s">
        <v>111683</v>
      </c>
      <c r="I32066" s="1" t="s">
        <v>111349</v>
      </c>
      <c r="J32066" s="1" t="s">
        <v>111753</v>
      </c>
    </row>
    <row r="32067" spans="1:10" x14ac:dyDescent="0.35">
      <c r="A32067" s="1" t="s">
        <v>25568</v>
      </c>
      <c r="B32067" s="1" t="s">
        <v>111344</v>
      </c>
      <c r="C32067" s="1" t="s">
        <v>120</v>
      </c>
      <c r="D32067" s="1" t="s">
        <v>9734</v>
      </c>
      <c r="E32067" s="1" t="s">
        <v>111754</v>
      </c>
      <c r="F32067" s="1" t="s">
        <v>111755</v>
      </c>
      <c r="G32067" s="1" t="s">
        <v>111682</v>
      </c>
      <c r="H32067" s="1" t="s">
        <v>111683</v>
      </c>
      <c r="I32067" s="1" t="s">
        <v>111349</v>
      </c>
      <c r="J32067" s="1" t="s">
        <v>99146</v>
      </c>
    </row>
    <row r="32068" spans="1:10" x14ac:dyDescent="0.35">
      <c r="A32068" s="1" t="s">
        <v>25568</v>
      </c>
      <c r="B32068" s="1" t="s">
        <v>111344</v>
      </c>
      <c r="C32068" s="1" t="s">
        <v>125</v>
      </c>
      <c r="D32068" s="1" t="s">
        <v>4547</v>
      </c>
      <c r="E32068" s="1" t="s">
        <v>111756</v>
      </c>
      <c r="F32068" s="1" t="s">
        <v>111757</v>
      </c>
      <c r="G32068" s="1" t="s">
        <v>111682</v>
      </c>
      <c r="H32068" s="1" t="s">
        <v>111683</v>
      </c>
      <c r="I32068" s="1" t="s">
        <v>111349</v>
      </c>
      <c r="J32068" s="1" t="s">
        <v>111758</v>
      </c>
    </row>
    <row r="32069" spans="1:10" x14ac:dyDescent="0.35">
      <c r="A32069" s="1" t="s">
        <v>25568</v>
      </c>
      <c r="B32069" s="1" t="s">
        <v>111344</v>
      </c>
      <c r="C32069" s="1" t="s">
        <v>130</v>
      </c>
      <c r="D32069" s="1" t="s">
        <v>111759</v>
      </c>
      <c r="E32069" s="1" t="s">
        <v>111760</v>
      </c>
      <c r="F32069" s="1" t="s">
        <v>111761</v>
      </c>
      <c r="G32069" s="1" t="s">
        <v>111682</v>
      </c>
      <c r="H32069" s="1" t="s">
        <v>111683</v>
      </c>
      <c r="I32069" s="1" t="s">
        <v>111349</v>
      </c>
      <c r="J32069" s="1" t="s">
        <v>111762</v>
      </c>
    </row>
    <row r="32070" spans="1:10" x14ac:dyDescent="0.35">
      <c r="A32070" s="1" t="s">
        <v>25568</v>
      </c>
      <c r="B32070" s="1" t="s">
        <v>111344</v>
      </c>
      <c r="C32070" s="1" t="s">
        <v>135</v>
      </c>
      <c r="D32070" s="1" t="s">
        <v>29042</v>
      </c>
      <c r="E32070" s="1" t="s">
        <v>111763</v>
      </c>
      <c r="F32070" s="1" t="s">
        <v>111764</v>
      </c>
      <c r="G32070" s="1" t="s">
        <v>111682</v>
      </c>
      <c r="H32070" s="1" t="s">
        <v>111683</v>
      </c>
      <c r="I32070" s="1" t="s">
        <v>111349</v>
      </c>
      <c r="J32070" s="1" t="s">
        <v>111765</v>
      </c>
    </row>
    <row r="32071" spans="1:10" x14ac:dyDescent="0.35">
      <c r="A32071" s="1" t="s">
        <v>25568</v>
      </c>
      <c r="B32071" s="1" t="s">
        <v>111344</v>
      </c>
      <c r="C32071" s="1" t="s">
        <v>140</v>
      </c>
      <c r="D32071" s="1" t="s">
        <v>42873</v>
      </c>
      <c r="E32071" s="1" t="s">
        <v>111766</v>
      </c>
      <c r="F32071" s="1" t="s">
        <v>111767</v>
      </c>
      <c r="G32071" s="1" t="s">
        <v>111682</v>
      </c>
      <c r="H32071" s="1" t="s">
        <v>111683</v>
      </c>
      <c r="I32071" s="1" t="s">
        <v>111349</v>
      </c>
      <c r="J32071" s="1" t="s">
        <v>111768</v>
      </c>
    </row>
    <row r="32072" spans="1:10" x14ac:dyDescent="0.35">
      <c r="A32072" s="1" t="s">
        <v>25568</v>
      </c>
      <c r="B32072" s="1" t="s">
        <v>111344</v>
      </c>
      <c r="C32072" s="1" t="s">
        <v>145</v>
      </c>
      <c r="D32072" s="1" t="s">
        <v>111769</v>
      </c>
      <c r="E32072" s="1" t="s">
        <v>111770</v>
      </c>
      <c r="F32072" s="1" t="s">
        <v>111771</v>
      </c>
      <c r="G32072" s="1" t="s">
        <v>111682</v>
      </c>
      <c r="H32072" s="1" t="s">
        <v>111683</v>
      </c>
      <c r="I32072" s="1" t="s">
        <v>111349</v>
      </c>
      <c r="J32072" s="1" t="s">
        <v>111772</v>
      </c>
    </row>
    <row r="32073" spans="1:10" x14ac:dyDescent="0.35">
      <c r="A32073" s="1" t="s">
        <v>25568</v>
      </c>
      <c r="B32073" s="1" t="s">
        <v>111344</v>
      </c>
      <c r="C32073" s="1" t="s">
        <v>150</v>
      </c>
      <c r="D32073" s="1" t="s">
        <v>36069</v>
      </c>
      <c r="E32073" s="1" t="s">
        <v>111773</v>
      </c>
      <c r="F32073" s="1" t="s">
        <v>111774</v>
      </c>
      <c r="G32073" s="1" t="s">
        <v>111682</v>
      </c>
      <c r="H32073" s="1" t="s">
        <v>111683</v>
      </c>
      <c r="I32073" s="1" t="s">
        <v>111349</v>
      </c>
      <c r="J32073" s="1" t="s">
        <v>111775</v>
      </c>
    </row>
    <row r="32074" spans="1:10" x14ac:dyDescent="0.35">
      <c r="A32074" s="1" t="s">
        <v>25568</v>
      </c>
      <c r="B32074" s="1" t="s">
        <v>111344</v>
      </c>
      <c r="C32074" s="1" t="s">
        <v>155</v>
      </c>
      <c r="D32074" s="1" t="s">
        <v>111776</v>
      </c>
      <c r="E32074" s="1" t="s">
        <v>111777</v>
      </c>
      <c r="F32074" s="1" t="s">
        <v>111778</v>
      </c>
      <c r="G32074" s="1" t="s">
        <v>111682</v>
      </c>
      <c r="H32074" s="1" t="s">
        <v>111683</v>
      </c>
      <c r="I32074" s="1" t="s">
        <v>111349</v>
      </c>
      <c r="J32074" s="1" t="s">
        <v>111779</v>
      </c>
    </row>
    <row r="32075" spans="1:10" x14ac:dyDescent="0.35">
      <c r="A32075" s="1" t="s">
        <v>25568</v>
      </c>
      <c r="B32075" s="1" t="s">
        <v>111344</v>
      </c>
      <c r="C32075" s="1" t="s">
        <v>160</v>
      </c>
      <c r="D32075" s="1" t="s">
        <v>111780</v>
      </c>
      <c r="E32075" s="1" t="s">
        <v>111781</v>
      </c>
      <c r="F32075" s="1" t="s">
        <v>111782</v>
      </c>
      <c r="G32075" s="1" t="s">
        <v>111682</v>
      </c>
      <c r="H32075" s="1" t="s">
        <v>111683</v>
      </c>
      <c r="I32075" s="1" t="s">
        <v>111349</v>
      </c>
      <c r="J32075" s="1" t="s">
        <v>111783</v>
      </c>
    </row>
    <row r="32076" spans="1:10" x14ac:dyDescent="0.35">
      <c r="A32076" s="1" t="s">
        <v>25568</v>
      </c>
      <c r="B32076" s="1" t="s">
        <v>111344</v>
      </c>
      <c r="C32076" s="1" t="s">
        <v>165</v>
      </c>
      <c r="D32076" s="1" t="s">
        <v>34135</v>
      </c>
      <c r="E32076" s="1" t="s">
        <v>111784</v>
      </c>
      <c r="F32076" s="1" t="s">
        <v>111785</v>
      </c>
      <c r="G32076" s="1" t="s">
        <v>111682</v>
      </c>
      <c r="H32076" s="1" t="s">
        <v>111683</v>
      </c>
      <c r="I32076" s="1" t="s">
        <v>111349</v>
      </c>
      <c r="J32076" s="1" t="s">
        <v>111786</v>
      </c>
    </row>
    <row r="32077" spans="1:10" x14ac:dyDescent="0.35">
      <c r="A32077" s="1" t="s">
        <v>25568</v>
      </c>
      <c r="B32077" s="1" t="s">
        <v>111344</v>
      </c>
      <c r="C32077" s="1" t="s">
        <v>170</v>
      </c>
      <c r="D32077" s="1" t="s">
        <v>111787</v>
      </c>
      <c r="E32077" s="1" t="s">
        <v>111788</v>
      </c>
      <c r="F32077" s="1" t="s">
        <v>111789</v>
      </c>
      <c r="G32077" s="1" t="s">
        <v>111682</v>
      </c>
      <c r="H32077" s="1" t="s">
        <v>111683</v>
      </c>
      <c r="I32077" s="1" t="s">
        <v>111349</v>
      </c>
      <c r="J32077" s="1" t="s">
        <v>111790</v>
      </c>
    </row>
    <row r="32078" spans="1:10" x14ac:dyDescent="0.35">
      <c r="A32078" s="1" t="s">
        <v>111791</v>
      </c>
      <c r="B32078" s="1" t="s">
        <v>111344</v>
      </c>
      <c r="C32078" s="1" t="s">
        <v>8</v>
      </c>
      <c r="D32078" s="1" t="s">
        <v>11040</v>
      </c>
      <c r="E32078" s="1" t="s">
        <v>111792</v>
      </c>
      <c r="F32078" s="1" t="s">
        <v>110110</v>
      </c>
      <c r="G32078" s="1" t="s">
        <v>111793</v>
      </c>
      <c r="H32078" s="1" t="s">
        <v>111794</v>
      </c>
      <c r="I32078" s="1" t="s">
        <v>111349</v>
      </c>
      <c r="J32078" s="1" t="s">
        <v>13</v>
      </c>
    </row>
    <row r="32079" spans="1:10" x14ac:dyDescent="0.35">
      <c r="A32079" s="1" t="s">
        <v>111791</v>
      </c>
      <c r="B32079" s="1" t="s">
        <v>111344</v>
      </c>
      <c r="C32079" s="1" t="s">
        <v>15</v>
      </c>
      <c r="D32079" s="1" t="s">
        <v>10057</v>
      </c>
      <c r="E32079" s="1" t="s">
        <v>111795</v>
      </c>
      <c r="F32079" s="1" t="s">
        <v>111796</v>
      </c>
      <c r="G32079" s="1" t="s">
        <v>111793</v>
      </c>
      <c r="H32079" s="1" t="s">
        <v>111794</v>
      </c>
      <c r="I32079" s="1" t="s">
        <v>111349</v>
      </c>
      <c r="J32079" s="1" t="s">
        <v>111797</v>
      </c>
    </row>
    <row r="32080" spans="1:10" x14ac:dyDescent="0.35">
      <c r="A32080" s="1" t="s">
        <v>111791</v>
      </c>
      <c r="B32080" s="1" t="s">
        <v>111344</v>
      </c>
      <c r="C32080" s="1" t="s">
        <v>20</v>
      </c>
      <c r="D32080" s="1" t="s">
        <v>111798</v>
      </c>
      <c r="E32080" s="1" t="s">
        <v>111799</v>
      </c>
      <c r="F32080" s="1" t="s">
        <v>111800</v>
      </c>
      <c r="G32080" s="1" t="s">
        <v>111793</v>
      </c>
      <c r="H32080" s="1" t="s">
        <v>111794</v>
      </c>
      <c r="I32080" s="1" t="s">
        <v>111349</v>
      </c>
      <c r="J32080" s="1" t="s">
        <v>111801</v>
      </c>
    </row>
    <row r="32081" spans="1:10" x14ac:dyDescent="0.35">
      <c r="A32081" s="1" t="s">
        <v>111791</v>
      </c>
      <c r="B32081" s="1" t="s">
        <v>111344</v>
      </c>
      <c r="C32081" s="1" t="s">
        <v>25</v>
      </c>
      <c r="D32081" s="1" t="s">
        <v>8295</v>
      </c>
      <c r="E32081" s="1" t="s">
        <v>111802</v>
      </c>
      <c r="F32081" s="1" t="s">
        <v>111803</v>
      </c>
      <c r="G32081" s="1" t="s">
        <v>111793</v>
      </c>
      <c r="H32081" s="1" t="s">
        <v>111794</v>
      </c>
      <c r="I32081" s="1" t="s">
        <v>111349</v>
      </c>
      <c r="J32081" s="1" t="s">
        <v>111804</v>
      </c>
    </row>
    <row r="32082" spans="1:10" x14ac:dyDescent="0.35">
      <c r="A32082" s="1" t="s">
        <v>111791</v>
      </c>
      <c r="B32082" s="1" t="s">
        <v>111344</v>
      </c>
      <c r="C32082" s="1" t="s">
        <v>30</v>
      </c>
      <c r="D32082" s="1" t="s">
        <v>111805</v>
      </c>
      <c r="E32082" s="1" t="s">
        <v>111806</v>
      </c>
      <c r="F32082" s="1" t="s">
        <v>111807</v>
      </c>
      <c r="G32082" s="1" t="s">
        <v>111793</v>
      </c>
      <c r="H32082" s="1" t="s">
        <v>111794</v>
      </c>
      <c r="I32082" s="1" t="s">
        <v>111349</v>
      </c>
      <c r="J32082" s="1" t="s">
        <v>111808</v>
      </c>
    </row>
    <row r="32083" spans="1:10" x14ac:dyDescent="0.35">
      <c r="A32083" s="1" t="s">
        <v>111791</v>
      </c>
      <c r="B32083" s="1" t="s">
        <v>111344</v>
      </c>
      <c r="C32083" s="1" t="s">
        <v>35</v>
      </c>
      <c r="D32083" s="1" t="s">
        <v>111809</v>
      </c>
      <c r="E32083" s="1" t="s">
        <v>111810</v>
      </c>
      <c r="F32083" s="1" t="s">
        <v>111811</v>
      </c>
      <c r="G32083" s="1" t="s">
        <v>111793</v>
      </c>
      <c r="H32083" s="1" t="s">
        <v>111794</v>
      </c>
      <c r="I32083" s="1" t="s">
        <v>111349</v>
      </c>
      <c r="J32083" s="1" t="s">
        <v>111812</v>
      </c>
    </row>
    <row r="32084" spans="1:10" x14ac:dyDescent="0.35">
      <c r="A32084" s="1" t="s">
        <v>111791</v>
      </c>
      <c r="B32084" s="1" t="s">
        <v>111344</v>
      </c>
      <c r="C32084" s="1" t="s">
        <v>40</v>
      </c>
      <c r="D32084" s="1" t="s">
        <v>27977</v>
      </c>
      <c r="E32084" s="1" t="s">
        <v>111813</v>
      </c>
      <c r="F32084" s="1" t="s">
        <v>111814</v>
      </c>
      <c r="G32084" s="1" t="s">
        <v>111793</v>
      </c>
      <c r="H32084" s="1" t="s">
        <v>111794</v>
      </c>
      <c r="I32084" s="1" t="s">
        <v>111349</v>
      </c>
      <c r="J32084" s="1" t="s">
        <v>111815</v>
      </c>
    </row>
    <row r="32085" spans="1:10" x14ac:dyDescent="0.35">
      <c r="A32085" s="1" t="s">
        <v>111791</v>
      </c>
      <c r="B32085" s="1" t="s">
        <v>111344</v>
      </c>
      <c r="C32085" s="1" t="s">
        <v>45</v>
      </c>
      <c r="D32085" s="1" t="s">
        <v>8310</v>
      </c>
      <c r="E32085" s="1" t="s">
        <v>8139</v>
      </c>
      <c r="F32085" s="1" t="s">
        <v>111816</v>
      </c>
      <c r="G32085" s="1" t="s">
        <v>111793</v>
      </c>
      <c r="H32085" s="1" t="s">
        <v>111794</v>
      </c>
      <c r="I32085" s="1" t="s">
        <v>111349</v>
      </c>
      <c r="J32085" s="1" t="s">
        <v>111817</v>
      </c>
    </row>
    <row r="32086" spans="1:10" x14ac:dyDescent="0.35">
      <c r="A32086" s="1" t="s">
        <v>111791</v>
      </c>
      <c r="B32086" s="1" t="s">
        <v>111344</v>
      </c>
      <c r="C32086" s="1" t="s">
        <v>50</v>
      </c>
      <c r="D32086" s="1" t="s">
        <v>30024</v>
      </c>
      <c r="E32086" s="1" t="s">
        <v>111818</v>
      </c>
      <c r="F32086" s="1" t="s">
        <v>111819</v>
      </c>
      <c r="G32086" s="1" t="s">
        <v>111793</v>
      </c>
      <c r="H32086" s="1" t="s">
        <v>111794</v>
      </c>
      <c r="I32086" s="1" t="s">
        <v>111349</v>
      </c>
      <c r="J32086" s="1" t="s">
        <v>111820</v>
      </c>
    </row>
    <row r="32087" spans="1:10" x14ac:dyDescent="0.35">
      <c r="A32087" s="1" t="s">
        <v>111791</v>
      </c>
      <c r="B32087" s="1" t="s">
        <v>111344</v>
      </c>
      <c r="C32087" s="1" t="s">
        <v>55</v>
      </c>
      <c r="D32087" s="1" t="s">
        <v>111821</v>
      </c>
      <c r="E32087" s="1" t="s">
        <v>111822</v>
      </c>
      <c r="F32087" s="1" t="s">
        <v>111823</v>
      </c>
      <c r="G32087" s="1" t="s">
        <v>111793</v>
      </c>
      <c r="H32087" s="1" t="s">
        <v>111794</v>
      </c>
      <c r="I32087" s="1" t="s">
        <v>111349</v>
      </c>
      <c r="J32087" s="1" t="s">
        <v>111824</v>
      </c>
    </row>
    <row r="32088" spans="1:10" x14ac:dyDescent="0.35">
      <c r="A32088" s="1" t="s">
        <v>111791</v>
      </c>
      <c r="B32088" s="1" t="s">
        <v>111344</v>
      </c>
      <c r="C32088" s="1" t="s">
        <v>60</v>
      </c>
      <c r="D32088" s="1" t="s">
        <v>11767</v>
      </c>
      <c r="E32088" s="1" t="s">
        <v>111825</v>
      </c>
      <c r="F32088" s="1" t="s">
        <v>111826</v>
      </c>
      <c r="G32088" s="1" t="s">
        <v>111793</v>
      </c>
      <c r="H32088" s="1" t="s">
        <v>111794</v>
      </c>
      <c r="I32088" s="1" t="s">
        <v>111349</v>
      </c>
      <c r="J32088" s="1" t="s">
        <v>111827</v>
      </c>
    </row>
    <row r="32089" spans="1:10" x14ac:dyDescent="0.35">
      <c r="A32089" s="1" t="s">
        <v>111791</v>
      </c>
      <c r="B32089" s="1" t="s">
        <v>111344</v>
      </c>
      <c r="C32089" s="1" t="s">
        <v>65</v>
      </c>
      <c r="D32089" s="1" t="s">
        <v>8683</v>
      </c>
      <c r="E32089" s="1" t="s">
        <v>111828</v>
      </c>
      <c r="F32089" s="1" t="s">
        <v>99626</v>
      </c>
      <c r="G32089" s="1" t="s">
        <v>111793</v>
      </c>
      <c r="H32089" s="1" t="s">
        <v>111794</v>
      </c>
      <c r="I32089" s="1" t="s">
        <v>111349</v>
      </c>
      <c r="J32089" s="1" t="s">
        <v>111829</v>
      </c>
    </row>
    <row r="32090" spans="1:10" x14ac:dyDescent="0.35">
      <c r="A32090" s="1" t="s">
        <v>111791</v>
      </c>
      <c r="B32090" s="1" t="s">
        <v>111344</v>
      </c>
      <c r="C32090" s="1" t="s">
        <v>70</v>
      </c>
      <c r="D32090" s="1" t="s">
        <v>2039</v>
      </c>
      <c r="E32090" s="1" t="s">
        <v>111830</v>
      </c>
      <c r="F32090" s="1" t="s">
        <v>111831</v>
      </c>
      <c r="G32090" s="1" t="s">
        <v>111793</v>
      </c>
      <c r="H32090" s="1" t="s">
        <v>111794</v>
      </c>
      <c r="I32090" s="1" t="s">
        <v>111349</v>
      </c>
      <c r="J32090" s="1" t="s">
        <v>111832</v>
      </c>
    </row>
    <row r="32091" spans="1:10" x14ac:dyDescent="0.35">
      <c r="A32091" s="1" t="s">
        <v>111791</v>
      </c>
      <c r="B32091" s="1" t="s">
        <v>111344</v>
      </c>
      <c r="C32091" s="1" t="s">
        <v>75</v>
      </c>
      <c r="D32091" s="1" t="s">
        <v>46730</v>
      </c>
      <c r="E32091" s="1" t="s">
        <v>111833</v>
      </c>
      <c r="F32091" s="1" t="s">
        <v>111834</v>
      </c>
      <c r="G32091" s="1" t="s">
        <v>111793</v>
      </c>
      <c r="H32091" s="1" t="s">
        <v>111794</v>
      </c>
      <c r="I32091" s="1" t="s">
        <v>111349</v>
      </c>
      <c r="J32091" s="1" t="s">
        <v>111835</v>
      </c>
    </row>
    <row r="32092" spans="1:10" x14ac:dyDescent="0.35">
      <c r="A32092" s="1" t="s">
        <v>111791</v>
      </c>
      <c r="B32092" s="1" t="s">
        <v>111344</v>
      </c>
      <c r="C32092" s="1" t="s">
        <v>80</v>
      </c>
      <c r="D32092" s="1" t="s">
        <v>15976</v>
      </c>
      <c r="E32092" s="1" t="s">
        <v>111836</v>
      </c>
      <c r="F32092" s="1" t="s">
        <v>111837</v>
      </c>
      <c r="G32092" s="1" t="s">
        <v>111793</v>
      </c>
      <c r="H32092" s="1" t="s">
        <v>111794</v>
      </c>
      <c r="I32092" s="1" t="s">
        <v>111349</v>
      </c>
      <c r="J32092" s="1" t="s">
        <v>111838</v>
      </c>
    </row>
    <row r="32093" spans="1:10" x14ac:dyDescent="0.35">
      <c r="A32093" s="1" t="s">
        <v>111791</v>
      </c>
      <c r="B32093" s="1" t="s">
        <v>111344</v>
      </c>
      <c r="C32093" s="1" t="s">
        <v>85</v>
      </c>
      <c r="D32093" s="1" t="s">
        <v>14045</v>
      </c>
      <c r="E32093" s="1" t="s">
        <v>28946</v>
      </c>
      <c r="F32093" s="1" t="s">
        <v>111839</v>
      </c>
      <c r="G32093" s="1" t="s">
        <v>111793</v>
      </c>
      <c r="H32093" s="1" t="s">
        <v>111794</v>
      </c>
      <c r="I32093" s="1" t="s">
        <v>111349</v>
      </c>
      <c r="J32093" s="1" t="s">
        <v>111840</v>
      </c>
    </row>
    <row r="32094" spans="1:10" x14ac:dyDescent="0.35">
      <c r="A32094" s="1" t="s">
        <v>111791</v>
      </c>
      <c r="B32094" s="1" t="s">
        <v>111344</v>
      </c>
      <c r="C32094" s="1" t="s">
        <v>90</v>
      </c>
      <c r="D32094" s="1" t="s">
        <v>111841</v>
      </c>
      <c r="E32094" s="1" t="s">
        <v>8124</v>
      </c>
      <c r="F32094" s="1" t="s">
        <v>111842</v>
      </c>
      <c r="G32094" s="1" t="s">
        <v>111793</v>
      </c>
      <c r="H32094" s="1" t="s">
        <v>111794</v>
      </c>
      <c r="I32094" s="1" t="s">
        <v>111349</v>
      </c>
      <c r="J32094" s="1" t="s">
        <v>111843</v>
      </c>
    </row>
    <row r="32095" spans="1:10" x14ac:dyDescent="0.35">
      <c r="A32095" s="1" t="s">
        <v>111791</v>
      </c>
      <c r="B32095" s="1" t="s">
        <v>111344</v>
      </c>
      <c r="C32095" s="1" t="s">
        <v>95</v>
      </c>
      <c r="D32095" s="1" t="s">
        <v>36181</v>
      </c>
      <c r="E32095" s="1" t="s">
        <v>111844</v>
      </c>
      <c r="F32095" s="1" t="s">
        <v>111845</v>
      </c>
      <c r="G32095" s="1" t="s">
        <v>111793</v>
      </c>
      <c r="H32095" s="1" t="s">
        <v>111794</v>
      </c>
      <c r="I32095" s="1" t="s">
        <v>111349</v>
      </c>
      <c r="J32095" s="1" t="s">
        <v>111846</v>
      </c>
    </row>
    <row r="32096" spans="1:10" x14ac:dyDescent="0.35">
      <c r="A32096" s="1" t="s">
        <v>111791</v>
      </c>
      <c r="B32096" s="1" t="s">
        <v>111344</v>
      </c>
      <c r="C32096" s="1" t="s">
        <v>100</v>
      </c>
      <c r="D32096" s="1" t="s">
        <v>74770</v>
      </c>
      <c r="E32096" s="1" t="s">
        <v>111847</v>
      </c>
      <c r="F32096" s="1" t="s">
        <v>111848</v>
      </c>
      <c r="G32096" s="1" t="s">
        <v>111793</v>
      </c>
      <c r="H32096" s="1" t="s">
        <v>111794</v>
      </c>
      <c r="I32096" s="1" t="s">
        <v>111349</v>
      </c>
      <c r="J32096" s="1" t="s">
        <v>111849</v>
      </c>
    </row>
    <row r="32097" spans="1:10" x14ac:dyDescent="0.35">
      <c r="A32097" s="1" t="s">
        <v>111791</v>
      </c>
      <c r="B32097" s="1" t="s">
        <v>111344</v>
      </c>
      <c r="C32097" s="1" t="s">
        <v>105</v>
      </c>
      <c r="D32097" s="1" t="s">
        <v>111850</v>
      </c>
      <c r="E32097" s="1" t="s">
        <v>111851</v>
      </c>
      <c r="F32097" s="1" t="s">
        <v>111852</v>
      </c>
      <c r="G32097" s="1" t="s">
        <v>111793</v>
      </c>
      <c r="H32097" s="1" t="s">
        <v>111794</v>
      </c>
      <c r="I32097" s="1" t="s">
        <v>111349</v>
      </c>
      <c r="J32097" s="1" t="s">
        <v>111853</v>
      </c>
    </row>
    <row r="32098" spans="1:10" x14ac:dyDescent="0.35">
      <c r="A32098" s="1" t="s">
        <v>111791</v>
      </c>
      <c r="B32098" s="1" t="s">
        <v>111344</v>
      </c>
      <c r="C32098" s="1" t="s">
        <v>110</v>
      </c>
      <c r="D32098" s="1" t="s">
        <v>111854</v>
      </c>
      <c r="E32098" s="1" t="s">
        <v>8076</v>
      </c>
      <c r="F32098" s="1" t="s">
        <v>111855</v>
      </c>
      <c r="G32098" s="1" t="s">
        <v>111793</v>
      </c>
      <c r="H32098" s="1" t="s">
        <v>111794</v>
      </c>
      <c r="I32098" s="1" t="s">
        <v>111349</v>
      </c>
      <c r="J32098" s="1" t="s">
        <v>111856</v>
      </c>
    </row>
    <row r="32099" spans="1:10" x14ac:dyDescent="0.35">
      <c r="A32099" s="1" t="s">
        <v>111791</v>
      </c>
      <c r="B32099" s="1" t="s">
        <v>111344</v>
      </c>
      <c r="C32099" s="1" t="s">
        <v>115</v>
      </c>
      <c r="D32099" s="1" t="s">
        <v>111857</v>
      </c>
      <c r="E32099" s="1" t="s">
        <v>8135</v>
      </c>
      <c r="F32099" s="1" t="s">
        <v>111858</v>
      </c>
      <c r="G32099" s="1" t="s">
        <v>111793</v>
      </c>
      <c r="H32099" s="1" t="s">
        <v>111794</v>
      </c>
      <c r="I32099" s="1" t="s">
        <v>111349</v>
      </c>
      <c r="J32099" s="1" t="s">
        <v>111859</v>
      </c>
    </row>
    <row r="32100" spans="1:10" x14ac:dyDescent="0.35">
      <c r="A32100" s="1" t="s">
        <v>111791</v>
      </c>
      <c r="B32100" s="1" t="s">
        <v>111344</v>
      </c>
      <c r="C32100" s="1" t="s">
        <v>120</v>
      </c>
      <c r="D32100" s="1" t="s">
        <v>111860</v>
      </c>
      <c r="E32100" s="1" t="s">
        <v>29008</v>
      </c>
      <c r="F32100" s="1" t="s">
        <v>100176</v>
      </c>
      <c r="G32100" s="1" t="s">
        <v>111793</v>
      </c>
      <c r="H32100" s="1" t="s">
        <v>111794</v>
      </c>
      <c r="I32100" s="1" t="s">
        <v>111349</v>
      </c>
      <c r="J32100" s="1" t="s">
        <v>111861</v>
      </c>
    </row>
    <row r="32101" spans="1:10" x14ac:dyDescent="0.35">
      <c r="A32101" s="1" t="s">
        <v>111791</v>
      </c>
      <c r="B32101" s="1" t="s">
        <v>111344</v>
      </c>
      <c r="C32101" s="1" t="s">
        <v>125</v>
      </c>
      <c r="D32101" s="1" t="s">
        <v>111862</v>
      </c>
      <c r="E32101" s="1" t="s">
        <v>111863</v>
      </c>
      <c r="F32101" s="1" t="s">
        <v>111864</v>
      </c>
      <c r="G32101" s="1" t="s">
        <v>111793</v>
      </c>
      <c r="H32101" s="1" t="s">
        <v>111794</v>
      </c>
      <c r="I32101" s="1" t="s">
        <v>111349</v>
      </c>
      <c r="J32101" s="1" t="s">
        <v>111865</v>
      </c>
    </row>
    <row r="32102" spans="1:10" x14ac:dyDescent="0.35">
      <c r="A32102" s="1" t="s">
        <v>111791</v>
      </c>
      <c r="B32102" s="1" t="s">
        <v>111344</v>
      </c>
      <c r="C32102" s="1" t="s">
        <v>130</v>
      </c>
      <c r="D32102" s="1" t="s">
        <v>111866</v>
      </c>
      <c r="E32102" s="1" t="s">
        <v>111867</v>
      </c>
      <c r="F32102" s="1" t="s">
        <v>111868</v>
      </c>
      <c r="G32102" s="1" t="s">
        <v>111793</v>
      </c>
      <c r="H32102" s="1" t="s">
        <v>111794</v>
      </c>
      <c r="I32102" s="1" t="s">
        <v>111349</v>
      </c>
      <c r="J32102" s="1" t="s">
        <v>111869</v>
      </c>
    </row>
    <row r="32103" spans="1:10" x14ac:dyDescent="0.35">
      <c r="A32103" s="1" t="s">
        <v>111791</v>
      </c>
      <c r="B32103" s="1" t="s">
        <v>111344</v>
      </c>
      <c r="C32103" s="1" t="s">
        <v>135</v>
      </c>
      <c r="D32103" s="1" t="s">
        <v>111870</v>
      </c>
      <c r="E32103" s="1" t="s">
        <v>51368</v>
      </c>
      <c r="F32103" s="1" t="s">
        <v>111871</v>
      </c>
      <c r="G32103" s="1" t="s">
        <v>111793</v>
      </c>
      <c r="H32103" s="1" t="s">
        <v>111794</v>
      </c>
      <c r="I32103" s="1" t="s">
        <v>111349</v>
      </c>
      <c r="J32103" s="1" t="s">
        <v>111872</v>
      </c>
    </row>
    <row r="32104" spans="1:10" x14ac:dyDescent="0.35">
      <c r="A32104" s="1" t="s">
        <v>111791</v>
      </c>
      <c r="B32104" s="1" t="s">
        <v>111344</v>
      </c>
      <c r="C32104" s="1" t="s">
        <v>140</v>
      </c>
      <c r="D32104" s="1" t="s">
        <v>111873</v>
      </c>
      <c r="E32104" s="1" t="s">
        <v>50820</v>
      </c>
      <c r="F32104" s="1" t="s">
        <v>111874</v>
      </c>
      <c r="G32104" s="1" t="s">
        <v>111793</v>
      </c>
      <c r="H32104" s="1" t="s">
        <v>111794</v>
      </c>
      <c r="I32104" s="1" t="s">
        <v>111349</v>
      </c>
      <c r="J32104" s="1" t="s">
        <v>111875</v>
      </c>
    </row>
    <row r="32105" spans="1:10" x14ac:dyDescent="0.35">
      <c r="A32105" s="1" t="s">
        <v>111791</v>
      </c>
      <c r="B32105" s="1" t="s">
        <v>111344</v>
      </c>
      <c r="C32105" s="1" t="s">
        <v>145</v>
      </c>
      <c r="D32105" s="1" t="s">
        <v>111876</v>
      </c>
      <c r="E32105" s="1" t="s">
        <v>111877</v>
      </c>
      <c r="F32105" s="1" t="s">
        <v>111878</v>
      </c>
      <c r="G32105" s="1" t="s">
        <v>111793</v>
      </c>
      <c r="H32105" s="1" t="s">
        <v>111794</v>
      </c>
      <c r="I32105" s="1" t="s">
        <v>111349</v>
      </c>
      <c r="J32105" s="1" t="s">
        <v>111879</v>
      </c>
    </row>
    <row r="32106" spans="1:10" x14ac:dyDescent="0.35">
      <c r="A32106" s="1" t="s">
        <v>111791</v>
      </c>
      <c r="B32106" s="1" t="s">
        <v>111344</v>
      </c>
      <c r="C32106" s="1" t="s">
        <v>150</v>
      </c>
      <c r="D32106" s="1" t="s">
        <v>111880</v>
      </c>
      <c r="E32106" s="1" t="s">
        <v>111881</v>
      </c>
      <c r="F32106" s="1" t="s">
        <v>111882</v>
      </c>
      <c r="G32106" s="1" t="s">
        <v>111793</v>
      </c>
      <c r="H32106" s="1" t="s">
        <v>111794</v>
      </c>
      <c r="I32106" s="1" t="s">
        <v>111349</v>
      </c>
      <c r="J32106" s="1" t="s">
        <v>111883</v>
      </c>
    </row>
    <row r="32107" spans="1:10" x14ac:dyDescent="0.35">
      <c r="A32107" s="1" t="s">
        <v>111791</v>
      </c>
      <c r="B32107" s="1" t="s">
        <v>111344</v>
      </c>
      <c r="C32107" s="1" t="s">
        <v>155</v>
      </c>
      <c r="D32107" s="1" t="s">
        <v>111884</v>
      </c>
      <c r="E32107" s="1" t="s">
        <v>11828</v>
      </c>
      <c r="F32107" s="1" t="s">
        <v>111885</v>
      </c>
      <c r="G32107" s="1" t="s">
        <v>111793</v>
      </c>
      <c r="H32107" s="1" t="s">
        <v>111794</v>
      </c>
      <c r="I32107" s="1" t="s">
        <v>111349</v>
      </c>
      <c r="J32107" s="1" t="s">
        <v>111886</v>
      </c>
    </row>
    <row r="32108" spans="1:10" x14ac:dyDescent="0.35">
      <c r="A32108" s="1" t="s">
        <v>111791</v>
      </c>
      <c r="B32108" s="1" t="s">
        <v>111344</v>
      </c>
      <c r="C32108" s="1" t="s">
        <v>160</v>
      </c>
      <c r="D32108" s="1" t="s">
        <v>50170</v>
      </c>
      <c r="E32108" s="1" t="s">
        <v>111887</v>
      </c>
      <c r="F32108" s="1" t="s">
        <v>111888</v>
      </c>
      <c r="G32108" s="1" t="s">
        <v>111793</v>
      </c>
      <c r="H32108" s="1" t="s">
        <v>111794</v>
      </c>
      <c r="I32108" s="1" t="s">
        <v>111349</v>
      </c>
      <c r="J32108" s="1" t="s">
        <v>111889</v>
      </c>
    </row>
    <row r="32109" spans="1:10" x14ac:dyDescent="0.35">
      <c r="A32109" s="1" t="s">
        <v>111791</v>
      </c>
      <c r="B32109" s="1" t="s">
        <v>111344</v>
      </c>
      <c r="C32109" s="1" t="s">
        <v>165</v>
      </c>
      <c r="D32109" s="1" t="s">
        <v>7976</v>
      </c>
      <c r="E32109" s="1" t="s">
        <v>111890</v>
      </c>
      <c r="F32109" s="1" t="s">
        <v>111891</v>
      </c>
      <c r="G32109" s="1" t="s">
        <v>111793</v>
      </c>
      <c r="H32109" s="1" t="s">
        <v>111794</v>
      </c>
      <c r="I32109" s="1" t="s">
        <v>111349</v>
      </c>
      <c r="J32109" s="1" t="s">
        <v>111892</v>
      </c>
    </row>
    <row r="32110" spans="1:10" x14ac:dyDescent="0.35">
      <c r="A32110" s="1" t="s">
        <v>111791</v>
      </c>
      <c r="B32110" s="1" t="s">
        <v>111344</v>
      </c>
      <c r="C32110" s="1" t="s">
        <v>170</v>
      </c>
      <c r="D32110" s="1" t="s">
        <v>111893</v>
      </c>
      <c r="E32110" s="1" t="s">
        <v>111894</v>
      </c>
      <c r="F32110" s="1" t="s">
        <v>111895</v>
      </c>
      <c r="G32110" s="1" t="s">
        <v>111793</v>
      </c>
      <c r="H32110" s="1" t="s">
        <v>111794</v>
      </c>
      <c r="I32110" s="1" t="s">
        <v>111349</v>
      </c>
      <c r="J32110" s="1" t="s">
        <v>111896</v>
      </c>
    </row>
    <row r="32111" spans="1:10" x14ac:dyDescent="0.35">
      <c r="A32111" s="1" t="s">
        <v>6298</v>
      </c>
      <c r="B32111" s="1" t="s">
        <v>111344</v>
      </c>
      <c r="C32111" s="1" t="s">
        <v>8</v>
      </c>
      <c r="D32111" s="1" t="s">
        <v>110576</v>
      </c>
      <c r="E32111" s="1" t="s">
        <v>111897</v>
      </c>
      <c r="F32111" s="1" t="s">
        <v>111898</v>
      </c>
      <c r="G32111" s="1" t="s">
        <v>111899</v>
      </c>
      <c r="H32111" s="1" t="s">
        <v>111900</v>
      </c>
      <c r="I32111" s="1" t="s">
        <v>111349</v>
      </c>
      <c r="J32111" s="1" t="s">
        <v>13</v>
      </c>
    </row>
    <row r="32112" spans="1:10" x14ac:dyDescent="0.35">
      <c r="A32112" s="1" t="s">
        <v>6298</v>
      </c>
      <c r="B32112" s="1" t="s">
        <v>111344</v>
      </c>
      <c r="C32112" s="1" t="s">
        <v>15</v>
      </c>
      <c r="D32112" s="1" t="s">
        <v>25985</v>
      </c>
      <c r="E32112" s="1" t="s">
        <v>111901</v>
      </c>
      <c r="F32112" s="1" t="s">
        <v>111902</v>
      </c>
      <c r="G32112" s="1" t="s">
        <v>111899</v>
      </c>
      <c r="H32112" s="1" t="s">
        <v>111900</v>
      </c>
      <c r="I32112" s="1" t="s">
        <v>111349</v>
      </c>
      <c r="J32112" s="1" t="s">
        <v>111903</v>
      </c>
    </row>
    <row r="32113" spans="1:10" x14ac:dyDescent="0.35">
      <c r="A32113" s="1" t="s">
        <v>6298</v>
      </c>
      <c r="B32113" s="1" t="s">
        <v>111344</v>
      </c>
      <c r="C32113" s="1" t="s">
        <v>20</v>
      </c>
      <c r="D32113" s="1" t="s">
        <v>8702</v>
      </c>
      <c r="E32113" s="1" t="s">
        <v>111904</v>
      </c>
      <c r="F32113" s="1" t="s">
        <v>111905</v>
      </c>
      <c r="G32113" s="1" t="s">
        <v>111899</v>
      </c>
      <c r="H32113" s="1" t="s">
        <v>111900</v>
      </c>
      <c r="I32113" s="1" t="s">
        <v>111349</v>
      </c>
      <c r="J32113" s="1" t="s">
        <v>111906</v>
      </c>
    </row>
    <row r="32114" spans="1:10" x14ac:dyDescent="0.35">
      <c r="A32114" s="1" t="s">
        <v>6298</v>
      </c>
      <c r="B32114" s="1" t="s">
        <v>111344</v>
      </c>
      <c r="C32114" s="1" t="s">
        <v>25</v>
      </c>
      <c r="D32114" s="1" t="s">
        <v>111907</v>
      </c>
      <c r="E32114" s="1" t="s">
        <v>111908</v>
      </c>
      <c r="F32114" s="1" t="s">
        <v>111909</v>
      </c>
      <c r="G32114" s="1" t="s">
        <v>111899</v>
      </c>
      <c r="H32114" s="1" t="s">
        <v>111900</v>
      </c>
      <c r="I32114" s="1" t="s">
        <v>111349</v>
      </c>
      <c r="J32114" s="1" t="s">
        <v>111910</v>
      </c>
    </row>
    <row r="32115" spans="1:10" x14ac:dyDescent="0.35">
      <c r="A32115" s="1" t="s">
        <v>6298</v>
      </c>
      <c r="B32115" s="1" t="s">
        <v>111344</v>
      </c>
      <c r="C32115" s="1" t="s">
        <v>30</v>
      </c>
      <c r="D32115" s="1" t="s">
        <v>8042</v>
      </c>
      <c r="E32115" s="1" t="s">
        <v>111911</v>
      </c>
      <c r="F32115" s="1" t="s">
        <v>111912</v>
      </c>
      <c r="G32115" s="1" t="s">
        <v>111899</v>
      </c>
      <c r="H32115" s="1" t="s">
        <v>111900</v>
      </c>
      <c r="I32115" s="1" t="s">
        <v>111349</v>
      </c>
      <c r="J32115" s="1" t="s">
        <v>111913</v>
      </c>
    </row>
    <row r="32116" spans="1:10" x14ac:dyDescent="0.35">
      <c r="A32116" s="1" t="s">
        <v>6298</v>
      </c>
      <c r="B32116" s="1" t="s">
        <v>111344</v>
      </c>
      <c r="C32116" s="1" t="s">
        <v>35</v>
      </c>
      <c r="D32116" s="1" t="s">
        <v>10172</v>
      </c>
      <c r="E32116" s="1" t="s">
        <v>111914</v>
      </c>
      <c r="F32116" s="1" t="s">
        <v>111915</v>
      </c>
      <c r="G32116" s="1" t="s">
        <v>111899</v>
      </c>
      <c r="H32116" s="1" t="s">
        <v>111900</v>
      </c>
      <c r="I32116" s="1" t="s">
        <v>111349</v>
      </c>
      <c r="J32116" s="1" t="s">
        <v>111916</v>
      </c>
    </row>
    <row r="32117" spans="1:10" x14ac:dyDescent="0.35">
      <c r="A32117" s="1" t="s">
        <v>6298</v>
      </c>
      <c r="B32117" s="1" t="s">
        <v>111344</v>
      </c>
      <c r="C32117" s="1" t="s">
        <v>40</v>
      </c>
      <c r="D32117" s="1" t="s">
        <v>1564</v>
      </c>
      <c r="E32117" s="1" t="s">
        <v>111917</v>
      </c>
      <c r="F32117" s="1" t="s">
        <v>111918</v>
      </c>
      <c r="G32117" s="1" t="s">
        <v>111899</v>
      </c>
      <c r="H32117" s="1" t="s">
        <v>111900</v>
      </c>
      <c r="I32117" s="1" t="s">
        <v>111349</v>
      </c>
      <c r="J32117" s="1" t="s">
        <v>111919</v>
      </c>
    </row>
    <row r="32118" spans="1:10" x14ac:dyDescent="0.35">
      <c r="A32118" s="1" t="s">
        <v>6298</v>
      </c>
      <c r="B32118" s="1" t="s">
        <v>111344</v>
      </c>
      <c r="C32118" s="1" t="s">
        <v>45</v>
      </c>
      <c r="D32118" s="1" t="s">
        <v>111920</v>
      </c>
      <c r="E32118" s="1" t="s">
        <v>111921</v>
      </c>
      <c r="F32118" s="1" t="s">
        <v>111922</v>
      </c>
      <c r="G32118" s="1" t="s">
        <v>111899</v>
      </c>
      <c r="H32118" s="1" t="s">
        <v>111900</v>
      </c>
      <c r="I32118" s="1" t="s">
        <v>111349</v>
      </c>
      <c r="J32118" s="1" t="s">
        <v>111923</v>
      </c>
    </row>
    <row r="32119" spans="1:10" x14ac:dyDescent="0.35">
      <c r="A32119" s="1" t="s">
        <v>6298</v>
      </c>
      <c r="B32119" s="1" t="s">
        <v>111344</v>
      </c>
      <c r="C32119" s="1" t="s">
        <v>50</v>
      </c>
      <c r="D32119" s="1" t="s">
        <v>104079</v>
      </c>
      <c r="E32119" s="1" t="s">
        <v>111924</v>
      </c>
      <c r="F32119" s="1" t="s">
        <v>111925</v>
      </c>
      <c r="G32119" s="1" t="s">
        <v>111899</v>
      </c>
      <c r="H32119" s="1" t="s">
        <v>111900</v>
      </c>
      <c r="I32119" s="1" t="s">
        <v>111349</v>
      </c>
      <c r="J32119" s="1" t="s">
        <v>111926</v>
      </c>
    </row>
    <row r="32120" spans="1:10" x14ac:dyDescent="0.35">
      <c r="A32120" s="1" t="s">
        <v>6298</v>
      </c>
      <c r="B32120" s="1" t="s">
        <v>111344</v>
      </c>
      <c r="C32120" s="1" t="s">
        <v>55</v>
      </c>
      <c r="D32120" s="1" t="s">
        <v>35157</v>
      </c>
      <c r="E32120" s="1" t="s">
        <v>111927</v>
      </c>
      <c r="F32120" s="1" t="s">
        <v>111928</v>
      </c>
      <c r="G32120" s="1" t="s">
        <v>111899</v>
      </c>
      <c r="H32120" s="1" t="s">
        <v>111900</v>
      </c>
      <c r="I32120" s="1" t="s">
        <v>111349</v>
      </c>
      <c r="J32120" s="1" t="s">
        <v>111929</v>
      </c>
    </row>
    <row r="32121" spans="1:10" x14ac:dyDescent="0.35">
      <c r="A32121" s="1" t="s">
        <v>6298</v>
      </c>
      <c r="B32121" s="1" t="s">
        <v>111344</v>
      </c>
      <c r="C32121" s="1" t="s">
        <v>60</v>
      </c>
      <c r="D32121" s="1" t="s">
        <v>111930</v>
      </c>
      <c r="E32121" s="1" t="s">
        <v>111931</v>
      </c>
      <c r="F32121" s="1" t="s">
        <v>111932</v>
      </c>
      <c r="G32121" s="1" t="s">
        <v>111899</v>
      </c>
      <c r="H32121" s="1" t="s">
        <v>111900</v>
      </c>
      <c r="I32121" s="1" t="s">
        <v>111349</v>
      </c>
      <c r="J32121" s="1" t="s">
        <v>111933</v>
      </c>
    </row>
    <row r="32122" spans="1:10" x14ac:dyDescent="0.35">
      <c r="A32122" s="1" t="s">
        <v>6298</v>
      </c>
      <c r="B32122" s="1" t="s">
        <v>111344</v>
      </c>
      <c r="C32122" s="1" t="s">
        <v>65</v>
      </c>
      <c r="D32122" s="1" t="s">
        <v>15856</v>
      </c>
      <c r="E32122" s="1" t="s">
        <v>111934</v>
      </c>
      <c r="F32122" s="1" t="s">
        <v>111935</v>
      </c>
      <c r="G32122" s="1" t="s">
        <v>111899</v>
      </c>
      <c r="H32122" s="1" t="s">
        <v>111900</v>
      </c>
      <c r="I32122" s="1" t="s">
        <v>111349</v>
      </c>
      <c r="J32122" s="1" t="s">
        <v>111936</v>
      </c>
    </row>
    <row r="32123" spans="1:10" x14ac:dyDescent="0.35">
      <c r="A32123" s="1" t="s">
        <v>6298</v>
      </c>
      <c r="B32123" s="1" t="s">
        <v>111344</v>
      </c>
      <c r="C32123" s="1" t="s">
        <v>70</v>
      </c>
      <c r="D32123" s="1" t="s">
        <v>111937</v>
      </c>
      <c r="E32123" s="1" t="s">
        <v>111938</v>
      </c>
      <c r="F32123" s="1" t="s">
        <v>111939</v>
      </c>
      <c r="G32123" s="1" t="s">
        <v>111899</v>
      </c>
      <c r="H32123" s="1" t="s">
        <v>111900</v>
      </c>
      <c r="I32123" s="1" t="s">
        <v>111349</v>
      </c>
      <c r="J32123" s="1" t="s">
        <v>111940</v>
      </c>
    </row>
    <row r="32124" spans="1:10" x14ac:dyDescent="0.35">
      <c r="A32124" s="1" t="s">
        <v>6298</v>
      </c>
      <c r="B32124" s="1" t="s">
        <v>111344</v>
      </c>
      <c r="C32124" s="1" t="s">
        <v>75</v>
      </c>
      <c r="D32124" s="1" t="s">
        <v>110052</v>
      </c>
      <c r="E32124" s="1" t="s">
        <v>111941</v>
      </c>
      <c r="F32124" s="1" t="s">
        <v>111942</v>
      </c>
      <c r="G32124" s="1" t="s">
        <v>111899</v>
      </c>
      <c r="H32124" s="1" t="s">
        <v>111900</v>
      </c>
      <c r="I32124" s="1" t="s">
        <v>111349</v>
      </c>
      <c r="J32124" s="1" t="s">
        <v>111943</v>
      </c>
    </row>
    <row r="32125" spans="1:10" x14ac:dyDescent="0.35">
      <c r="A32125" s="1" t="s">
        <v>6298</v>
      </c>
      <c r="B32125" s="1" t="s">
        <v>111344</v>
      </c>
      <c r="C32125" s="1" t="s">
        <v>80</v>
      </c>
      <c r="D32125" s="1" t="s">
        <v>1747</v>
      </c>
      <c r="E32125" s="1" t="s">
        <v>111944</v>
      </c>
      <c r="F32125" s="1" t="s">
        <v>111945</v>
      </c>
      <c r="G32125" s="1" t="s">
        <v>111899</v>
      </c>
      <c r="H32125" s="1" t="s">
        <v>111900</v>
      </c>
      <c r="I32125" s="1" t="s">
        <v>111349</v>
      </c>
      <c r="J32125" s="1" t="s">
        <v>111946</v>
      </c>
    </row>
    <row r="32126" spans="1:10" x14ac:dyDescent="0.35">
      <c r="A32126" s="1" t="s">
        <v>6298</v>
      </c>
      <c r="B32126" s="1" t="s">
        <v>111344</v>
      </c>
      <c r="C32126" s="1" t="s">
        <v>85</v>
      </c>
      <c r="D32126" s="1" t="s">
        <v>111947</v>
      </c>
      <c r="E32126" s="1" t="s">
        <v>111948</v>
      </c>
      <c r="F32126" s="1" t="s">
        <v>111949</v>
      </c>
      <c r="G32126" s="1" t="s">
        <v>111899</v>
      </c>
      <c r="H32126" s="1" t="s">
        <v>111900</v>
      </c>
      <c r="I32126" s="1" t="s">
        <v>111349</v>
      </c>
      <c r="J32126" s="1" t="s">
        <v>111950</v>
      </c>
    </row>
    <row r="32127" spans="1:10" x14ac:dyDescent="0.35">
      <c r="A32127" s="1" t="s">
        <v>6298</v>
      </c>
      <c r="B32127" s="1" t="s">
        <v>111344</v>
      </c>
      <c r="C32127" s="1" t="s">
        <v>90</v>
      </c>
      <c r="D32127" s="1" t="s">
        <v>45150</v>
      </c>
      <c r="E32127" s="1" t="s">
        <v>111951</v>
      </c>
      <c r="F32127" s="1" t="s">
        <v>111952</v>
      </c>
      <c r="G32127" s="1" t="s">
        <v>111899</v>
      </c>
      <c r="H32127" s="1" t="s">
        <v>111900</v>
      </c>
      <c r="I32127" s="1" t="s">
        <v>111349</v>
      </c>
      <c r="J32127" s="1" t="s">
        <v>111953</v>
      </c>
    </row>
    <row r="32128" spans="1:10" x14ac:dyDescent="0.35">
      <c r="A32128" s="1" t="s">
        <v>6298</v>
      </c>
      <c r="B32128" s="1" t="s">
        <v>111344</v>
      </c>
      <c r="C32128" s="1" t="s">
        <v>95</v>
      </c>
      <c r="D32128" s="1" t="s">
        <v>111954</v>
      </c>
      <c r="E32128" s="1" t="s">
        <v>111955</v>
      </c>
      <c r="F32128" s="1" t="s">
        <v>111956</v>
      </c>
      <c r="G32128" s="1" t="s">
        <v>111899</v>
      </c>
      <c r="H32128" s="1" t="s">
        <v>111900</v>
      </c>
      <c r="I32128" s="1" t="s">
        <v>111349</v>
      </c>
      <c r="J32128" s="1" t="s">
        <v>111957</v>
      </c>
    </row>
    <row r="32129" spans="1:10" x14ac:dyDescent="0.35">
      <c r="A32129" s="1" t="s">
        <v>6298</v>
      </c>
      <c r="B32129" s="1" t="s">
        <v>111344</v>
      </c>
      <c r="C32129" s="1" t="s">
        <v>100</v>
      </c>
      <c r="D32129" s="1" t="s">
        <v>104104</v>
      </c>
      <c r="E32129" s="1" t="s">
        <v>111958</v>
      </c>
      <c r="F32129" s="1" t="s">
        <v>111959</v>
      </c>
      <c r="G32129" s="1" t="s">
        <v>111899</v>
      </c>
      <c r="H32129" s="1" t="s">
        <v>111900</v>
      </c>
      <c r="I32129" s="1" t="s">
        <v>111349</v>
      </c>
      <c r="J32129" s="1" t="s">
        <v>41902</v>
      </c>
    </row>
    <row r="32130" spans="1:10" x14ac:dyDescent="0.35">
      <c r="A32130" s="1" t="s">
        <v>6298</v>
      </c>
      <c r="B32130" s="1" t="s">
        <v>111344</v>
      </c>
      <c r="C32130" s="1" t="s">
        <v>105</v>
      </c>
      <c r="D32130" s="1" t="s">
        <v>111960</v>
      </c>
      <c r="E32130" s="1" t="s">
        <v>111961</v>
      </c>
      <c r="F32130" s="1" t="s">
        <v>111962</v>
      </c>
      <c r="G32130" s="1" t="s">
        <v>111899</v>
      </c>
      <c r="H32130" s="1" t="s">
        <v>111900</v>
      </c>
      <c r="I32130" s="1" t="s">
        <v>111349</v>
      </c>
      <c r="J32130" s="1" t="s">
        <v>111963</v>
      </c>
    </row>
    <row r="32131" spans="1:10" x14ac:dyDescent="0.35">
      <c r="A32131" s="1" t="s">
        <v>6298</v>
      </c>
      <c r="B32131" s="1" t="s">
        <v>111344</v>
      </c>
      <c r="C32131" s="1" t="s">
        <v>110</v>
      </c>
      <c r="D32131" s="1" t="s">
        <v>28115</v>
      </c>
      <c r="E32131" s="1" t="s">
        <v>111964</v>
      </c>
      <c r="F32131" s="1" t="s">
        <v>111965</v>
      </c>
      <c r="G32131" s="1" t="s">
        <v>111899</v>
      </c>
      <c r="H32131" s="1" t="s">
        <v>111900</v>
      </c>
      <c r="I32131" s="1" t="s">
        <v>111349</v>
      </c>
      <c r="J32131" s="1" t="s">
        <v>111966</v>
      </c>
    </row>
    <row r="32132" spans="1:10" x14ac:dyDescent="0.35">
      <c r="A32132" s="1" t="s">
        <v>6298</v>
      </c>
      <c r="B32132" s="1" t="s">
        <v>111344</v>
      </c>
      <c r="C32132" s="1" t="s">
        <v>115</v>
      </c>
      <c r="D32132" s="1" t="s">
        <v>104939</v>
      </c>
      <c r="E32132" s="1" t="s">
        <v>111967</v>
      </c>
      <c r="F32132" s="1" t="s">
        <v>111968</v>
      </c>
      <c r="G32132" s="1" t="s">
        <v>111899</v>
      </c>
      <c r="H32132" s="1" t="s">
        <v>111900</v>
      </c>
      <c r="I32132" s="1" t="s">
        <v>111349</v>
      </c>
      <c r="J32132" s="1" t="s">
        <v>111969</v>
      </c>
    </row>
    <row r="32133" spans="1:10" x14ac:dyDescent="0.35">
      <c r="A32133" s="1" t="s">
        <v>6298</v>
      </c>
      <c r="B32133" s="1" t="s">
        <v>111344</v>
      </c>
      <c r="C32133" s="1" t="s">
        <v>120</v>
      </c>
      <c r="D32133" s="1" t="s">
        <v>15348</v>
      </c>
      <c r="E32133" s="1" t="s">
        <v>111970</v>
      </c>
      <c r="F32133" s="1" t="s">
        <v>111971</v>
      </c>
      <c r="G32133" s="1" t="s">
        <v>111899</v>
      </c>
      <c r="H32133" s="1" t="s">
        <v>111900</v>
      </c>
      <c r="I32133" s="1" t="s">
        <v>111349</v>
      </c>
      <c r="J32133" s="1" t="s">
        <v>111972</v>
      </c>
    </row>
    <row r="32134" spans="1:10" x14ac:dyDescent="0.35">
      <c r="A32134" s="1" t="s">
        <v>6298</v>
      </c>
      <c r="B32134" s="1" t="s">
        <v>111344</v>
      </c>
      <c r="C32134" s="1" t="s">
        <v>125</v>
      </c>
      <c r="D32134" s="1" t="s">
        <v>45855</v>
      </c>
      <c r="E32134" s="1" t="s">
        <v>111973</v>
      </c>
      <c r="F32134" s="1" t="s">
        <v>111974</v>
      </c>
      <c r="G32134" s="1" t="s">
        <v>111899</v>
      </c>
      <c r="H32134" s="1" t="s">
        <v>111900</v>
      </c>
      <c r="I32134" s="1" t="s">
        <v>111349</v>
      </c>
      <c r="J32134" s="1" t="s">
        <v>111975</v>
      </c>
    </row>
    <row r="32135" spans="1:10" x14ac:dyDescent="0.35">
      <c r="A32135" s="1" t="s">
        <v>6298</v>
      </c>
      <c r="B32135" s="1" t="s">
        <v>111344</v>
      </c>
      <c r="C32135" s="1" t="s">
        <v>130</v>
      </c>
      <c r="D32135" s="1" t="s">
        <v>49415</v>
      </c>
      <c r="E32135" s="1" t="s">
        <v>111976</v>
      </c>
      <c r="F32135" s="1" t="s">
        <v>111977</v>
      </c>
      <c r="G32135" s="1" t="s">
        <v>111899</v>
      </c>
      <c r="H32135" s="1" t="s">
        <v>111900</v>
      </c>
      <c r="I32135" s="1" t="s">
        <v>111349</v>
      </c>
      <c r="J32135" s="1" t="s">
        <v>111978</v>
      </c>
    </row>
    <row r="32136" spans="1:10" x14ac:dyDescent="0.35">
      <c r="A32136" s="1" t="s">
        <v>6298</v>
      </c>
      <c r="B32136" s="1" t="s">
        <v>111344</v>
      </c>
      <c r="C32136" s="1" t="s">
        <v>135</v>
      </c>
      <c r="D32136" s="1" t="s">
        <v>111979</v>
      </c>
      <c r="E32136" s="1" t="s">
        <v>111980</v>
      </c>
      <c r="F32136" s="1" t="s">
        <v>111981</v>
      </c>
      <c r="G32136" s="1" t="s">
        <v>111899</v>
      </c>
      <c r="H32136" s="1" t="s">
        <v>111900</v>
      </c>
      <c r="I32136" s="1" t="s">
        <v>111349</v>
      </c>
      <c r="J32136" s="1" t="s">
        <v>111982</v>
      </c>
    </row>
    <row r="32137" spans="1:10" x14ac:dyDescent="0.35">
      <c r="A32137" s="1" t="s">
        <v>6298</v>
      </c>
      <c r="B32137" s="1" t="s">
        <v>111344</v>
      </c>
      <c r="C32137" s="1" t="s">
        <v>140</v>
      </c>
      <c r="D32137" s="1" t="s">
        <v>111983</v>
      </c>
      <c r="E32137" s="1" t="s">
        <v>111984</v>
      </c>
      <c r="F32137" s="1" t="s">
        <v>111985</v>
      </c>
      <c r="G32137" s="1" t="s">
        <v>111899</v>
      </c>
      <c r="H32137" s="1" t="s">
        <v>111900</v>
      </c>
      <c r="I32137" s="1" t="s">
        <v>111349</v>
      </c>
      <c r="J32137" s="1" t="s">
        <v>111986</v>
      </c>
    </row>
    <row r="32138" spans="1:10" x14ac:dyDescent="0.35">
      <c r="A32138" s="1" t="s">
        <v>6298</v>
      </c>
      <c r="B32138" s="1" t="s">
        <v>111344</v>
      </c>
      <c r="C32138" s="1" t="s">
        <v>145</v>
      </c>
      <c r="D32138" s="1" t="s">
        <v>36149</v>
      </c>
      <c r="E32138" s="1" t="s">
        <v>111987</v>
      </c>
      <c r="F32138" s="1" t="s">
        <v>111988</v>
      </c>
      <c r="G32138" s="1" t="s">
        <v>111899</v>
      </c>
      <c r="H32138" s="1" t="s">
        <v>111900</v>
      </c>
      <c r="I32138" s="1" t="s">
        <v>111349</v>
      </c>
      <c r="J32138" s="1" t="s">
        <v>111989</v>
      </c>
    </row>
    <row r="32139" spans="1:10" x14ac:dyDescent="0.35">
      <c r="A32139" s="1" t="s">
        <v>6298</v>
      </c>
      <c r="B32139" s="1" t="s">
        <v>111344</v>
      </c>
      <c r="C32139" s="1" t="s">
        <v>150</v>
      </c>
      <c r="D32139" s="1" t="s">
        <v>50963</v>
      </c>
      <c r="E32139" s="1" t="s">
        <v>111990</v>
      </c>
      <c r="F32139" s="1" t="s">
        <v>111991</v>
      </c>
      <c r="G32139" s="1" t="s">
        <v>111899</v>
      </c>
      <c r="H32139" s="1" t="s">
        <v>111900</v>
      </c>
      <c r="I32139" s="1" t="s">
        <v>111349</v>
      </c>
      <c r="J32139" s="1" t="s">
        <v>111992</v>
      </c>
    </row>
    <row r="32140" spans="1:10" x14ac:dyDescent="0.35">
      <c r="A32140" s="1" t="s">
        <v>6298</v>
      </c>
      <c r="B32140" s="1" t="s">
        <v>111344</v>
      </c>
      <c r="C32140" s="1" t="s">
        <v>155</v>
      </c>
      <c r="D32140" s="1" t="s">
        <v>111993</v>
      </c>
      <c r="E32140" s="1" t="s">
        <v>111994</v>
      </c>
      <c r="F32140" s="1" t="s">
        <v>111995</v>
      </c>
      <c r="G32140" s="1" t="s">
        <v>111899</v>
      </c>
      <c r="H32140" s="1" t="s">
        <v>111900</v>
      </c>
      <c r="I32140" s="1" t="s">
        <v>111349</v>
      </c>
      <c r="J32140" s="1" t="s">
        <v>111996</v>
      </c>
    </row>
    <row r="32141" spans="1:10" x14ac:dyDescent="0.35">
      <c r="A32141" s="1" t="s">
        <v>6298</v>
      </c>
      <c r="B32141" s="1" t="s">
        <v>111344</v>
      </c>
      <c r="C32141" s="1" t="s">
        <v>160</v>
      </c>
      <c r="D32141" s="1" t="s">
        <v>37714</v>
      </c>
      <c r="E32141" s="1" t="s">
        <v>111997</v>
      </c>
      <c r="F32141" s="1" t="s">
        <v>111998</v>
      </c>
      <c r="G32141" s="1" t="s">
        <v>111899</v>
      </c>
      <c r="H32141" s="1" t="s">
        <v>111900</v>
      </c>
      <c r="I32141" s="1" t="s">
        <v>111349</v>
      </c>
      <c r="J32141" s="1" t="s">
        <v>111999</v>
      </c>
    </row>
    <row r="32142" spans="1:10" x14ac:dyDescent="0.35">
      <c r="A32142" s="1" t="s">
        <v>6298</v>
      </c>
      <c r="B32142" s="1" t="s">
        <v>111344</v>
      </c>
      <c r="C32142" s="1" t="s">
        <v>165</v>
      </c>
      <c r="D32142" s="1" t="s">
        <v>47221</v>
      </c>
      <c r="E32142" s="1" t="s">
        <v>112000</v>
      </c>
      <c r="F32142" s="1" t="s">
        <v>112001</v>
      </c>
      <c r="G32142" s="1" t="s">
        <v>111899</v>
      </c>
      <c r="H32142" s="1" t="s">
        <v>111900</v>
      </c>
      <c r="I32142" s="1" t="s">
        <v>111349</v>
      </c>
      <c r="J32142" s="1" t="s">
        <v>112002</v>
      </c>
    </row>
    <row r="32143" spans="1:10" x14ac:dyDescent="0.35">
      <c r="A32143" s="1" t="s">
        <v>6298</v>
      </c>
      <c r="B32143" s="1" t="s">
        <v>111344</v>
      </c>
      <c r="C32143" s="1" t="s">
        <v>170</v>
      </c>
      <c r="D32143" s="1" t="s">
        <v>48637</v>
      </c>
      <c r="E32143" s="1" t="s">
        <v>112003</v>
      </c>
      <c r="F32143" s="1" t="s">
        <v>112004</v>
      </c>
      <c r="G32143" s="1" t="s">
        <v>111899</v>
      </c>
      <c r="H32143" s="1" t="s">
        <v>111900</v>
      </c>
      <c r="I32143" s="1" t="s">
        <v>111349</v>
      </c>
      <c r="J32143" s="1" t="s">
        <v>112005</v>
      </c>
    </row>
    <row r="32144" spans="1:10" x14ac:dyDescent="0.35">
      <c r="A32144" s="1" t="s">
        <v>1158</v>
      </c>
      <c r="B32144" s="1" t="s">
        <v>111344</v>
      </c>
      <c r="C32144" s="1" t="s">
        <v>8</v>
      </c>
      <c r="D32144" s="1" t="s">
        <v>37558</v>
      </c>
      <c r="E32144" s="1" t="s">
        <v>112006</v>
      </c>
      <c r="F32144" s="1" t="s">
        <v>112007</v>
      </c>
      <c r="G32144" s="1" t="s">
        <v>112008</v>
      </c>
      <c r="H32144" s="1" t="s">
        <v>112009</v>
      </c>
      <c r="I32144" s="1" t="s">
        <v>111349</v>
      </c>
      <c r="J32144" s="1" t="s">
        <v>13</v>
      </c>
    </row>
    <row r="32145" spans="1:10" x14ac:dyDescent="0.35">
      <c r="A32145" s="1" t="s">
        <v>1158</v>
      </c>
      <c r="B32145" s="1" t="s">
        <v>111344</v>
      </c>
      <c r="C32145" s="1" t="s">
        <v>15</v>
      </c>
      <c r="D32145" s="1" t="s">
        <v>37454</v>
      </c>
      <c r="E32145" s="1" t="s">
        <v>112010</v>
      </c>
      <c r="F32145" s="1" t="s">
        <v>112011</v>
      </c>
      <c r="G32145" s="1" t="s">
        <v>112008</v>
      </c>
      <c r="H32145" s="1" t="s">
        <v>112009</v>
      </c>
      <c r="I32145" s="1" t="s">
        <v>111349</v>
      </c>
      <c r="J32145" s="1" t="s">
        <v>112012</v>
      </c>
    </row>
    <row r="32146" spans="1:10" x14ac:dyDescent="0.35">
      <c r="A32146" s="1" t="s">
        <v>1158</v>
      </c>
      <c r="B32146" s="1" t="s">
        <v>111344</v>
      </c>
      <c r="C32146" s="1" t="s">
        <v>20</v>
      </c>
      <c r="D32146" s="1" t="s">
        <v>112013</v>
      </c>
      <c r="E32146" s="1" t="s">
        <v>112014</v>
      </c>
      <c r="F32146" s="1" t="s">
        <v>112015</v>
      </c>
      <c r="G32146" s="1" t="s">
        <v>112008</v>
      </c>
      <c r="H32146" s="1" t="s">
        <v>112009</v>
      </c>
      <c r="I32146" s="1" t="s">
        <v>111349</v>
      </c>
      <c r="J32146" s="1" t="s">
        <v>112016</v>
      </c>
    </row>
    <row r="32147" spans="1:10" x14ac:dyDescent="0.35">
      <c r="A32147" s="1" t="s">
        <v>1158</v>
      </c>
      <c r="B32147" s="1" t="s">
        <v>111344</v>
      </c>
      <c r="C32147" s="1" t="s">
        <v>25</v>
      </c>
      <c r="D32147" s="1" t="s">
        <v>112017</v>
      </c>
      <c r="E32147" s="1" t="s">
        <v>112018</v>
      </c>
      <c r="F32147" s="1" t="s">
        <v>112019</v>
      </c>
      <c r="G32147" s="1" t="s">
        <v>112008</v>
      </c>
      <c r="H32147" s="1" t="s">
        <v>112009</v>
      </c>
      <c r="I32147" s="1" t="s">
        <v>111349</v>
      </c>
      <c r="J32147" s="1" t="s">
        <v>112020</v>
      </c>
    </row>
    <row r="32148" spans="1:10" x14ac:dyDescent="0.35">
      <c r="A32148" s="1" t="s">
        <v>1158</v>
      </c>
      <c r="B32148" s="1" t="s">
        <v>111344</v>
      </c>
      <c r="C32148" s="1" t="s">
        <v>30</v>
      </c>
      <c r="D32148" s="1" t="s">
        <v>37569</v>
      </c>
      <c r="E32148" s="1" t="s">
        <v>112021</v>
      </c>
      <c r="F32148" s="1" t="s">
        <v>112022</v>
      </c>
      <c r="G32148" s="1" t="s">
        <v>112008</v>
      </c>
      <c r="H32148" s="1" t="s">
        <v>112009</v>
      </c>
      <c r="I32148" s="1" t="s">
        <v>111349</v>
      </c>
      <c r="J32148" s="1" t="s">
        <v>112023</v>
      </c>
    </row>
    <row r="32149" spans="1:10" x14ac:dyDescent="0.35">
      <c r="A32149" s="1" t="s">
        <v>1158</v>
      </c>
      <c r="B32149" s="1" t="s">
        <v>111344</v>
      </c>
      <c r="C32149" s="1" t="s">
        <v>35</v>
      </c>
      <c r="D32149" s="1" t="s">
        <v>1482</v>
      </c>
      <c r="E32149" s="1" t="s">
        <v>112024</v>
      </c>
      <c r="F32149" s="1" t="s">
        <v>112025</v>
      </c>
      <c r="G32149" s="1" t="s">
        <v>112008</v>
      </c>
      <c r="H32149" s="1" t="s">
        <v>112009</v>
      </c>
      <c r="I32149" s="1" t="s">
        <v>111349</v>
      </c>
      <c r="J32149" s="1" t="s">
        <v>112026</v>
      </c>
    </row>
    <row r="32150" spans="1:10" x14ac:dyDescent="0.35">
      <c r="A32150" s="1" t="s">
        <v>1158</v>
      </c>
      <c r="B32150" s="1" t="s">
        <v>111344</v>
      </c>
      <c r="C32150" s="1" t="s">
        <v>40</v>
      </c>
      <c r="D32150" s="1" t="s">
        <v>41998</v>
      </c>
      <c r="E32150" s="1" t="s">
        <v>112027</v>
      </c>
      <c r="F32150" s="1" t="s">
        <v>112028</v>
      </c>
      <c r="G32150" s="1" t="s">
        <v>112008</v>
      </c>
      <c r="H32150" s="1" t="s">
        <v>112009</v>
      </c>
      <c r="I32150" s="1" t="s">
        <v>111349</v>
      </c>
      <c r="J32150" s="1" t="s">
        <v>112029</v>
      </c>
    </row>
    <row r="32151" spans="1:10" x14ac:dyDescent="0.35">
      <c r="A32151" s="1" t="s">
        <v>1158</v>
      </c>
      <c r="B32151" s="1" t="s">
        <v>111344</v>
      </c>
      <c r="C32151" s="1" t="s">
        <v>45</v>
      </c>
      <c r="D32151" s="1" t="s">
        <v>112030</v>
      </c>
      <c r="E32151" s="1" t="s">
        <v>112031</v>
      </c>
      <c r="F32151" s="1" t="s">
        <v>112032</v>
      </c>
      <c r="G32151" s="1" t="s">
        <v>112008</v>
      </c>
      <c r="H32151" s="1" t="s">
        <v>112009</v>
      </c>
      <c r="I32151" s="1" t="s">
        <v>111349</v>
      </c>
      <c r="J32151" s="1" t="s">
        <v>112033</v>
      </c>
    </row>
    <row r="32152" spans="1:10" x14ac:dyDescent="0.35">
      <c r="A32152" s="1" t="s">
        <v>1158</v>
      </c>
      <c r="B32152" s="1" t="s">
        <v>111344</v>
      </c>
      <c r="C32152" s="1" t="s">
        <v>50</v>
      </c>
      <c r="D32152" s="1" t="s">
        <v>112034</v>
      </c>
      <c r="E32152" s="1" t="s">
        <v>112035</v>
      </c>
      <c r="F32152" s="1" t="s">
        <v>112036</v>
      </c>
      <c r="G32152" s="1" t="s">
        <v>112008</v>
      </c>
      <c r="H32152" s="1" t="s">
        <v>112009</v>
      </c>
      <c r="I32152" s="1" t="s">
        <v>111349</v>
      </c>
      <c r="J32152" s="1" t="s">
        <v>112037</v>
      </c>
    </row>
    <row r="32153" spans="1:10" x14ac:dyDescent="0.35">
      <c r="A32153" s="1" t="s">
        <v>1158</v>
      </c>
      <c r="B32153" s="1" t="s">
        <v>111344</v>
      </c>
      <c r="C32153" s="1" t="s">
        <v>55</v>
      </c>
      <c r="D32153" s="1" t="s">
        <v>51199</v>
      </c>
      <c r="E32153" s="1" t="s">
        <v>112038</v>
      </c>
      <c r="F32153" s="1" t="s">
        <v>112039</v>
      </c>
      <c r="G32153" s="1" t="s">
        <v>112008</v>
      </c>
      <c r="H32153" s="1" t="s">
        <v>112009</v>
      </c>
      <c r="I32153" s="1" t="s">
        <v>111349</v>
      </c>
      <c r="J32153" s="1" t="s">
        <v>112040</v>
      </c>
    </row>
    <row r="32154" spans="1:10" x14ac:dyDescent="0.35">
      <c r="A32154" s="1" t="s">
        <v>1158</v>
      </c>
      <c r="B32154" s="1" t="s">
        <v>111344</v>
      </c>
      <c r="C32154" s="1" t="s">
        <v>60</v>
      </c>
      <c r="D32154" s="1" t="s">
        <v>112041</v>
      </c>
      <c r="E32154" s="1" t="s">
        <v>112042</v>
      </c>
      <c r="F32154" s="1" t="s">
        <v>112043</v>
      </c>
      <c r="G32154" s="1" t="s">
        <v>112008</v>
      </c>
      <c r="H32154" s="1" t="s">
        <v>112009</v>
      </c>
      <c r="I32154" s="1" t="s">
        <v>111349</v>
      </c>
      <c r="J32154" s="1" t="s">
        <v>112044</v>
      </c>
    </row>
    <row r="32155" spans="1:10" x14ac:dyDescent="0.35">
      <c r="A32155" s="1" t="s">
        <v>1158</v>
      </c>
      <c r="B32155" s="1" t="s">
        <v>111344</v>
      </c>
      <c r="C32155" s="1" t="s">
        <v>65</v>
      </c>
      <c r="D32155" s="1" t="s">
        <v>112045</v>
      </c>
      <c r="E32155" s="1" t="s">
        <v>112046</v>
      </c>
      <c r="F32155" s="1" t="s">
        <v>112047</v>
      </c>
      <c r="G32155" s="1" t="s">
        <v>112008</v>
      </c>
      <c r="H32155" s="1" t="s">
        <v>112009</v>
      </c>
      <c r="I32155" s="1" t="s">
        <v>111349</v>
      </c>
      <c r="J32155" s="1" t="s">
        <v>112048</v>
      </c>
    </row>
    <row r="32156" spans="1:10" x14ac:dyDescent="0.35">
      <c r="A32156" s="1" t="s">
        <v>1158</v>
      </c>
      <c r="B32156" s="1" t="s">
        <v>111344</v>
      </c>
      <c r="C32156" s="1" t="s">
        <v>70</v>
      </c>
      <c r="D32156" s="1" t="s">
        <v>112049</v>
      </c>
      <c r="E32156" s="1" t="s">
        <v>112050</v>
      </c>
      <c r="F32156" s="1" t="s">
        <v>112051</v>
      </c>
      <c r="G32156" s="1" t="s">
        <v>112008</v>
      </c>
      <c r="H32156" s="1" t="s">
        <v>112009</v>
      </c>
      <c r="I32156" s="1" t="s">
        <v>111349</v>
      </c>
      <c r="J32156" s="1" t="s">
        <v>112052</v>
      </c>
    </row>
    <row r="32157" spans="1:10" x14ac:dyDescent="0.35">
      <c r="A32157" s="1" t="s">
        <v>1158</v>
      </c>
      <c r="B32157" s="1" t="s">
        <v>111344</v>
      </c>
      <c r="C32157" s="1" t="s">
        <v>75</v>
      </c>
      <c r="D32157" s="1" t="s">
        <v>10350</v>
      </c>
      <c r="E32157" s="1" t="s">
        <v>112053</v>
      </c>
      <c r="F32157" s="1" t="s">
        <v>112054</v>
      </c>
      <c r="G32157" s="1" t="s">
        <v>112008</v>
      </c>
      <c r="H32157" s="1" t="s">
        <v>112009</v>
      </c>
      <c r="I32157" s="1" t="s">
        <v>111349</v>
      </c>
      <c r="J32157" s="1" t="s">
        <v>112055</v>
      </c>
    </row>
    <row r="32158" spans="1:10" x14ac:dyDescent="0.35">
      <c r="A32158" s="1" t="s">
        <v>1158</v>
      </c>
      <c r="B32158" s="1" t="s">
        <v>111344</v>
      </c>
      <c r="C32158" s="1" t="s">
        <v>80</v>
      </c>
      <c r="D32158" s="1" t="s">
        <v>104564</v>
      </c>
      <c r="E32158" s="1" t="s">
        <v>112056</v>
      </c>
      <c r="F32158" s="1" t="s">
        <v>112057</v>
      </c>
      <c r="G32158" s="1" t="s">
        <v>112008</v>
      </c>
      <c r="H32158" s="1" t="s">
        <v>112009</v>
      </c>
      <c r="I32158" s="1" t="s">
        <v>111349</v>
      </c>
      <c r="J32158" s="1" t="s">
        <v>112058</v>
      </c>
    </row>
    <row r="32159" spans="1:10" x14ac:dyDescent="0.35">
      <c r="A32159" s="1" t="s">
        <v>1158</v>
      </c>
      <c r="B32159" s="1" t="s">
        <v>111344</v>
      </c>
      <c r="C32159" s="1" t="s">
        <v>85</v>
      </c>
      <c r="D32159" s="1" t="s">
        <v>112059</v>
      </c>
      <c r="E32159" s="1" t="s">
        <v>112060</v>
      </c>
      <c r="F32159" s="1" t="s">
        <v>112061</v>
      </c>
      <c r="G32159" s="1" t="s">
        <v>112008</v>
      </c>
      <c r="H32159" s="1" t="s">
        <v>112009</v>
      </c>
      <c r="I32159" s="1" t="s">
        <v>111349</v>
      </c>
      <c r="J32159" s="1" t="s">
        <v>112062</v>
      </c>
    </row>
    <row r="32160" spans="1:10" x14ac:dyDescent="0.35">
      <c r="A32160" s="1" t="s">
        <v>1158</v>
      </c>
      <c r="B32160" s="1" t="s">
        <v>111344</v>
      </c>
      <c r="C32160" s="1" t="s">
        <v>90</v>
      </c>
      <c r="D32160" s="1" t="s">
        <v>74984</v>
      </c>
      <c r="E32160" s="1" t="s">
        <v>112063</v>
      </c>
      <c r="F32160" s="1" t="s">
        <v>112064</v>
      </c>
      <c r="G32160" s="1" t="s">
        <v>112008</v>
      </c>
      <c r="H32160" s="1" t="s">
        <v>112009</v>
      </c>
      <c r="I32160" s="1" t="s">
        <v>111349</v>
      </c>
      <c r="J32160" s="1" t="s">
        <v>112065</v>
      </c>
    </row>
    <row r="32161" spans="1:10" x14ac:dyDescent="0.35">
      <c r="A32161" s="1" t="s">
        <v>1158</v>
      </c>
      <c r="B32161" s="1" t="s">
        <v>111344</v>
      </c>
      <c r="C32161" s="1" t="s">
        <v>95</v>
      </c>
      <c r="D32161" s="1" t="s">
        <v>112066</v>
      </c>
      <c r="E32161" s="1" t="s">
        <v>112067</v>
      </c>
      <c r="F32161" s="1" t="s">
        <v>112068</v>
      </c>
      <c r="G32161" s="1" t="s">
        <v>112008</v>
      </c>
      <c r="H32161" s="1" t="s">
        <v>112009</v>
      </c>
      <c r="I32161" s="1" t="s">
        <v>111349</v>
      </c>
      <c r="J32161" s="1" t="s">
        <v>112069</v>
      </c>
    </row>
    <row r="32162" spans="1:10" x14ac:dyDescent="0.35">
      <c r="A32162" s="1" t="s">
        <v>1158</v>
      </c>
      <c r="B32162" s="1" t="s">
        <v>111344</v>
      </c>
      <c r="C32162" s="1" t="s">
        <v>100</v>
      </c>
      <c r="D32162" s="1" t="s">
        <v>112070</v>
      </c>
      <c r="E32162" s="1" t="s">
        <v>112071</v>
      </c>
      <c r="F32162" s="1" t="s">
        <v>112072</v>
      </c>
      <c r="G32162" s="1" t="s">
        <v>112008</v>
      </c>
      <c r="H32162" s="1" t="s">
        <v>112009</v>
      </c>
      <c r="I32162" s="1" t="s">
        <v>111349</v>
      </c>
      <c r="J32162" s="1" t="s">
        <v>112073</v>
      </c>
    </row>
    <row r="32163" spans="1:10" x14ac:dyDescent="0.35">
      <c r="A32163" s="1" t="s">
        <v>1158</v>
      </c>
      <c r="B32163" s="1" t="s">
        <v>111344</v>
      </c>
      <c r="C32163" s="1" t="s">
        <v>105</v>
      </c>
      <c r="D32163" s="1" t="s">
        <v>111452</v>
      </c>
      <c r="E32163" s="1" t="s">
        <v>112074</v>
      </c>
      <c r="F32163" s="1" t="s">
        <v>112075</v>
      </c>
      <c r="G32163" s="1" t="s">
        <v>112008</v>
      </c>
      <c r="H32163" s="1" t="s">
        <v>112009</v>
      </c>
      <c r="I32163" s="1" t="s">
        <v>111349</v>
      </c>
      <c r="J32163" s="1" t="s">
        <v>112076</v>
      </c>
    </row>
    <row r="32164" spans="1:10" x14ac:dyDescent="0.35">
      <c r="A32164" s="1" t="s">
        <v>1158</v>
      </c>
      <c r="B32164" s="1" t="s">
        <v>111344</v>
      </c>
      <c r="C32164" s="1" t="s">
        <v>110</v>
      </c>
      <c r="D32164" s="1" t="s">
        <v>29246</v>
      </c>
      <c r="E32164" s="1" t="s">
        <v>112077</v>
      </c>
      <c r="F32164" s="1" t="s">
        <v>112078</v>
      </c>
      <c r="G32164" s="1" t="s">
        <v>112008</v>
      </c>
      <c r="H32164" s="1" t="s">
        <v>112009</v>
      </c>
      <c r="I32164" s="1" t="s">
        <v>111349</v>
      </c>
      <c r="J32164" s="1" t="s">
        <v>112079</v>
      </c>
    </row>
    <row r="32165" spans="1:10" x14ac:dyDescent="0.35">
      <c r="A32165" s="1" t="s">
        <v>1158</v>
      </c>
      <c r="B32165" s="1" t="s">
        <v>111344</v>
      </c>
      <c r="C32165" s="1" t="s">
        <v>115</v>
      </c>
      <c r="D32165" s="1" t="s">
        <v>112080</v>
      </c>
      <c r="E32165" s="1" t="s">
        <v>112081</v>
      </c>
      <c r="F32165" s="1" t="s">
        <v>112082</v>
      </c>
      <c r="G32165" s="1" t="s">
        <v>112008</v>
      </c>
      <c r="H32165" s="1" t="s">
        <v>112009</v>
      </c>
      <c r="I32165" s="1" t="s">
        <v>111349</v>
      </c>
      <c r="J32165" s="1" t="s">
        <v>112083</v>
      </c>
    </row>
    <row r="32166" spans="1:10" x14ac:dyDescent="0.35">
      <c r="A32166" s="1" t="s">
        <v>1158</v>
      </c>
      <c r="B32166" s="1" t="s">
        <v>111344</v>
      </c>
      <c r="C32166" s="1" t="s">
        <v>120</v>
      </c>
      <c r="D32166" s="1" t="s">
        <v>10937</v>
      </c>
      <c r="E32166" s="1" t="s">
        <v>112084</v>
      </c>
      <c r="F32166" s="1" t="s">
        <v>112085</v>
      </c>
      <c r="G32166" s="1" t="s">
        <v>112008</v>
      </c>
      <c r="H32166" s="1" t="s">
        <v>112009</v>
      </c>
      <c r="I32166" s="1" t="s">
        <v>111349</v>
      </c>
      <c r="J32166" s="1" t="s">
        <v>112086</v>
      </c>
    </row>
    <row r="32167" spans="1:10" x14ac:dyDescent="0.35">
      <c r="A32167" s="1" t="s">
        <v>1158</v>
      </c>
      <c r="B32167" s="1" t="s">
        <v>111344</v>
      </c>
      <c r="C32167" s="1" t="s">
        <v>125</v>
      </c>
      <c r="D32167" s="1" t="s">
        <v>49198</v>
      </c>
      <c r="E32167" s="1" t="s">
        <v>112087</v>
      </c>
      <c r="F32167" s="1" t="s">
        <v>112088</v>
      </c>
      <c r="G32167" s="1" t="s">
        <v>112008</v>
      </c>
      <c r="H32167" s="1" t="s">
        <v>112009</v>
      </c>
      <c r="I32167" s="1" t="s">
        <v>111349</v>
      </c>
      <c r="J32167" s="1" t="s">
        <v>112089</v>
      </c>
    </row>
    <row r="32168" spans="1:10" x14ac:dyDescent="0.35">
      <c r="A32168" s="1" t="s">
        <v>1158</v>
      </c>
      <c r="B32168" s="1" t="s">
        <v>111344</v>
      </c>
      <c r="C32168" s="1" t="s">
        <v>130</v>
      </c>
      <c r="D32168" s="1" t="s">
        <v>36073</v>
      </c>
      <c r="E32168" s="1" t="s">
        <v>112090</v>
      </c>
      <c r="F32168" s="1" t="s">
        <v>112091</v>
      </c>
      <c r="G32168" s="1" t="s">
        <v>112008</v>
      </c>
      <c r="H32168" s="1" t="s">
        <v>112009</v>
      </c>
      <c r="I32168" s="1" t="s">
        <v>111349</v>
      </c>
      <c r="J32168" s="1" t="s">
        <v>112092</v>
      </c>
    </row>
    <row r="32169" spans="1:10" x14ac:dyDescent="0.35">
      <c r="A32169" s="1" t="s">
        <v>1158</v>
      </c>
      <c r="B32169" s="1" t="s">
        <v>111344</v>
      </c>
      <c r="C32169" s="1" t="s">
        <v>135</v>
      </c>
      <c r="D32169" s="1" t="s">
        <v>35314</v>
      </c>
      <c r="E32169" s="1" t="s">
        <v>112093</v>
      </c>
      <c r="F32169" s="1" t="s">
        <v>112094</v>
      </c>
      <c r="G32169" s="1" t="s">
        <v>112008</v>
      </c>
      <c r="H32169" s="1" t="s">
        <v>112009</v>
      </c>
      <c r="I32169" s="1" t="s">
        <v>111349</v>
      </c>
      <c r="J32169" s="1" t="s">
        <v>112095</v>
      </c>
    </row>
    <row r="32170" spans="1:10" x14ac:dyDescent="0.35">
      <c r="A32170" s="1" t="s">
        <v>1158</v>
      </c>
      <c r="B32170" s="1" t="s">
        <v>111344</v>
      </c>
      <c r="C32170" s="1" t="s">
        <v>140</v>
      </c>
      <c r="D32170" s="1" t="s">
        <v>51304</v>
      </c>
      <c r="E32170" s="1" t="s">
        <v>112096</v>
      </c>
      <c r="F32170" s="1" t="s">
        <v>112097</v>
      </c>
      <c r="G32170" s="1" t="s">
        <v>112008</v>
      </c>
      <c r="H32170" s="1" t="s">
        <v>112009</v>
      </c>
      <c r="I32170" s="1" t="s">
        <v>111349</v>
      </c>
      <c r="J32170" s="1" t="s">
        <v>112098</v>
      </c>
    </row>
    <row r="32171" spans="1:10" x14ac:dyDescent="0.35">
      <c r="A32171" s="1" t="s">
        <v>1158</v>
      </c>
      <c r="B32171" s="1" t="s">
        <v>111344</v>
      </c>
      <c r="C32171" s="1" t="s">
        <v>145</v>
      </c>
      <c r="D32171" s="1" t="s">
        <v>51214</v>
      </c>
      <c r="E32171" s="1" t="s">
        <v>112099</v>
      </c>
      <c r="F32171" s="1" t="s">
        <v>112100</v>
      </c>
      <c r="G32171" s="1" t="s">
        <v>112008</v>
      </c>
      <c r="H32171" s="1" t="s">
        <v>112009</v>
      </c>
      <c r="I32171" s="1" t="s">
        <v>111349</v>
      </c>
      <c r="J32171" s="1" t="s">
        <v>112101</v>
      </c>
    </row>
    <row r="32172" spans="1:10" x14ac:dyDescent="0.35">
      <c r="A32172" s="1" t="s">
        <v>1158</v>
      </c>
      <c r="B32172" s="1" t="s">
        <v>111344</v>
      </c>
      <c r="C32172" s="1" t="s">
        <v>150</v>
      </c>
      <c r="D32172" s="1" t="s">
        <v>16005</v>
      </c>
      <c r="E32172" s="1" t="s">
        <v>112102</v>
      </c>
      <c r="F32172" s="1" t="s">
        <v>112103</v>
      </c>
      <c r="G32172" s="1" t="s">
        <v>112008</v>
      </c>
      <c r="H32172" s="1" t="s">
        <v>112009</v>
      </c>
      <c r="I32172" s="1" t="s">
        <v>111349</v>
      </c>
      <c r="J32172" s="1" t="s">
        <v>112104</v>
      </c>
    </row>
    <row r="32173" spans="1:10" x14ac:dyDescent="0.35">
      <c r="A32173" s="1" t="s">
        <v>1158</v>
      </c>
      <c r="B32173" s="1" t="s">
        <v>111344</v>
      </c>
      <c r="C32173" s="1" t="s">
        <v>155</v>
      </c>
      <c r="D32173" s="1" t="s">
        <v>49030</v>
      </c>
      <c r="E32173" s="1" t="s">
        <v>112105</v>
      </c>
      <c r="F32173" s="1" t="s">
        <v>112106</v>
      </c>
      <c r="G32173" s="1" t="s">
        <v>112008</v>
      </c>
      <c r="H32173" s="1" t="s">
        <v>112009</v>
      </c>
      <c r="I32173" s="1" t="s">
        <v>111349</v>
      </c>
      <c r="J32173" s="1" t="s">
        <v>112107</v>
      </c>
    </row>
    <row r="32174" spans="1:10" x14ac:dyDescent="0.35">
      <c r="A32174" s="1" t="s">
        <v>1158</v>
      </c>
      <c r="B32174" s="1" t="s">
        <v>111344</v>
      </c>
      <c r="C32174" s="1" t="s">
        <v>160</v>
      </c>
      <c r="D32174" s="1" t="s">
        <v>109903</v>
      </c>
      <c r="E32174" s="1" t="s">
        <v>112108</v>
      </c>
      <c r="F32174" s="1" t="s">
        <v>112109</v>
      </c>
      <c r="G32174" s="1" t="s">
        <v>112008</v>
      </c>
      <c r="H32174" s="1" t="s">
        <v>112009</v>
      </c>
      <c r="I32174" s="1" t="s">
        <v>111349</v>
      </c>
      <c r="J32174" s="1" t="s">
        <v>112110</v>
      </c>
    </row>
    <row r="32175" spans="1:10" x14ac:dyDescent="0.35">
      <c r="A32175" s="1" t="s">
        <v>1158</v>
      </c>
      <c r="B32175" s="1" t="s">
        <v>111344</v>
      </c>
      <c r="C32175" s="1" t="s">
        <v>165</v>
      </c>
      <c r="D32175" s="1" t="s">
        <v>112111</v>
      </c>
      <c r="E32175" s="1" t="s">
        <v>112112</v>
      </c>
      <c r="F32175" s="1" t="s">
        <v>112113</v>
      </c>
      <c r="G32175" s="1" t="s">
        <v>112008</v>
      </c>
      <c r="H32175" s="1" t="s">
        <v>112009</v>
      </c>
      <c r="I32175" s="1" t="s">
        <v>111349</v>
      </c>
      <c r="J32175" s="1" t="s">
        <v>112114</v>
      </c>
    </row>
    <row r="32176" spans="1:10" x14ac:dyDescent="0.35">
      <c r="A32176" s="1" t="s">
        <v>1158</v>
      </c>
      <c r="B32176" s="1" t="s">
        <v>111344</v>
      </c>
      <c r="C32176" s="1" t="s">
        <v>170</v>
      </c>
      <c r="D32176" s="1" t="s">
        <v>74636</v>
      </c>
      <c r="E32176" s="1" t="s">
        <v>112115</v>
      </c>
      <c r="F32176" s="1" t="s">
        <v>112116</v>
      </c>
      <c r="G32176" s="1" t="s">
        <v>112008</v>
      </c>
      <c r="H32176" s="1" t="s">
        <v>112009</v>
      </c>
      <c r="I32176" s="1" t="s">
        <v>111349</v>
      </c>
      <c r="J32176" s="1" t="s">
        <v>112117</v>
      </c>
    </row>
    <row r="32177" spans="1:10" x14ac:dyDescent="0.35">
      <c r="A32177" s="1" t="s">
        <v>112118</v>
      </c>
      <c r="B32177" s="1" t="s">
        <v>111344</v>
      </c>
      <c r="C32177" s="1" t="s">
        <v>8</v>
      </c>
      <c r="D32177" s="1" t="s">
        <v>111564</v>
      </c>
      <c r="E32177" s="1" t="s">
        <v>112119</v>
      </c>
      <c r="F32177" s="1" t="s">
        <v>112120</v>
      </c>
      <c r="G32177" s="1" t="s">
        <v>112121</v>
      </c>
      <c r="H32177" s="1" t="s">
        <v>112122</v>
      </c>
      <c r="I32177" s="1" t="s">
        <v>111349</v>
      </c>
      <c r="J32177" s="1" t="s">
        <v>13</v>
      </c>
    </row>
    <row r="32178" spans="1:10" x14ac:dyDescent="0.35">
      <c r="A32178" s="1" t="s">
        <v>112118</v>
      </c>
      <c r="B32178" s="1" t="s">
        <v>111344</v>
      </c>
      <c r="C32178" s="1" t="s">
        <v>15</v>
      </c>
      <c r="D32178" s="1" t="s">
        <v>111569</v>
      </c>
      <c r="E32178" s="1" t="s">
        <v>112123</v>
      </c>
      <c r="F32178" s="1" t="s">
        <v>112124</v>
      </c>
      <c r="G32178" s="1" t="s">
        <v>112121</v>
      </c>
      <c r="H32178" s="1" t="s">
        <v>112122</v>
      </c>
      <c r="I32178" s="1" t="s">
        <v>111349</v>
      </c>
      <c r="J32178" s="1" t="s">
        <v>111572</v>
      </c>
    </row>
    <row r="32179" spans="1:10" x14ac:dyDescent="0.35">
      <c r="A32179" s="1" t="s">
        <v>112118</v>
      </c>
      <c r="B32179" s="1" t="s">
        <v>111344</v>
      </c>
      <c r="C32179" s="1" t="s">
        <v>20</v>
      </c>
      <c r="D32179" s="1" t="s">
        <v>28206</v>
      </c>
      <c r="E32179" s="1" t="s">
        <v>112125</v>
      </c>
      <c r="F32179" s="1" t="s">
        <v>112126</v>
      </c>
      <c r="G32179" s="1" t="s">
        <v>112121</v>
      </c>
      <c r="H32179" s="1" t="s">
        <v>112122</v>
      </c>
      <c r="I32179" s="1" t="s">
        <v>111349</v>
      </c>
      <c r="J32179" s="1" t="s">
        <v>111575</v>
      </c>
    </row>
    <row r="32180" spans="1:10" x14ac:dyDescent="0.35">
      <c r="A32180" s="1" t="s">
        <v>112118</v>
      </c>
      <c r="B32180" s="1" t="s">
        <v>111344</v>
      </c>
      <c r="C32180" s="1" t="s">
        <v>25</v>
      </c>
      <c r="D32180" s="1" t="s">
        <v>6461</v>
      </c>
      <c r="E32180" s="1" t="s">
        <v>112127</v>
      </c>
      <c r="F32180" s="1" t="s">
        <v>112128</v>
      </c>
      <c r="G32180" s="1" t="s">
        <v>112121</v>
      </c>
      <c r="H32180" s="1" t="s">
        <v>112122</v>
      </c>
      <c r="I32180" s="1" t="s">
        <v>111349</v>
      </c>
      <c r="J32180" s="1" t="s">
        <v>111578</v>
      </c>
    </row>
    <row r="32181" spans="1:10" x14ac:dyDescent="0.35">
      <c r="A32181" s="1" t="s">
        <v>112118</v>
      </c>
      <c r="B32181" s="1" t="s">
        <v>111344</v>
      </c>
      <c r="C32181" s="1" t="s">
        <v>30</v>
      </c>
      <c r="D32181" s="1" t="s">
        <v>111579</v>
      </c>
      <c r="E32181" s="1" t="s">
        <v>112129</v>
      </c>
      <c r="F32181" s="1" t="s">
        <v>112130</v>
      </c>
      <c r="G32181" s="1" t="s">
        <v>112121</v>
      </c>
      <c r="H32181" s="1" t="s">
        <v>112122</v>
      </c>
      <c r="I32181" s="1" t="s">
        <v>111349</v>
      </c>
      <c r="J32181" s="1" t="s">
        <v>111582</v>
      </c>
    </row>
    <row r="32182" spans="1:10" x14ac:dyDescent="0.35">
      <c r="A32182" s="1" t="s">
        <v>112118</v>
      </c>
      <c r="B32182" s="1" t="s">
        <v>111344</v>
      </c>
      <c r="C32182" s="1" t="s">
        <v>35</v>
      </c>
      <c r="D32182" s="1" t="s">
        <v>14537</v>
      </c>
      <c r="E32182" s="1" t="s">
        <v>112131</v>
      </c>
      <c r="F32182" s="1" t="s">
        <v>112132</v>
      </c>
      <c r="G32182" s="1" t="s">
        <v>112121</v>
      </c>
      <c r="H32182" s="1" t="s">
        <v>112122</v>
      </c>
      <c r="I32182" s="1" t="s">
        <v>111349</v>
      </c>
      <c r="J32182" s="1" t="s">
        <v>111585</v>
      </c>
    </row>
    <row r="32183" spans="1:10" x14ac:dyDescent="0.35">
      <c r="A32183" s="1" t="s">
        <v>112118</v>
      </c>
      <c r="B32183" s="1" t="s">
        <v>111344</v>
      </c>
      <c r="C32183" s="1" t="s">
        <v>40</v>
      </c>
      <c r="D32183" s="1" t="s">
        <v>111586</v>
      </c>
      <c r="E32183" s="1" t="s">
        <v>112133</v>
      </c>
      <c r="F32183" s="1" t="s">
        <v>112134</v>
      </c>
      <c r="G32183" s="1" t="s">
        <v>112121</v>
      </c>
      <c r="H32183" s="1" t="s">
        <v>112122</v>
      </c>
      <c r="I32183" s="1" t="s">
        <v>111349</v>
      </c>
      <c r="J32183" s="1" t="s">
        <v>111589</v>
      </c>
    </row>
    <row r="32184" spans="1:10" x14ac:dyDescent="0.35">
      <c r="A32184" s="1" t="s">
        <v>112118</v>
      </c>
      <c r="B32184" s="1" t="s">
        <v>111344</v>
      </c>
      <c r="C32184" s="1" t="s">
        <v>45</v>
      </c>
      <c r="D32184" s="1" t="s">
        <v>111590</v>
      </c>
      <c r="E32184" s="1" t="s">
        <v>112135</v>
      </c>
      <c r="F32184" s="1" t="s">
        <v>112136</v>
      </c>
      <c r="G32184" s="1" t="s">
        <v>112121</v>
      </c>
      <c r="H32184" s="1" t="s">
        <v>112122</v>
      </c>
      <c r="I32184" s="1" t="s">
        <v>111349</v>
      </c>
      <c r="J32184" s="1" t="s">
        <v>111593</v>
      </c>
    </row>
    <row r="32185" spans="1:10" x14ac:dyDescent="0.35">
      <c r="A32185" s="1" t="s">
        <v>112118</v>
      </c>
      <c r="B32185" s="1" t="s">
        <v>111344</v>
      </c>
      <c r="C32185" s="1" t="s">
        <v>50</v>
      </c>
      <c r="D32185" s="1" t="s">
        <v>15703</v>
      </c>
      <c r="E32185" s="1" t="s">
        <v>112137</v>
      </c>
      <c r="F32185" s="1" t="s">
        <v>112138</v>
      </c>
      <c r="G32185" s="1" t="s">
        <v>112121</v>
      </c>
      <c r="H32185" s="1" t="s">
        <v>112122</v>
      </c>
      <c r="I32185" s="1" t="s">
        <v>111349</v>
      </c>
      <c r="J32185" s="1" t="s">
        <v>111596</v>
      </c>
    </row>
    <row r="32186" spans="1:10" x14ac:dyDescent="0.35">
      <c r="A32186" s="1" t="s">
        <v>112118</v>
      </c>
      <c r="B32186" s="1" t="s">
        <v>111344</v>
      </c>
      <c r="C32186" s="1" t="s">
        <v>55</v>
      </c>
      <c r="D32186" s="1" t="s">
        <v>7567</v>
      </c>
      <c r="E32186" s="1" t="s">
        <v>112139</v>
      </c>
      <c r="F32186" s="1" t="s">
        <v>112140</v>
      </c>
      <c r="G32186" s="1" t="s">
        <v>112121</v>
      </c>
      <c r="H32186" s="1" t="s">
        <v>112122</v>
      </c>
      <c r="I32186" s="1" t="s">
        <v>111349</v>
      </c>
      <c r="J32186" s="1" t="s">
        <v>111599</v>
      </c>
    </row>
    <row r="32187" spans="1:10" x14ac:dyDescent="0.35">
      <c r="A32187" s="1" t="s">
        <v>112118</v>
      </c>
      <c r="B32187" s="1" t="s">
        <v>111344</v>
      </c>
      <c r="C32187" s="1" t="s">
        <v>60</v>
      </c>
      <c r="D32187" s="1" t="s">
        <v>111600</v>
      </c>
      <c r="E32187" s="1" t="s">
        <v>112141</v>
      </c>
      <c r="F32187" s="1" t="s">
        <v>112142</v>
      </c>
      <c r="G32187" s="1" t="s">
        <v>112121</v>
      </c>
      <c r="H32187" s="1" t="s">
        <v>112122</v>
      </c>
      <c r="I32187" s="1" t="s">
        <v>111349</v>
      </c>
      <c r="J32187" s="1" t="s">
        <v>111603</v>
      </c>
    </row>
    <row r="32188" spans="1:10" x14ac:dyDescent="0.35">
      <c r="A32188" s="1" t="s">
        <v>112118</v>
      </c>
      <c r="B32188" s="1" t="s">
        <v>111344</v>
      </c>
      <c r="C32188" s="1" t="s">
        <v>65</v>
      </c>
      <c r="D32188" s="1" t="s">
        <v>2145</v>
      </c>
      <c r="E32188" s="1" t="s">
        <v>112143</v>
      </c>
      <c r="F32188" s="1" t="s">
        <v>112144</v>
      </c>
      <c r="G32188" s="1" t="s">
        <v>112121</v>
      </c>
      <c r="H32188" s="1" t="s">
        <v>112122</v>
      </c>
      <c r="I32188" s="1" t="s">
        <v>111349</v>
      </c>
      <c r="J32188" s="1" t="s">
        <v>111606</v>
      </c>
    </row>
    <row r="32189" spans="1:10" x14ac:dyDescent="0.35">
      <c r="A32189" s="1" t="s">
        <v>112118</v>
      </c>
      <c r="B32189" s="1" t="s">
        <v>111344</v>
      </c>
      <c r="C32189" s="1" t="s">
        <v>70</v>
      </c>
      <c r="D32189" s="1" t="s">
        <v>111607</v>
      </c>
      <c r="E32189" s="1" t="s">
        <v>112145</v>
      </c>
      <c r="F32189" s="1" t="s">
        <v>112146</v>
      </c>
      <c r="G32189" s="1" t="s">
        <v>112121</v>
      </c>
      <c r="H32189" s="1" t="s">
        <v>112122</v>
      </c>
      <c r="I32189" s="1" t="s">
        <v>111349</v>
      </c>
      <c r="J32189" s="1" t="s">
        <v>111610</v>
      </c>
    </row>
    <row r="32190" spans="1:10" x14ac:dyDescent="0.35">
      <c r="A32190" s="1" t="s">
        <v>112118</v>
      </c>
      <c r="B32190" s="1" t="s">
        <v>111344</v>
      </c>
      <c r="C32190" s="1" t="s">
        <v>75</v>
      </c>
      <c r="D32190" s="1" t="s">
        <v>1735</v>
      </c>
      <c r="E32190" s="1" t="s">
        <v>112147</v>
      </c>
      <c r="F32190" s="1" t="s">
        <v>112148</v>
      </c>
      <c r="G32190" s="1" t="s">
        <v>112121</v>
      </c>
      <c r="H32190" s="1" t="s">
        <v>112122</v>
      </c>
      <c r="I32190" s="1" t="s">
        <v>111349</v>
      </c>
      <c r="J32190" s="1" t="s">
        <v>111613</v>
      </c>
    </row>
    <row r="32191" spans="1:10" x14ac:dyDescent="0.35">
      <c r="A32191" s="1" t="s">
        <v>112118</v>
      </c>
      <c r="B32191" s="1" t="s">
        <v>111344</v>
      </c>
      <c r="C32191" s="1" t="s">
        <v>80</v>
      </c>
      <c r="D32191" s="1" t="s">
        <v>49359</v>
      </c>
      <c r="E32191" s="1" t="s">
        <v>112149</v>
      </c>
      <c r="F32191" s="1" t="s">
        <v>112150</v>
      </c>
      <c r="G32191" s="1" t="s">
        <v>112121</v>
      </c>
      <c r="H32191" s="1" t="s">
        <v>112122</v>
      </c>
      <c r="I32191" s="1" t="s">
        <v>111349</v>
      </c>
      <c r="J32191" s="1" t="s">
        <v>111616</v>
      </c>
    </row>
    <row r="32192" spans="1:10" x14ac:dyDescent="0.35">
      <c r="A32192" s="1" t="s">
        <v>112118</v>
      </c>
      <c r="B32192" s="1" t="s">
        <v>111344</v>
      </c>
      <c r="C32192" s="1" t="s">
        <v>85</v>
      </c>
      <c r="D32192" s="1" t="s">
        <v>25734</v>
      </c>
      <c r="E32192" s="1" t="s">
        <v>112151</v>
      </c>
      <c r="F32192" s="1" t="s">
        <v>112152</v>
      </c>
      <c r="G32192" s="1" t="s">
        <v>112121</v>
      </c>
      <c r="H32192" s="1" t="s">
        <v>112122</v>
      </c>
      <c r="I32192" s="1" t="s">
        <v>111349</v>
      </c>
      <c r="J32192" s="1" t="s">
        <v>111619</v>
      </c>
    </row>
    <row r="32193" spans="1:10" x14ac:dyDescent="0.35">
      <c r="A32193" s="1" t="s">
        <v>112118</v>
      </c>
      <c r="B32193" s="1" t="s">
        <v>111344</v>
      </c>
      <c r="C32193" s="1" t="s">
        <v>90</v>
      </c>
      <c r="D32193" s="1" t="s">
        <v>34428</v>
      </c>
      <c r="E32193" s="1" t="s">
        <v>112153</v>
      </c>
      <c r="F32193" s="1" t="s">
        <v>112154</v>
      </c>
      <c r="G32193" s="1" t="s">
        <v>112121</v>
      </c>
      <c r="H32193" s="1" t="s">
        <v>112122</v>
      </c>
      <c r="I32193" s="1" t="s">
        <v>111349</v>
      </c>
      <c r="J32193" s="1" t="s">
        <v>111622</v>
      </c>
    </row>
    <row r="32194" spans="1:10" x14ac:dyDescent="0.35">
      <c r="A32194" s="1" t="s">
        <v>112118</v>
      </c>
      <c r="B32194" s="1" t="s">
        <v>111344</v>
      </c>
      <c r="C32194" s="1" t="s">
        <v>95</v>
      </c>
      <c r="D32194" s="1" t="s">
        <v>111623</v>
      </c>
      <c r="E32194" s="1" t="s">
        <v>112155</v>
      </c>
      <c r="F32194" s="1" t="s">
        <v>112156</v>
      </c>
      <c r="G32194" s="1" t="s">
        <v>112121</v>
      </c>
      <c r="H32194" s="1" t="s">
        <v>112122</v>
      </c>
      <c r="I32194" s="1" t="s">
        <v>111349</v>
      </c>
      <c r="J32194" s="1" t="s">
        <v>111626</v>
      </c>
    </row>
    <row r="32195" spans="1:10" x14ac:dyDescent="0.35">
      <c r="A32195" s="1" t="s">
        <v>112118</v>
      </c>
      <c r="B32195" s="1" t="s">
        <v>111344</v>
      </c>
      <c r="C32195" s="1" t="s">
        <v>100</v>
      </c>
      <c r="D32195" s="1" t="s">
        <v>111627</v>
      </c>
      <c r="E32195" s="1" t="s">
        <v>112157</v>
      </c>
      <c r="F32195" s="1" t="s">
        <v>112158</v>
      </c>
      <c r="G32195" s="1" t="s">
        <v>112121</v>
      </c>
      <c r="H32195" s="1" t="s">
        <v>112122</v>
      </c>
      <c r="I32195" s="1" t="s">
        <v>111349</v>
      </c>
      <c r="J32195" s="1" t="s">
        <v>111630</v>
      </c>
    </row>
    <row r="32196" spans="1:10" x14ac:dyDescent="0.35">
      <c r="A32196" s="1" t="s">
        <v>112118</v>
      </c>
      <c r="B32196" s="1" t="s">
        <v>111344</v>
      </c>
      <c r="C32196" s="1" t="s">
        <v>105</v>
      </c>
      <c r="D32196" s="1" t="s">
        <v>111631</v>
      </c>
      <c r="E32196" s="1" t="s">
        <v>112159</v>
      </c>
      <c r="F32196" s="1" t="s">
        <v>112160</v>
      </c>
      <c r="G32196" s="1" t="s">
        <v>112121</v>
      </c>
      <c r="H32196" s="1" t="s">
        <v>112122</v>
      </c>
      <c r="I32196" s="1" t="s">
        <v>111349</v>
      </c>
      <c r="J32196" s="1" t="s">
        <v>111634</v>
      </c>
    </row>
    <row r="32197" spans="1:10" x14ac:dyDescent="0.35">
      <c r="A32197" s="1" t="s">
        <v>112118</v>
      </c>
      <c r="B32197" s="1" t="s">
        <v>111344</v>
      </c>
      <c r="C32197" s="1" t="s">
        <v>110</v>
      </c>
      <c r="D32197" s="1" t="s">
        <v>29021</v>
      </c>
      <c r="E32197" s="1" t="s">
        <v>112161</v>
      </c>
      <c r="F32197" s="1" t="s">
        <v>112162</v>
      </c>
      <c r="G32197" s="1" t="s">
        <v>112121</v>
      </c>
      <c r="H32197" s="1" t="s">
        <v>112122</v>
      </c>
      <c r="I32197" s="1" t="s">
        <v>111349</v>
      </c>
      <c r="J32197" s="1" t="s">
        <v>111637</v>
      </c>
    </row>
    <row r="32198" spans="1:10" x14ac:dyDescent="0.35">
      <c r="A32198" s="1" t="s">
        <v>112118</v>
      </c>
      <c r="B32198" s="1" t="s">
        <v>111344</v>
      </c>
      <c r="C32198" s="1" t="s">
        <v>115</v>
      </c>
      <c r="D32198" s="1" t="s">
        <v>2925</v>
      </c>
      <c r="E32198" s="1" t="s">
        <v>112163</v>
      </c>
      <c r="F32198" s="1" t="s">
        <v>112164</v>
      </c>
      <c r="G32198" s="1" t="s">
        <v>112121</v>
      </c>
      <c r="H32198" s="1" t="s">
        <v>112122</v>
      </c>
      <c r="I32198" s="1" t="s">
        <v>111349</v>
      </c>
      <c r="J32198" s="1" t="s">
        <v>111640</v>
      </c>
    </row>
    <row r="32199" spans="1:10" x14ac:dyDescent="0.35">
      <c r="A32199" s="1" t="s">
        <v>112118</v>
      </c>
      <c r="B32199" s="1" t="s">
        <v>111344</v>
      </c>
      <c r="C32199" s="1" t="s">
        <v>120</v>
      </c>
      <c r="D32199" s="1" t="s">
        <v>29488</v>
      </c>
      <c r="E32199" s="1" t="s">
        <v>112165</v>
      </c>
      <c r="F32199" s="1" t="s">
        <v>112166</v>
      </c>
      <c r="G32199" s="1" t="s">
        <v>112121</v>
      </c>
      <c r="H32199" s="1" t="s">
        <v>112122</v>
      </c>
      <c r="I32199" s="1" t="s">
        <v>111349</v>
      </c>
      <c r="J32199" s="1" t="s">
        <v>111643</v>
      </c>
    </row>
    <row r="32200" spans="1:10" x14ac:dyDescent="0.35">
      <c r="A32200" s="1" t="s">
        <v>112118</v>
      </c>
      <c r="B32200" s="1" t="s">
        <v>111344</v>
      </c>
      <c r="C32200" s="1" t="s">
        <v>125</v>
      </c>
      <c r="D32200" s="1" t="s">
        <v>111644</v>
      </c>
      <c r="E32200" s="1" t="s">
        <v>112167</v>
      </c>
      <c r="F32200" s="1" t="s">
        <v>112168</v>
      </c>
      <c r="G32200" s="1" t="s">
        <v>112121</v>
      </c>
      <c r="H32200" s="1" t="s">
        <v>112122</v>
      </c>
      <c r="I32200" s="1" t="s">
        <v>111349</v>
      </c>
      <c r="J32200" s="1" t="s">
        <v>111647</v>
      </c>
    </row>
    <row r="32201" spans="1:10" x14ac:dyDescent="0.35">
      <c r="A32201" s="1" t="s">
        <v>112118</v>
      </c>
      <c r="B32201" s="1" t="s">
        <v>111344</v>
      </c>
      <c r="C32201" s="1" t="s">
        <v>130</v>
      </c>
      <c r="D32201" s="1" t="s">
        <v>111648</v>
      </c>
      <c r="E32201" s="1" t="s">
        <v>112169</v>
      </c>
      <c r="F32201" s="1" t="s">
        <v>112170</v>
      </c>
      <c r="G32201" s="1" t="s">
        <v>112121</v>
      </c>
      <c r="H32201" s="1" t="s">
        <v>112122</v>
      </c>
      <c r="I32201" s="1" t="s">
        <v>111349</v>
      </c>
      <c r="J32201" s="1" t="s">
        <v>111651</v>
      </c>
    </row>
    <row r="32202" spans="1:10" x14ac:dyDescent="0.35">
      <c r="A32202" s="1" t="s">
        <v>112118</v>
      </c>
      <c r="B32202" s="1" t="s">
        <v>111344</v>
      </c>
      <c r="C32202" s="1" t="s">
        <v>135</v>
      </c>
      <c r="D32202" s="1" t="s">
        <v>2331</v>
      </c>
      <c r="E32202" s="1" t="s">
        <v>112171</v>
      </c>
      <c r="F32202" s="1" t="s">
        <v>112172</v>
      </c>
      <c r="G32202" s="1" t="s">
        <v>112121</v>
      </c>
      <c r="H32202" s="1" t="s">
        <v>112122</v>
      </c>
      <c r="I32202" s="1" t="s">
        <v>111349</v>
      </c>
      <c r="J32202" s="1" t="s">
        <v>111654</v>
      </c>
    </row>
    <row r="32203" spans="1:10" x14ac:dyDescent="0.35">
      <c r="A32203" s="1" t="s">
        <v>112118</v>
      </c>
      <c r="B32203" s="1" t="s">
        <v>111344</v>
      </c>
      <c r="C32203" s="1" t="s">
        <v>140</v>
      </c>
      <c r="D32203" s="1" t="s">
        <v>25895</v>
      </c>
      <c r="E32203" s="1" t="s">
        <v>112173</v>
      </c>
      <c r="F32203" s="1" t="s">
        <v>112174</v>
      </c>
      <c r="G32203" s="1" t="s">
        <v>112121</v>
      </c>
      <c r="H32203" s="1" t="s">
        <v>112122</v>
      </c>
      <c r="I32203" s="1" t="s">
        <v>111349</v>
      </c>
      <c r="J32203" s="1" t="s">
        <v>111657</v>
      </c>
    </row>
    <row r="32204" spans="1:10" x14ac:dyDescent="0.35">
      <c r="A32204" s="1" t="s">
        <v>112118</v>
      </c>
      <c r="B32204" s="1" t="s">
        <v>111344</v>
      </c>
      <c r="C32204" s="1" t="s">
        <v>145</v>
      </c>
      <c r="D32204" s="1" t="s">
        <v>15875</v>
      </c>
      <c r="E32204" s="1" t="s">
        <v>112175</v>
      </c>
      <c r="F32204" s="1" t="s">
        <v>112176</v>
      </c>
      <c r="G32204" s="1" t="s">
        <v>112121</v>
      </c>
      <c r="H32204" s="1" t="s">
        <v>112122</v>
      </c>
      <c r="I32204" s="1" t="s">
        <v>111349</v>
      </c>
      <c r="J32204" s="1" t="s">
        <v>111660</v>
      </c>
    </row>
    <row r="32205" spans="1:10" x14ac:dyDescent="0.35">
      <c r="A32205" s="1" t="s">
        <v>112118</v>
      </c>
      <c r="B32205" s="1" t="s">
        <v>111344</v>
      </c>
      <c r="C32205" s="1" t="s">
        <v>150</v>
      </c>
      <c r="D32205" s="1" t="s">
        <v>111661</v>
      </c>
      <c r="E32205" s="1" t="s">
        <v>112177</v>
      </c>
      <c r="F32205" s="1" t="s">
        <v>112178</v>
      </c>
      <c r="G32205" s="1" t="s">
        <v>112121</v>
      </c>
      <c r="H32205" s="1" t="s">
        <v>112122</v>
      </c>
      <c r="I32205" s="1" t="s">
        <v>111349</v>
      </c>
      <c r="J32205" s="1" t="s">
        <v>111664</v>
      </c>
    </row>
    <row r="32206" spans="1:10" x14ac:dyDescent="0.35">
      <c r="A32206" s="1" t="s">
        <v>112118</v>
      </c>
      <c r="B32206" s="1" t="s">
        <v>111344</v>
      </c>
      <c r="C32206" s="1" t="s">
        <v>155</v>
      </c>
      <c r="D32206" s="1" t="s">
        <v>111665</v>
      </c>
      <c r="E32206" s="1" t="s">
        <v>112179</v>
      </c>
      <c r="F32206" s="1" t="s">
        <v>112180</v>
      </c>
      <c r="G32206" s="1" t="s">
        <v>112121</v>
      </c>
      <c r="H32206" s="1" t="s">
        <v>112122</v>
      </c>
      <c r="I32206" s="1" t="s">
        <v>111349</v>
      </c>
      <c r="J32206" s="1" t="s">
        <v>111668</v>
      </c>
    </row>
    <row r="32207" spans="1:10" x14ac:dyDescent="0.35">
      <c r="A32207" s="1" t="s">
        <v>112118</v>
      </c>
      <c r="B32207" s="1" t="s">
        <v>111344</v>
      </c>
      <c r="C32207" s="1" t="s">
        <v>160</v>
      </c>
      <c r="D32207" s="1" t="s">
        <v>111669</v>
      </c>
      <c r="E32207" s="1" t="s">
        <v>112181</v>
      </c>
      <c r="F32207" s="1" t="s">
        <v>112182</v>
      </c>
      <c r="G32207" s="1" t="s">
        <v>112121</v>
      </c>
      <c r="H32207" s="1" t="s">
        <v>112122</v>
      </c>
      <c r="I32207" s="1" t="s">
        <v>111349</v>
      </c>
      <c r="J32207" s="1" t="s">
        <v>111672</v>
      </c>
    </row>
    <row r="32208" spans="1:10" x14ac:dyDescent="0.35">
      <c r="A32208" s="1" t="s">
        <v>112118</v>
      </c>
      <c r="B32208" s="1" t="s">
        <v>111344</v>
      </c>
      <c r="C32208" s="1" t="s">
        <v>165</v>
      </c>
      <c r="D32208" s="1" t="s">
        <v>111673</v>
      </c>
      <c r="E32208" s="1" t="s">
        <v>112183</v>
      </c>
      <c r="F32208" s="1" t="s">
        <v>112184</v>
      </c>
      <c r="G32208" s="1" t="s">
        <v>112121</v>
      </c>
      <c r="H32208" s="1" t="s">
        <v>112122</v>
      </c>
      <c r="I32208" s="1" t="s">
        <v>111349</v>
      </c>
      <c r="J32208" s="1" t="s">
        <v>111676</v>
      </c>
    </row>
    <row r="32209" spans="1:10" x14ac:dyDescent="0.35">
      <c r="A32209" s="1" t="s">
        <v>112118</v>
      </c>
      <c r="B32209" s="1" t="s">
        <v>111344</v>
      </c>
      <c r="C32209" s="1" t="s">
        <v>170</v>
      </c>
      <c r="D32209" s="1" t="s">
        <v>73292</v>
      </c>
      <c r="E32209" s="1" t="s">
        <v>112185</v>
      </c>
      <c r="F32209" s="1" t="s">
        <v>112186</v>
      </c>
      <c r="G32209" s="1" t="s">
        <v>112121</v>
      </c>
      <c r="H32209" s="1" t="s">
        <v>112122</v>
      </c>
      <c r="I32209" s="1" t="s">
        <v>111349</v>
      </c>
      <c r="J32209" s="1" t="s">
        <v>111679</v>
      </c>
    </row>
    <row r="32210" spans="1:10" x14ac:dyDescent="0.35">
      <c r="A32210" s="1" t="s">
        <v>25572</v>
      </c>
      <c r="B32210" s="1" t="s">
        <v>111344</v>
      </c>
      <c r="C32210" s="1" t="s">
        <v>8</v>
      </c>
      <c r="D32210" s="1" t="s">
        <v>110567</v>
      </c>
      <c r="E32210" s="1" t="s">
        <v>73442</v>
      </c>
      <c r="F32210" s="1" t="s">
        <v>112187</v>
      </c>
      <c r="G32210" s="1" t="s">
        <v>112188</v>
      </c>
      <c r="H32210" s="1" t="s">
        <v>112189</v>
      </c>
      <c r="I32210" s="1" t="s">
        <v>111349</v>
      </c>
      <c r="J32210" s="1" t="s">
        <v>13</v>
      </c>
    </row>
    <row r="32211" spans="1:10" x14ac:dyDescent="0.35">
      <c r="A32211" s="1" t="s">
        <v>25572</v>
      </c>
      <c r="B32211" s="1" t="s">
        <v>111344</v>
      </c>
      <c r="C32211" s="1" t="s">
        <v>15</v>
      </c>
      <c r="D32211" s="1" t="s">
        <v>112190</v>
      </c>
      <c r="E32211" s="1" t="s">
        <v>73053</v>
      </c>
      <c r="F32211" s="1" t="s">
        <v>3075</v>
      </c>
      <c r="G32211" s="1" t="s">
        <v>112188</v>
      </c>
      <c r="H32211" s="1" t="s">
        <v>112189</v>
      </c>
      <c r="I32211" s="1" t="s">
        <v>111349</v>
      </c>
      <c r="J32211" s="1" t="s">
        <v>112191</v>
      </c>
    </row>
    <row r="32212" spans="1:10" x14ac:dyDescent="0.35">
      <c r="A32212" s="1" t="s">
        <v>25572</v>
      </c>
      <c r="B32212" s="1" t="s">
        <v>111344</v>
      </c>
      <c r="C32212" s="1" t="s">
        <v>20</v>
      </c>
      <c r="D32212" s="1" t="s">
        <v>112192</v>
      </c>
      <c r="E32212" s="1" t="s">
        <v>112193</v>
      </c>
      <c r="F32212" s="1" t="s">
        <v>112194</v>
      </c>
      <c r="G32212" s="1" t="s">
        <v>112188</v>
      </c>
      <c r="H32212" s="1" t="s">
        <v>112189</v>
      </c>
      <c r="I32212" s="1" t="s">
        <v>111349</v>
      </c>
      <c r="J32212" s="1" t="s">
        <v>112195</v>
      </c>
    </row>
    <row r="32213" spans="1:10" x14ac:dyDescent="0.35">
      <c r="A32213" s="1" t="s">
        <v>25572</v>
      </c>
      <c r="B32213" s="1" t="s">
        <v>111344</v>
      </c>
      <c r="C32213" s="1" t="s">
        <v>25</v>
      </c>
      <c r="D32213" s="1" t="s">
        <v>110002</v>
      </c>
      <c r="E32213" s="1" t="s">
        <v>73442</v>
      </c>
      <c r="F32213" s="1" t="s">
        <v>6781</v>
      </c>
      <c r="G32213" s="1" t="s">
        <v>112188</v>
      </c>
      <c r="H32213" s="1" t="s">
        <v>112189</v>
      </c>
      <c r="I32213" s="1" t="s">
        <v>111349</v>
      </c>
      <c r="J32213" s="1" t="s">
        <v>112196</v>
      </c>
    </row>
    <row r="32214" spans="1:10" x14ac:dyDescent="0.35">
      <c r="A32214" s="1" t="s">
        <v>25572</v>
      </c>
      <c r="B32214" s="1" t="s">
        <v>111344</v>
      </c>
      <c r="C32214" s="1" t="s">
        <v>30</v>
      </c>
      <c r="D32214" s="1" t="s">
        <v>112197</v>
      </c>
      <c r="E32214" s="1" t="s">
        <v>73484</v>
      </c>
      <c r="F32214" s="1" t="s">
        <v>21482</v>
      </c>
      <c r="G32214" s="1" t="s">
        <v>112188</v>
      </c>
      <c r="H32214" s="1" t="s">
        <v>112189</v>
      </c>
      <c r="I32214" s="1" t="s">
        <v>111349</v>
      </c>
      <c r="J32214" s="1" t="s">
        <v>112198</v>
      </c>
    </row>
    <row r="32215" spans="1:10" x14ac:dyDescent="0.35">
      <c r="A32215" s="1" t="s">
        <v>25572</v>
      </c>
      <c r="B32215" s="1" t="s">
        <v>111344</v>
      </c>
      <c r="C32215" s="1" t="s">
        <v>35</v>
      </c>
      <c r="D32215" s="1" t="s">
        <v>110670</v>
      </c>
      <c r="E32215" s="1" t="s">
        <v>73648</v>
      </c>
      <c r="F32215" s="1" t="s">
        <v>112199</v>
      </c>
      <c r="G32215" s="1" t="s">
        <v>112188</v>
      </c>
      <c r="H32215" s="1" t="s">
        <v>112189</v>
      </c>
      <c r="I32215" s="1" t="s">
        <v>111349</v>
      </c>
      <c r="J32215" s="1" t="s">
        <v>112200</v>
      </c>
    </row>
    <row r="32216" spans="1:10" x14ac:dyDescent="0.35">
      <c r="A32216" s="1" t="s">
        <v>25572</v>
      </c>
      <c r="B32216" s="1" t="s">
        <v>111344</v>
      </c>
      <c r="C32216" s="1" t="s">
        <v>40</v>
      </c>
      <c r="D32216" s="1" t="s">
        <v>112201</v>
      </c>
      <c r="E32216" s="1" t="s">
        <v>112202</v>
      </c>
      <c r="F32216" s="1" t="s">
        <v>112203</v>
      </c>
      <c r="G32216" s="1" t="s">
        <v>112188</v>
      </c>
      <c r="H32216" s="1" t="s">
        <v>112189</v>
      </c>
      <c r="I32216" s="1" t="s">
        <v>111349</v>
      </c>
      <c r="J32216" s="1" t="s">
        <v>112204</v>
      </c>
    </row>
    <row r="32217" spans="1:10" x14ac:dyDescent="0.35">
      <c r="A32217" s="1" t="s">
        <v>25572</v>
      </c>
      <c r="B32217" s="1" t="s">
        <v>111344</v>
      </c>
      <c r="C32217" s="1" t="s">
        <v>45</v>
      </c>
      <c r="D32217" s="1" t="s">
        <v>4054</v>
      </c>
      <c r="E32217" s="1" t="s">
        <v>112205</v>
      </c>
      <c r="F32217" s="1" t="s">
        <v>112206</v>
      </c>
      <c r="G32217" s="1" t="s">
        <v>112188</v>
      </c>
      <c r="H32217" s="1" t="s">
        <v>112189</v>
      </c>
      <c r="I32217" s="1" t="s">
        <v>111349</v>
      </c>
      <c r="J32217" s="1" t="s">
        <v>112207</v>
      </c>
    </row>
    <row r="32218" spans="1:10" x14ac:dyDescent="0.35">
      <c r="A32218" s="1" t="s">
        <v>25572</v>
      </c>
      <c r="B32218" s="1" t="s">
        <v>111344</v>
      </c>
      <c r="C32218" s="1" t="s">
        <v>50</v>
      </c>
      <c r="D32218" s="1" t="s">
        <v>35157</v>
      </c>
      <c r="E32218" s="1" t="s">
        <v>110265</v>
      </c>
      <c r="F32218" s="1" t="s">
        <v>112208</v>
      </c>
      <c r="G32218" s="1" t="s">
        <v>112188</v>
      </c>
      <c r="H32218" s="1" t="s">
        <v>112189</v>
      </c>
      <c r="I32218" s="1" t="s">
        <v>111349</v>
      </c>
      <c r="J32218" s="1" t="s">
        <v>112209</v>
      </c>
    </row>
    <row r="32219" spans="1:10" x14ac:dyDescent="0.35">
      <c r="A32219" s="1" t="s">
        <v>25572</v>
      </c>
      <c r="B32219" s="1" t="s">
        <v>111344</v>
      </c>
      <c r="C32219" s="1" t="s">
        <v>55</v>
      </c>
      <c r="D32219" s="1" t="s">
        <v>112210</v>
      </c>
      <c r="E32219" s="1" t="s">
        <v>112211</v>
      </c>
      <c r="F32219" s="1" t="s">
        <v>112212</v>
      </c>
      <c r="G32219" s="1" t="s">
        <v>112188</v>
      </c>
      <c r="H32219" s="1" t="s">
        <v>112189</v>
      </c>
      <c r="I32219" s="1" t="s">
        <v>111349</v>
      </c>
      <c r="J32219" s="1" t="s">
        <v>112213</v>
      </c>
    </row>
    <row r="32220" spans="1:10" x14ac:dyDescent="0.35">
      <c r="A32220" s="1" t="s">
        <v>25572</v>
      </c>
      <c r="B32220" s="1" t="s">
        <v>111344</v>
      </c>
      <c r="C32220" s="1" t="s">
        <v>60</v>
      </c>
      <c r="D32220" s="1" t="s">
        <v>43814</v>
      </c>
      <c r="E32220" s="1" t="s">
        <v>112214</v>
      </c>
      <c r="F32220" s="1" t="s">
        <v>112215</v>
      </c>
      <c r="G32220" s="1" t="s">
        <v>112188</v>
      </c>
      <c r="H32220" s="1" t="s">
        <v>112189</v>
      </c>
      <c r="I32220" s="1" t="s">
        <v>111349</v>
      </c>
      <c r="J32220" s="1" t="s">
        <v>112216</v>
      </c>
    </row>
    <row r="32221" spans="1:10" x14ac:dyDescent="0.35">
      <c r="A32221" s="1" t="s">
        <v>25572</v>
      </c>
      <c r="B32221" s="1" t="s">
        <v>111344</v>
      </c>
      <c r="C32221" s="1" t="s">
        <v>65</v>
      </c>
      <c r="D32221" s="1" t="s">
        <v>8357</v>
      </c>
      <c r="E32221" s="1" t="s">
        <v>112217</v>
      </c>
      <c r="F32221" s="1" t="s">
        <v>112218</v>
      </c>
      <c r="G32221" s="1" t="s">
        <v>112188</v>
      </c>
      <c r="H32221" s="1" t="s">
        <v>112189</v>
      </c>
      <c r="I32221" s="1" t="s">
        <v>111349</v>
      </c>
      <c r="J32221" s="1" t="s">
        <v>112219</v>
      </c>
    </row>
    <row r="32222" spans="1:10" x14ac:dyDescent="0.35">
      <c r="A32222" s="1" t="s">
        <v>25572</v>
      </c>
      <c r="B32222" s="1" t="s">
        <v>111344</v>
      </c>
      <c r="C32222" s="1" t="s">
        <v>70</v>
      </c>
      <c r="D32222" s="1" t="s">
        <v>14251</v>
      </c>
      <c r="E32222" s="1" t="s">
        <v>112220</v>
      </c>
      <c r="F32222" s="1" t="s">
        <v>112221</v>
      </c>
      <c r="G32222" s="1" t="s">
        <v>112188</v>
      </c>
      <c r="H32222" s="1" t="s">
        <v>112189</v>
      </c>
      <c r="I32222" s="1" t="s">
        <v>111349</v>
      </c>
      <c r="J32222" s="1" t="s">
        <v>112222</v>
      </c>
    </row>
    <row r="32223" spans="1:10" x14ac:dyDescent="0.35">
      <c r="A32223" s="1" t="s">
        <v>25572</v>
      </c>
      <c r="B32223" s="1" t="s">
        <v>111344</v>
      </c>
      <c r="C32223" s="1" t="s">
        <v>75</v>
      </c>
      <c r="D32223" s="1" t="s">
        <v>10098</v>
      </c>
      <c r="E32223" s="1" t="s">
        <v>112223</v>
      </c>
      <c r="F32223" s="1" t="s">
        <v>112224</v>
      </c>
      <c r="G32223" s="1" t="s">
        <v>112188</v>
      </c>
      <c r="H32223" s="1" t="s">
        <v>112189</v>
      </c>
      <c r="I32223" s="1" t="s">
        <v>111349</v>
      </c>
      <c r="J32223" s="1" t="s">
        <v>112225</v>
      </c>
    </row>
    <row r="32224" spans="1:10" x14ac:dyDescent="0.35">
      <c r="A32224" s="1" t="s">
        <v>25572</v>
      </c>
      <c r="B32224" s="1" t="s">
        <v>111344</v>
      </c>
      <c r="C32224" s="1" t="s">
        <v>80</v>
      </c>
      <c r="D32224" s="1" t="s">
        <v>51288</v>
      </c>
      <c r="E32224" s="1" t="s">
        <v>110260</v>
      </c>
      <c r="F32224" s="1" t="s">
        <v>112226</v>
      </c>
      <c r="G32224" s="1" t="s">
        <v>112188</v>
      </c>
      <c r="H32224" s="1" t="s">
        <v>112189</v>
      </c>
      <c r="I32224" s="1" t="s">
        <v>111349</v>
      </c>
      <c r="J32224" s="1" t="s">
        <v>112227</v>
      </c>
    </row>
    <row r="32225" spans="1:10" x14ac:dyDescent="0.35">
      <c r="A32225" s="1" t="s">
        <v>25572</v>
      </c>
      <c r="B32225" s="1" t="s">
        <v>111344</v>
      </c>
      <c r="C32225" s="1" t="s">
        <v>85</v>
      </c>
      <c r="D32225" s="1" t="s">
        <v>112228</v>
      </c>
      <c r="E32225" s="1" t="s">
        <v>112229</v>
      </c>
      <c r="F32225" s="1" t="s">
        <v>112230</v>
      </c>
      <c r="G32225" s="1" t="s">
        <v>112188</v>
      </c>
      <c r="H32225" s="1" t="s">
        <v>112189</v>
      </c>
      <c r="I32225" s="1" t="s">
        <v>111349</v>
      </c>
      <c r="J32225" s="1" t="s">
        <v>112231</v>
      </c>
    </row>
    <row r="32226" spans="1:10" x14ac:dyDescent="0.35">
      <c r="A32226" s="1" t="s">
        <v>25572</v>
      </c>
      <c r="B32226" s="1" t="s">
        <v>111344</v>
      </c>
      <c r="C32226" s="1" t="s">
        <v>90</v>
      </c>
      <c r="D32226" s="1" t="s">
        <v>112232</v>
      </c>
      <c r="E32226" s="1" t="s">
        <v>112233</v>
      </c>
      <c r="F32226" s="1" t="s">
        <v>112234</v>
      </c>
      <c r="G32226" s="1" t="s">
        <v>112188</v>
      </c>
      <c r="H32226" s="1" t="s">
        <v>112189</v>
      </c>
      <c r="I32226" s="1" t="s">
        <v>111349</v>
      </c>
      <c r="J32226" s="1" t="s">
        <v>112235</v>
      </c>
    </row>
    <row r="32227" spans="1:10" x14ac:dyDescent="0.35">
      <c r="A32227" s="1" t="s">
        <v>25572</v>
      </c>
      <c r="B32227" s="1" t="s">
        <v>111344</v>
      </c>
      <c r="C32227" s="1" t="s">
        <v>95</v>
      </c>
      <c r="D32227" s="1" t="s">
        <v>112236</v>
      </c>
      <c r="E32227" s="1" t="s">
        <v>112237</v>
      </c>
      <c r="F32227" s="1" t="s">
        <v>112238</v>
      </c>
      <c r="G32227" s="1" t="s">
        <v>112188</v>
      </c>
      <c r="H32227" s="1" t="s">
        <v>112189</v>
      </c>
      <c r="I32227" s="1" t="s">
        <v>111349</v>
      </c>
      <c r="J32227" s="1" t="s">
        <v>112239</v>
      </c>
    </row>
    <row r="32228" spans="1:10" x14ac:dyDescent="0.35">
      <c r="A32228" s="1" t="s">
        <v>25572</v>
      </c>
      <c r="B32228" s="1" t="s">
        <v>111344</v>
      </c>
      <c r="C32228" s="1" t="s">
        <v>100</v>
      </c>
      <c r="D32228" s="1" t="s">
        <v>110670</v>
      </c>
      <c r="E32228" s="1" t="s">
        <v>112240</v>
      </c>
      <c r="F32228" s="1" t="s">
        <v>112241</v>
      </c>
      <c r="G32228" s="1" t="s">
        <v>112188</v>
      </c>
      <c r="H32228" s="1" t="s">
        <v>112189</v>
      </c>
      <c r="I32228" s="1" t="s">
        <v>111349</v>
      </c>
      <c r="J32228" s="1" t="s">
        <v>112242</v>
      </c>
    </row>
    <row r="32229" spans="1:10" x14ac:dyDescent="0.35">
      <c r="A32229" s="1" t="s">
        <v>25572</v>
      </c>
      <c r="B32229" s="1" t="s">
        <v>111344</v>
      </c>
      <c r="C32229" s="1" t="s">
        <v>105</v>
      </c>
      <c r="D32229" s="1" t="s">
        <v>1564</v>
      </c>
      <c r="E32229" s="1" t="s">
        <v>74244</v>
      </c>
      <c r="F32229" s="1" t="s">
        <v>112243</v>
      </c>
      <c r="G32229" s="1" t="s">
        <v>112188</v>
      </c>
      <c r="H32229" s="1" t="s">
        <v>112189</v>
      </c>
      <c r="I32229" s="1" t="s">
        <v>111349</v>
      </c>
      <c r="J32229" s="1" t="s">
        <v>112244</v>
      </c>
    </row>
    <row r="32230" spans="1:10" x14ac:dyDescent="0.35">
      <c r="A32230" s="1" t="s">
        <v>25572</v>
      </c>
      <c r="B32230" s="1" t="s">
        <v>111344</v>
      </c>
      <c r="C32230" s="1" t="s">
        <v>110</v>
      </c>
      <c r="D32230" s="1" t="s">
        <v>10187</v>
      </c>
      <c r="E32230" s="1" t="s">
        <v>73474</v>
      </c>
      <c r="F32230" s="1" t="s">
        <v>112245</v>
      </c>
      <c r="G32230" s="1" t="s">
        <v>112188</v>
      </c>
      <c r="H32230" s="1" t="s">
        <v>112189</v>
      </c>
      <c r="I32230" s="1" t="s">
        <v>111349</v>
      </c>
      <c r="J32230" s="1" t="s">
        <v>112246</v>
      </c>
    </row>
    <row r="32231" spans="1:10" x14ac:dyDescent="0.35">
      <c r="A32231" s="1" t="s">
        <v>25572</v>
      </c>
      <c r="B32231" s="1" t="s">
        <v>111344</v>
      </c>
      <c r="C32231" s="1" t="s">
        <v>115</v>
      </c>
      <c r="D32231" s="1" t="s">
        <v>27851</v>
      </c>
      <c r="E32231" s="1" t="s">
        <v>552</v>
      </c>
      <c r="F32231" s="1" t="s">
        <v>112247</v>
      </c>
      <c r="G32231" s="1" t="s">
        <v>112188</v>
      </c>
      <c r="H32231" s="1" t="s">
        <v>112189</v>
      </c>
      <c r="I32231" s="1" t="s">
        <v>111349</v>
      </c>
      <c r="J32231" s="1" t="s">
        <v>112248</v>
      </c>
    </row>
    <row r="32232" spans="1:10" x14ac:dyDescent="0.35">
      <c r="A32232" s="1" t="s">
        <v>25572</v>
      </c>
      <c r="B32232" s="1" t="s">
        <v>111344</v>
      </c>
      <c r="C32232" s="1" t="s">
        <v>120</v>
      </c>
      <c r="D32232" s="1" t="s">
        <v>51143</v>
      </c>
      <c r="E32232" s="1" t="s">
        <v>112249</v>
      </c>
      <c r="F32232" s="1" t="s">
        <v>112250</v>
      </c>
      <c r="G32232" s="1" t="s">
        <v>112188</v>
      </c>
      <c r="H32232" s="1" t="s">
        <v>112189</v>
      </c>
      <c r="I32232" s="1" t="s">
        <v>111349</v>
      </c>
      <c r="J32232" s="1" t="s">
        <v>112251</v>
      </c>
    </row>
    <row r="32233" spans="1:10" x14ac:dyDescent="0.35">
      <c r="A32233" s="1" t="s">
        <v>25572</v>
      </c>
      <c r="B32233" s="1" t="s">
        <v>111344</v>
      </c>
      <c r="C32233" s="1" t="s">
        <v>125</v>
      </c>
      <c r="D32233" s="1" t="s">
        <v>9938</v>
      </c>
      <c r="E32233" s="1" t="s">
        <v>73494</v>
      </c>
      <c r="F32233" s="1" t="s">
        <v>112252</v>
      </c>
      <c r="G32233" s="1" t="s">
        <v>112188</v>
      </c>
      <c r="H32233" s="1" t="s">
        <v>112189</v>
      </c>
      <c r="I32233" s="1" t="s">
        <v>111349</v>
      </c>
      <c r="J32233" s="1" t="s">
        <v>112253</v>
      </c>
    </row>
    <row r="32234" spans="1:10" x14ac:dyDescent="0.35">
      <c r="A32234" s="1" t="s">
        <v>25572</v>
      </c>
      <c r="B32234" s="1" t="s">
        <v>111344</v>
      </c>
      <c r="C32234" s="1" t="s">
        <v>130</v>
      </c>
      <c r="D32234" s="1" t="s">
        <v>27433</v>
      </c>
      <c r="E32234" s="1" t="s">
        <v>112254</v>
      </c>
      <c r="F32234" s="1" t="s">
        <v>112255</v>
      </c>
      <c r="G32234" s="1" t="s">
        <v>112188</v>
      </c>
      <c r="H32234" s="1" t="s">
        <v>112189</v>
      </c>
      <c r="I32234" s="1" t="s">
        <v>111349</v>
      </c>
      <c r="J32234" s="1" t="s">
        <v>112256</v>
      </c>
    </row>
    <row r="32235" spans="1:10" x14ac:dyDescent="0.35">
      <c r="A32235" s="1" t="s">
        <v>25572</v>
      </c>
      <c r="B32235" s="1" t="s">
        <v>111344</v>
      </c>
      <c r="C32235" s="1" t="s">
        <v>135</v>
      </c>
      <c r="D32235" s="1" t="s">
        <v>2071</v>
      </c>
      <c r="E32235" s="1" t="s">
        <v>807</v>
      </c>
      <c r="F32235" s="1" t="s">
        <v>112257</v>
      </c>
      <c r="G32235" s="1" t="s">
        <v>112188</v>
      </c>
      <c r="H32235" s="1" t="s">
        <v>112189</v>
      </c>
      <c r="I32235" s="1" t="s">
        <v>111349</v>
      </c>
      <c r="J32235" s="1" t="s">
        <v>112258</v>
      </c>
    </row>
    <row r="32236" spans="1:10" x14ac:dyDescent="0.35">
      <c r="A32236" s="1" t="s">
        <v>25572</v>
      </c>
      <c r="B32236" s="1" t="s">
        <v>111344</v>
      </c>
      <c r="C32236" s="1" t="s">
        <v>140</v>
      </c>
      <c r="D32236" s="1" t="s">
        <v>46231</v>
      </c>
      <c r="E32236" s="1" t="s">
        <v>112259</v>
      </c>
      <c r="F32236" s="1" t="s">
        <v>112260</v>
      </c>
      <c r="G32236" s="1" t="s">
        <v>112188</v>
      </c>
      <c r="H32236" s="1" t="s">
        <v>112189</v>
      </c>
      <c r="I32236" s="1" t="s">
        <v>111349</v>
      </c>
      <c r="J32236" s="1" t="s">
        <v>112261</v>
      </c>
    </row>
    <row r="32237" spans="1:10" x14ac:dyDescent="0.35">
      <c r="A32237" s="1" t="s">
        <v>25572</v>
      </c>
      <c r="B32237" s="1" t="s">
        <v>111344</v>
      </c>
      <c r="C32237" s="1" t="s">
        <v>145</v>
      </c>
      <c r="D32237" s="1" t="s">
        <v>112262</v>
      </c>
      <c r="E32237" s="1" t="s">
        <v>112263</v>
      </c>
      <c r="F32237" s="1" t="s">
        <v>112264</v>
      </c>
      <c r="G32237" s="1" t="s">
        <v>112188</v>
      </c>
      <c r="H32237" s="1" t="s">
        <v>112189</v>
      </c>
      <c r="I32237" s="1" t="s">
        <v>111349</v>
      </c>
      <c r="J32237" s="1" t="s">
        <v>112265</v>
      </c>
    </row>
    <row r="32238" spans="1:10" x14ac:dyDescent="0.35">
      <c r="A32238" s="1" t="s">
        <v>25572</v>
      </c>
      <c r="B32238" s="1" t="s">
        <v>111344</v>
      </c>
      <c r="C32238" s="1" t="s">
        <v>150</v>
      </c>
      <c r="D32238" s="1" t="s">
        <v>110028</v>
      </c>
      <c r="E32238" s="1" t="s">
        <v>110209</v>
      </c>
      <c r="F32238" s="1" t="s">
        <v>112266</v>
      </c>
      <c r="G32238" s="1" t="s">
        <v>112188</v>
      </c>
      <c r="H32238" s="1" t="s">
        <v>112189</v>
      </c>
      <c r="I32238" s="1" t="s">
        <v>111349</v>
      </c>
      <c r="J32238" s="1" t="s">
        <v>112267</v>
      </c>
    </row>
    <row r="32239" spans="1:10" x14ac:dyDescent="0.35">
      <c r="A32239" s="1" t="s">
        <v>25572</v>
      </c>
      <c r="B32239" s="1" t="s">
        <v>111344</v>
      </c>
      <c r="C32239" s="1" t="s">
        <v>155</v>
      </c>
      <c r="D32239" s="1" t="s">
        <v>2877</v>
      </c>
      <c r="E32239" s="1" t="s">
        <v>112268</v>
      </c>
      <c r="F32239" s="1" t="s">
        <v>112269</v>
      </c>
      <c r="G32239" s="1" t="s">
        <v>112188</v>
      </c>
      <c r="H32239" s="1" t="s">
        <v>112189</v>
      </c>
      <c r="I32239" s="1" t="s">
        <v>111349</v>
      </c>
      <c r="J32239" s="1" t="s">
        <v>112270</v>
      </c>
    </row>
    <row r="32240" spans="1:10" x14ac:dyDescent="0.35">
      <c r="A32240" s="1" t="s">
        <v>25572</v>
      </c>
      <c r="B32240" s="1" t="s">
        <v>111344</v>
      </c>
      <c r="C32240" s="1" t="s">
        <v>160</v>
      </c>
      <c r="D32240" s="1" t="s">
        <v>112271</v>
      </c>
      <c r="E32240" s="1" t="s">
        <v>112272</v>
      </c>
      <c r="F32240" s="1" t="s">
        <v>112273</v>
      </c>
      <c r="G32240" s="1" t="s">
        <v>112188</v>
      </c>
      <c r="H32240" s="1" t="s">
        <v>112189</v>
      </c>
      <c r="I32240" s="1" t="s">
        <v>111349</v>
      </c>
      <c r="J32240" s="1" t="s">
        <v>112274</v>
      </c>
    </row>
    <row r="32241" spans="1:10" x14ac:dyDescent="0.35">
      <c r="A32241" s="1" t="s">
        <v>25572</v>
      </c>
      <c r="B32241" s="1" t="s">
        <v>111344</v>
      </c>
      <c r="C32241" s="1" t="s">
        <v>165</v>
      </c>
      <c r="D32241" s="1" t="s">
        <v>112275</v>
      </c>
      <c r="E32241" s="1" t="s">
        <v>112276</v>
      </c>
      <c r="F32241" s="1" t="s">
        <v>112277</v>
      </c>
      <c r="G32241" s="1" t="s">
        <v>112188</v>
      </c>
      <c r="H32241" s="1" t="s">
        <v>112189</v>
      </c>
      <c r="I32241" s="1" t="s">
        <v>111349</v>
      </c>
      <c r="J32241" s="1" t="s">
        <v>112278</v>
      </c>
    </row>
    <row r="32242" spans="1:10" x14ac:dyDescent="0.35">
      <c r="A32242" s="1" t="s">
        <v>25572</v>
      </c>
      <c r="B32242" s="1" t="s">
        <v>111344</v>
      </c>
      <c r="C32242" s="1" t="s">
        <v>170</v>
      </c>
      <c r="D32242" s="1" t="s">
        <v>112279</v>
      </c>
      <c r="E32242" s="1" t="s">
        <v>73467</v>
      </c>
      <c r="F32242" s="1" t="s">
        <v>112280</v>
      </c>
      <c r="G32242" s="1" t="s">
        <v>112188</v>
      </c>
      <c r="H32242" s="1" t="s">
        <v>112189</v>
      </c>
      <c r="I32242" s="1" t="s">
        <v>111349</v>
      </c>
      <c r="J32242" s="1" t="s">
        <v>112281</v>
      </c>
    </row>
    <row r="32243" spans="1:10" x14ac:dyDescent="0.35">
      <c r="A32243" s="1" t="s">
        <v>6355</v>
      </c>
      <c r="B32243" s="1" t="s">
        <v>111344</v>
      </c>
      <c r="C32243" s="1" t="s">
        <v>8</v>
      </c>
      <c r="D32243" s="1" t="s">
        <v>28945</v>
      </c>
      <c r="E32243" s="1" t="s">
        <v>112282</v>
      </c>
      <c r="F32243" s="1" t="s">
        <v>112283</v>
      </c>
      <c r="G32243" s="1" t="s">
        <v>112284</v>
      </c>
      <c r="H32243" s="1" t="s">
        <v>112285</v>
      </c>
      <c r="I32243" s="1" t="s">
        <v>111349</v>
      </c>
      <c r="J32243" s="1" t="s">
        <v>13</v>
      </c>
    </row>
    <row r="32244" spans="1:10" x14ac:dyDescent="0.35">
      <c r="A32244" s="1" t="s">
        <v>6355</v>
      </c>
      <c r="B32244" s="1" t="s">
        <v>111344</v>
      </c>
      <c r="C32244" s="1" t="s">
        <v>15</v>
      </c>
      <c r="D32244" s="1" t="s">
        <v>27907</v>
      </c>
      <c r="E32244" s="1" t="s">
        <v>112286</v>
      </c>
      <c r="F32244" s="1" t="s">
        <v>112287</v>
      </c>
      <c r="G32244" s="1" t="s">
        <v>112284</v>
      </c>
      <c r="H32244" s="1" t="s">
        <v>112285</v>
      </c>
      <c r="I32244" s="1" t="s">
        <v>111349</v>
      </c>
      <c r="J32244" s="1" t="s">
        <v>112288</v>
      </c>
    </row>
    <row r="32245" spans="1:10" x14ac:dyDescent="0.35">
      <c r="A32245" s="1" t="s">
        <v>6355</v>
      </c>
      <c r="B32245" s="1" t="s">
        <v>111344</v>
      </c>
      <c r="C32245" s="1" t="s">
        <v>20</v>
      </c>
      <c r="D32245" s="1" t="s">
        <v>5521</v>
      </c>
      <c r="E32245" s="1" t="s">
        <v>112289</v>
      </c>
      <c r="F32245" s="1" t="s">
        <v>112290</v>
      </c>
      <c r="G32245" s="1" t="s">
        <v>112284</v>
      </c>
      <c r="H32245" s="1" t="s">
        <v>112285</v>
      </c>
      <c r="I32245" s="1" t="s">
        <v>111349</v>
      </c>
      <c r="J32245" s="1" t="s">
        <v>112291</v>
      </c>
    </row>
    <row r="32246" spans="1:10" x14ac:dyDescent="0.35">
      <c r="A32246" s="1" t="s">
        <v>6355</v>
      </c>
      <c r="B32246" s="1" t="s">
        <v>111344</v>
      </c>
      <c r="C32246" s="1" t="s">
        <v>25</v>
      </c>
      <c r="D32246" s="1" t="s">
        <v>112292</v>
      </c>
      <c r="E32246" s="1" t="s">
        <v>112293</v>
      </c>
      <c r="F32246" s="1" t="s">
        <v>112294</v>
      </c>
      <c r="G32246" s="1" t="s">
        <v>112284</v>
      </c>
      <c r="H32246" s="1" t="s">
        <v>112285</v>
      </c>
      <c r="I32246" s="1" t="s">
        <v>111349</v>
      </c>
      <c r="J32246" s="1" t="s">
        <v>112295</v>
      </c>
    </row>
    <row r="32247" spans="1:10" x14ac:dyDescent="0.35">
      <c r="A32247" s="1" t="s">
        <v>6355</v>
      </c>
      <c r="B32247" s="1" t="s">
        <v>111344</v>
      </c>
      <c r="C32247" s="1" t="s">
        <v>30</v>
      </c>
      <c r="D32247" s="1" t="s">
        <v>29747</v>
      </c>
      <c r="E32247" s="1" t="s">
        <v>112296</v>
      </c>
      <c r="F32247" s="1" t="s">
        <v>112297</v>
      </c>
      <c r="G32247" s="1" t="s">
        <v>112284</v>
      </c>
      <c r="H32247" s="1" t="s">
        <v>112285</v>
      </c>
      <c r="I32247" s="1" t="s">
        <v>111349</v>
      </c>
      <c r="J32247" s="1" t="s">
        <v>112298</v>
      </c>
    </row>
    <row r="32248" spans="1:10" x14ac:dyDescent="0.35">
      <c r="A32248" s="1" t="s">
        <v>6355</v>
      </c>
      <c r="B32248" s="1" t="s">
        <v>111344</v>
      </c>
      <c r="C32248" s="1" t="s">
        <v>35</v>
      </c>
      <c r="D32248" s="1" t="s">
        <v>25</v>
      </c>
      <c r="E32248" s="1" t="s">
        <v>112299</v>
      </c>
      <c r="F32248" s="1" t="s">
        <v>112300</v>
      </c>
      <c r="G32248" s="1" t="s">
        <v>112284</v>
      </c>
      <c r="H32248" s="1" t="s">
        <v>112285</v>
      </c>
      <c r="I32248" s="1" t="s">
        <v>111349</v>
      </c>
      <c r="J32248" s="1" t="s">
        <v>112301</v>
      </c>
    </row>
    <row r="32249" spans="1:10" x14ac:dyDescent="0.35">
      <c r="A32249" s="1" t="s">
        <v>6355</v>
      </c>
      <c r="B32249" s="1" t="s">
        <v>111344</v>
      </c>
      <c r="C32249" s="1" t="s">
        <v>40</v>
      </c>
      <c r="D32249" s="1" t="s">
        <v>112302</v>
      </c>
      <c r="E32249" s="1" t="s">
        <v>112303</v>
      </c>
      <c r="F32249" s="1" t="s">
        <v>112304</v>
      </c>
      <c r="G32249" s="1" t="s">
        <v>112284</v>
      </c>
      <c r="H32249" s="1" t="s">
        <v>112285</v>
      </c>
      <c r="I32249" s="1" t="s">
        <v>111349</v>
      </c>
      <c r="J32249" s="1" t="s">
        <v>112305</v>
      </c>
    </row>
    <row r="32250" spans="1:10" x14ac:dyDescent="0.35">
      <c r="A32250" s="1" t="s">
        <v>6355</v>
      </c>
      <c r="B32250" s="1" t="s">
        <v>111344</v>
      </c>
      <c r="C32250" s="1" t="s">
        <v>45</v>
      </c>
      <c r="D32250" s="1" t="s">
        <v>5514</v>
      </c>
      <c r="E32250" s="1" t="s">
        <v>112306</v>
      </c>
      <c r="F32250" s="1" t="s">
        <v>112307</v>
      </c>
      <c r="G32250" s="1" t="s">
        <v>112284</v>
      </c>
      <c r="H32250" s="1" t="s">
        <v>112285</v>
      </c>
      <c r="I32250" s="1" t="s">
        <v>111349</v>
      </c>
      <c r="J32250" s="1" t="s">
        <v>112308</v>
      </c>
    </row>
    <row r="32251" spans="1:10" x14ac:dyDescent="0.35">
      <c r="A32251" s="1" t="s">
        <v>6355</v>
      </c>
      <c r="B32251" s="1" t="s">
        <v>111344</v>
      </c>
      <c r="C32251" s="1" t="s">
        <v>50</v>
      </c>
      <c r="D32251" s="1" t="s">
        <v>27727</v>
      </c>
      <c r="E32251" s="1" t="s">
        <v>112309</v>
      </c>
      <c r="F32251" s="1" t="s">
        <v>112310</v>
      </c>
      <c r="G32251" s="1" t="s">
        <v>112284</v>
      </c>
      <c r="H32251" s="1" t="s">
        <v>112285</v>
      </c>
      <c r="I32251" s="1" t="s">
        <v>111349</v>
      </c>
      <c r="J32251" s="1" t="s">
        <v>112311</v>
      </c>
    </row>
    <row r="32252" spans="1:10" x14ac:dyDescent="0.35">
      <c r="A32252" s="1" t="s">
        <v>6355</v>
      </c>
      <c r="B32252" s="1" t="s">
        <v>111344</v>
      </c>
      <c r="C32252" s="1" t="s">
        <v>55</v>
      </c>
      <c r="D32252" s="1" t="s">
        <v>5479</v>
      </c>
      <c r="E32252" s="1" t="s">
        <v>112312</v>
      </c>
      <c r="F32252" s="1" t="s">
        <v>112313</v>
      </c>
      <c r="G32252" s="1" t="s">
        <v>112284</v>
      </c>
      <c r="H32252" s="1" t="s">
        <v>112285</v>
      </c>
      <c r="I32252" s="1" t="s">
        <v>111349</v>
      </c>
      <c r="J32252" s="1" t="s">
        <v>112314</v>
      </c>
    </row>
    <row r="32253" spans="1:10" x14ac:dyDescent="0.35">
      <c r="A32253" s="1" t="s">
        <v>6355</v>
      </c>
      <c r="B32253" s="1" t="s">
        <v>111344</v>
      </c>
      <c r="C32253" s="1" t="s">
        <v>60</v>
      </c>
      <c r="D32253" s="1" t="s">
        <v>112315</v>
      </c>
      <c r="E32253" s="1" t="s">
        <v>112316</v>
      </c>
      <c r="F32253" s="1" t="s">
        <v>112317</v>
      </c>
      <c r="G32253" s="1" t="s">
        <v>112284</v>
      </c>
      <c r="H32253" s="1" t="s">
        <v>112285</v>
      </c>
      <c r="I32253" s="1" t="s">
        <v>111349</v>
      </c>
      <c r="J32253" s="1" t="s">
        <v>112318</v>
      </c>
    </row>
    <row r="32254" spans="1:10" x14ac:dyDescent="0.35">
      <c r="A32254" s="1" t="s">
        <v>6355</v>
      </c>
      <c r="B32254" s="1" t="s">
        <v>111344</v>
      </c>
      <c r="C32254" s="1" t="s">
        <v>65</v>
      </c>
      <c r="D32254" s="1" t="s">
        <v>110501</v>
      </c>
      <c r="E32254" s="1" t="s">
        <v>112319</v>
      </c>
      <c r="F32254" s="1" t="s">
        <v>112320</v>
      </c>
      <c r="G32254" s="1" t="s">
        <v>112284</v>
      </c>
      <c r="H32254" s="1" t="s">
        <v>112285</v>
      </c>
      <c r="I32254" s="1" t="s">
        <v>111349</v>
      </c>
      <c r="J32254" s="1" t="s">
        <v>112321</v>
      </c>
    </row>
    <row r="32255" spans="1:10" x14ac:dyDescent="0.35">
      <c r="A32255" s="1" t="s">
        <v>6355</v>
      </c>
      <c r="B32255" s="1" t="s">
        <v>111344</v>
      </c>
      <c r="C32255" s="1" t="s">
        <v>70</v>
      </c>
      <c r="D32255" s="1" t="s">
        <v>11040</v>
      </c>
      <c r="E32255" s="1" t="s">
        <v>112322</v>
      </c>
      <c r="F32255" s="1" t="s">
        <v>112323</v>
      </c>
      <c r="G32255" s="1" t="s">
        <v>112284</v>
      </c>
      <c r="H32255" s="1" t="s">
        <v>112285</v>
      </c>
      <c r="I32255" s="1" t="s">
        <v>111349</v>
      </c>
      <c r="J32255" s="1" t="s">
        <v>112324</v>
      </c>
    </row>
    <row r="32256" spans="1:10" x14ac:dyDescent="0.35">
      <c r="A32256" s="1" t="s">
        <v>6355</v>
      </c>
      <c r="B32256" s="1" t="s">
        <v>111344</v>
      </c>
      <c r="C32256" s="1" t="s">
        <v>75</v>
      </c>
      <c r="D32256" s="1" t="s">
        <v>27771</v>
      </c>
      <c r="E32256" s="1" t="s">
        <v>112325</v>
      </c>
      <c r="F32256" s="1" t="s">
        <v>112326</v>
      </c>
      <c r="G32256" s="1" t="s">
        <v>112284</v>
      </c>
      <c r="H32256" s="1" t="s">
        <v>112285</v>
      </c>
      <c r="I32256" s="1" t="s">
        <v>111349</v>
      </c>
      <c r="J32256" s="1" t="s">
        <v>112327</v>
      </c>
    </row>
    <row r="32257" spans="1:10" x14ac:dyDescent="0.35">
      <c r="A32257" s="1" t="s">
        <v>6355</v>
      </c>
      <c r="B32257" s="1" t="s">
        <v>111344</v>
      </c>
      <c r="C32257" s="1" t="s">
        <v>80</v>
      </c>
      <c r="D32257" s="1" t="s">
        <v>112210</v>
      </c>
      <c r="E32257" s="1" t="s">
        <v>112328</v>
      </c>
      <c r="F32257" s="1" t="s">
        <v>112329</v>
      </c>
      <c r="G32257" s="1" t="s">
        <v>112284</v>
      </c>
      <c r="H32257" s="1" t="s">
        <v>112285</v>
      </c>
      <c r="I32257" s="1" t="s">
        <v>111349</v>
      </c>
      <c r="J32257" s="1" t="s">
        <v>112330</v>
      </c>
    </row>
    <row r="32258" spans="1:10" x14ac:dyDescent="0.35">
      <c r="A32258" s="1" t="s">
        <v>6355</v>
      </c>
      <c r="B32258" s="1" t="s">
        <v>111344</v>
      </c>
      <c r="C32258" s="1" t="s">
        <v>85</v>
      </c>
      <c r="D32258" s="1" t="s">
        <v>5720</v>
      </c>
      <c r="E32258" s="1" t="s">
        <v>112331</v>
      </c>
      <c r="F32258" s="1" t="s">
        <v>112332</v>
      </c>
      <c r="G32258" s="1" t="s">
        <v>112284</v>
      </c>
      <c r="H32258" s="1" t="s">
        <v>112285</v>
      </c>
      <c r="I32258" s="1" t="s">
        <v>111349</v>
      </c>
      <c r="J32258" s="1" t="s">
        <v>112333</v>
      </c>
    </row>
    <row r="32259" spans="1:10" x14ac:dyDescent="0.35">
      <c r="A32259" s="1" t="s">
        <v>6355</v>
      </c>
      <c r="B32259" s="1" t="s">
        <v>111344</v>
      </c>
      <c r="C32259" s="1" t="s">
        <v>90</v>
      </c>
      <c r="D32259" s="1" t="s">
        <v>5724</v>
      </c>
      <c r="E32259" s="1" t="s">
        <v>112334</v>
      </c>
      <c r="F32259" s="1" t="s">
        <v>112335</v>
      </c>
      <c r="G32259" s="1" t="s">
        <v>112284</v>
      </c>
      <c r="H32259" s="1" t="s">
        <v>112285</v>
      </c>
      <c r="I32259" s="1" t="s">
        <v>111349</v>
      </c>
      <c r="J32259" s="1" t="s">
        <v>5727</v>
      </c>
    </row>
    <row r="32260" spans="1:10" x14ac:dyDescent="0.35">
      <c r="A32260" s="1" t="s">
        <v>6355</v>
      </c>
      <c r="B32260" s="1" t="s">
        <v>111344</v>
      </c>
      <c r="C32260" s="1" t="s">
        <v>95</v>
      </c>
      <c r="D32260" s="1" t="s">
        <v>4761</v>
      </c>
      <c r="E32260" s="1" t="s">
        <v>112336</v>
      </c>
      <c r="F32260" s="1" t="s">
        <v>112337</v>
      </c>
      <c r="G32260" s="1" t="s">
        <v>112284</v>
      </c>
      <c r="H32260" s="1" t="s">
        <v>112285</v>
      </c>
      <c r="I32260" s="1" t="s">
        <v>111349</v>
      </c>
      <c r="J32260" s="1" t="s">
        <v>112338</v>
      </c>
    </row>
    <row r="32261" spans="1:10" x14ac:dyDescent="0.35">
      <c r="A32261" s="1" t="s">
        <v>6355</v>
      </c>
      <c r="B32261" s="1" t="s">
        <v>111344</v>
      </c>
      <c r="C32261" s="1" t="s">
        <v>100</v>
      </c>
      <c r="D32261" s="1" t="s">
        <v>2105</v>
      </c>
      <c r="E32261" s="1" t="s">
        <v>112339</v>
      </c>
      <c r="F32261" s="1" t="s">
        <v>112340</v>
      </c>
      <c r="G32261" s="1" t="s">
        <v>112284</v>
      </c>
      <c r="H32261" s="1" t="s">
        <v>112285</v>
      </c>
      <c r="I32261" s="1" t="s">
        <v>111349</v>
      </c>
      <c r="J32261" s="1" t="s">
        <v>112341</v>
      </c>
    </row>
    <row r="32262" spans="1:10" x14ac:dyDescent="0.35">
      <c r="A32262" s="1" t="s">
        <v>6355</v>
      </c>
      <c r="B32262" s="1" t="s">
        <v>111344</v>
      </c>
      <c r="C32262" s="1" t="s">
        <v>105</v>
      </c>
      <c r="D32262" s="1" t="s">
        <v>112342</v>
      </c>
      <c r="E32262" s="1" t="s">
        <v>112343</v>
      </c>
      <c r="F32262" s="1" t="s">
        <v>112344</v>
      </c>
      <c r="G32262" s="1" t="s">
        <v>112284</v>
      </c>
      <c r="H32262" s="1" t="s">
        <v>112285</v>
      </c>
      <c r="I32262" s="1" t="s">
        <v>111349</v>
      </c>
      <c r="J32262" s="1" t="s">
        <v>112345</v>
      </c>
    </row>
    <row r="32263" spans="1:10" x14ac:dyDescent="0.35">
      <c r="A32263" s="1" t="s">
        <v>6355</v>
      </c>
      <c r="B32263" s="1" t="s">
        <v>111344</v>
      </c>
      <c r="C32263" s="1" t="s">
        <v>110</v>
      </c>
      <c r="D32263" s="1" t="s">
        <v>29093</v>
      </c>
      <c r="E32263" s="1" t="s">
        <v>112346</v>
      </c>
      <c r="F32263" s="1" t="s">
        <v>112347</v>
      </c>
      <c r="G32263" s="1" t="s">
        <v>112284</v>
      </c>
      <c r="H32263" s="1" t="s">
        <v>112285</v>
      </c>
      <c r="I32263" s="1" t="s">
        <v>111349</v>
      </c>
      <c r="J32263" s="1" t="s">
        <v>112348</v>
      </c>
    </row>
    <row r="32264" spans="1:10" x14ac:dyDescent="0.35">
      <c r="A32264" s="1" t="s">
        <v>6355</v>
      </c>
      <c r="B32264" s="1" t="s">
        <v>111344</v>
      </c>
      <c r="C32264" s="1" t="s">
        <v>115</v>
      </c>
      <c r="D32264" s="1" t="s">
        <v>44888</v>
      </c>
      <c r="E32264" s="1" t="s">
        <v>112349</v>
      </c>
      <c r="F32264" s="1" t="s">
        <v>112350</v>
      </c>
      <c r="G32264" s="1" t="s">
        <v>112284</v>
      </c>
      <c r="H32264" s="1" t="s">
        <v>112285</v>
      </c>
      <c r="I32264" s="1" t="s">
        <v>111349</v>
      </c>
      <c r="J32264" s="1" t="s">
        <v>112351</v>
      </c>
    </row>
    <row r="32265" spans="1:10" x14ac:dyDescent="0.35">
      <c r="A32265" s="1" t="s">
        <v>6355</v>
      </c>
      <c r="B32265" s="1" t="s">
        <v>111344</v>
      </c>
      <c r="C32265" s="1" t="s">
        <v>120</v>
      </c>
      <c r="D32265" s="1" t="s">
        <v>46113</v>
      </c>
      <c r="E32265" s="1" t="s">
        <v>112352</v>
      </c>
      <c r="F32265" s="1" t="s">
        <v>112353</v>
      </c>
      <c r="G32265" s="1" t="s">
        <v>112284</v>
      </c>
      <c r="H32265" s="1" t="s">
        <v>112285</v>
      </c>
      <c r="I32265" s="1" t="s">
        <v>111349</v>
      </c>
      <c r="J32265" s="1" t="s">
        <v>112354</v>
      </c>
    </row>
    <row r="32266" spans="1:10" x14ac:dyDescent="0.35">
      <c r="A32266" s="1" t="s">
        <v>6355</v>
      </c>
      <c r="B32266" s="1" t="s">
        <v>111344</v>
      </c>
      <c r="C32266" s="1" t="s">
        <v>125</v>
      </c>
      <c r="D32266" s="1" t="s">
        <v>6496</v>
      </c>
      <c r="E32266" s="1" t="s">
        <v>112355</v>
      </c>
      <c r="F32266" s="1" t="s">
        <v>112356</v>
      </c>
      <c r="G32266" s="1" t="s">
        <v>112284</v>
      </c>
      <c r="H32266" s="1" t="s">
        <v>112285</v>
      </c>
      <c r="I32266" s="1" t="s">
        <v>111349</v>
      </c>
      <c r="J32266" s="1" t="s">
        <v>112357</v>
      </c>
    </row>
    <row r="32267" spans="1:10" x14ac:dyDescent="0.35">
      <c r="A32267" s="1" t="s">
        <v>6355</v>
      </c>
      <c r="B32267" s="1" t="s">
        <v>111344</v>
      </c>
      <c r="C32267" s="1" t="s">
        <v>130</v>
      </c>
      <c r="D32267" s="1" t="s">
        <v>112358</v>
      </c>
      <c r="E32267" s="1" t="s">
        <v>112359</v>
      </c>
      <c r="F32267" s="1" t="s">
        <v>112360</v>
      </c>
      <c r="G32267" s="1" t="s">
        <v>112284</v>
      </c>
      <c r="H32267" s="1" t="s">
        <v>112285</v>
      </c>
      <c r="I32267" s="1" t="s">
        <v>111349</v>
      </c>
      <c r="J32267" s="1" t="s">
        <v>112361</v>
      </c>
    </row>
    <row r="32268" spans="1:10" x14ac:dyDescent="0.35">
      <c r="A32268" s="1" t="s">
        <v>6355</v>
      </c>
      <c r="B32268" s="1" t="s">
        <v>111344</v>
      </c>
      <c r="C32268" s="1" t="s">
        <v>135</v>
      </c>
      <c r="D32268" s="1" t="s">
        <v>7575</v>
      </c>
      <c r="E32268" s="1" t="s">
        <v>112362</v>
      </c>
      <c r="F32268" s="1" t="s">
        <v>112363</v>
      </c>
      <c r="G32268" s="1" t="s">
        <v>112284</v>
      </c>
      <c r="H32268" s="1" t="s">
        <v>112285</v>
      </c>
      <c r="I32268" s="1" t="s">
        <v>111349</v>
      </c>
      <c r="J32268" s="1" t="s">
        <v>112364</v>
      </c>
    </row>
    <row r="32269" spans="1:10" x14ac:dyDescent="0.35">
      <c r="A32269" s="1" t="s">
        <v>6355</v>
      </c>
      <c r="B32269" s="1" t="s">
        <v>111344</v>
      </c>
      <c r="C32269" s="1" t="s">
        <v>140</v>
      </c>
      <c r="D32269" s="1" t="s">
        <v>48505</v>
      </c>
      <c r="E32269" s="1" t="s">
        <v>112365</v>
      </c>
      <c r="F32269" s="1" t="s">
        <v>112366</v>
      </c>
      <c r="G32269" s="1" t="s">
        <v>112284</v>
      </c>
      <c r="H32269" s="1" t="s">
        <v>112285</v>
      </c>
      <c r="I32269" s="1" t="s">
        <v>111349</v>
      </c>
      <c r="J32269" s="1" t="s">
        <v>107660</v>
      </c>
    </row>
    <row r="32270" spans="1:10" x14ac:dyDescent="0.35">
      <c r="A32270" s="1" t="s">
        <v>6355</v>
      </c>
      <c r="B32270" s="1" t="s">
        <v>111344</v>
      </c>
      <c r="C32270" s="1" t="s">
        <v>145</v>
      </c>
      <c r="D32270" s="1" t="s">
        <v>10142</v>
      </c>
      <c r="E32270" s="1" t="s">
        <v>112367</v>
      </c>
      <c r="F32270" s="1" t="s">
        <v>112368</v>
      </c>
      <c r="G32270" s="1" t="s">
        <v>112284</v>
      </c>
      <c r="H32270" s="1" t="s">
        <v>112285</v>
      </c>
      <c r="I32270" s="1" t="s">
        <v>111349</v>
      </c>
      <c r="J32270" s="1" t="s">
        <v>112369</v>
      </c>
    </row>
    <row r="32271" spans="1:10" x14ac:dyDescent="0.35">
      <c r="A32271" s="1" t="s">
        <v>6355</v>
      </c>
      <c r="B32271" s="1" t="s">
        <v>111344</v>
      </c>
      <c r="C32271" s="1" t="s">
        <v>150</v>
      </c>
      <c r="D32271" s="1" t="s">
        <v>112370</v>
      </c>
      <c r="E32271" s="1" t="s">
        <v>112371</v>
      </c>
      <c r="F32271" s="1" t="s">
        <v>112372</v>
      </c>
      <c r="G32271" s="1" t="s">
        <v>112284</v>
      </c>
      <c r="H32271" s="1" t="s">
        <v>112285</v>
      </c>
      <c r="I32271" s="1" t="s">
        <v>111349</v>
      </c>
      <c r="J32271" s="1" t="s">
        <v>112373</v>
      </c>
    </row>
    <row r="32272" spans="1:10" x14ac:dyDescent="0.35">
      <c r="A32272" s="1" t="s">
        <v>6355</v>
      </c>
      <c r="B32272" s="1" t="s">
        <v>111344</v>
      </c>
      <c r="C32272" s="1" t="s">
        <v>155</v>
      </c>
      <c r="D32272" s="1" t="s">
        <v>112374</v>
      </c>
      <c r="E32272" s="1" t="s">
        <v>112375</v>
      </c>
      <c r="F32272" s="1" t="s">
        <v>112376</v>
      </c>
      <c r="G32272" s="1" t="s">
        <v>112284</v>
      </c>
      <c r="H32272" s="1" t="s">
        <v>112285</v>
      </c>
      <c r="I32272" s="1" t="s">
        <v>111349</v>
      </c>
      <c r="J32272" s="1" t="s">
        <v>112377</v>
      </c>
    </row>
    <row r="32273" spans="1:10" x14ac:dyDescent="0.35">
      <c r="A32273" s="1" t="s">
        <v>6355</v>
      </c>
      <c r="B32273" s="1" t="s">
        <v>111344</v>
      </c>
      <c r="C32273" s="1" t="s">
        <v>160</v>
      </c>
      <c r="D32273" s="1" t="s">
        <v>2877</v>
      </c>
      <c r="E32273" s="1" t="s">
        <v>112378</v>
      </c>
      <c r="F32273" s="1" t="s">
        <v>112379</v>
      </c>
      <c r="G32273" s="1" t="s">
        <v>112284</v>
      </c>
      <c r="H32273" s="1" t="s">
        <v>112285</v>
      </c>
      <c r="I32273" s="1" t="s">
        <v>111349</v>
      </c>
      <c r="J32273" s="1" t="s">
        <v>112380</v>
      </c>
    </row>
    <row r="32274" spans="1:10" x14ac:dyDescent="0.35">
      <c r="A32274" s="1" t="s">
        <v>6355</v>
      </c>
      <c r="B32274" s="1" t="s">
        <v>111344</v>
      </c>
      <c r="C32274" s="1" t="s">
        <v>165</v>
      </c>
      <c r="D32274" s="1" t="s">
        <v>9265</v>
      </c>
      <c r="E32274" s="1" t="s">
        <v>112381</v>
      </c>
      <c r="F32274" s="1" t="s">
        <v>112382</v>
      </c>
      <c r="G32274" s="1" t="s">
        <v>112284</v>
      </c>
      <c r="H32274" s="1" t="s">
        <v>112285</v>
      </c>
      <c r="I32274" s="1" t="s">
        <v>111349</v>
      </c>
      <c r="J32274" s="1" t="s">
        <v>112383</v>
      </c>
    </row>
    <row r="32275" spans="1:10" x14ac:dyDescent="0.35">
      <c r="A32275" s="1" t="s">
        <v>6355</v>
      </c>
      <c r="B32275" s="1" t="s">
        <v>111344</v>
      </c>
      <c r="C32275" s="1" t="s">
        <v>170</v>
      </c>
      <c r="D32275" s="1" t="s">
        <v>29924</v>
      </c>
      <c r="E32275" s="1" t="s">
        <v>112384</v>
      </c>
      <c r="F32275" s="1" t="s">
        <v>112385</v>
      </c>
      <c r="G32275" s="1" t="s">
        <v>112284</v>
      </c>
      <c r="H32275" s="1" t="s">
        <v>112285</v>
      </c>
      <c r="I32275" s="1" t="s">
        <v>111349</v>
      </c>
      <c r="J32275" s="1" t="s">
        <v>112386</v>
      </c>
    </row>
    <row r="32276" spans="1:10" x14ac:dyDescent="0.35">
      <c r="A32276" s="1" t="s">
        <v>112387</v>
      </c>
      <c r="B32276" s="1" t="s">
        <v>111344</v>
      </c>
      <c r="C32276" s="1" t="s">
        <v>8</v>
      </c>
      <c r="D32276" s="1" t="s">
        <v>25678</v>
      </c>
      <c r="E32276" s="1" t="s">
        <v>112388</v>
      </c>
      <c r="F32276" s="1" t="s">
        <v>112389</v>
      </c>
      <c r="G32276" s="1" t="s">
        <v>112390</v>
      </c>
      <c r="H32276" s="1" t="s">
        <v>112391</v>
      </c>
      <c r="I32276" s="1" t="s">
        <v>111349</v>
      </c>
      <c r="J32276" s="1" t="s">
        <v>13</v>
      </c>
    </row>
    <row r="32277" spans="1:10" x14ac:dyDescent="0.35">
      <c r="A32277" s="1" t="s">
        <v>112387</v>
      </c>
      <c r="B32277" s="1" t="s">
        <v>111344</v>
      </c>
      <c r="C32277" s="1" t="s">
        <v>15</v>
      </c>
      <c r="D32277" s="1" t="s">
        <v>10943</v>
      </c>
      <c r="E32277" s="1" t="s">
        <v>112392</v>
      </c>
      <c r="F32277" s="1" t="s">
        <v>112393</v>
      </c>
      <c r="G32277" s="1" t="s">
        <v>112390</v>
      </c>
      <c r="H32277" s="1" t="s">
        <v>112391</v>
      </c>
      <c r="I32277" s="1" t="s">
        <v>111349</v>
      </c>
      <c r="J32277" s="1" t="s">
        <v>112394</v>
      </c>
    </row>
    <row r="32278" spans="1:10" x14ac:dyDescent="0.35">
      <c r="A32278" s="1" t="s">
        <v>112387</v>
      </c>
      <c r="B32278" s="1" t="s">
        <v>111344</v>
      </c>
      <c r="C32278" s="1" t="s">
        <v>20</v>
      </c>
      <c r="D32278" s="1" t="s">
        <v>4749</v>
      </c>
      <c r="E32278" s="1" t="s">
        <v>112395</v>
      </c>
      <c r="F32278" s="1" t="s">
        <v>112396</v>
      </c>
      <c r="G32278" s="1" t="s">
        <v>112390</v>
      </c>
      <c r="H32278" s="1" t="s">
        <v>112391</v>
      </c>
      <c r="I32278" s="1" t="s">
        <v>111349</v>
      </c>
      <c r="J32278" s="1" t="s">
        <v>112397</v>
      </c>
    </row>
    <row r="32279" spans="1:10" x14ac:dyDescent="0.35">
      <c r="A32279" s="1" t="s">
        <v>112387</v>
      </c>
      <c r="B32279" s="1" t="s">
        <v>111344</v>
      </c>
      <c r="C32279" s="1" t="s">
        <v>25</v>
      </c>
      <c r="D32279" s="1" t="s">
        <v>110830</v>
      </c>
      <c r="E32279" s="1" t="s">
        <v>112398</v>
      </c>
      <c r="F32279" s="1" t="s">
        <v>112399</v>
      </c>
      <c r="G32279" s="1" t="s">
        <v>112390</v>
      </c>
      <c r="H32279" s="1" t="s">
        <v>112391</v>
      </c>
      <c r="I32279" s="1" t="s">
        <v>111349</v>
      </c>
      <c r="J32279" s="1" t="s">
        <v>112400</v>
      </c>
    </row>
    <row r="32280" spans="1:10" x14ac:dyDescent="0.35">
      <c r="A32280" s="1" t="s">
        <v>112387</v>
      </c>
      <c r="B32280" s="1" t="s">
        <v>111344</v>
      </c>
      <c r="C32280" s="1" t="s">
        <v>30</v>
      </c>
      <c r="D32280" s="1" t="s">
        <v>112401</v>
      </c>
      <c r="E32280" s="1" t="s">
        <v>112402</v>
      </c>
      <c r="F32280" s="1" t="s">
        <v>112403</v>
      </c>
      <c r="G32280" s="1" t="s">
        <v>112390</v>
      </c>
      <c r="H32280" s="1" t="s">
        <v>112391</v>
      </c>
      <c r="I32280" s="1" t="s">
        <v>111349</v>
      </c>
      <c r="J32280" s="1" t="s">
        <v>112404</v>
      </c>
    </row>
    <row r="32281" spans="1:10" x14ac:dyDescent="0.35">
      <c r="A32281" s="1" t="s">
        <v>112387</v>
      </c>
      <c r="B32281" s="1" t="s">
        <v>111344</v>
      </c>
      <c r="C32281" s="1" t="s">
        <v>35</v>
      </c>
      <c r="D32281" s="1" t="s">
        <v>111579</v>
      </c>
      <c r="E32281" s="1" t="s">
        <v>112405</v>
      </c>
      <c r="F32281" s="1" t="s">
        <v>112406</v>
      </c>
      <c r="G32281" s="1" t="s">
        <v>112390</v>
      </c>
      <c r="H32281" s="1" t="s">
        <v>112391</v>
      </c>
      <c r="I32281" s="1" t="s">
        <v>111349</v>
      </c>
      <c r="J32281" s="1" t="s">
        <v>112407</v>
      </c>
    </row>
    <row r="32282" spans="1:10" x14ac:dyDescent="0.35">
      <c r="A32282" s="1" t="s">
        <v>112387</v>
      </c>
      <c r="B32282" s="1" t="s">
        <v>111344</v>
      </c>
      <c r="C32282" s="1" t="s">
        <v>40</v>
      </c>
      <c r="D32282" s="1" t="s">
        <v>6881</v>
      </c>
      <c r="E32282" s="1" t="s">
        <v>112408</v>
      </c>
      <c r="F32282" s="1" t="s">
        <v>112409</v>
      </c>
      <c r="G32282" s="1" t="s">
        <v>112390</v>
      </c>
      <c r="H32282" s="1" t="s">
        <v>112391</v>
      </c>
      <c r="I32282" s="1" t="s">
        <v>111349</v>
      </c>
      <c r="J32282" s="1" t="s">
        <v>112410</v>
      </c>
    </row>
    <row r="32283" spans="1:10" x14ac:dyDescent="0.35">
      <c r="A32283" s="1" t="s">
        <v>112387</v>
      </c>
      <c r="B32283" s="1" t="s">
        <v>111344</v>
      </c>
      <c r="C32283" s="1" t="s">
        <v>45</v>
      </c>
      <c r="D32283" s="1" t="s">
        <v>111590</v>
      </c>
      <c r="E32283" s="1" t="s">
        <v>112411</v>
      </c>
      <c r="F32283" s="1" t="s">
        <v>112412</v>
      </c>
      <c r="G32283" s="1" t="s">
        <v>112390</v>
      </c>
      <c r="H32283" s="1" t="s">
        <v>112391</v>
      </c>
      <c r="I32283" s="1" t="s">
        <v>111349</v>
      </c>
      <c r="J32283" s="1" t="s">
        <v>112413</v>
      </c>
    </row>
    <row r="32284" spans="1:10" x14ac:dyDescent="0.35">
      <c r="A32284" s="1" t="s">
        <v>112387</v>
      </c>
      <c r="B32284" s="1" t="s">
        <v>111344</v>
      </c>
      <c r="C32284" s="1" t="s">
        <v>50</v>
      </c>
      <c r="D32284" s="1" t="s">
        <v>112414</v>
      </c>
      <c r="E32284" s="1" t="s">
        <v>112415</v>
      </c>
      <c r="F32284" s="1" t="s">
        <v>112416</v>
      </c>
      <c r="G32284" s="1" t="s">
        <v>112390</v>
      </c>
      <c r="H32284" s="1" t="s">
        <v>112391</v>
      </c>
      <c r="I32284" s="1" t="s">
        <v>111349</v>
      </c>
      <c r="J32284" s="1" t="s">
        <v>112417</v>
      </c>
    </row>
    <row r="32285" spans="1:10" x14ac:dyDescent="0.35">
      <c r="A32285" s="1" t="s">
        <v>112387</v>
      </c>
      <c r="B32285" s="1" t="s">
        <v>111344</v>
      </c>
      <c r="C32285" s="1" t="s">
        <v>55</v>
      </c>
      <c r="D32285" s="1" t="s">
        <v>109743</v>
      </c>
      <c r="E32285" s="1" t="s">
        <v>112418</v>
      </c>
      <c r="F32285" s="1" t="s">
        <v>112419</v>
      </c>
      <c r="G32285" s="1" t="s">
        <v>112390</v>
      </c>
      <c r="H32285" s="1" t="s">
        <v>112391</v>
      </c>
      <c r="I32285" s="1" t="s">
        <v>111349</v>
      </c>
      <c r="J32285" s="1" t="s">
        <v>112420</v>
      </c>
    </row>
    <row r="32286" spans="1:10" x14ac:dyDescent="0.35">
      <c r="A32286" s="1" t="s">
        <v>112387</v>
      </c>
      <c r="B32286" s="1" t="s">
        <v>111344</v>
      </c>
      <c r="C32286" s="1" t="s">
        <v>60</v>
      </c>
      <c r="D32286" s="1" t="s">
        <v>112421</v>
      </c>
      <c r="E32286" s="1" t="s">
        <v>112422</v>
      </c>
      <c r="F32286" s="1" t="s">
        <v>112423</v>
      </c>
      <c r="G32286" s="1" t="s">
        <v>112390</v>
      </c>
      <c r="H32286" s="1" t="s">
        <v>112391</v>
      </c>
      <c r="I32286" s="1" t="s">
        <v>111349</v>
      </c>
      <c r="J32286" s="1" t="s">
        <v>112424</v>
      </c>
    </row>
    <row r="32287" spans="1:10" x14ac:dyDescent="0.35">
      <c r="A32287" s="1" t="s">
        <v>112387</v>
      </c>
      <c r="B32287" s="1" t="s">
        <v>111344</v>
      </c>
      <c r="C32287" s="1" t="s">
        <v>65</v>
      </c>
      <c r="D32287" s="1" t="s">
        <v>45481</v>
      </c>
      <c r="E32287" s="1" t="s">
        <v>112425</v>
      </c>
      <c r="F32287" s="1" t="s">
        <v>112426</v>
      </c>
      <c r="G32287" s="1" t="s">
        <v>112390</v>
      </c>
      <c r="H32287" s="1" t="s">
        <v>112391</v>
      </c>
      <c r="I32287" s="1" t="s">
        <v>111349</v>
      </c>
      <c r="J32287" s="1" t="s">
        <v>112427</v>
      </c>
    </row>
    <row r="32288" spans="1:10" x14ac:dyDescent="0.35">
      <c r="A32288" s="1" t="s">
        <v>112387</v>
      </c>
      <c r="B32288" s="1" t="s">
        <v>111344</v>
      </c>
      <c r="C32288" s="1" t="s">
        <v>70</v>
      </c>
      <c r="D32288" s="1" t="s">
        <v>110063</v>
      </c>
      <c r="E32288" s="1" t="s">
        <v>112428</v>
      </c>
      <c r="F32288" s="1" t="s">
        <v>112429</v>
      </c>
      <c r="G32288" s="1" t="s">
        <v>112390</v>
      </c>
      <c r="H32288" s="1" t="s">
        <v>112391</v>
      </c>
      <c r="I32288" s="1" t="s">
        <v>111349</v>
      </c>
      <c r="J32288" s="1" t="s">
        <v>112430</v>
      </c>
    </row>
    <row r="32289" spans="1:10" x14ac:dyDescent="0.35">
      <c r="A32289" s="1" t="s">
        <v>112387</v>
      </c>
      <c r="B32289" s="1" t="s">
        <v>111344</v>
      </c>
      <c r="C32289" s="1" t="s">
        <v>75</v>
      </c>
      <c r="D32289" s="1" t="s">
        <v>47080</v>
      </c>
      <c r="E32289" s="1" t="s">
        <v>112431</v>
      </c>
      <c r="F32289" s="1" t="s">
        <v>112432</v>
      </c>
      <c r="G32289" s="1" t="s">
        <v>112390</v>
      </c>
      <c r="H32289" s="1" t="s">
        <v>112391</v>
      </c>
      <c r="I32289" s="1" t="s">
        <v>111349</v>
      </c>
      <c r="J32289" s="1" t="s">
        <v>112433</v>
      </c>
    </row>
    <row r="32290" spans="1:10" x14ac:dyDescent="0.35">
      <c r="A32290" s="1" t="s">
        <v>112387</v>
      </c>
      <c r="B32290" s="1" t="s">
        <v>111344</v>
      </c>
      <c r="C32290" s="1" t="s">
        <v>80</v>
      </c>
      <c r="D32290" s="1" t="s">
        <v>1735</v>
      </c>
      <c r="E32290" s="1" t="s">
        <v>112434</v>
      </c>
      <c r="F32290" s="1" t="s">
        <v>112435</v>
      </c>
      <c r="G32290" s="1" t="s">
        <v>112390</v>
      </c>
      <c r="H32290" s="1" t="s">
        <v>112391</v>
      </c>
      <c r="I32290" s="1" t="s">
        <v>111349</v>
      </c>
      <c r="J32290" s="1" t="s">
        <v>112436</v>
      </c>
    </row>
    <row r="32291" spans="1:10" x14ac:dyDescent="0.35">
      <c r="A32291" s="1" t="s">
        <v>112387</v>
      </c>
      <c r="B32291" s="1" t="s">
        <v>111344</v>
      </c>
      <c r="C32291" s="1" t="s">
        <v>85</v>
      </c>
      <c r="D32291" s="1" t="s">
        <v>7519</v>
      </c>
      <c r="E32291" s="1" t="s">
        <v>112437</v>
      </c>
      <c r="F32291" s="1" t="s">
        <v>112438</v>
      </c>
      <c r="G32291" s="1" t="s">
        <v>112390</v>
      </c>
      <c r="H32291" s="1" t="s">
        <v>112391</v>
      </c>
      <c r="I32291" s="1" t="s">
        <v>111349</v>
      </c>
      <c r="J32291" s="1" t="s">
        <v>112439</v>
      </c>
    </row>
    <row r="32292" spans="1:10" x14ac:dyDescent="0.35">
      <c r="A32292" s="1" t="s">
        <v>112387</v>
      </c>
      <c r="B32292" s="1" t="s">
        <v>111344</v>
      </c>
      <c r="C32292" s="1" t="s">
        <v>90</v>
      </c>
      <c r="D32292" s="1" t="s">
        <v>16332</v>
      </c>
      <c r="E32292" s="1" t="s">
        <v>112440</v>
      </c>
      <c r="F32292" s="1" t="s">
        <v>112441</v>
      </c>
      <c r="G32292" s="1" t="s">
        <v>112390</v>
      </c>
      <c r="H32292" s="1" t="s">
        <v>112391</v>
      </c>
      <c r="I32292" s="1" t="s">
        <v>111349</v>
      </c>
      <c r="J32292" s="1" t="s">
        <v>112442</v>
      </c>
    </row>
    <row r="32293" spans="1:10" x14ac:dyDescent="0.35">
      <c r="A32293" s="1" t="s">
        <v>112387</v>
      </c>
      <c r="B32293" s="1" t="s">
        <v>111344</v>
      </c>
      <c r="C32293" s="1" t="s">
        <v>95</v>
      </c>
      <c r="D32293" s="1" t="s">
        <v>34559</v>
      </c>
      <c r="E32293" s="1" t="s">
        <v>112443</v>
      </c>
      <c r="F32293" s="1" t="s">
        <v>112444</v>
      </c>
      <c r="G32293" s="1" t="s">
        <v>112390</v>
      </c>
      <c r="H32293" s="1" t="s">
        <v>112391</v>
      </c>
      <c r="I32293" s="1" t="s">
        <v>111349</v>
      </c>
      <c r="J32293" s="1" t="s">
        <v>112445</v>
      </c>
    </row>
    <row r="32294" spans="1:10" x14ac:dyDescent="0.35">
      <c r="A32294" s="1" t="s">
        <v>112387</v>
      </c>
      <c r="B32294" s="1" t="s">
        <v>111344</v>
      </c>
      <c r="C32294" s="1" t="s">
        <v>100</v>
      </c>
      <c r="D32294" s="1" t="s">
        <v>44902</v>
      </c>
      <c r="E32294" s="1" t="s">
        <v>112446</v>
      </c>
      <c r="F32294" s="1" t="s">
        <v>112447</v>
      </c>
      <c r="G32294" s="1" t="s">
        <v>112390</v>
      </c>
      <c r="H32294" s="1" t="s">
        <v>112391</v>
      </c>
      <c r="I32294" s="1" t="s">
        <v>111349</v>
      </c>
      <c r="J32294" s="1" t="s">
        <v>112448</v>
      </c>
    </row>
    <row r="32295" spans="1:10" x14ac:dyDescent="0.35">
      <c r="A32295" s="1" t="s">
        <v>112387</v>
      </c>
      <c r="B32295" s="1" t="s">
        <v>111344</v>
      </c>
      <c r="C32295" s="1" t="s">
        <v>105</v>
      </c>
      <c r="D32295" s="1" t="s">
        <v>7928</v>
      </c>
      <c r="E32295" s="1" t="s">
        <v>112449</v>
      </c>
      <c r="F32295" s="1" t="s">
        <v>112450</v>
      </c>
      <c r="G32295" s="1" t="s">
        <v>112390</v>
      </c>
      <c r="H32295" s="1" t="s">
        <v>112391</v>
      </c>
      <c r="I32295" s="1" t="s">
        <v>111349</v>
      </c>
      <c r="J32295" s="1" t="s">
        <v>112451</v>
      </c>
    </row>
    <row r="32296" spans="1:10" x14ac:dyDescent="0.35">
      <c r="A32296" s="1" t="s">
        <v>112387</v>
      </c>
      <c r="B32296" s="1" t="s">
        <v>111344</v>
      </c>
      <c r="C32296" s="1" t="s">
        <v>110</v>
      </c>
      <c r="D32296" s="1" t="s">
        <v>28631</v>
      </c>
      <c r="E32296" s="1" t="s">
        <v>112452</v>
      </c>
      <c r="F32296" s="1" t="s">
        <v>112453</v>
      </c>
      <c r="G32296" s="1" t="s">
        <v>112390</v>
      </c>
      <c r="H32296" s="1" t="s">
        <v>112391</v>
      </c>
      <c r="I32296" s="1" t="s">
        <v>111349</v>
      </c>
      <c r="J32296" s="1" t="s">
        <v>112454</v>
      </c>
    </row>
    <row r="32297" spans="1:10" x14ac:dyDescent="0.35">
      <c r="A32297" s="1" t="s">
        <v>112387</v>
      </c>
      <c r="B32297" s="1" t="s">
        <v>111344</v>
      </c>
      <c r="C32297" s="1" t="s">
        <v>115</v>
      </c>
      <c r="D32297" s="1" t="s">
        <v>111053</v>
      </c>
      <c r="E32297" s="1" t="s">
        <v>112455</v>
      </c>
      <c r="F32297" s="1" t="s">
        <v>112456</v>
      </c>
      <c r="G32297" s="1" t="s">
        <v>112390</v>
      </c>
      <c r="H32297" s="1" t="s">
        <v>112391</v>
      </c>
      <c r="I32297" s="1" t="s">
        <v>111349</v>
      </c>
      <c r="J32297" s="1" t="s">
        <v>112457</v>
      </c>
    </row>
    <row r="32298" spans="1:10" x14ac:dyDescent="0.35">
      <c r="A32298" s="1" t="s">
        <v>112387</v>
      </c>
      <c r="B32298" s="1" t="s">
        <v>111344</v>
      </c>
      <c r="C32298" s="1" t="s">
        <v>120</v>
      </c>
      <c r="D32298" s="1" t="s">
        <v>34579</v>
      </c>
      <c r="E32298" s="1" t="s">
        <v>112458</v>
      </c>
      <c r="F32298" s="1" t="s">
        <v>112459</v>
      </c>
      <c r="G32298" s="1" t="s">
        <v>112390</v>
      </c>
      <c r="H32298" s="1" t="s">
        <v>112391</v>
      </c>
      <c r="I32298" s="1" t="s">
        <v>111349</v>
      </c>
      <c r="J32298" s="1" t="s">
        <v>112460</v>
      </c>
    </row>
    <row r="32299" spans="1:10" x14ac:dyDescent="0.35">
      <c r="A32299" s="1" t="s">
        <v>112387</v>
      </c>
      <c r="B32299" s="1" t="s">
        <v>111344</v>
      </c>
      <c r="C32299" s="1" t="s">
        <v>125</v>
      </c>
      <c r="D32299" s="1" t="s">
        <v>51139</v>
      </c>
      <c r="E32299" s="1" t="s">
        <v>112461</v>
      </c>
      <c r="F32299" s="1" t="s">
        <v>112462</v>
      </c>
      <c r="G32299" s="1" t="s">
        <v>112390</v>
      </c>
      <c r="H32299" s="1" t="s">
        <v>112391</v>
      </c>
      <c r="I32299" s="1" t="s">
        <v>111349</v>
      </c>
      <c r="J32299" s="1" t="s">
        <v>112463</v>
      </c>
    </row>
    <row r="32300" spans="1:10" x14ac:dyDescent="0.35">
      <c r="A32300" s="1" t="s">
        <v>112387</v>
      </c>
      <c r="B32300" s="1" t="s">
        <v>111344</v>
      </c>
      <c r="C32300" s="1" t="s">
        <v>130</v>
      </c>
      <c r="D32300" s="1" t="s">
        <v>112464</v>
      </c>
      <c r="E32300" s="1" t="s">
        <v>112465</v>
      </c>
      <c r="F32300" s="1" t="s">
        <v>112466</v>
      </c>
      <c r="G32300" s="1" t="s">
        <v>112390</v>
      </c>
      <c r="H32300" s="1" t="s">
        <v>112391</v>
      </c>
      <c r="I32300" s="1" t="s">
        <v>111349</v>
      </c>
      <c r="J32300" s="1" t="s">
        <v>112467</v>
      </c>
    </row>
    <row r="32301" spans="1:10" x14ac:dyDescent="0.35">
      <c r="A32301" s="1" t="s">
        <v>112387</v>
      </c>
      <c r="B32301" s="1" t="s">
        <v>111344</v>
      </c>
      <c r="C32301" s="1" t="s">
        <v>135</v>
      </c>
      <c r="D32301" s="1" t="s">
        <v>112468</v>
      </c>
      <c r="E32301" s="1" t="s">
        <v>112469</v>
      </c>
      <c r="F32301" s="1" t="s">
        <v>112470</v>
      </c>
      <c r="G32301" s="1" t="s">
        <v>112390</v>
      </c>
      <c r="H32301" s="1" t="s">
        <v>112391</v>
      </c>
      <c r="I32301" s="1" t="s">
        <v>111349</v>
      </c>
      <c r="J32301" s="1" t="s">
        <v>112471</v>
      </c>
    </row>
    <row r="32302" spans="1:10" x14ac:dyDescent="0.35">
      <c r="A32302" s="1" t="s">
        <v>112387</v>
      </c>
      <c r="B32302" s="1" t="s">
        <v>111344</v>
      </c>
      <c r="C32302" s="1" t="s">
        <v>140</v>
      </c>
      <c r="D32302" s="1" t="s">
        <v>10834</v>
      </c>
      <c r="E32302" s="1" t="s">
        <v>112472</v>
      </c>
      <c r="F32302" s="1" t="s">
        <v>112473</v>
      </c>
      <c r="G32302" s="1" t="s">
        <v>112390</v>
      </c>
      <c r="H32302" s="1" t="s">
        <v>112391</v>
      </c>
      <c r="I32302" s="1" t="s">
        <v>111349</v>
      </c>
      <c r="J32302" s="1" t="s">
        <v>112474</v>
      </c>
    </row>
    <row r="32303" spans="1:10" x14ac:dyDescent="0.35">
      <c r="A32303" s="1" t="s">
        <v>112387</v>
      </c>
      <c r="B32303" s="1" t="s">
        <v>111344</v>
      </c>
      <c r="C32303" s="1" t="s">
        <v>145</v>
      </c>
      <c r="D32303" s="1" t="s">
        <v>36144</v>
      </c>
      <c r="E32303" s="1" t="s">
        <v>112475</v>
      </c>
      <c r="F32303" s="1" t="s">
        <v>112476</v>
      </c>
      <c r="G32303" s="1" t="s">
        <v>112390</v>
      </c>
      <c r="H32303" s="1" t="s">
        <v>112391</v>
      </c>
      <c r="I32303" s="1" t="s">
        <v>111349</v>
      </c>
      <c r="J32303" s="1" t="s">
        <v>112477</v>
      </c>
    </row>
    <row r="32304" spans="1:10" x14ac:dyDescent="0.35">
      <c r="A32304" s="1" t="s">
        <v>112387</v>
      </c>
      <c r="B32304" s="1" t="s">
        <v>111344</v>
      </c>
      <c r="C32304" s="1" t="s">
        <v>150</v>
      </c>
      <c r="D32304" s="1" t="s">
        <v>4118</v>
      </c>
      <c r="E32304" s="1" t="s">
        <v>112478</v>
      </c>
      <c r="F32304" s="1" t="s">
        <v>112479</v>
      </c>
      <c r="G32304" s="1" t="s">
        <v>112390</v>
      </c>
      <c r="H32304" s="1" t="s">
        <v>112391</v>
      </c>
      <c r="I32304" s="1" t="s">
        <v>111349</v>
      </c>
      <c r="J32304" s="1" t="s">
        <v>112480</v>
      </c>
    </row>
    <row r="32305" spans="1:10" x14ac:dyDescent="0.35">
      <c r="A32305" s="1" t="s">
        <v>112387</v>
      </c>
      <c r="B32305" s="1" t="s">
        <v>111344</v>
      </c>
      <c r="C32305" s="1" t="s">
        <v>155</v>
      </c>
      <c r="D32305" s="1" t="s">
        <v>15352</v>
      </c>
      <c r="E32305" s="1" t="s">
        <v>112481</v>
      </c>
      <c r="F32305" s="1" t="s">
        <v>112482</v>
      </c>
      <c r="G32305" s="1" t="s">
        <v>112390</v>
      </c>
      <c r="H32305" s="1" t="s">
        <v>112391</v>
      </c>
      <c r="I32305" s="1" t="s">
        <v>111349</v>
      </c>
      <c r="J32305" s="1" t="s">
        <v>112483</v>
      </c>
    </row>
    <row r="32306" spans="1:10" x14ac:dyDescent="0.35">
      <c r="A32306" s="1" t="s">
        <v>112387</v>
      </c>
      <c r="B32306" s="1" t="s">
        <v>111344</v>
      </c>
      <c r="C32306" s="1" t="s">
        <v>160</v>
      </c>
      <c r="D32306" s="1" t="s">
        <v>47087</v>
      </c>
      <c r="E32306" s="1" t="s">
        <v>112484</v>
      </c>
      <c r="F32306" s="1" t="s">
        <v>112485</v>
      </c>
      <c r="G32306" s="1" t="s">
        <v>112390</v>
      </c>
      <c r="H32306" s="1" t="s">
        <v>112391</v>
      </c>
      <c r="I32306" s="1" t="s">
        <v>111349</v>
      </c>
      <c r="J32306" s="1" t="s">
        <v>112486</v>
      </c>
    </row>
    <row r="32307" spans="1:10" x14ac:dyDescent="0.35">
      <c r="A32307" s="1" t="s">
        <v>112387</v>
      </c>
      <c r="B32307" s="1" t="s">
        <v>111344</v>
      </c>
      <c r="C32307" s="1" t="s">
        <v>165</v>
      </c>
      <c r="D32307" s="1" t="s">
        <v>112487</v>
      </c>
      <c r="E32307" s="1" t="s">
        <v>112488</v>
      </c>
      <c r="F32307" s="1" t="s">
        <v>112489</v>
      </c>
      <c r="G32307" s="1" t="s">
        <v>112390</v>
      </c>
      <c r="H32307" s="1" t="s">
        <v>112391</v>
      </c>
      <c r="I32307" s="1" t="s">
        <v>111349</v>
      </c>
      <c r="J32307" s="1" t="s">
        <v>112490</v>
      </c>
    </row>
    <row r="32308" spans="1:10" x14ac:dyDescent="0.35">
      <c r="A32308" s="1" t="s">
        <v>112387</v>
      </c>
      <c r="B32308" s="1" t="s">
        <v>111344</v>
      </c>
      <c r="C32308" s="1" t="s">
        <v>170</v>
      </c>
      <c r="D32308" s="1" t="s">
        <v>112491</v>
      </c>
      <c r="E32308" s="1" t="s">
        <v>112492</v>
      </c>
      <c r="F32308" s="1" t="s">
        <v>112493</v>
      </c>
      <c r="G32308" s="1" t="s">
        <v>112390</v>
      </c>
      <c r="H32308" s="1" t="s">
        <v>112391</v>
      </c>
      <c r="I32308" s="1" t="s">
        <v>111349</v>
      </c>
      <c r="J32308" s="1" t="s">
        <v>112494</v>
      </c>
    </row>
    <row r="32309" spans="1:10" x14ac:dyDescent="0.35">
      <c r="A32309" s="1" t="s">
        <v>3569</v>
      </c>
      <c r="B32309" s="1" t="s">
        <v>111344</v>
      </c>
      <c r="C32309" s="1" t="s">
        <v>8</v>
      </c>
      <c r="D32309" s="1" t="s">
        <v>112495</v>
      </c>
      <c r="E32309" s="1" t="s">
        <v>112496</v>
      </c>
      <c r="F32309" s="1" t="s">
        <v>112497</v>
      </c>
      <c r="G32309" s="1" t="s">
        <v>112498</v>
      </c>
      <c r="H32309" s="1" t="s">
        <v>112499</v>
      </c>
      <c r="I32309" s="1" t="s">
        <v>111349</v>
      </c>
      <c r="J32309" s="1" t="s">
        <v>13</v>
      </c>
    </row>
    <row r="32310" spans="1:10" x14ac:dyDescent="0.35">
      <c r="A32310" s="1" t="s">
        <v>3569</v>
      </c>
      <c r="B32310" s="1" t="s">
        <v>111344</v>
      </c>
      <c r="C32310" s="1" t="s">
        <v>15</v>
      </c>
      <c r="D32310" s="1" t="s">
        <v>8303</v>
      </c>
      <c r="E32310" s="1" t="s">
        <v>112500</v>
      </c>
      <c r="F32310" s="1" t="s">
        <v>112501</v>
      </c>
      <c r="G32310" s="1" t="s">
        <v>112498</v>
      </c>
      <c r="H32310" s="1" t="s">
        <v>112499</v>
      </c>
      <c r="I32310" s="1" t="s">
        <v>111349</v>
      </c>
      <c r="J32310" s="1" t="s">
        <v>112502</v>
      </c>
    </row>
    <row r="32311" spans="1:10" x14ac:dyDescent="0.35">
      <c r="A32311" s="1" t="s">
        <v>3569</v>
      </c>
      <c r="B32311" s="1" t="s">
        <v>111344</v>
      </c>
      <c r="C32311" s="1" t="s">
        <v>20</v>
      </c>
      <c r="D32311" s="1" t="s">
        <v>110346</v>
      </c>
      <c r="E32311" s="1" t="s">
        <v>112503</v>
      </c>
      <c r="F32311" s="1" t="s">
        <v>112504</v>
      </c>
      <c r="G32311" s="1" t="s">
        <v>112498</v>
      </c>
      <c r="H32311" s="1" t="s">
        <v>112499</v>
      </c>
      <c r="I32311" s="1" t="s">
        <v>111349</v>
      </c>
      <c r="J32311" s="1" t="s">
        <v>112505</v>
      </c>
    </row>
    <row r="32312" spans="1:10" x14ac:dyDescent="0.35">
      <c r="A32312" s="1" t="s">
        <v>3569</v>
      </c>
      <c r="B32312" s="1" t="s">
        <v>111344</v>
      </c>
      <c r="C32312" s="1" t="s">
        <v>25</v>
      </c>
      <c r="D32312" s="1" t="s">
        <v>44746</v>
      </c>
      <c r="E32312" s="1" t="s">
        <v>112506</v>
      </c>
      <c r="F32312" s="1" t="s">
        <v>112507</v>
      </c>
      <c r="G32312" s="1" t="s">
        <v>112498</v>
      </c>
      <c r="H32312" s="1" t="s">
        <v>112499</v>
      </c>
      <c r="I32312" s="1" t="s">
        <v>111349</v>
      </c>
      <c r="J32312" s="1" t="s">
        <v>112508</v>
      </c>
    </row>
    <row r="32313" spans="1:10" x14ac:dyDescent="0.35">
      <c r="A32313" s="1" t="s">
        <v>3569</v>
      </c>
      <c r="B32313" s="1" t="s">
        <v>111344</v>
      </c>
      <c r="C32313" s="1" t="s">
        <v>30</v>
      </c>
      <c r="D32313" s="1" t="s">
        <v>15045</v>
      </c>
      <c r="E32313" s="1" t="s">
        <v>112509</v>
      </c>
      <c r="F32313" s="1" t="s">
        <v>112510</v>
      </c>
      <c r="G32313" s="1" t="s">
        <v>112498</v>
      </c>
      <c r="H32313" s="1" t="s">
        <v>112499</v>
      </c>
      <c r="I32313" s="1" t="s">
        <v>111349</v>
      </c>
      <c r="J32313" s="1" t="s">
        <v>112511</v>
      </c>
    </row>
    <row r="32314" spans="1:10" x14ac:dyDescent="0.35">
      <c r="A32314" s="1" t="s">
        <v>3569</v>
      </c>
      <c r="B32314" s="1" t="s">
        <v>111344</v>
      </c>
      <c r="C32314" s="1" t="s">
        <v>35</v>
      </c>
      <c r="D32314" s="1" t="s">
        <v>45252</v>
      </c>
      <c r="E32314" s="1" t="s">
        <v>112512</v>
      </c>
      <c r="F32314" s="1" t="s">
        <v>112513</v>
      </c>
      <c r="G32314" s="1" t="s">
        <v>112498</v>
      </c>
      <c r="H32314" s="1" t="s">
        <v>112499</v>
      </c>
      <c r="I32314" s="1" t="s">
        <v>111349</v>
      </c>
      <c r="J32314" s="1" t="s">
        <v>112514</v>
      </c>
    </row>
    <row r="32315" spans="1:10" x14ac:dyDescent="0.35">
      <c r="A32315" s="1" t="s">
        <v>3569</v>
      </c>
      <c r="B32315" s="1" t="s">
        <v>111344</v>
      </c>
      <c r="C32315" s="1" t="s">
        <v>40</v>
      </c>
      <c r="D32315" s="1" t="s">
        <v>112515</v>
      </c>
      <c r="E32315" s="1" t="s">
        <v>112516</v>
      </c>
      <c r="F32315" s="1" t="s">
        <v>112517</v>
      </c>
      <c r="G32315" s="1" t="s">
        <v>112498</v>
      </c>
      <c r="H32315" s="1" t="s">
        <v>112499</v>
      </c>
      <c r="I32315" s="1" t="s">
        <v>111349</v>
      </c>
      <c r="J32315" s="1" t="s">
        <v>112518</v>
      </c>
    </row>
    <row r="32316" spans="1:10" x14ac:dyDescent="0.35">
      <c r="A32316" s="1" t="s">
        <v>3569</v>
      </c>
      <c r="B32316" s="1" t="s">
        <v>111344</v>
      </c>
      <c r="C32316" s="1" t="s">
        <v>45</v>
      </c>
      <c r="D32316" s="1" t="s">
        <v>1639</v>
      </c>
      <c r="E32316" s="1" t="s">
        <v>112519</v>
      </c>
      <c r="F32316" s="1" t="s">
        <v>112520</v>
      </c>
      <c r="G32316" s="1" t="s">
        <v>112498</v>
      </c>
      <c r="H32316" s="1" t="s">
        <v>112499</v>
      </c>
      <c r="I32316" s="1" t="s">
        <v>111349</v>
      </c>
      <c r="J32316" s="1" t="s">
        <v>112521</v>
      </c>
    </row>
    <row r="32317" spans="1:10" x14ac:dyDescent="0.35">
      <c r="A32317" s="1" t="s">
        <v>3569</v>
      </c>
      <c r="B32317" s="1" t="s">
        <v>111344</v>
      </c>
      <c r="C32317" s="1" t="s">
        <v>50</v>
      </c>
      <c r="D32317" s="1" t="s">
        <v>112522</v>
      </c>
      <c r="E32317" s="1" t="s">
        <v>112523</v>
      </c>
      <c r="F32317" s="1" t="s">
        <v>112524</v>
      </c>
      <c r="G32317" s="1" t="s">
        <v>112498</v>
      </c>
      <c r="H32317" s="1" t="s">
        <v>112499</v>
      </c>
      <c r="I32317" s="1" t="s">
        <v>111349</v>
      </c>
      <c r="J32317" s="1" t="s">
        <v>112525</v>
      </c>
    </row>
    <row r="32318" spans="1:10" x14ac:dyDescent="0.35">
      <c r="A32318" s="1" t="s">
        <v>3569</v>
      </c>
      <c r="B32318" s="1" t="s">
        <v>111344</v>
      </c>
      <c r="C32318" s="1" t="s">
        <v>55</v>
      </c>
      <c r="D32318" s="1" t="s">
        <v>51020</v>
      </c>
      <c r="E32318" s="1" t="s">
        <v>112526</v>
      </c>
      <c r="F32318" s="1" t="s">
        <v>112527</v>
      </c>
      <c r="G32318" s="1" t="s">
        <v>112498</v>
      </c>
      <c r="H32318" s="1" t="s">
        <v>112499</v>
      </c>
      <c r="I32318" s="1" t="s">
        <v>111349</v>
      </c>
      <c r="J32318" s="1" t="s">
        <v>27354</v>
      </c>
    </row>
    <row r="32319" spans="1:10" x14ac:dyDescent="0.35">
      <c r="A32319" s="1" t="s">
        <v>3569</v>
      </c>
      <c r="B32319" s="1" t="s">
        <v>111344</v>
      </c>
      <c r="C32319" s="1" t="s">
        <v>60</v>
      </c>
      <c r="D32319" s="1" t="s">
        <v>111930</v>
      </c>
      <c r="E32319" s="1" t="s">
        <v>112528</v>
      </c>
      <c r="F32319" s="1" t="s">
        <v>112529</v>
      </c>
      <c r="G32319" s="1" t="s">
        <v>112498</v>
      </c>
      <c r="H32319" s="1" t="s">
        <v>112499</v>
      </c>
      <c r="I32319" s="1" t="s">
        <v>111349</v>
      </c>
      <c r="J32319" s="1" t="s">
        <v>112530</v>
      </c>
    </row>
    <row r="32320" spans="1:10" x14ac:dyDescent="0.35">
      <c r="A32320" s="1" t="s">
        <v>3569</v>
      </c>
      <c r="B32320" s="1" t="s">
        <v>111344</v>
      </c>
      <c r="C32320" s="1" t="s">
        <v>65</v>
      </c>
      <c r="D32320" s="1" t="s">
        <v>27444</v>
      </c>
      <c r="E32320" s="1" t="s">
        <v>112531</v>
      </c>
      <c r="F32320" s="1" t="s">
        <v>112532</v>
      </c>
      <c r="G32320" s="1" t="s">
        <v>112498</v>
      </c>
      <c r="H32320" s="1" t="s">
        <v>112499</v>
      </c>
      <c r="I32320" s="1" t="s">
        <v>111349</v>
      </c>
      <c r="J32320" s="1" t="s">
        <v>112533</v>
      </c>
    </row>
    <row r="32321" spans="1:10" x14ac:dyDescent="0.35">
      <c r="A32321" s="1" t="s">
        <v>3569</v>
      </c>
      <c r="B32321" s="1" t="s">
        <v>111344</v>
      </c>
      <c r="C32321" s="1" t="s">
        <v>70</v>
      </c>
      <c r="D32321" s="1" t="s">
        <v>45005</v>
      </c>
      <c r="E32321" s="1" t="s">
        <v>112534</v>
      </c>
      <c r="F32321" s="1" t="s">
        <v>112535</v>
      </c>
      <c r="G32321" s="1" t="s">
        <v>112498</v>
      </c>
      <c r="H32321" s="1" t="s">
        <v>112499</v>
      </c>
      <c r="I32321" s="1" t="s">
        <v>111349</v>
      </c>
      <c r="J32321" s="1" t="s">
        <v>112536</v>
      </c>
    </row>
    <row r="32322" spans="1:10" x14ac:dyDescent="0.35">
      <c r="A32322" s="1" t="s">
        <v>3569</v>
      </c>
      <c r="B32322" s="1" t="s">
        <v>111344</v>
      </c>
      <c r="C32322" s="1" t="s">
        <v>75</v>
      </c>
      <c r="D32322" s="1" t="s">
        <v>112537</v>
      </c>
      <c r="E32322" s="1" t="s">
        <v>112538</v>
      </c>
      <c r="F32322" s="1" t="s">
        <v>112539</v>
      </c>
      <c r="G32322" s="1" t="s">
        <v>112498</v>
      </c>
      <c r="H32322" s="1" t="s">
        <v>112499</v>
      </c>
      <c r="I32322" s="1" t="s">
        <v>111349</v>
      </c>
      <c r="J32322" s="1" t="s">
        <v>112540</v>
      </c>
    </row>
    <row r="32323" spans="1:10" x14ac:dyDescent="0.35">
      <c r="A32323" s="1" t="s">
        <v>3569</v>
      </c>
      <c r="B32323" s="1" t="s">
        <v>111344</v>
      </c>
      <c r="C32323" s="1" t="s">
        <v>80</v>
      </c>
      <c r="D32323" s="1" t="s">
        <v>48561</v>
      </c>
      <c r="E32323" s="1" t="s">
        <v>112541</v>
      </c>
      <c r="F32323" s="1" t="s">
        <v>112542</v>
      </c>
      <c r="G32323" s="1" t="s">
        <v>112498</v>
      </c>
      <c r="H32323" s="1" t="s">
        <v>112499</v>
      </c>
      <c r="I32323" s="1" t="s">
        <v>111349</v>
      </c>
      <c r="J32323" s="1" t="s">
        <v>112543</v>
      </c>
    </row>
    <row r="32324" spans="1:10" x14ac:dyDescent="0.35">
      <c r="A32324" s="1" t="s">
        <v>3569</v>
      </c>
      <c r="B32324" s="1" t="s">
        <v>111344</v>
      </c>
      <c r="C32324" s="1" t="s">
        <v>85</v>
      </c>
      <c r="D32324" s="1" t="s">
        <v>112544</v>
      </c>
      <c r="E32324" s="1" t="s">
        <v>112545</v>
      </c>
      <c r="F32324" s="1" t="s">
        <v>112546</v>
      </c>
      <c r="G32324" s="1" t="s">
        <v>112498</v>
      </c>
      <c r="H32324" s="1" t="s">
        <v>112499</v>
      </c>
      <c r="I32324" s="1" t="s">
        <v>111349</v>
      </c>
      <c r="J32324" s="1" t="s">
        <v>112547</v>
      </c>
    </row>
    <row r="32325" spans="1:10" x14ac:dyDescent="0.35">
      <c r="A32325" s="1" t="s">
        <v>3569</v>
      </c>
      <c r="B32325" s="1" t="s">
        <v>111344</v>
      </c>
      <c r="C32325" s="1" t="s">
        <v>90</v>
      </c>
      <c r="D32325" s="1" t="s">
        <v>111623</v>
      </c>
      <c r="E32325" s="1" t="s">
        <v>112548</v>
      </c>
      <c r="F32325" s="1" t="s">
        <v>112549</v>
      </c>
      <c r="G32325" s="1" t="s">
        <v>112498</v>
      </c>
      <c r="H32325" s="1" t="s">
        <v>112499</v>
      </c>
      <c r="I32325" s="1" t="s">
        <v>111349</v>
      </c>
      <c r="J32325" s="1" t="s">
        <v>112550</v>
      </c>
    </row>
    <row r="32326" spans="1:10" x14ac:dyDescent="0.35">
      <c r="A32326" s="1" t="s">
        <v>3569</v>
      </c>
      <c r="B32326" s="1" t="s">
        <v>111344</v>
      </c>
      <c r="C32326" s="1" t="s">
        <v>95</v>
      </c>
      <c r="D32326" s="1" t="s">
        <v>112551</v>
      </c>
      <c r="E32326" s="1" t="s">
        <v>112552</v>
      </c>
      <c r="F32326" s="1" t="s">
        <v>112553</v>
      </c>
      <c r="G32326" s="1" t="s">
        <v>112498</v>
      </c>
      <c r="H32326" s="1" t="s">
        <v>112499</v>
      </c>
      <c r="I32326" s="1" t="s">
        <v>111349</v>
      </c>
      <c r="J32326" s="1" t="s">
        <v>112554</v>
      </c>
    </row>
    <row r="32327" spans="1:10" x14ac:dyDescent="0.35">
      <c r="A32327" s="1" t="s">
        <v>3569</v>
      </c>
      <c r="B32327" s="1" t="s">
        <v>111344</v>
      </c>
      <c r="C32327" s="1" t="s">
        <v>100</v>
      </c>
      <c r="D32327" s="1" t="s">
        <v>112555</v>
      </c>
      <c r="E32327" s="1" t="s">
        <v>112556</v>
      </c>
      <c r="F32327" s="1" t="s">
        <v>112557</v>
      </c>
      <c r="G32327" s="1" t="s">
        <v>112498</v>
      </c>
      <c r="H32327" s="1" t="s">
        <v>112499</v>
      </c>
      <c r="I32327" s="1" t="s">
        <v>111349</v>
      </c>
      <c r="J32327" s="1" t="s">
        <v>112558</v>
      </c>
    </row>
    <row r="32328" spans="1:10" x14ac:dyDescent="0.35">
      <c r="A32328" s="1" t="s">
        <v>3569</v>
      </c>
      <c r="B32328" s="1" t="s">
        <v>111344</v>
      </c>
      <c r="C32328" s="1" t="s">
        <v>105</v>
      </c>
      <c r="D32328" s="1" t="s">
        <v>29704</v>
      </c>
      <c r="E32328" s="1" t="s">
        <v>112559</v>
      </c>
      <c r="F32328" s="1" t="s">
        <v>112560</v>
      </c>
      <c r="G32328" s="1" t="s">
        <v>112498</v>
      </c>
      <c r="H32328" s="1" t="s">
        <v>112499</v>
      </c>
      <c r="I32328" s="1" t="s">
        <v>111349</v>
      </c>
      <c r="J32328" s="1" t="s">
        <v>112561</v>
      </c>
    </row>
    <row r="32329" spans="1:10" x14ac:dyDescent="0.35">
      <c r="A32329" s="1" t="s">
        <v>3569</v>
      </c>
      <c r="B32329" s="1" t="s">
        <v>111344</v>
      </c>
      <c r="C32329" s="1" t="s">
        <v>110</v>
      </c>
      <c r="D32329" s="1" t="s">
        <v>112562</v>
      </c>
      <c r="E32329" s="1" t="s">
        <v>112563</v>
      </c>
      <c r="F32329" s="1" t="s">
        <v>112564</v>
      </c>
      <c r="G32329" s="1" t="s">
        <v>112498</v>
      </c>
      <c r="H32329" s="1" t="s">
        <v>112499</v>
      </c>
      <c r="I32329" s="1" t="s">
        <v>111349</v>
      </c>
      <c r="J32329" s="1" t="s">
        <v>112565</v>
      </c>
    </row>
    <row r="32330" spans="1:10" x14ac:dyDescent="0.35">
      <c r="A32330" s="1" t="s">
        <v>3569</v>
      </c>
      <c r="B32330" s="1" t="s">
        <v>111344</v>
      </c>
      <c r="C32330" s="1" t="s">
        <v>115</v>
      </c>
      <c r="D32330" s="1" t="s">
        <v>2929</v>
      </c>
      <c r="E32330" s="1" t="s">
        <v>112566</v>
      </c>
      <c r="F32330" s="1" t="s">
        <v>112567</v>
      </c>
      <c r="G32330" s="1" t="s">
        <v>112498</v>
      </c>
      <c r="H32330" s="1" t="s">
        <v>112499</v>
      </c>
      <c r="I32330" s="1" t="s">
        <v>111349</v>
      </c>
      <c r="J32330" s="1" t="s">
        <v>112568</v>
      </c>
    </row>
    <row r="32331" spans="1:10" x14ac:dyDescent="0.35">
      <c r="A32331" s="1" t="s">
        <v>3569</v>
      </c>
      <c r="B32331" s="1" t="s">
        <v>111344</v>
      </c>
      <c r="C32331" s="1" t="s">
        <v>120</v>
      </c>
      <c r="D32331" s="1" t="s">
        <v>6612</v>
      </c>
      <c r="E32331" s="1" t="s">
        <v>112569</v>
      </c>
      <c r="F32331" s="1" t="s">
        <v>112570</v>
      </c>
      <c r="G32331" s="1" t="s">
        <v>112498</v>
      </c>
      <c r="H32331" s="1" t="s">
        <v>112499</v>
      </c>
      <c r="I32331" s="1" t="s">
        <v>111349</v>
      </c>
      <c r="J32331" s="1" t="s">
        <v>112571</v>
      </c>
    </row>
    <row r="32332" spans="1:10" x14ac:dyDescent="0.35">
      <c r="A32332" s="1" t="s">
        <v>3569</v>
      </c>
      <c r="B32332" s="1" t="s">
        <v>111344</v>
      </c>
      <c r="C32332" s="1" t="s">
        <v>125</v>
      </c>
      <c r="D32332" s="1" t="s">
        <v>112572</v>
      </c>
      <c r="E32332" s="1" t="s">
        <v>112545</v>
      </c>
      <c r="F32332" s="1" t="s">
        <v>112573</v>
      </c>
      <c r="G32332" s="1" t="s">
        <v>112498</v>
      </c>
      <c r="H32332" s="1" t="s">
        <v>112499</v>
      </c>
      <c r="I32332" s="1" t="s">
        <v>111349</v>
      </c>
      <c r="J32332" s="1" t="s">
        <v>112574</v>
      </c>
    </row>
    <row r="32333" spans="1:10" x14ac:dyDescent="0.35">
      <c r="A32333" s="1" t="s">
        <v>3569</v>
      </c>
      <c r="B32333" s="1" t="s">
        <v>111344</v>
      </c>
      <c r="C32333" s="1" t="s">
        <v>130</v>
      </c>
      <c r="D32333" s="1" t="s">
        <v>50963</v>
      </c>
      <c r="E32333" s="1" t="s">
        <v>112575</v>
      </c>
      <c r="F32333" s="1" t="s">
        <v>112576</v>
      </c>
      <c r="G32333" s="1" t="s">
        <v>112498</v>
      </c>
      <c r="H32333" s="1" t="s">
        <v>112499</v>
      </c>
      <c r="I32333" s="1" t="s">
        <v>111349</v>
      </c>
      <c r="J32333" s="1" t="s">
        <v>112577</v>
      </c>
    </row>
    <row r="32334" spans="1:10" x14ac:dyDescent="0.35">
      <c r="A32334" s="1" t="s">
        <v>3569</v>
      </c>
      <c r="B32334" s="1" t="s">
        <v>111344</v>
      </c>
      <c r="C32334" s="1" t="s">
        <v>135</v>
      </c>
      <c r="D32334" s="1" t="s">
        <v>8997</v>
      </c>
      <c r="E32334" s="1" t="s">
        <v>112578</v>
      </c>
      <c r="F32334" s="1" t="s">
        <v>112579</v>
      </c>
      <c r="G32334" s="1" t="s">
        <v>112498</v>
      </c>
      <c r="H32334" s="1" t="s">
        <v>112499</v>
      </c>
      <c r="I32334" s="1" t="s">
        <v>111349</v>
      </c>
      <c r="J32334" s="1" t="s">
        <v>112580</v>
      </c>
    </row>
    <row r="32335" spans="1:10" x14ac:dyDescent="0.35">
      <c r="A32335" s="1" t="s">
        <v>3569</v>
      </c>
      <c r="B32335" s="1" t="s">
        <v>111344</v>
      </c>
      <c r="C32335" s="1" t="s">
        <v>140</v>
      </c>
      <c r="D32335" s="1" t="s">
        <v>112581</v>
      </c>
      <c r="E32335" s="1" t="s">
        <v>112582</v>
      </c>
      <c r="F32335" s="1" t="s">
        <v>112583</v>
      </c>
      <c r="G32335" s="1" t="s">
        <v>112498</v>
      </c>
      <c r="H32335" s="1" t="s">
        <v>112499</v>
      </c>
      <c r="I32335" s="1" t="s">
        <v>111349</v>
      </c>
      <c r="J32335" s="1" t="s">
        <v>112584</v>
      </c>
    </row>
    <row r="32336" spans="1:10" x14ac:dyDescent="0.35">
      <c r="A32336" s="1" t="s">
        <v>3569</v>
      </c>
      <c r="B32336" s="1" t="s">
        <v>111344</v>
      </c>
      <c r="C32336" s="1" t="s">
        <v>145</v>
      </c>
      <c r="D32336" s="1" t="s">
        <v>49166</v>
      </c>
      <c r="E32336" s="1" t="s">
        <v>112585</v>
      </c>
      <c r="F32336" s="1" t="s">
        <v>112586</v>
      </c>
      <c r="G32336" s="1" t="s">
        <v>112498</v>
      </c>
      <c r="H32336" s="1" t="s">
        <v>112499</v>
      </c>
      <c r="I32336" s="1" t="s">
        <v>111349</v>
      </c>
      <c r="J32336" s="1" t="s">
        <v>112587</v>
      </c>
    </row>
    <row r="32337" spans="1:10" x14ac:dyDescent="0.35">
      <c r="A32337" s="1" t="s">
        <v>3569</v>
      </c>
      <c r="B32337" s="1" t="s">
        <v>111344</v>
      </c>
      <c r="C32337" s="1" t="s">
        <v>150</v>
      </c>
      <c r="D32337" s="1" t="s">
        <v>112588</v>
      </c>
      <c r="E32337" s="1" t="s">
        <v>112589</v>
      </c>
      <c r="F32337" s="1" t="s">
        <v>112590</v>
      </c>
      <c r="G32337" s="1" t="s">
        <v>112498</v>
      </c>
      <c r="H32337" s="1" t="s">
        <v>112499</v>
      </c>
      <c r="I32337" s="1" t="s">
        <v>111349</v>
      </c>
      <c r="J32337" s="1" t="s">
        <v>112591</v>
      </c>
    </row>
    <row r="32338" spans="1:10" x14ac:dyDescent="0.35">
      <c r="A32338" s="1" t="s">
        <v>3569</v>
      </c>
      <c r="B32338" s="1" t="s">
        <v>111344</v>
      </c>
      <c r="C32338" s="1" t="s">
        <v>155</v>
      </c>
      <c r="D32338" s="1" t="s">
        <v>14217</v>
      </c>
      <c r="E32338" s="1" t="s">
        <v>112592</v>
      </c>
      <c r="F32338" s="1" t="s">
        <v>112593</v>
      </c>
      <c r="G32338" s="1" t="s">
        <v>112498</v>
      </c>
      <c r="H32338" s="1" t="s">
        <v>112499</v>
      </c>
      <c r="I32338" s="1" t="s">
        <v>111349</v>
      </c>
      <c r="J32338" s="1" t="s">
        <v>112594</v>
      </c>
    </row>
    <row r="32339" spans="1:10" x14ac:dyDescent="0.35">
      <c r="A32339" s="1" t="s">
        <v>3569</v>
      </c>
      <c r="B32339" s="1" t="s">
        <v>111344</v>
      </c>
      <c r="C32339" s="1" t="s">
        <v>160</v>
      </c>
      <c r="D32339" s="1" t="s">
        <v>112595</v>
      </c>
      <c r="E32339" s="1" t="s">
        <v>112596</v>
      </c>
      <c r="F32339" s="1" t="s">
        <v>112597</v>
      </c>
      <c r="G32339" s="1" t="s">
        <v>112498</v>
      </c>
      <c r="H32339" s="1" t="s">
        <v>112499</v>
      </c>
      <c r="I32339" s="1" t="s">
        <v>111349</v>
      </c>
      <c r="J32339" s="1" t="s">
        <v>112598</v>
      </c>
    </row>
    <row r="32340" spans="1:10" x14ac:dyDescent="0.35">
      <c r="A32340" s="1" t="s">
        <v>3569</v>
      </c>
      <c r="B32340" s="1" t="s">
        <v>111344</v>
      </c>
      <c r="C32340" s="1" t="s">
        <v>165</v>
      </c>
      <c r="D32340" s="1" t="s">
        <v>112599</v>
      </c>
      <c r="E32340" s="1" t="s">
        <v>112600</v>
      </c>
      <c r="F32340" s="1" t="s">
        <v>112601</v>
      </c>
      <c r="G32340" s="1" t="s">
        <v>112498</v>
      </c>
      <c r="H32340" s="1" t="s">
        <v>112499</v>
      </c>
      <c r="I32340" s="1" t="s">
        <v>111349</v>
      </c>
      <c r="J32340" s="1" t="s">
        <v>112602</v>
      </c>
    </row>
    <row r="32341" spans="1:10" x14ac:dyDescent="0.35">
      <c r="A32341" s="1" t="s">
        <v>3569</v>
      </c>
      <c r="B32341" s="1" t="s">
        <v>111344</v>
      </c>
      <c r="C32341" s="1" t="s">
        <v>170</v>
      </c>
      <c r="D32341" s="1" t="s">
        <v>5762</v>
      </c>
      <c r="E32341" s="1" t="s">
        <v>112603</v>
      </c>
      <c r="F32341" s="1" t="s">
        <v>112604</v>
      </c>
      <c r="G32341" s="1" t="s">
        <v>112498</v>
      </c>
      <c r="H32341" s="1" t="s">
        <v>112499</v>
      </c>
      <c r="I32341" s="1" t="s">
        <v>111349</v>
      </c>
      <c r="J32341" s="1" t="s">
        <v>112605</v>
      </c>
    </row>
    <row r="32342" spans="1:10" x14ac:dyDescent="0.35">
      <c r="A32342" s="1" t="s">
        <v>112606</v>
      </c>
      <c r="B32342" s="1" t="s">
        <v>111344</v>
      </c>
      <c r="C32342" s="1" t="s">
        <v>8</v>
      </c>
      <c r="D32342" s="1" t="s">
        <v>112607</v>
      </c>
      <c r="E32342" s="1" t="s">
        <v>112608</v>
      </c>
      <c r="F32342" s="1" t="s">
        <v>112609</v>
      </c>
      <c r="G32342" s="1" t="s">
        <v>112610</v>
      </c>
      <c r="H32342" s="1" t="s">
        <v>112611</v>
      </c>
      <c r="I32342" s="1" t="s">
        <v>111349</v>
      </c>
      <c r="J32342" s="1" t="s">
        <v>13</v>
      </c>
    </row>
    <row r="32343" spans="1:10" x14ac:dyDescent="0.35">
      <c r="A32343" s="1" t="s">
        <v>112606</v>
      </c>
      <c r="B32343" s="1" t="s">
        <v>111344</v>
      </c>
      <c r="C32343" s="1" t="s">
        <v>15</v>
      </c>
      <c r="D32343" s="1" t="s">
        <v>29577</v>
      </c>
      <c r="E32343" s="1" t="s">
        <v>112612</v>
      </c>
      <c r="F32343" s="1" t="s">
        <v>112613</v>
      </c>
      <c r="G32343" s="1" t="s">
        <v>112610</v>
      </c>
      <c r="H32343" s="1" t="s">
        <v>112611</v>
      </c>
      <c r="I32343" s="1" t="s">
        <v>111349</v>
      </c>
      <c r="J32343" s="1" t="s">
        <v>112614</v>
      </c>
    </row>
    <row r="32344" spans="1:10" x14ac:dyDescent="0.35">
      <c r="A32344" s="1" t="s">
        <v>112606</v>
      </c>
      <c r="B32344" s="1" t="s">
        <v>111344</v>
      </c>
      <c r="C32344" s="1" t="s">
        <v>20</v>
      </c>
      <c r="D32344" s="1" t="s">
        <v>10006</v>
      </c>
      <c r="E32344" s="1" t="s">
        <v>28169</v>
      </c>
      <c r="F32344" s="1" t="s">
        <v>112615</v>
      </c>
      <c r="G32344" s="1" t="s">
        <v>112610</v>
      </c>
      <c r="H32344" s="1" t="s">
        <v>112611</v>
      </c>
      <c r="I32344" s="1" t="s">
        <v>111349</v>
      </c>
      <c r="J32344" s="1" t="s">
        <v>112616</v>
      </c>
    </row>
    <row r="32345" spans="1:10" x14ac:dyDescent="0.35">
      <c r="A32345" s="1" t="s">
        <v>112606</v>
      </c>
      <c r="B32345" s="1" t="s">
        <v>111344</v>
      </c>
      <c r="C32345" s="1" t="s">
        <v>25</v>
      </c>
      <c r="D32345" s="1" t="s">
        <v>112617</v>
      </c>
      <c r="E32345" s="1" t="s">
        <v>112618</v>
      </c>
      <c r="F32345" s="1" t="s">
        <v>112619</v>
      </c>
      <c r="G32345" s="1" t="s">
        <v>112610</v>
      </c>
      <c r="H32345" s="1" t="s">
        <v>112611</v>
      </c>
      <c r="I32345" s="1" t="s">
        <v>111349</v>
      </c>
      <c r="J32345" s="1" t="s">
        <v>112620</v>
      </c>
    </row>
    <row r="32346" spans="1:10" x14ac:dyDescent="0.35">
      <c r="A32346" s="1" t="s">
        <v>112606</v>
      </c>
      <c r="B32346" s="1" t="s">
        <v>111344</v>
      </c>
      <c r="C32346" s="1" t="s">
        <v>30</v>
      </c>
      <c r="D32346" s="1" t="s">
        <v>2097</v>
      </c>
      <c r="E32346" s="1" t="s">
        <v>15190</v>
      </c>
      <c r="F32346" s="1" t="s">
        <v>23327</v>
      </c>
      <c r="G32346" s="1" t="s">
        <v>112610</v>
      </c>
      <c r="H32346" s="1" t="s">
        <v>112611</v>
      </c>
      <c r="I32346" s="1" t="s">
        <v>111349</v>
      </c>
      <c r="J32346" s="1" t="s">
        <v>112621</v>
      </c>
    </row>
    <row r="32347" spans="1:10" x14ac:dyDescent="0.35">
      <c r="A32347" s="1" t="s">
        <v>112606</v>
      </c>
      <c r="B32347" s="1" t="s">
        <v>111344</v>
      </c>
      <c r="C32347" s="1" t="s">
        <v>35</v>
      </c>
      <c r="D32347" s="1" t="s">
        <v>112622</v>
      </c>
      <c r="E32347" s="1" t="s">
        <v>110153</v>
      </c>
      <c r="F32347" s="1" t="s">
        <v>112623</v>
      </c>
      <c r="G32347" s="1" t="s">
        <v>112610</v>
      </c>
      <c r="H32347" s="1" t="s">
        <v>112611</v>
      </c>
      <c r="I32347" s="1" t="s">
        <v>111349</v>
      </c>
      <c r="J32347" s="1" t="s">
        <v>112624</v>
      </c>
    </row>
    <row r="32348" spans="1:10" x14ac:dyDescent="0.35">
      <c r="A32348" s="1" t="s">
        <v>112606</v>
      </c>
      <c r="B32348" s="1" t="s">
        <v>111344</v>
      </c>
      <c r="C32348" s="1" t="s">
        <v>40</v>
      </c>
      <c r="D32348" s="1" t="s">
        <v>27863</v>
      </c>
      <c r="E32348" s="1" t="s">
        <v>112625</v>
      </c>
      <c r="F32348" s="1" t="s">
        <v>112626</v>
      </c>
      <c r="G32348" s="1" t="s">
        <v>112610</v>
      </c>
      <c r="H32348" s="1" t="s">
        <v>112611</v>
      </c>
      <c r="I32348" s="1" t="s">
        <v>111349</v>
      </c>
      <c r="J32348" s="1" t="s">
        <v>112627</v>
      </c>
    </row>
    <row r="32349" spans="1:10" x14ac:dyDescent="0.35">
      <c r="A32349" s="1" t="s">
        <v>112606</v>
      </c>
      <c r="B32349" s="1" t="s">
        <v>111344</v>
      </c>
      <c r="C32349" s="1" t="s">
        <v>45</v>
      </c>
      <c r="D32349" s="1" t="s">
        <v>112628</v>
      </c>
      <c r="E32349" s="1" t="s">
        <v>15121</v>
      </c>
      <c r="F32349" s="1" t="s">
        <v>112629</v>
      </c>
      <c r="G32349" s="1" t="s">
        <v>112610</v>
      </c>
      <c r="H32349" s="1" t="s">
        <v>112611</v>
      </c>
      <c r="I32349" s="1" t="s">
        <v>111349</v>
      </c>
      <c r="J32349" s="1" t="s">
        <v>112630</v>
      </c>
    </row>
    <row r="32350" spans="1:10" x14ac:dyDescent="0.35">
      <c r="A32350" s="1" t="s">
        <v>112606</v>
      </c>
      <c r="B32350" s="1" t="s">
        <v>111344</v>
      </c>
      <c r="C32350" s="1" t="s">
        <v>50</v>
      </c>
      <c r="D32350" s="1" t="s">
        <v>28558</v>
      </c>
      <c r="E32350" s="1" t="s">
        <v>112631</v>
      </c>
      <c r="F32350" s="1" t="s">
        <v>112632</v>
      </c>
      <c r="G32350" s="1" t="s">
        <v>112610</v>
      </c>
      <c r="H32350" s="1" t="s">
        <v>112611</v>
      </c>
      <c r="I32350" s="1" t="s">
        <v>111349</v>
      </c>
      <c r="J32350" s="1" t="s">
        <v>112633</v>
      </c>
    </row>
    <row r="32351" spans="1:10" x14ac:dyDescent="0.35">
      <c r="A32351" s="1" t="s">
        <v>112606</v>
      </c>
      <c r="B32351" s="1" t="s">
        <v>111344</v>
      </c>
      <c r="C32351" s="1" t="s">
        <v>55</v>
      </c>
      <c r="D32351" s="1" t="s">
        <v>9258</v>
      </c>
      <c r="E32351" s="1" t="s">
        <v>50840</v>
      </c>
      <c r="F32351" s="1" t="s">
        <v>112634</v>
      </c>
      <c r="G32351" s="1" t="s">
        <v>112610</v>
      </c>
      <c r="H32351" s="1" t="s">
        <v>112611</v>
      </c>
      <c r="I32351" s="1" t="s">
        <v>111349</v>
      </c>
      <c r="J32351" s="1" t="s">
        <v>112635</v>
      </c>
    </row>
    <row r="32352" spans="1:10" x14ac:dyDescent="0.35">
      <c r="A32352" s="1" t="s">
        <v>112606</v>
      </c>
      <c r="B32352" s="1" t="s">
        <v>111344</v>
      </c>
      <c r="C32352" s="1" t="s">
        <v>60</v>
      </c>
      <c r="D32352" s="1" t="s">
        <v>111600</v>
      </c>
      <c r="E32352" s="1" t="s">
        <v>112636</v>
      </c>
      <c r="F32352" s="1" t="s">
        <v>112637</v>
      </c>
      <c r="G32352" s="1" t="s">
        <v>112610</v>
      </c>
      <c r="H32352" s="1" t="s">
        <v>112611</v>
      </c>
      <c r="I32352" s="1" t="s">
        <v>111349</v>
      </c>
      <c r="J32352" s="1" t="s">
        <v>112638</v>
      </c>
    </row>
    <row r="32353" spans="1:10" x14ac:dyDescent="0.35">
      <c r="A32353" s="1" t="s">
        <v>112606</v>
      </c>
      <c r="B32353" s="1" t="s">
        <v>111344</v>
      </c>
      <c r="C32353" s="1" t="s">
        <v>65</v>
      </c>
      <c r="D32353" s="1" t="s">
        <v>112639</v>
      </c>
      <c r="E32353" s="1" t="s">
        <v>4166</v>
      </c>
      <c r="F32353" s="1" t="s">
        <v>112640</v>
      </c>
      <c r="G32353" s="1" t="s">
        <v>112610</v>
      </c>
      <c r="H32353" s="1" t="s">
        <v>112611</v>
      </c>
      <c r="I32353" s="1" t="s">
        <v>111349</v>
      </c>
      <c r="J32353" s="1" t="s">
        <v>112641</v>
      </c>
    </row>
    <row r="32354" spans="1:10" x14ac:dyDescent="0.35">
      <c r="A32354" s="1" t="s">
        <v>112606</v>
      </c>
      <c r="B32354" s="1" t="s">
        <v>111344</v>
      </c>
      <c r="C32354" s="1" t="s">
        <v>70</v>
      </c>
      <c r="D32354" s="1" t="s">
        <v>46352</v>
      </c>
      <c r="E32354" s="1" t="s">
        <v>28214</v>
      </c>
      <c r="F32354" s="1" t="s">
        <v>112642</v>
      </c>
      <c r="G32354" s="1" t="s">
        <v>112610</v>
      </c>
      <c r="H32354" s="1" t="s">
        <v>112611</v>
      </c>
      <c r="I32354" s="1" t="s">
        <v>111349</v>
      </c>
      <c r="J32354" s="1" t="s">
        <v>112643</v>
      </c>
    </row>
    <row r="32355" spans="1:10" x14ac:dyDescent="0.35">
      <c r="A32355" s="1" t="s">
        <v>112606</v>
      </c>
      <c r="B32355" s="1" t="s">
        <v>111344</v>
      </c>
      <c r="C32355" s="1" t="s">
        <v>75</v>
      </c>
      <c r="D32355" s="1" t="s">
        <v>112644</v>
      </c>
      <c r="E32355" s="1" t="s">
        <v>8839</v>
      </c>
      <c r="F32355" s="1" t="s">
        <v>112645</v>
      </c>
      <c r="G32355" s="1" t="s">
        <v>112610</v>
      </c>
      <c r="H32355" s="1" t="s">
        <v>112611</v>
      </c>
      <c r="I32355" s="1" t="s">
        <v>111349</v>
      </c>
      <c r="J32355" s="1" t="s">
        <v>112646</v>
      </c>
    </row>
    <row r="32356" spans="1:10" x14ac:dyDescent="0.35">
      <c r="A32356" s="1" t="s">
        <v>112606</v>
      </c>
      <c r="B32356" s="1" t="s">
        <v>111344</v>
      </c>
      <c r="C32356" s="1" t="s">
        <v>80</v>
      </c>
      <c r="D32356" s="1" t="s">
        <v>109797</v>
      </c>
      <c r="E32356" s="1" t="s">
        <v>8802</v>
      </c>
      <c r="F32356" s="1" t="s">
        <v>112647</v>
      </c>
      <c r="G32356" s="1" t="s">
        <v>112610</v>
      </c>
      <c r="H32356" s="1" t="s">
        <v>112611</v>
      </c>
      <c r="I32356" s="1" t="s">
        <v>111349</v>
      </c>
      <c r="J32356" s="1" t="s">
        <v>112648</v>
      </c>
    </row>
    <row r="32357" spans="1:10" x14ac:dyDescent="0.35">
      <c r="A32357" s="1" t="s">
        <v>112606</v>
      </c>
      <c r="B32357" s="1" t="s">
        <v>111344</v>
      </c>
      <c r="C32357" s="1" t="s">
        <v>85</v>
      </c>
      <c r="D32357" s="1" t="s">
        <v>112649</v>
      </c>
      <c r="E32357" s="1" t="s">
        <v>112650</v>
      </c>
      <c r="F32357" s="1" t="s">
        <v>112651</v>
      </c>
      <c r="G32357" s="1" t="s">
        <v>112610</v>
      </c>
      <c r="H32357" s="1" t="s">
        <v>112611</v>
      </c>
      <c r="I32357" s="1" t="s">
        <v>111349</v>
      </c>
      <c r="J32357" s="1" t="s">
        <v>112652</v>
      </c>
    </row>
    <row r="32358" spans="1:10" x14ac:dyDescent="0.35">
      <c r="A32358" s="1" t="s">
        <v>112606</v>
      </c>
      <c r="B32358" s="1" t="s">
        <v>111344</v>
      </c>
      <c r="C32358" s="1" t="s">
        <v>90</v>
      </c>
      <c r="D32358" s="1" t="s">
        <v>112628</v>
      </c>
      <c r="E32358" s="1" t="s">
        <v>4273</v>
      </c>
      <c r="F32358" s="1" t="s">
        <v>112653</v>
      </c>
      <c r="G32358" s="1" t="s">
        <v>112610</v>
      </c>
      <c r="H32358" s="1" t="s">
        <v>112611</v>
      </c>
      <c r="I32358" s="1" t="s">
        <v>111349</v>
      </c>
      <c r="J32358" s="1" t="s">
        <v>112654</v>
      </c>
    </row>
    <row r="32359" spans="1:10" x14ac:dyDescent="0.35">
      <c r="A32359" s="1" t="s">
        <v>112606</v>
      </c>
      <c r="B32359" s="1" t="s">
        <v>111344</v>
      </c>
      <c r="C32359" s="1" t="s">
        <v>95</v>
      </c>
      <c r="D32359" s="1" t="s">
        <v>5732</v>
      </c>
      <c r="E32359" s="1" t="s">
        <v>8896</v>
      </c>
      <c r="F32359" s="1" t="s">
        <v>50844</v>
      </c>
      <c r="G32359" s="1" t="s">
        <v>112610</v>
      </c>
      <c r="H32359" s="1" t="s">
        <v>112611</v>
      </c>
      <c r="I32359" s="1" t="s">
        <v>111349</v>
      </c>
      <c r="J32359" s="1" t="s">
        <v>112655</v>
      </c>
    </row>
    <row r="32360" spans="1:10" x14ac:dyDescent="0.35">
      <c r="A32360" s="1" t="s">
        <v>112606</v>
      </c>
      <c r="B32360" s="1" t="s">
        <v>111344</v>
      </c>
      <c r="C32360" s="1" t="s">
        <v>100</v>
      </c>
      <c r="D32360" s="1" t="s">
        <v>6877</v>
      </c>
      <c r="E32360" s="1" t="s">
        <v>112656</v>
      </c>
      <c r="F32360" s="1" t="s">
        <v>28986</v>
      </c>
      <c r="G32360" s="1" t="s">
        <v>112610</v>
      </c>
      <c r="H32360" s="1" t="s">
        <v>112611</v>
      </c>
      <c r="I32360" s="1" t="s">
        <v>111349</v>
      </c>
      <c r="J32360" s="1" t="s">
        <v>112657</v>
      </c>
    </row>
    <row r="32361" spans="1:10" x14ac:dyDescent="0.35">
      <c r="A32361" s="1" t="s">
        <v>112606</v>
      </c>
      <c r="B32361" s="1" t="s">
        <v>111344</v>
      </c>
      <c r="C32361" s="1" t="s">
        <v>105</v>
      </c>
      <c r="D32361" s="1" t="s">
        <v>7048</v>
      </c>
      <c r="E32361" s="1" t="s">
        <v>28145</v>
      </c>
      <c r="F32361" s="1" t="s">
        <v>112658</v>
      </c>
      <c r="G32361" s="1" t="s">
        <v>112610</v>
      </c>
      <c r="H32361" s="1" t="s">
        <v>112611</v>
      </c>
      <c r="I32361" s="1" t="s">
        <v>111349</v>
      </c>
      <c r="J32361" s="1" t="s">
        <v>112659</v>
      </c>
    </row>
    <row r="32362" spans="1:10" x14ac:dyDescent="0.35">
      <c r="A32362" s="1" t="s">
        <v>112606</v>
      </c>
      <c r="B32362" s="1" t="s">
        <v>111344</v>
      </c>
      <c r="C32362" s="1" t="s">
        <v>110</v>
      </c>
      <c r="D32362" s="1" t="s">
        <v>14203</v>
      </c>
      <c r="E32362" s="1" t="s">
        <v>112660</v>
      </c>
      <c r="F32362" s="1" t="s">
        <v>112661</v>
      </c>
      <c r="G32362" s="1" t="s">
        <v>112610</v>
      </c>
      <c r="H32362" s="1" t="s">
        <v>112611</v>
      </c>
      <c r="I32362" s="1" t="s">
        <v>111349</v>
      </c>
      <c r="J32362" s="1" t="s">
        <v>112662</v>
      </c>
    </row>
    <row r="32363" spans="1:10" x14ac:dyDescent="0.35">
      <c r="A32363" s="1" t="s">
        <v>112606</v>
      </c>
      <c r="B32363" s="1" t="s">
        <v>111344</v>
      </c>
      <c r="C32363" s="1" t="s">
        <v>115</v>
      </c>
      <c r="D32363" s="1" t="s">
        <v>8111</v>
      </c>
      <c r="E32363" s="1" t="s">
        <v>29079</v>
      </c>
      <c r="F32363" s="1" t="s">
        <v>112663</v>
      </c>
      <c r="G32363" s="1" t="s">
        <v>112610</v>
      </c>
      <c r="H32363" s="1" t="s">
        <v>112611</v>
      </c>
      <c r="I32363" s="1" t="s">
        <v>111349</v>
      </c>
      <c r="J32363" s="1" t="s">
        <v>112664</v>
      </c>
    </row>
    <row r="32364" spans="1:10" x14ac:dyDescent="0.35">
      <c r="A32364" s="1" t="s">
        <v>112606</v>
      </c>
      <c r="B32364" s="1" t="s">
        <v>111344</v>
      </c>
      <c r="C32364" s="1" t="s">
        <v>120</v>
      </c>
      <c r="D32364" s="1" t="s">
        <v>15220</v>
      </c>
      <c r="E32364" s="1" t="s">
        <v>112665</v>
      </c>
      <c r="F32364" s="1" t="s">
        <v>112666</v>
      </c>
      <c r="G32364" s="1" t="s">
        <v>112610</v>
      </c>
      <c r="H32364" s="1" t="s">
        <v>112611</v>
      </c>
      <c r="I32364" s="1" t="s">
        <v>111349</v>
      </c>
      <c r="J32364" s="1" t="s">
        <v>112667</v>
      </c>
    </row>
    <row r="32365" spans="1:10" x14ac:dyDescent="0.35">
      <c r="A32365" s="1" t="s">
        <v>112606</v>
      </c>
      <c r="B32365" s="1" t="s">
        <v>111344</v>
      </c>
      <c r="C32365" s="1" t="s">
        <v>125</v>
      </c>
      <c r="D32365" s="1" t="s">
        <v>14082</v>
      </c>
      <c r="E32365" s="1" t="s">
        <v>28062</v>
      </c>
      <c r="F32365" s="1" t="s">
        <v>111497</v>
      </c>
      <c r="G32365" s="1" t="s">
        <v>112610</v>
      </c>
      <c r="H32365" s="1" t="s">
        <v>112611</v>
      </c>
      <c r="I32365" s="1" t="s">
        <v>111349</v>
      </c>
      <c r="J32365" s="1" t="s">
        <v>112668</v>
      </c>
    </row>
    <row r="32366" spans="1:10" x14ac:dyDescent="0.35">
      <c r="A32366" s="1" t="s">
        <v>112606</v>
      </c>
      <c r="B32366" s="1" t="s">
        <v>111344</v>
      </c>
      <c r="C32366" s="1" t="s">
        <v>130</v>
      </c>
      <c r="D32366" s="1" t="s">
        <v>112669</v>
      </c>
      <c r="E32366" s="1" t="s">
        <v>8843</v>
      </c>
      <c r="F32366" s="1" t="s">
        <v>112670</v>
      </c>
      <c r="G32366" s="1" t="s">
        <v>112610</v>
      </c>
      <c r="H32366" s="1" t="s">
        <v>112611</v>
      </c>
      <c r="I32366" s="1" t="s">
        <v>111349</v>
      </c>
      <c r="J32366" s="1" t="s">
        <v>112671</v>
      </c>
    </row>
    <row r="32367" spans="1:10" x14ac:dyDescent="0.35">
      <c r="A32367" s="1" t="s">
        <v>112606</v>
      </c>
      <c r="B32367" s="1" t="s">
        <v>111344</v>
      </c>
      <c r="C32367" s="1" t="s">
        <v>135</v>
      </c>
      <c r="D32367" s="1" t="s">
        <v>7503</v>
      </c>
      <c r="E32367" s="1" t="s">
        <v>6878</v>
      </c>
      <c r="F32367" s="1" t="s">
        <v>112672</v>
      </c>
      <c r="G32367" s="1" t="s">
        <v>112610</v>
      </c>
      <c r="H32367" s="1" t="s">
        <v>112611</v>
      </c>
      <c r="I32367" s="1" t="s">
        <v>111349</v>
      </c>
      <c r="J32367" s="1" t="s">
        <v>112673</v>
      </c>
    </row>
    <row r="32368" spans="1:10" x14ac:dyDescent="0.35">
      <c r="A32368" s="1" t="s">
        <v>112606</v>
      </c>
      <c r="B32368" s="1" t="s">
        <v>111344</v>
      </c>
      <c r="C32368" s="1" t="s">
        <v>140</v>
      </c>
      <c r="D32368" s="1" t="s">
        <v>112674</v>
      </c>
      <c r="E32368" s="1" t="s">
        <v>6878</v>
      </c>
      <c r="F32368" s="1" t="s">
        <v>112675</v>
      </c>
      <c r="G32368" s="1" t="s">
        <v>112610</v>
      </c>
      <c r="H32368" s="1" t="s">
        <v>112611</v>
      </c>
      <c r="I32368" s="1" t="s">
        <v>111349</v>
      </c>
      <c r="J32368" s="1" t="s">
        <v>112676</v>
      </c>
    </row>
    <row r="32369" spans="1:10" x14ac:dyDescent="0.35">
      <c r="A32369" s="1" t="s">
        <v>112606</v>
      </c>
      <c r="B32369" s="1" t="s">
        <v>111344</v>
      </c>
      <c r="C32369" s="1" t="s">
        <v>145</v>
      </c>
      <c r="D32369" s="1" t="s">
        <v>6520</v>
      </c>
      <c r="E32369" s="1" t="s">
        <v>112677</v>
      </c>
      <c r="F32369" s="1" t="s">
        <v>112678</v>
      </c>
      <c r="G32369" s="1" t="s">
        <v>112610</v>
      </c>
      <c r="H32369" s="1" t="s">
        <v>112611</v>
      </c>
      <c r="I32369" s="1" t="s">
        <v>111349</v>
      </c>
      <c r="J32369" s="1" t="s">
        <v>112679</v>
      </c>
    </row>
    <row r="32370" spans="1:10" x14ac:dyDescent="0.35">
      <c r="A32370" s="1" t="s">
        <v>112606</v>
      </c>
      <c r="B32370" s="1" t="s">
        <v>111344</v>
      </c>
      <c r="C32370" s="1" t="s">
        <v>150</v>
      </c>
      <c r="D32370" s="1" t="s">
        <v>33544</v>
      </c>
      <c r="E32370" s="1" t="s">
        <v>112680</v>
      </c>
      <c r="F32370" s="1" t="s">
        <v>112681</v>
      </c>
      <c r="G32370" s="1" t="s">
        <v>112610</v>
      </c>
      <c r="H32370" s="1" t="s">
        <v>112611</v>
      </c>
      <c r="I32370" s="1" t="s">
        <v>111349</v>
      </c>
      <c r="J32370" s="1" t="s">
        <v>112682</v>
      </c>
    </row>
    <row r="32371" spans="1:10" x14ac:dyDescent="0.35">
      <c r="A32371" s="1" t="s">
        <v>112606</v>
      </c>
      <c r="B32371" s="1" t="s">
        <v>111344</v>
      </c>
      <c r="C32371" s="1" t="s">
        <v>155</v>
      </c>
      <c r="D32371" s="1" t="s">
        <v>105071</v>
      </c>
      <c r="E32371" s="1" t="s">
        <v>112683</v>
      </c>
      <c r="F32371" s="1" t="s">
        <v>106145</v>
      </c>
      <c r="G32371" s="1" t="s">
        <v>112610</v>
      </c>
      <c r="H32371" s="1" t="s">
        <v>112611</v>
      </c>
      <c r="I32371" s="1" t="s">
        <v>111349</v>
      </c>
      <c r="J32371" s="1" t="s">
        <v>112684</v>
      </c>
    </row>
    <row r="32372" spans="1:10" x14ac:dyDescent="0.35">
      <c r="A32372" s="1" t="s">
        <v>112606</v>
      </c>
      <c r="B32372" s="1" t="s">
        <v>111344</v>
      </c>
      <c r="C32372" s="1" t="s">
        <v>160</v>
      </c>
      <c r="D32372" s="1" t="s">
        <v>112685</v>
      </c>
      <c r="E32372" s="1" t="s">
        <v>8875</v>
      </c>
      <c r="F32372" s="1" t="s">
        <v>112686</v>
      </c>
      <c r="G32372" s="1" t="s">
        <v>112610</v>
      </c>
      <c r="H32372" s="1" t="s">
        <v>112611</v>
      </c>
      <c r="I32372" s="1" t="s">
        <v>111349</v>
      </c>
      <c r="J32372" s="1" t="s">
        <v>112687</v>
      </c>
    </row>
    <row r="32373" spans="1:10" x14ac:dyDescent="0.35">
      <c r="A32373" s="1" t="s">
        <v>112606</v>
      </c>
      <c r="B32373" s="1" t="s">
        <v>111344</v>
      </c>
      <c r="C32373" s="1" t="s">
        <v>165</v>
      </c>
      <c r="D32373" s="1" t="s">
        <v>111207</v>
      </c>
      <c r="E32373" s="1" t="s">
        <v>112688</v>
      </c>
      <c r="F32373" s="1" t="s">
        <v>112689</v>
      </c>
      <c r="G32373" s="1" t="s">
        <v>112610</v>
      </c>
      <c r="H32373" s="1" t="s">
        <v>112611</v>
      </c>
      <c r="I32373" s="1" t="s">
        <v>111349</v>
      </c>
      <c r="J32373" s="1" t="s">
        <v>112690</v>
      </c>
    </row>
    <row r="32374" spans="1:10" x14ac:dyDescent="0.35">
      <c r="A32374" s="1" t="s">
        <v>112606</v>
      </c>
      <c r="B32374" s="1" t="s">
        <v>111344</v>
      </c>
      <c r="C32374" s="1" t="s">
        <v>170</v>
      </c>
      <c r="D32374" s="1" t="s">
        <v>112691</v>
      </c>
      <c r="E32374" s="1" t="s">
        <v>4166</v>
      </c>
      <c r="F32374" s="1" t="s">
        <v>112692</v>
      </c>
      <c r="G32374" s="1" t="s">
        <v>112610</v>
      </c>
      <c r="H32374" s="1" t="s">
        <v>112611</v>
      </c>
      <c r="I32374" s="1" t="s">
        <v>111349</v>
      </c>
      <c r="J32374" s="1" t="s">
        <v>112693</v>
      </c>
    </row>
    <row r="32375" spans="1:10" x14ac:dyDescent="0.35">
      <c r="A32375" s="1" t="s">
        <v>2016</v>
      </c>
      <c r="B32375" s="1" t="s">
        <v>111344</v>
      </c>
      <c r="C32375" s="1" t="s">
        <v>8</v>
      </c>
      <c r="D32375" s="1" t="s">
        <v>15852</v>
      </c>
      <c r="E32375" s="1" t="s">
        <v>112694</v>
      </c>
      <c r="F32375" s="1" t="s">
        <v>112695</v>
      </c>
      <c r="G32375" s="1" t="s">
        <v>112696</v>
      </c>
      <c r="H32375" s="1" t="s">
        <v>112697</v>
      </c>
      <c r="I32375" s="1" t="s">
        <v>111349</v>
      </c>
      <c r="J32375" s="1" t="s">
        <v>13</v>
      </c>
    </row>
    <row r="32376" spans="1:10" x14ac:dyDescent="0.35">
      <c r="A32376" s="1" t="s">
        <v>2016</v>
      </c>
      <c r="B32376" s="1" t="s">
        <v>111344</v>
      </c>
      <c r="C32376" s="1" t="s">
        <v>15</v>
      </c>
      <c r="D32376" s="1" t="s">
        <v>45143</v>
      </c>
      <c r="E32376" s="1" t="s">
        <v>112698</v>
      </c>
      <c r="F32376" s="1" t="s">
        <v>112699</v>
      </c>
      <c r="G32376" s="1" t="s">
        <v>112696</v>
      </c>
      <c r="H32376" s="1" t="s">
        <v>112697</v>
      </c>
      <c r="I32376" s="1" t="s">
        <v>111349</v>
      </c>
      <c r="J32376" s="1" t="s">
        <v>112700</v>
      </c>
    </row>
    <row r="32377" spans="1:10" x14ac:dyDescent="0.35">
      <c r="A32377" s="1" t="s">
        <v>2016</v>
      </c>
      <c r="B32377" s="1" t="s">
        <v>111344</v>
      </c>
      <c r="C32377" s="1" t="s">
        <v>20</v>
      </c>
      <c r="D32377" s="1" t="s">
        <v>2101</v>
      </c>
      <c r="E32377" s="1" t="s">
        <v>112701</v>
      </c>
      <c r="F32377" s="1" t="s">
        <v>112702</v>
      </c>
      <c r="G32377" s="1" t="s">
        <v>112696</v>
      </c>
      <c r="H32377" s="1" t="s">
        <v>112697</v>
      </c>
      <c r="I32377" s="1" t="s">
        <v>111349</v>
      </c>
      <c r="J32377" s="1" t="s">
        <v>112703</v>
      </c>
    </row>
    <row r="32378" spans="1:10" x14ac:dyDescent="0.35">
      <c r="A32378" s="1" t="s">
        <v>2016</v>
      </c>
      <c r="B32378" s="1" t="s">
        <v>111344</v>
      </c>
      <c r="C32378" s="1" t="s">
        <v>25</v>
      </c>
      <c r="D32378" s="1" t="s">
        <v>29096</v>
      </c>
      <c r="E32378" s="1" t="s">
        <v>112704</v>
      </c>
      <c r="F32378" s="1" t="s">
        <v>112705</v>
      </c>
      <c r="G32378" s="1" t="s">
        <v>112696</v>
      </c>
      <c r="H32378" s="1" t="s">
        <v>112697</v>
      </c>
      <c r="I32378" s="1" t="s">
        <v>111349</v>
      </c>
      <c r="J32378" s="1" t="s">
        <v>112706</v>
      </c>
    </row>
    <row r="32379" spans="1:10" x14ac:dyDescent="0.35">
      <c r="A32379" s="1" t="s">
        <v>2016</v>
      </c>
      <c r="B32379" s="1" t="s">
        <v>111344</v>
      </c>
      <c r="C32379" s="1" t="s">
        <v>30</v>
      </c>
      <c r="D32379" s="1" t="s">
        <v>6858</v>
      </c>
      <c r="E32379" s="1" t="s">
        <v>112707</v>
      </c>
      <c r="F32379" s="1" t="s">
        <v>112708</v>
      </c>
      <c r="G32379" s="1" t="s">
        <v>112696</v>
      </c>
      <c r="H32379" s="1" t="s">
        <v>112697</v>
      </c>
      <c r="I32379" s="1" t="s">
        <v>111349</v>
      </c>
      <c r="J32379" s="1" t="s">
        <v>112709</v>
      </c>
    </row>
    <row r="32380" spans="1:10" x14ac:dyDescent="0.35">
      <c r="A32380" s="1" t="s">
        <v>2016</v>
      </c>
      <c r="B32380" s="1" t="s">
        <v>111344</v>
      </c>
      <c r="C32380" s="1" t="s">
        <v>35</v>
      </c>
      <c r="D32380" s="1" t="s">
        <v>50810</v>
      </c>
      <c r="E32380" s="1" t="s">
        <v>112710</v>
      </c>
      <c r="F32380" s="1" t="s">
        <v>112711</v>
      </c>
      <c r="G32380" s="1" t="s">
        <v>112696</v>
      </c>
      <c r="H32380" s="1" t="s">
        <v>112697</v>
      </c>
      <c r="I32380" s="1" t="s">
        <v>111349</v>
      </c>
      <c r="J32380" s="1" t="s">
        <v>112712</v>
      </c>
    </row>
    <row r="32381" spans="1:10" x14ac:dyDescent="0.35">
      <c r="A32381" s="1" t="s">
        <v>2016</v>
      </c>
      <c r="B32381" s="1" t="s">
        <v>111344</v>
      </c>
      <c r="C32381" s="1" t="s">
        <v>40</v>
      </c>
      <c r="D32381" s="1" t="s">
        <v>9690</v>
      </c>
      <c r="E32381" s="1" t="s">
        <v>112713</v>
      </c>
      <c r="F32381" s="1" t="s">
        <v>112714</v>
      </c>
      <c r="G32381" s="1" t="s">
        <v>112696</v>
      </c>
      <c r="H32381" s="1" t="s">
        <v>112697</v>
      </c>
      <c r="I32381" s="1" t="s">
        <v>111349</v>
      </c>
      <c r="J32381" s="1" t="s">
        <v>112715</v>
      </c>
    </row>
    <row r="32382" spans="1:10" x14ac:dyDescent="0.35">
      <c r="A32382" s="1" t="s">
        <v>2016</v>
      </c>
      <c r="B32382" s="1" t="s">
        <v>111344</v>
      </c>
      <c r="C32382" s="1" t="s">
        <v>45</v>
      </c>
      <c r="D32382" s="1" t="s">
        <v>25546</v>
      </c>
      <c r="E32382" s="1" t="s">
        <v>112716</v>
      </c>
      <c r="F32382" s="1" t="s">
        <v>112717</v>
      </c>
      <c r="G32382" s="1" t="s">
        <v>112696</v>
      </c>
      <c r="H32382" s="1" t="s">
        <v>112697</v>
      </c>
      <c r="I32382" s="1" t="s">
        <v>111349</v>
      </c>
      <c r="J32382" s="1" t="s">
        <v>112718</v>
      </c>
    </row>
    <row r="32383" spans="1:10" x14ac:dyDescent="0.35">
      <c r="A32383" s="1" t="s">
        <v>2016</v>
      </c>
      <c r="B32383" s="1" t="s">
        <v>111344</v>
      </c>
      <c r="C32383" s="1" t="s">
        <v>50</v>
      </c>
      <c r="D32383" s="1" t="s">
        <v>2113</v>
      </c>
      <c r="E32383" s="1" t="s">
        <v>112719</v>
      </c>
      <c r="F32383" s="1" t="s">
        <v>112720</v>
      </c>
      <c r="G32383" s="1" t="s">
        <v>112696</v>
      </c>
      <c r="H32383" s="1" t="s">
        <v>112697</v>
      </c>
      <c r="I32383" s="1" t="s">
        <v>111349</v>
      </c>
      <c r="J32383" s="1" t="s">
        <v>112721</v>
      </c>
    </row>
    <row r="32384" spans="1:10" x14ac:dyDescent="0.35">
      <c r="A32384" s="1" t="s">
        <v>2016</v>
      </c>
      <c r="B32384" s="1" t="s">
        <v>111344</v>
      </c>
      <c r="C32384" s="1" t="s">
        <v>55</v>
      </c>
      <c r="D32384" s="1" t="s">
        <v>46235</v>
      </c>
      <c r="E32384" s="1" t="s">
        <v>112722</v>
      </c>
      <c r="F32384" s="1" t="s">
        <v>112723</v>
      </c>
      <c r="G32384" s="1" t="s">
        <v>112696</v>
      </c>
      <c r="H32384" s="1" t="s">
        <v>112697</v>
      </c>
      <c r="I32384" s="1" t="s">
        <v>111349</v>
      </c>
      <c r="J32384" s="1" t="s">
        <v>112724</v>
      </c>
    </row>
    <row r="32385" spans="1:10" x14ac:dyDescent="0.35">
      <c r="A32385" s="1" t="s">
        <v>2016</v>
      </c>
      <c r="B32385" s="1" t="s">
        <v>111344</v>
      </c>
      <c r="C32385" s="1" t="s">
        <v>60</v>
      </c>
      <c r="D32385" s="1" t="s">
        <v>1683</v>
      </c>
      <c r="E32385" s="1" t="s">
        <v>112725</v>
      </c>
      <c r="F32385" s="1" t="s">
        <v>112726</v>
      </c>
      <c r="G32385" s="1" t="s">
        <v>112696</v>
      </c>
      <c r="H32385" s="1" t="s">
        <v>112697</v>
      </c>
      <c r="I32385" s="1" t="s">
        <v>111349</v>
      </c>
      <c r="J32385" s="1" t="s">
        <v>112727</v>
      </c>
    </row>
    <row r="32386" spans="1:10" x14ac:dyDescent="0.35">
      <c r="A32386" s="1" t="s">
        <v>2016</v>
      </c>
      <c r="B32386" s="1" t="s">
        <v>111344</v>
      </c>
      <c r="C32386" s="1" t="s">
        <v>65</v>
      </c>
      <c r="D32386" s="1" t="s">
        <v>112728</v>
      </c>
      <c r="E32386" s="1" t="s">
        <v>112729</v>
      </c>
      <c r="F32386" s="1" t="s">
        <v>112730</v>
      </c>
      <c r="G32386" s="1" t="s">
        <v>112696</v>
      </c>
      <c r="H32386" s="1" t="s">
        <v>112697</v>
      </c>
      <c r="I32386" s="1" t="s">
        <v>111349</v>
      </c>
      <c r="J32386" s="1" t="s">
        <v>112731</v>
      </c>
    </row>
    <row r="32387" spans="1:10" x14ac:dyDescent="0.35">
      <c r="A32387" s="1" t="s">
        <v>2016</v>
      </c>
      <c r="B32387" s="1" t="s">
        <v>111344</v>
      </c>
      <c r="C32387" s="1" t="s">
        <v>70</v>
      </c>
      <c r="D32387" s="1" t="s">
        <v>109706</v>
      </c>
      <c r="E32387" s="1" t="s">
        <v>112732</v>
      </c>
      <c r="F32387" s="1" t="s">
        <v>112733</v>
      </c>
      <c r="G32387" s="1" t="s">
        <v>112696</v>
      </c>
      <c r="H32387" s="1" t="s">
        <v>112697</v>
      </c>
      <c r="I32387" s="1" t="s">
        <v>111349</v>
      </c>
      <c r="J32387" s="1" t="s">
        <v>112734</v>
      </c>
    </row>
    <row r="32388" spans="1:10" x14ac:dyDescent="0.35">
      <c r="A32388" s="1" t="s">
        <v>2016</v>
      </c>
      <c r="B32388" s="1" t="s">
        <v>111344</v>
      </c>
      <c r="C32388" s="1" t="s">
        <v>75</v>
      </c>
      <c r="D32388" s="1" t="s">
        <v>112735</v>
      </c>
      <c r="E32388" s="1" t="s">
        <v>112736</v>
      </c>
      <c r="F32388" s="1" t="s">
        <v>112737</v>
      </c>
      <c r="G32388" s="1" t="s">
        <v>112696</v>
      </c>
      <c r="H32388" s="1" t="s">
        <v>112697</v>
      </c>
      <c r="I32388" s="1" t="s">
        <v>111349</v>
      </c>
      <c r="J32388" s="1" t="s">
        <v>112738</v>
      </c>
    </row>
    <row r="32389" spans="1:10" x14ac:dyDescent="0.35">
      <c r="A32389" s="1" t="s">
        <v>2016</v>
      </c>
      <c r="B32389" s="1" t="s">
        <v>111344</v>
      </c>
      <c r="C32389" s="1" t="s">
        <v>80</v>
      </c>
      <c r="D32389" s="1" t="s">
        <v>16321</v>
      </c>
      <c r="E32389" s="1" t="s">
        <v>112739</v>
      </c>
      <c r="F32389" s="1" t="s">
        <v>112740</v>
      </c>
      <c r="G32389" s="1" t="s">
        <v>112696</v>
      </c>
      <c r="H32389" s="1" t="s">
        <v>112697</v>
      </c>
      <c r="I32389" s="1" t="s">
        <v>111349</v>
      </c>
      <c r="J32389" s="1" t="s">
        <v>112741</v>
      </c>
    </row>
    <row r="32390" spans="1:10" x14ac:dyDescent="0.35">
      <c r="A32390" s="1" t="s">
        <v>2016</v>
      </c>
      <c r="B32390" s="1" t="s">
        <v>111344</v>
      </c>
      <c r="C32390" s="1" t="s">
        <v>85</v>
      </c>
      <c r="D32390" s="1" t="s">
        <v>112742</v>
      </c>
      <c r="E32390" s="1" t="s">
        <v>112743</v>
      </c>
      <c r="F32390" s="1" t="s">
        <v>112744</v>
      </c>
      <c r="G32390" s="1" t="s">
        <v>112696</v>
      </c>
      <c r="H32390" s="1" t="s">
        <v>112697</v>
      </c>
      <c r="I32390" s="1" t="s">
        <v>111349</v>
      </c>
      <c r="J32390" s="1" t="s">
        <v>112745</v>
      </c>
    </row>
    <row r="32391" spans="1:10" x14ac:dyDescent="0.35">
      <c r="A32391" s="1" t="s">
        <v>2016</v>
      </c>
      <c r="B32391" s="1" t="s">
        <v>111344</v>
      </c>
      <c r="C32391" s="1" t="s">
        <v>90</v>
      </c>
      <c r="D32391" s="1" t="s">
        <v>112746</v>
      </c>
      <c r="E32391" s="1" t="s">
        <v>112747</v>
      </c>
      <c r="F32391" s="1" t="s">
        <v>112748</v>
      </c>
      <c r="G32391" s="1" t="s">
        <v>112696</v>
      </c>
      <c r="H32391" s="1" t="s">
        <v>112697</v>
      </c>
      <c r="I32391" s="1" t="s">
        <v>111349</v>
      </c>
      <c r="J32391" s="1" t="s">
        <v>112749</v>
      </c>
    </row>
    <row r="32392" spans="1:10" x14ac:dyDescent="0.35">
      <c r="A32392" s="1" t="s">
        <v>2016</v>
      </c>
      <c r="B32392" s="1" t="s">
        <v>111344</v>
      </c>
      <c r="C32392" s="1" t="s">
        <v>95</v>
      </c>
      <c r="D32392" s="1" t="s">
        <v>50144</v>
      </c>
      <c r="E32392" s="1" t="s">
        <v>112750</v>
      </c>
      <c r="F32392" s="1" t="s">
        <v>112751</v>
      </c>
      <c r="G32392" s="1" t="s">
        <v>112696</v>
      </c>
      <c r="H32392" s="1" t="s">
        <v>112697</v>
      </c>
      <c r="I32392" s="1" t="s">
        <v>111349</v>
      </c>
      <c r="J32392" s="1" t="s">
        <v>112752</v>
      </c>
    </row>
    <row r="32393" spans="1:10" x14ac:dyDescent="0.35">
      <c r="A32393" s="1" t="s">
        <v>2016</v>
      </c>
      <c r="B32393" s="1" t="s">
        <v>111344</v>
      </c>
      <c r="C32393" s="1" t="s">
        <v>100</v>
      </c>
      <c r="D32393" s="1" t="s">
        <v>51087</v>
      </c>
      <c r="E32393" s="1" t="s">
        <v>112753</v>
      </c>
      <c r="F32393" s="1" t="s">
        <v>112754</v>
      </c>
      <c r="G32393" s="1" t="s">
        <v>112696</v>
      </c>
      <c r="H32393" s="1" t="s">
        <v>112697</v>
      </c>
      <c r="I32393" s="1" t="s">
        <v>111349</v>
      </c>
      <c r="J32393" s="1" t="s">
        <v>112755</v>
      </c>
    </row>
    <row r="32394" spans="1:10" x14ac:dyDescent="0.35">
      <c r="A32394" s="1" t="s">
        <v>2016</v>
      </c>
      <c r="B32394" s="1" t="s">
        <v>111344</v>
      </c>
      <c r="C32394" s="1" t="s">
        <v>105</v>
      </c>
      <c r="D32394" s="1" t="s">
        <v>112756</v>
      </c>
      <c r="E32394" s="1" t="s">
        <v>112757</v>
      </c>
      <c r="F32394" s="1" t="s">
        <v>112758</v>
      </c>
      <c r="G32394" s="1" t="s">
        <v>112696</v>
      </c>
      <c r="H32394" s="1" t="s">
        <v>112697</v>
      </c>
      <c r="I32394" s="1" t="s">
        <v>111349</v>
      </c>
      <c r="J32394" s="1" t="s">
        <v>112759</v>
      </c>
    </row>
    <row r="32395" spans="1:10" x14ac:dyDescent="0.35">
      <c r="A32395" s="1" t="s">
        <v>2016</v>
      </c>
      <c r="B32395" s="1" t="s">
        <v>111344</v>
      </c>
      <c r="C32395" s="1" t="s">
        <v>110</v>
      </c>
      <c r="D32395" s="1" t="s">
        <v>6539</v>
      </c>
      <c r="E32395" s="1" t="s">
        <v>112760</v>
      </c>
      <c r="F32395" s="1" t="s">
        <v>112761</v>
      </c>
      <c r="G32395" s="1" t="s">
        <v>112696</v>
      </c>
      <c r="H32395" s="1" t="s">
        <v>112697</v>
      </c>
      <c r="I32395" s="1" t="s">
        <v>111349</v>
      </c>
      <c r="J32395" s="1" t="s">
        <v>112762</v>
      </c>
    </row>
    <row r="32396" spans="1:10" x14ac:dyDescent="0.35">
      <c r="A32396" s="1" t="s">
        <v>2016</v>
      </c>
      <c r="B32396" s="1" t="s">
        <v>111344</v>
      </c>
      <c r="C32396" s="1" t="s">
        <v>115</v>
      </c>
      <c r="D32396" s="1" t="s">
        <v>112763</v>
      </c>
      <c r="E32396" s="1" t="s">
        <v>112764</v>
      </c>
      <c r="F32396" s="1" t="s">
        <v>112765</v>
      </c>
      <c r="G32396" s="1" t="s">
        <v>112696</v>
      </c>
      <c r="H32396" s="1" t="s">
        <v>112697</v>
      </c>
      <c r="I32396" s="1" t="s">
        <v>111349</v>
      </c>
      <c r="J32396" s="1" t="s">
        <v>112766</v>
      </c>
    </row>
    <row r="32397" spans="1:10" x14ac:dyDescent="0.35">
      <c r="A32397" s="1" t="s">
        <v>2016</v>
      </c>
      <c r="B32397" s="1" t="s">
        <v>111344</v>
      </c>
      <c r="C32397" s="1" t="s">
        <v>120</v>
      </c>
      <c r="D32397" s="1" t="s">
        <v>2909</v>
      </c>
      <c r="E32397" s="1" t="s">
        <v>112767</v>
      </c>
      <c r="F32397" s="1" t="s">
        <v>112768</v>
      </c>
      <c r="G32397" s="1" t="s">
        <v>112696</v>
      </c>
      <c r="H32397" s="1" t="s">
        <v>112697</v>
      </c>
      <c r="I32397" s="1" t="s">
        <v>111349</v>
      </c>
      <c r="J32397" s="1" t="s">
        <v>112769</v>
      </c>
    </row>
    <row r="32398" spans="1:10" x14ac:dyDescent="0.35">
      <c r="A32398" s="1" t="s">
        <v>2016</v>
      </c>
      <c r="B32398" s="1" t="s">
        <v>111344</v>
      </c>
      <c r="C32398" s="1" t="s">
        <v>125</v>
      </c>
      <c r="D32398" s="1" t="s">
        <v>112770</v>
      </c>
      <c r="E32398" s="1" t="s">
        <v>112771</v>
      </c>
      <c r="F32398" s="1" t="s">
        <v>112772</v>
      </c>
      <c r="G32398" s="1" t="s">
        <v>112696</v>
      </c>
      <c r="H32398" s="1" t="s">
        <v>112697</v>
      </c>
      <c r="I32398" s="1" t="s">
        <v>111349</v>
      </c>
      <c r="J32398" s="1" t="s">
        <v>112773</v>
      </c>
    </row>
    <row r="32399" spans="1:10" x14ac:dyDescent="0.35">
      <c r="A32399" s="1" t="s">
        <v>2016</v>
      </c>
      <c r="B32399" s="1" t="s">
        <v>111344</v>
      </c>
      <c r="C32399" s="1" t="s">
        <v>130</v>
      </c>
      <c r="D32399" s="1" t="s">
        <v>2825</v>
      </c>
      <c r="E32399" s="1" t="s">
        <v>112732</v>
      </c>
      <c r="F32399" s="1" t="s">
        <v>112774</v>
      </c>
      <c r="G32399" s="1" t="s">
        <v>112696</v>
      </c>
      <c r="H32399" s="1" t="s">
        <v>112697</v>
      </c>
      <c r="I32399" s="1" t="s">
        <v>111349</v>
      </c>
      <c r="J32399" s="1" t="s">
        <v>112775</v>
      </c>
    </row>
    <row r="32400" spans="1:10" x14ac:dyDescent="0.35">
      <c r="A32400" s="1" t="s">
        <v>2016</v>
      </c>
      <c r="B32400" s="1" t="s">
        <v>111344</v>
      </c>
      <c r="C32400" s="1" t="s">
        <v>135</v>
      </c>
      <c r="D32400" s="1" t="s">
        <v>104197</v>
      </c>
      <c r="E32400" s="1" t="s">
        <v>112776</v>
      </c>
      <c r="F32400" s="1" t="s">
        <v>112777</v>
      </c>
      <c r="G32400" s="1" t="s">
        <v>112696</v>
      </c>
      <c r="H32400" s="1" t="s">
        <v>112697</v>
      </c>
      <c r="I32400" s="1" t="s">
        <v>111349</v>
      </c>
      <c r="J32400" s="1" t="s">
        <v>112778</v>
      </c>
    </row>
    <row r="32401" spans="1:10" x14ac:dyDescent="0.35">
      <c r="A32401" s="1" t="s">
        <v>2016</v>
      </c>
      <c r="B32401" s="1" t="s">
        <v>111344</v>
      </c>
      <c r="C32401" s="1" t="s">
        <v>140</v>
      </c>
      <c r="D32401" s="1" t="s">
        <v>112779</v>
      </c>
      <c r="E32401" s="1" t="s">
        <v>112780</v>
      </c>
      <c r="F32401" s="1" t="s">
        <v>112781</v>
      </c>
      <c r="G32401" s="1" t="s">
        <v>112696</v>
      </c>
      <c r="H32401" s="1" t="s">
        <v>112697</v>
      </c>
      <c r="I32401" s="1" t="s">
        <v>111349</v>
      </c>
      <c r="J32401" s="1" t="s">
        <v>112782</v>
      </c>
    </row>
    <row r="32402" spans="1:10" x14ac:dyDescent="0.35">
      <c r="A32402" s="1" t="s">
        <v>2016</v>
      </c>
      <c r="B32402" s="1" t="s">
        <v>111344</v>
      </c>
      <c r="C32402" s="1" t="s">
        <v>145</v>
      </c>
      <c r="D32402" s="1" t="s">
        <v>2647</v>
      </c>
      <c r="E32402" s="1" t="s">
        <v>112783</v>
      </c>
      <c r="F32402" s="1" t="s">
        <v>112784</v>
      </c>
      <c r="G32402" s="1" t="s">
        <v>112696</v>
      </c>
      <c r="H32402" s="1" t="s">
        <v>112697</v>
      </c>
      <c r="I32402" s="1" t="s">
        <v>111349</v>
      </c>
      <c r="J32402" s="1" t="s">
        <v>112785</v>
      </c>
    </row>
    <row r="32403" spans="1:10" x14ac:dyDescent="0.35">
      <c r="A32403" s="1" t="s">
        <v>2016</v>
      </c>
      <c r="B32403" s="1" t="s">
        <v>111344</v>
      </c>
      <c r="C32403" s="1" t="s">
        <v>150</v>
      </c>
      <c r="D32403" s="1" t="s">
        <v>112786</v>
      </c>
      <c r="E32403" s="1" t="s">
        <v>112764</v>
      </c>
      <c r="F32403" s="1" t="s">
        <v>112787</v>
      </c>
      <c r="G32403" s="1" t="s">
        <v>112696</v>
      </c>
      <c r="H32403" s="1" t="s">
        <v>112697</v>
      </c>
      <c r="I32403" s="1" t="s">
        <v>111349</v>
      </c>
      <c r="J32403" s="1" t="s">
        <v>112788</v>
      </c>
    </row>
    <row r="32404" spans="1:10" x14ac:dyDescent="0.35">
      <c r="A32404" s="1" t="s">
        <v>2016</v>
      </c>
      <c r="B32404" s="1" t="s">
        <v>111344</v>
      </c>
      <c r="C32404" s="1" t="s">
        <v>155</v>
      </c>
      <c r="D32404" s="1" t="s">
        <v>112789</v>
      </c>
      <c r="E32404" s="1" t="s">
        <v>112790</v>
      </c>
      <c r="F32404" s="1" t="s">
        <v>112791</v>
      </c>
      <c r="G32404" s="1" t="s">
        <v>112696</v>
      </c>
      <c r="H32404" s="1" t="s">
        <v>112697</v>
      </c>
      <c r="I32404" s="1" t="s">
        <v>111349</v>
      </c>
      <c r="J32404" s="1" t="s">
        <v>112792</v>
      </c>
    </row>
    <row r="32405" spans="1:10" x14ac:dyDescent="0.35">
      <c r="A32405" s="1" t="s">
        <v>2016</v>
      </c>
      <c r="B32405" s="1" t="s">
        <v>111344</v>
      </c>
      <c r="C32405" s="1" t="s">
        <v>160</v>
      </c>
      <c r="D32405" s="1" t="s">
        <v>112793</v>
      </c>
      <c r="E32405" s="1" t="s">
        <v>1863</v>
      </c>
      <c r="F32405" s="1" t="s">
        <v>112794</v>
      </c>
      <c r="G32405" s="1" t="s">
        <v>112696</v>
      </c>
      <c r="H32405" s="1" t="s">
        <v>112697</v>
      </c>
      <c r="I32405" s="1" t="s">
        <v>111349</v>
      </c>
      <c r="J32405" s="1" t="s">
        <v>112795</v>
      </c>
    </row>
    <row r="32406" spans="1:10" x14ac:dyDescent="0.35">
      <c r="A32406" s="1" t="s">
        <v>2016</v>
      </c>
      <c r="B32406" s="1" t="s">
        <v>111344</v>
      </c>
      <c r="C32406" s="1" t="s">
        <v>165</v>
      </c>
      <c r="D32406" s="1" t="s">
        <v>112796</v>
      </c>
      <c r="E32406" s="1" t="s">
        <v>112797</v>
      </c>
      <c r="F32406" s="1" t="s">
        <v>112798</v>
      </c>
      <c r="G32406" s="1" t="s">
        <v>112696</v>
      </c>
      <c r="H32406" s="1" t="s">
        <v>112697</v>
      </c>
      <c r="I32406" s="1" t="s">
        <v>111349</v>
      </c>
      <c r="J32406" s="1" t="s">
        <v>112799</v>
      </c>
    </row>
    <row r="32407" spans="1:10" x14ac:dyDescent="0.35">
      <c r="A32407" s="1" t="s">
        <v>2016</v>
      </c>
      <c r="B32407" s="1" t="s">
        <v>111344</v>
      </c>
      <c r="C32407" s="1" t="s">
        <v>170</v>
      </c>
      <c r="D32407" s="1" t="s">
        <v>112800</v>
      </c>
      <c r="E32407" s="1" t="s">
        <v>112801</v>
      </c>
      <c r="F32407" s="1" t="s">
        <v>112802</v>
      </c>
      <c r="G32407" s="1" t="s">
        <v>112696</v>
      </c>
      <c r="H32407" s="1" t="s">
        <v>112697</v>
      </c>
      <c r="I32407" s="1" t="s">
        <v>111349</v>
      </c>
      <c r="J32407" s="1" t="s">
        <v>112803</v>
      </c>
    </row>
    <row r="32408" spans="1:10" x14ac:dyDescent="0.35">
      <c r="A32408" s="1" t="s">
        <v>112804</v>
      </c>
      <c r="B32408" s="1" t="s">
        <v>112805</v>
      </c>
      <c r="C32408" s="1" t="s">
        <v>8</v>
      </c>
      <c r="D32408" s="1" t="s">
        <v>10582</v>
      </c>
      <c r="E32408" s="1" t="s">
        <v>112806</v>
      </c>
      <c r="F32408" s="1" t="s">
        <v>112807</v>
      </c>
      <c r="G32408" s="1" t="s">
        <v>112808</v>
      </c>
      <c r="H32408" s="1" t="s">
        <v>112809</v>
      </c>
      <c r="I32408" s="1" t="s">
        <v>112810</v>
      </c>
      <c r="J32408" s="1" t="s">
        <v>13</v>
      </c>
    </row>
    <row r="32409" spans="1:10" x14ac:dyDescent="0.35">
      <c r="A32409" s="1" t="s">
        <v>112804</v>
      </c>
      <c r="B32409" s="1" t="s">
        <v>112805</v>
      </c>
      <c r="C32409" s="1" t="s">
        <v>15</v>
      </c>
      <c r="D32409" s="1" t="s">
        <v>112811</v>
      </c>
      <c r="E32409" s="1" t="s">
        <v>112812</v>
      </c>
      <c r="F32409" s="1" t="s">
        <v>112813</v>
      </c>
      <c r="G32409" s="1" t="s">
        <v>112808</v>
      </c>
      <c r="H32409" s="1" t="s">
        <v>112809</v>
      </c>
      <c r="I32409" s="1" t="s">
        <v>112810</v>
      </c>
      <c r="J32409" s="1" t="s">
        <v>112814</v>
      </c>
    </row>
    <row r="32410" spans="1:10" x14ac:dyDescent="0.35">
      <c r="A32410" s="1" t="s">
        <v>112804</v>
      </c>
      <c r="B32410" s="1" t="s">
        <v>112805</v>
      </c>
      <c r="C32410" s="1" t="s">
        <v>20</v>
      </c>
      <c r="D32410" s="1" t="s">
        <v>13418</v>
      </c>
      <c r="E32410" s="1" t="s">
        <v>112815</v>
      </c>
      <c r="F32410" s="1" t="s">
        <v>112816</v>
      </c>
      <c r="G32410" s="1" t="s">
        <v>112808</v>
      </c>
      <c r="H32410" s="1" t="s">
        <v>112809</v>
      </c>
      <c r="I32410" s="1" t="s">
        <v>112810</v>
      </c>
      <c r="J32410" s="1" t="s">
        <v>112817</v>
      </c>
    </row>
    <row r="32411" spans="1:10" x14ac:dyDescent="0.35">
      <c r="A32411" s="1" t="s">
        <v>112804</v>
      </c>
      <c r="B32411" s="1" t="s">
        <v>112805</v>
      </c>
      <c r="C32411" s="1" t="s">
        <v>25</v>
      </c>
      <c r="D32411" s="1" t="s">
        <v>112818</v>
      </c>
      <c r="E32411" s="1" t="s">
        <v>112819</v>
      </c>
      <c r="F32411" s="1" t="s">
        <v>112820</v>
      </c>
      <c r="G32411" s="1" t="s">
        <v>112808</v>
      </c>
      <c r="H32411" s="1" t="s">
        <v>112809</v>
      </c>
      <c r="I32411" s="1" t="s">
        <v>112810</v>
      </c>
      <c r="J32411" s="1" t="s">
        <v>112821</v>
      </c>
    </row>
    <row r="32412" spans="1:10" x14ac:dyDescent="0.35">
      <c r="A32412" s="1" t="s">
        <v>112804</v>
      </c>
      <c r="B32412" s="1" t="s">
        <v>112805</v>
      </c>
      <c r="C32412" s="1" t="s">
        <v>30</v>
      </c>
      <c r="D32412" s="1" t="s">
        <v>112822</v>
      </c>
      <c r="E32412" s="1" t="s">
        <v>112823</v>
      </c>
      <c r="F32412" s="1" t="s">
        <v>112824</v>
      </c>
      <c r="G32412" s="1" t="s">
        <v>112808</v>
      </c>
      <c r="H32412" s="1" t="s">
        <v>112809</v>
      </c>
      <c r="I32412" s="1" t="s">
        <v>112810</v>
      </c>
      <c r="J32412" s="1" t="s">
        <v>112825</v>
      </c>
    </row>
    <row r="32413" spans="1:10" x14ac:dyDescent="0.35">
      <c r="A32413" s="1" t="s">
        <v>112804</v>
      </c>
      <c r="B32413" s="1" t="s">
        <v>112805</v>
      </c>
      <c r="C32413" s="1" t="s">
        <v>35</v>
      </c>
      <c r="D32413" s="1" t="s">
        <v>112826</v>
      </c>
      <c r="E32413" s="1" t="s">
        <v>112827</v>
      </c>
      <c r="F32413" s="1" t="s">
        <v>112828</v>
      </c>
      <c r="G32413" s="1" t="s">
        <v>112808</v>
      </c>
      <c r="H32413" s="1" t="s">
        <v>112809</v>
      </c>
      <c r="I32413" s="1" t="s">
        <v>112810</v>
      </c>
      <c r="J32413" s="1" t="s">
        <v>112829</v>
      </c>
    </row>
    <row r="32414" spans="1:10" x14ac:dyDescent="0.35">
      <c r="A32414" s="1" t="s">
        <v>112804</v>
      </c>
      <c r="B32414" s="1" t="s">
        <v>112805</v>
      </c>
      <c r="C32414" s="1" t="s">
        <v>40</v>
      </c>
      <c r="D32414" s="1" t="s">
        <v>112830</v>
      </c>
      <c r="E32414" s="1" t="s">
        <v>112831</v>
      </c>
      <c r="F32414" s="1" t="s">
        <v>112832</v>
      </c>
      <c r="G32414" s="1" t="s">
        <v>112808</v>
      </c>
      <c r="H32414" s="1" t="s">
        <v>112809</v>
      </c>
      <c r="I32414" s="1" t="s">
        <v>112810</v>
      </c>
      <c r="J32414" s="1" t="s">
        <v>112833</v>
      </c>
    </row>
    <row r="32415" spans="1:10" x14ac:dyDescent="0.35">
      <c r="A32415" s="1" t="s">
        <v>112804</v>
      </c>
      <c r="B32415" s="1" t="s">
        <v>112805</v>
      </c>
      <c r="C32415" s="1" t="s">
        <v>45</v>
      </c>
      <c r="D32415" s="1" t="s">
        <v>112834</v>
      </c>
      <c r="E32415" s="1" t="s">
        <v>112835</v>
      </c>
      <c r="F32415" s="1" t="s">
        <v>112836</v>
      </c>
      <c r="G32415" s="1" t="s">
        <v>112808</v>
      </c>
      <c r="H32415" s="1" t="s">
        <v>112809</v>
      </c>
      <c r="I32415" s="1" t="s">
        <v>112810</v>
      </c>
      <c r="J32415" s="1" t="s">
        <v>112837</v>
      </c>
    </row>
    <row r="32416" spans="1:10" x14ac:dyDescent="0.35">
      <c r="A32416" s="1" t="s">
        <v>112804</v>
      </c>
      <c r="B32416" s="1" t="s">
        <v>112805</v>
      </c>
      <c r="C32416" s="1" t="s">
        <v>50</v>
      </c>
      <c r="D32416" s="1" t="s">
        <v>112838</v>
      </c>
      <c r="E32416" s="1" t="s">
        <v>112839</v>
      </c>
      <c r="F32416" s="1" t="s">
        <v>112840</v>
      </c>
      <c r="G32416" s="1" t="s">
        <v>112808</v>
      </c>
      <c r="H32416" s="1" t="s">
        <v>112809</v>
      </c>
      <c r="I32416" s="1" t="s">
        <v>112810</v>
      </c>
      <c r="J32416" s="1" t="s">
        <v>112841</v>
      </c>
    </row>
    <row r="32417" spans="1:10" x14ac:dyDescent="0.35">
      <c r="A32417" s="1" t="s">
        <v>112804</v>
      </c>
      <c r="B32417" s="1" t="s">
        <v>112805</v>
      </c>
      <c r="C32417" s="1" t="s">
        <v>55</v>
      </c>
      <c r="D32417" s="1" t="s">
        <v>112842</v>
      </c>
      <c r="E32417" s="1" t="s">
        <v>112843</v>
      </c>
      <c r="F32417" s="1" t="s">
        <v>112844</v>
      </c>
      <c r="G32417" s="1" t="s">
        <v>112808</v>
      </c>
      <c r="H32417" s="1" t="s">
        <v>112809</v>
      </c>
      <c r="I32417" s="1" t="s">
        <v>112810</v>
      </c>
      <c r="J32417" s="1" t="s">
        <v>112845</v>
      </c>
    </row>
    <row r="32418" spans="1:10" x14ac:dyDescent="0.35">
      <c r="A32418" s="1" t="s">
        <v>112804</v>
      </c>
      <c r="B32418" s="1" t="s">
        <v>112805</v>
      </c>
      <c r="C32418" s="1" t="s">
        <v>60</v>
      </c>
      <c r="D32418" s="1" t="s">
        <v>17589</v>
      </c>
      <c r="E32418" s="1" t="s">
        <v>112846</v>
      </c>
      <c r="F32418" s="1" t="s">
        <v>112847</v>
      </c>
      <c r="G32418" s="1" t="s">
        <v>112808</v>
      </c>
      <c r="H32418" s="1" t="s">
        <v>112809</v>
      </c>
      <c r="I32418" s="1" t="s">
        <v>112810</v>
      </c>
      <c r="J32418" s="1" t="s">
        <v>112848</v>
      </c>
    </row>
    <row r="32419" spans="1:10" x14ac:dyDescent="0.35">
      <c r="A32419" s="1" t="s">
        <v>112804</v>
      </c>
      <c r="B32419" s="1" t="s">
        <v>112805</v>
      </c>
      <c r="C32419" s="1" t="s">
        <v>65</v>
      </c>
      <c r="D32419" s="1" t="s">
        <v>112849</v>
      </c>
      <c r="E32419" s="1" t="s">
        <v>112850</v>
      </c>
      <c r="F32419" s="1" t="s">
        <v>112851</v>
      </c>
      <c r="G32419" s="1" t="s">
        <v>112808</v>
      </c>
      <c r="H32419" s="1" t="s">
        <v>112809</v>
      </c>
      <c r="I32419" s="1" t="s">
        <v>112810</v>
      </c>
      <c r="J32419" s="1" t="s">
        <v>112852</v>
      </c>
    </row>
    <row r="32420" spans="1:10" x14ac:dyDescent="0.35">
      <c r="A32420" s="1" t="s">
        <v>112804</v>
      </c>
      <c r="B32420" s="1" t="s">
        <v>112805</v>
      </c>
      <c r="C32420" s="1" t="s">
        <v>70</v>
      </c>
      <c r="D32420" s="1" t="s">
        <v>112853</v>
      </c>
      <c r="E32420" s="1" t="s">
        <v>112854</v>
      </c>
      <c r="F32420" s="1" t="s">
        <v>47720</v>
      </c>
      <c r="G32420" s="1" t="s">
        <v>112808</v>
      </c>
      <c r="H32420" s="1" t="s">
        <v>112809</v>
      </c>
      <c r="I32420" s="1" t="s">
        <v>112810</v>
      </c>
      <c r="J32420" s="1" t="s">
        <v>112855</v>
      </c>
    </row>
    <row r="32421" spans="1:10" x14ac:dyDescent="0.35">
      <c r="A32421" s="1" t="s">
        <v>112804</v>
      </c>
      <c r="B32421" s="1" t="s">
        <v>112805</v>
      </c>
      <c r="C32421" s="1" t="s">
        <v>75</v>
      </c>
      <c r="D32421" s="1" t="s">
        <v>110193</v>
      </c>
      <c r="E32421" s="1" t="s">
        <v>112856</v>
      </c>
      <c r="F32421" s="1" t="s">
        <v>112857</v>
      </c>
      <c r="G32421" s="1" t="s">
        <v>112808</v>
      </c>
      <c r="H32421" s="1" t="s">
        <v>112809</v>
      </c>
      <c r="I32421" s="1" t="s">
        <v>112810</v>
      </c>
      <c r="J32421" s="1" t="s">
        <v>112858</v>
      </c>
    </row>
    <row r="32422" spans="1:10" x14ac:dyDescent="0.35">
      <c r="A32422" s="1" t="s">
        <v>112804</v>
      </c>
      <c r="B32422" s="1" t="s">
        <v>112805</v>
      </c>
      <c r="C32422" s="1" t="s">
        <v>80</v>
      </c>
      <c r="D32422" s="1" t="s">
        <v>34247</v>
      </c>
      <c r="E32422" s="1" t="s">
        <v>112859</v>
      </c>
      <c r="F32422" s="1" t="s">
        <v>112860</v>
      </c>
      <c r="G32422" s="1" t="s">
        <v>112808</v>
      </c>
      <c r="H32422" s="1" t="s">
        <v>112809</v>
      </c>
      <c r="I32422" s="1" t="s">
        <v>112810</v>
      </c>
      <c r="J32422" s="1" t="s">
        <v>112861</v>
      </c>
    </row>
    <row r="32423" spans="1:10" x14ac:dyDescent="0.35">
      <c r="A32423" s="1" t="s">
        <v>112804</v>
      </c>
      <c r="B32423" s="1" t="s">
        <v>112805</v>
      </c>
      <c r="C32423" s="1" t="s">
        <v>85</v>
      </c>
      <c r="D32423" s="1" t="s">
        <v>112862</v>
      </c>
      <c r="E32423" s="1" t="s">
        <v>112863</v>
      </c>
      <c r="F32423" s="1" t="s">
        <v>112864</v>
      </c>
      <c r="G32423" s="1" t="s">
        <v>112808</v>
      </c>
      <c r="H32423" s="1" t="s">
        <v>112809</v>
      </c>
      <c r="I32423" s="1" t="s">
        <v>112810</v>
      </c>
      <c r="J32423" s="1" t="s">
        <v>112865</v>
      </c>
    </row>
    <row r="32424" spans="1:10" x14ac:dyDescent="0.35">
      <c r="A32424" s="1" t="s">
        <v>112804</v>
      </c>
      <c r="B32424" s="1" t="s">
        <v>112805</v>
      </c>
      <c r="C32424" s="1" t="s">
        <v>90</v>
      </c>
      <c r="D32424" s="1" t="s">
        <v>112866</v>
      </c>
      <c r="E32424" s="1" t="s">
        <v>112867</v>
      </c>
      <c r="F32424" s="1" t="s">
        <v>112868</v>
      </c>
      <c r="G32424" s="1" t="s">
        <v>112808</v>
      </c>
      <c r="H32424" s="1" t="s">
        <v>112809</v>
      </c>
      <c r="I32424" s="1" t="s">
        <v>112810</v>
      </c>
      <c r="J32424" s="1" t="s">
        <v>112869</v>
      </c>
    </row>
    <row r="32425" spans="1:10" x14ac:dyDescent="0.35">
      <c r="A32425" s="1" t="s">
        <v>112804</v>
      </c>
      <c r="B32425" s="1" t="s">
        <v>112805</v>
      </c>
      <c r="C32425" s="1" t="s">
        <v>95</v>
      </c>
      <c r="D32425" s="1" t="s">
        <v>91497</v>
      </c>
      <c r="E32425" s="1" t="s">
        <v>112870</v>
      </c>
      <c r="F32425" s="1" t="s">
        <v>112871</v>
      </c>
      <c r="G32425" s="1" t="s">
        <v>112808</v>
      </c>
      <c r="H32425" s="1" t="s">
        <v>112809</v>
      </c>
      <c r="I32425" s="1" t="s">
        <v>112810</v>
      </c>
      <c r="J32425" s="1" t="s">
        <v>112872</v>
      </c>
    </row>
    <row r="32426" spans="1:10" x14ac:dyDescent="0.35">
      <c r="A32426" s="1" t="s">
        <v>112804</v>
      </c>
      <c r="B32426" s="1" t="s">
        <v>112805</v>
      </c>
      <c r="C32426" s="1" t="s">
        <v>100</v>
      </c>
      <c r="D32426" s="1" t="s">
        <v>52989</v>
      </c>
      <c r="E32426" s="1" t="s">
        <v>112873</v>
      </c>
      <c r="F32426" s="1" t="s">
        <v>112874</v>
      </c>
      <c r="G32426" s="1" t="s">
        <v>112808</v>
      </c>
      <c r="H32426" s="1" t="s">
        <v>112809</v>
      </c>
      <c r="I32426" s="1" t="s">
        <v>112810</v>
      </c>
      <c r="J32426" s="1" t="s">
        <v>112875</v>
      </c>
    </row>
    <row r="32427" spans="1:10" x14ac:dyDescent="0.35">
      <c r="A32427" s="1" t="s">
        <v>112804</v>
      </c>
      <c r="B32427" s="1" t="s">
        <v>112805</v>
      </c>
      <c r="C32427" s="1" t="s">
        <v>105</v>
      </c>
      <c r="D32427" s="1" t="s">
        <v>5222</v>
      </c>
      <c r="E32427" s="1" t="s">
        <v>112876</v>
      </c>
      <c r="F32427" s="1" t="s">
        <v>112877</v>
      </c>
      <c r="G32427" s="1" t="s">
        <v>112808</v>
      </c>
      <c r="H32427" s="1" t="s">
        <v>112809</v>
      </c>
      <c r="I32427" s="1" t="s">
        <v>112810</v>
      </c>
      <c r="J32427" s="1" t="s">
        <v>112878</v>
      </c>
    </row>
    <row r="32428" spans="1:10" x14ac:dyDescent="0.35">
      <c r="A32428" s="1" t="s">
        <v>112804</v>
      </c>
      <c r="B32428" s="1" t="s">
        <v>112805</v>
      </c>
      <c r="C32428" s="1" t="s">
        <v>110</v>
      </c>
      <c r="D32428" s="1" t="s">
        <v>112879</v>
      </c>
      <c r="E32428" s="1" t="s">
        <v>112880</v>
      </c>
      <c r="F32428" s="1" t="s">
        <v>112881</v>
      </c>
      <c r="G32428" s="1" t="s">
        <v>112808</v>
      </c>
      <c r="H32428" s="1" t="s">
        <v>112809</v>
      </c>
      <c r="I32428" s="1" t="s">
        <v>112810</v>
      </c>
      <c r="J32428" s="1" t="s">
        <v>112882</v>
      </c>
    </row>
    <row r="32429" spans="1:10" x14ac:dyDescent="0.35">
      <c r="A32429" s="1" t="s">
        <v>112804</v>
      </c>
      <c r="B32429" s="1" t="s">
        <v>112805</v>
      </c>
      <c r="C32429" s="1" t="s">
        <v>115</v>
      </c>
      <c r="D32429" s="1" t="s">
        <v>55633</v>
      </c>
      <c r="E32429" s="1" t="s">
        <v>112883</v>
      </c>
      <c r="F32429" s="1" t="s">
        <v>112884</v>
      </c>
      <c r="G32429" s="1" t="s">
        <v>112808</v>
      </c>
      <c r="H32429" s="1" t="s">
        <v>112809</v>
      </c>
      <c r="I32429" s="1" t="s">
        <v>112810</v>
      </c>
      <c r="J32429" s="1" t="s">
        <v>112885</v>
      </c>
    </row>
    <row r="32430" spans="1:10" x14ac:dyDescent="0.35">
      <c r="A32430" s="1" t="s">
        <v>112804</v>
      </c>
      <c r="B32430" s="1" t="s">
        <v>112805</v>
      </c>
      <c r="C32430" s="1" t="s">
        <v>120</v>
      </c>
      <c r="D32430" s="1" t="s">
        <v>112886</v>
      </c>
      <c r="E32430" s="1" t="s">
        <v>112887</v>
      </c>
      <c r="F32430" s="1" t="s">
        <v>112888</v>
      </c>
      <c r="G32430" s="1" t="s">
        <v>112808</v>
      </c>
      <c r="H32430" s="1" t="s">
        <v>112809</v>
      </c>
      <c r="I32430" s="1" t="s">
        <v>112810</v>
      </c>
      <c r="J32430" s="1" t="s">
        <v>112889</v>
      </c>
    </row>
    <row r="32431" spans="1:10" x14ac:dyDescent="0.35">
      <c r="A32431" s="1" t="s">
        <v>112804</v>
      </c>
      <c r="B32431" s="1" t="s">
        <v>112805</v>
      </c>
      <c r="C32431" s="1" t="s">
        <v>125</v>
      </c>
      <c r="D32431" s="1" t="s">
        <v>79771</v>
      </c>
      <c r="E32431" s="1" t="s">
        <v>112890</v>
      </c>
      <c r="F32431" s="1" t="s">
        <v>112891</v>
      </c>
      <c r="G32431" s="1" t="s">
        <v>112808</v>
      </c>
      <c r="H32431" s="1" t="s">
        <v>112809</v>
      </c>
      <c r="I32431" s="1" t="s">
        <v>112810</v>
      </c>
      <c r="J32431" s="1" t="s">
        <v>112892</v>
      </c>
    </row>
    <row r="32432" spans="1:10" x14ac:dyDescent="0.35">
      <c r="A32432" s="1" t="s">
        <v>112804</v>
      </c>
      <c r="B32432" s="1" t="s">
        <v>112805</v>
      </c>
      <c r="C32432" s="1" t="s">
        <v>130</v>
      </c>
      <c r="D32432" s="1" t="s">
        <v>112893</v>
      </c>
      <c r="E32432" s="1" t="s">
        <v>112894</v>
      </c>
      <c r="F32432" s="1" t="s">
        <v>112895</v>
      </c>
      <c r="G32432" s="1" t="s">
        <v>112808</v>
      </c>
      <c r="H32432" s="1" t="s">
        <v>112809</v>
      </c>
      <c r="I32432" s="1" t="s">
        <v>112810</v>
      </c>
      <c r="J32432" s="1" t="s">
        <v>112896</v>
      </c>
    </row>
    <row r="32433" spans="1:10" x14ac:dyDescent="0.35">
      <c r="A32433" s="1" t="s">
        <v>112804</v>
      </c>
      <c r="B32433" s="1" t="s">
        <v>112805</v>
      </c>
      <c r="C32433" s="1" t="s">
        <v>135</v>
      </c>
      <c r="D32433" s="1" t="s">
        <v>112897</v>
      </c>
      <c r="E32433" s="1" t="s">
        <v>112898</v>
      </c>
      <c r="F32433" s="1" t="s">
        <v>112899</v>
      </c>
      <c r="G32433" s="1" t="s">
        <v>112808</v>
      </c>
      <c r="H32433" s="1" t="s">
        <v>112809</v>
      </c>
      <c r="I32433" s="1" t="s">
        <v>112810</v>
      </c>
      <c r="J32433" s="1" t="s">
        <v>112900</v>
      </c>
    </row>
    <row r="32434" spans="1:10" x14ac:dyDescent="0.35">
      <c r="A32434" s="1" t="s">
        <v>112804</v>
      </c>
      <c r="B32434" s="1" t="s">
        <v>112805</v>
      </c>
      <c r="C32434" s="1" t="s">
        <v>140</v>
      </c>
      <c r="D32434" s="1" t="s">
        <v>112901</v>
      </c>
      <c r="E32434" s="1" t="s">
        <v>112902</v>
      </c>
      <c r="F32434" s="1" t="s">
        <v>112903</v>
      </c>
      <c r="G32434" s="1" t="s">
        <v>112808</v>
      </c>
      <c r="H32434" s="1" t="s">
        <v>112809</v>
      </c>
      <c r="I32434" s="1" t="s">
        <v>112810</v>
      </c>
      <c r="J32434" s="1" t="s">
        <v>112904</v>
      </c>
    </row>
    <row r="32435" spans="1:10" x14ac:dyDescent="0.35">
      <c r="A32435" s="1" t="s">
        <v>112804</v>
      </c>
      <c r="B32435" s="1" t="s">
        <v>112805</v>
      </c>
      <c r="C32435" s="1" t="s">
        <v>145</v>
      </c>
      <c r="D32435" s="1" t="s">
        <v>53259</v>
      </c>
      <c r="E32435" s="1" t="s">
        <v>112905</v>
      </c>
      <c r="F32435" s="1" t="s">
        <v>112906</v>
      </c>
      <c r="G32435" s="1" t="s">
        <v>112808</v>
      </c>
      <c r="H32435" s="1" t="s">
        <v>112809</v>
      </c>
      <c r="I32435" s="1" t="s">
        <v>112810</v>
      </c>
      <c r="J32435" s="1" t="s">
        <v>112907</v>
      </c>
    </row>
    <row r="32436" spans="1:10" x14ac:dyDescent="0.35">
      <c r="A32436" s="1" t="s">
        <v>112804</v>
      </c>
      <c r="B32436" s="1" t="s">
        <v>112805</v>
      </c>
      <c r="C32436" s="1" t="s">
        <v>150</v>
      </c>
      <c r="D32436" s="1" t="s">
        <v>112908</v>
      </c>
      <c r="E32436" s="1" t="s">
        <v>112909</v>
      </c>
      <c r="F32436" s="1" t="s">
        <v>112910</v>
      </c>
      <c r="G32436" s="1" t="s">
        <v>112808</v>
      </c>
      <c r="H32436" s="1" t="s">
        <v>112809</v>
      </c>
      <c r="I32436" s="1" t="s">
        <v>112810</v>
      </c>
      <c r="J32436" s="1" t="s">
        <v>112911</v>
      </c>
    </row>
    <row r="32437" spans="1:10" x14ac:dyDescent="0.35">
      <c r="A32437" s="1" t="s">
        <v>112804</v>
      </c>
      <c r="B32437" s="1" t="s">
        <v>112805</v>
      </c>
      <c r="C32437" s="1" t="s">
        <v>155</v>
      </c>
      <c r="D32437" s="1" t="s">
        <v>21358</v>
      </c>
      <c r="E32437" s="1" t="s">
        <v>112912</v>
      </c>
      <c r="F32437" s="1" t="s">
        <v>112913</v>
      </c>
      <c r="G32437" s="1" t="s">
        <v>112808</v>
      </c>
      <c r="H32437" s="1" t="s">
        <v>112809</v>
      </c>
      <c r="I32437" s="1" t="s">
        <v>112810</v>
      </c>
      <c r="J32437" s="1" t="s">
        <v>112914</v>
      </c>
    </row>
    <row r="32438" spans="1:10" x14ac:dyDescent="0.35">
      <c r="A32438" s="1" t="s">
        <v>112804</v>
      </c>
      <c r="B32438" s="1" t="s">
        <v>112805</v>
      </c>
      <c r="C32438" s="1" t="s">
        <v>160</v>
      </c>
      <c r="D32438" s="1" t="s">
        <v>112915</v>
      </c>
      <c r="E32438" s="1" t="s">
        <v>112916</v>
      </c>
      <c r="F32438" s="1" t="s">
        <v>112917</v>
      </c>
      <c r="G32438" s="1" t="s">
        <v>112808</v>
      </c>
      <c r="H32438" s="1" t="s">
        <v>112809</v>
      </c>
      <c r="I32438" s="1" t="s">
        <v>112810</v>
      </c>
      <c r="J32438" s="1" t="s">
        <v>112918</v>
      </c>
    </row>
    <row r="32439" spans="1:10" x14ac:dyDescent="0.35">
      <c r="A32439" s="1" t="s">
        <v>112804</v>
      </c>
      <c r="B32439" s="1" t="s">
        <v>112805</v>
      </c>
      <c r="C32439" s="1" t="s">
        <v>165</v>
      </c>
      <c r="D32439" s="1" t="s">
        <v>78834</v>
      </c>
      <c r="E32439" s="1" t="s">
        <v>112919</v>
      </c>
      <c r="F32439" s="1" t="s">
        <v>112920</v>
      </c>
      <c r="G32439" s="1" t="s">
        <v>112808</v>
      </c>
      <c r="H32439" s="1" t="s">
        <v>112809</v>
      </c>
      <c r="I32439" s="1" t="s">
        <v>112810</v>
      </c>
      <c r="J32439" s="1" t="s">
        <v>112921</v>
      </c>
    </row>
    <row r="32440" spans="1:10" x14ac:dyDescent="0.35">
      <c r="A32440" s="1" t="s">
        <v>112804</v>
      </c>
      <c r="B32440" s="1" t="s">
        <v>112805</v>
      </c>
      <c r="C32440" s="1" t="s">
        <v>170</v>
      </c>
      <c r="D32440" s="1" t="s">
        <v>87859</v>
      </c>
      <c r="E32440" s="1" t="s">
        <v>112922</v>
      </c>
      <c r="F32440" s="1" t="s">
        <v>112923</v>
      </c>
      <c r="G32440" s="1" t="s">
        <v>112808</v>
      </c>
      <c r="H32440" s="1" t="s">
        <v>112809</v>
      </c>
      <c r="I32440" s="1" t="s">
        <v>112810</v>
      </c>
      <c r="J32440" s="1" t="s">
        <v>112924</v>
      </c>
    </row>
    <row r="32441" spans="1:10" x14ac:dyDescent="0.35">
      <c r="A32441" s="1" t="s">
        <v>112925</v>
      </c>
      <c r="B32441" s="1" t="s">
        <v>112805</v>
      </c>
      <c r="C32441" s="1" t="s">
        <v>8</v>
      </c>
      <c r="D32441" s="1" t="s">
        <v>112926</v>
      </c>
      <c r="E32441" s="1" t="s">
        <v>112927</v>
      </c>
      <c r="F32441" s="1" t="s">
        <v>112928</v>
      </c>
      <c r="G32441" s="1" t="s">
        <v>112929</v>
      </c>
      <c r="H32441" s="1" t="s">
        <v>112930</v>
      </c>
      <c r="I32441" s="1" t="s">
        <v>112810</v>
      </c>
      <c r="J32441" s="1" t="s">
        <v>13</v>
      </c>
    </row>
    <row r="32442" spans="1:10" x14ac:dyDescent="0.35">
      <c r="A32442" s="1" t="s">
        <v>112925</v>
      </c>
      <c r="B32442" s="1" t="s">
        <v>112805</v>
      </c>
      <c r="C32442" s="1" t="s">
        <v>15</v>
      </c>
      <c r="D32442" s="1" t="s">
        <v>42134</v>
      </c>
      <c r="E32442" s="1" t="s">
        <v>112931</v>
      </c>
      <c r="F32442" s="1" t="s">
        <v>112932</v>
      </c>
      <c r="G32442" s="1" t="s">
        <v>112929</v>
      </c>
      <c r="H32442" s="1" t="s">
        <v>112930</v>
      </c>
      <c r="I32442" s="1" t="s">
        <v>112810</v>
      </c>
      <c r="J32442" s="1" t="s">
        <v>112933</v>
      </c>
    </row>
    <row r="32443" spans="1:10" x14ac:dyDescent="0.35">
      <c r="A32443" s="1" t="s">
        <v>112925</v>
      </c>
      <c r="B32443" s="1" t="s">
        <v>112805</v>
      </c>
      <c r="C32443" s="1" t="s">
        <v>20</v>
      </c>
      <c r="D32443" s="1" t="s">
        <v>112934</v>
      </c>
      <c r="E32443" s="1" t="s">
        <v>112935</v>
      </c>
      <c r="F32443" s="1" t="s">
        <v>112936</v>
      </c>
      <c r="G32443" s="1" t="s">
        <v>112929</v>
      </c>
      <c r="H32443" s="1" t="s">
        <v>112930</v>
      </c>
      <c r="I32443" s="1" t="s">
        <v>112810</v>
      </c>
      <c r="J32443" s="1" t="s">
        <v>112937</v>
      </c>
    </row>
    <row r="32444" spans="1:10" x14ac:dyDescent="0.35">
      <c r="A32444" s="1" t="s">
        <v>112925</v>
      </c>
      <c r="B32444" s="1" t="s">
        <v>112805</v>
      </c>
      <c r="C32444" s="1" t="s">
        <v>25</v>
      </c>
      <c r="D32444" s="1" t="s">
        <v>112938</v>
      </c>
      <c r="E32444" s="1" t="s">
        <v>112939</v>
      </c>
      <c r="F32444" s="1" t="s">
        <v>112940</v>
      </c>
      <c r="G32444" s="1" t="s">
        <v>112929</v>
      </c>
      <c r="H32444" s="1" t="s">
        <v>112930</v>
      </c>
      <c r="I32444" s="1" t="s">
        <v>112810</v>
      </c>
      <c r="J32444" s="1" t="s">
        <v>112941</v>
      </c>
    </row>
    <row r="32445" spans="1:10" x14ac:dyDescent="0.35">
      <c r="A32445" s="1" t="s">
        <v>112925</v>
      </c>
      <c r="B32445" s="1" t="s">
        <v>112805</v>
      </c>
      <c r="C32445" s="1" t="s">
        <v>30</v>
      </c>
      <c r="D32445" s="1" t="s">
        <v>112942</v>
      </c>
      <c r="E32445" s="1" t="s">
        <v>112943</v>
      </c>
      <c r="F32445" s="1" t="s">
        <v>112944</v>
      </c>
      <c r="G32445" s="1" t="s">
        <v>112929</v>
      </c>
      <c r="H32445" s="1" t="s">
        <v>112930</v>
      </c>
      <c r="I32445" s="1" t="s">
        <v>112810</v>
      </c>
      <c r="J32445" s="1" t="s">
        <v>112945</v>
      </c>
    </row>
    <row r="32446" spans="1:10" x14ac:dyDescent="0.35">
      <c r="A32446" s="1" t="s">
        <v>112925</v>
      </c>
      <c r="B32446" s="1" t="s">
        <v>112805</v>
      </c>
      <c r="C32446" s="1" t="s">
        <v>35</v>
      </c>
      <c r="D32446" s="1" t="s">
        <v>112946</v>
      </c>
      <c r="E32446" s="1" t="s">
        <v>112947</v>
      </c>
      <c r="F32446" s="1" t="s">
        <v>112948</v>
      </c>
      <c r="G32446" s="1" t="s">
        <v>112929</v>
      </c>
      <c r="H32446" s="1" t="s">
        <v>112930</v>
      </c>
      <c r="I32446" s="1" t="s">
        <v>112810</v>
      </c>
      <c r="J32446" s="1" t="s">
        <v>112949</v>
      </c>
    </row>
    <row r="32447" spans="1:10" x14ac:dyDescent="0.35">
      <c r="A32447" s="1" t="s">
        <v>112925</v>
      </c>
      <c r="B32447" s="1" t="s">
        <v>112805</v>
      </c>
      <c r="C32447" s="1" t="s">
        <v>40</v>
      </c>
      <c r="D32447" s="1" t="s">
        <v>112950</v>
      </c>
      <c r="E32447" s="1" t="s">
        <v>112951</v>
      </c>
      <c r="F32447" s="1" t="s">
        <v>112952</v>
      </c>
      <c r="G32447" s="1" t="s">
        <v>112929</v>
      </c>
      <c r="H32447" s="1" t="s">
        <v>112930</v>
      </c>
      <c r="I32447" s="1" t="s">
        <v>112810</v>
      </c>
      <c r="J32447" s="1" t="s">
        <v>112953</v>
      </c>
    </row>
    <row r="32448" spans="1:10" x14ac:dyDescent="0.35">
      <c r="A32448" s="1" t="s">
        <v>112925</v>
      </c>
      <c r="B32448" s="1" t="s">
        <v>112805</v>
      </c>
      <c r="C32448" s="1" t="s">
        <v>45</v>
      </c>
      <c r="D32448" s="1" t="s">
        <v>112954</v>
      </c>
      <c r="E32448" s="1" t="s">
        <v>112955</v>
      </c>
      <c r="F32448" s="1" t="s">
        <v>112956</v>
      </c>
      <c r="G32448" s="1" t="s">
        <v>112929</v>
      </c>
      <c r="H32448" s="1" t="s">
        <v>112930</v>
      </c>
      <c r="I32448" s="1" t="s">
        <v>112810</v>
      </c>
      <c r="J32448" s="1" t="s">
        <v>112957</v>
      </c>
    </row>
    <row r="32449" spans="1:10" x14ac:dyDescent="0.35">
      <c r="A32449" s="1" t="s">
        <v>112925</v>
      </c>
      <c r="B32449" s="1" t="s">
        <v>112805</v>
      </c>
      <c r="C32449" s="1" t="s">
        <v>50</v>
      </c>
      <c r="D32449" s="1" t="s">
        <v>112958</v>
      </c>
      <c r="E32449" s="1" t="s">
        <v>112959</v>
      </c>
      <c r="F32449" s="1" t="s">
        <v>112960</v>
      </c>
      <c r="G32449" s="1" t="s">
        <v>112929</v>
      </c>
      <c r="H32449" s="1" t="s">
        <v>112930</v>
      </c>
      <c r="I32449" s="1" t="s">
        <v>112810</v>
      </c>
      <c r="J32449" s="1" t="s">
        <v>112961</v>
      </c>
    </row>
    <row r="32450" spans="1:10" x14ac:dyDescent="0.35">
      <c r="A32450" s="1" t="s">
        <v>112925</v>
      </c>
      <c r="B32450" s="1" t="s">
        <v>112805</v>
      </c>
      <c r="C32450" s="1" t="s">
        <v>55</v>
      </c>
      <c r="D32450" s="1" t="s">
        <v>112962</v>
      </c>
      <c r="E32450" s="1" t="s">
        <v>112963</v>
      </c>
      <c r="F32450" s="1" t="s">
        <v>112964</v>
      </c>
      <c r="G32450" s="1" t="s">
        <v>112929</v>
      </c>
      <c r="H32450" s="1" t="s">
        <v>112930</v>
      </c>
      <c r="I32450" s="1" t="s">
        <v>112810</v>
      </c>
      <c r="J32450" s="1" t="s">
        <v>112965</v>
      </c>
    </row>
    <row r="32451" spans="1:10" x14ac:dyDescent="0.35">
      <c r="A32451" s="1" t="s">
        <v>112925</v>
      </c>
      <c r="B32451" s="1" t="s">
        <v>112805</v>
      </c>
      <c r="C32451" s="1" t="s">
        <v>60</v>
      </c>
      <c r="D32451" s="1" t="s">
        <v>112966</v>
      </c>
      <c r="E32451" s="1" t="s">
        <v>112967</v>
      </c>
      <c r="F32451" s="1" t="s">
        <v>112968</v>
      </c>
      <c r="G32451" s="1" t="s">
        <v>112929</v>
      </c>
      <c r="H32451" s="1" t="s">
        <v>112930</v>
      </c>
      <c r="I32451" s="1" t="s">
        <v>112810</v>
      </c>
      <c r="J32451" s="1" t="s">
        <v>112969</v>
      </c>
    </row>
    <row r="32452" spans="1:10" x14ac:dyDescent="0.35">
      <c r="A32452" s="1" t="s">
        <v>112925</v>
      </c>
      <c r="B32452" s="1" t="s">
        <v>112805</v>
      </c>
      <c r="C32452" s="1" t="s">
        <v>65</v>
      </c>
      <c r="D32452" s="1" t="s">
        <v>112970</v>
      </c>
      <c r="E32452" s="1" t="s">
        <v>112971</v>
      </c>
      <c r="F32452" s="1" t="s">
        <v>112972</v>
      </c>
      <c r="G32452" s="1" t="s">
        <v>112929</v>
      </c>
      <c r="H32452" s="1" t="s">
        <v>112930</v>
      </c>
      <c r="I32452" s="1" t="s">
        <v>112810</v>
      </c>
      <c r="J32452" s="1" t="s">
        <v>112973</v>
      </c>
    </row>
    <row r="32453" spans="1:10" x14ac:dyDescent="0.35">
      <c r="A32453" s="1" t="s">
        <v>112925</v>
      </c>
      <c r="B32453" s="1" t="s">
        <v>112805</v>
      </c>
      <c r="C32453" s="1" t="s">
        <v>70</v>
      </c>
      <c r="D32453" s="1" t="s">
        <v>112974</v>
      </c>
      <c r="E32453" s="1" t="s">
        <v>112975</v>
      </c>
      <c r="F32453" s="1" t="s">
        <v>112976</v>
      </c>
      <c r="G32453" s="1" t="s">
        <v>112929</v>
      </c>
      <c r="H32453" s="1" t="s">
        <v>112930</v>
      </c>
      <c r="I32453" s="1" t="s">
        <v>112810</v>
      </c>
      <c r="J32453" s="1" t="s">
        <v>112977</v>
      </c>
    </row>
    <row r="32454" spans="1:10" x14ac:dyDescent="0.35">
      <c r="A32454" s="1" t="s">
        <v>112925</v>
      </c>
      <c r="B32454" s="1" t="s">
        <v>112805</v>
      </c>
      <c r="C32454" s="1" t="s">
        <v>75</v>
      </c>
      <c r="D32454" s="1" t="s">
        <v>112978</v>
      </c>
      <c r="E32454" s="1" t="s">
        <v>112979</v>
      </c>
      <c r="F32454" s="1" t="s">
        <v>112980</v>
      </c>
      <c r="G32454" s="1" t="s">
        <v>112929</v>
      </c>
      <c r="H32454" s="1" t="s">
        <v>112930</v>
      </c>
      <c r="I32454" s="1" t="s">
        <v>112810</v>
      </c>
      <c r="J32454" s="1" t="s">
        <v>112981</v>
      </c>
    </row>
    <row r="32455" spans="1:10" x14ac:dyDescent="0.35">
      <c r="A32455" s="1" t="s">
        <v>112925</v>
      </c>
      <c r="B32455" s="1" t="s">
        <v>112805</v>
      </c>
      <c r="C32455" s="1" t="s">
        <v>80</v>
      </c>
      <c r="D32455" s="1" t="s">
        <v>112982</v>
      </c>
      <c r="E32455" s="1" t="s">
        <v>112983</v>
      </c>
      <c r="F32455" s="1" t="s">
        <v>112984</v>
      </c>
      <c r="G32455" s="1" t="s">
        <v>112929</v>
      </c>
      <c r="H32455" s="1" t="s">
        <v>112930</v>
      </c>
      <c r="I32455" s="1" t="s">
        <v>112810</v>
      </c>
      <c r="J32455" s="1" t="s">
        <v>112985</v>
      </c>
    </row>
    <row r="32456" spans="1:10" x14ac:dyDescent="0.35">
      <c r="A32456" s="1" t="s">
        <v>112925</v>
      </c>
      <c r="B32456" s="1" t="s">
        <v>112805</v>
      </c>
      <c r="C32456" s="1" t="s">
        <v>85</v>
      </c>
      <c r="D32456" s="1" t="s">
        <v>112986</v>
      </c>
      <c r="E32456" s="1" t="s">
        <v>112987</v>
      </c>
      <c r="F32456" s="1" t="s">
        <v>112988</v>
      </c>
      <c r="G32456" s="1" t="s">
        <v>112929</v>
      </c>
      <c r="H32456" s="1" t="s">
        <v>112930</v>
      </c>
      <c r="I32456" s="1" t="s">
        <v>112810</v>
      </c>
      <c r="J32456" s="1" t="s">
        <v>112989</v>
      </c>
    </row>
    <row r="32457" spans="1:10" x14ac:dyDescent="0.35">
      <c r="A32457" s="1" t="s">
        <v>112925</v>
      </c>
      <c r="B32457" s="1" t="s">
        <v>112805</v>
      </c>
      <c r="C32457" s="1" t="s">
        <v>90</v>
      </c>
      <c r="D32457" s="1" t="s">
        <v>42592</v>
      </c>
      <c r="E32457" s="1" t="s">
        <v>112990</v>
      </c>
      <c r="F32457" s="1" t="s">
        <v>112991</v>
      </c>
      <c r="G32457" s="1" t="s">
        <v>112929</v>
      </c>
      <c r="H32457" s="1" t="s">
        <v>112930</v>
      </c>
      <c r="I32457" s="1" t="s">
        <v>112810</v>
      </c>
      <c r="J32457" s="1" t="s">
        <v>112992</v>
      </c>
    </row>
    <row r="32458" spans="1:10" x14ac:dyDescent="0.35">
      <c r="A32458" s="1" t="s">
        <v>112925</v>
      </c>
      <c r="B32458" s="1" t="s">
        <v>112805</v>
      </c>
      <c r="C32458" s="1" t="s">
        <v>95</v>
      </c>
      <c r="D32458" s="1" t="s">
        <v>112993</v>
      </c>
      <c r="E32458" s="1" t="s">
        <v>112994</v>
      </c>
      <c r="F32458" s="1" t="s">
        <v>112995</v>
      </c>
      <c r="G32458" s="1" t="s">
        <v>112929</v>
      </c>
      <c r="H32458" s="1" t="s">
        <v>112930</v>
      </c>
      <c r="I32458" s="1" t="s">
        <v>112810</v>
      </c>
      <c r="J32458" s="1" t="s">
        <v>112996</v>
      </c>
    </row>
    <row r="32459" spans="1:10" x14ac:dyDescent="0.35">
      <c r="A32459" s="1" t="s">
        <v>112925</v>
      </c>
      <c r="B32459" s="1" t="s">
        <v>112805</v>
      </c>
      <c r="C32459" s="1" t="s">
        <v>100</v>
      </c>
      <c r="D32459" s="1" t="s">
        <v>18111</v>
      </c>
      <c r="E32459" s="1" t="s">
        <v>112997</v>
      </c>
      <c r="F32459" s="1" t="s">
        <v>112998</v>
      </c>
      <c r="G32459" s="1" t="s">
        <v>112929</v>
      </c>
      <c r="H32459" s="1" t="s">
        <v>112930</v>
      </c>
      <c r="I32459" s="1" t="s">
        <v>112810</v>
      </c>
      <c r="J32459" s="1" t="s">
        <v>112999</v>
      </c>
    </row>
    <row r="32460" spans="1:10" x14ac:dyDescent="0.35">
      <c r="A32460" s="1" t="s">
        <v>112925</v>
      </c>
      <c r="B32460" s="1" t="s">
        <v>112805</v>
      </c>
      <c r="C32460" s="1" t="s">
        <v>105</v>
      </c>
      <c r="D32460" s="1" t="s">
        <v>113000</v>
      </c>
      <c r="E32460" s="1" t="s">
        <v>113001</v>
      </c>
      <c r="F32460" s="1" t="s">
        <v>113002</v>
      </c>
      <c r="G32460" s="1" t="s">
        <v>112929</v>
      </c>
      <c r="H32460" s="1" t="s">
        <v>112930</v>
      </c>
      <c r="I32460" s="1" t="s">
        <v>112810</v>
      </c>
      <c r="J32460" s="1" t="s">
        <v>113003</v>
      </c>
    </row>
    <row r="32461" spans="1:10" x14ac:dyDescent="0.35">
      <c r="A32461" s="1" t="s">
        <v>112925</v>
      </c>
      <c r="B32461" s="1" t="s">
        <v>112805</v>
      </c>
      <c r="C32461" s="1" t="s">
        <v>110</v>
      </c>
      <c r="D32461" s="1" t="s">
        <v>16869</v>
      </c>
      <c r="E32461" s="1" t="s">
        <v>113004</v>
      </c>
      <c r="F32461" s="1" t="s">
        <v>113005</v>
      </c>
      <c r="G32461" s="1" t="s">
        <v>112929</v>
      </c>
      <c r="H32461" s="1" t="s">
        <v>112930</v>
      </c>
      <c r="I32461" s="1" t="s">
        <v>112810</v>
      </c>
      <c r="J32461" s="1" t="s">
        <v>113006</v>
      </c>
    </row>
    <row r="32462" spans="1:10" x14ac:dyDescent="0.35">
      <c r="A32462" s="1" t="s">
        <v>112925</v>
      </c>
      <c r="B32462" s="1" t="s">
        <v>112805</v>
      </c>
      <c r="C32462" s="1" t="s">
        <v>115</v>
      </c>
      <c r="D32462" s="1" t="s">
        <v>30455</v>
      </c>
      <c r="E32462" s="1" t="s">
        <v>113007</v>
      </c>
      <c r="F32462" s="1" t="s">
        <v>113008</v>
      </c>
      <c r="G32462" s="1" t="s">
        <v>112929</v>
      </c>
      <c r="H32462" s="1" t="s">
        <v>112930</v>
      </c>
      <c r="I32462" s="1" t="s">
        <v>112810</v>
      </c>
      <c r="J32462" s="1" t="s">
        <v>113009</v>
      </c>
    </row>
    <row r="32463" spans="1:10" x14ac:dyDescent="0.35">
      <c r="A32463" s="1" t="s">
        <v>112925</v>
      </c>
      <c r="B32463" s="1" t="s">
        <v>112805</v>
      </c>
      <c r="C32463" s="1" t="s">
        <v>120</v>
      </c>
      <c r="D32463" s="1" t="s">
        <v>113010</v>
      </c>
      <c r="E32463" s="1" t="s">
        <v>113011</v>
      </c>
      <c r="F32463" s="1" t="s">
        <v>113012</v>
      </c>
      <c r="G32463" s="1" t="s">
        <v>112929</v>
      </c>
      <c r="H32463" s="1" t="s">
        <v>112930</v>
      </c>
      <c r="I32463" s="1" t="s">
        <v>112810</v>
      </c>
      <c r="J32463" s="1" t="s">
        <v>113013</v>
      </c>
    </row>
    <row r="32464" spans="1:10" x14ac:dyDescent="0.35">
      <c r="A32464" s="1" t="s">
        <v>112925</v>
      </c>
      <c r="B32464" s="1" t="s">
        <v>112805</v>
      </c>
      <c r="C32464" s="1" t="s">
        <v>125</v>
      </c>
      <c r="D32464" s="1" t="s">
        <v>113014</v>
      </c>
      <c r="E32464" s="1" t="s">
        <v>113015</v>
      </c>
      <c r="F32464" s="1" t="s">
        <v>113016</v>
      </c>
      <c r="G32464" s="1" t="s">
        <v>112929</v>
      </c>
      <c r="H32464" s="1" t="s">
        <v>112930</v>
      </c>
      <c r="I32464" s="1" t="s">
        <v>112810</v>
      </c>
      <c r="J32464" s="1" t="s">
        <v>113017</v>
      </c>
    </row>
    <row r="32465" spans="1:10" x14ac:dyDescent="0.35">
      <c r="A32465" s="1" t="s">
        <v>112925</v>
      </c>
      <c r="B32465" s="1" t="s">
        <v>112805</v>
      </c>
      <c r="C32465" s="1" t="s">
        <v>130</v>
      </c>
      <c r="D32465" s="1" t="s">
        <v>113018</v>
      </c>
      <c r="E32465" s="1" t="s">
        <v>113019</v>
      </c>
      <c r="F32465" s="1" t="s">
        <v>113020</v>
      </c>
      <c r="G32465" s="1" t="s">
        <v>112929</v>
      </c>
      <c r="H32465" s="1" t="s">
        <v>112930</v>
      </c>
      <c r="I32465" s="1" t="s">
        <v>112810</v>
      </c>
      <c r="J32465" s="1" t="s">
        <v>113021</v>
      </c>
    </row>
    <row r="32466" spans="1:10" x14ac:dyDescent="0.35">
      <c r="A32466" s="1" t="s">
        <v>112925</v>
      </c>
      <c r="B32466" s="1" t="s">
        <v>112805</v>
      </c>
      <c r="C32466" s="1" t="s">
        <v>135</v>
      </c>
      <c r="D32466" s="1" t="s">
        <v>113022</v>
      </c>
      <c r="E32466" s="1" t="s">
        <v>113023</v>
      </c>
      <c r="F32466" s="1" t="s">
        <v>113024</v>
      </c>
      <c r="G32466" s="1" t="s">
        <v>112929</v>
      </c>
      <c r="H32466" s="1" t="s">
        <v>112930</v>
      </c>
      <c r="I32466" s="1" t="s">
        <v>112810</v>
      </c>
      <c r="J32466" s="1" t="s">
        <v>113025</v>
      </c>
    </row>
    <row r="32467" spans="1:10" x14ac:dyDescent="0.35">
      <c r="A32467" s="1" t="s">
        <v>112925</v>
      </c>
      <c r="B32467" s="1" t="s">
        <v>112805</v>
      </c>
      <c r="C32467" s="1" t="s">
        <v>140</v>
      </c>
      <c r="D32467" s="1" t="s">
        <v>113026</v>
      </c>
      <c r="E32467" s="1" t="s">
        <v>113027</v>
      </c>
      <c r="F32467" s="1" t="s">
        <v>113028</v>
      </c>
      <c r="G32467" s="1" t="s">
        <v>112929</v>
      </c>
      <c r="H32467" s="1" t="s">
        <v>112930</v>
      </c>
      <c r="I32467" s="1" t="s">
        <v>112810</v>
      </c>
      <c r="J32467" s="1" t="s">
        <v>113029</v>
      </c>
    </row>
    <row r="32468" spans="1:10" x14ac:dyDescent="0.35">
      <c r="A32468" s="1" t="s">
        <v>112925</v>
      </c>
      <c r="B32468" s="1" t="s">
        <v>112805</v>
      </c>
      <c r="C32468" s="1" t="s">
        <v>145</v>
      </c>
      <c r="D32468" s="1" t="s">
        <v>113030</v>
      </c>
      <c r="E32468" s="1" t="s">
        <v>113031</v>
      </c>
      <c r="F32468" s="1" t="s">
        <v>113032</v>
      </c>
      <c r="G32468" s="1" t="s">
        <v>112929</v>
      </c>
      <c r="H32468" s="1" t="s">
        <v>112930</v>
      </c>
      <c r="I32468" s="1" t="s">
        <v>112810</v>
      </c>
      <c r="J32468" s="1" t="s">
        <v>113033</v>
      </c>
    </row>
    <row r="32469" spans="1:10" x14ac:dyDescent="0.35">
      <c r="A32469" s="1" t="s">
        <v>112925</v>
      </c>
      <c r="B32469" s="1" t="s">
        <v>112805</v>
      </c>
      <c r="C32469" s="1" t="s">
        <v>150</v>
      </c>
      <c r="D32469" s="1" t="s">
        <v>113034</v>
      </c>
      <c r="E32469" s="1" t="s">
        <v>113035</v>
      </c>
      <c r="F32469" s="1" t="s">
        <v>113036</v>
      </c>
      <c r="G32469" s="1" t="s">
        <v>112929</v>
      </c>
      <c r="H32469" s="1" t="s">
        <v>112930</v>
      </c>
      <c r="I32469" s="1" t="s">
        <v>112810</v>
      </c>
      <c r="J32469" s="1" t="s">
        <v>113037</v>
      </c>
    </row>
    <row r="32470" spans="1:10" x14ac:dyDescent="0.35">
      <c r="A32470" s="1" t="s">
        <v>112925</v>
      </c>
      <c r="B32470" s="1" t="s">
        <v>112805</v>
      </c>
      <c r="C32470" s="1" t="s">
        <v>155</v>
      </c>
      <c r="D32470" s="1" t="s">
        <v>107347</v>
      </c>
      <c r="E32470" s="1" t="s">
        <v>113038</v>
      </c>
      <c r="F32470" s="1" t="s">
        <v>113039</v>
      </c>
      <c r="G32470" s="1" t="s">
        <v>112929</v>
      </c>
      <c r="H32470" s="1" t="s">
        <v>112930</v>
      </c>
      <c r="I32470" s="1" t="s">
        <v>112810</v>
      </c>
      <c r="J32470" s="1" t="s">
        <v>113040</v>
      </c>
    </row>
    <row r="32471" spans="1:10" x14ac:dyDescent="0.35">
      <c r="A32471" s="1" t="s">
        <v>112925</v>
      </c>
      <c r="B32471" s="1" t="s">
        <v>112805</v>
      </c>
      <c r="C32471" s="1" t="s">
        <v>160</v>
      </c>
      <c r="D32471" s="1" t="s">
        <v>19195</v>
      </c>
      <c r="E32471" s="1" t="s">
        <v>113041</v>
      </c>
      <c r="F32471" s="1" t="s">
        <v>113042</v>
      </c>
      <c r="G32471" s="1" t="s">
        <v>112929</v>
      </c>
      <c r="H32471" s="1" t="s">
        <v>112930</v>
      </c>
      <c r="I32471" s="1" t="s">
        <v>112810</v>
      </c>
      <c r="J32471" s="1" t="s">
        <v>113043</v>
      </c>
    </row>
    <row r="32472" spans="1:10" x14ac:dyDescent="0.35">
      <c r="A32472" s="1" t="s">
        <v>112925</v>
      </c>
      <c r="B32472" s="1" t="s">
        <v>112805</v>
      </c>
      <c r="C32472" s="1" t="s">
        <v>165</v>
      </c>
      <c r="D32472" s="1" t="s">
        <v>113044</v>
      </c>
      <c r="E32472" s="1" t="s">
        <v>113045</v>
      </c>
      <c r="F32472" s="1" t="s">
        <v>113046</v>
      </c>
      <c r="G32472" s="1" t="s">
        <v>112929</v>
      </c>
      <c r="H32472" s="1" t="s">
        <v>112930</v>
      </c>
      <c r="I32472" s="1" t="s">
        <v>112810</v>
      </c>
      <c r="J32472" s="1" t="s">
        <v>113047</v>
      </c>
    </row>
    <row r="32473" spans="1:10" x14ac:dyDescent="0.35">
      <c r="A32473" s="1" t="s">
        <v>112925</v>
      </c>
      <c r="B32473" s="1" t="s">
        <v>112805</v>
      </c>
      <c r="C32473" s="1" t="s">
        <v>170</v>
      </c>
      <c r="D32473" s="1" t="s">
        <v>110178</v>
      </c>
      <c r="E32473" s="1" t="s">
        <v>113048</v>
      </c>
      <c r="F32473" s="1" t="s">
        <v>113049</v>
      </c>
      <c r="G32473" s="1" t="s">
        <v>112929</v>
      </c>
      <c r="H32473" s="1" t="s">
        <v>112930</v>
      </c>
      <c r="I32473" s="1" t="s">
        <v>112810</v>
      </c>
      <c r="J32473" s="1" t="s">
        <v>113050</v>
      </c>
    </row>
    <row r="32474" spans="1:10" x14ac:dyDescent="0.35">
      <c r="A32474" s="1" t="s">
        <v>113051</v>
      </c>
      <c r="B32474" s="1" t="s">
        <v>112805</v>
      </c>
      <c r="C32474" s="1" t="s">
        <v>8</v>
      </c>
      <c r="D32474" s="1" t="s">
        <v>110958</v>
      </c>
      <c r="E32474" s="1" t="s">
        <v>113052</v>
      </c>
      <c r="F32474" s="1" t="s">
        <v>113053</v>
      </c>
      <c r="G32474" s="1" t="s">
        <v>113054</v>
      </c>
      <c r="H32474" s="1" t="s">
        <v>113055</v>
      </c>
      <c r="I32474" s="1" t="s">
        <v>112810</v>
      </c>
      <c r="J32474" s="1" t="s">
        <v>13</v>
      </c>
    </row>
    <row r="32475" spans="1:10" x14ac:dyDescent="0.35">
      <c r="A32475" s="1" t="s">
        <v>113051</v>
      </c>
      <c r="B32475" s="1" t="s">
        <v>112805</v>
      </c>
      <c r="C32475" s="1" t="s">
        <v>15</v>
      </c>
      <c r="D32475" s="1" t="s">
        <v>113056</v>
      </c>
      <c r="E32475" s="1" t="s">
        <v>113057</v>
      </c>
      <c r="F32475" s="1" t="s">
        <v>113058</v>
      </c>
      <c r="G32475" s="1" t="s">
        <v>113054</v>
      </c>
      <c r="H32475" s="1" t="s">
        <v>113055</v>
      </c>
      <c r="I32475" s="1" t="s">
        <v>112810</v>
      </c>
      <c r="J32475" s="1" t="s">
        <v>113059</v>
      </c>
    </row>
    <row r="32476" spans="1:10" x14ac:dyDescent="0.35">
      <c r="A32476" s="1" t="s">
        <v>113051</v>
      </c>
      <c r="B32476" s="1" t="s">
        <v>112805</v>
      </c>
      <c r="C32476" s="1" t="s">
        <v>20</v>
      </c>
      <c r="D32476" s="1" t="s">
        <v>113060</v>
      </c>
      <c r="E32476" s="1" t="s">
        <v>113061</v>
      </c>
      <c r="F32476" s="1" t="s">
        <v>113062</v>
      </c>
      <c r="G32476" s="1" t="s">
        <v>113054</v>
      </c>
      <c r="H32476" s="1" t="s">
        <v>113055</v>
      </c>
      <c r="I32476" s="1" t="s">
        <v>112810</v>
      </c>
      <c r="J32476" s="1" t="s">
        <v>113063</v>
      </c>
    </row>
    <row r="32477" spans="1:10" x14ac:dyDescent="0.35">
      <c r="A32477" s="1" t="s">
        <v>113051</v>
      </c>
      <c r="B32477" s="1" t="s">
        <v>112805</v>
      </c>
      <c r="C32477" s="1" t="s">
        <v>25</v>
      </c>
      <c r="D32477" s="1" t="s">
        <v>113064</v>
      </c>
      <c r="E32477" s="1" t="s">
        <v>113065</v>
      </c>
      <c r="F32477" s="1" t="s">
        <v>113066</v>
      </c>
      <c r="G32477" s="1" t="s">
        <v>113054</v>
      </c>
      <c r="H32477" s="1" t="s">
        <v>113055</v>
      </c>
      <c r="I32477" s="1" t="s">
        <v>112810</v>
      </c>
      <c r="J32477" s="1" t="s">
        <v>113067</v>
      </c>
    </row>
    <row r="32478" spans="1:10" x14ac:dyDescent="0.35">
      <c r="A32478" s="1" t="s">
        <v>113051</v>
      </c>
      <c r="B32478" s="1" t="s">
        <v>112805</v>
      </c>
      <c r="C32478" s="1" t="s">
        <v>30</v>
      </c>
      <c r="D32478" s="1" t="s">
        <v>113068</v>
      </c>
      <c r="E32478" s="1" t="s">
        <v>113069</v>
      </c>
      <c r="F32478" s="1" t="s">
        <v>113070</v>
      </c>
      <c r="G32478" s="1" t="s">
        <v>113054</v>
      </c>
      <c r="H32478" s="1" t="s">
        <v>113055</v>
      </c>
      <c r="I32478" s="1" t="s">
        <v>112810</v>
      </c>
      <c r="J32478" s="1" t="s">
        <v>113071</v>
      </c>
    </row>
    <row r="32479" spans="1:10" x14ac:dyDescent="0.35">
      <c r="A32479" s="1" t="s">
        <v>113051</v>
      </c>
      <c r="B32479" s="1" t="s">
        <v>112805</v>
      </c>
      <c r="C32479" s="1" t="s">
        <v>35</v>
      </c>
      <c r="D32479" s="1" t="s">
        <v>113072</v>
      </c>
      <c r="E32479" s="1" t="s">
        <v>113073</v>
      </c>
      <c r="F32479" s="1" t="s">
        <v>113074</v>
      </c>
      <c r="G32479" s="1" t="s">
        <v>113054</v>
      </c>
      <c r="H32479" s="1" t="s">
        <v>113055</v>
      </c>
      <c r="I32479" s="1" t="s">
        <v>112810</v>
      </c>
      <c r="J32479" s="1" t="s">
        <v>113075</v>
      </c>
    </row>
    <row r="32480" spans="1:10" x14ac:dyDescent="0.35">
      <c r="A32480" s="1" t="s">
        <v>113051</v>
      </c>
      <c r="B32480" s="1" t="s">
        <v>112805</v>
      </c>
      <c r="C32480" s="1" t="s">
        <v>40</v>
      </c>
      <c r="D32480" s="1" t="s">
        <v>32617</v>
      </c>
      <c r="E32480" s="1" t="s">
        <v>113076</v>
      </c>
      <c r="F32480" s="1" t="s">
        <v>113077</v>
      </c>
      <c r="G32480" s="1" t="s">
        <v>113054</v>
      </c>
      <c r="H32480" s="1" t="s">
        <v>113055</v>
      </c>
      <c r="I32480" s="1" t="s">
        <v>112810</v>
      </c>
      <c r="J32480" s="1" t="s">
        <v>113078</v>
      </c>
    </row>
    <row r="32481" spans="1:10" x14ac:dyDescent="0.35">
      <c r="A32481" s="1" t="s">
        <v>113051</v>
      </c>
      <c r="B32481" s="1" t="s">
        <v>112805</v>
      </c>
      <c r="C32481" s="1" t="s">
        <v>45</v>
      </c>
      <c r="D32481" s="1" t="s">
        <v>113079</v>
      </c>
      <c r="E32481" s="1" t="s">
        <v>113080</v>
      </c>
      <c r="F32481" s="1" t="s">
        <v>113081</v>
      </c>
      <c r="G32481" s="1" t="s">
        <v>113054</v>
      </c>
      <c r="H32481" s="1" t="s">
        <v>113055</v>
      </c>
      <c r="I32481" s="1" t="s">
        <v>112810</v>
      </c>
      <c r="J32481" s="1" t="s">
        <v>113082</v>
      </c>
    </row>
    <row r="32482" spans="1:10" x14ac:dyDescent="0.35">
      <c r="A32482" s="1" t="s">
        <v>113051</v>
      </c>
      <c r="B32482" s="1" t="s">
        <v>112805</v>
      </c>
      <c r="C32482" s="1" t="s">
        <v>50</v>
      </c>
      <c r="D32482" s="1" t="s">
        <v>113083</v>
      </c>
      <c r="E32482" s="1" t="s">
        <v>113084</v>
      </c>
      <c r="F32482" s="1" t="s">
        <v>113085</v>
      </c>
      <c r="G32482" s="1" t="s">
        <v>113054</v>
      </c>
      <c r="H32482" s="1" t="s">
        <v>113055</v>
      </c>
      <c r="I32482" s="1" t="s">
        <v>112810</v>
      </c>
      <c r="J32482" s="1" t="s">
        <v>113086</v>
      </c>
    </row>
    <row r="32483" spans="1:10" x14ac:dyDescent="0.35">
      <c r="A32483" s="1" t="s">
        <v>113051</v>
      </c>
      <c r="B32483" s="1" t="s">
        <v>112805</v>
      </c>
      <c r="C32483" s="1" t="s">
        <v>55</v>
      </c>
      <c r="D32483" s="1" t="s">
        <v>17659</v>
      </c>
      <c r="E32483" s="1" t="s">
        <v>113087</v>
      </c>
      <c r="F32483" s="1" t="s">
        <v>113088</v>
      </c>
      <c r="G32483" s="1" t="s">
        <v>113054</v>
      </c>
      <c r="H32483" s="1" t="s">
        <v>113055</v>
      </c>
      <c r="I32483" s="1" t="s">
        <v>112810</v>
      </c>
      <c r="J32483" s="1" t="s">
        <v>113089</v>
      </c>
    </row>
    <row r="32484" spans="1:10" x14ac:dyDescent="0.35">
      <c r="A32484" s="1" t="s">
        <v>113051</v>
      </c>
      <c r="B32484" s="1" t="s">
        <v>112805</v>
      </c>
      <c r="C32484" s="1" t="s">
        <v>60</v>
      </c>
      <c r="D32484" s="1" t="s">
        <v>46983</v>
      </c>
      <c r="E32484" s="1" t="s">
        <v>113090</v>
      </c>
      <c r="F32484" s="1" t="s">
        <v>113091</v>
      </c>
      <c r="G32484" s="1" t="s">
        <v>113054</v>
      </c>
      <c r="H32484" s="1" t="s">
        <v>113055</v>
      </c>
      <c r="I32484" s="1" t="s">
        <v>112810</v>
      </c>
      <c r="J32484" s="1" t="s">
        <v>113092</v>
      </c>
    </row>
    <row r="32485" spans="1:10" x14ac:dyDescent="0.35">
      <c r="A32485" s="1" t="s">
        <v>113051</v>
      </c>
      <c r="B32485" s="1" t="s">
        <v>112805</v>
      </c>
      <c r="C32485" s="1" t="s">
        <v>65</v>
      </c>
      <c r="D32485" s="1" t="s">
        <v>113093</v>
      </c>
      <c r="E32485" s="1" t="s">
        <v>113094</v>
      </c>
      <c r="F32485" s="1" t="s">
        <v>113095</v>
      </c>
      <c r="G32485" s="1" t="s">
        <v>113054</v>
      </c>
      <c r="H32485" s="1" t="s">
        <v>113055</v>
      </c>
      <c r="I32485" s="1" t="s">
        <v>112810</v>
      </c>
      <c r="J32485" s="1" t="s">
        <v>113096</v>
      </c>
    </row>
    <row r="32486" spans="1:10" x14ac:dyDescent="0.35">
      <c r="A32486" s="1" t="s">
        <v>113051</v>
      </c>
      <c r="B32486" s="1" t="s">
        <v>112805</v>
      </c>
      <c r="C32486" s="1" t="s">
        <v>70</v>
      </c>
      <c r="D32486" s="1" t="s">
        <v>42106</v>
      </c>
      <c r="E32486" s="1" t="s">
        <v>113097</v>
      </c>
      <c r="F32486" s="1" t="s">
        <v>113098</v>
      </c>
      <c r="G32486" s="1" t="s">
        <v>113054</v>
      </c>
      <c r="H32486" s="1" t="s">
        <v>113055</v>
      </c>
      <c r="I32486" s="1" t="s">
        <v>112810</v>
      </c>
      <c r="J32486" s="1" t="s">
        <v>113099</v>
      </c>
    </row>
    <row r="32487" spans="1:10" x14ac:dyDescent="0.35">
      <c r="A32487" s="1" t="s">
        <v>113051</v>
      </c>
      <c r="B32487" s="1" t="s">
        <v>112805</v>
      </c>
      <c r="C32487" s="1" t="s">
        <v>75</v>
      </c>
      <c r="D32487" s="1" t="s">
        <v>113100</v>
      </c>
      <c r="E32487" s="1" t="s">
        <v>113101</v>
      </c>
      <c r="F32487" s="1" t="s">
        <v>113102</v>
      </c>
      <c r="G32487" s="1" t="s">
        <v>113054</v>
      </c>
      <c r="H32487" s="1" t="s">
        <v>113055</v>
      </c>
      <c r="I32487" s="1" t="s">
        <v>112810</v>
      </c>
      <c r="J32487" s="1" t="s">
        <v>113103</v>
      </c>
    </row>
    <row r="32488" spans="1:10" x14ac:dyDescent="0.35">
      <c r="A32488" s="1" t="s">
        <v>113051</v>
      </c>
      <c r="B32488" s="1" t="s">
        <v>112805</v>
      </c>
      <c r="C32488" s="1" t="s">
        <v>80</v>
      </c>
      <c r="D32488" s="1" t="s">
        <v>113104</v>
      </c>
      <c r="E32488" s="1" t="s">
        <v>113105</v>
      </c>
      <c r="F32488" s="1" t="s">
        <v>113106</v>
      </c>
      <c r="G32488" s="1" t="s">
        <v>113054</v>
      </c>
      <c r="H32488" s="1" t="s">
        <v>113055</v>
      </c>
      <c r="I32488" s="1" t="s">
        <v>112810</v>
      </c>
      <c r="J32488" s="1" t="s">
        <v>113107</v>
      </c>
    </row>
    <row r="32489" spans="1:10" x14ac:dyDescent="0.35">
      <c r="A32489" s="1" t="s">
        <v>113051</v>
      </c>
      <c r="B32489" s="1" t="s">
        <v>112805</v>
      </c>
      <c r="C32489" s="1" t="s">
        <v>85</v>
      </c>
      <c r="D32489" s="1" t="s">
        <v>113108</v>
      </c>
      <c r="E32489" s="1" t="s">
        <v>113109</v>
      </c>
      <c r="F32489" s="1" t="s">
        <v>113110</v>
      </c>
      <c r="G32489" s="1" t="s">
        <v>113054</v>
      </c>
      <c r="H32489" s="1" t="s">
        <v>113055</v>
      </c>
      <c r="I32489" s="1" t="s">
        <v>112810</v>
      </c>
      <c r="J32489" s="1" t="s">
        <v>113111</v>
      </c>
    </row>
    <row r="32490" spans="1:10" x14ac:dyDescent="0.35">
      <c r="A32490" s="1" t="s">
        <v>113051</v>
      </c>
      <c r="B32490" s="1" t="s">
        <v>112805</v>
      </c>
      <c r="C32490" s="1" t="s">
        <v>90</v>
      </c>
      <c r="D32490" s="1" t="s">
        <v>113112</v>
      </c>
      <c r="E32490" s="1" t="s">
        <v>113113</v>
      </c>
      <c r="F32490" s="1" t="s">
        <v>113114</v>
      </c>
      <c r="G32490" s="1" t="s">
        <v>113054</v>
      </c>
      <c r="H32490" s="1" t="s">
        <v>113055</v>
      </c>
      <c r="I32490" s="1" t="s">
        <v>112810</v>
      </c>
      <c r="J32490" s="1" t="s">
        <v>113115</v>
      </c>
    </row>
    <row r="32491" spans="1:10" x14ac:dyDescent="0.35">
      <c r="A32491" s="1" t="s">
        <v>113051</v>
      </c>
      <c r="B32491" s="1" t="s">
        <v>112805</v>
      </c>
      <c r="C32491" s="1" t="s">
        <v>95</v>
      </c>
      <c r="D32491" s="1" t="s">
        <v>113116</v>
      </c>
      <c r="E32491" s="1" t="s">
        <v>113117</v>
      </c>
      <c r="F32491" s="1" t="s">
        <v>113118</v>
      </c>
      <c r="G32491" s="1" t="s">
        <v>113054</v>
      </c>
      <c r="H32491" s="1" t="s">
        <v>113055</v>
      </c>
      <c r="I32491" s="1" t="s">
        <v>112810</v>
      </c>
      <c r="J32491" s="1" t="s">
        <v>113119</v>
      </c>
    </row>
    <row r="32492" spans="1:10" x14ac:dyDescent="0.35">
      <c r="A32492" s="1" t="s">
        <v>113051</v>
      </c>
      <c r="B32492" s="1" t="s">
        <v>112805</v>
      </c>
      <c r="C32492" s="1" t="s">
        <v>100</v>
      </c>
      <c r="D32492" s="1" t="s">
        <v>113120</v>
      </c>
      <c r="E32492" s="1" t="s">
        <v>113121</v>
      </c>
      <c r="F32492" s="1" t="s">
        <v>113122</v>
      </c>
      <c r="G32492" s="1" t="s">
        <v>113054</v>
      </c>
      <c r="H32492" s="1" t="s">
        <v>113055</v>
      </c>
      <c r="I32492" s="1" t="s">
        <v>112810</v>
      </c>
      <c r="J32492" s="1" t="s">
        <v>113123</v>
      </c>
    </row>
    <row r="32493" spans="1:10" x14ac:dyDescent="0.35">
      <c r="A32493" s="1" t="s">
        <v>113051</v>
      </c>
      <c r="B32493" s="1" t="s">
        <v>112805</v>
      </c>
      <c r="C32493" s="1" t="s">
        <v>105</v>
      </c>
      <c r="D32493" s="1" t="s">
        <v>113124</v>
      </c>
      <c r="E32493" s="1" t="s">
        <v>113125</v>
      </c>
      <c r="F32493" s="1" t="s">
        <v>113126</v>
      </c>
      <c r="G32493" s="1" t="s">
        <v>113054</v>
      </c>
      <c r="H32493" s="1" t="s">
        <v>113055</v>
      </c>
      <c r="I32493" s="1" t="s">
        <v>112810</v>
      </c>
      <c r="J32493" s="1" t="s">
        <v>113127</v>
      </c>
    </row>
    <row r="32494" spans="1:10" x14ac:dyDescent="0.35">
      <c r="A32494" s="1" t="s">
        <v>113051</v>
      </c>
      <c r="B32494" s="1" t="s">
        <v>112805</v>
      </c>
      <c r="C32494" s="1" t="s">
        <v>110</v>
      </c>
      <c r="D32494" s="1" t="s">
        <v>113128</v>
      </c>
      <c r="E32494" s="1" t="s">
        <v>113129</v>
      </c>
      <c r="F32494" s="1" t="s">
        <v>113130</v>
      </c>
      <c r="G32494" s="1" t="s">
        <v>113054</v>
      </c>
      <c r="H32494" s="1" t="s">
        <v>113055</v>
      </c>
      <c r="I32494" s="1" t="s">
        <v>112810</v>
      </c>
      <c r="J32494" s="1" t="s">
        <v>113131</v>
      </c>
    </row>
    <row r="32495" spans="1:10" x14ac:dyDescent="0.35">
      <c r="A32495" s="1" t="s">
        <v>113051</v>
      </c>
      <c r="B32495" s="1" t="s">
        <v>112805</v>
      </c>
      <c r="C32495" s="1" t="s">
        <v>115</v>
      </c>
      <c r="D32495" s="1" t="s">
        <v>113132</v>
      </c>
      <c r="E32495" s="1" t="s">
        <v>113133</v>
      </c>
      <c r="F32495" s="1" t="s">
        <v>113134</v>
      </c>
      <c r="G32495" s="1" t="s">
        <v>113054</v>
      </c>
      <c r="H32495" s="1" t="s">
        <v>113055</v>
      </c>
      <c r="I32495" s="1" t="s">
        <v>112810</v>
      </c>
      <c r="J32495" s="1" t="s">
        <v>113135</v>
      </c>
    </row>
    <row r="32496" spans="1:10" x14ac:dyDescent="0.35">
      <c r="A32496" s="1" t="s">
        <v>113051</v>
      </c>
      <c r="B32496" s="1" t="s">
        <v>112805</v>
      </c>
      <c r="C32496" s="1" t="s">
        <v>120</v>
      </c>
      <c r="D32496" s="1" t="s">
        <v>52685</v>
      </c>
      <c r="E32496" s="1" t="s">
        <v>113136</v>
      </c>
      <c r="F32496" s="1" t="s">
        <v>113137</v>
      </c>
      <c r="G32496" s="1" t="s">
        <v>113054</v>
      </c>
      <c r="H32496" s="1" t="s">
        <v>113055</v>
      </c>
      <c r="I32496" s="1" t="s">
        <v>112810</v>
      </c>
      <c r="J32496" s="1" t="s">
        <v>113138</v>
      </c>
    </row>
    <row r="32497" spans="1:10" x14ac:dyDescent="0.35">
      <c r="A32497" s="1" t="s">
        <v>113051</v>
      </c>
      <c r="B32497" s="1" t="s">
        <v>112805</v>
      </c>
      <c r="C32497" s="1" t="s">
        <v>125</v>
      </c>
      <c r="D32497" s="1" t="s">
        <v>106674</v>
      </c>
      <c r="E32497" s="1" t="s">
        <v>113139</v>
      </c>
      <c r="F32497" s="1" t="s">
        <v>113140</v>
      </c>
      <c r="G32497" s="1" t="s">
        <v>113054</v>
      </c>
      <c r="H32497" s="1" t="s">
        <v>113055</v>
      </c>
      <c r="I32497" s="1" t="s">
        <v>112810</v>
      </c>
      <c r="J32497" s="1" t="s">
        <v>113141</v>
      </c>
    </row>
    <row r="32498" spans="1:10" x14ac:dyDescent="0.35">
      <c r="A32498" s="1" t="s">
        <v>113051</v>
      </c>
      <c r="B32498" s="1" t="s">
        <v>112805</v>
      </c>
      <c r="C32498" s="1" t="s">
        <v>130</v>
      </c>
      <c r="D32498" s="1" t="s">
        <v>113142</v>
      </c>
      <c r="E32498" s="1" t="s">
        <v>113143</v>
      </c>
      <c r="F32498" s="1" t="s">
        <v>113144</v>
      </c>
      <c r="G32498" s="1" t="s">
        <v>113054</v>
      </c>
      <c r="H32498" s="1" t="s">
        <v>113055</v>
      </c>
      <c r="I32498" s="1" t="s">
        <v>112810</v>
      </c>
      <c r="J32498" s="1" t="s">
        <v>113145</v>
      </c>
    </row>
    <row r="32499" spans="1:10" x14ac:dyDescent="0.35">
      <c r="A32499" s="1" t="s">
        <v>113051</v>
      </c>
      <c r="B32499" s="1" t="s">
        <v>112805</v>
      </c>
      <c r="C32499" s="1" t="s">
        <v>135</v>
      </c>
      <c r="D32499" s="1" t="s">
        <v>113146</v>
      </c>
      <c r="E32499" s="1" t="s">
        <v>113147</v>
      </c>
      <c r="F32499" s="1" t="s">
        <v>113148</v>
      </c>
      <c r="G32499" s="1" t="s">
        <v>113054</v>
      </c>
      <c r="H32499" s="1" t="s">
        <v>113055</v>
      </c>
      <c r="I32499" s="1" t="s">
        <v>112810</v>
      </c>
      <c r="J32499" s="1" t="s">
        <v>113149</v>
      </c>
    </row>
    <row r="32500" spans="1:10" x14ac:dyDescent="0.35">
      <c r="A32500" s="1" t="s">
        <v>113051</v>
      </c>
      <c r="B32500" s="1" t="s">
        <v>112805</v>
      </c>
      <c r="C32500" s="1" t="s">
        <v>140</v>
      </c>
      <c r="D32500" s="1" t="s">
        <v>53903</v>
      </c>
      <c r="E32500" s="1" t="s">
        <v>113150</v>
      </c>
      <c r="F32500" s="1" t="s">
        <v>113151</v>
      </c>
      <c r="G32500" s="1" t="s">
        <v>113054</v>
      </c>
      <c r="H32500" s="1" t="s">
        <v>113055</v>
      </c>
      <c r="I32500" s="1" t="s">
        <v>112810</v>
      </c>
      <c r="J32500" s="1" t="s">
        <v>113152</v>
      </c>
    </row>
    <row r="32501" spans="1:10" x14ac:dyDescent="0.35">
      <c r="A32501" s="1" t="s">
        <v>113051</v>
      </c>
      <c r="B32501" s="1" t="s">
        <v>112805</v>
      </c>
      <c r="C32501" s="1" t="s">
        <v>145</v>
      </c>
      <c r="D32501" s="1" t="s">
        <v>113153</v>
      </c>
      <c r="E32501" s="1" t="s">
        <v>113154</v>
      </c>
      <c r="F32501" s="1" t="s">
        <v>113155</v>
      </c>
      <c r="G32501" s="1" t="s">
        <v>113054</v>
      </c>
      <c r="H32501" s="1" t="s">
        <v>113055</v>
      </c>
      <c r="I32501" s="1" t="s">
        <v>112810</v>
      </c>
      <c r="J32501" s="1" t="s">
        <v>113156</v>
      </c>
    </row>
    <row r="32502" spans="1:10" x14ac:dyDescent="0.35">
      <c r="A32502" s="1" t="s">
        <v>113051</v>
      </c>
      <c r="B32502" s="1" t="s">
        <v>112805</v>
      </c>
      <c r="C32502" s="1" t="s">
        <v>150</v>
      </c>
      <c r="D32502" s="1" t="s">
        <v>18799</v>
      </c>
      <c r="E32502" s="1" t="s">
        <v>113157</v>
      </c>
      <c r="F32502" s="1" t="s">
        <v>113158</v>
      </c>
      <c r="G32502" s="1" t="s">
        <v>113054</v>
      </c>
      <c r="H32502" s="1" t="s">
        <v>113055</v>
      </c>
      <c r="I32502" s="1" t="s">
        <v>112810</v>
      </c>
      <c r="J32502" s="1" t="s">
        <v>113159</v>
      </c>
    </row>
    <row r="32503" spans="1:10" x14ac:dyDescent="0.35">
      <c r="A32503" s="1" t="s">
        <v>113051</v>
      </c>
      <c r="B32503" s="1" t="s">
        <v>112805</v>
      </c>
      <c r="C32503" s="1" t="s">
        <v>155</v>
      </c>
      <c r="D32503" s="1" t="s">
        <v>113160</v>
      </c>
      <c r="E32503" s="1" t="s">
        <v>113161</v>
      </c>
      <c r="F32503" s="1" t="s">
        <v>113162</v>
      </c>
      <c r="G32503" s="1" t="s">
        <v>113054</v>
      </c>
      <c r="H32503" s="1" t="s">
        <v>113055</v>
      </c>
      <c r="I32503" s="1" t="s">
        <v>112810</v>
      </c>
      <c r="J32503" s="1" t="s">
        <v>113163</v>
      </c>
    </row>
    <row r="32504" spans="1:10" x14ac:dyDescent="0.35">
      <c r="A32504" s="1" t="s">
        <v>113051</v>
      </c>
      <c r="B32504" s="1" t="s">
        <v>112805</v>
      </c>
      <c r="C32504" s="1" t="s">
        <v>160</v>
      </c>
      <c r="D32504" s="1" t="s">
        <v>59500</v>
      </c>
      <c r="E32504" s="1" t="s">
        <v>113164</v>
      </c>
      <c r="F32504" s="1" t="s">
        <v>113165</v>
      </c>
      <c r="G32504" s="1" t="s">
        <v>113054</v>
      </c>
      <c r="H32504" s="1" t="s">
        <v>113055</v>
      </c>
      <c r="I32504" s="1" t="s">
        <v>112810</v>
      </c>
      <c r="J32504" s="1" t="s">
        <v>113166</v>
      </c>
    </row>
    <row r="32505" spans="1:10" x14ac:dyDescent="0.35">
      <c r="A32505" s="1" t="s">
        <v>113051</v>
      </c>
      <c r="B32505" s="1" t="s">
        <v>112805</v>
      </c>
      <c r="C32505" s="1" t="s">
        <v>165</v>
      </c>
      <c r="D32505" s="1" t="s">
        <v>113167</v>
      </c>
      <c r="E32505" s="1" t="s">
        <v>113168</v>
      </c>
      <c r="F32505" s="1" t="s">
        <v>113169</v>
      </c>
      <c r="G32505" s="1" t="s">
        <v>113054</v>
      </c>
      <c r="H32505" s="1" t="s">
        <v>113055</v>
      </c>
      <c r="I32505" s="1" t="s">
        <v>112810</v>
      </c>
      <c r="J32505" s="1" t="s">
        <v>113170</v>
      </c>
    </row>
    <row r="32506" spans="1:10" x14ac:dyDescent="0.35">
      <c r="A32506" s="1" t="s">
        <v>113051</v>
      </c>
      <c r="B32506" s="1" t="s">
        <v>112805</v>
      </c>
      <c r="C32506" s="1" t="s">
        <v>170</v>
      </c>
      <c r="D32506" s="1" t="s">
        <v>98730</v>
      </c>
      <c r="E32506" s="1" t="s">
        <v>113171</v>
      </c>
      <c r="F32506" s="1" t="s">
        <v>113172</v>
      </c>
      <c r="G32506" s="1" t="s">
        <v>113054</v>
      </c>
      <c r="H32506" s="1" t="s">
        <v>113055</v>
      </c>
      <c r="I32506" s="1" t="s">
        <v>112810</v>
      </c>
      <c r="J32506" s="1" t="s">
        <v>113173</v>
      </c>
    </row>
    <row r="32507" spans="1:10" x14ac:dyDescent="0.35">
      <c r="A32507" s="1" t="s">
        <v>113174</v>
      </c>
      <c r="B32507" s="1" t="s">
        <v>113175</v>
      </c>
      <c r="C32507" s="1" t="s">
        <v>8</v>
      </c>
      <c r="D32507" s="1" t="s">
        <v>17671</v>
      </c>
      <c r="E32507" s="1" t="s">
        <v>113176</v>
      </c>
      <c r="F32507" s="1" t="s">
        <v>113177</v>
      </c>
      <c r="G32507" s="1" t="s">
        <v>113178</v>
      </c>
      <c r="H32507" s="1" t="s">
        <v>113179</v>
      </c>
      <c r="I32507" s="1" t="s">
        <v>113180</v>
      </c>
      <c r="J32507" s="1" t="s">
        <v>13</v>
      </c>
    </row>
    <row r="32508" spans="1:10" x14ac:dyDescent="0.35">
      <c r="A32508" s="1" t="s">
        <v>113174</v>
      </c>
      <c r="B32508" s="1" t="s">
        <v>113175</v>
      </c>
      <c r="C32508" s="1" t="s">
        <v>15</v>
      </c>
      <c r="D32508" s="1" t="s">
        <v>113181</v>
      </c>
      <c r="E32508" s="1" t="s">
        <v>113182</v>
      </c>
      <c r="F32508" s="1" t="s">
        <v>113183</v>
      </c>
      <c r="G32508" s="1" t="s">
        <v>113178</v>
      </c>
      <c r="H32508" s="1" t="s">
        <v>113179</v>
      </c>
      <c r="I32508" s="1" t="s">
        <v>113180</v>
      </c>
      <c r="J32508" s="1" t="s">
        <v>113184</v>
      </c>
    </row>
    <row r="32509" spans="1:10" x14ac:dyDescent="0.35">
      <c r="A32509" s="1" t="s">
        <v>113174</v>
      </c>
      <c r="B32509" s="1" t="s">
        <v>113175</v>
      </c>
      <c r="C32509" s="1" t="s">
        <v>20</v>
      </c>
      <c r="D32509" s="1" t="s">
        <v>32846</v>
      </c>
      <c r="E32509" s="1" t="s">
        <v>113185</v>
      </c>
      <c r="F32509" s="1" t="s">
        <v>113186</v>
      </c>
      <c r="G32509" s="1" t="s">
        <v>113178</v>
      </c>
      <c r="H32509" s="1" t="s">
        <v>113179</v>
      </c>
      <c r="I32509" s="1" t="s">
        <v>113180</v>
      </c>
      <c r="J32509" s="1" t="s">
        <v>113187</v>
      </c>
    </row>
    <row r="32510" spans="1:10" x14ac:dyDescent="0.35">
      <c r="A32510" s="1" t="s">
        <v>113174</v>
      </c>
      <c r="B32510" s="1" t="s">
        <v>113175</v>
      </c>
      <c r="C32510" s="1" t="s">
        <v>25</v>
      </c>
      <c r="D32510" s="1" t="s">
        <v>113188</v>
      </c>
      <c r="E32510" s="1" t="s">
        <v>113189</v>
      </c>
      <c r="F32510" s="1" t="s">
        <v>113190</v>
      </c>
      <c r="G32510" s="1" t="s">
        <v>113178</v>
      </c>
      <c r="H32510" s="1" t="s">
        <v>113179</v>
      </c>
      <c r="I32510" s="1" t="s">
        <v>113180</v>
      </c>
      <c r="J32510" s="1" t="s">
        <v>113191</v>
      </c>
    </row>
    <row r="32511" spans="1:10" x14ac:dyDescent="0.35">
      <c r="A32511" s="1" t="s">
        <v>113174</v>
      </c>
      <c r="B32511" s="1" t="s">
        <v>113175</v>
      </c>
      <c r="C32511" s="1" t="s">
        <v>30</v>
      </c>
      <c r="D32511" s="1" t="s">
        <v>113192</v>
      </c>
      <c r="E32511" s="1" t="s">
        <v>113193</v>
      </c>
      <c r="F32511" s="1" t="s">
        <v>113194</v>
      </c>
      <c r="G32511" s="1" t="s">
        <v>113178</v>
      </c>
      <c r="H32511" s="1" t="s">
        <v>113179</v>
      </c>
      <c r="I32511" s="1" t="s">
        <v>113180</v>
      </c>
      <c r="J32511" s="1" t="s">
        <v>113195</v>
      </c>
    </row>
    <row r="32512" spans="1:10" x14ac:dyDescent="0.35">
      <c r="A32512" s="1" t="s">
        <v>113174</v>
      </c>
      <c r="B32512" s="1" t="s">
        <v>113175</v>
      </c>
      <c r="C32512" s="1" t="s">
        <v>35</v>
      </c>
      <c r="D32512" s="1" t="s">
        <v>113196</v>
      </c>
      <c r="E32512" s="1" t="s">
        <v>113197</v>
      </c>
      <c r="F32512" s="1" t="s">
        <v>113198</v>
      </c>
      <c r="G32512" s="1" t="s">
        <v>113178</v>
      </c>
      <c r="H32512" s="1" t="s">
        <v>113179</v>
      </c>
      <c r="I32512" s="1" t="s">
        <v>113180</v>
      </c>
      <c r="J32512" s="1" t="s">
        <v>113199</v>
      </c>
    </row>
    <row r="32513" spans="1:10" x14ac:dyDescent="0.35">
      <c r="A32513" s="1" t="s">
        <v>113174</v>
      </c>
      <c r="B32513" s="1" t="s">
        <v>113175</v>
      </c>
      <c r="C32513" s="1" t="s">
        <v>40</v>
      </c>
      <c r="D32513" s="1" t="s">
        <v>113200</v>
      </c>
      <c r="E32513" s="1" t="s">
        <v>113201</v>
      </c>
      <c r="F32513" s="1" t="s">
        <v>113202</v>
      </c>
      <c r="G32513" s="1" t="s">
        <v>113178</v>
      </c>
      <c r="H32513" s="1" t="s">
        <v>113179</v>
      </c>
      <c r="I32513" s="1" t="s">
        <v>113180</v>
      </c>
      <c r="J32513" s="1" t="s">
        <v>113203</v>
      </c>
    </row>
    <row r="32514" spans="1:10" x14ac:dyDescent="0.35">
      <c r="A32514" s="1" t="s">
        <v>113174</v>
      </c>
      <c r="B32514" s="1" t="s">
        <v>113175</v>
      </c>
      <c r="C32514" s="1" t="s">
        <v>45</v>
      </c>
      <c r="D32514" s="1" t="s">
        <v>73609</v>
      </c>
      <c r="E32514" s="1" t="s">
        <v>113204</v>
      </c>
      <c r="F32514" s="1" t="s">
        <v>113205</v>
      </c>
      <c r="G32514" s="1" t="s">
        <v>113178</v>
      </c>
      <c r="H32514" s="1" t="s">
        <v>113179</v>
      </c>
      <c r="I32514" s="1" t="s">
        <v>113180</v>
      </c>
      <c r="J32514" s="1" t="s">
        <v>113206</v>
      </c>
    </row>
    <row r="32515" spans="1:10" x14ac:dyDescent="0.35">
      <c r="A32515" s="1" t="s">
        <v>113174</v>
      </c>
      <c r="B32515" s="1" t="s">
        <v>113175</v>
      </c>
      <c r="C32515" s="1" t="s">
        <v>50</v>
      </c>
      <c r="D32515" s="1" t="s">
        <v>113207</v>
      </c>
      <c r="E32515" s="1" t="s">
        <v>113208</v>
      </c>
      <c r="F32515" s="1" t="s">
        <v>113209</v>
      </c>
      <c r="G32515" s="1" t="s">
        <v>113178</v>
      </c>
      <c r="H32515" s="1" t="s">
        <v>113179</v>
      </c>
      <c r="I32515" s="1" t="s">
        <v>113180</v>
      </c>
      <c r="J32515" s="1" t="s">
        <v>113210</v>
      </c>
    </row>
    <row r="32516" spans="1:10" x14ac:dyDescent="0.35">
      <c r="A32516" s="1" t="s">
        <v>113174</v>
      </c>
      <c r="B32516" s="1" t="s">
        <v>113175</v>
      </c>
      <c r="C32516" s="1" t="s">
        <v>55</v>
      </c>
      <c r="D32516" s="1" t="s">
        <v>42566</v>
      </c>
      <c r="E32516" s="1" t="s">
        <v>113211</v>
      </c>
      <c r="F32516" s="1" t="s">
        <v>113212</v>
      </c>
      <c r="G32516" s="1" t="s">
        <v>113178</v>
      </c>
      <c r="H32516" s="1" t="s">
        <v>113179</v>
      </c>
      <c r="I32516" s="1" t="s">
        <v>113180</v>
      </c>
      <c r="J32516" s="1" t="s">
        <v>113213</v>
      </c>
    </row>
    <row r="32517" spans="1:10" x14ac:dyDescent="0.35">
      <c r="A32517" s="1" t="s">
        <v>113174</v>
      </c>
      <c r="B32517" s="1" t="s">
        <v>113175</v>
      </c>
      <c r="C32517" s="1" t="s">
        <v>60</v>
      </c>
      <c r="D32517" s="1" t="s">
        <v>113214</v>
      </c>
      <c r="E32517" s="1" t="s">
        <v>113215</v>
      </c>
      <c r="F32517" s="1" t="s">
        <v>113216</v>
      </c>
      <c r="G32517" s="1" t="s">
        <v>113178</v>
      </c>
      <c r="H32517" s="1" t="s">
        <v>113179</v>
      </c>
      <c r="I32517" s="1" t="s">
        <v>113180</v>
      </c>
      <c r="J32517" s="1" t="s">
        <v>113217</v>
      </c>
    </row>
    <row r="32518" spans="1:10" x14ac:dyDescent="0.35">
      <c r="A32518" s="1" t="s">
        <v>113174</v>
      </c>
      <c r="B32518" s="1" t="s">
        <v>113175</v>
      </c>
      <c r="C32518" s="1" t="s">
        <v>65</v>
      </c>
      <c r="D32518" s="1" t="s">
        <v>113218</v>
      </c>
      <c r="E32518" s="1" t="s">
        <v>113219</v>
      </c>
      <c r="F32518" s="1" t="s">
        <v>113220</v>
      </c>
      <c r="G32518" s="1" t="s">
        <v>113178</v>
      </c>
      <c r="H32518" s="1" t="s">
        <v>113179</v>
      </c>
      <c r="I32518" s="1" t="s">
        <v>113180</v>
      </c>
      <c r="J32518" s="1" t="s">
        <v>113221</v>
      </c>
    </row>
    <row r="32519" spans="1:10" x14ac:dyDescent="0.35">
      <c r="A32519" s="1" t="s">
        <v>113174</v>
      </c>
      <c r="B32519" s="1" t="s">
        <v>113175</v>
      </c>
      <c r="C32519" s="1" t="s">
        <v>70</v>
      </c>
      <c r="D32519" s="1" t="s">
        <v>113222</v>
      </c>
      <c r="E32519" s="1" t="s">
        <v>113223</v>
      </c>
      <c r="F32519" s="1" t="s">
        <v>113224</v>
      </c>
      <c r="G32519" s="1" t="s">
        <v>113178</v>
      </c>
      <c r="H32519" s="1" t="s">
        <v>113179</v>
      </c>
      <c r="I32519" s="1" t="s">
        <v>113180</v>
      </c>
      <c r="J32519" s="1" t="s">
        <v>113225</v>
      </c>
    </row>
    <row r="32520" spans="1:10" x14ac:dyDescent="0.35">
      <c r="A32520" s="1" t="s">
        <v>113174</v>
      </c>
      <c r="B32520" s="1" t="s">
        <v>113175</v>
      </c>
      <c r="C32520" s="1" t="s">
        <v>75</v>
      </c>
      <c r="D32520" s="1" t="s">
        <v>43228</v>
      </c>
      <c r="E32520" s="1" t="s">
        <v>113226</v>
      </c>
      <c r="F32520" s="1" t="s">
        <v>113227</v>
      </c>
      <c r="G32520" s="1" t="s">
        <v>113178</v>
      </c>
      <c r="H32520" s="1" t="s">
        <v>113179</v>
      </c>
      <c r="I32520" s="1" t="s">
        <v>113180</v>
      </c>
      <c r="J32520" s="1" t="s">
        <v>113228</v>
      </c>
    </row>
    <row r="32521" spans="1:10" x14ac:dyDescent="0.35">
      <c r="A32521" s="1" t="s">
        <v>113174</v>
      </c>
      <c r="B32521" s="1" t="s">
        <v>113175</v>
      </c>
      <c r="C32521" s="1" t="s">
        <v>80</v>
      </c>
      <c r="D32521" s="1" t="s">
        <v>113229</v>
      </c>
      <c r="E32521" s="1" t="s">
        <v>113230</v>
      </c>
      <c r="F32521" s="1" t="s">
        <v>113231</v>
      </c>
      <c r="G32521" s="1" t="s">
        <v>113178</v>
      </c>
      <c r="H32521" s="1" t="s">
        <v>113179</v>
      </c>
      <c r="I32521" s="1" t="s">
        <v>113180</v>
      </c>
      <c r="J32521" s="1" t="s">
        <v>113232</v>
      </c>
    </row>
    <row r="32522" spans="1:10" x14ac:dyDescent="0.35">
      <c r="A32522" s="1" t="s">
        <v>113174</v>
      </c>
      <c r="B32522" s="1" t="s">
        <v>113175</v>
      </c>
      <c r="C32522" s="1" t="s">
        <v>85</v>
      </c>
      <c r="D32522" s="1" t="s">
        <v>109146</v>
      </c>
      <c r="E32522" s="1" t="s">
        <v>113233</v>
      </c>
      <c r="F32522" s="1" t="s">
        <v>113234</v>
      </c>
      <c r="G32522" s="1" t="s">
        <v>113178</v>
      </c>
      <c r="H32522" s="1" t="s">
        <v>113179</v>
      </c>
      <c r="I32522" s="1" t="s">
        <v>113180</v>
      </c>
      <c r="J32522" s="1" t="s">
        <v>113235</v>
      </c>
    </row>
    <row r="32523" spans="1:10" x14ac:dyDescent="0.35">
      <c r="A32523" s="1" t="s">
        <v>113174</v>
      </c>
      <c r="B32523" s="1" t="s">
        <v>113175</v>
      </c>
      <c r="C32523" s="1" t="s">
        <v>90</v>
      </c>
      <c r="D32523" s="1" t="s">
        <v>113236</v>
      </c>
      <c r="E32523" s="1" t="s">
        <v>113237</v>
      </c>
      <c r="F32523" s="1" t="s">
        <v>113238</v>
      </c>
      <c r="G32523" s="1" t="s">
        <v>113178</v>
      </c>
      <c r="H32523" s="1" t="s">
        <v>113179</v>
      </c>
      <c r="I32523" s="1" t="s">
        <v>113180</v>
      </c>
      <c r="J32523" s="1" t="s">
        <v>113239</v>
      </c>
    </row>
    <row r="32524" spans="1:10" x14ac:dyDescent="0.35">
      <c r="A32524" s="1" t="s">
        <v>113174</v>
      </c>
      <c r="B32524" s="1" t="s">
        <v>113175</v>
      </c>
      <c r="C32524" s="1" t="s">
        <v>95</v>
      </c>
      <c r="D32524" s="1" t="s">
        <v>113240</v>
      </c>
      <c r="E32524" s="1" t="s">
        <v>113241</v>
      </c>
      <c r="F32524" s="1" t="s">
        <v>113242</v>
      </c>
      <c r="G32524" s="1" t="s">
        <v>113178</v>
      </c>
      <c r="H32524" s="1" t="s">
        <v>113179</v>
      </c>
      <c r="I32524" s="1" t="s">
        <v>113180</v>
      </c>
      <c r="J32524" s="1" t="s">
        <v>113243</v>
      </c>
    </row>
    <row r="32525" spans="1:10" x14ac:dyDescent="0.35">
      <c r="A32525" s="1" t="s">
        <v>113174</v>
      </c>
      <c r="B32525" s="1" t="s">
        <v>113175</v>
      </c>
      <c r="C32525" s="1" t="s">
        <v>100</v>
      </c>
      <c r="D32525" s="1" t="s">
        <v>113244</v>
      </c>
      <c r="E32525" s="1" t="s">
        <v>26156</v>
      </c>
      <c r="F32525" s="1" t="s">
        <v>113245</v>
      </c>
      <c r="G32525" s="1" t="s">
        <v>113178</v>
      </c>
      <c r="H32525" s="1" t="s">
        <v>113179</v>
      </c>
      <c r="I32525" s="1" t="s">
        <v>113180</v>
      </c>
      <c r="J32525" s="1" t="s">
        <v>113246</v>
      </c>
    </row>
    <row r="32526" spans="1:10" x14ac:dyDescent="0.35">
      <c r="A32526" s="1" t="s">
        <v>113174</v>
      </c>
      <c r="B32526" s="1" t="s">
        <v>113175</v>
      </c>
      <c r="C32526" s="1" t="s">
        <v>105</v>
      </c>
      <c r="D32526" s="1" t="s">
        <v>18338</v>
      </c>
      <c r="E32526" s="1" t="s">
        <v>113247</v>
      </c>
      <c r="F32526" s="1" t="s">
        <v>113248</v>
      </c>
      <c r="G32526" s="1" t="s">
        <v>113178</v>
      </c>
      <c r="H32526" s="1" t="s">
        <v>113179</v>
      </c>
      <c r="I32526" s="1" t="s">
        <v>113180</v>
      </c>
      <c r="J32526" s="1" t="s">
        <v>113249</v>
      </c>
    </row>
    <row r="32527" spans="1:10" x14ac:dyDescent="0.35">
      <c r="A32527" s="1" t="s">
        <v>113174</v>
      </c>
      <c r="B32527" s="1" t="s">
        <v>113175</v>
      </c>
      <c r="C32527" s="1" t="s">
        <v>110</v>
      </c>
      <c r="D32527" s="1" t="s">
        <v>113250</v>
      </c>
      <c r="E32527" s="1" t="s">
        <v>113189</v>
      </c>
      <c r="F32527" s="1" t="s">
        <v>113251</v>
      </c>
      <c r="G32527" s="1" t="s">
        <v>113178</v>
      </c>
      <c r="H32527" s="1" t="s">
        <v>113179</v>
      </c>
      <c r="I32527" s="1" t="s">
        <v>113180</v>
      </c>
      <c r="J32527" s="1" t="s">
        <v>113252</v>
      </c>
    </row>
    <row r="32528" spans="1:10" x14ac:dyDescent="0.35">
      <c r="A32528" s="1" t="s">
        <v>113174</v>
      </c>
      <c r="B32528" s="1" t="s">
        <v>113175</v>
      </c>
      <c r="C32528" s="1" t="s">
        <v>115</v>
      </c>
      <c r="D32528" s="1" t="s">
        <v>113253</v>
      </c>
      <c r="E32528" s="1" t="s">
        <v>113254</v>
      </c>
      <c r="F32528" s="1" t="s">
        <v>113255</v>
      </c>
      <c r="G32528" s="1" t="s">
        <v>113178</v>
      </c>
      <c r="H32528" s="1" t="s">
        <v>113179</v>
      </c>
      <c r="I32528" s="1" t="s">
        <v>113180</v>
      </c>
      <c r="J32528" s="1" t="s">
        <v>113256</v>
      </c>
    </row>
    <row r="32529" spans="1:10" x14ac:dyDescent="0.35">
      <c r="A32529" s="1" t="s">
        <v>113174</v>
      </c>
      <c r="B32529" s="1" t="s">
        <v>113175</v>
      </c>
      <c r="C32529" s="1" t="s">
        <v>120</v>
      </c>
      <c r="D32529" s="1" t="s">
        <v>113257</v>
      </c>
      <c r="E32529" s="1" t="s">
        <v>113258</v>
      </c>
      <c r="F32529" s="1" t="s">
        <v>113259</v>
      </c>
      <c r="G32529" s="1" t="s">
        <v>113178</v>
      </c>
      <c r="H32529" s="1" t="s">
        <v>113179</v>
      </c>
      <c r="I32529" s="1" t="s">
        <v>113180</v>
      </c>
      <c r="J32529" s="1" t="s">
        <v>113260</v>
      </c>
    </row>
    <row r="32530" spans="1:10" x14ac:dyDescent="0.35">
      <c r="A32530" s="1" t="s">
        <v>113174</v>
      </c>
      <c r="B32530" s="1" t="s">
        <v>113175</v>
      </c>
      <c r="C32530" s="1" t="s">
        <v>125</v>
      </c>
      <c r="D32530" s="1" t="s">
        <v>113261</v>
      </c>
      <c r="E32530" s="1" t="s">
        <v>113262</v>
      </c>
      <c r="F32530" s="1" t="s">
        <v>113263</v>
      </c>
      <c r="G32530" s="1" t="s">
        <v>113178</v>
      </c>
      <c r="H32530" s="1" t="s">
        <v>113179</v>
      </c>
      <c r="I32530" s="1" t="s">
        <v>113180</v>
      </c>
      <c r="J32530" s="1" t="s">
        <v>113264</v>
      </c>
    </row>
    <row r="32531" spans="1:10" x14ac:dyDescent="0.35">
      <c r="A32531" s="1" t="s">
        <v>113174</v>
      </c>
      <c r="B32531" s="1" t="s">
        <v>113175</v>
      </c>
      <c r="C32531" s="1" t="s">
        <v>130</v>
      </c>
      <c r="D32531" s="1" t="s">
        <v>113265</v>
      </c>
      <c r="E32531" s="1" t="s">
        <v>113266</v>
      </c>
      <c r="F32531" s="1" t="s">
        <v>113267</v>
      </c>
      <c r="G32531" s="1" t="s">
        <v>113178</v>
      </c>
      <c r="H32531" s="1" t="s">
        <v>113179</v>
      </c>
      <c r="I32531" s="1" t="s">
        <v>113180</v>
      </c>
      <c r="J32531" s="1" t="s">
        <v>113268</v>
      </c>
    </row>
    <row r="32532" spans="1:10" x14ac:dyDescent="0.35">
      <c r="A32532" s="1" t="s">
        <v>113174</v>
      </c>
      <c r="B32532" s="1" t="s">
        <v>113175</v>
      </c>
      <c r="C32532" s="1" t="s">
        <v>135</v>
      </c>
      <c r="D32532" s="1" t="s">
        <v>113269</v>
      </c>
      <c r="E32532" s="1" t="s">
        <v>113270</v>
      </c>
      <c r="F32532" s="1" t="s">
        <v>113271</v>
      </c>
      <c r="G32532" s="1" t="s">
        <v>113178</v>
      </c>
      <c r="H32532" s="1" t="s">
        <v>113179</v>
      </c>
      <c r="I32532" s="1" t="s">
        <v>113180</v>
      </c>
      <c r="J32532" s="1" t="s">
        <v>113272</v>
      </c>
    </row>
    <row r="32533" spans="1:10" x14ac:dyDescent="0.35">
      <c r="A32533" s="1" t="s">
        <v>113174</v>
      </c>
      <c r="B32533" s="1" t="s">
        <v>113175</v>
      </c>
      <c r="C32533" s="1" t="s">
        <v>140</v>
      </c>
      <c r="D32533" s="1" t="s">
        <v>105701</v>
      </c>
      <c r="E32533" s="1" t="s">
        <v>113273</v>
      </c>
      <c r="F32533" s="1" t="s">
        <v>113274</v>
      </c>
      <c r="G32533" s="1" t="s">
        <v>113178</v>
      </c>
      <c r="H32533" s="1" t="s">
        <v>113179</v>
      </c>
      <c r="I32533" s="1" t="s">
        <v>113180</v>
      </c>
      <c r="J32533" s="1" t="s">
        <v>113275</v>
      </c>
    </row>
    <row r="32534" spans="1:10" x14ac:dyDescent="0.35">
      <c r="A32534" s="1" t="s">
        <v>113174</v>
      </c>
      <c r="B32534" s="1" t="s">
        <v>113175</v>
      </c>
      <c r="C32534" s="1" t="s">
        <v>145</v>
      </c>
      <c r="D32534" s="1" t="s">
        <v>113276</v>
      </c>
      <c r="E32534" s="1" t="s">
        <v>113277</v>
      </c>
      <c r="F32534" s="1" t="s">
        <v>113278</v>
      </c>
      <c r="G32534" s="1" t="s">
        <v>113178</v>
      </c>
      <c r="H32534" s="1" t="s">
        <v>113179</v>
      </c>
      <c r="I32534" s="1" t="s">
        <v>113180</v>
      </c>
      <c r="J32534" s="1" t="s">
        <v>113279</v>
      </c>
    </row>
    <row r="32535" spans="1:10" x14ac:dyDescent="0.35">
      <c r="A32535" s="1" t="s">
        <v>113174</v>
      </c>
      <c r="B32535" s="1" t="s">
        <v>113175</v>
      </c>
      <c r="C32535" s="1" t="s">
        <v>150</v>
      </c>
      <c r="D32535" s="1" t="s">
        <v>113280</v>
      </c>
      <c r="E32535" s="1" t="s">
        <v>113281</v>
      </c>
      <c r="F32535" s="1" t="s">
        <v>113282</v>
      </c>
      <c r="G32535" s="1" t="s">
        <v>113178</v>
      </c>
      <c r="H32535" s="1" t="s">
        <v>113179</v>
      </c>
      <c r="I32535" s="1" t="s">
        <v>113180</v>
      </c>
      <c r="J32535" s="1" t="s">
        <v>113283</v>
      </c>
    </row>
    <row r="32536" spans="1:10" x14ac:dyDescent="0.35">
      <c r="A32536" s="1" t="s">
        <v>113174</v>
      </c>
      <c r="B32536" s="1" t="s">
        <v>113175</v>
      </c>
      <c r="C32536" s="1" t="s">
        <v>155</v>
      </c>
      <c r="D32536" s="1" t="s">
        <v>113284</v>
      </c>
      <c r="E32536" s="1" t="s">
        <v>113285</v>
      </c>
      <c r="F32536" s="1" t="s">
        <v>113286</v>
      </c>
      <c r="G32536" s="1" t="s">
        <v>113178</v>
      </c>
      <c r="H32536" s="1" t="s">
        <v>113179</v>
      </c>
      <c r="I32536" s="1" t="s">
        <v>113180</v>
      </c>
      <c r="J32536" s="1" t="s">
        <v>113287</v>
      </c>
    </row>
    <row r="32537" spans="1:10" x14ac:dyDescent="0.35">
      <c r="A32537" s="1" t="s">
        <v>113174</v>
      </c>
      <c r="B32537" s="1" t="s">
        <v>113175</v>
      </c>
      <c r="C32537" s="1" t="s">
        <v>160</v>
      </c>
      <c r="D32537" s="1" t="s">
        <v>113288</v>
      </c>
      <c r="E32537" s="1" t="s">
        <v>113289</v>
      </c>
      <c r="F32537" s="1" t="s">
        <v>113290</v>
      </c>
      <c r="G32537" s="1" t="s">
        <v>113178</v>
      </c>
      <c r="H32537" s="1" t="s">
        <v>113179</v>
      </c>
      <c r="I32537" s="1" t="s">
        <v>113180</v>
      </c>
      <c r="J32537" s="1" t="s">
        <v>113291</v>
      </c>
    </row>
    <row r="32538" spans="1:10" x14ac:dyDescent="0.35">
      <c r="A32538" s="1" t="s">
        <v>113174</v>
      </c>
      <c r="B32538" s="1" t="s">
        <v>113175</v>
      </c>
      <c r="C32538" s="1" t="s">
        <v>165</v>
      </c>
      <c r="D32538" s="1" t="s">
        <v>113292</v>
      </c>
      <c r="E32538" s="1" t="s">
        <v>113293</v>
      </c>
      <c r="F32538" s="1" t="s">
        <v>113294</v>
      </c>
      <c r="G32538" s="1" t="s">
        <v>113178</v>
      </c>
      <c r="H32538" s="1" t="s">
        <v>113179</v>
      </c>
      <c r="I32538" s="1" t="s">
        <v>113180</v>
      </c>
      <c r="J32538" s="1" t="s">
        <v>113295</v>
      </c>
    </row>
    <row r="32539" spans="1:10" x14ac:dyDescent="0.35">
      <c r="A32539" s="1" t="s">
        <v>113174</v>
      </c>
      <c r="B32539" s="1" t="s">
        <v>113175</v>
      </c>
      <c r="C32539" s="1" t="s">
        <v>170</v>
      </c>
      <c r="D32539" s="1" t="s">
        <v>113296</v>
      </c>
      <c r="E32539" s="1" t="s">
        <v>113297</v>
      </c>
      <c r="F32539" s="1" t="s">
        <v>113298</v>
      </c>
      <c r="G32539" s="1" t="s">
        <v>113178</v>
      </c>
      <c r="H32539" s="1" t="s">
        <v>113179</v>
      </c>
      <c r="I32539" s="1" t="s">
        <v>113180</v>
      </c>
      <c r="J32539" s="1" t="s">
        <v>113299</v>
      </c>
    </row>
    <row r="32540" spans="1:10" x14ac:dyDescent="0.35">
      <c r="A32540" s="1" t="s">
        <v>13192</v>
      </c>
      <c r="B32540" s="1" t="s">
        <v>113175</v>
      </c>
      <c r="C32540" s="1" t="s">
        <v>8</v>
      </c>
      <c r="D32540" s="1" t="s">
        <v>113300</v>
      </c>
      <c r="E32540" s="1" t="s">
        <v>113301</v>
      </c>
      <c r="F32540" s="1" t="s">
        <v>113302</v>
      </c>
      <c r="G32540" s="1" t="s">
        <v>113303</v>
      </c>
      <c r="H32540" s="1" t="s">
        <v>113304</v>
      </c>
      <c r="I32540" s="1" t="s">
        <v>113180</v>
      </c>
      <c r="J32540" s="1" t="s">
        <v>13</v>
      </c>
    </row>
    <row r="32541" spans="1:10" x14ac:dyDescent="0.35">
      <c r="A32541" s="1" t="s">
        <v>13192</v>
      </c>
      <c r="B32541" s="1" t="s">
        <v>113175</v>
      </c>
      <c r="C32541" s="1" t="s">
        <v>15</v>
      </c>
      <c r="D32541" s="1" t="s">
        <v>113305</v>
      </c>
      <c r="E32541" s="1" t="s">
        <v>113306</v>
      </c>
      <c r="F32541" s="1" t="s">
        <v>113307</v>
      </c>
      <c r="G32541" s="1" t="s">
        <v>113303</v>
      </c>
      <c r="H32541" s="1" t="s">
        <v>113304</v>
      </c>
      <c r="I32541" s="1" t="s">
        <v>113180</v>
      </c>
      <c r="J32541" s="1" t="s">
        <v>113308</v>
      </c>
    </row>
    <row r="32542" spans="1:10" x14ac:dyDescent="0.35">
      <c r="A32542" s="1" t="s">
        <v>13192</v>
      </c>
      <c r="B32542" s="1" t="s">
        <v>113175</v>
      </c>
      <c r="C32542" s="1" t="s">
        <v>20</v>
      </c>
      <c r="D32542" s="1" t="s">
        <v>113309</v>
      </c>
      <c r="E32542" s="1" t="s">
        <v>113310</v>
      </c>
      <c r="F32542" s="1" t="s">
        <v>113311</v>
      </c>
      <c r="G32542" s="1" t="s">
        <v>113303</v>
      </c>
      <c r="H32542" s="1" t="s">
        <v>113304</v>
      </c>
      <c r="I32542" s="1" t="s">
        <v>113180</v>
      </c>
      <c r="J32542" s="1" t="s">
        <v>113312</v>
      </c>
    </row>
    <row r="32543" spans="1:10" x14ac:dyDescent="0.35">
      <c r="A32543" s="1" t="s">
        <v>13192</v>
      </c>
      <c r="B32543" s="1" t="s">
        <v>113175</v>
      </c>
      <c r="C32543" s="1" t="s">
        <v>25</v>
      </c>
      <c r="D32543" s="1" t="s">
        <v>113313</v>
      </c>
      <c r="E32543" s="1" t="s">
        <v>113314</v>
      </c>
      <c r="F32543" s="1" t="s">
        <v>113315</v>
      </c>
      <c r="G32543" s="1" t="s">
        <v>113303</v>
      </c>
      <c r="H32543" s="1" t="s">
        <v>113304</v>
      </c>
      <c r="I32543" s="1" t="s">
        <v>113180</v>
      </c>
      <c r="J32543" s="1" t="s">
        <v>113316</v>
      </c>
    </row>
    <row r="32544" spans="1:10" x14ac:dyDescent="0.35">
      <c r="A32544" s="1" t="s">
        <v>13192</v>
      </c>
      <c r="B32544" s="1" t="s">
        <v>113175</v>
      </c>
      <c r="C32544" s="1" t="s">
        <v>30</v>
      </c>
      <c r="D32544" s="1" t="s">
        <v>113317</v>
      </c>
      <c r="E32544" s="1" t="s">
        <v>113318</v>
      </c>
      <c r="F32544" s="1" t="s">
        <v>113319</v>
      </c>
      <c r="G32544" s="1" t="s">
        <v>113303</v>
      </c>
      <c r="H32544" s="1" t="s">
        <v>113304</v>
      </c>
      <c r="I32544" s="1" t="s">
        <v>113180</v>
      </c>
      <c r="J32544" s="1" t="s">
        <v>113320</v>
      </c>
    </row>
    <row r="32545" spans="1:10" x14ac:dyDescent="0.35">
      <c r="A32545" s="1" t="s">
        <v>13192</v>
      </c>
      <c r="B32545" s="1" t="s">
        <v>113175</v>
      </c>
      <c r="C32545" s="1" t="s">
        <v>35</v>
      </c>
      <c r="D32545" s="1" t="s">
        <v>113321</v>
      </c>
      <c r="E32545" s="1" t="s">
        <v>113322</v>
      </c>
      <c r="F32545" s="1" t="s">
        <v>113323</v>
      </c>
      <c r="G32545" s="1" t="s">
        <v>113303</v>
      </c>
      <c r="H32545" s="1" t="s">
        <v>113304</v>
      </c>
      <c r="I32545" s="1" t="s">
        <v>113180</v>
      </c>
      <c r="J32545" s="1" t="s">
        <v>113324</v>
      </c>
    </row>
    <row r="32546" spans="1:10" x14ac:dyDescent="0.35">
      <c r="A32546" s="1" t="s">
        <v>13192</v>
      </c>
      <c r="B32546" s="1" t="s">
        <v>113175</v>
      </c>
      <c r="C32546" s="1" t="s">
        <v>40</v>
      </c>
      <c r="D32546" s="1" t="s">
        <v>83425</v>
      </c>
      <c r="E32546" s="1" t="s">
        <v>113325</v>
      </c>
      <c r="F32546" s="1" t="s">
        <v>113326</v>
      </c>
      <c r="G32546" s="1" t="s">
        <v>113303</v>
      </c>
      <c r="H32546" s="1" t="s">
        <v>113304</v>
      </c>
      <c r="I32546" s="1" t="s">
        <v>113180</v>
      </c>
      <c r="J32546" s="1" t="s">
        <v>113327</v>
      </c>
    </row>
    <row r="32547" spans="1:10" x14ac:dyDescent="0.35">
      <c r="A32547" s="1" t="s">
        <v>13192</v>
      </c>
      <c r="B32547" s="1" t="s">
        <v>113175</v>
      </c>
      <c r="C32547" s="1" t="s">
        <v>45</v>
      </c>
      <c r="D32547" s="1" t="s">
        <v>32990</v>
      </c>
      <c r="E32547" s="1" t="s">
        <v>113328</v>
      </c>
      <c r="F32547" s="1" t="s">
        <v>113329</v>
      </c>
      <c r="G32547" s="1" t="s">
        <v>113303</v>
      </c>
      <c r="H32547" s="1" t="s">
        <v>113304</v>
      </c>
      <c r="I32547" s="1" t="s">
        <v>113180</v>
      </c>
      <c r="J32547" s="1" t="s">
        <v>113330</v>
      </c>
    </row>
    <row r="32548" spans="1:10" x14ac:dyDescent="0.35">
      <c r="A32548" s="1" t="s">
        <v>13192</v>
      </c>
      <c r="B32548" s="1" t="s">
        <v>113175</v>
      </c>
      <c r="C32548" s="1" t="s">
        <v>50</v>
      </c>
      <c r="D32548" s="1" t="s">
        <v>113331</v>
      </c>
      <c r="E32548" s="1" t="s">
        <v>113332</v>
      </c>
      <c r="F32548" s="1" t="s">
        <v>113333</v>
      </c>
      <c r="G32548" s="1" t="s">
        <v>113303</v>
      </c>
      <c r="H32548" s="1" t="s">
        <v>113304</v>
      </c>
      <c r="I32548" s="1" t="s">
        <v>113180</v>
      </c>
      <c r="J32548" s="1" t="s">
        <v>113334</v>
      </c>
    </row>
    <row r="32549" spans="1:10" x14ac:dyDescent="0.35">
      <c r="A32549" s="1" t="s">
        <v>13192</v>
      </c>
      <c r="B32549" s="1" t="s">
        <v>113175</v>
      </c>
      <c r="C32549" s="1" t="s">
        <v>55</v>
      </c>
      <c r="D32549" s="1" t="s">
        <v>113335</v>
      </c>
      <c r="E32549" s="1" t="s">
        <v>113336</v>
      </c>
      <c r="F32549" s="1" t="s">
        <v>113337</v>
      </c>
      <c r="G32549" s="1" t="s">
        <v>113303</v>
      </c>
      <c r="H32549" s="1" t="s">
        <v>113304</v>
      </c>
      <c r="I32549" s="1" t="s">
        <v>113180</v>
      </c>
      <c r="J32549" s="1" t="s">
        <v>113338</v>
      </c>
    </row>
    <row r="32550" spans="1:10" x14ac:dyDescent="0.35">
      <c r="A32550" s="1" t="s">
        <v>13192</v>
      </c>
      <c r="B32550" s="1" t="s">
        <v>113175</v>
      </c>
      <c r="C32550" s="1" t="s">
        <v>60</v>
      </c>
      <c r="D32550" s="1" t="s">
        <v>83451</v>
      </c>
      <c r="E32550" s="1" t="s">
        <v>113339</v>
      </c>
      <c r="F32550" s="1" t="s">
        <v>113340</v>
      </c>
      <c r="G32550" s="1" t="s">
        <v>113303</v>
      </c>
      <c r="H32550" s="1" t="s">
        <v>113304</v>
      </c>
      <c r="I32550" s="1" t="s">
        <v>113180</v>
      </c>
      <c r="J32550" s="1" t="s">
        <v>113341</v>
      </c>
    </row>
    <row r="32551" spans="1:10" x14ac:dyDescent="0.35">
      <c r="A32551" s="1" t="s">
        <v>13192</v>
      </c>
      <c r="B32551" s="1" t="s">
        <v>113175</v>
      </c>
      <c r="C32551" s="1" t="s">
        <v>65</v>
      </c>
      <c r="D32551" s="1" t="s">
        <v>113342</v>
      </c>
      <c r="E32551" s="1" t="s">
        <v>113343</v>
      </c>
      <c r="F32551" s="1" t="s">
        <v>113344</v>
      </c>
      <c r="G32551" s="1" t="s">
        <v>113303</v>
      </c>
      <c r="H32551" s="1" t="s">
        <v>113304</v>
      </c>
      <c r="I32551" s="1" t="s">
        <v>113180</v>
      </c>
      <c r="J32551" s="1" t="s">
        <v>113345</v>
      </c>
    </row>
    <row r="32552" spans="1:10" x14ac:dyDescent="0.35">
      <c r="A32552" s="1" t="s">
        <v>13192</v>
      </c>
      <c r="B32552" s="1" t="s">
        <v>113175</v>
      </c>
      <c r="C32552" s="1" t="s">
        <v>70</v>
      </c>
      <c r="D32552" s="1" t="s">
        <v>6775</v>
      </c>
      <c r="E32552" s="1" t="s">
        <v>113346</v>
      </c>
      <c r="F32552" s="1" t="s">
        <v>113347</v>
      </c>
      <c r="G32552" s="1" t="s">
        <v>113303</v>
      </c>
      <c r="H32552" s="1" t="s">
        <v>113304</v>
      </c>
      <c r="I32552" s="1" t="s">
        <v>113180</v>
      </c>
      <c r="J32552" s="1" t="s">
        <v>113348</v>
      </c>
    </row>
    <row r="32553" spans="1:10" x14ac:dyDescent="0.35">
      <c r="A32553" s="1" t="s">
        <v>13192</v>
      </c>
      <c r="B32553" s="1" t="s">
        <v>113175</v>
      </c>
      <c r="C32553" s="1" t="s">
        <v>75</v>
      </c>
      <c r="D32553" s="1" t="s">
        <v>113349</v>
      </c>
      <c r="E32553" s="1" t="s">
        <v>113350</v>
      </c>
      <c r="F32553" s="1" t="s">
        <v>113351</v>
      </c>
      <c r="G32553" s="1" t="s">
        <v>113303</v>
      </c>
      <c r="H32553" s="1" t="s">
        <v>113304</v>
      </c>
      <c r="I32553" s="1" t="s">
        <v>113180</v>
      </c>
      <c r="J32553" s="1" t="s">
        <v>113352</v>
      </c>
    </row>
    <row r="32554" spans="1:10" x14ac:dyDescent="0.35">
      <c r="A32554" s="1" t="s">
        <v>13192</v>
      </c>
      <c r="B32554" s="1" t="s">
        <v>113175</v>
      </c>
      <c r="C32554" s="1" t="s">
        <v>80</v>
      </c>
      <c r="D32554" s="1" t="s">
        <v>113353</v>
      </c>
      <c r="E32554" s="1" t="s">
        <v>113354</v>
      </c>
      <c r="F32554" s="1" t="s">
        <v>113355</v>
      </c>
      <c r="G32554" s="1" t="s">
        <v>113303</v>
      </c>
      <c r="H32554" s="1" t="s">
        <v>113304</v>
      </c>
      <c r="I32554" s="1" t="s">
        <v>113180</v>
      </c>
      <c r="J32554" s="1" t="s">
        <v>113356</v>
      </c>
    </row>
    <row r="32555" spans="1:10" x14ac:dyDescent="0.35">
      <c r="A32555" s="1" t="s">
        <v>13192</v>
      </c>
      <c r="B32555" s="1" t="s">
        <v>113175</v>
      </c>
      <c r="C32555" s="1" t="s">
        <v>85</v>
      </c>
      <c r="D32555" s="1" t="s">
        <v>31921</v>
      </c>
      <c r="E32555" s="1" t="s">
        <v>113357</v>
      </c>
      <c r="F32555" s="1" t="s">
        <v>113358</v>
      </c>
      <c r="G32555" s="1" t="s">
        <v>113303</v>
      </c>
      <c r="H32555" s="1" t="s">
        <v>113304</v>
      </c>
      <c r="I32555" s="1" t="s">
        <v>113180</v>
      </c>
      <c r="J32555" s="1" t="s">
        <v>113359</v>
      </c>
    </row>
    <row r="32556" spans="1:10" x14ac:dyDescent="0.35">
      <c r="A32556" s="1" t="s">
        <v>13192</v>
      </c>
      <c r="B32556" s="1" t="s">
        <v>113175</v>
      </c>
      <c r="C32556" s="1" t="s">
        <v>90</v>
      </c>
      <c r="D32556" s="1" t="s">
        <v>113360</v>
      </c>
      <c r="E32556" s="1" t="s">
        <v>113361</v>
      </c>
      <c r="F32556" s="1" t="s">
        <v>113362</v>
      </c>
      <c r="G32556" s="1" t="s">
        <v>113303</v>
      </c>
      <c r="H32556" s="1" t="s">
        <v>113304</v>
      </c>
      <c r="I32556" s="1" t="s">
        <v>113180</v>
      </c>
      <c r="J32556" s="1" t="s">
        <v>113363</v>
      </c>
    </row>
    <row r="32557" spans="1:10" x14ac:dyDescent="0.35">
      <c r="A32557" s="1" t="s">
        <v>13192</v>
      </c>
      <c r="B32557" s="1" t="s">
        <v>113175</v>
      </c>
      <c r="C32557" s="1" t="s">
        <v>95</v>
      </c>
      <c r="D32557" s="1" t="s">
        <v>113364</v>
      </c>
      <c r="E32557" s="1" t="s">
        <v>113365</v>
      </c>
      <c r="F32557" s="1" t="s">
        <v>113366</v>
      </c>
      <c r="G32557" s="1" t="s">
        <v>113303</v>
      </c>
      <c r="H32557" s="1" t="s">
        <v>113304</v>
      </c>
      <c r="I32557" s="1" t="s">
        <v>113180</v>
      </c>
      <c r="J32557" s="1" t="s">
        <v>113367</v>
      </c>
    </row>
    <row r="32558" spans="1:10" x14ac:dyDescent="0.35">
      <c r="A32558" s="1" t="s">
        <v>13192</v>
      </c>
      <c r="B32558" s="1" t="s">
        <v>113175</v>
      </c>
      <c r="C32558" s="1" t="s">
        <v>100</v>
      </c>
      <c r="D32558" s="1" t="s">
        <v>113368</v>
      </c>
      <c r="E32558" s="1" t="s">
        <v>113369</v>
      </c>
      <c r="F32558" s="1" t="s">
        <v>113370</v>
      </c>
      <c r="G32558" s="1" t="s">
        <v>113303</v>
      </c>
      <c r="H32558" s="1" t="s">
        <v>113304</v>
      </c>
      <c r="I32558" s="1" t="s">
        <v>113180</v>
      </c>
      <c r="J32558" s="1" t="s">
        <v>113371</v>
      </c>
    </row>
    <row r="32559" spans="1:10" x14ac:dyDescent="0.35">
      <c r="A32559" s="1" t="s">
        <v>13192</v>
      </c>
      <c r="B32559" s="1" t="s">
        <v>113175</v>
      </c>
      <c r="C32559" s="1" t="s">
        <v>105</v>
      </c>
      <c r="D32559" s="1" t="s">
        <v>113372</v>
      </c>
      <c r="E32559" s="1" t="s">
        <v>113373</v>
      </c>
      <c r="F32559" s="1" t="s">
        <v>113374</v>
      </c>
      <c r="G32559" s="1" t="s">
        <v>113303</v>
      </c>
      <c r="H32559" s="1" t="s">
        <v>113304</v>
      </c>
      <c r="I32559" s="1" t="s">
        <v>113180</v>
      </c>
      <c r="J32559" s="1" t="s">
        <v>113375</v>
      </c>
    </row>
    <row r="32560" spans="1:10" x14ac:dyDescent="0.35">
      <c r="A32560" s="1" t="s">
        <v>13192</v>
      </c>
      <c r="B32560" s="1" t="s">
        <v>113175</v>
      </c>
      <c r="C32560" s="1" t="s">
        <v>110</v>
      </c>
      <c r="D32560" s="1" t="s">
        <v>113376</v>
      </c>
      <c r="E32560" s="1" t="s">
        <v>113377</v>
      </c>
      <c r="F32560" s="1" t="s">
        <v>113378</v>
      </c>
      <c r="G32560" s="1" t="s">
        <v>113303</v>
      </c>
      <c r="H32560" s="1" t="s">
        <v>113304</v>
      </c>
      <c r="I32560" s="1" t="s">
        <v>113180</v>
      </c>
      <c r="J32560" s="1" t="s">
        <v>113379</v>
      </c>
    </row>
    <row r="32561" spans="1:10" x14ac:dyDescent="0.35">
      <c r="A32561" s="1" t="s">
        <v>13192</v>
      </c>
      <c r="B32561" s="1" t="s">
        <v>113175</v>
      </c>
      <c r="C32561" s="1" t="s">
        <v>115</v>
      </c>
      <c r="D32561" s="1" t="s">
        <v>13307</v>
      </c>
      <c r="E32561" s="1" t="s">
        <v>113380</v>
      </c>
      <c r="F32561" s="1" t="s">
        <v>113381</v>
      </c>
      <c r="G32561" s="1" t="s">
        <v>113303</v>
      </c>
      <c r="H32561" s="1" t="s">
        <v>113304</v>
      </c>
      <c r="I32561" s="1" t="s">
        <v>113180</v>
      </c>
      <c r="J32561" s="1" t="s">
        <v>113382</v>
      </c>
    </row>
    <row r="32562" spans="1:10" x14ac:dyDescent="0.35">
      <c r="A32562" s="1" t="s">
        <v>13192</v>
      </c>
      <c r="B32562" s="1" t="s">
        <v>113175</v>
      </c>
      <c r="C32562" s="1" t="s">
        <v>120</v>
      </c>
      <c r="D32562" s="1" t="s">
        <v>113383</v>
      </c>
      <c r="E32562" s="1" t="s">
        <v>113384</v>
      </c>
      <c r="F32562" s="1" t="s">
        <v>113385</v>
      </c>
      <c r="G32562" s="1" t="s">
        <v>113303</v>
      </c>
      <c r="H32562" s="1" t="s">
        <v>113304</v>
      </c>
      <c r="I32562" s="1" t="s">
        <v>113180</v>
      </c>
      <c r="J32562" s="1" t="s">
        <v>113386</v>
      </c>
    </row>
    <row r="32563" spans="1:10" x14ac:dyDescent="0.35">
      <c r="A32563" s="1" t="s">
        <v>13192</v>
      </c>
      <c r="B32563" s="1" t="s">
        <v>113175</v>
      </c>
      <c r="C32563" s="1" t="s">
        <v>125</v>
      </c>
      <c r="D32563" s="1" t="s">
        <v>12532</v>
      </c>
      <c r="E32563" s="1" t="s">
        <v>113387</v>
      </c>
      <c r="F32563" s="1" t="s">
        <v>113388</v>
      </c>
      <c r="G32563" s="1" t="s">
        <v>113303</v>
      </c>
      <c r="H32563" s="1" t="s">
        <v>113304</v>
      </c>
      <c r="I32563" s="1" t="s">
        <v>113180</v>
      </c>
      <c r="J32563" s="1" t="s">
        <v>113389</v>
      </c>
    </row>
    <row r="32564" spans="1:10" x14ac:dyDescent="0.35">
      <c r="A32564" s="1" t="s">
        <v>13192</v>
      </c>
      <c r="B32564" s="1" t="s">
        <v>113175</v>
      </c>
      <c r="C32564" s="1" t="s">
        <v>130</v>
      </c>
      <c r="D32564" s="1" t="s">
        <v>18334</v>
      </c>
      <c r="E32564" s="1" t="s">
        <v>113390</v>
      </c>
      <c r="F32564" s="1" t="s">
        <v>113391</v>
      </c>
      <c r="G32564" s="1" t="s">
        <v>113303</v>
      </c>
      <c r="H32564" s="1" t="s">
        <v>113304</v>
      </c>
      <c r="I32564" s="1" t="s">
        <v>113180</v>
      </c>
      <c r="J32564" s="1" t="s">
        <v>113392</v>
      </c>
    </row>
    <row r="32565" spans="1:10" x14ac:dyDescent="0.35">
      <c r="A32565" s="1" t="s">
        <v>13192</v>
      </c>
      <c r="B32565" s="1" t="s">
        <v>113175</v>
      </c>
      <c r="C32565" s="1" t="s">
        <v>135</v>
      </c>
      <c r="D32565" s="1" t="s">
        <v>110252</v>
      </c>
      <c r="E32565" s="1" t="s">
        <v>113393</v>
      </c>
      <c r="F32565" s="1" t="s">
        <v>113394</v>
      </c>
      <c r="G32565" s="1" t="s">
        <v>113303</v>
      </c>
      <c r="H32565" s="1" t="s">
        <v>113304</v>
      </c>
      <c r="I32565" s="1" t="s">
        <v>113180</v>
      </c>
      <c r="J32565" s="1" t="s">
        <v>113395</v>
      </c>
    </row>
    <row r="32566" spans="1:10" x14ac:dyDescent="0.35">
      <c r="A32566" s="1" t="s">
        <v>13192</v>
      </c>
      <c r="B32566" s="1" t="s">
        <v>113175</v>
      </c>
      <c r="C32566" s="1" t="s">
        <v>140</v>
      </c>
      <c r="D32566" s="1" t="s">
        <v>113396</v>
      </c>
      <c r="E32566" s="1" t="s">
        <v>113397</v>
      </c>
      <c r="F32566" s="1" t="s">
        <v>113398</v>
      </c>
      <c r="G32566" s="1" t="s">
        <v>113303</v>
      </c>
      <c r="H32566" s="1" t="s">
        <v>113304</v>
      </c>
      <c r="I32566" s="1" t="s">
        <v>113180</v>
      </c>
      <c r="J32566" s="1" t="s">
        <v>113399</v>
      </c>
    </row>
    <row r="32567" spans="1:10" x14ac:dyDescent="0.35">
      <c r="A32567" s="1" t="s">
        <v>13192</v>
      </c>
      <c r="B32567" s="1" t="s">
        <v>113175</v>
      </c>
      <c r="C32567" s="1" t="s">
        <v>145</v>
      </c>
      <c r="D32567" s="1" t="s">
        <v>113400</v>
      </c>
      <c r="E32567" s="1" t="s">
        <v>113401</v>
      </c>
      <c r="F32567" s="1" t="s">
        <v>113402</v>
      </c>
      <c r="G32567" s="1" t="s">
        <v>113303</v>
      </c>
      <c r="H32567" s="1" t="s">
        <v>113304</v>
      </c>
      <c r="I32567" s="1" t="s">
        <v>113180</v>
      </c>
      <c r="J32567" s="1" t="s">
        <v>113403</v>
      </c>
    </row>
    <row r="32568" spans="1:10" x14ac:dyDescent="0.35">
      <c r="A32568" s="1" t="s">
        <v>13192</v>
      </c>
      <c r="B32568" s="1" t="s">
        <v>113175</v>
      </c>
      <c r="C32568" s="1" t="s">
        <v>150</v>
      </c>
      <c r="D32568" s="1" t="s">
        <v>22017</v>
      </c>
      <c r="E32568" s="1" t="s">
        <v>113404</v>
      </c>
      <c r="F32568" s="1" t="s">
        <v>113405</v>
      </c>
      <c r="G32568" s="1" t="s">
        <v>113303</v>
      </c>
      <c r="H32568" s="1" t="s">
        <v>113304</v>
      </c>
      <c r="I32568" s="1" t="s">
        <v>113180</v>
      </c>
      <c r="J32568" s="1" t="s">
        <v>113406</v>
      </c>
    </row>
    <row r="32569" spans="1:10" x14ac:dyDescent="0.35">
      <c r="A32569" s="1" t="s">
        <v>13192</v>
      </c>
      <c r="B32569" s="1" t="s">
        <v>113175</v>
      </c>
      <c r="C32569" s="1" t="s">
        <v>155</v>
      </c>
      <c r="D32569" s="1" t="s">
        <v>71554</v>
      </c>
      <c r="E32569" s="1" t="s">
        <v>113407</v>
      </c>
      <c r="F32569" s="1" t="s">
        <v>113408</v>
      </c>
      <c r="G32569" s="1" t="s">
        <v>113303</v>
      </c>
      <c r="H32569" s="1" t="s">
        <v>113304</v>
      </c>
      <c r="I32569" s="1" t="s">
        <v>113180</v>
      </c>
      <c r="J32569" s="1" t="s">
        <v>113409</v>
      </c>
    </row>
    <row r="32570" spans="1:10" x14ac:dyDescent="0.35">
      <c r="A32570" s="1" t="s">
        <v>13192</v>
      </c>
      <c r="B32570" s="1" t="s">
        <v>113175</v>
      </c>
      <c r="C32570" s="1" t="s">
        <v>160</v>
      </c>
      <c r="D32570" s="1" t="s">
        <v>5927</v>
      </c>
      <c r="E32570" s="1" t="s">
        <v>113410</v>
      </c>
      <c r="F32570" s="1" t="s">
        <v>113411</v>
      </c>
      <c r="G32570" s="1" t="s">
        <v>113303</v>
      </c>
      <c r="H32570" s="1" t="s">
        <v>113304</v>
      </c>
      <c r="I32570" s="1" t="s">
        <v>113180</v>
      </c>
      <c r="J32570" s="1" t="s">
        <v>113412</v>
      </c>
    </row>
    <row r="32571" spans="1:10" x14ac:dyDescent="0.35">
      <c r="A32571" s="1" t="s">
        <v>13192</v>
      </c>
      <c r="B32571" s="1" t="s">
        <v>113175</v>
      </c>
      <c r="C32571" s="1" t="s">
        <v>165</v>
      </c>
      <c r="D32571" s="1" t="s">
        <v>113413</v>
      </c>
      <c r="E32571" s="1" t="s">
        <v>113414</v>
      </c>
      <c r="F32571" s="1" t="s">
        <v>113415</v>
      </c>
      <c r="G32571" s="1" t="s">
        <v>113303</v>
      </c>
      <c r="H32571" s="1" t="s">
        <v>113304</v>
      </c>
      <c r="I32571" s="1" t="s">
        <v>113180</v>
      </c>
      <c r="J32571" s="1" t="s">
        <v>113416</v>
      </c>
    </row>
    <row r="32572" spans="1:10" x14ac:dyDescent="0.35">
      <c r="A32572" s="1" t="s">
        <v>13192</v>
      </c>
      <c r="B32572" s="1" t="s">
        <v>113175</v>
      </c>
      <c r="C32572" s="1" t="s">
        <v>170</v>
      </c>
      <c r="D32572" s="1" t="s">
        <v>113417</v>
      </c>
      <c r="E32572" s="1" t="s">
        <v>113418</v>
      </c>
      <c r="F32572" s="1" t="s">
        <v>113419</v>
      </c>
      <c r="G32572" s="1" t="s">
        <v>113303</v>
      </c>
      <c r="H32572" s="1" t="s">
        <v>113304</v>
      </c>
      <c r="I32572" s="1" t="s">
        <v>113180</v>
      </c>
      <c r="J32572" s="1" t="s">
        <v>113420</v>
      </c>
    </row>
    <row r="32573" spans="1:10" x14ac:dyDescent="0.35">
      <c r="A32573" s="1" t="s">
        <v>113421</v>
      </c>
      <c r="B32573" s="1" t="s">
        <v>113175</v>
      </c>
      <c r="C32573" s="1" t="s">
        <v>8</v>
      </c>
      <c r="D32573" s="1" t="s">
        <v>9059</v>
      </c>
      <c r="E32573" s="1" t="s">
        <v>113422</v>
      </c>
      <c r="F32573" s="1" t="s">
        <v>113423</v>
      </c>
      <c r="G32573" s="1" t="s">
        <v>113424</v>
      </c>
      <c r="H32573" s="1" t="s">
        <v>113425</v>
      </c>
      <c r="I32573" s="1" t="s">
        <v>113180</v>
      </c>
      <c r="J32573" s="1" t="s">
        <v>13</v>
      </c>
    </row>
    <row r="32574" spans="1:10" x14ac:dyDescent="0.35">
      <c r="A32574" s="1" t="s">
        <v>113421</v>
      </c>
      <c r="B32574" s="1" t="s">
        <v>113175</v>
      </c>
      <c r="C32574" s="1" t="s">
        <v>15</v>
      </c>
      <c r="D32574" s="1" t="s">
        <v>82205</v>
      </c>
      <c r="E32574" s="1" t="s">
        <v>113426</v>
      </c>
      <c r="F32574" s="1" t="s">
        <v>113427</v>
      </c>
      <c r="G32574" s="1" t="s">
        <v>113424</v>
      </c>
      <c r="H32574" s="1" t="s">
        <v>113425</v>
      </c>
      <c r="I32574" s="1" t="s">
        <v>113180</v>
      </c>
      <c r="J32574" s="1" t="s">
        <v>113428</v>
      </c>
    </row>
    <row r="32575" spans="1:10" x14ac:dyDescent="0.35">
      <c r="A32575" s="1" t="s">
        <v>113421</v>
      </c>
      <c r="B32575" s="1" t="s">
        <v>113175</v>
      </c>
      <c r="C32575" s="1" t="s">
        <v>20</v>
      </c>
      <c r="D32575" s="1" t="s">
        <v>49602</v>
      </c>
      <c r="E32575" s="1" t="s">
        <v>113429</v>
      </c>
      <c r="F32575" s="1" t="s">
        <v>113430</v>
      </c>
      <c r="G32575" s="1" t="s">
        <v>113424</v>
      </c>
      <c r="H32575" s="1" t="s">
        <v>113425</v>
      </c>
      <c r="I32575" s="1" t="s">
        <v>113180</v>
      </c>
      <c r="J32575" s="1" t="s">
        <v>113431</v>
      </c>
    </row>
    <row r="32576" spans="1:10" x14ac:dyDescent="0.35">
      <c r="A32576" s="1" t="s">
        <v>113421</v>
      </c>
      <c r="B32576" s="1" t="s">
        <v>113175</v>
      </c>
      <c r="C32576" s="1" t="s">
        <v>25</v>
      </c>
      <c r="D32576" s="1" t="s">
        <v>113432</v>
      </c>
      <c r="E32576" s="1" t="s">
        <v>113433</v>
      </c>
      <c r="F32576" s="1" t="s">
        <v>113434</v>
      </c>
      <c r="G32576" s="1" t="s">
        <v>113424</v>
      </c>
      <c r="H32576" s="1" t="s">
        <v>113425</v>
      </c>
      <c r="I32576" s="1" t="s">
        <v>113180</v>
      </c>
      <c r="J32576" s="1" t="s">
        <v>113435</v>
      </c>
    </row>
    <row r="32577" spans="1:10" x14ac:dyDescent="0.35">
      <c r="A32577" s="1" t="s">
        <v>113421</v>
      </c>
      <c r="B32577" s="1" t="s">
        <v>113175</v>
      </c>
      <c r="C32577" s="1" t="s">
        <v>30</v>
      </c>
      <c r="D32577" s="1" t="s">
        <v>49835</v>
      </c>
      <c r="E32577" s="1" t="s">
        <v>113436</v>
      </c>
      <c r="F32577" s="1" t="s">
        <v>113437</v>
      </c>
      <c r="G32577" s="1" t="s">
        <v>113424</v>
      </c>
      <c r="H32577" s="1" t="s">
        <v>113425</v>
      </c>
      <c r="I32577" s="1" t="s">
        <v>113180</v>
      </c>
      <c r="J32577" s="1" t="s">
        <v>113438</v>
      </c>
    </row>
    <row r="32578" spans="1:10" x14ac:dyDescent="0.35">
      <c r="A32578" s="1" t="s">
        <v>113421</v>
      </c>
      <c r="B32578" s="1" t="s">
        <v>113175</v>
      </c>
      <c r="C32578" s="1" t="s">
        <v>35</v>
      </c>
      <c r="D32578" s="1" t="s">
        <v>113439</v>
      </c>
      <c r="E32578" s="1" t="s">
        <v>113440</v>
      </c>
      <c r="F32578" s="1" t="s">
        <v>113441</v>
      </c>
      <c r="G32578" s="1" t="s">
        <v>113424</v>
      </c>
      <c r="H32578" s="1" t="s">
        <v>113425</v>
      </c>
      <c r="I32578" s="1" t="s">
        <v>113180</v>
      </c>
      <c r="J32578" s="1" t="s">
        <v>113442</v>
      </c>
    </row>
    <row r="32579" spans="1:10" x14ac:dyDescent="0.35">
      <c r="A32579" s="1" t="s">
        <v>113421</v>
      </c>
      <c r="B32579" s="1" t="s">
        <v>113175</v>
      </c>
      <c r="C32579" s="1" t="s">
        <v>40</v>
      </c>
      <c r="D32579" s="1" t="s">
        <v>113443</v>
      </c>
      <c r="E32579" s="1" t="s">
        <v>113444</v>
      </c>
      <c r="F32579" s="1" t="s">
        <v>113445</v>
      </c>
      <c r="G32579" s="1" t="s">
        <v>113424</v>
      </c>
      <c r="H32579" s="1" t="s">
        <v>113425</v>
      </c>
      <c r="I32579" s="1" t="s">
        <v>113180</v>
      </c>
      <c r="J32579" s="1" t="s">
        <v>113446</v>
      </c>
    </row>
    <row r="32580" spans="1:10" x14ac:dyDescent="0.35">
      <c r="A32580" s="1" t="s">
        <v>113421</v>
      </c>
      <c r="B32580" s="1" t="s">
        <v>113175</v>
      </c>
      <c r="C32580" s="1" t="s">
        <v>45</v>
      </c>
      <c r="D32580" s="1" t="s">
        <v>113447</v>
      </c>
      <c r="E32580" s="1" t="s">
        <v>113448</v>
      </c>
      <c r="F32580" s="1" t="s">
        <v>113449</v>
      </c>
      <c r="G32580" s="1" t="s">
        <v>113424</v>
      </c>
      <c r="H32580" s="1" t="s">
        <v>113425</v>
      </c>
      <c r="I32580" s="1" t="s">
        <v>113180</v>
      </c>
      <c r="J32580" s="1" t="s">
        <v>113450</v>
      </c>
    </row>
    <row r="32581" spans="1:10" x14ac:dyDescent="0.35">
      <c r="A32581" s="1" t="s">
        <v>113421</v>
      </c>
      <c r="B32581" s="1" t="s">
        <v>113175</v>
      </c>
      <c r="C32581" s="1" t="s">
        <v>50</v>
      </c>
      <c r="D32581" s="1" t="s">
        <v>113451</v>
      </c>
      <c r="E32581" s="1" t="s">
        <v>113452</v>
      </c>
      <c r="F32581" s="1" t="s">
        <v>113453</v>
      </c>
      <c r="G32581" s="1" t="s">
        <v>113424</v>
      </c>
      <c r="H32581" s="1" t="s">
        <v>113425</v>
      </c>
      <c r="I32581" s="1" t="s">
        <v>113180</v>
      </c>
      <c r="J32581" s="1" t="s">
        <v>113454</v>
      </c>
    </row>
    <row r="32582" spans="1:10" x14ac:dyDescent="0.35">
      <c r="A32582" s="1" t="s">
        <v>113421</v>
      </c>
      <c r="B32582" s="1" t="s">
        <v>113175</v>
      </c>
      <c r="C32582" s="1" t="s">
        <v>55</v>
      </c>
      <c r="D32582" s="1" t="s">
        <v>35465</v>
      </c>
      <c r="E32582" s="1" t="s">
        <v>113455</v>
      </c>
      <c r="F32582" s="1" t="s">
        <v>113456</v>
      </c>
      <c r="G32582" s="1" t="s">
        <v>113424</v>
      </c>
      <c r="H32582" s="1" t="s">
        <v>113425</v>
      </c>
      <c r="I32582" s="1" t="s">
        <v>113180</v>
      </c>
      <c r="J32582" s="1" t="s">
        <v>113457</v>
      </c>
    </row>
    <row r="32583" spans="1:10" x14ac:dyDescent="0.35">
      <c r="A32583" s="1" t="s">
        <v>113421</v>
      </c>
      <c r="B32583" s="1" t="s">
        <v>113175</v>
      </c>
      <c r="C32583" s="1" t="s">
        <v>60</v>
      </c>
      <c r="D32583" s="1" t="s">
        <v>43690</v>
      </c>
      <c r="E32583" s="1" t="s">
        <v>113458</v>
      </c>
      <c r="F32583" s="1" t="s">
        <v>113459</v>
      </c>
      <c r="G32583" s="1" t="s">
        <v>113424</v>
      </c>
      <c r="H32583" s="1" t="s">
        <v>113425</v>
      </c>
      <c r="I32583" s="1" t="s">
        <v>113180</v>
      </c>
      <c r="J32583" s="1" t="s">
        <v>113460</v>
      </c>
    </row>
    <row r="32584" spans="1:10" x14ac:dyDescent="0.35">
      <c r="A32584" s="1" t="s">
        <v>113421</v>
      </c>
      <c r="B32584" s="1" t="s">
        <v>113175</v>
      </c>
      <c r="C32584" s="1" t="s">
        <v>65</v>
      </c>
      <c r="D32584" s="1" t="s">
        <v>113461</v>
      </c>
      <c r="E32584" s="1" t="s">
        <v>113462</v>
      </c>
      <c r="F32584" s="1" t="s">
        <v>113463</v>
      </c>
      <c r="G32584" s="1" t="s">
        <v>113424</v>
      </c>
      <c r="H32584" s="1" t="s">
        <v>113425</v>
      </c>
      <c r="I32584" s="1" t="s">
        <v>113180</v>
      </c>
      <c r="J32584" s="1" t="s">
        <v>113464</v>
      </c>
    </row>
    <row r="32585" spans="1:10" x14ac:dyDescent="0.35">
      <c r="A32585" s="1" t="s">
        <v>113421</v>
      </c>
      <c r="B32585" s="1" t="s">
        <v>113175</v>
      </c>
      <c r="C32585" s="1" t="s">
        <v>70</v>
      </c>
      <c r="D32585" s="1" t="s">
        <v>113465</v>
      </c>
      <c r="E32585" s="1" t="s">
        <v>113466</v>
      </c>
      <c r="F32585" s="1" t="s">
        <v>113467</v>
      </c>
      <c r="G32585" s="1" t="s">
        <v>113424</v>
      </c>
      <c r="H32585" s="1" t="s">
        <v>113425</v>
      </c>
      <c r="I32585" s="1" t="s">
        <v>113180</v>
      </c>
      <c r="J32585" s="1" t="s">
        <v>113468</v>
      </c>
    </row>
    <row r="32586" spans="1:10" x14ac:dyDescent="0.35">
      <c r="A32586" s="1" t="s">
        <v>113421</v>
      </c>
      <c r="B32586" s="1" t="s">
        <v>113175</v>
      </c>
      <c r="C32586" s="1" t="s">
        <v>75</v>
      </c>
      <c r="D32586" s="1" t="s">
        <v>113469</v>
      </c>
      <c r="E32586" s="1" t="s">
        <v>113470</v>
      </c>
      <c r="F32586" s="1" t="s">
        <v>113471</v>
      </c>
      <c r="G32586" s="1" t="s">
        <v>113424</v>
      </c>
      <c r="H32586" s="1" t="s">
        <v>113425</v>
      </c>
      <c r="I32586" s="1" t="s">
        <v>113180</v>
      </c>
      <c r="J32586" s="1" t="s">
        <v>113472</v>
      </c>
    </row>
    <row r="32587" spans="1:10" x14ac:dyDescent="0.35">
      <c r="A32587" s="1" t="s">
        <v>113421</v>
      </c>
      <c r="B32587" s="1" t="s">
        <v>113175</v>
      </c>
      <c r="C32587" s="1" t="s">
        <v>80</v>
      </c>
      <c r="D32587" s="1" t="s">
        <v>113473</v>
      </c>
      <c r="E32587" s="1" t="s">
        <v>113474</v>
      </c>
      <c r="F32587" s="1" t="s">
        <v>113475</v>
      </c>
      <c r="G32587" s="1" t="s">
        <v>113424</v>
      </c>
      <c r="H32587" s="1" t="s">
        <v>113425</v>
      </c>
      <c r="I32587" s="1" t="s">
        <v>113180</v>
      </c>
      <c r="J32587" s="1" t="s">
        <v>113476</v>
      </c>
    </row>
    <row r="32588" spans="1:10" x14ac:dyDescent="0.35">
      <c r="A32588" s="1" t="s">
        <v>113421</v>
      </c>
      <c r="B32588" s="1" t="s">
        <v>113175</v>
      </c>
      <c r="C32588" s="1" t="s">
        <v>85</v>
      </c>
      <c r="D32588" s="1" t="s">
        <v>113477</v>
      </c>
      <c r="E32588" s="1" t="s">
        <v>113478</v>
      </c>
      <c r="F32588" s="1" t="s">
        <v>113479</v>
      </c>
      <c r="G32588" s="1" t="s">
        <v>113424</v>
      </c>
      <c r="H32588" s="1" t="s">
        <v>113425</v>
      </c>
      <c r="I32588" s="1" t="s">
        <v>113180</v>
      </c>
      <c r="J32588" s="1" t="s">
        <v>113480</v>
      </c>
    </row>
    <row r="32589" spans="1:10" x14ac:dyDescent="0.35">
      <c r="A32589" s="1" t="s">
        <v>113421</v>
      </c>
      <c r="B32589" s="1" t="s">
        <v>113175</v>
      </c>
      <c r="C32589" s="1" t="s">
        <v>90</v>
      </c>
      <c r="D32589" s="1" t="s">
        <v>113481</v>
      </c>
      <c r="E32589" s="1" t="s">
        <v>113482</v>
      </c>
      <c r="F32589" s="1" t="s">
        <v>113483</v>
      </c>
      <c r="G32589" s="1" t="s">
        <v>113424</v>
      </c>
      <c r="H32589" s="1" t="s">
        <v>113425</v>
      </c>
      <c r="I32589" s="1" t="s">
        <v>113180</v>
      </c>
      <c r="J32589" s="1" t="s">
        <v>113484</v>
      </c>
    </row>
    <row r="32590" spans="1:10" x14ac:dyDescent="0.35">
      <c r="A32590" s="1" t="s">
        <v>113421</v>
      </c>
      <c r="B32590" s="1" t="s">
        <v>113175</v>
      </c>
      <c r="C32590" s="1" t="s">
        <v>95</v>
      </c>
      <c r="D32590" s="1" t="s">
        <v>113265</v>
      </c>
      <c r="E32590" s="1" t="s">
        <v>113485</v>
      </c>
      <c r="F32590" s="1" t="s">
        <v>113486</v>
      </c>
      <c r="G32590" s="1" t="s">
        <v>113424</v>
      </c>
      <c r="H32590" s="1" t="s">
        <v>113425</v>
      </c>
      <c r="I32590" s="1" t="s">
        <v>113180</v>
      </c>
      <c r="J32590" s="1" t="s">
        <v>113487</v>
      </c>
    </row>
    <row r="32591" spans="1:10" x14ac:dyDescent="0.35">
      <c r="A32591" s="1" t="s">
        <v>113421</v>
      </c>
      <c r="B32591" s="1" t="s">
        <v>113175</v>
      </c>
      <c r="C32591" s="1" t="s">
        <v>100</v>
      </c>
      <c r="D32591" s="1" t="s">
        <v>113488</v>
      </c>
      <c r="E32591" s="1" t="s">
        <v>113489</v>
      </c>
      <c r="F32591" s="1" t="s">
        <v>113490</v>
      </c>
      <c r="G32591" s="1" t="s">
        <v>113424</v>
      </c>
      <c r="H32591" s="1" t="s">
        <v>113425</v>
      </c>
      <c r="I32591" s="1" t="s">
        <v>113180</v>
      </c>
      <c r="J32591" s="1" t="s">
        <v>113491</v>
      </c>
    </row>
    <row r="32592" spans="1:10" x14ac:dyDescent="0.35">
      <c r="A32592" s="1" t="s">
        <v>113421</v>
      </c>
      <c r="B32592" s="1" t="s">
        <v>113175</v>
      </c>
      <c r="C32592" s="1" t="s">
        <v>105</v>
      </c>
      <c r="D32592" s="1" t="s">
        <v>38059</v>
      </c>
      <c r="E32592" s="1" t="s">
        <v>113492</v>
      </c>
      <c r="F32592" s="1" t="s">
        <v>113493</v>
      </c>
      <c r="G32592" s="1" t="s">
        <v>113424</v>
      </c>
      <c r="H32592" s="1" t="s">
        <v>113425</v>
      </c>
      <c r="I32592" s="1" t="s">
        <v>113180</v>
      </c>
      <c r="J32592" s="1" t="s">
        <v>113494</v>
      </c>
    </row>
    <row r="32593" spans="1:10" x14ac:dyDescent="0.35">
      <c r="A32593" s="1" t="s">
        <v>113421</v>
      </c>
      <c r="B32593" s="1" t="s">
        <v>113175</v>
      </c>
      <c r="C32593" s="1" t="s">
        <v>110</v>
      </c>
      <c r="D32593" s="1" t="s">
        <v>113495</v>
      </c>
      <c r="E32593" s="1" t="s">
        <v>113496</v>
      </c>
      <c r="F32593" s="1" t="s">
        <v>113497</v>
      </c>
      <c r="G32593" s="1" t="s">
        <v>113424</v>
      </c>
      <c r="H32593" s="1" t="s">
        <v>113425</v>
      </c>
      <c r="I32593" s="1" t="s">
        <v>113180</v>
      </c>
      <c r="J32593" s="1" t="s">
        <v>113498</v>
      </c>
    </row>
    <row r="32594" spans="1:10" x14ac:dyDescent="0.35">
      <c r="A32594" s="1" t="s">
        <v>113421</v>
      </c>
      <c r="B32594" s="1" t="s">
        <v>113175</v>
      </c>
      <c r="C32594" s="1" t="s">
        <v>115</v>
      </c>
      <c r="D32594" s="1" t="s">
        <v>37993</v>
      </c>
      <c r="E32594" s="1" t="s">
        <v>113499</v>
      </c>
      <c r="F32594" s="1" t="s">
        <v>113500</v>
      </c>
      <c r="G32594" s="1" t="s">
        <v>113424</v>
      </c>
      <c r="H32594" s="1" t="s">
        <v>113425</v>
      </c>
      <c r="I32594" s="1" t="s">
        <v>113180</v>
      </c>
      <c r="J32594" s="1" t="s">
        <v>113501</v>
      </c>
    </row>
    <row r="32595" spans="1:10" x14ac:dyDescent="0.35">
      <c r="A32595" s="1" t="s">
        <v>113421</v>
      </c>
      <c r="B32595" s="1" t="s">
        <v>113175</v>
      </c>
      <c r="C32595" s="1" t="s">
        <v>120</v>
      </c>
      <c r="D32595" s="1" t="s">
        <v>113502</v>
      </c>
      <c r="E32595" s="1" t="s">
        <v>113503</v>
      </c>
      <c r="F32595" s="1" t="s">
        <v>113504</v>
      </c>
      <c r="G32595" s="1" t="s">
        <v>113424</v>
      </c>
      <c r="H32595" s="1" t="s">
        <v>113425</v>
      </c>
      <c r="I32595" s="1" t="s">
        <v>113180</v>
      </c>
      <c r="J32595" s="1" t="s">
        <v>113505</v>
      </c>
    </row>
    <row r="32596" spans="1:10" x14ac:dyDescent="0.35">
      <c r="A32596" s="1" t="s">
        <v>113421</v>
      </c>
      <c r="B32596" s="1" t="s">
        <v>113175</v>
      </c>
      <c r="C32596" s="1" t="s">
        <v>125</v>
      </c>
      <c r="D32596" s="1" t="s">
        <v>113506</v>
      </c>
      <c r="E32596" s="1" t="s">
        <v>113507</v>
      </c>
      <c r="F32596" s="1" t="s">
        <v>113508</v>
      </c>
      <c r="G32596" s="1" t="s">
        <v>113424</v>
      </c>
      <c r="H32596" s="1" t="s">
        <v>113425</v>
      </c>
      <c r="I32596" s="1" t="s">
        <v>113180</v>
      </c>
      <c r="J32596" s="1" t="s">
        <v>113509</v>
      </c>
    </row>
    <row r="32597" spans="1:10" x14ac:dyDescent="0.35">
      <c r="A32597" s="1" t="s">
        <v>113421</v>
      </c>
      <c r="B32597" s="1" t="s">
        <v>113175</v>
      </c>
      <c r="C32597" s="1" t="s">
        <v>130</v>
      </c>
      <c r="D32597" s="1" t="s">
        <v>113510</v>
      </c>
      <c r="E32597" s="1" t="s">
        <v>113511</v>
      </c>
      <c r="F32597" s="1" t="s">
        <v>113512</v>
      </c>
      <c r="G32597" s="1" t="s">
        <v>113424</v>
      </c>
      <c r="H32597" s="1" t="s">
        <v>113425</v>
      </c>
      <c r="I32597" s="1" t="s">
        <v>113180</v>
      </c>
      <c r="J32597" s="1" t="s">
        <v>113513</v>
      </c>
    </row>
    <row r="32598" spans="1:10" x14ac:dyDescent="0.35">
      <c r="A32598" s="1" t="s">
        <v>113421</v>
      </c>
      <c r="B32598" s="1" t="s">
        <v>113175</v>
      </c>
      <c r="C32598" s="1" t="s">
        <v>135</v>
      </c>
      <c r="D32598" s="1" t="s">
        <v>113514</v>
      </c>
      <c r="E32598" s="1" t="s">
        <v>113515</v>
      </c>
      <c r="F32598" s="1" t="s">
        <v>113516</v>
      </c>
      <c r="G32598" s="1" t="s">
        <v>113424</v>
      </c>
      <c r="H32598" s="1" t="s">
        <v>113425</v>
      </c>
      <c r="I32598" s="1" t="s">
        <v>113180</v>
      </c>
      <c r="J32598" s="1" t="s">
        <v>113517</v>
      </c>
    </row>
    <row r="32599" spans="1:10" x14ac:dyDescent="0.35">
      <c r="A32599" s="1" t="s">
        <v>113421</v>
      </c>
      <c r="B32599" s="1" t="s">
        <v>113175</v>
      </c>
      <c r="C32599" s="1" t="s">
        <v>140</v>
      </c>
      <c r="D32599" s="1" t="s">
        <v>113518</v>
      </c>
      <c r="E32599" s="1" t="s">
        <v>113519</v>
      </c>
      <c r="F32599" s="1" t="s">
        <v>113520</v>
      </c>
      <c r="G32599" s="1" t="s">
        <v>113424</v>
      </c>
      <c r="H32599" s="1" t="s">
        <v>113425</v>
      </c>
      <c r="I32599" s="1" t="s">
        <v>113180</v>
      </c>
      <c r="J32599" s="1" t="s">
        <v>113521</v>
      </c>
    </row>
    <row r="32600" spans="1:10" x14ac:dyDescent="0.35">
      <c r="A32600" s="1" t="s">
        <v>113421</v>
      </c>
      <c r="B32600" s="1" t="s">
        <v>113175</v>
      </c>
      <c r="C32600" s="1" t="s">
        <v>145</v>
      </c>
      <c r="D32600" s="1" t="s">
        <v>113522</v>
      </c>
      <c r="E32600" s="1" t="s">
        <v>113523</v>
      </c>
      <c r="F32600" s="1" t="s">
        <v>113524</v>
      </c>
      <c r="G32600" s="1" t="s">
        <v>113424</v>
      </c>
      <c r="H32600" s="1" t="s">
        <v>113425</v>
      </c>
      <c r="I32600" s="1" t="s">
        <v>113180</v>
      </c>
      <c r="J32600" s="1" t="s">
        <v>113525</v>
      </c>
    </row>
    <row r="32601" spans="1:10" x14ac:dyDescent="0.35">
      <c r="A32601" s="1" t="s">
        <v>113421</v>
      </c>
      <c r="B32601" s="1" t="s">
        <v>113175</v>
      </c>
      <c r="C32601" s="1" t="s">
        <v>150</v>
      </c>
      <c r="D32601" s="1" t="s">
        <v>113526</v>
      </c>
      <c r="E32601" s="1" t="s">
        <v>113527</v>
      </c>
      <c r="F32601" s="1" t="s">
        <v>113528</v>
      </c>
      <c r="G32601" s="1" t="s">
        <v>113424</v>
      </c>
      <c r="H32601" s="1" t="s">
        <v>113425</v>
      </c>
      <c r="I32601" s="1" t="s">
        <v>113180</v>
      </c>
      <c r="J32601" s="1" t="s">
        <v>113529</v>
      </c>
    </row>
    <row r="32602" spans="1:10" x14ac:dyDescent="0.35">
      <c r="A32602" s="1" t="s">
        <v>113421</v>
      </c>
      <c r="B32602" s="1" t="s">
        <v>113175</v>
      </c>
      <c r="C32602" s="1" t="s">
        <v>155</v>
      </c>
      <c r="D32602" s="1" t="s">
        <v>64009</v>
      </c>
      <c r="E32602" s="1" t="s">
        <v>113530</v>
      </c>
      <c r="F32602" s="1" t="s">
        <v>113531</v>
      </c>
      <c r="G32602" s="1" t="s">
        <v>113424</v>
      </c>
      <c r="H32602" s="1" t="s">
        <v>113425</v>
      </c>
      <c r="I32602" s="1" t="s">
        <v>113180</v>
      </c>
      <c r="J32602" s="1" t="s">
        <v>113532</v>
      </c>
    </row>
    <row r="32603" spans="1:10" x14ac:dyDescent="0.35">
      <c r="A32603" s="1" t="s">
        <v>113421</v>
      </c>
      <c r="B32603" s="1" t="s">
        <v>113175</v>
      </c>
      <c r="C32603" s="1" t="s">
        <v>160</v>
      </c>
      <c r="D32603" s="1" t="s">
        <v>113533</v>
      </c>
      <c r="E32603" s="1" t="s">
        <v>113534</v>
      </c>
      <c r="F32603" s="1" t="s">
        <v>113535</v>
      </c>
      <c r="G32603" s="1" t="s">
        <v>113424</v>
      </c>
      <c r="H32603" s="1" t="s">
        <v>113425</v>
      </c>
      <c r="I32603" s="1" t="s">
        <v>113180</v>
      </c>
      <c r="J32603" s="1" t="s">
        <v>113536</v>
      </c>
    </row>
    <row r="32604" spans="1:10" x14ac:dyDescent="0.35">
      <c r="A32604" s="1" t="s">
        <v>113421</v>
      </c>
      <c r="B32604" s="1" t="s">
        <v>113175</v>
      </c>
      <c r="C32604" s="1" t="s">
        <v>165</v>
      </c>
      <c r="D32604" s="1" t="s">
        <v>88952</v>
      </c>
      <c r="E32604" s="1" t="s">
        <v>113537</v>
      </c>
      <c r="F32604" s="1" t="s">
        <v>113538</v>
      </c>
      <c r="G32604" s="1" t="s">
        <v>113424</v>
      </c>
      <c r="H32604" s="1" t="s">
        <v>113425</v>
      </c>
      <c r="I32604" s="1" t="s">
        <v>113180</v>
      </c>
      <c r="J32604" s="1" t="s">
        <v>113539</v>
      </c>
    </row>
    <row r="32605" spans="1:10" x14ac:dyDescent="0.35">
      <c r="A32605" s="1" t="s">
        <v>113421</v>
      </c>
      <c r="B32605" s="1" t="s">
        <v>113175</v>
      </c>
      <c r="C32605" s="1" t="s">
        <v>170</v>
      </c>
      <c r="D32605" s="1" t="s">
        <v>89755</v>
      </c>
      <c r="E32605" s="1" t="s">
        <v>113540</v>
      </c>
      <c r="F32605" s="1" t="s">
        <v>113541</v>
      </c>
      <c r="G32605" s="1" t="s">
        <v>113424</v>
      </c>
      <c r="H32605" s="1" t="s">
        <v>113425</v>
      </c>
      <c r="I32605" s="1" t="s">
        <v>113180</v>
      </c>
      <c r="J32605" s="1" t="s">
        <v>113542</v>
      </c>
    </row>
    <row r="32606" spans="1:10" x14ac:dyDescent="0.35">
      <c r="A32606" s="1" t="s">
        <v>113543</v>
      </c>
      <c r="B32606" s="1" t="s">
        <v>113175</v>
      </c>
      <c r="C32606" s="1" t="s">
        <v>8</v>
      </c>
      <c r="D32606" s="1" t="s">
        <v>113544</v>
      </c>
      <c r="E32606" s="1" t="s">
        <v>113545</v>
      </c>
      <c r="F32606" s="1" t="s">
        <v>113546</v>
      </c>
      <c r="G32606" s="1" t="s">
        <v>113547</v>
      </c>
      <c r="H32606" s="1" t="s">
        <v>113548</v>
      </c>
      <c r="I32606" s="1" t="s">
        <v>113180</v>
      </c>
      <c r="J32606" s="1" t="s">
        <v>13</v>
      </c>
    </row>
    <row r="32607" spans="1:10" x14ac:dyDescent="0.35">
      <c r="A32607" s="1" t="s">
        <v>113543</v>
      </c>
      <c r="B32607" s="1" t="s">
        <v>113175</v>
      </c>
      <c r="C32607" s="1" t="s">
        <v>15</v>
      </c>
      <c r="D32607" s="1" t="s">
        <v>12401</v>
      </c>
      <c r="E32607" s="1" t="s">
        <v>113549</v>
      </c>
      <c r="F32607" s="1" t="s">
        <v>113550</v>
      </c>
      <c r="G32607" s="1" t="s">
        <v>113547</v>
      </c>
      <c r="H32607" s="1" t="s">
        <v>113548</v>
      </c>
      <c r="I32607" s="1" t="s">
        <v>113180</v>
      </c>
      <c r="J32607" s="1" t="s">
        <v>113551</v>
      </c>
    </row>
    <row r="32608" spans="1:10" x14ac:dyDescent="0.35">
      <c r="A32608" s="1" t="s">
        <v>113543</v>
      </c>
      <c r="B32608" s="1" t="s">
        <v>113175</v>
      </c>
      <c r="C32608" s="1" t="s">
        <v>20</v>
      </c>
      <c r="D32608" s="1" t="s">
        <v>42638</v>
      </c>
      <c r="E32608" s="1" t="s">
        <v>113552</v>
      </c>
      <c r="F32608" s="1" t="s">
        <v>113553</v>
      </c>
      <c r="G32608" s="1" t="s">
        <v>113547</v>
      </c>
      <c r="H32608" s="1" t="s">
        <v>113548</v>
      </c>
      <c r="I32608" s="1" t="s">
        <v>113180</v>
      </c>
      <c r="J32608" s="1" t="s">
        <v>113554</v>
      </c>
    </row>
    <row r="32609" spans="1:10" x14ac:dyDescent="0.35">
      <c r="A32609" s="1" t="s">
        <v>113543</v>
      </c>
      <c r="B32609" s="1" t="s">
        <v>113175</v>
      </c>
      <c r="C32609" s="1" t="s">
        <v>25</v>
      </c>
      <c r="D32609" s="1" t="s">
        <v>113555</v>
      </c>
      <c r="E32609" s="1" t="s">
        <v>113556</v>
      </c>
      <c r="F32609" s="1" t="s">
        <v>113557</v>
      </c>
      <c r="G32609" s="1" t="s">
        <v>113547</v>
      </c>
      <c r="H32609" s="1" t="s">
        <v>113548</v>
      </c>
      <c r="I32609" s="1" t="s">
        <v>113180</v>
      </c>
      <c r="J32609" s="1" t="s">
        <v>113558</v>
      </c>
    </row>
    <row r="32610" spans="1:10" x14ac:dyDescent="0.35">
      <c r="A32610" s="1" t="s">
        <v>113543</v>
      </c>
      <c r="B32610" s="1" t="s">
        <v>113175</v>
      </c>
      <c r="C32610" s="1" t="s">
        <v>30</v>
      </c>
      <c r="D32610" s="1" t="s">
        <v>113559</v>
      </c>
      <c r="E32610" s="1" t="s">
        <v>113560</v>
      </c>
      <c r="F32610" s="1" t="s">
        <v>113561</v>
      </c>
      <c r="G32610" s="1" t="s">
        <v>113547</v>
      </c>
      <c r="H32610" s="1" t="s">
        <v>113548</v>
      </c>
      <c r="I32610" s="1" t="s">
        <v>113180</v>
      </c>
      <c r="J32610" s="1" t="s">
        <v>113562</v>
      </c>
    </row>
    <row r="32611" spans="1:10" x14ac:dyDescent="0.35">
      <c r="A32611" s="1" t="s">
        <v>113543</v>
      </c>
      <c r="B32611" s="1" t="s">
        <v>113175</v>
      </c>
      <c r="C32611" s="1" t="s">
        <v>35</v>
      </c>
      <c r="D32611" s="1" t="s">
        <v>113563</v>
      </c>
      <c r="E32611" s="1" t="s">
        <v>113564</v>
      </c>
      <c r="F32611" s="1" t="s">
        <v>113565</v>
      </c>
      <c r="G32611" s="1" t="s">
        <v>113547</v>
      </c>
      <c r="H32611" s="1" t="s">
        <v>113548</v>
      </c>
      <c r="I32611" s="1" t="s">
        <v>113180</v>
      </c>
      <c r="J32611" s="1" t="s">
        <v>113566</v>
      </c>
    </row>
    <row r="32612" spans="1:10" x14ac:dyDescent="0.35">
      <c r="A32612" s="1" t="s">
        <v>113543</v>
      </c>
      <c r="B32612" s="1" t="s">
        <v>113175</v>
      </c>
      <c r="C32612" s="1" t="s">
        <v>40</v>
      </c>
      <c r="D32612" s="1" t="s">
        <v>18223</v>
      </c>
      <c r="E32612" s="1" t="s">
        <v>113567</v>
      </c>
      <c r="F32612" s="1" t="s">
        <v>113568</v>
      </c>
      <c r="G32612" s="1" t="s">
        <v>113547</v>
      </c>
      <c r="H32612" s="1" t="s">
        <v>113548</v>
      </c>
      <c r="I32612" s="1" t="s">
        <v>113180</v>
      </c>
      <c r="J32612" s="1" t="s">
        <v>113569</v>
      </c>
    </row>
    <row r="32613" spans="1:10" x14ac:dyDescent="0.35">
      <c r="A32613" s="1" t="s">
        <v>113543</v>
      </c>
      <c r="B32613" s="1" t="s">
        <v>113175</v>
      </c>
      <c r="C32613" s="1" t="s">
        <v>45</v>
      </c>
      <c r="D32613" s="1" t="s">
        <v>73824</v>
      </c>
      <c r="E32613" s="1" t="s">
        <v>113570</v>
      </c>
      <c r="F32613" s="1" t="s">
        <v>113571</v>
      </c>
      <c r="G32613" s="1" t="s">
        <v>113547</v>
      </c>
      <c r="H32613" s="1" t="s">
        <v>113548</v>
      </c>
      <c r="I32613" s="1" t="s">
        <v>113180</v>
      </c>
      <c r="J32613" s="1" t="s">
        <v>113572</v>
      </c>
    </row>
    <row r="32614" spans="1:10" x14ac:dyDescent="0.35">
      <c r="A32614" s="1" t="s">
        <v>113543</v>
      </c>
      <c r="B32614" s="1" t="s">
        <v>113175</v>
      </c>
      <c r="C32614" s="1" t="s">
        <v>50</v>
      </c>
      <c r="D32614" s="1" t="s">
        <v>113573</v>
      </c>
      <c r="E32614" s="1" t="s">
        <v>113574</v>
      </c>
      <c r="F32614" s="1" t="s">
        <v>113575</v>
      </c>
      <c r="G32614" s="1" t="s">
        <v>113547</v>
      </c>
      <c r="H32614" s="1" t="s">
        <v>113548</v>
      </c>
      <c r="I32614" s="1" t="s">
        <v>113180</v>
      </c>
      <c r="J32614" s="1" t="s">
        <v>113576</v>
      </c>
    </row>
    <row r="32615" spans="1:10" x14ac:dyDescent="0.35">
      <c r="A32615" s="1" t="s">
        <v>113543</v>
      </c>
      <c r="B32615" s="1" t="s">
        <v>113175</v>
      </c>
      <c r="C32615" s="1" t="s">
        <v>55</v>
      </c>
      <c r="D32615" s="1" t="s">
        <v>43674</v>
      </c>
      <c r="E32615" s="1" t="s">
        <v>113577</v>
      </c>
      <c r="F32615" s="1" t="s">
        <v>113578</v>
      </c>
      <c r="G32615" s="1" t="s">
        <v>113547</v>
      </c>
      <c r="H32615" s="1" t="s">
        <v>113548</v>
      </c>
      <c r="I32615" s="1" t="s">
        <v>113180</v>
      </c>
      <c r="J32615" s="1" t="s">
        <v>113579</v>
      </c>
    </row>
    <row r="32616" spans="1:10" x14ac:dyDescent="0.35">
      <c r="A32616" s="1" t="s">
        <v>113543</v>
      </c>
      <c r="B32616" s="1" t="s">
        <v>113175</v>
      </c>
      <c r="C32616" s="1" t="s">
        <v>60</v>
      </c>
      <c r="D32616" s="1" t="s">
        <v>113580</v>
      </c>
      <c r="E32616" s="1" t="s">
        <v>113581</v>
      </c>
      <c r="F32616" s="1" t="s">
        <v>113582</v>
      </c>
      <c r="G32616" s="1" t="s">
        <v>113547</v>
      </c>
      <c r="H32616" s="1" t="s">
        <v>113548</v>
      </c>
      <c r="I32616" s="1" t="s">
        <v>113180</v>
      </c>
      <c r="J32616" s="1" t="s">
        <v>113583</v>
      </c>
    </row>
    <row r="32617" spans="1:10" x14ac:dyDescent="0.35">
      <c r="A32617" s="1" t="s">
        <v>113543</v>
      </c>
      <c r="B32617" s="1" t="s">
        <v>113175</v>
      </c>
      <c r="C32617" s="1" t="s">
        <v>65</v>
      </c>
      <c r="D32617" s="1" t="s">
        <v>113584</v>
      </c>
      <c r="E32617" s="1" t="s">
        <v>113585</v>
      </c>
      <c r="F32617" s="1" t="s">
        <v>113586</v>
      </c>
      <c r="G32617" s="1" t="s">
        <v>113547</v>
      </c>
      <c r="H32617" s="1" t="s">
        <v>113548</v>
      </c>
      <c r="I32617" s="1" t="s">
        <v>113180</v>
      </c>
      <c r="J32617" s="1" t="s">
        <v>113587</v>
      </c>
    </row>
    <row r="32618" spans="1:10" x14ac:dyDescent="0.35">
      <c r="A32618" s="1" t="s">
        <v>113543</v>
      </c>
      <c r="B32618" s="1" t="s">
        <v>113175</v>
      </c>
      <c r="C32618" s="1" t="s">
        <v>70</v>
      </c>
      <c r="D32618" s="1" t="s">
        <v>113588</v>
      </c>
      <c r="E32618" s="1" t="s">
        <v>113589</v>
      </c>
      <c r="F32618" s="1" t="s">
        <v>113590</v>
      </c>
      <c r="G32618" s="1" t="s">
        <v>113547</v>
      </c>
      <c r="H32618" s="1" t="s">
        <v>113548</v>
      </c>
      <c r="I32618" s="1" t="s">
        <v>113180</v>
      </c>
      <c r="J32618" s="1" t="s">
        <v>113591</v>
      </c>
    </row>
    <row r="32619" spans="1:10" x14ac:dyDescent="0.35">
      <c r="A32619" s="1" t="s">
        <v>113543</v>
      </c>
      <c r="B32619" s="1" t="s">
        <v>113175</v>
      </c>
      <c r="C32619" s="1" t="s">
        <v>75</v>
      </c>
      <c r="D32619" s="1" t="s">
        <v>17675</v>
      </c>
      <c r="E32619" s="1" t="s">
        <v>113592</v>
      </c>
      <c r="F32619" s="1" t="s">
        <v>113593</v>
      </c>
      <c r="G32619" s="1" t="s">
        <v>113547</v>
      </c>
      <c r="H32619" s="1" t="s">
        <v>113548</v>
      </c>
      <c r="I32619" s="1" t="s">
        <v>113180</v>
      </c>
      <c r="J32619" s="1" t="s">
        <v>113594</v>
      </c>
    </row>
    <row r="32620" spans="1:10" x14ac:dyDescent="0.35">
      <c r="A32620" s="1" t="s">
        <v>113543</v>
      </c>
      <c r="B32620" s="1" t="s">
        <v>113175</v>
      </c>
      <c r="C32620" s="1" t="s">
        <v>80</v>
      </c>
      <c r="D32620" s="1" t="s">
        <v>113595</v>
      </c>
      <c r="E32620" s="1" t="s">
        <v>113596</v>
      </c>
      <c r="F32620" s="1" t="s">
        <v>113597</v>
      </c>
      <c r="G32620" s="1" t="s">
        <v>113547</v>
      </c>
      <c r="H32620" s="1" t="s">
        <v>113548</v>
      </c>
      <c r="I32620" s="1" t="s">
        <v>113180</v>
      </c>
      <c r="J32620" s="1" t="s">
        <v>113598</v>
      </c>
    </row>
    <row r="32621" spans="1:10" x14ac:dyDescent="0.35">
      <c r="A32621" s="1" t="s">
        <v>113543</v>
      </c>
      <c r="B32621" s="1" t="s">
        <v>113175</v>
      </c>
      <c r="C32621" s="1" t="s">
        <v>85</v>
      </c>
      <c r="D32621" s="1" t="s">
        <v>113599</v>
      </c>
      <c r="E32621" s="1" t="s">
        <v>113600</v>
      </c>
      <c r="F32621" s="1" t="s">
        <v>113601</v>
      </c>
      <c r="G32621" s="1" t="s">
        <v>113547</v>
      </c>
      <c r="H32621" s="1" t="s">
        <v>113548</v>
      </c>
      <c r="I32621" s="1" t="s">
        <v>113180</v>
      </c>
      <c r="J32621" s="1" t="s">
        <v>113602</v>
      </c>
    </row>
    <row r="32622" spans="1:10" x14ac:dyDescent="0.35">
      <c r="A32622" s="1" t="s">
        <v>113543</v>
      </c>
      <c r="B32622" s="1" t="s">
        <v>113175</v>
      </c>
      <c r="C32622" s="1" t="s">
        <v>90</v>
      </c>
      <c r="D32622" s="1" t="s">
        <v>109046</v>
      </c>
      <c r="E32622" s="1" t="s">
        <v>113603</v>
      </c>
      <c r="F32622" s="1" t="s">
        <v>113604</v>
      </c>
      <c r="G32622" s="1" t="s">
        <v>113547</v>
      </c>
      <c r="H32622" s="1" t="s">
        <v>113548</v>
      </c>
      <c r="I32622" s="1" t="s">
        <v>113180</v>
      </c>
      <c r="J32622" s="1" t="s">
        <v>113605</v>
      </c>
    </row>
    <row r="32623" spans="1:10" x14ac:dyDescent="0.35">
      <c r="A32623" s="1" t="s">
        <v>113543</v>
      </c>
      <c r="B32623" s="1" t="s">
        <v>113175</v>
      </c>
      <c r="C32623" s="1" t="s">
        <v>95</v>
      </c>
      <c r="D32623" s="1" t="s">
        <v>113383</v>
      </c>
      <c r="E32623" s="1" t="s">
        <v>113606</v>
      </c>
      <c r="F32623" s="1" t="s">
        <v>113607</v>
      </c>
      <c r="G32623" s="1" t="s">
        <v>113547</v>
      </c>
      <c r="H32623" s="1" t="s">
        <v>113548</v>
      </c>
      <c r="I32623" s="1" t="s">
        <v>113180</v>
      </c>
      <c r="J32623" s="1" t="s">
        <v>113608</v>
      </c>
    </row>
    <row r="32624" spans="1:10" x14ac:dyDescent="0.35">
      <c r="A32624" s="1" t="s">
        <v>113543</v>
      </c>
      <c r="B32624" s="1" t="s">
        <v>113175</v>
      </c>
      <c r="C32624" s="1" t="s">
        <v>100</v>
      </c>
      <c r="D32624" s="1" t="s">
        <v>113609</v>
      </c>
      <c r="E32624" s="1" t="s">
        <v>113610</v>
      </c>
      <c r="F32624" s="1" t="s">
        <v>113611</v>
      </c>
      <c r="G32624" s="1" t="s">
        <v>113547</v>
      </c>
      <c r="H32624" s="1" t="s">
        <v>113548</v>
      </c>
      <c r="I32624" s="1" t="s">
        <v>113180</v>
      </c>
      <c r="J32624" s="1" t="s">
        <v>113612</v>
      </c>
    </row>
    <row r="32625" spans="1:10" x14ac:dyDescent="0.35">
      <c r="A32625" s="1" t="s">
        <v>113543</v>
      </c>
      <c r="B32625" s="1" t="s">
        <v>113175</v>
      </c>
      <c r="C32625" s="1" t="s">
        <v>105</v>
      </c>
      <c r="D32625" s="1" t="s">
        <v>113613</v>
      </c>
      <c r="E32625" s="1" t="s">
        <v>113614</v>
      </c>
      <c r="F32625" s="1" t="s">
        <v>113615</v>
      </c>
      <c r="G32625" s="1" t="s">
        <v>113547</v>
      </c>
      <c r="H32625" s="1" t="s">
        <v>113548</v>
      </c>
      <c r="I32625" s="1" t="s">
        <v>113180</v>
      </c>
      <c r="J32625" s="1" t="s">
        <v>113616</v>
      </c>
    </row>
    <row r="32626" spans="1:10" x14ac:dyDescent="0.35">
      <c r="A32626" s="1" t="s">
        <v>113543</v>
      </c>
      <c r="B32626" s="1" t="s">
        <v>113175</v>
      </c>
      <c r="C32626" s="1" t="s">
        <v>110</v>
      </c>
      <c r="D32626" s="1" t="s">
        <v>36524</v>
      </c>
      <c r="E32626" s="1" t="s">
        <v>113617</v>
      </c>
      <c r="F32626" s="1" t="s">
        <v>113618</v>
      </c>
      <c r="G32626" s="1" t="s">
        <v>113547</v>
      </c>
      <c r="H32626" s="1" t="s">
        <v>113548</v>
      </c>
      <c r="I32626" s="1" t="s">
        <v>113180</v>
      </c>
      <c r="J32626" s="1" t="s">
        <v>113619</v>
      </c>
    </row>
    <row r="32627" spans="1:10" x14ac:dyDescent="0.35">
      <c r="A32627" s="1" t="s">
        <v>113543</v>
      </c>
      <c r="B32627" s="1" t="s">
        <v>113175</v>
      </c>
      <c r="C32627" s="1" t="s">
        <v>115</v>
      </c>
      <c r="D32627" s="1" t="s">
        <v>33765</v>
      </c>
      <c r="E32627" s="1" t="s">
        <v>113620</v>
      </c>
      <c r="F32627" s="1" t="s">
        <v>113621</v>
      </c>
      <c r="G32627" s="1" t="s">
        <v>113547</v>
      </c>
      <c r="H32627" s="1" t="s">
        <v>113548</v>
      </c>
      <c r="I32627" s="1" t="s">
        <v>113180</v>
      </c>
      <c r="J32627" s="1" t="s">
        <v>113622</v>
      </c>
    </row>
    <row r="32628" spans="1:10" x14ac:dyDescent="0.35">
      <c r="A32628" s="1" t="s">
        <v>113543</v>
      </c>
      <c r="B32628" s="1" t="s">
        <v>113175</v>
      </c>
      <c r="C32628" s="1" t="s">
        <v>120</v>
      </c>
      <c r="D32628" s="1" t="s">
        <v>83171</v>
      </c>
      <c r="E32628" s="1" t="s">
        <v>113623</v>
      </c>
      <c r="F32628" s="1" t="s">
        <v>113624</v>
      </c>
      <c r="G32628" s="1" t="s">
        <v>113547</v>
      </c>
      <c r="H32628" s="1" t="s">
        <v>113548</v>
      </c>
      <c r="I32628" s="1" t="s">
        <v>113180</v>
      </c>
      <c r="J32628" s="1" t="s">
        <v>113625</v>
      </c>
    </row>
    <row r="32629" spans="1:10" x14ac:dyDescent="0.35">
      <c r="A32629" s="1" t="s">
        <v>113543</v>
      </c>
      <c r="B32629" s="1" t="s">
        <v>113175</v>
      </c>
      <c r="C32629" s="1" t="s">
        <v>125</v>
      </c>
      <c r="D32629" s="1" t="s">
        <v>113626</v>
      </c>
      <c r="E32629" s="1" t="s">
        <v>113627</v>
      </c>
      <c r="F32629" s="1" t="s">
        <v>113628</v>
      </c>
      <c r="G32629" s="1" t="s">
        <v>113547</v>
      </c>
      <c r="H32629" s="1" t="s">
        <v>113548</v>
      </c>
      <c r="I32629" s="1" t="s">
        <v>113180</v>
      </c>
      <c r="J32629" s="1" t="s">
        <v>113629</v>
      </c>
    </row>
    <row r="32630" spans="1:10" x14ac:dyDescent="0.35">
      <c r="A32630" s="1" t="s">
        <v>113543</v>
      </c>
      <c r="B32630" s="1" t="s">
        <v>113175</v>
      </c>
      <c r="C32630" s="1" t="s">
        <v>130</v>
      </c>
      <c r="D32630" s="1" t="s">
        <v>113630</v>
      </c>
      <c r="E32630" s="1" t="s">
        <v>113631</v>
      </c>
      <c r="F32630" s="1" t="s">
        <v>113632</v>
      </c>
      <c r="G32630" s="1" t="s">
        <v>113547</v>
      </c>
      <c r="H32630" s="1" t="s">
        <v>113548</v>
      </c>
      <c r="I32630" s="1" t="s">
        <v>113180</v>
      </c>
      <c r="J32630" s="1" t="s">
        <v>113633</v>
      </c>
    </row>
    <row r="32631" spans="1:10" x14ac:dyDescent="0.35">
      <c r="A32631" s="1" t="s">
        <v>113543</v>
      </c>
      <c r="B32631" s="1" t="s">
        <v>113175</v>
      </c>
      <c r="C32631" s="1" t="s">
        <v>135</v>
      </c>
      <c r="D32631" s="1" t="s">
        <v>113634</v>
      </c>
      <c r="E32631" s="1" t="s">
        <v>113635</v>
      </c>
      <c r="F32631" s="1" t="s">
        <v>113636</v>
      </c>
      <c r="G32631" s="1" t="s">
        <v>113547</v>
      </c>
      <c r="H32631" s="1" t="s">
        <v>113548</v>
      </c>
      <c r="I32631" s="1" t="s">
        <v>113180</v>
      </c>
      <c r="J32631" s="1" t="s">
        <v>113637</v>
      </c>
    </row>
    <row r="32632" spans="1:10" x14ac:dyDescent="0.35">
      <c r="A32632" s="1" t="s">
        <v>113543</v>
      </c>
      <c r="B32632" s="1" t="s">
        <v>113175</v>
      </c>
      <c r="C32632" s="1" t="s">
        <v>140</v>
      </c>
      <c r="D32632" s="1" t="s">
        <v>110233</v>
      </c>
      <c r="E32632" s="1" t="s">
        <v>113638</v>
      </c>
      <c r="F32632" s="1" t="s">
        <v>113639</v>
      </c>
      <c r="G32632" s="1" t="s">
        <v>113547</v>
      </c>
      <c r="H32632" s="1" t="s">
        <v>113548</v>
      </c>
      <c r="I32632" s="1" t="s">
        <v>113180</v>
      </c>
      <c r="J32632" s="1" t="s">
        <v>113640</v>
      </c>
    </row>
    <row r="32633" spans="1:10" x14ac:dyDescent="0.35">
      <c r="A32633" s="1" t="s">
        <v>113543</v>
      </c>
      <c r="B32633" s="1" t="s">
        <v>113175</v>
      </c>
      <c r="C32633" s="1" t="s">
        <v>145</v>
      </c>
      <c r="D32633" s="1" t="s">
        <v>113641</v>
      </c>
      <c r="E32633" s="1" t="s">
        <v>113642</v>
      </c>
      <c r="F32633" s="1" t="s">
        <v>113643</v>
      </c>
      <c r="G32633" s="1" t="s">
        <v>113547</v>
      </c>
      <c r="H32633" s="1" t="s">
        <v>113548</v>
      </c>
      <c r="I32633" s="1" t="s">
        <v>113180</v>
      </c>
      <c r="J32633" s="1" t="s">
        <v>113644</v>
      </c>
    </row>
    <row r="32634" spans="1:10" x14ac:dyDescent="0.35">
      <c r="A32634" s="1" t="s">
        <v>113543</v>
      </c>
      <c r="B32634" s="1" t="s">
        <v>113175</v>
      </c>
      <c r="C32634" s="1" t="s">
        <v>150</v>
      </c>
      <c r="D32634" s="1" t="s">
        <v>46612</v>
      </c>
      <c r="E32634" s="1" t="s">
        <v>113645</v>
      </c>
      <c r="F32634" s="1" t="s">
        <v>113646</v>
      </c>
      <c r="G32634" s="1" t="s">
        <v>113547</v>
      </c>
      <c r="H32634" s="1" t="s">
        <v>113548</v>
      </c>
      <c r="I32634" s="1" t="s">
        <v>113180</v>
      </c>
      <c r="J32634" s="1" t="s">
        <v>113647</v>
      </c>
    </row>
    <row r="32635" spans="1:10" x14ac:dyDescent="0.35">
      <c r="A32635" s="1" t="s">
        <v>113543</v>
      </c>
      <c r="B32635" s="1" t="s">
        <v>113175</v>
      </c>
      <c r="C32635" s="1" t="s">
        <v>155</v>
      </c>
      <c r="D32635" s="1" t="s">
        <v>113648</v>
      </c>
      <c r="E32635" s="1" t="s">
        <v>113649</v>
      </c>
      <c r="F32635" s="1" t="s">
        <v>113650</v>
      </c>
      <c r="G32635" s="1" t="s">
        <v>113547</v>
      </c>
      <c r="H32635" s="1" t="s">
        <v>113548</v>
      </c>
      <c r="I32635" s="1" t="s">
        <v>113180</v>
      </c>
      <c r="J32635" s="1" t="s">
        <v>113651</v>
      </c>
    </row>
    <row r="32636" spans="1:10" x14ac:dyDescent="0.35">
      <c r="A32636" s="1" t="s">
        <v>113543</v>
      </c>
      <c r="B32636" s="1" t="s">
        <v>113175</v>
      </c>
      <c r="C32636" s="1" t="s">
        <v>160</v>
      </c>
      <c r="D32636" s="1" t="s">
        <v>113652</v>
      </c>
      <c r="E32636" s="1" t="s">
        <v>113653</v>
      </c>
      <c r="F32636" s="1" t="s">
        <v>113654</v>
      </c>
      <c r="G32636" s="1" t="s">
        <v>113547</v>
      </c>
      <c r="H32636" s="1" t="s">
        <v>113548</v>
      </c>
      <c r="I32636" s="1" t="s">
        <v>113180</v>
      </c>
      <c r="J32636" s="1" t="s">
        <v>113655</v>
      </c>
    </row>
    <row r="32637" spans="1:10" x14ac:dyDescent="0.35">
      <c r="A32637" s="1" t="s">
        <v>113543</v>
      </c>
      <c r="B32637" s="1" t="s">
        <v>113175</v>
      </c>
      <c r="C32637" s="1" t="s">
        <v>165</v>
      </c>
      <c r="D32637" s="1" t="s">
        <v>113656</v>
      </c>
      <c r="E32637" s="1" t="s">
        <v>113657</v>
      </c>
      <c r="F32637" s="1" t="s">
        <v>113658</v>
      </c>
      <c r="G32637" s="1" t="s">
        <v>113547</v>
      </c>
      <c r="H32637" s="1" t="s">
        <v>113548</v>
      </c>
      <c r="I32637" s="1" t="s">
        <v>113180</v>
      </c>
      <c r="J32637" s="1" t="s">
        <v>113659</v>
      </c>
    </row>
    <row r="32638" spans="1:10" x14ac:dyDescent="0.35">
      <c r="A32638" s="1" t="s">
        <v>113543</v>
      </c>
      <c r="B32638" s="1" t="s">
        <v>113175</v>
      </c>
      <c r="C32638" s="1" t="s">
        <v>170</v>
      </c>
      <c r="D32638" s="1" t="s">
        <v>113660</v>
      </c>
      <c r="E32638" s="1" t="s">
        <v>113661</v>
      </c>
      <c r="F32638" s="1" t="s">
        <v>113662</v>
      </c>
      <c r="G32638" s="1" t="s">
        <v>113547</v>
      </c>
      <c r="H32638" s="1" t="s">
        <v>113548</v>
      </c>
      <c r="I32638" s="1" t="s">
        <v>113180</v>
      </c>
      <c r="J32638" s="1" t="s">
        <v>113663</v>
      </c>
    </row>
    <row r="32639" spans="1:10" x14ac:dyDescent="0.35">
      <c r="A32639" s="1" t="s">
        <v>13232</v>
      </c>
      <c r="B32639" s="1" t="s">
        <v>113175</v>
      </c>
      <c r="C32639" s="1" t="s">
        <v>8</v>
      </c>
      <c r="D32639" s="1" t="s">
        <v>83703</v>
      </c>
      <c r="E32639" s="1" t="s">
        <v>113664</v>
      </c>
      <c r="F32639" s="1" t="s">
        <v>113665</v>
      </c>
      <c r="G32639" s="1" t="s">
        <v>113666</v>
      </c>
      <c r="H32639" s="1" t="s">
        <v>113667</v>
      </c>
      <c r="I32639" s="1" t="s">
        <v>113180</v>
      </c>
      <c r="J32639" s="1" t="s">
        <v>13</v>
      </c>
    </row>
    <row r="32640" spans="1:10" x14ac:dyDescent="0.35">
      <c r="A32640" s="1" t="s">
        <v>13232</v>
      </c>
      <c r="B32640" s="1" t="s">
        <v>113175</v>
      </c>
      <c r="C32640" s="1" t="s">
        <v>15</v>
      </c>
      <c r="D32640" s="1" t="s">
        <v>113668</v>
      </c>
      <c r="E32640" s="1" t="s">
        <v>113669</v>
      </c>
      <c r="F32640" s="1" t="s">
        <v>113670</v>
      </c>
      <c r="G32640" s="1" t="s">
        <v>113666</v>
      </c>
      <c r="H32640" s="1" t="s">
        <v>113667</v>
      </c>
      <c r="I32640" s="1" t="s">
        <v>113180</v>
      </c>
      <c r="J32640" s="1" t="s">
        <v>113671</v>
      </c>
    </row>
    <row r="32641" spans="1:10" x14ac:dyDescent="0.35">
      <c r="A32641" s="1" t="s">
        <v>13232</v>
      </c>
      <c r="B32641" s="1" t="s">
        <v>113175</v>
      </c>
      <c r="C32641" s="1" t="s">
        <v>20</v>
      </c>
      <c r="D32641" s="1" t="s">
        <v>113672</v>
      </c>
      <c r="E32641" s="1" t="s">
        <v>113673</v>
      </c>
      <c r="F32641" s="1" t="s">
        <v>113674</v>
      </c>
      <c r="G32641" s="1" t="s">
        <v>113666</v>
      </c>
      <c r="H32641" s="1" t="s">
        <v>113667</v>
      </c>
      <c r="I32641" s="1" t="s">
        <v>113180</v>
      </c>
      <c r="J32641" s="1" t="s">
        <v>113675</v>
      </c>
    </row>
    <row r="32642" spans="1:10" x14ac:dyDescent="0.35">
      <c r="A32642" s="1" t="s">
        <v>13232</v>
      </c>
      <c r="B32642" s="1" t="s">
        <v>113175</v>
      </c>
      <c r="C32642" s="1" t="s">
        <v>25</v>
      </c>
      <c r="D32642" s="1" t="s">
        <v>49701</v>
      </c>
      <c r="E32642" s="1" t="s">
        <v>113676</v>
      </c>
      <c r="F32642" s="1" t="s">
        <v>113677</v>
      </c>
      <c r="G32642" s="1" t="s">
        <v>113666</v>
      </c>
      <c r="H32642" s="1" t="s">
        <v>113667</v>
      </c>
      <c r="I32642" s="1" t="s">
        <v>113180</v>
      </c>
      <c r="J32642" s="1" t="s">
        <v>113678</v>
      </c>
    </row>
    <row r="32643" spans="1:10" x14ac:dyDescent="0.35">
      <c r="A32643" s="1" t="s">
        <v>13232</v>
      </c>
      <c r="B32643" s="1" t="s">
        <v>113175</v>
      </c>
      <c r="C32643" s="1" t="s">
        <v>30</v>
      </c>
      <c r="D32643" s="1" t="s">
        <v>113679</v>
      </c>
      <c r="E32643" s="1" t="s">
        <v>113680</v>
      </c>
      <c r="F32643" s="1" t="s">
        <v>113681</v>
      </c>
      <c r="G32643" s="1" t="s">
        <v>113666</v>
      </c>
      <c r="H32643" s="1" t="s">
        <v>113667</v>
      </c>
      <c r="I32643" s="1" t="s">
        <v>113180</v>
      </c>
      <c r="J32643" s="1" t="s">
        <v>113682</v>
      </c>
    </row>
    <row r="32644" spans="1:10" x14ac:dyDescent="0.35">
      <c r="A32644" s="1" t="s">
        <v>13232</v>
      </c>
      <c r="B32644" s="1" t="s">
        <v>113175</v>
      </c>
      <c r="C32644" s="1" t="s">
        <v>35</v>
      </c>
      <c r="D32644" s="1" t="s">
        <v>37122</v>
      </c>
      <c r="E32644" s="1" t="s">
        <v>113683</v>
      </c>
      <c r="F32644" s="1" t="s">
        <v>113684</v>
      </c>
      <c r="G32644" s="1" t="s">
        <v>113666</v>
      </c>
      <c r="H32644" s="1" t="s">
        <v>113667</v>
      </c>
      <c r="I32644" s="1" t="s">
        <v>113180</v>
      </c>
      <c r="J32644" s="1" t="s">
        <v>113685</v>
      </c>
    </row>
    <row r="32645" spans="1:10" x14ac:dyDescent="0.35">
      <c r="A32645" s="1" t="s">
        <v>13232</v>
      </c>
      <c r="B32645" s="1" t="s">
        <v>113175</v>
      </c>
      <c r="C32645" s="1" t="s">
        <v>40</v>
      </c>
      <c r="D32645" s="1" t="s">
        <v>113686</v>
      </c>
      <c r="E32645" s="1" t="s">
        <v>113687</v>
      </c>
      <c r="F32645" s="1" t="s">
        <v>113688</v>
      </c>
      <c r="G32645" s="1" t="s">
        <v>113666</v>
      </c>
      <c r="H32645" s="1" t="s">
        <v>113667</v>
      </c>
      <c r="I32645" s="1" t="s">
        <v>113180</v>
      </c>
      <c r="J32645" s="1" t="s">
        <v>113689</v>
      </c>
    </row>
    <row r="32646" spans="1:10" x14ac:dyDescent="0.35">
      <c r="A32646" s="1" t="s">
        <v>13232</v>
      </c>
      <c r="B32646" s="1" t="s">
        <v>113175</v>
      </c>
      <c r="C32646" s="1" t="s">
        <v>45</v>
      </c>
      <c r="D32646" s="1" t="s">
        <v>3862</v>
      </c>
      <c r="E32646" s="1" t="s">
        <v>15876</v>
      </c>
      <c r="F32646" s="1" t="s">
        <v>113690</v>
      </c>
      <c r="G32646" s="1" t="s">
        <v>113666</v>
      </c>
      <c r="H32646" s="1" t="s">
        <v>113667</v>
      </c>
      <c r="I32646" s="1" t="s">
        <v>113180</v>
      </c>
      <c r="J32646" s="1" t="s">
        <v>113691</v>
      </c>
    </row>
    <row r="32647" spans="1:10" x14ac:dyDescent="0.35">
      <c r="A32647" s="1" t="s">
        <v>13232</v>
      </c>
      <c r="B32647" s="1" t="s">
        <v>113175</v>
      </c>
      <c r="C32647" s="1" t="s">
        <v>50</v>
      </c>
      <c r="D32647" s="1" t="s">
        <v>113692</v>
      </c>
      <c r="E32647" s="1" t="s">
        <v>113693</v>
      </c>
      <c r="F32647" s="1" t="s">
        <v>113694</v>
      </c>
      <c r="G32647" s="1" t="s">
        <v>113666</v>
      </c>
      <c r="H32647" s="1" t="s">
        <v>113667</v>
      </c>
      <c r="I32647" s="1" t="s">
        <v>113180</v>
      </c>
      <c r="J32647" s="1" t="s">
        <v>113695</v>
      </c>
    </row>
    <row r="32648" spans="1:10" x14ac:dyDescent="0.35">
      <c r="A32648" s="1" t="s">
        <v>13232</v>
      </c>
      <c r="B32648" s="1" t="s">
        <v>113175</v>
      </c>
      <c r="C32648" s="1" t="s">
        <v>55</v>
      </c>
      <c r="D32648" s="1" t="s">
        <v>113696</v>
      </c>
      <c r="E32648" s="1" t="s">
        <v>113697</v>
      </c>
      <c r="F32648" s="1" t="s">
        <v>113698</v>
      </c>
      <c r="G32648" s="1" t="s">
        <v>113666</v>
      </c>
      <c r="H32648" s="1" t="s">
        <v>113667</v>
      </c>
      <c r="I32648" s="1" t="s">
        <v>113180</v>
      </c>
      <c r="J32648" s="1" t="s">
        <v>113699</v>
      </c>
    </row>
    <row r="32649" spans="1:10" x14ac:dyDescent="0.35">
      <c r="A32649" s="1" t="s">
        <v>13232</v>
      </c>
      <c r="B32649" s="1" t="s">
        <v>113175</v>
      </c>
      <c r="C32649" s="1" t="s">
        <v>60</v>
      </c>
      <c r="D32649" s="1" t="s">
        <v>113700</v>
      </c>
      <c r="E32649" s="1" t="s">
        <v>113701</v>
      </c>
      <c r="F32649" s="1" t="s">
        <v>113702</v>
      </c>
      <c r="G32649" s="1" t="s">
        <v>113666</v>
      </c>
      <c r="H32649" s="1" t="s">
        <v>113667</v>
      </c>
      <c r="I32649" s="1" t="s">
        <v>113180</v>
      </c>
      <c r="J32649" s="1" t="s">
        <v>113703</v>
      </c>
    </row>
    <row r="32650" spans="1:10" x14ac:dyDescent="0.35">
      <c r="A32650" s="1" t="s">
        <v>13232</v>
      </c>
      <c r="B32650" s="1" t="s">
        <v>113175</v>
      </c>
      <c r="C32650" s="1" t="s">
        <v>65</v>
      </c>
      <c r="D32650" s="1" t="s">
        <v>113704</v>
      </c>
      <c r="E32650" s="1" t="s">
        <v>113705</v>
      </c>
      <c r="F32650" s="1" t="s">
        <v>113706</v>
      </c>
      <c r="G32650" s="1" t="s">
        <v>113666</v>
      </c>
      <c r="H32650" s="1" t="s">
        <v>113667</v>
      </c>
      <c r="I32650" s="1" t="s">
        <v>113180</v>
      </c>
      <c r="J32650" s="1" t="s">
        <v>113707</v>
      </c>
    </row>
    <row r="32651" spans="1:10" x14ac:dyDescent="0.35">
      <c r="A32651" s="1" t="s">
        <v>13232</v>
      </c>
      <c r="B32651" s="1" t="s">
        <v>113175</v>
      </c>
      <c r="C32651" s="1" t="s">
        <v>70</v>
      </c>
      <c r="D32651" s="1" t="s">
        <v>113708</v>
      </c>
      <c r="E32651" s="1" t="s">
        <v>113709</v>
      </c>
      <c r="F32651" s="1" t="s">
        <v>113710</v>
      </c>
      <c r="G32651" s="1" t="s">
        <v>113666</v>
      </c>
      <c r="H32651" s="1" t="s">
        <v>113667</v>
      </c>
      <c r="I32651" s="1" t="s">
        <v>113180</v>
      </c>
      <c r="J32651" s="1" t="s">
        <v>113711</v>
      </c>
    </row>
    <row r="32652" spans="1:10" x14ac:dyDescent="0.35">
      <c r="A32652" s="1" t="s">
        <v>13232</v>
      </c>
      <c r="B32652" s="1" t="s">
        <v>113175</v>
      </c>
      <c r="C32652" s="1" t="s">
        <v>75</v>
      </c>
      <c r="D32652" s="1" t="s">
        <v>18752</v>
      </c>
      <c r="E32652" s="1" t="s">
        <v>113712</v>
      </c>
      <c r="F32652" s="1" t="s">
        <v>113713</v>
      </c>
      <c r="G32652" s="1" t="s">
        <v>113666</v>
      </c>
      <c r="H32652" s="1" t="s">
        <v>113667</v>
      </c>
      <c r="I32652" s="1" t="s">
        <v>113180</v>
      </c>
      <c r="J32652" s="1" t="s">
        <v>113714</v>
      </c>
    </row>
    <row r="32653" spans="1:10" x14ac:dyDescent="0.35">
      <c r="A32653" s="1" t="s">
        <v>13232</v>
      </c>
      <c r="B32653" s="1" t="s">
        <v>113175</v>
      </c>
      <c r="C32653" s="1" t="s">
        <v>80</v>
      </c>
      <c r="D32653" s="1" t="s">
        <v>113715</v>
      </c>
      <c r="E32653" s="1" t="s">
        <v>113716</v>
      </c>
      <c r="F32653" s="1" t="s">
        <v>113717</v>
      </c>
      <c r="G32653" s="1" t="s">
        <v>113666</v>
      </c>
      <c r="H32653" s="1" t="s">
        <v>113667</v>
      </c>
      <c r="I32653" s="1" t="s">
        <v>113180</v>
      </c>
      <c r="J32653" s="1" t="s">
        <v>113718</v>
      </c>
    </row>
    <row r="32654" spans="1:10" x14ac:dyDescent="0.35">
      <c r="A32654" s="1" t="s">
        <v>13232</v>
      </c>
      <c r="B32654" s="1" t="s">
        <v>113175</v>
      </c>
      <c r="C32654" s="1" t="s">
        <v>85</v>
      </c>
      <c r="D32654" s="1" t="s">
        <v>113719</v>
      </c>
      <c r="E32654" s="1" t="s">
        <v>113720</v>
      </c>
      <c r="F32654" s="1" t="s">
        <v>113721</v>
      </c>
      <c r="G32654" s="1" t="s">
        <v>113666</v>
      </c>
      <c r="H32654" s="1" t="s">
        <v>113667</v>
      </c>
      <c r="I32654" s="1" t="s">
        <v>113180</v>
      </c>
      <c r="J32654" s="1" t="s">
        <v>113722</v>
      </c>
    </row>
    <row r="32655" spans="1:10" x14ac:dyDescent="0.35">
      <c r="A32655" s="1" t="s">
        <v>13232</v>
      </c>
      <c r="B32655" s="1" t="s">
        <v>113175</v>
      </c>
      <c r="C32655" s="1" t="s">
        <v>90</v>
      </c>
      <c r="D32655" s="1" t="s">
        <v>113723</v>
      </c>
      <c r="E32655" s="1" t="s">
        <v>113724</v>
      </c>
      <c r="F32655" s="1" t="s">
        <v>113725</v>
      </c>
      <c r="G32655" s="1" t="s">
        <v>113666</v>
      </c>
      <c r="H32655" s="1" t="s">
        <v>113667</v>
      </c>
      <c r="I32655" s="1" t="s">
        <v>113180</v>
      </c>
      <c r="J32655" s="1" t="s">
        <v>113726</v>
      </c>
    </row>
    <row r="32656" spans="1:10" x14ac:dyDescent="0.35">
      <c r="A32656" s="1" t="s">
        <v>13232</v>
      </c>
      <c r="B32656" s="1" t="s">
        <v>113175</v>
      </c>
      <c r="C32656" s="1" t="s">
        <v>95</v>
      </c>
      <c r="D32656" s="1" t="s">
        <v>113727</v>
      </c>
      <c r="E32656" s="1" t="s">
        <v>113728</v>
      </c>
      <c r="F32656" s="1" t="s">
        <v>113729</v>
      </c>
      <c r="G32656" s="1" t="s">
        <v>113666</v>
      </c>
      <c r="H32656" s="1" t="s">
        <v>113667</v>
      </c>
      <c r="I32656" s="1" t="s">
        <v>113180</v>
      </c>
      <c r="J32656" s="1" t="s">
        <v>113730</v>
      </c>
    </row>
    <row r="32657" spans="1:10" x14ac:dyDescent="0.35">
      <c r="A32657" s="1" t="s">
        <v>13232</v>
      </c>
      <c r="B32657" s="1" t="s">
        <v>113175</v>
      </c>
      <c r="C32657" s="1" t="s">
        <v>100</v>
      </c>
      <c r="D32657" s="1" t="s">
        <v>113731</v>
      </c>
      <c r="E32657" s="1" t="s">
        <v>113732</v>
      </c>
      <c r="F32657" s="1" t="s">
        <v>113733</v>
      </c>
      <c r="G32657" s="1" t="s">
        <v>113666</v>
      </c>
      <c r="H32657" s="1" t="s">
        <v>113667</v>
      </c>
      <c r="I32657" s="1" t="s">
        <v>113180</v>
      </c>
      <c r="J32657" s="1" t="s">
        <v>113734</v>
      </c>
    </row>
    <row r="32658" spans="1:10" x14ac:dyDescent="0.35">
      <c r="A32658" s="1" t="s">
        <v>13232</v>
      </c>
      <c r="B32658" s="1" t="s">
        <v>113175</v>
      </c>
      <c r="C32658" s="1" t="s">
        <v>105</v>
      </c>
      <c r="D32658" s="1" t="s">
        <v>113735</v>
      </c>
      <c r="E32658" s="1" t="s">
        <v>113736</v>
      </c>
      <c r="F32658" s="1" t="s">
        <v>113737</v>
      </c>
      <c r="G32658" s="1" t="s">
        <v>113666</v>
      </c>
      <c r="H32658" s="1" t="s">
        <v>113667</v>
      </c>
      <c r="I32658" s="1" t="s">
        <v>113180</v>
      </c>
      <c r="J32658" s="1" t="s">
        <v>113738</v>
      </c>
    </row>
    <row r="32659" spans="1:10" x14ac:dyDescent="0.35">
      <c r="A32659" s="1" t="s">
        <v>13232</v>
      </c>
      <c r="B32659" s="1" t="s">
        <v>113175</v>
      </c>
      <c r="C32659" s="1" t="s">
        <v>110</v>
      </c>
      <c r="D32659" s="1" t="s">
        <v>113739</v>
      </c>
      <c r="E32659" s="1" t="s">
        <v>113740</v>
      </c>
      <c r="F32659" s="1" t="s">
        <v>113741</v>
      </c>
      <c r="G32659" s="1" t="s">
        <v>113666</v>
      </c>
      <c r="H32659" s="1" t="s">
        <v>113667</v>
      </c>
      <c r="I32659" s="1" t="s">
        <v>113180</v>
      </c>
      <c r="J32659" s="1" t="s">
        <v>113742</v>
      </c>
    </row>
    <row r="32660" spans="1:10" x14ac:dyDescent="0.35">
      <c r="A32660" s="1" t="s">
        <v>13232</v>
      </c>
      <c r="B32660" s="1" t="s">
        <v>113175</v>
      </c>
      <c r="C32660" s="1" t="s">
        <v>115</v>
      </c>
      <c r="D32660" s="1" t="s">
        <v>38702</v>
      </c>
      <c r="E32660" s="1" t="s">
        <v>113743</v>
      </c>
      <c r="F32660" s="1" t="s">
        <v>113744</v>
      </c>
      <c r="G32660" s="1" t="s">
        <v>113666</v>
      </c>
      <c r="H32660" s="1" t="s">
        <v>113667</v>
      </c>
      <c r="I32660" s="1" t="s">
        <v>113180</v>
      </c>
      <c r="J32660" s="1" t="s">
        <v>113745</v>
      </c>
    </row>
    <row r="32661" spans="1:10" x14ac:dyDescent="0.35">
      <c r="A32661" s="1" t="s">
        <v>13232</v>
      </c>
      <c r="B32661" s="1" t="s">
        <v>113175</v>
      </c>
      <c r="C32661" s="1" t="s">
        <v>120</v>
      </c>
      <c r="D32661" s="1" t="s">
        <v>113746</v>
      </c>
      <c r="E32661" s="1" t="s">
        <v>113747</v>
      </c>
      <c r="F32661" s="1" t="s">
        <v>113748</v>
      </c>
      <c r="G32661" s="1" t="s">
        <v>113666</v>
      </c>
      <c r="H32661" s="1" t="s">
        <v>113667</v>
      </c>
      <c r="I32661" s="1" t="s">
        <v>113180</v>
      </c>
      <c r="J32661" s="1" t="s">
        <v>113749</v>
      </c>
    </row>
    <row r="32662" spans="1:10" x14ac:dyDescent="0.35">
      <c r="A32662" s="1" t="s">
        <v>13232</v>
      </c>
      <c r="B32662" s="1" t="s">
        <v>113175</v>
      </c>
      <c r="C32662" s="1" t="s">
        <v>125</v>
      </c>
      <c r="D32662" s="1" t="s">
        <v>49632</v>
      </c>
      <c r="E32662" s="1" t="s">
        <v>32984</v>
      </c>
      <c r="F32662" s="1" t="s">
        <v>113750</v>
      </c>
      <c r="G32662" s="1" t="s">
        <v>113666</v>
      </c>
      <c r="H32662" s="1" t="s">
        <v>113667</v>
      </c>
      <c r="I32662" s="1" t="s">
        <v>113180</v>
      </c>
      <c r="J32662" s="1" t="s">
        <v>113751</v>
      </c>
    </row>
    <row r="32663" spans="1:10" x14ac:dyDescent="0.35">
      <c r="A32663" s="1" t="s">
        <v>13232</v>
      </c>
      <c r="B32663" s="1" t="s">
        <v>113175</v>
      </c>
      <c r="C32663" s="1" t="s">
        <v>130</v>
      </c>
      <c r="D32663" s="1" t="s">
        <v>113752</v>
      </c>
      <c r="E32663" s="1" t="s">
        <v>113753</v>
      </c>
      <c r="F32663" s="1" t="s">
        <v>113754</v>
      </c>
      <c r="G32663" s="1" t="s">
        <v>113666</v>
      </c>
      <c r="H32663" s="1" t="s">
        <v>113667</v>
      </c>
      <c r="I32663" s="1" t="s">
        <v>113180</v>
      </c>
      <c r="J32663" s="1" t="s">
        <v>113755</v>
      </c>
    </row>
    <row r="32664" spans="1:10" x14ac:dyDescent="0.35">
      <c r="A32664" s="1" t="s">
        <v>13232</v>
      </c>
      <c r="B32664" s="1" t="s">
        <v>113175</v>
      </c>
      <c r="C32664" s="1" t="s">
        <v>135</v>
      </c>
      <c r="D32664" s="1" t="s">
        <v>113756</v>
      </c>
      <c r="E32664" s="1" t="s">
        <v>113757</v>
      </c>
      <c r="F32664" s="1" t="s">
        <v>113758</v>
      </c>
      <c r="G32664" s="1" t="s">
        <v>113666</v>
      </c>
      <c r="H32664" s="1" t="s">
        <v>113667</v>
      </c>
      <c r="I32664" s="1" t="s">
        <v>113180</v>
      </c>
      <c r="J32664" s="1" t="s">
        <v>113759</v>
      </c>
    </row>
    <row r="32665" spans="1:10" x14ac:dyDescent="0.35">
      <c r="A32665" s="1" t="s">
        <v>13232</v>
      </c>
      <c r="B32665" s="1" t="s">
        <v>113175</v>
      </c>
      <c r="C32665" s="1" t="s">
        <v>140</v>
      </c>
      <c r="D32665" s="1" t="s">
        <v>113760</v>
      </c>
      <c r="E32665" s="1" t="s">
        <v>113761</v>
      </c>
      <c r="F32665" s="1" t="s">
        <v>113762</v>
      </c>
      <c r="G32665" s="1" t="s">
        <v>113666</v>
      </c>
      <c r="H32665" s="1" t="s">
        <v>113667</v>
      </c>
      <c r="I32665" s="1" t="s">
        <v>113180</v>
      </c>
      <c r="J32665" s="1" t="s">
        <v>113763</v>
      </c>
    </row>
    <row r="32666" spans="1:10" x14ac:dyDescent="0.35">
      <c r="A32666" s="1" t="s">
        <v>13232</v>
      </c>
      <c r="B32666" s="1" t="s">
        <v>113175</v>
      </c>
      <c r="C32666" s="1" t="s">
        <v>145</v>
      </c>
      <c r="D32666" s="1" t="s">
        <v>113764</v>
      </c>
      <c r="E32666" s="1" t="s">
        <v>113765</v>
      </c>
      <c r="F32666" s="1" t="s">
        <v>113766</v>
      </c>
      <c r="G32666" s="1" t="s">
        <v>113666</v>
      </c>
      <c r="H32666" s="1" t="s">
        <v>113667</v>
      </c>
      <c r="I32666" s="1" t="s">
        <v>113180</v>
      </c>
      <c r="J32666" s="1" t="s">
        <v>113767</v>
      </c>
    </row>
    <row r="32667" spans="1:10" x14ac:dyDescent="0.35">
      <c r="A32667" s="1" t="s">
        <v>13232</v>
      </c>
      <c r="B32667" s="1" t="s">
        <v>113175</v>
      </c>
      <c r="C32667" s="1" t="s">
        <v>150</v>
      </c>
      <c r="D32667" s="1" t="s">
        <v>113768</v>
      </c>
      <c r="E32667" s="1" t="s">
        <v>113769</v>
      </c>
      <c r="F32667" s="1" t="s">
        <v>113770</v>
      </c>
      <c r="G32667" s="1" t="s">
        <v>113666</v>
      </c>
      <c r="H32667" s="1" t="s">
        <v>113667</v>
      </c>
      <c r="I32667" s="1" t="s">
        <v>113180</v>
      </c>
      <c r="J32667" s="1" t="s">
        <v>113771</v>
      </c>
    </row>
    <row r="32668" spans="1:10" x14ac:dyDescent="0.35">
      <c r="A32668" s="1" t="s">
        <v>13232</v>
      </c>
      <c r="B32668" s="1" t="s">
        <v>113175</v>
      </c>
      <c r="C32668" s="1" t="s">
        <v>155</v>
      </c>
      <c r="D32668" s="1" t="s">
        <v>113772</v>
      </c>
      <c r="E32668" s="1" t="s">
        <v>113773</v>
      </c>
      <c r="F32668" s="1" t="s">
        <v>113774</v>
      </c>
      <c r="G32668" s="1" t="s">
        <v>113666</v>
      </c>
      <c r="H32668" s="1" t="s">
        <v>113667</v>
      </c>
      <c r="I32668" s="1" t="s">
        <v>113180</v>
      </c>
      <c r="J32668" s="1" t="s">
        <v>113775</v>
      </c>
    </row>
    <row r="32669" spans="1:10" x14ac:dyDescent="0.35">
      <c r="A32669" s="1" t="s">
        <v>13232</v>
      </c>
      <c r="B32669" s="1" t="s">
        <v>113175</v>
      </c>
      <c r="C32669" s="1" t="s">
        <v>160</v>
      </c>
      <c r="D32669" s="1" t="s">
        <v>113776</v>
      </c>
      <c r="E32669" s="1" t="s">
        <v>113777</v>
      </c>
      <c r="F32669" s="1" t="s">
        <v>113778</v>
      </c>
      <c r="G32669" s="1" t="s">
        <v>113666</v>
      </c>
      <c r="H32669" s="1" t="s">
        <v>113667</v>
      </c>
      <c r="I32669" s="1" t="s">
        <v>113180</v>
      </c>
      <c r="J32669" s="1" t="s">
        <v>113779</v>
      </c>
    </row>
    <row r="32670" spans="1:10" x14ac:dyDescent="0.35">
      <c r="A32670" s="1" t="s">
        <v>13232</v>
      </c>
      <c r="B32670" s="1" t="s">
        <v>113175</v>
      </c>
      <c r="C32670" s="1" t="s">
        <v>165</v>
      </c>
      <c r="D32670" s="1" t="s">
        <v>101075</v>
      </c>
      <c r="E32670" s="1" t="s">
        <v>113780</v>
      </c>
      <c r="F32670" s="1" t="s">
        <v>113781</v>
      </c>
      <c r="G32670" s="1" t="s">
        <v>113666</v>
      </c>
      <c r="H32670" s="1" t="s">
        <v>113667</v>
      </c>
      <c r="I32670" s="1" t="s">
        <v>113180</v>
      </c>
      <c r="J32670" s="1" t="s">
        <v>113782</v>
      </c>
    </row>
    <row r="32671" spans="1:10" x14ac:dyDescent="0.35">
      <c r="A32671" s="1" t="s">
        <v>13232</v>
      </c>
      <c r="B32671" s="1" t="s">
        <v>113175</v>
      </c>
      <c r="C32671" s="1" t="s">
        <v>170</v>
      </c>
      <c r="D32671" s="1" t="s">
        <v>64974</v>
      </c>
      <c r="E32671" s="1" t="s">
        <v>113783</v>
      </c>
      <c r="F32671" s="1" t="s">
        <v>113784</v>
      </c>
      <c r="G32671" s="1" t="s">
        <v>113666</v>
      </c>
      <c r="H32671" s="1" t="s">
        <v>113667</v>
      </c>
      <c r="I32671" s="1" t="s">
        <v>113180</v>
      </c>
      <c r="J32671" s="1" t="s">
        <v>113785</v>
      </c>
    </row>
    <row r="32672" spans="1:10" x14ac:dyDescent="0.35">
      <c r="A32672" s="1" t="s">
        <v>113786</v>
      </c>
      <c r="B32672" s="1" t="s">
        <v>113175</v>
      </c>
      <c r="C32672" s="1" t="s">
        <v>8</v>
      </c>
      <c r="D32672" s="1" t="s">
        <v>113787</v>
      </c>
      <c r="E32672" s="1" t="s">
        <v>113788</v>
      </c>
      <c r="F32672" s="1" t="s">
        <v>113789</v>
      </c>
      <c r="G32672" s="1" t="s">
        <v>113790</v>
      </c>
      <c r="H32672" s="1" t="s">
        <v>113791</v>
      </c>
      <c r="I32672" s="1" t="s">
        <v>113180</v>
      </c>
      <c r="J32672" s="1" t="s">
        <v>13</v>
      </c>
    </row>
    <row r="32673" spans="1:10" x14ac:dyDescent="0.35">
      <c r="A32673" s="1" t="s">
        <v>113786</v>
      </c>
      <c r="B32673" s="1" t="s">
        <v>113175</v>
      </c>
      <c r="C32673" s="1" t="s">
        <v>15</v>
      </c>
      <c r="D32673" s="1" t="s">
        <v>113792</v>
      </c>
      <c r="E32673" s="1" t="s">
        <v>113793</v>
      </c>
      <c r="F32673" s="1" t="s">
        <v>113794</v>
      </c>
      <c r="G32673" s="1" t="s">
        <v>113790</v>
      </c>
      <c r="H32673" s="1" t="s">
        <v>113791</v>
      </c>
      <c r="I32673" s="1" t="s">
        <v>113180</v>
      </c>
      <c r="J32673" s="1" t="s">
        <v>113795</v>
      </c>
    </row>
    <row r="32674" spans="1:10" x14ac:dyDescent="0.35">
      <c r="A32674" s="1" t="s">
        <v>113786</v>
      </c>
      <c r="B32674" s="1" t="s">
        <v>113175</v>
      </c>
      <c r="C32674" s="1" t="s">
        <v>20</v>
      </c>
      <c r="D32674" s="1" t="s">
        <v>113796</v>
      </c>
      <c r="E32674" s="1" t="s">
        <v>113797</v>
      </c>
      <c r="F32674" s="1" t="s">
        <v>113798</v>
      </c>
      <c r="G32674" s="1" t="s">
        <v>113790</v>
      </c>
      <c r="H32674" s="1" t="s">
        <v>113791</v>
      </c>
      <c r="I32674" s="1" t="s">
        <v>113180</v>
      </c>
      <c r="J32674" s="1" t="s">
        <v>113799</v>
      </c>
    </row>
    <row r="32675" spans="1:10" x14ac:dyDescent="0.35">
      <c r="A32675" s="1" t="s">
        <v>113786</v>
      </c>
      <c r="B32675" s="1" t="s">
        <v>113175</v>
      </c>
      <c r="C32675" s="1" t="s">
        <v>25</v>
      </c>
      <c r="D32675" s="1" t="s">
        <v>108332</v>
      </c>
      <c r="E32675" s="1" t="s">
        <v>113800</v>
      </c>
      <c r="F32675" s="1" t="s">
        <v>113801</v>
      </c>
      <c r="G32675" s="1" t="s">
        <v>113790</v>
      </c>
      <c r="H32675" s="1" t="s">
        <v>113791</v>
      </c>
      <c r="I32675" s="1" t="s">
        <v>113180</v>
      </c>
      <c r="J32675" s="1" t="s">
        <v>113802</v>
      </c>
    </row>
    <row r="32676" spans="1:10" x14ac:dyDescent="0.35">
      <c r="A32676" s="1" t="s">
        <v>113786</v>
      </c>
      <c r="B32676" s="1" t="s">
        <v>113175</v>
      </c>
      <c r="C32676" s="1" t="s">
        <v>30</v>
      </c>
      <c r="D32676" s="1" t="s">
        <v>113803</v>
      </c>
      <c r="E32676" s="1" t="s">
        <v>113804</v>
      </c>
      <c r="F32676" s="1" t="s">
        <v>113805</v>
      </c>
      <c r="G32676" s="1" t="s">
        <v>113790</v>
      </c>
      <c r="H32676" s="1" t="s">
        <v>113791</v>
      </c>
      <c r="I32676" s="1" t="s">
        <v>113180</v>
      </c>
      <c r="J32676" s="1" t="s">
        <v>113806</v>
      </c>
    </row>
    <row r="32677" spans="1:10" x14ac:dyDescent="0.35">
      <c r="A32677" s="1" t="s">
        <v>113786</v>
      </c>
      <c r="B32677" s="1" t="s">
        <v>113175</v>
      </c>
      <c r="C32677" s="1" t="s">
        <v>35</v>
      </c>
      <c r="D32677" s="1" t="s">
        <v>14422</v>
      </c>
      <c r="E32677" s="1" t="s">
        <v>113807</v>
      </c>
      <c r="F32677" s="1" t="s">
        <v>113808</v>
      </c>
      <c r="G32677" s="1" t="s">
        <v>113790</v>
      </c>
      <c r="H32677" s="1" t="s">
        <v>113791</v>
      </c>
      <c r="I32677" s="1" t="s">
        <v>113180</v>
      </c>
      <c r="J32677" s="1" t="s">
        <v>113809</v>
      </c>
    </row>
    <row r="32678" spans="1:10" x14ac:dyDescent="0.35">
      <c r="A32678" s="1" t="s">
        <v>113786</v>
      </c>
      <c r="B32678" s="1" t="s">
        <v>113175</v>
      </c>
      <c r="C32678" s="1" t="s">
        <v>40</v>
      </c>
      <c r="D32678" s="1" t="s">
        <v>113506</v>
      </c>
      <c r="E32678" s="1" t="s">
        <v>113810</v>
      </c>
      <c r="F32678" s="1" t="s">
        <v>113811</v>
      </c>
      <c r="G32678" s="1" t="s">
        <v>113790</v>
      </c>
      <c r="H32678" s="1" t="s">
        <v>113791</v>
      </c>
      <c r="I32678" s="1" t="s">
        <v>113180</v>
      </c>
      <c r="J32678" s="1" t="s">
        <v>113812</v>
      </c>
    </row>
    <row r="32679" spans="1:10" x14ac:dyDescent="0.35">
      <c r="A32679" s="1" t="s">
        <v>113786</v>
      </c>
      <c r="B32679" s="1" t="s">
        <v>113175</v>
      </c>
      <c r="C32679" s="1" t="s">
        <v>45</v>
      </c>
      <c r="D32679" s="1" t="s">
        <v>113813</v>
      </c>
      <c r="E32679" s="1" t="s">
        <v>113814</v>
      </c>
      <c r="F32679" s="1" t="s">
        <v>113815</v>
      </c>
      <c r="G32679" s="1" t="s">
        <v>113790</v>
      </c>
      <c r="H32679" s="1" t="s">
        <v>113791</v>
      </c>
      <c r="I32679" s="1" t="s">
        <v>113180</v>
      </c>
      <c r="J32679" s="1" t="s">
        <v>113816</v>
      </c>
    </row>
    <row r="32680" spans="1:10" x14ac:dyDescent="0.35">
      <c r="A32680" s="1" t="s">
        <v>113786</v>
      </c>
      <c r="B32680" s="1" t="s">
        <v>113175</v>
      </c>
      <c r="C32680" s="1" t="s">
        <v>50</v>
      </c>
      <c r="D32680" s="1" t="s">
        <v>113817</v>
      </c>
      <c r="E32680" s="1" t="s">
        <v>113818</v>
      </c>
      <c r="F32680" s="1" t="s">
        <v>113819</v>
      </c>
      <c r="G32680" s="1" t="s">
        <v>113790</v>
      </c>
      <c r="H32680" s="1" t="s">
        <v>113791</v>
      </c>
      <c r="I32680" s="1" t="s">
        <v>113180</v>
      </c>
      <c r="J32680" s="1" t="s">
        <v>113820</v>
      </c>
    </row>
    <row r="32681" spans="1:10" x14ac:dyDescent="0.35">
      <c r="A32681" s="1" t="s">
        <v>113786</v>
      </c>
      <c r="B32681" s="1" t="s">
        <v>113175</v>
      </c>
      <c r="C32681" s="1" t="s">
        <v>55</v>
      </c>
      <c r="D32681" s="1" t="s">
        <v>64853</v>
      </c>
      <c r="E32681" s="1" t="s">
        <v>113821</v>
      </c>
      <c r="F32681" s="1" t="s">
        <v>113822</v>
      </c>
      <c r="G32681" s="1" t="s">
        <v>113790</v>
      </c>
      <c r="H32681" s="1" t="s">
        <v>113791</v>
      </c>
      <c r="I32681" s="1" t="s">
        <v>113180</v>
      </c>
      <c r="J32681" s="1" t="s">
        <v>113823</v>
      </c>
    </row>
    <row r="32682" spans="1:10" x14ac:dyDescent="0.35">
      <c r="A32682" s="1" t="s">
        <v>113786</v>
      </c>
      <c r="B32682" s="1" t="s">
        <v>113175</v>
      </c>
      <c r="C32682" s="1" t="s">
        <v>60</v>
      </c>
      <c r="D32682" s="1" t="s">
        <v>59890</v>
      </c>
      <c r="E32682" s="1" t="s">
        <v>113824</v>
      </c>
      <c r="F32682" s="1" t="s">
        <v>113825</v>
      </c>
      <c r="G32682" s="1" t="s">
        <v>113790</v>
      </c>
      <c r="H32682" s="1" t="s">
        <v>113791</v>
      </c>
      <c r="I32682" s="1" t="s">
        <v>113180</v>
      </c>
      <c r="J32682" s="1" t="s">
        <v>113826</v>
      </c>
    </row>
    <row r="32683" spans="1:10" x14ac:dyDescent="0.35">
      <c r="A32683" s="1" t="s">
        <v>113786</v>
      </c>
      <c r="B32683" s="1" t="s">
        <v>113175</v>
      </c>
      <c r="C32683" s="1" t="s">
        <v>65</v>
      </c>
      <c r="D32683" s="1" t="s">
        <v>113827</v>
      </c>
      <c r="E32683" s="1" t="s">
        <v>113828</v>
      </c>
      <c r="F32683" s="1" t="s">
        <v>113829</v>
      </c>
      <c r="G32683" s="1" t="s">
        <v>113790</v>
      </c>
      <c r="H32683" s="1" t="s">
        <v>113791</v>
      </c>
      <c r="I32683" s="1" t="s">
        <v>113180</v>
      </c>
      <c r="J32683" s="1" t="s">
        <v>113830</v>
      </c>
    </row>
    <row r="32684" spans="1:10" x14ac:dyDescent="0.35">
      <c r="A32684" s="1" t="s">
        <v>113786</v>
      </c>
      <c r="B32684" s="1" t="s">
        <v>113175</v>
      </c>
      <c r="C32684" s="1" t="s">
        <v>70</v>
      </c>
      <c r="D32684" s="1" t="s">
        <v>113831</v>
      </c>
      <c r="E32684" s="1" t="s">
        <v>113832</v>
      </c>
      <c r="F32684" s="1" t="s">
        <v>113833</v>
      </c>
      <c r="G32684" s="1" t="s">
        <v>113790</v>
      </c>
      <c r="H32684" s="1" t="s">
        <v>113791</v>
      </c>
      <c r="I32684" s="1" t="s">
        <v>113180</v>
      </c>
      <c r="J32684" s="1" t="s">
        <v>113834</v>
      </c>
    </row>
    <row r="32685" spans="1:10" x14ac:dyDescent="0.35">
      <c r="A32685" s="1" t="s">
        <v>113786</v>
      </c>
      <c r="B32685" s="1" t="s">
        <v>113175</v>
      </c>
      <c r="C32685" s="1" t="s">
        <v>75</v>
      </c>
      <c r="D32685" s="1" t="s">
        <v>113835</v>
      </c>
      <c r="E32685" s="1" t="s">
        <v>113836</v>
      </c>
      <c r="F32685" s="1" t="s">
        <v>113837</v>
      </c>
      <c r="G32685" s="1" t="s">
        <v>113790</v>
      </c>
      <c r="H32685" s="1" t="s">
        <v>113791</v>
      </c>
      <c r="I32685" s="1" t="s">
        <v>113180</v>
      </c>
      <c r="J32685" s="1" t="s">
        <v>113838</v>
      </c>
    </row>
    <row r="32686" spans="1:10" x14ac:dyDescent="0.35">
      <c r="A32686" s="1" t="s">
        <v>113786</v>
      </c>
      <c r="B32686" s="1" t="s">
        <v>113175</v>
      </c>
      <c r="C32686" s="1" t="s">
        <v>80</v>
      </c>
      <c r="D32686" s="1" t="s">
        <v>107823</v>
      </c>
      <c r="E32686" s="1" t="s">
        <v>113839</v>
      </c>
      <c r="F32686" s="1" t="s">
        <v>113840</v>
      </c>
      <c r="G32686" s="1" t="s">
        <v>113790</v>
      </c>
      <c r="H32686" s="1" t="s">
        <v>113791</v>
      </c>
      <c r="I32686" s="1" t="s">
        <v>113180</v>
      </c>
      <c r="J32686" s="1" t="s">
        <v>113841</v>
      </c>
    </row>
    <row r="32687" spans="1:10" x14ac:dyDescent="0.35">
      <c r="A32687" s="1" t="s">
        <v>113786</v>
      </c>
      <c r="B32687" s="1" t="s">
        <v>113175</v>
      </c>
      <c r="C32687" s="1" t="s">
        <v>85</v>
      </c>
      <c r="D32687" s="1" t="s">
        <v>113842</v>
      </c>
      <c r="E32687" s="1" t="s">
        <v>113843</v>
      </c>
      <c r="F32687" s="1" t="s">
        <v>113844</v>
      </c>
      <c r="G32687" s="1" t="s">
        <v>113790</v>
      </c>
      <c r="H32687" s="1" t="s">
        <v>113791</v>
      </c>
      <c r="I32687" s="1" t="s">
        <v>113180</v>
      </c>
      <c r="J32687" s="1" t="s">
        <v>113845</v>
      </c>
    </row>
    <row r="32688" spans="1:10" x14ac:dyDescent="0.35">
      <c r="A32688" s="1" t="s">
        <v>113786</v>
      </c>
      <c r="B32688" s="1" t="s">
        <v>113175</v>
      </c>
      <c r="C32688" s="1" t="s">
        <v>90</v>
      </c>
      <c r="D32688" s="1" t="s">
        <v>113846</v>
      </c>
      <c r="E32688" s="1" t="s">
        <v>113847</v>
      </c>
      <c r="F32688" s="1" t="s">
        <v>113848</v>
      </c>
      <c r="G32688" s="1" t="s">
        <v>113790</v>
      </c>
      <c r="H32688" s="1" t="s">
        <v>113791</v>
      </c>
      <c r="I32688" s="1" t="s">
        <v>113180</v>
      </c>
      <c r="J32688" s="1" t="s">
        <v>113849</v>
      </c>
    </row>
    <row r="32689" spans="1:10" x14ac:dyDescent="0.35">
      <c r="A32689" s="1" t="s">
        <v>113786</v>
      </c>
      <c r="B32689" s="1" t="s">
        <v>113175</v>
      </c>
      <c r="C32689" s="1" t="s">
        <v>95</v>
      </c>
      <c r="D32689" s="1" t="s">
        <v>98401</v>
      </c>
      <c r="E32689" s="1" t="s">
        <v>113850</v>
      </c>
      <c r="F32689" s="1" t="s">
        <v>113851</v>
      </c>
      <c r="G32689" s="1" t="s">
        <v>113790</v>
      </c>
      <c r="H32689" s="1" t="s">
        <v>113791</v>
      </c>
      <c r="I32689" s="1" t="s">
        <v>113180</v>
      </c>
      <c r="J32689" s="1" t="s">
        <v>113852</v>
      </c>
    </row>
    <row r="32690" spans="1:10" x14ac:dyDescent="0.35">
      <c r="A32690" s="1" t="s">
        <v>113786</v>
      </c>
      <c r="B32690" s="1" t="s">
        <v>113175</v>
      </c>
      <c r="C32690" s="1" t="s">
        <v>100</v>
      </c>
      <c r="D32690" s="1" t="s">
        <v>75597</v>
      </c>
      <c r="E32690" s="1" t="s">
        <v>113853</v>
      </c>
      <c r="F32690" s="1" t="s">
        <v>113854</v>
      </c>
      <c r="G32690" s="1" t="s">
        <v>113790</v>
      </c>
      <c r="H32690" s="1" t="s">
        <v>113791</v>
      </c>
      <c r="I32690" s="1" t="s">
        <v>113180</v>
      </c>
      <c r="J32690" s="1" t="s">
        <v>113855</v>
      </c>
    </row>
    <row r="32691" spans="1:10" x14ac:dyDescent="0.35">
      <c r="A32691" s="1" t="s">
        <v>113786</v>
      </c>
      <c r="B32691" s="1" t="s">
        <v>113175</v>
      </c>
      <c r="C32691" s="1" t="s">
        <v>105</v>
      </c>
      <c r="D32691" s="1" t="s">
        <v>18819</v>
      </c>
      <c r="E32691" s="1" t="s">
        <v>113856</v>
      </c>
      <c r="F32691" s="1" t="s">
        <v>113857</v>
      </c>
      <c r="G32691" s="1" t="s">
        <v>113790</v>
      </c>
      <c r="H32691" s="1" t="s">
        <v>113791</v>
      </c>
      <c r="I32691" s="1" t="s">
        <v>113180</v>
      </c>
      <c r="J32691" s="1" t="s">
        <v>113858</v>
      </c>
    </row>
    <row r="32692" spans="1:10" x14ac:dyDescent="0.35">
      <c r="A32692" s="1" t="s">
        <v>113786</v>
      </c>
      <c r="B32692" s="1" t="s">
        <v>113175</v>
      </c>
      <c r="C32692" s="1" t="s">
        <v>110</v>
      </c>
      <c r="D32692" s="1" t="s">
        <v>67922</v>
      </c>
      <c r="E32692" s="1" t="s">
        <v>113859</v>
      </c>
      <c r="F32692" s="1" t="s">
        <v>113860</v>
      </c>
      <c r="G32692" s="1" t="s">
        <v>113790</v>
      </c>
      <c r="H32692" s="1" t="s">
        <v>113791</v>
      </c>
      <c r="I32692" s="1" t="s">
        <v>113180</v>
      </c>
      <c r="J32692" s="1" t="s">
        <v>113861</v>
      </c>
    </row>
    <row r="32693" spans="1:10" x14ac:dyDescent="0.35">
      <c r="A32693" s="1" t="s">
        <v>113786</v>
      </c>
      <c r="B32693" s="1" t="s">
        <v>113175</v>
      </c>
      <c r="C32693" s="1" t="s">
        <v>115</v>
      </c>
      <c r="D32693" s="1" t="s">
        <v>113862</v>
      </c>
      <c r="E32693" s="1" t="s">
        <v>113863</v>
      </c>
      <c r="F32693" s="1" t="s">
        <v>113864</v>
      </c>
      <c r="G32693" s="1" t="s">
        <v>113790</v>
      </c>
      <c r="H32693" s="1" t="s">
        <v>113791</v>
      </c>
      <c r="I32693" s="1" t="s">
        <v>113180</v>
      </c>
      <c r="J32693" s="1" t="s">
        <v>113865</v>
      </c>
    </row>
    <row r="32694" spans="1:10" x14ac:dyDescent="0.35">
      <c r="A32694" s="1" t="s">
        <v>113786</v>
      </c>
      <c r="B32694" s="1" t="s">
        <v>113175</v>
      </c>
      <c r="C32694" s="1" t="s">
        <v>120</v>
      </c>
      <c r="D32694" s="1" t="s">
        <v>113866</v>
      </c>
      <c r="E32694" s="1" t="s">
        <v>113867</v>
      </c>
      <c r="F32694" s="1" t="s">
        <v>113868</v>
      </c>
      <c r="G32694" s="1" t="s">
        <v>113790</v>
      </c>
      <c r="H32694" s="1" t="s">
        <v>113791</v>
      </c>
      <c r="I32694" s="1" t="s">
        <v>113180</v>
      </c>
      <c r="J32694" s="1" t="s">
        <v>113869</v>
      </c>
    </row>
    <row r="32695" spans="1:10" x14ac:dyDescent="0.35">
      <c r="A32695" s="1" t="s">
        <v>113786</v>
      </c>
      <c r="B32695" s="1" t="s">
        <v>113175</v>
      </c>
      <c r="C32695" s="1" t="s">
        <v>125</v>
      </c>
      <c r="D32695" s="1" t="s">
        <v>113870</v>
      </c>
      <c r="E32695" s="1" t="s">
        <v>113871</v>
      </c>
      <c r="F32695" s="1" t="s">
        <v>113872</v>
      </c>
      <c r="G32695" s="1" t="s">
        <v>113790</v>
      </c>
      <c r="H32695" s="1" t="s">
        <v>113791</v>
      </c>
      <c r="I32695" s="1" t="s">
        <v>113180</v>
      </c>
      <c r="J32695" s="1" t="s">
        <v>113873</v>
      </c>
    </row>
    <row r="32696" spans="1:10" x14ac:dyDescent="0.35">
      <c r="A32696" s="1" t="s">
        <v>113786</v>
      </c>
      <c r="B32696" s="1" t="s">
        <v>113175</v>
      </c>
      <c r="C32696" s="1" t="s">
        <v>130</v>
      </c>
      <c r="D32696" s="1" t="s">
        <v>113874</v>
      </c>
      <c r="E32696" s="1" t="s">
        <v>113875</v>
      </c>
      <c r="F32696" s="1" t="s">
        <v>113876</v>
      </c>
      <c r="G32696" s="1" t="s">
        <v>113790</v>
      </c>
      <c r="H32696" s="1" t="s">
        <v>113791</v>
      </c>
      <c r="I32696" s="1" t="s">
        <v>113180</v>
      </c>
      <c r="J32696" s="1" t="s">
        <v>113877</v>
      </c>
    </row>
    <row r="32697" spans="1:10" x14ac:dyDescent="0.35">
      <c r="A32697" s="1" t="s">
        <v>113786</v>
      </c>
      <c r="B32697" s="1" t="s">
        <v>113175</v>
      </c>
      <c r="C32697" s="1" t="s">
        <v>135</v>
      </c>
      <c r="D32697" s="1" t="s">
        <v>113878</v>
      </c>
      <c r="E32697" s="1" t="s">
        <v>113879</v>
      </c>
      <c r="F32697" s="1" t="s">
        <v>113880</v>
      </c>
      <c r="G32697" s="1" t="s">
        <v>113790</v>
      </c>
      <c r="H32697" s="1" t="s">
        <v>113791</v>
      </c>
      <c r="I32697" s="1" t="s">
        <v>113180</v>
      </c>
      <c r="J32697" s="1" t="s">
        <v>113881</v>
      </c>
    </row>
    <row r="32698" spans="1:10" x14ac:dyDescent="0.35">
      <c r="A32698" s="1" t="s">
        <v>113786</v>
      </c>
      <c r="B32698" s="1" t="s">
        <v>113175</v>
      </c>
      <c r="C32698" s="1" t="s">
        <v>140</v>
      </c>
      <c r="D32698" s="1" t="s">
        <v>40148</v>
      </c>
      <c r="E32698" s="1" t="s">
        <v>113882</v>
      </c>
      <c r="F32698" s="1" t="s">
        <v>113883</v>
      </c>
      <c r="G32698" s="1" t="s">
        <v>113790</v>
      </c>
      <c r="H32698" s="1" t="s">
        <v>113791</v>
      </c>
      <c r="I32698" s="1" t="s">
        <v>113180</v>
      </c>
      <c r="J32698" s="1" t="s">
        <v>113884</v>
      </c>
    </row>
    <row r="32699" spans="1:10" x14ac:dyDescent="0.35">
      <c r="A32699" s="1" t="s">
        <v>113786</v>
      </c>
      <c r="B32699" s="1" t="s">
        <v>113175</v>
      </c>
      <c r="C32699" s="1" t="s">
        <v>145</v>
      </c>
      <c r="D32699" s="1" t="s">
        <v>81406</v>
      </c>
      <c r="E32699" s="1" t="s">
        <v>113885</v>
      </c>
      <c r="F32699" s="1" t="s">
        <v>113886</v>
      </c>
      <c r="G32699" s="1" t="s">
        <v>113790</v>
      </c>
      <c r="H32699" s="1" t="s">
        <v>113791</v>
      </c>
      <c r="I32699" s="1" t="s">
        <v>113180</v>
      </c>
      <c r="J32699" s="1" t="s">
        <v>113887</v>
      </c>
    </row>
    <row r="32700" spans="1:10" x14ac:dyDescent="0.35">
      <c r="A32700" s="1" t="s">
        <v>113786</v>
      </c>
      <c r="B32700" s="1" t="s">
        <v>113175</v>
      </c>
      <c r="C32700" s="1" t="s">
        <v>150</v>
      </c>
      <c r="D32700" s="1" t="s">
        <v>78077</v>
      </c>
      <c r="E32700" s="1" t="s">
        <v>113888</v>
      </c>
      <c r="F32700" s="1" t="s">
        <v>113889</v>
      </c>
      <c r="G32700" s="1" t="s">
        <v>113790</v>
      </c>
      <c r="H32700" s="1" t="s">
        <v>113791</v>
      </c>
      <c r="I32700" s="1" t="s">
        <v>113180</v>
      </c>
      <c r="J32700" s="1" t="s">
        <v>113890</v>
      </c>
    </row>
    <row r="32701" spans="1:10" x14ac:dyDescent="0.35">
      <c r="A32701" s="1" t="s">
        <v>113786</v>
      </c>
      <c r="B32701" s="1" t="s">
        <v>113175</v>
      </c>
      <c r="C32701" s="1" t="s">
        <v>155</v>
      </c>
      <c r="D32701" s="1" t="s">
        <v>113891</v>
      </c>
      <c r="E32701" s="1" t="s">
        <v>113892</v>
      </c>
      <c r="F32701" s="1" t="s">
        <v>113893</v>
      </c>
      <c r="G32701" s="1" t="s">
        <v>113790</v>
      </c>
      <c r="H32701" s="1" t="s">
        <v>113791</v>
      </c>
      <c r="I32701" s="1" t="s">
        <v>113180</v>
      </c>
      <c r="J32701" s="1" t="s">
        <v>113894</v>
      </c>
    </row>
    <row r="32702" spans="1:10" x14ac:dyDescent="0.35">
      <c r="A32702" s="1" t="s">
        <v>113786</v>
      </c>
      <c r="B32702" s="1" t="s">
        <v>113175</v>
      </c>
      <c r="C32702" s="1" t="s">
        <v>160</v>
      </c>
      <c r="D32702" s="1" t="s">
        <v>113895</v>
      </c>
      <c r="E32702" s="1" t="s">
        <v>113896</v>
      </c>
      <c r="F32702" s="1" t="s">
        <v>113897</v>
      </c>
      <c r="G32702" s="1" t="s">
        <v>113790</v>
      </c>
      <c r="H32702" s="1" t="s">
        <v>113791</v>
      </c>
      <c r="I32702" s="1" t="s">
        <v>113180</v>
      </c>
      <c r="J32702" s="1" t="s">
        <v>113898</v>
      </c>
    </row>
    <row r="32703" spans="1:10" x14ac:dyDescent="0.35">
      <c r="A32703" s="1" t="s">
        <v>113786</v>
      </c>
      <c r="B32703" s="1" t="s">
        <v>113175</v>
      </c>
      <c r="C32703" s="1" t="s">
        <v>165</v>
      </c>
      <c r="D32703" s="1" t="s">
        <v>60958</v>
      </c>
      <c r="E32703" s="1" t="s">
        <v>113899</v>
      </c>
      <c r="F32703" s="1" t="s">
        <v>113900</v>
      </c>
      <c r="G32703" s="1" t="s">
        <v>113790</v>
      </c>
      <c r="H32703" s="1" t="s">
        <v>113791</v>
      </c>
      <c r="I32703" s="1" t="s">
        <v>113180</v>
      </c>
      <c r="J32703" s="1" t="s">
        <v>113901</v>
      </c>
    </row>
    <row r="32704" spans="1:10" x14ac:dyDescent="0.35">
      <c r="A32704" s="1" t="s">
        <v>113786</v>
      </c>
      <c r="B32704" s="1" t="s">
        <v>113175</v>
      </c>
      <c r="C32704" s="1" t="s">
        <v>170</v>
      </c>
      <c r="D32704" s="1" t="s">
        <v>23986</v>
      </c>
      <c r="E32704" s="1" t="s">
        <v>113902</v>
      </c>
      <c r="F32704" s="1" t="s">
        <v>113903</v>
      </c>
      <c r="G32704" s="1" t="s">
        <v>113790</v>
      </c>
      <c r="H32704" s="1" t="s">
        <v>113791</v>
      </c>
      <c r="I32704" s="1" t="s">
        <v>113180</v>
      </c>
      <c r="J32704" s="1" t="s">
        <v>113904</v>
      </c>
    </row>
    <row r="32705" spans="1:10" x14ac:dyDescent="0.35">
      <c r="A32705" s="1" t="s">
        <v>2012</v>
      </c>
      <c r="B32705" s="1" t="s">
        <v>113175</v>
      </c>
      <c r="C32705" s="1" t="s">
        <v>8</v>
      </c>
      <c r="D32705" s="1" t="s">
        <v>108697</v>
      </c>
      <c r="E32705" s="1" t="s">
        <v>113905</v>
      </c>
      <c r="F32705" s="1" t="s">
        <v>113906</v>
      </c>
      <c r="G32705" s="1" t="s">
        <v>113907</v>
      </c>
      <c r="H32705" s="1" t="s">
        <v>113908</v>
      </c>
      <c r="I32705" s="1" t="s">
        <v>113180</v>
      </c>
      <c r="J32705" s="1" t="s">
        <v>13</v>
      </c>
    </row>
    <row r="32706" spans="1:10" x14ac:dyDescent="0.35">
      <c r="A32706" s="1" t="s">
        <v>2012</v>
      </c>
      <c r="B32706" s="1" t="s">
        <v>113175</v>
      </c>
      <c r="C32706" s="1" t="s">
        <v>15</v>
      </c>
      <c r="D32706" s="1" t="s">
        <v>113909</v>
      </c>
      <c r="E32706" s="1" t="s">
        <v>113910</v>
      </c>
      <c r="F32706" s="1" t="s">
        <v>113911</v>
      </c>
      <c r="G32706" s="1" t="s">
        <v>113907</v>
      </c>
      <c r="H32706" s="1" t="s">
        <v>113908</v>
      </c>
      <c r="I32706" s="1" t="s">
        <v>113180</v>
      </c>
      <c r="J32706" s="1" t="s">
        <v>113912</v>
      </c>
    </row>
    <row r="32707" spans="1:10" x14ac:dyDescent="0.35">
      <c r="A32707" s="1" t="s">
        <v>2012</v>
      </c>
      <c r="B32707" s="1" t="s">
        <v>113175</v>
      </c>
      <c r="C32707" s="1" t="s">
        <v>20</v>
      </c>
      <c r="D32707" s="1" t="s">
        <v>113913</v>
      </c>
      <c r="E32707" s="1" t="s">
        <v>113914</v>
      </c>
      <c r="F32707" s="1" t="s">
        <v>113915</v>
      </c>
      <c r="G32707" s="1" t="s">
        <v>113907</v>
      </c>
      <c r="H32707" s="1" t="s">
        <v>113908</v>
      </c>
      <c r="I32707" s="1" t="s">
        <v>113180</v>
      </c>
      <c r="J32707" s="1" t="s">
        <v>113916</v>
      </c>
    </row>
    <row r="32708" spans="1:10" x14ac:dyDescent="0.35">
      <c r="A32708" s="1" t="s">
        <v>2012</v>
      </c>
      <c r="B32708" s="1" t="s">
        <v>113175</v>
      </c>
      <c r="C32708" s="1" t="s">
        <v>25</v>
      </c>
      <c r="D32708" s="1" t="s">
        <v>113917</v>
      </c>
      <c r="E32708" s="1" t="s">
        <v>113918</v>
      </c>
      <c r="F32708" s="1" t="s">
        <v>113919</v>
      </c>
      <c r="G32708" s="1" t="s">
        <v>113907</v>
      </c>
      <c r="H32708" s="1" t="s">
        <v>113908</v>
      </c>
      <c r="I32708" s="1" t="s">
        <v>113180</v>
      </c>
      <c r="J32708" s="1" t="s">
        <v>113920</v>
      </c>
    </row>
    <row r="32709" spans="1:10" x14ac:dyDescent="0.35">
      <c r="A32709" s="1" t="s">
        <v>2012</v>
      </c>
      <c r="B32709" s="1" t="s">
        <v>113175</v>
      </c>
      <c r="C32709" s="1" t="s">
        <v>30</v>
      </c>
      <c r="D32709" s="1" t="s">
        <v>113921</v>
      </c>
      <c r="E32709" s="1" t="s">
        <v>113922</v>
      </c>
      <c r="F32709" s="1" t="s">
        <v>113923</v>
      </c>
      <c r="G32709" s="1" t="s">
        <v>113907</v>
      </c>
      <c r="H32709" s="1" t="s">
        <v>113908</v>
      </c>
      <c r="I32709" s="1" t="s">
        <v>113180</v>
      </c>
      <c r="J32709" s="1" t="s">
        <v>113924</v>
      </c>
    </row>
    <row r="32710" spans="1:10" x14ac:dyDescent="0.35">
      <c r="A32710" s="1" t="s">
        <v>2012</v>
      </c>
      <c r="B32710" s="1" t="s">
        <v>113175</v>
      </c>
      <c r="C32710" s="1" t="s">
        <v>35</v>
      </c>
      <c r="D32710" s="1" t="s">
        <v>113925</v>
      </c>
      <c r="E32710" s="1" t="s">
        <v>113926</v>
      </c>
      <c r="F32710" s="1" t="s">
        <v>113927</v>
      </c>
      <c r="G32710" s="1" t="s">
        <v>113907</v>
      </c>
      <c r="H32710" s="1" t="s">
        <v>113908</v>
      </c>
      <c r="I32710" s="1" t="s">
        <v>113180</v>
      </c>
      <c r="J32710" s="1" t="s">
        <v>113928</v>
      </c>
    </row>
    <row r="32711" spans="1:10" x14ac:dyDescent="0.35">
      <c r="A32711" s="1" t="s">
        <v>2012</v>
      </c>
      <c r="B32711" s="1" t="s">
        <v>113175</v>
      </c>
      <c r="C32711" s="1" t="s">
        <v>40</v>
      </c>
      <c r="D32711" s="1" t="s">
        <v>113929</v>
      </c>
      <c r="E32711" s="1" t="s">
        <v>113930</v>
      </c>
      <c r="F32711" s="1" t="s">
        <v>113931</v>
      </c>
      <c r="G32711" s="1" t="s">
        <v>113907</v>
      </c>
      <c r="H32711" s="1" t="s">
        <v>113908</v>
      </c>
      <c r="I32711" s="1" t="s">
        <v>113180</v>
      </c>
      <c r="J32711" s="1" t="s">
        <v>113932</v>
      </c>
    </row>
    <row r="32712" spans="1:10" x14ac:dyDescent="0.35">
      <c r="A32712" s="1" t="s">
        <v>2012</v>
      </c>
      <c r="B32712" s="1" t="s">
        <v>113175</v>
      </c>
      <c r="C32712" s="1" t="s">
        <v>45</v>
      </c>
      <c r="D32712" s="1" t="s">
        <v>113933</v>
      </c>
      <c r="E32712" s="1" t="s">
        <v>113934</v>
      </c>
      <c r="F32712" s="1" t="s">
        <v>113935</v>
      </c>
      <c r="G32712" s="1" t="s">
        <v>113907</v>
      </c>
      <c r="H32712" s="1" t="s">
        <v>113908</v>
      </c>
      <c r="I32712" s="1" t="s">
        <v>113180</v>
      </c>
      <c r="J32712" s="1" t="s">
        <v>113936</v>
      </c>
    </row>
    <row r="32713" spans="1:10" x14ac:dyDescent="0.35">
      <c r="A32713" s="1" t="s">
        <v>2012</v>
      </c>
      <c r="B32713" s="1" t="s">
        <v>113175</v>
      </c>
      <c r="C32713" s="1" t="s">
        <v>50</v>
      </c>
      <c r="D32713" s="1" t="s">
        <v>58994</v>
      </c>
      <c r="E32713" s="1" t="s">
        <v>113937</v>
      </c>
      <c r="F32713" s="1" t="s">
        <v>113938</v>
      </c>
      <c r="G32713" s="1" t="s">
        <v>113907</v>
      </c>
      <c r="H32713" s="1" t="s">
        <v>113908</v>
      </c>
      <c r="I32713" s="1" t="s">
        <v>113180</v>
      </c>
      <c r="J32713" s="1" t="s">
        <v>113939</v>
      </c>
    </row>
    <row r="32714" spans="1:10" x14ac:dyDescent="0.35">
      <c r="A32714" s="1" t="s">
        <v>2012</v>
      </c>
      <c r="B32714" s="1" t="s">
        <v>113175</v>
      </c>
      <c r="C32714" s="1" t="s">
        <v>55</v>
      </c>
      <c r="D32714" s="1" t="s">
        <v>113940</v>
      </c>
      <c r="E32714" s="1" t="s">
        <v>113941</v>
      </c>
      <c r="F32714" s="1" t="s">
        <v>113942</v>
      </c>
      <c r="G32714" s="1" t="s">
        <v>113907</v>
      </c>
      <c r="H32714" s="1" t="s">
        <v>113908</v>
      </c>
      <c r="I32714" s="1" t="s">
        <v>113180</v>
      </c>
      <c r="J32714" s="1" t="s">
        <v>113943</v>
      </c>
    </row>
    <row r="32715" spans="1:10" x14ac:dyDescent="0.35">
      <c r="A32715" s="1" t="s">
        <v>2012</v>
      </c>
      <c r="B32715" s="1" t="s">
        <v>113175</v>
      </c>
      <c r="C32715" s="1" t="s">
        <v>60</v>
      </c>
      <c r="D32715" s="1" t="s">
        <v>113944</v>
      </c>
      <c r="E32715" s="1" t="s">
        <v>113945</v>
      </c>
      <c r="F32715" s="1" t="s">
        <v>113946</v>
      </c>
      <c r="G32715" s="1" t="s">
        <v>113907</v>
      </c>
      <c r="H32715" s="1" t="s">
        <v>113908</v>
      </c>
      <c r="I32715" s="1" t="s">
        <v>113180</v>
      </c>
      <c r="J32715" s="1" t="s">
        <v>113947</v>
      </c>
    </row>
    <row r="32716" spans="1:10" x14ac:dyDescent="0.35">
      <c r="A32716" s="1" t="s">
        <v>2012</v>
      </c>
      <c r="B32716" s="1" t="s">
        <v>113175</v>
      </c>
      <c r="C32716" s="1" t="s">
        <v>65</v>
      </c>
      <c r="D32716" s="1" t="s">
        <v>113948</v>
      </c>
      <c r="E32716" s="1" t="s">
        <v>113949</v>
      </c>
      <c r="F32716" s="1" t="s">
        <v>113950</v>
      </c>
      <c r="G32716" s="1" t="s">
        <v>113907</v>
      </c>
      <c r="H32716" s="1" t="s">
        <v>113908</v>
      </c>
      <c r="I32716" s="1" t="s">
        <v>113180</v>
      </c>
      <c r="J32716" s="1" t="s">
        <v>113951</v>
      </c>
    </row>
    <row r="32717" spans="1:10" x14ac:dyDescent="0.35">
      <c r="A32717" s="1" t="s">
        <v>2012</v>
      </c>
      <c r="B32717" s="1" t="s">
        <v>113175</v>
      </c>
      <c r="C32717" s="1" t="s">
        <v>70</v>
      </c>
      <c r="D32717" s="1" t="s">
        <v>78020</v>
      </c>
      <c r="E32717" s="1" t="s">
        <v>113952</v>
      </c>
      <c r="F32717" s="1" t="s">
        <v>113953</v>
      </c>
      <c r="G32717" s="1" t="s">
        <v>113907</v>
      </c>
      <c r="H32717" s="1" t="s">
        <v>113908</v>
      </c>
      <c r="I32717" s="1" t="s">
        <v>113180</v>
      </c>
      <c r="J32717" s="1" t="s">
        <v>113954</v>
      </c>
    </row>
    <row r="32718" spans="1:10" x14ac:dyDescent="0.35">
      <c r="A32718" s="1" t="s">
        <v>2012</v>
      </c>
      <c r="B32718" s="1" t="s">
        <v>113175</v>
      </c>
      <c r="C32718" s="1" t="s">
        <v>75</v>
      </c>
      <c r="D32718" s="1" t="s">
        <v>67958</v>
      </c>
      <c r="E32718" s="1" t="s">
        <v>113955</v>
      </c>
      <c r="F32718" s="1" t="s">
        <v>113956</v>
      </c>
      <c r="G32718" s="1" t="s">
        <v>113907</v>
      </c>
      <c r="H32718" s="1" t="s">
        <v>113908</v>
      </c>
      <c r="I32718" s="1" t="s">
        <v>113180</v>
      </c>
      <c r="J32718" s="1" t="s">
        <v>113957</v>
      </c>
    </row>
    <row r="32719" spans="1:10" x14ac:dyDescent="0.35">
      <c r="A32719" s="1" t="s">
        <v>2012</v>
      </c>
      <c r="B32719" s="1" t="s">
        <v>113175</v>
      </c>
      <c r="C32719" s="1" t="s">
        <v>80</v>
      </c>
      <c r="D32719" s="1" t="s">
        <v>113958</v>
      </c>
      <c r="E32719" s="1" t="s">
        <v>113959</v>
      </c>
      <c r="F32719" s="1" t="s">
        <v>113960</v>
      </c>
      <c r="G32719" s="1" t="s">
        <v>113907</v>
      </c>
      <c r="H32719" s="1" t="s">
        <v>113908</v>
      </c>
      <c r="I32719" s="1" t="s">
        <v>113180</v>
      </c>
      <c r="J32719" s="1" t="s">
        <v>113961</v>
      </c>
    </row>
    <row r="32720" spans="1:10" x14ac:dyDescent="0.35">
      <c r="A32720" s="1" t="s">
        <v>2012</v>
      </c>
      <c r="B32720" s="1" t="s">
        <v>113175</v>
      </c>
      <c r="C32720" s="1" t="s">
        <v>85</v>
      </c>
      <c r="D32720" s="1" t="s">
        <v>113962</v>
      </c>
      <c r="E32720" s="1" t="s">
        <v>113963</v>
      </c>
      <c r="F32720" s="1" t="s">
        <v>113964</v>
      </c>
      <c r="G32720" s="1" t="s">
        <v>113907</v>
      </c>
      <c r="H32720" s="1" t="s">
        <v>113908</v>
      </c>
      <c r="I32720" s="1" t="s">
        <v>113180</v>
      </c>
      <c r="J32720" s="1" t="s">
        <v>113965</v>
      </c>
    </row>
    <row r="32721" spans="1:10" x14ac:dyDescent="0.35">
      <c r="A32721" s="1" t="s">
        <v>2012</v>
      </c>
      <c r="B32721" s="1" t="s">
        <v>113175</v>
      </c>
      <c r="C32721" s="1" t="s">
        <v>90</v>
      </c>
      <c r="D32721" s="1" t="s">
        <v>113966</v>
      </c>
      <c r="E32721" s="1" t="s">
        <v>113967</v>
      </c>
      <c r="F32721" s="1" t="s">
        <v>113968</v>
      </c>
      <c r="G32721" s="1" t="s">
        <v>113907</v>
      </c>
      <c r="H32721" s="1" t="s">
        <v>113908</v>
      </c>
      <c r="I32721" s="1" t="s">
        <v>113180</v>
      </c>
      <c r="J32721" s="1" t="s">
        <v>113969</v>
      </c>
    </row>
    <row r="32722" spans="1:10" x14ac:dyDescent="0.35">
      <c r="A32722" s="1" t="s">
        <v>2012</v>
      </c>
      <c r="B32722" s="1" t="s">
        <v>113175</v>
      </c>
      <c r="C32722" s="1" t="s">
        <v>95</v>
      </c>
      <c r="D32722" s="1" t="s">
        <v>81189</v>
      </c>
      <c r="E32722" s="1" t="s">
        <v>113970</v>
      </c>
      <c r="F32722" s="1" t="s">
        <v>113971</v>
      </c>
      <c r="G32722" s="1" t="s">
        <v>113907</v>
      </c>
      <c r="H32722" s="1" t="s">
        <v>113908</v>
      </c>
      <c r="I32722" s="1" t="s">
        <v>113180</v>
      </c>
      <c r="J32722" s="1" t="s">
        <v>113972</v>
      </c>
    </row>
    <row r="32723" spans="1:10" x14ac:dyDescent="0.35">
      <c r="A32723" s="1" t="s">
        <v>2012</v>
      </c>
      <c r="B32723" s="1" t="s">
        <v>113175</v>
      </c>
      <c r="C32723" s="1" t="s">
        <v>100</v>
      </c>
      <c r="D32723" s="1" t="s">
        <v>58797</v>
      </c>
      <c r="E32723" s="1" t="s">
        <v>113973</v>
      </c>
      <c r="F32723" s="1" t="s">
        <v>113974</v>
      </c>
      <c r="G32723" s="1" t="s">
        <v>113907</v>
      </c>
      <c r="H32723" s="1" t="s">
        <v>113908</v>
      </c>
      <c r="I32723" s="1" t="s">
        <v>113180</v>
      </c>
      <c r="J32723" s="1" t="s">
        <v>113975</v>
      </c>
    </row>
    <row r="32724" spans="1:10" x14ac:dyDescent="0.35">
      <c r="A32724" s="1" t="s">
        <v>2012</v>
      </c>
      <c r="B32724" s="1" t="s">
        <v>113175</v>
      </c>
      <c r="C32724" s="1" t="s">
        <v>105</v>
      </c>
      <c r="D32724" s="1" t="s">
        <v>113976</v>
      </c>
      <c r="E32724" s="1" t="s">
        <v>113977</v>
      </c>
      <c r="F32724" s="1" t="s">
        <v>113978</v>
      </c>
      <c r="G32724" s="1" t="s">
        <v>113907</v>
      </c>
      <c r="H32724" s="1" t="s">
        <v>113908</v>
      </c>
      <c r="I32724" s="1" t="s">
        <v>113180</v>
      </c>
      <c r="J32724" s="1" t="s">
        <v>113979</v>
      </c>
    </row>
    <row r="32725" spans="1:10" x14ac:dyDescent="0.35">
      <c r="A32725" s="1" t="s">
        <v>2012</v>
      </c>
      <c r="B32725" s="1" t="s">
        <v>113175</v>
      </c>
      <c r="C32725" s="1" t="s">
        <v>110</v>
      </c>
      <c r="D32725" s="1" t="s">
        <v>113980</v>
      </c>
      <c r="E32725" s="1" t="s">
        <v>65361</v>
      </c>
      <c r="F32725" s="1" t="s">
        <v>113981</v>
      </c>
      <c r="G32725" s="1" t="s">
        <v>113907</v>
      </c>
      <c r="H32725" s="1" t="s">
        <v>113908</v>
      </c>
      <c r="I32725" s="1" t="s">
        <v>113180</v>
      </c>
      <c r="J32725" s="1" t="s">
        <v>113982</v>
      </c>
    </row>
    <row r="32726" spans="1:10" x14ac:dyDescent="0.35">
      <c r="A32726" s="1" t="s">
        <v>2012</v>
      </c>
      <c r="B32726" s="1" t="s">
        <v>113175</v>
      </c>
      <c r="C32726" s="1" t="s">
        <v>115</v>
      </c>
      <c r="D32726" s="1" t="s">
        <v>22555</v>
      </c>
      <c r="E32726" s="1" t="s">
        <v>113983</v>
      </c>
      <c r="F32726" s="1" t="s">
        <v>113984</v>
      </c>
      <c r="G32726" s="1" t="s">
        <v>113907</v>
      </c>
      <c r="H32726" s="1" t="s">
        <v>113908</v>
      </c>
      <c r="I32726" s="1" t="s">
        <v>113180</v>
      </c>
      <c r="J32726" s="1" t="s">
        <v>113985</v>
      </c>
    </row>
    <row r="32727" spans="1:10" x14ac:dyDescent="0.35">
      <c r="A32727" s="1" t="s">
        <v>2012</v>
      </c>
      <c r="B32727" s="1" t="s">
        <v>113175</v>
      </c>
      <c r="C32727" s="1" t="s">
        <v>120</v>
      </c>
      <c r="D32727" s="1" t="s">
        <v>113986</v>
      </c>
      <c r="E32727" s="1" t="s">
        <v>113987</v>
      </c>
      <c r="F32727" s="1" t="s">
        <v>113988</v>
      </c>
      <c r="G32727" s="1" t="s">
        <v>113907</v>
      </c>
      <c r="H32727" s="1" t="s">
        <v>113908</v>
      </c>
      <c r="I32727" s="1" t="s">
        <v>113180</v>
      </c>
      <c r="J32727" s="1" t="s">
        <v>113989</v>
      </c>
    </row>
    <row r="32728" spans="1:10" x14ac:dyDescent="0.35">
      <c r="A32728" s="1" t="s">
        <v>2012</v>
      </c>
      <c r="B32728" s="1" t="s">
        <v>113175</v>
      </c>
      <c r="C32728" s="1" t="s">
        <v>125</v>
      </c>
      <c r="D32728" s="1" t="s">
        <v>113990</v>
      </c>
      <c r="E32728" s="1" t="s">
        <v>113991</v>
      </c>
      <c r="F32728" s="1" t="s">
        <v>113992</v>
      </c>
      <c r="G32728" s="1" t="s">
        <v>113907</v>
      </c>
      <c r="H32728" s="1" t="s">
        <v>113908</v>
      </c>
      <c r="I32728" s="1" t="s">
        <v>113180</v>
      </c>
      <c r="J32728" s="1" t="s">
        <v>113993</v>
      </c>
    </row>
    <row r="32729" spans="1:10" x14ac:dyDescent="0.35">
      <c r="A32729" s="1" t="s">
        <v>2012</v>
      </c>
      <c r="B32729" s="1" t="s">
        <v>113175</v>
      </c>
      <c r="C32729" s="1" t="s">
        <v>130</v>
      </c>
      <c r="D32729" s="1" t="s">
        <v>113994</v>
      </c>
      <c r="E32729" s="1" t="s">
        <v>113995</v>
      </c>
      <c r="F32729" s="1" t="s">
        <v>113996</v>
      </c>
      <c r="G32729" s="1" t="s">
        <v>113907</v>
      </c>
      <c r="H32729" s="1" t="s">
        <v>113908</v>
      </c>
      <c r="I32729" s="1" t="s">
        <v>113180</v>
      </c>
      <c r="J32729" s="1" t="s">
        <v>113997</v>
      </c>
    </row>
    <row r="32730" spans="1:10" x14ac:dyDescent="0.35">
      <c r="A32730" s="1" t="s">
        <v>2012</v>
      </c>
      <c r="B32730" s="1" t="s">
        <v>113175</v>
      </c>
      <c r="C32730" s="1" t="s">
        <v>135</v>
      </c>
      <c r="D32730" s="1" t="s">
        <v>113998</v>
      </c>
      <c r="E32730" s="1" t="s">
        <v>113999</v>
      </c>
      <c r="F32730" s="1" t="s">
        <v>114000</v>
      </c>
      <c r="G32730" s="1" t="s">
        <v>113907</v>
      </c>
      <c r="H32730" s="1" t="s">
        <v>113908</v>
      </c>
      <c r="I32730" s="1" t="s">
        <v>113180</v>
      </c>
      <c r="J32730" s="1" t="s">
        <v>114001</v>
      </c>
    </row>
    <row r="32731" spans="1:10" x14ac:dyDescent="0.35">
      <c r="A32731" s="1" t="s">
        <v>2012</v>
      </c>
      <c r="B32731" s="1" t="s">
        <v>113175</v>
      </c>
      <c r="C32731" s="1" t="s">
        <v>140</v>
      </c>
      <c r="D32731" s="1" t="s">
        <v>114002</v>
      </c>
      <c r="E32731" s="1" t="s">
        <v>114003</v>
      </c>
      <c r="F32731" s="1" t="s">
        <v>114004</v>
      </c>
      <c r="G32731" s="1" t="s">
        <v>113907</v>
      </c>
      <c r="H32731" s="1" t="s">
        <v>113908</v>
      </c>
      <c r="I32731" s="1" t="s">
        <v>113180</v>
      </c>
      <c r="J32731" s="1" t="s">
        <v>114005</v>
      </c>
    </row>
    <row r="32732" spans="1:10" x14ac:dyDescent="0.35">
      <c r="A32732" s="1" t="s">
        <v>2012</v>
      </c>
      <c r="B32732" s="1" t="s">
        <v>113175</v>
      </c>
      <c r="C32732" s="1" t="s">
        <v>145</v>
      </c>
      <c r="D32732" s="1" t="s">
        <v>114006</v>
      </c>
      <c r="E32732" s="1" t="s">
        <v>114007</v>
      </c>
      <c r="F32732" s="1" t="s">
        <v>114008</v>
      </c>
      <c r="G32732" s="1" t="s">
        <v>113907</v>
      </c>
      <c r="H32732" s="1" t="s">
        <v>113908</v>
      </c>
      <c r="I32732" s="1" t="s">
        <v>113180</v>
      </c>
      <c r="J32732" s="1" t="s">
        <v>114009</v>
      </c>
    </row>
    <row r="32733" spans="1:10" x14ac:dyDescent="0.35">
      <c r="A32733" s="1" t="s">
        <v>2012</v>
      </c>
      <c r="B32733" s="1" t="s">
        <v>113175</v>
      </c>
      <c r="C32733" s="1" t="s">
        <v>150</v>
      </c>
      <c r="D32733" s="1" t="s">
        <v>114010</v>
      </c>
      <c r="E32733" s="1" t="s">
        <v>114011</v>
      </c>
      <c r="F32733" s="1" t="s">
        <v>114012</v>
      </c>
      <c r="G32733" s="1" t="s">
        <v>113907</v>
      </c>
      <c r="H32733" s="1" t="s">
        <v>113908</v>
      </c>
      <c r="I32733" s="1" t="s">
        <v>113180</v>
      </c>
      <c r="J32733" s="1" t="s">
        <v>114013</v>
      </c>
    </row>
    <row r="32734" spans="1:10" x14ac:dyDescent="0.35">
      <c r="A32734" s="1" t="s">
        <v>2012</v>
      </c>
      <c r="B32734" s="1" t="s">
        <v>113175</v>
      </c>
      <c r="C32734" s="1" t="s">
        <v>155</v>
      </c>
      <c r="D32734" s="1" t="s">
        <v>114014</v>
      </c>
      <c r="E32734" s="1" t="s">
        <v>114015</v>
      </c>
      <c r="F32734" s="1" t="s">
        <v>114016</v>
      </c>
      <c r="G32734" s="1" t="s">
        <v>113907</v>
      </c>
      <c r="H32734" s="1" t="s">
        <v>113908</v>
      </c>
      <c r="I32734" s="1" t="s">
        <v>113180</v>
      </c>
      <c r="J32734" s="1" t="s">
        <v>114017</v>
      </c>
    </row>
    <row r="32735" spans="1:10" x14ac:dyDescent="0.35">
      <c r="A32735" s="1" t="s">
        <v>2012</v>
      </c>
      <c r="B32735" s="1" t="s">
        <v>113175</v>
      </c>
      <c r="C32735" s="1" t="s">
        <v>160</v>
      </c>
      <c r="D32735" s="1" t="s">
        <v>114018</v>
      </c>
      <c r="E32735" s="1" t="s">
        <v>114019</v>
      </c>
      <c r="F32735" s="1" t="s">
        <v>114020</v>
      </c>
      <c r="G32735" s="1" t="s">
        <v>113907</v>
      </c>
      <c r="H32735" s="1" t="s">
        <v>113908</v>
      </c>
      <c r="I32735" s="1" t="s">
        <v>113180</v>
      </c>
      <c r="J32735" s="1" t="s">
        <v>114021</v>
      </c>
    </row>
    <row r="32736" spans="1:10" x14ac:dyDescent="0.35">
      <c r="A32736" s="1" t="s">
        <v>2012</v>
      </c>
      <c r="B32736" s="1" t="s">
        <v>113175</v>
      </c>
      <c r="C32736" s="1" t="s">
        <v>165</v>
      </c>
      <c r="D32736" s="1" t="s">
        <v>22197</v>
      </c>
      <c r="E32736" s="1" t="s">
        <v>114022</v>
      </c>
      <c r="F32736" s="1" t="s">
        <v>114023</v>
      </c>
      <c r="G32736" s="1" t="s">
        <v>113907</v>
      </c>
      <c r="H32736" s="1" t="s">
        <v>113908</v>
      </c>
      <c r="I32736" s="1" t="s">
        <v>113180</v>
      </c>
      <c r="J32736" s="1" t="s">
        <v>114024</v>
      </c>
    </row>
    <row r="32737" spans="1:10" x14ac:dyDescent="0.35">
      <c r="A32737" s="1" t="s">
        <v>2012</v>
      </c>
      <c r="B32737" s="1" t="s">
        <v>113175</v>
      </c>
      <c r="C32737" s="1" t="s">
        <v>170</v>
      </c>
      <c r="D32737" s="1" t="s">
        <v>55839</v>
      </c>
      <c r="E32737" s="1" t="s">
        <v>114025</v>
      </c>
      <c r="F32737" s="1" t="s">
        <v>114026</v>
      </c>
      <c r="G32737" s="1" t="s">
        <v>113907</v>
      </c>
      <c r="H32737" s="1" t="s">
        <v>113908</v>
      </c>
      <c r="I32737" s="1" t="s">
        <v>113180</v>
      </c>
      <c r="J32737" s="1" t="s">
        <v>114027</v>
      </c>
    </row>
    <row r="32738" spans="1:10" x14ac:dyDescent="0.35">
      <c r="A32738" s="1" t="s">
        <v>6351</v>
      </c>
      <c r="B32738" s="1" t="s">
        <v>113175</v>
      </c>
      <c r="C32738" s="1" t="s">
        <v>8</v>
      </c>
      <c r="D32738" s="1" t="s">
        <v>114028</v>
      </c>
      <c r="E32738" s="1" t="s">
        <v>114029</v>
      </c>
      <c r="F32738" s="1" t="s">
        <v>114030</v>
      </c>
      <c r="G32738" s="1" t="s">
        <v>114031</v>
      </c>
      <c r="H32738" s="1" t="s">
        <v>114032</v>
      </c>
      <c r="I32738" s="1" t="s">
        <v>113180</v>
      </c>
      <c r="J32738" s="1" t="s">
        <v>13</v>
      </c>
    </row>
    <row r="32739" spans="1:10" x14ac:dyDescent="0.35">
      <c r="A32739" s="1" t="s">
        <v>6351</v>
      </c>
      <c r="B32739" s="1" t="s">
        <v>113175</v>
      </c>
      <c r="C32739" s="1" t="s">
        <v>15</v>
      </c>
      <c r="D32739" s="1" t="s">
        <v>114033</v>
      </c>
      <c r="E32739" s="1" t="s">
        <v>114034</v>
      </c>
      <c r="F32739" s="1" t="s">
        <v>114035</v>
      </c>
      <c r="G32739" s="1" t="s">
        <v>114031</v>
      </c>
      <c r="H32739" s="1" t="s">
        <v>114032</v>
      </c>
      <c r="I32739" s="1" t="s">
        <v>113180</v>
      </c>
      <c r="J32739" s="1" t="s">
        <v>114036</v>
      </c>
    </row>
    <row r="32740" spans="1:10" x14ac:dyDescent="0.35">
      <c r="A32740" s="1" t="s">
        <v>6351</v>
      </c>
      <c r="B32740" s="1" t="s">
        <v>113175</v>
      </c>
      <c r="C32740" s="1" t="s">
        <v>20</v>
      </c>
      <c r="D32740" s="1" t="s">
        <v>888</v>
      </c>
      <c r="E32740" s="1" t="s">
        <v>114037</v>
      </c>
      <c r="F32740" s="1" t="s">
        <v>114038</v>
      </c>
      <c r="G32740" s="1" t="s">
        <v>114031</v>
      </c>
      <c r="H32740" s="1" t="s">
        <v>114032</v>
      </c>
      <c r="I32740" s="1" t="s">
        <v>113180</v>
      </c>
      <c r="J32740" s="1" t="s">
        <v>114039</v>
      </c>
    </row>
    <row r="32741" spans="1:10" x14ac:dyDescent="0.35">
      <c r="A32741" s="1" t="s">
        <v>6351</v>
      </c>
      <c r="B32741" s="1" t="s">
        <v>113175</v>
      </c>
      <c r="C32741" s="1" t="s">
        <v>25</v>
      </c>
      <c r="D32741" s="1" t="s">
        <v>114040</v>
      </c>
      <c r="E32741" s="1" t="s">
        <v>114041</v>
      </c>
      <c r="F32741" s="1" t="s">
        <v>114042</v>
      </c>
      <c r="G32741" s="1" t="s">
        <v>114031</v>
      </c>
      <c r="H32741" s="1" t="s">
        <v>114032</v>
      </c>
      <c r="I32741" s="1" t="s">
        <v>113180</v>
      </c>
      <c r="J32741" s="1" t="s">
        <v>114043</v>
      </c>
    </row>
    <row r="32742" spans="1:10" x14ac:dyDescent="0.35">
      <c r="A32742" s="1" t="s">
        <v>6351</v>
      </c>
      <c r="B32742" s="1" t="s">
        <v>113175</v>
      </c>
      <c r="C32742" s="1" t="s">
        <v>30</v>
      </c>
      <c r="D32742" s="1" t="s">
        <v>114044</v>
      </c>
      <c r="E32742" s="1" t="s">
        <v>114045</v>
      </c>
      <c r="F32742" s="1" t="s">
        <v>114046</v>
      </c>
      <c r="G32742" s="1" t="s">
        <v>114031</v>
      </c>
      <c r="H32742" s="1" t="s">
        <v>114032</v>
      </c>
      <c r="I32742" s="1" t="s">
        <v>113180</v>
      </c>
      <c r="J32742" s="1" t="s">
        <v>114047</v>
      </c>
    </row>
    <row r="32743" spans="1:10" x14ac:dyDescent="0.35">
      <c r="A32743" s="1" t="s">
        <v>6351</v>
      </c>
      <c r="B32743" s="1" t="s">
        <v>113175</v>
      </c>
      <c r="C32743" s="1" t="s">
        <v>35</v>
      </c>
      <c r="D32743" s="1" t="s">
        <v>31201</v>
      </c>
      <c r="E32743" s="1" t="s">
        <v>114048</v>
      </c>
      <c r="F32743" s="1" t="s">
        <v>114049</v>
      </c>
      <c r="G32743" s="1" t="s">
        <v>114031</v>
      </c>
      <c r="H32743" s="1" t="s">
        <v>114032</v>
      </c>
      <c r="I32743" s="1" t="s">
        <v>113180</v>
      </c>
      <c r="J32743" s="1" t="s">
        <v>114050</v>
      </c>
    </row>
    <row r="32744" spans="1:10" x14ac:dyDescent="0.35">
      <c r="A32744" s="1" t="s">
        <v>6351</v>
      </c>
      <c r="B32744" s="1" t="s">
        <v>113175</v>
      </c>
      <c r="C32744" s="1" t="s">
        <v>40</v>
      </c>
      <c r="D32744" s="1" t="s">
        <v>9067</v>
      </c>
      <c r="E32744" s="1" t="s">
        <v>114051</v>
      </c>
      <c r="F32744" s="1" t="s">
        <v>114052</v>
      </c>
      <c r="G32744" s="1" t="s">
        <v>114031</v>
      </c>
      <c r="H32744" s="1" t="s">
        <v>114032</v>
      </c>
      <c r="I32744" s="1" t="s">
        <v>113180</v>
      </c>
      <c r="J32744" s="1" t="s">
        <v>114053</v>
      </c>
    </row>
    <row r="32745" spans="1:10" x14ac:dyDescent="0.35">
      <c r="A32745" s="1" t="s">
        <v>6351</v>
      </c>
      <c r="B32745" s="1" t="s">
        <v>113175</v>
      </c>
      <c r="C32745" s="1" t="s">
        <v>45</v>
      </c>
      <c r="D32745" s="1" t="s">
        <v>114054</v>
      </c>
      <c r="E32745" s="1" t="s">
        <v>114055</v>
      </c>
      <c r="F32745" s="1" t="s">
        <v>114056</v>
      </c>
      <c r="G32745" s="1" t="s">
        <v>114031</v>
      </c>
      <c r="H32745" s="1" t="s">
        <v>114032</v>
      </c>
      <c r="I32745" s="1" t="s">
        <v>113180</v>
      </c>
      <c r="J32745" s="1" t="s">
        <v>114057</v>
      </c>
    </row>
    <row r="32746" spans="1:10" x14ac:dyDescent="0.35">
      <c r="A32746" s="1" t="s">
        <v>6351</v>
      </c>
      <c r="B32746" s="1" t="s">
        <v>113175</v>
      </c>
      <c r="C32746" s="1" t="s">
        <v>50</v>
      </c>
      <c r="D32746" s="1" t="s">
        <v>114058</v>
      </c>
      <c r="E32746" s="1" t="s">
        <v>114059</v>
      </c>
      <c r="F32746" s="1" t="s">
        <v>114060</v>
      </c>
      <c r="G32746" s="1" t="s">
        <v>114031</v>
      </c>
      <c r="H32746" s="1" t="s">
        <v>114032</v>
      </c>
      <c r="I32746" s="1" t="s">
        <v>113180</v>
      </c>
      <c r="J32746" s="1" t="s">
        <v>114061</v>
      </c>
    </row>
    <row r="32747" spans="1:10" x14ac:dyDescent="0.35">
      <c r="A32747" s="1" t="s">
        <v>6351</v>
      </c>
      <c r="B32747" s="1" t="s">
        <v>113175</v>
      </c>
      <c r="C32747" s="1" t="s">
        <v>55</v>
      </c>
      <c r="D32747" s="1" t="s">
        <v>114062</v>
      </c>
      <c r="E32747" s="1" t="s">
        <v>114063</v>
      </c>
      <c r="F32747" s="1" t="s">
        <v>114064</v>
      </c>
      <c r="G32747" s="1" t="s">
        <v>114031</v>
      </c>
      <c r="H32747" s="1" t="s">
        <v>114032</v>
      </c>
      <c r="I32747" s="1" t="s">
        <v>113180</v>
      </c>
      <c r="J32747" s="1" t="s">
        <v>114065</v>
      </c>
    </row>
    <row r="32748" spans="1:10" x14ac:dyDescent="0.35">
      <c r="A32748" s="1" t="s">
        <v>6351</v>
      </c>
      <c r="B32748" s="1" t="s">
        <v>113175</v>
      </c>
      <c r="C32748" s="1" t="s">
        <v>60</v>
      </c>
      <c r="D32748" s="1" t="s">
        <v>114066</v>
      </c>
      <c r="E32748" s="1" t="s">
        <v>114067</v>
      </c>
      <c r="F32748" s="1" t="s">
        <v>114068</v>
      </c>
      <c r="G32748" s="1" t="s">
        <v>114031</v>
      </c>
      <c r="H32748" s="1" t="s">
        <v>114032</v>
      </c>
      <c r="I32748" s="1" t="s">
        <v>113180</v>
      </c>
      <c r="J32748" s="1" t="s">
        <v>114069</v>
      </c>
    </row>
    <row r="32749" spans="1:10" x14ac:dyDescent="0.35">
      <c r="A32749" s="1" t="s">
        <v>6351</v>
      </c>
      <c r="B32749" s="1" t="s">
        <v>113175</v>
      </c>
      <c r="C32749" s="1" t="s">
        <v>65</v>
      </c>
      <c r="D32749" s="1" t="s">
        <v>49621</v>
      </c>
      <c r="E32749" s="1" t="s">
        <v>114070</v>
      </c>
      <c r="F32749" s="1" t="s">
        <v>114071</v>
      </c>
      <c r="G32749" s="1" t="s">
        <v>114031</v>
      </c>
      <c r="H32749" s="1" t="s">
        <v>114032</v>
      </c>
      <c r="I32749" s="1" t="s">
        <v>113180</v>
      </c>
      <c r="J32749" s="1" t="s">
        <v>114072</v>
      </c>
    </row>
    <row r="32750" spans="1:10" x14ac:dyDescent="0.35">
      <c r="A32750" s="1" t="s">
        <v>6351</v>
      </c>
      <c r="B32750" s="1" t="s">
        <v>113175</v>
      </c>
      <c r="C32750" s="1" t="s">
        <v>70</v>
      </c>
      <c r="D32750" s="1" t="s">
        <v>114073</v>
      </c>
      <c r="E32750" s="1" t="s">
        <v>114074</v>
      </c>
      <c r="F32750" s="1" t="s">
        <v>114075</v>
      </c>
      <c r="G32750" s="1" t="s">
        <v>114031</v>
      </c>
      <c r="H32750" s="1" t="s">
        <v>114032</v>
      </c>
      <c r="I32750" s="1" t="s">
        <v>113180</v>
      </c>
      <c r="J32750" s="1" t="s">
        <v>114076</v>
      </c>
    </row>
    <row r="32751" spans="1:10" x14ac:dyDescent="0.35">
      <c r="A32751" s="1" t="s">
        <v>6351</v>
      </c>
      <c r="B32751" s="1" t="s">
        <v>113175</v>
      </c>
      <c r="C32751" s="1" t="s">
        <v>75</v>
      </c>
      <c r="D32751" s="1" t="s">
        <v>14283</v>
      </c>
      <c r="E32751" s="1" t="s">
        <v>114077</v>
      </c>
      <c r="F32751" s="1" t="s">
        <v>114078</v>
      </c>
      <c r="G32751" s="1" t="s">
        <v>114031</v>
      </c>
      <c r="H32751" s="1" t="s">
        <v>114032</v>
      </c>
      <c r="I32751" s="1" t="s">
        <v>113180</v>
      </c>
      <c r="J32751" s="1" t="s">
        <v>114079</v>
      </c>
    </row>
    <row r="32752" spans="1:10" x14ac:dyDescent="0.35">
      <c r="A32752" s="1" t="s">
        <v>6351</v>
      </c>
      <c r="B32752" s="1" t="s">
        <v>113175</v>
      </c>
      <c r="C32752" s="1" t="s">
        <v>80</v>
      </c>
      <c r="D32752" s="1" t="s">
        <v>114080</v>
      </c>
      <c r="E32752" s="1" t="s">
        <v>114081</v>
      </c>
      <c r="F32752" s="1" t="s">
        <v>114082</v>
      </c>
      <c r="G32752" s="1" t="s">
        <v>114031</v>
      </c>
      <c r="H32752" s="1" t="s">
        <v>114032</v>
      </c>
      <c r="I32752" s="1" t="s">
        <v>113180</v>
      </c>
      <c r="J32752" s="1" t="s">
        <v>114083</v>
      </c>
    </row>
    <row r="32753" spans="1:10" x14ac:dyDescent="0.35">
      <c r="A32753" s="1" t="s">
        <v>6351</v>
      </c>
      <c r="B32753" s="1" t="s">
        <v>113175</v>
      </c>
      <c r="C32753" s="1" t="s">
        <v>85</v>
      </c>
      <c r="D32753" s="1" t="s">
        <v>17252</v>
      </c>
      <c r="E32753" s="1" t="s">
        <v>114084</v>
      </c>
      <c r="F32753" s="1" t="s">
        <v>114085</v>
      </c>
      <c r="G32753" s="1" t="s">
        <v>114031</v>
      </c>
      <c r="H32753" s="1" t="s">
        <v>114032</v>
      </c>
      <c r="I32753" s="1" t="s">
        <v>113180</v>
      </c>
      <c r="J32753" s="1" t="s">
        <v>114086</v>
      </c>
    </row>
    <row r="32754" spans="1:10" x14ac:dyDescent="0.35">
      <c r="A32754" s="1" t="s">
        <v>6351</v>
      </c>
      <c r="B32754" s="1" t="s">
        <v>113175</v>
      </c>
      <c r="C32754" s="1" t="s">
        <v>90</v>
      </c>
      <c r="D32754" s="1" t="s">
        <v>114087</v>
      </c>
      <c r="E32754" s="1" t="s">
        <v>114088</v>
      </c>
      <c r="F32754" s="1" t="s">
        <v>114089</v>
      </c>
      <c r="G32754" s="1" t="s">
        <v>114031</v>
      </c>
      <c r="H32754" s="1" t="s">
        <v>114032</v>
      </c>
      <c r="I32754" s="1" t="s">
        <v>113180</v>
      </c>
      <c r="J32754" s="1" t="s">
        <v>114090</v>
      </c>
    </row>
    <row r="32755" spans="1:10" x14ac:dyDescent="0.35">
      <c r="A32755" s="1" t="s">
        <v>6351</v>
      </c>
      <c r="B32755" s="1" t="s">
        <v>113175</v>
      </c>
      <c r="C32755" s="1" t="s">
        <v>95</v>
      </c>
      <c r="D32755" s="1" t="s">
        <v>114091</v>
      </c>
      <c r="E32755" s="1" t="s">
        <v>114092</v>
      </c>
      <c r="F32755" s="1" t="s">
        <v>114093</v>
      </c>
      <c r="G32755" s="1" t="s">
        <v>114031</v>
      </c>
      <c r="H32755" s="1" t="s">
        <v>114032</v>
      </c>
      <c r="I32755" s="1" t="s">
        <v>113180</v>
      </c>
      <c r="J32755" s="1" t="s">
        <v>114094</v>
      </c>
    </row>
    <row r="32756" spans="1:10" x14ac:dyDescent="0.35">
      <c r="A32756" s="1" t="s">
        <v>6351</v>
      </c>
      <c r="B32756" s="1" t="s">
        <v>113175</v>
      </c>
      <c r="C32756" s="1" t="s">
        <v>100</v>
      </c>
      <c r="D32756" s="1" t="s">
        <v>9129</v>
      </c>
      <c r="E32756" s="1" t="s">
        <v>114095</v>
      </c>
      <c r="F32756" s="1" t="s">
        <v>114096</v>
      </c>
      <c r="G32756" s="1" t="s">
        <v>114031</v>
      </c>
      <c r="H32756" s="1" t="s">
        <v>114032</v>
      </c>
      <c r="I32756" s="1" t="s">
        <v>113180</v>
      </c>
      <c r="J32756" s="1" t="s">
        <v>114097</v>
      </c>
    </row>
    <row r="32757" spans="1:10" x14ac:dyDescent="0.35">
      <c r="A32757" s="1" t="s">
        <v>6351</v>
      </c>
      <c r="B32757" s="1" t="s">
        <v>113175</v>
      </c>
      <c r="C32757" s="1" t="s">
        <v>105</v>
      </c>
      <c r="D32757" s="1" t="s">
        <v>114098</v>
      </c>
      <c r="E32757" s="1" t="s">
        <v>114099</v>
      </c>
      <c r="F32757" s="1" t="s">
        <v>114100</v>
      </c>
      <c r="G32757" s="1" t="s">
        <v>114031</v>
      </c>
      <c r="H32757" s="1" t="s">
        <v>114032</v>
      </c>
      <c r="I32757" s="1" t="s">
        <v>113180</v>
      </c>
      <c r="J32757" s="1" t="s">
        <v>114101</v>
      </c>
    </row>
    <row r="32758" spans="1:10" x14ac:dyDescent="0.35">
      <c r="A32758" s="1" t="s">
        <v>6351</v>
      </c>
      <c r="B32758" s="1" t="s">
        <v>113175</v>
      </c>
      <c r="C32758" s="1" t="s">
        <v>110</v>
      </c>
      <c r="D32758" s="1" t="s">
        <v>114102</v>
      </c>
      <c r="E32758" s="1" t="s">
        <v>114103</v>
      </c>
      <c r="F32758" s="1" t="s">
        <v>114104</v>
      </c>
      <c r="G32758" s="1" t="s">
        <v>114031</v>
      </c>
      <c r="H32758" s="1" t="s">
        <v>114032</v>
      </c>
      <c r="I32758" s="1" t="s">
        <v>113180</v>
      </c>
      <c r="J32758" s="1" t="s">
        <v>114105</v>
      </c>
    </row>
    <row r="32759" spans="1:10" x14ac:dyDescent="0.35">
      <c r="A32759" s="1" t="s">
        <v>6351</v>
      </c>
      <c r="B32759" s="1" t="s">
        <v>113175</v>
      </c>
      <c r="C32759" s="1" t="s">
        <v>115</v>
      </c>
      <c r="D32759" s="1" t="s">
        <v>98669</v>
      </c>
      <c r="E32759" s="1" t="s">
        <v>114106</v>
      </c>
      <c r="F32759" s="1" t="s">
        <v>114107</v>
      </c>
      <c r="G32759" s="1" t="s">
        <v>114031</v>
      </c>
      <c r="H32759" s="1" t="s">
        <v>114032</v>
      </c>
      <c r="I32759" s="1" t="s">
        <v>113180</v>
      </c>
      <c r="J32759" s="1" t="s">
        <v>114108</v>
      </c>
    </row>
    <row r="32760" spans="1:10" x14ac:dyDescent="0.35">
      <c r="A32760" s="1" t="s">
        <v>6351</v>
      </c>
      <c r="B32760" s="1" t="s">
        <v>113175</v>
      </c>
      <c r="C32760" s="1" t="s">
        <v>120</v>
      </c>
      <c r="D32760" s="1" t="s">
        <v>114109</v>
      </c>
      <c r="E32760" s="1" t="s">
        <v>114110</v>
      </c>
      <c r="F32760" s="1" t="s">
        <v>114111</v>
      </c>
      <c r="G32760" s="1" t="s">
        <v>114031</v>
      </c>
      <c r="H32760" s="1" t="s">
        <v>114032</v>
      </c>
      <c r="I32760" s="1" t="s">
        <v>113180</v>
      </c>
      <c r="J32760" s="1" t="s">
        <v>114112</v>
      </c>
    </row>
    <row r="32761" spans="1:10" x14ac:dyDescent="0.35">
      <c r="A32761" s="1" t="s">
        <v>6351</v>
      </c>
      <c r="B32761" s="1" t="s">
        <v>113175</v>
      </c>
      <c r="C32761" s="1" t="s">
        <v>125</v>
      </c>
      <c r="D32761" s="1" t="s">
        <v>114113</v>
      </c>
      <c r="E32761" s="1" t="s">
        <v>114114</v>
      </c>
      <c r="F32761" s="1" t="s">
        <v>114115</v>
      </c>
      <c r="G32761" s="1" t="s">
        <v>114031</v>
      </c>
      <c r="H32761" s="1" t="s">
        <v>114032</v>
      </c>
      <c r="I32761" s="1" t="s">
        <v>113180</v>
      </c>
      <c r="J32761" s="1" t="s">
        <v>114116</v>
      </c>
    </row>
    <row r="32762" spans="1:10" x14ac:dyDescent="0.35">
      <c r="A32762" s="1" t="s">
        <v>6351</v>
      </c>
      <c r="B32762" s="1" t="s">
        <v>113175</v>
      </c>
      <c r="C32762" s="1" t="s">
        <v>130</v>
      </c>
      <c r="D32762" s="1" t="s">
        <v>114117</v>
      </c>
      <c r="E32762" s="1" t="s">
        <v>9217</v>
      </c>
      <c r="F32762" s="1" t="s">
        <v>114118</v>
      </c>
      <c r="G32762" s="1" t="s">
        <v>114031</v>
      </c>
      <c r="H32762" s="1" t="s">
        <v>114032</v>
      </c>
      <c r="I32762" s="1" t="s">
        <v>113180</v>
      </c>
      <c r="J32762" s="1" t="s">
        <v>114119</v>
      </c>
    </row>
    <row r="32763" spans="1:10" x14ac:dyDescent="0.35">
      <c r="A32763" s="1" t="s">
        <v>6351</v>
      </c>
      <c r="B32763" s="1" t="s">
        <v>113175</v>
      </c>
      <c r="C32763" s="1" t="s">
        <v>135</v>
      </c>
      <c r="D32763" s="1" t="s">
        <v>114120</v>
      </c>
      <c r="E32763" s="1" t="s">
        <v>114121</v>
      </c>
      <c r="F32763" s="1" t="s">
        <v>114122</v>
      </c>
      <c r="G32763" s="1" t="s">
        <v>114031</v>
      </c>
      <c r="H32763" s="1" t="s">
        <v>114032</v>
      </c>
      <c r="I32763" s="1" t="s">
        <v>113180</v>
      </c>
      <c r="J32763" s="1" t="s">
        <v>114123</v>
      </c>
    </row>
    <row r="32764" spans="1:10" x14ac:dyDescent="0.35">
      <c r="A32764" s="1" t="s">
        <v>6351</v>
      </c>
      <c r="B32764" s="1" t="s">
        <v>113175</v>
      </c>
      <c r="C32764" s="1" t="s">
        <v>140</v>
      </c>
      <c r="D32764" s="1" t="s">
        <v>104719</v>
      </c>
      <c r="E32764" s="1" t="s">
        <v>114124</v>
      </c>
      <c r="F32764" s="1" t="s">
        <v>114125</v>
      </c>
      <c r="G32764" s="1" t="s">
        <v>114031</v>
      </c>
      <c r="H32764" s="1" t="s">
        <v>114032</v>
      </c>
      <c r="I32764" s="1" t="s">
        <v>113180</v>
      </c>
      <c r="J32764" s="1" t="s">
        <v>114126</v>
      </c>
    </row>
    <row r="32765" spans="1:10" x14ac:dyDescent="0.35">
      <c r="A32765" s="1" t="s">
        <v>6351</v>
      </c>
      <c r="B32765" s="1" t="s">
        <v>113175</v>
      </c>
      <c r="C32765" s="1" t="s">
        <v>145</v>
      </c>
      <c r="D32765" s="1" t="s">
        <v>17260</v>
      </c>
      <c r="E32765" s="1" t="s">
        <v>114127</v>
      </c>
      <c r="F32765" s="1" t="s">
        <v>114128</v>
      </c>
      <c r="G32765" s="1" t="s">
        <v>114031</v>
      </c>
      <c r="H32765" s="1" t="s">
        <v>114032</v>
      </c>
      <c r="I32765" s="1" t="s">
        <v>113180</v>
      </c>
      <c r="J32765" s="1" t="s">
        <v>114129</v>
      </c>
    </row>
    <row r="32766" spans="1:10" x14ac:dyDescent="0.35">
      <c r="A32766" s="1" t="s">
        <v>6351</v>
      </c>
      <c r="B32766" s="1" t="s">
        <v>113175</v>
      </c>
      <c r="C32766" s="1" t="s">
        <v>150</v>
      </c>
      <c r="D32766" s="1" t="s">
        <v>114130</v>
      </c>
      <c r="E32766" s="1" t="s">
        <v>114131</v>
      </c>
      <c r="F32766" s="1" t="s">
        <v>114132</v>
      </c>
      <c r="G32766" s="1" t="s">
        <v>114031</v>
      </c>
      <c r="H32766" s="1" t="s">
        <v>114032</v>
      </c>
      <c r="I32766" s="1" t="s">
        <v>113180</v>
      </c>
      <c r="J32766" s="1" t="s">
        <v>114133</v>
      </c>
    </row>
    <row r="32767" spans="1:10" x14ac:dyDescent="0.35">
      <c r="A32767" s="1" t="s">
        <v>6351</v>
      </c>
      <c r="B32767" s="1" t="s">
        <v>113175</v>
      </c>
      <c r="C32767" s="1" t="s">
        <v>155</v>
      </c>
      <c r="D32767" s="1" t="s">
        <v>69299</v>
      </c>
      <c r="E32767" s="1" t="s">
        <v>114134</v>
      </c>
      <c r="F32767" s="1" t="s">
        <v>114135</v>
      </c>
      <c r="G32767" s="1" t="s">
        <v>114031</v>
      </c>
      <c r="H32767" s="1" t="s">
        <v>114032</v>
      </c>
      <c r="I32767" s="1" t="s">
        <v>113180</v>
      </c>
      <c r="J32767" s="1" t="s">
        <v>114136</v>
      </c>
    </row>
    <row r="32768" spans="1:10" x14ac:dyDescent="0.35">
      <c r="A32768" s="1" t="s">
        <v>6351</v>
      </c>
      <c r="B32768" s="1" t="s">
        <v>113175</v>
      </c>
      <c r="C32768" s="1" t="s">
        <v>160</v>
      </c>
      <c r="D32768" s="1" t="s">
        <v>114137</v>
      </c>
      <c r="E32768" s="1" t="s">
        <v>114138</v>
      </c>
      <c r="F32768" s="1" t="s">
        <v>114139</v>
      </c>
      <c r="G32768" s="1" t="s">
        <v>114031</v>
      </c>
      <c r="H32768" s="1" t="s">
        <v>114032</v>
      </c>
      <c r="I32768" s="1" t="s">
        <v>113180</v>
      </c>
      <c r="J32768" s="1" t="s">
        <v>114140</v>
      </c>
    </row>
    <row r="32769" spans="1:10" x14ac:dyDescent="0.35">
      <c r="A32769" s="1" t="s">
        <v>6351</v>
      </c>
      <c r="B32769" s="1" t="s">
        <v>113175</v>
      </c>
      <c r="C32769" s="1" t="s">
        <v>165</v>
      </c>
      <c r="D32769" s="1" t="s">
        <v>90789</v>
      </c>
      <c r="E32769" s="1" t="s">
        <v>114141</v>
      </c>
      <c r="F32769" s="1" t="s">
        <v>114142</v>
      </c>
      <c r="G32769" s="1" t="s">
        <v>114031</v>
      </c>
      <c r="H32769" s="1" t="s">
        <v>114032</v>
      </c>
      <c r="I32769" s="1" t="s">
        <v>113180</v>
      </c>
      <c r="J32769" s="1" t="s">
        <v>114143</v>
      </c>
    </row>
    <row r="32770" spans="1:10" x14ac:dyDescent="0.35">
      <c r="A32770" s="1" t="s">
        <v>6351</v>
      </c>
      <c r="B32770" s="1" t="s">
        <v>113175</v>
      </c>
      <c r="C32770" s="1" t="s">
        <v>170</v>
      </c>
      <c r="D32770" s="1" t="s">
        <v>64459</v>
      </c>
      <c r="E32770" s="1" t="s">
        <v>114144</v>
      </c>
      <c r="F32770" s="1" t="s">
        <v>114145</v>
      </c>
      <c r="G32770" s="1" t="s">
        <v>114031</v>
      </c>
      <c r="H32770" s="1" t="s">
        <v>114032</v>
      </c>
      <c r="I32770" s="1" t="s">
        <v>113180</v>
      </c>
      <c r="J32770" s="1" t="s">
        <v>114146</v>
      </c>
    </row>
    <row r="32771" spans="1:10" x14ac:dyDescent="0.35">
      <c r="A32771" s="1" t="s">
        <v>114147</v>
      </c>
      <c r="B32771" s="1" t="s">
        <v>113175</v>
      </c>
      <c r="C32771" s="1" t="s">
        <v>8</v>
      </c>
      <c r="D32771" s="1" t="s">
        <v>33234</v>
      </c>
      <c r="E32771" s="1" t="s">
        <v>114148</v>
      </c>
      <c r="F32771" s="1" t="s">
        <v>114149</v>
      </c>
      <c r="G32771" s="1" t="s">
        <v>114150</v>
      </c>
      <c r="H32771" s="1" t="s">
        <v>114151</v>
      </c>
      <c r="I32771" s="1" t="s">
        <v>113180</v>
      </c>
      <c r="J32771" s="1" t="s">
        <v>13</v>
      </c>
    </row>
    <row r="32772" spans="1:10" x14ac:dyDescent="0.35">
      <c r="A32772" s="1" t="s">
        <v>114147</v>
      </c>
      <c r="B32772" s="1" t="s">
        <v>113175</v>
      </c>
      <c r="C32772" s="1" t="s">
        <v>15</v>
      </c>
      <c r="D32772" s="1" t="s">
        <v>31440</v>
      </c>
      <c r="E32772" s="1" t="s">
        <v>114152</v>
      </c>
      <c r="F32772" s="1" t="s">
        <v>114153</v>
      </c>
      <c r="G32772" s="1" t="s">
        <v>114150</v>
      </c>
      <c r="H32772" s="1" t="s">
        <v>114151</v>
      </c>
      <c r="I32772" s="1" t="s">
        <v>113180</v>
      </c>
      <c r="J32772" s="1" t="s">
        <v>114154</v>
      </c>
    </row>
    <row r="32773" spans="1:10" x14ac:dyDescent="0.35">
      <c r="A32773" s="1" t="s">
        <v>114147</v>
      </c>
      <c r="B32773" s="1" t="s">
        <v>113175</v>
      </c>
      <c r="C32773" s="1" t="s">
        <v>20</v>
      </c>
      <c r="D32773" s="1" t="s">
        <v>31424</v>
      </c>
      <c r="E32773" s="1" t="s">
        <v>114155</v>
      </c>
      <c r="F32773" s="1" t="s">
        <v>114156</v>
      </c>
      <c r="G32773" s="1" t="s">
        <v>114150</v>
      </c>
      <c r="H32773" s="1" t="s">
        <v>114151</v>
      </c>
      <c r="I32773" s="1" t="s">
        <v>113180</v>
      </c>
      <c r="J32773" s="1" t="s">
        <v>114157</v>
      </c>
    </row>
    <row r="32774" spans="1:10" x14ac:dyDescent="0.35">
      <c r="A32774" s="1" t="s">
        <v>114147</v>
      </c>
      <c r="B32774" s="1" t="s">
        <v>113175</v>
      </c>
      <c r="C32774" s="1" t="s">
        <v>25</v>
      </c>
      <c r="D32774" s="1" t="s">
        <v>75325</v>
      </c>
      <c r="E32774" s="1" t="s">
        <v>114158</v>
      </c>
      <c r="F32774" s="1" t="s">
        <v>114159</v>
      </c>
      <c r="G32774" s="1" t="s">
        <v>114150</v>
      </c>
      <c r="H32774" s="1" t="s">
        <v>114151</v>
      </c>
      <c r="I32774" s="1" t="s">
        <v>113180</v>
      </c>
      <c r="J32774" s="1" t="s">
        <v>114160</v>
      </c>
    </row>
    <row r="32775" spans="1:10" x14ac:dyDescent="0.35">
      <c r="A32775" s="1" t="s">
        <v>114147</v>
      </c>
      <c r="B32775" s="1" t="s">
        <v>113175</v>
      </c>
      <c r="C32775" s="1" t="s">
        <v>30</v>
      </c>
      <c r="D32775" s="1" t="s">
        <v>114161</v>
      </c>
      <c r="E32775" s="1" t="s">
        <v>114162</v>
      </c>
      <c r="F32775" s="1" t="s">
        <v>114163</v>
      </c>
      <c r="G32775" s="1" t="s">
        <v>114150</v>
      </c>
      <c r="H32775" s="1" t="s">
        <v>114151</v>
      </c>
      <c r="I32775" s="1" t="s">
        <v>113180</v>
      </c>
      <c r="J32775" s="1" t="s">
        <v>114164</v>
      </c>
    </row>
    <row r="32776" spans="1:10" x14ac:dyDescent="0.35">
      <c r="A32776" s="1" t="s">
        <v>114147</v>
      </c>
      <c r="B32776" s="1" t="s">
        <v>113175</v>
      </c>
      <c r="C32776" s="1" t="s">
        <v>35</v>
      </c>
      <c r="D32776" s="1" t="s">
        <v>114165</v>
      </c>
      <c r="E32776" s="1" t="s">
        <v>114166</v>
      </c>
      <c r="F32776" s="1" t="s">
        <v>114167</v>
      </c>
      <c r="G32776" s="1" t="s">
        <v>114150</v>
      </c>
      <c r="H32776" s="1" t="s">
        <v>114151</v>
      </c>
      <c r="I32776" s="1" t="s">
        <v>113180</v>
      </c>
      <c r="J32776" s="1" t="s">
        <v>114168</v>
      </c>
    </row>
    <row r="32777" spans="1:10" x14ac:dyDescent="0.35">
      <c r="A32777" s="1" t="s">
        <v>114147</v>
      </c>
      <c r="B32777" s="1" t="s">
        <v>113175</v>
      </c>
      <c r="C32777" s="1" t="s">
        <v>40</v>
      </c>
      <c r="D32777" s="1" t="s">
        <v>114169</v>
      </c>
      <c r="E32777" s="1" t="s">
        <v>114170</v>
      </c>
      <c r="F32777" s="1" t="s">
        <v>114171</v>
      </c>
      <c r="G32777" s="1" t="s">
        <v>114150</v>
      </c>
      <c r="H32777" s="1" t="s">
        <v>114151</v>
      </c>
      <c r="I32777" s="1" t="s">
        <v>113180</v>
      </c>
      <c r="J32777" s="1" t="s">
        <v>114172</v>
      </c>
    </row>
    <row r="32778" spans="1:10" x14ac:dyDescent="0.35">
      <c r="A32778" s="1" t="s">
        <v>114147</v>
      </c>
      <c r="B32778" s="1" t="s">
        <v>113175</v>
      </c>
      <c r="C32778" s="1" t="s">
        <v>45</v>
      </c>
      <c r="D32778" s="1" t="s">
        <v>4233</v>
      </c>
      <c r="E32778" s="1" t="s">
        <v>114173</v>
      </c>
      <c r="F32778" s="1" t="s">
        <v>114174</v>
      </c>
      <c r="G32778" s="1" t="s">
        <v>114150</v>
      </c>
      <c r="H32778" s="1" t="s">
        <v>114151</v>
      </c>
      <c r="I32778" s="1" t="s">
        <v>113180</v>
      </c>
      <c r="J32778" s="1" t="s">
        <v>114175</v>
      </c>
    </row>
    <row r="32779" spans="1:10" x14ac:dyDescent="0.35">
      <c r="A32779" s="1" t="s">
        <v>114147</v>
      </c>
      <c r="B32779" s="1" t="s">
        <v>113175</v>
      </c>
      <c r="C32779" s="1" t="s">
        <v>50</v>
      </c>
      <c r="D32779" s="1" t="s">
        <v>114176</v>
      </c>
      <c r="E32779" s="1" t="s">
        <v>114177</v>
      </c>
      <c r="F32779" s="1" t="s">
        <v>114178</v>
      </c>
      <c r="G32779" s="1" t="s">
        <v>114150</v>
      </c>
      <c r="H32779" s="1" t="s">
        <v>114151</v>
      </c>
      <c r="I32779" s="1" t="s">
        <v>113180</v>
      </c>
      <c r="J32779" s="1" t="s">
        <v>52353</v>
      </c>
    </row>
    <row r="32780" spans="1:10" x14ac:dyDescent="0.35">
      <c r="A32780" s="1" t="s">
        <v>114147</v>
      </c>
      <c r="B32780" s="1" t="s">
        <v>113175</v>
      </c>
      <c r="C32780" s="1" t="s">
        <v>55</v>
      </c>
      <c r="D32780" s="1" t="s">
        <v>114179</v>
      </c>
      <c r="E32780" s="1" t="s">
        <v>114180</v>
      </c>
      <c r="F32780" s="1" t="s">
        <v>114181</v>
      </c>
      <c r="G32780" s="1" t="s">
        <v>114150</v>
      </c>
      <c r="H32780" s="1" t="s">
        <v>114151</v>
      </c>
      <c r="I32780" s="1" t="s">
        <v>113180</v>
      </c>
      <c r="J32780" s="1" t="s">
        <v>114182</v>
      </c>
    </row>
    <row r="32781" spans="1:10" x14ac:dyDescent="0.35">
      <c r="A32781" s="1" t="s">
        <v>114147</v>
      </c>
      <c r="B32781" s="1" t="s">
        <v>113175</v>
      </c>
      <c r="C32781" s="1" t="s">
        <v>60</v>
      </c>
      <c r="D32781" s="1" t="s">
        <v>114183</v>
      </c>
      <c r="E32781" s="1" t="s">
        <v>114184</v>
      </c>
      <c r="F32781" s="1" t="s">
        <v>114185</v>
      </c>
      <c r="G32781" s="1" t="s">
        <v>114150</v>
      </c>
      <c r="H32781" s="1" t="s">
        <v>114151</v>
      </c>
      <c r="I32781" s="1" t="s">
        <v>113180</v>
      </c>
      <c r="J32781" s="1" t="s">
        <v>114186</v>
      </c>
    </row>
    <row r="32782" spans="1:10" x14ac:dyDescent="0.35">
      <c r="A32782" s="1" t="s">
        <v>114147</v>
      </c>
      <c r="B32782" s="1" t="s">
        <v>113175</v>
      </c>
      <c r="C32782" s="1" t="s">
        <v>65</v>
      </c>
      <c r="D32782" s="1" t="s">
        <v>114187</v>
      </c>
      <c r="E32782" s="1" t="s">
        <v>114188</v>
      </c>
      <c r="F32782" s="1" t="s">
        <v>114189</v>
      </c>
      <c r="G32782" s="1" t="s">
        <v>114150</v>
      </c>
      <c r="H32782" s="1" t="s">
        <v>114151</v>
      </c>
      <c r="I32782" s="1" t="s">
        <v>113180</v>
      </c>
      <c r="J32782" s="1" t="s">
        <v>114190</v>
      </c>
    </row>
    <row r="32783" spans="1:10" x14ac:dyDescent="0.35">
      <c r="A32783" s="1" t="s">
        <v>114147</v>
      </c>
      <c r="B32783" s="1" t="s">
        <v>113175</v>
      </c>
      <c r="C32783" s="1" t="s">
        <v>70</v>
      </c>
      <c r="D32783" s="1" t="s">
        <v>114191</v>
      </c>
      <c r="E32783" s="1" t="s">
        <v>114192</v>
      </c>
      <c r="F32783" s="1" t="s">
        <v>114193</v>
      </c>
      <c r="G32783" s="1" t="s">
        <v>114150</v>
      </c>
      <c r="H32783" s="1" t="s">
        <v>114151</v>
      </c>
      <c r="I32783" s="1" t="s">
        <v>113180</v>
      </c>
      <c r="J32783" s="1" t="s">
        <v>114194</v>
      </c>
    </row>
    <row r="32784" spans="1:10" x14ac:dyDescent="0.35">
      <c r="A32784" s="1" t="s">
        <v>114147</v>
      </c>
      <c r="B32784" s="1" t="s">
        <v>113175</v>
      </c>
      <c r="C32784" s="1" t="s">
        <v>75</v>
      </c>
      <c r="D32784" s="1" t="s">
        <v>114195</v>
      </c>
      <c r="E32784" s="1" t="s">
        <v>114196</v>
      </c>
      <c r="F32784" s="1" t="s">
        <v>114197</v>
      </c>
      <c r="G32784" s="1" t="s">
        <v>114150</v>
      </c>
      <c r="H32784" s="1" t="s">
        <v>114151</v>
      </c>
      <c r="I32784" s="1" t="s">
        <v>113180</v>
      </c>
      <c r="J32784" s="1" t="s">
        <v>114198</v>
      </c>
    </row>
    <row r="32785" spans="1:10" x14ac:dyDescent="0.35">
      <c r="A32785" s="1" t="s">
        <v>114147</v>
      </c>
      <c r="B32785" s="1" t="s">
        <v>113175</v>
      </c>
      <c r="C32785" s="1" t="s">
        <v>80</v>
      </c>
      <c r="D32785" s="1" t="s">
        <v>108251</v>
      </c>
      <c r="E32785" s="1" t="s">
        <v>114199</v>
      </c>
      <c r="F32785" s="1" t="s">
        <v>114200</v>
      </c>
      <c r="G32785" s="1" t="s">
        <v>114150</v>
      </c>
      <c r="H32785" s="1" t="s">
        <v>114151</v>
      </c>
      <c r="I32785" s="1" t="s">
        <v>113180</v>
      </c>
      <c r="J32785" s="1" t="s">
        <v>114201</v>
      </c>
    </row>
    <row r="32786" spans="1:10" x14ac:dyDescent="0.35">
      <c r="A32786" s="1" t="s">
        <v>114147</v>
      </c>
      <c r="B32786" s="1" t="s">
        <v>113175</v>
      </c>
      <c r="C32786" s="1" t="s">
        <v>85</v>
      </c>
      <c r="D32786" s="1" t="s">
        <v>114202</v>
      </c>
      <c r="E32786" s="1" t="s">
        <v>114203</v>
      </c>
      <c r="F32786" s="1" t="s">
        <v>114204</v>
      </c>
      <c r="G32786" s="1" t="s">
        <v>114150</v>
      </c>
      <c r="H32786" s="1" t="s">
        <v>114151</v>
      </c>
      <c r="I32786" s="1" t="s">
        <v>113180</v>
      </c>
      <c r="J32786" s="1" t="s">
        <v>114205</v>
      </c>
    </row>
    <row r="32787" spans="1:10" x14ac:dyDescent="0.35">
      <c r="A32787" s="1" t="s">
        <v>114147</v>
      </c>
      <c r="B32787" s="1" t="s">
        <v>113175</v>
      </c>
      <c r="C32787" s="1" t="s">
        <v>90</v>
      </c>
      <c r="D32787" s="1" t="s">
        <v>114206</v>
      </c>
      <c r="E32787" s="1" t="s">
        <v>114207</v>
      </c>
      <c r="F32787" s="1" t="s">
        <v>114208</v>
      </c>
      <c r="G32787" s="1" t="s">
        <v>114150</v>
      </c>
      <c r="H32787" s="1" t="s">
        <v>114151</v>
      </c>
      <c r="I32787" s="1" t="s">
        <v>113180</v>
      </c>
      <c r="J32787" s="1" t="s">
        <v>114209</v>
      </c>
    </row>
    <row r="32788" spans="1:10" x14ac:dyDescent="0.35">
      <c r="A32788" s="1" t="s">
        <v>114147</v>
      </c>
      <c r="B32788" s="1" t="s">
        <v>113175</v>
      </c>
      <c r="C32788" s="1" t="s">
        <v>95</v>
      </c>
      <c r="D32788" s="1" t="s">
        <v>3754</v>
      </c>
      <c r="E32788" s="1" t="s">
        <v>114210</v>
      </c>
      <c r="F32788" s="1" t="s">
        <v>114211</v>
      </c>
      <c r="G32788" s="1" t="s">
        <v>114150</v>
      </c>
      <c r="H32788" s="1" t="s">
        <v>114151</v>
      </c>
      <c r="I32788" s="1" t="s">
        <v>113180</v>
      </c>
      <c r="J32788" s="1" t="s">
        <v>114212</v>
      </c>
    </row>
    <row r="32789" spans="1:10" x14ac:dyDescent="0.35">
      <c r="A32789" s="1" t="s">
        <v>114147</v>
      </c>
      <c r="B32789" s="1" t="s">
        <v>113175</v>
      </c>
      <c r="C32789" s="1" t="s">
        <v>100</v>
      </c>
      <c r="D32789" s="1" t="s">
        <v>10642</v>
      </c>
      <c r="E32789" s="1" t="s">
        <v>114213</v>
      </c>
      <c r="F32789" s="1" t="s">
        <v>114214</v>
      </c>
      <c r="G32789" s="1" t="s">
        <v>114150</v>
      </c>
      <c r="H32789" s="1" t="s">
        <v>114151</v>
      </c>
      <c r="I32789" s="1" t="s">
        <v>113180</v>
      </c>
      <c r="J32789" s="1" t="s">
        <v>114215</v>
      </c>
    </row>
    <row r="32790" spans="1:10" x14ac:dyDescent="0.35">
      <c r="A32790" s="1" t="s">
        <v>114147</v>
      </c>
      <c r="B32790" s="1" t="s">
        <v>113175</v>
      </c>
      <c r="C32790" s="1" t="s">
        <v>105</v>
      </c>
      <c r="D32790" s="1" t="s">
        <v>17530</v>
      </c>
      <c r="E32790" s="1" t="s">
        <v>114216</v>
      </c>
      <c r="F32790" s="1" t="s">
        <v>114217</v>
      </c>
      <c r="G32790" s="1" t="s">
        <v>114150</v>
      </c>
      <c r="H32790" s="1" t="s">
        <v>114151</v>
      </c>
      <c r="I32790" s="1" t="s">
        <v>113180</v>
      </c>
      <c r="J32790" s="1" t="s">
        <v>114218</v>
      </c>
    </row>
    <row r="32791" spans="1:10" x14ac:dyDescent="0.35">
      <c r="A32791" s="1" t="s">
        <v>114147</v>
      </c>
      <c r="B32791" s="1" t="s">
        <v>113175</v>
      </c>
      <c r="C32791" s="1" t="s">
        <v>110</v>
      </c>
      <c r="D32791" s="1" t="s">
        <v>83562</v>
      </c>
      <c r="E32791" s="1" t="s">
        <v>114219</v>
      </c>
      <c r="F32791" s="1" t="s">
        <v>114220</v>
      </c>
      <c r="G32791" s="1" t="s">
        <v>114150</v>
      </c>
      <c r="H32791" s="1" t="s">
        <v>114151</v>
      </c>
      <c r="I32791" s="1" t="s">
        <v>113180</v>
      </c>
      <c r="J32791" s="1" t="s">
        <v>114221</v>
      </c>
    </row>
    <row r="32792" spans="1:10" x14ac:dyDescent="0.35">
      <c r="A32792" s="1" t="s">
        <v>114147</v>
      </c>
      <c r="B32792" s="1" t="s">
        <v>113175</v>
      </c>
      <c r="C32792" s="1" t="s">
        <v>115</v>
      </c>
      <c r="D32792" s="1" t="s">
        <v>114222</v>
      </c>
      <c r="E32792" s="1" t="s">
        <v>114223</v>
      </c>
      <c r="F32792" s="1" t="s">
        <v>114224</v>
      </c>
      <c r="G32792" s="1" t="s">
        <v>114150</v>
      </c>
      <c r="H32792" s="1" t="s">
        <v>114151</v>
      </c>
      <c r="I32792" s="1" t="s">
        <v>113180</v>
      </c>
      <c r="J32792" s="1" t="s">
        <v>114225</v>
      </c>
    </row>
    <row r="32793" spans="1:10" x14ac:dyDescent="0.35">
      <c r="A32793" s="1" t="s">
        <v>114147</v>
      </c>
      <c r="B32793" s="1" t="s">
        <v>113175</v>
      </c>
      <c r="C32793" s="1" t="s">
        <v>120</v>
      </c>
      <c r="D32793" s="1" t="s">
        <v>114226</v>
      </c>
      <c r="E32793" s="1" t="s">
        <v>114227</v>
      </c>
      <c r="F32793" s="1" t="s">
        <v>114228</v>
      </c>
      <c r="G32793" s="1" t="s">
        <v>114150</v>
      </c>
      <c r="H32793" s="1" t="s">
        <v>114151</v>
      </c>
      <c r="I32793" s="1" t="s">
        <v>113180</v>
      </c>
      <c r="J32793" s="1" t="s">
        <v>114229</v>
      </c>
    </row>
    <row r="32794" spans="1:10" x14ac:dyDescent="0.35">
      <c r="A32794" s="1" t="s">
        <v>114147</v>
      </c>
      <c r="B32794" s="1" t="s">
        <v>113175</v>
      </c>
      <c r="C32794" s="1" t="s">
        <v>125</v>
      </c>
      <c r="D32794" s="1" t="s">
        <v>114230</v>
      </c>
      <c r="E32794" s="1" t="s">
        <v>114231</v>
      </c>
      <c r="F32794" s="1" t="s">
        <v>114232</v>
      </c>
      <c r="G32794" s="1" t="s">
        <v>114150</v>
      </c>
      <c r="H32794" s="1" t="s">
        <v>114151</v>
      </c>
      <c r="I32794" s="1" t="s">
        <v>113180</v>
      </c>
      <c r="J32794" s="1" t="s">
        <v>114233</v>
      </c>
    </row>
    <row r="32795" spans="1:10" x14ac:dyDescent="0.35">
      <c r="A32795" s="1" t="s">
        <v>114147</v>
      </c>
      <c r="B32795" s="1" t="s">
        <v>113175</v>
      </c>
      <c r="C32795" s="1" t="s">
        <v>130</v>
      </c>
      <c r="D32795" s="1" t="s">
        <v>114234</v>
      </c>
      <c r="E32795" s="1" t="s">
        <v>114235</v>
      </c>
      <c r="F32795" s="1" t="s">
        <v>114236</v>
      </c>
      <c r="G32795" s="1" t="s">
        <v>114150</v>
      </c>
      <c r="H32795" s="1" t="s">
        <v>114151</v>
      </c>
      <c r="I32795" s="1" t="s">
        <v>113180</v>
      </c>
      <c r="J32795" s="1" t="s">
        <v>114237</v>
      </c>
    </row>
    <row r="32796" spans="1:10" x14ac:dyDescent="0.35">
      <c r="A32796" s="1" t="s">
        <v>114147</v>
      </c>
      <c r="B32796" s="1" t="s">
        <v>113175</v>
      </c>
      <c r="C32796" s="1" t="s">
        <v>135</v>
      </c>
      <c r="D32796" s="1" t="s">
        <v>57867</v>
      </c>
      <c r="E32796" s="1" t="s">
        <v>114238</v>
      </c>
      <c r="F32796" s="1" t="s">
        <v>114239</v>
      </c>
      <c r="G32796" s="1" t="s">
        <v>114150</v>
      </c>
      <c r="H32796" s="1" t="s">
        <v>114151</v>
      </c>
      <c r="I32796" s="1" t="s">
        <v>113180</v>
      </c>
      <c r="J32796" s="1" t="s">
        <v>114240</v>
      </c>
    </row>
    <row r="32797" spans="1:10" x14ac:dyDescent="0.35">
      <c r="A32797" s="1" t="s">
        <v>114147</v>
      </c>
      <c r="B32797" s="1" t="s">
        <v>113175</v>
      </c>
      <c r="C32797" s="1" t="s">
        <v>140</v>
      </c>
      <c r="D32797" s="1" t="s">
        <v>114241</v>
      </c>
      <c r="E32797" s="1" t="s">
        <v>114242</v>
      </c>
      <c r="F32797" s="1" t="s">
        <v>114243</v>
      </c>
      <c r="G32797" s="1" t="s">
        <v>114150</v>
      </c>
      <c r="H32797" s="1" t="s">
        <v>114151</v>
      </c>
      <c r="I32797" s="1" t="s">
        <v>113180</v>
      </c>
      <c r="J32797" s="1" t="s">
        <v>114244</v>
      </c>
    </row>
    <row r="32798" spans="1:10" x14ac:dyDescent="0.35">
      <c r="A32798" s="1" t="s">
        <v>114147</v>
      </c>
      <c r="B32798" s="1" t="s">
        <v>113175</v>
      </c>
      <c r="C32798" s="1" t="s">
        <v>145</v>
      </c>
      <c r="D32798" s="1" t="s">
        <v>108117</v>
      </c>
      <c r="E32798" s="1" t="s">
        <v>114245</v>
      </c>
      <c r="F32798" s="1" t="s">
        <v>114246</v>
      </c>
      <c r="G32798" s="1" t="s">
        <v>114150</v>
      </c>
      <c r="H32798" s="1" t="s">
        <v>114151</v>
      </c>
      <c r="I32798" s="1" t="s">
        <v>113180</v>
      </c>
      <c r="J32798" s="1" t="s">
        <v>114247</v>
      </c>
    </row>
    <row r="32799" spans="1:10" x14ac:dyDescent="0.35">
      <c r="A32799" s="1" t="s">
        <v>114147</v>
      </c>
      <c r="B32799" s="1" t="s">
        <v>113175</v>
      </c>
      <c r="C32799" s="1" t="s">
        <v>150</v>
      </c>
      <c r="D32799" s="1" t="s">
        <v>94336</v>
      </c>
      <c r="E32799" s="1" t="s">
        <v>114248</v>
      </c>
      <c r="F32799" s="1" t="s">
        <v>114249</v>
      </c>
      <c r="G32799" s="1" t="s">
        <v>114150</v>
      </c>
      <c r="H32799" s="1" t="s">
        <v>114151</v>
      </c>
      <c r="I32799" s="1" t="s">
        <v>113180</v>
      </c>
      <c r="J32799" s="1" t="s">
        <v>114250</v>
      </c>
    </row>
    <row r="32800" spans="1:10" x14ac:dyDescent="0.35">
      <c r="A32800" s="1" t="s">
        <v>114147</v>
      </c>
      <c r="B32800" s="1" t="s">
        <v>113175</v>
      </c>
      <c r="C32800" s="1" t="s">
        <v>155</v>
      </c>
      <c r="D32800" s="1" t="s">
        <v>114251</v>
      </c>
      <c r="E32800" s="1" t="s">
        <v>114252</v>
      </c>
      <c r="F32800" s="1" t="s">
        <v>114253</v>
      </c>
      <c r="G32800" s="1" t="s">
        <v>114150</v>
      </c>
      <c r="H32800" s="1" t="s">
        <v>114151</v>
      </c>
      <c r="I32800" s="1" t="s">
        <v>113180</v>
      </c>
      <c r="J32800" s="1" t="s">
        <v>114254</v>
      </c>
    </row>
    <row r="32801" spans="1:10" x14ac:dyDescent="0.35">
      <c r="A32801" s="1" t="s">
        <v>114147</v>
      </c>
      <c r="B32801" s="1" t="s">
        <v>113175</v>
      </c>
      <c r="C32801" s="1" t="s">
        <v>160</v>
      </c>
      <c r="D32801" s="1" t="s">
        <v>114255</v>
      </c>
      <c r="E32801" s="1" t="s">
        <v>114256</v>
      </c>
      <c r="F32801" s="1" t="s">
        <v>114257</v>
      </c>
      <c r="G32801" s="1" t="s">
        <v>114150</v>
      </c>
      <c r="H32801" s="1" t="s">
        <v>114151</v>
      </c>
      <c r="I32801" s="1" t="s">
        <v>113180</v>
      </c>
      <c r="J32801" s="1" t="s">
        <v>114258</v>
      </c>
    </row>
    <row r="32802" spans="1:10" x14ac:dyDescent="0.35">
      <c r="A32802" s="1" t="s">
        <v>114147</v>
      </c>
      <c r="B32802" s="1" t="s">
        <v>113175</v>
      </c>
      <c r="C32802" s="1" t="s">
        <v>165</v>
      </c>
      <c r="D32802" s="1" t="s">
        <v>114259</v>
      </c>
      <c r="E32802" s="1" t="s">
        <v>114260</v>
      </c>
      <c r="F32802" s="1" t="s">
        <v>114261</v>
      </c>
      <c r="G32802" s="1" t="s">
        <v>114150</v>
      </c>
      <c r="H32802" s="1" t="s">
        <v>114151</v>
      </c>
      <c r="I32802" s="1" t="s">
        <v>113180</v>
      </c>
      <c r="J32802" s="1" t="s">
        <v>114262</v>
      </c>
    </row>
    <row r="32803" spans="1:10" x14ac:dyDescent="0.35">
      <c r="A32803" s="1" t="s">
        <v>114147</v>
      </c>
      <c r="B32803" s="1" t="s">
        <v>113175</v>
      </c>
      <c r="C32803" s="1" t="s">
        <v>170</v>
      </c>
      <c r="D32803" s="1" t="s">
        <v>114263</v>
      </c>
      <c r="E32803" s="1" t="s">
        <v>114264</v>
      </c>
      <c r="F32803" s="1" t="s">
        <v>114265</v>
      </c>
      <c r="G32803" s="1" t="s">
        <v>114150</v>
      </c>
      <c r="H32803" s="1" t="s">
        <v>114151</v>
      </c>
      <c r="I32803" s="1" t="s">
        <v>113180</v>
      </c>
      <c r="J32803" s="1" t="s">
        <v>114266</v>
      </c>
    </row>
    <row r="32804" spans="1:10" x14ac:dyDescent="0.35">
      <c r="A32804" s="1" t="s">
        <v>114267</v>
      </c>
      <c r="B32804" s="1" t="s">
        <v>113175</v>
      </c>
      <c r="C32804" s="1" t="s">
        <v>8</v>
      </c>
      <c r="D32804" s="1" t="s">
        <v>114268</v>
      </c>
      <c r="E32804" s="1" t="s">
        <v>114269</v>
      </c>
      <c r="F32804" s="1" t="s">
        <v>114270</v>
      </c>
      <c r="G32804" s="1" t="s">
        <v>114271</v>
      </c>
      <c r="H32804" s="1" t="s">
        <v>114272</v>
      </c>
      <c r="I32804" s="1" t="s">
        <v>113180</v>
      </c>
      <c r="J32804" s="1" t="s">
        <v>13</v>
      </c>
    </row>
    <row r="32805" spans="1:10" x14ac:dyDescent="0.35">
      <c r="A32805" s="1" t="s">
        <v>114267</v>
      </c>
      <c r="B32805" s="1" t="s">
        <v>113175</v>
      </c>
      <c r="C32805" s="1" t="s">
        <v>15</v>
      </c>
      <c r="D32805" s="1" t="s">
        <v>114273</v>
      </c>
      <c r="E32805" s="1" t="s">
        <v>114274</v>
      </c>
      <c r="F32805" s="1" t="s">
        <v>114275</v>
      </c>
      <c r="G32805" s="1" t="s">
        <v>114271</v>
      </c>
      <c r="H32805" s="1" t="s">
        <v>114272</v>
      </c>
      <c r="I32805" s="1" t="s">
        <v>113180</v>
      </c>
      <c r="J32805" s="1" t="s">
        <v>114276</v>
      </c>
    </row>
    <row r="32806" spans="1:10" x14ac:dyDescent="0.35">
      <c r="A32806" s="1" t="s">
        <v>114267</v>
      </c>
      <c r="B32806" s="1" t="s">
        <v>113175</v>
      </c>
      <c r="C32806" s="1" t="s">
        <v>20</v>
      </c>
      <c r="D32806" s="1" t="s">
        <v>30641</v>
      </c>
      <c r="E32806" s="1" t="s">
        <v>114277</v>
      </c>
      <c r="F32806" s="1" t="s">
        <v>114278</v>
      </c>
      <c r="G32806" s="1" t="s">
        <v>114271</v>
      </c>
      <c r="H32806" s="1" t="s">
        <v>114272</v>
      </c>
      <c r="I32806" s="1" t="s">
        <v>113180</v>
      </c>
      <c r="J32806" s="1" t="s">
        <v>114279</v>
      </c>
    </row>
    <row r="32807" spans="1:10" x14ac:dyDescent="0.35">
      <c r="A32807" s="1" t="s">
        <v>114267</v>
      </c>
      <c r="B32807" s="1" t="s">
        <v>113175</v>
      </c>
      <c r="C32807" s="1" t="s">
        <v>25</v>
      </c>
      <c r="D32807" s="1" t="s">
        <v>114280</v>
      </c>
      <c r="E32807" s="1" t="s">
        <v>114281</v>
      </c>
      <c r="F32807" s="1" t="s">
        <v>114282</v>
      </c>
      <c r="G32807" s="1" t="s">
        <v>114271</v>
      </c>
      <c r="H32807" s="1" t="s">
        <v>114272</v>
      </c>
      <c r="I32807" s="1" t="s">
        <v>113180</v>
      </c>
      <c r="J32807" s="1" t="s">
        <v>114283</v>
      </c>
    </row>
    <row r="32808" spans="1:10" x14ac:dyDescent="0.35">
      <c r="A32808" s="1" t="s">
        <v>114267</v>
      </c>
      <c r="B32808" s="1" t="s">
        <v>113175</v>
      </c>
      <c r="C32808" s="1" t="s">
        <v>30</v>
      </c>
      <c r="D32808" s="1" t="s">
        <v>30372</v>
      </c>
      <c r="E32808" s="1" t="s">
        <v>114284</v>
      </c>
      <c r="F32808" s="1" t="s">
        <v>114285</v>
      </c>
      <c r="G32808" s="1" t="s">
        <v>114271</v>
      </c>
      <c r="H32808" s="1" t="s">
        <v>114272</v>
      </c>
      <c r="I32808" s="1" t="s">
        <v>113180</v>
      </c>
      <c r="J32808" s="1" t="s">
        <v>114286</v>
      </c>
    </row>
    <row r="32809" spans="1:10" x14ac:dyDescent="0.35">
      <c r="A32809" s="1" t="s">
        <v>114267</v>
      </c>
      <c r="B32809" s="1" t="s">
        <v>113175</v>
      </c>
      <c r="C32809" s="1" t="s">
        <v>35</v>
      </c>
      <c r="D32809" s="1" t="s">
        <v>114287</v>
      </c>
      <c r="E32809" s="1" t="s">
        <v>114288</v>
      </c>
      <c r="F32809" s="1" t="s">
        <v>114289</v>
      </c>
      <c r="G32809" s="1" t="s">
        <v>114271</v>
      </c>
      <c r="H32809" s="1" t="s">
        <v>114272</v>
      </c>
      <c r="I32809" s="1" t="s">
        <v>113180</v>
      </c>
      <c r="J32809" s="1" t="s">
        <v>114290</v>
      </c>
    </row>
    <row r="32810" spans="1:10" x14ac:dyDescent="0.35">
      <c r="A32810" s="1" t="s">
        <v>114267</v>
      </c>
      <c r="B32810" s="1" t="s">
        <v>113175</v>
      </c>
      <c r="C32810" s="1" t="s">
        <v>40</v>
      </c>
      <c r="D32810" s="1" t="s">
        <v>114291</v>
      </c>
      <c r="E32810" s="1" t="s">
        <v>114292</v>
      </c>
      <c r="F32810" s="1" t="s">
        <v>114293</v>
      </c>
      <c r="G32810" s="1" t="s">
        <v>114271</v>
      </c>
      <c r="H32810" s="1" t="s">
        <v>114272</v>
      </c>
      <c r="I32810" s="1" t="s">
        <v>113180</v>
      </c>
      <c r="J32810" s="1" t="s">
        <v>114294</v>
      </c>
    </row>
    <row r="32811" spans="1:10" x14ac:dyDescent="0.35">
      <c r="A32811" s="1" t="s">
        <v>114267</v>
      </c>
      <c r="B32811" s="1" t="s">
        <v>113175</v>
      </c>
      <c r="C32811" s="1" t="s">
        <v>45</v>
      </c>
      <c r="D32811" s="1" t="s">
        <v>114295</v>
      </c>
      <c r="E32811" s="1" t="s">
        <v>114296</v>
      </c>
      <c r="F32811" s="1" t="s">
        <v>114297</v>
      </c>
      <c r="G32811" s="1" t="s">
        <v>114271</v>
      </c>
      <c r="H32811" s="1" t="s">
        <v>114272</v>
      </c>
      <c r="I32811" s="1" t="s">
        <v>113180</v>
      </c>
      <c r="J32811" s="1" t="s">
        <v>114298</v>
      </c>
    </row>
    <row r="32812" spans="1:10" x14ac:dyDescent="0.35">
      <c r="A32812" s="1" t="s">
        <v>114267</v>
      </c>
      <c r="B32812" s="1" t="s">
        <v>113175</v>
      </c>
      <c r="C32812" s="1" t="s">
        <v>50</v>
      </c>
      <c r="D32812" s="1" t="s">
        <v>131</v>
      </c>
      <c r="E32812" s="1" t="s">
        <v>114299</v>
      </c>
      <c r="F32812" s="1" t="s">
        <v>114300</v>
      </c>
      <c r="G32812" s="1" t="s">
        <v>114271</v>
      </c>
      <c r="H32812" s="1" t="s">
        <v>114272</v>
      </c>
      <c r="I32812" s="1" t="s">
        <v>113180</v>
      </c>
      <c r="J32812" s="1" t="s">
        <v>114301</v>
      </c>
    </row>
    <row r="32813" spans="1:10" x14ac:dyDescent="0.35">
      <c r="A32813" s="1" t="s">
        <v>114267</v>
      </c>
      <c r="B32813" s="1" t="s">
        <v>113175</v>
      </c>
      <c r="C32813" s="1" t="s">
        <v>55</v>
      </c>
      <c r="D32813" s="1" t="s">
        <v>114302</v>
      </c>
      <c r="E32813" s="1" t="s">
        <v>114303</v>
      </c>
      <c r="F32813" s="1" t="s">
        <v>114304</v>
      </c>
      <c r="G32813" s="1" t="s">
        <v>114271</v>
      </c>
      <c r="H32813" s="1" t="s">
        <v>114272</v>
      </c>
      <c r="I32813" s="1" t="s">
        <v>113180</v>
      </c>
      <c r="J32813" s="1" t="s">
        <v>114305</v>
      </c>
    </row>
    <row r="32814" spans="1:10" x14ac:dyDescent="0.35">
      <c r="A32814" s="1" t="s">
        <v>114267</v>
      </c>
      <c r="B32814" s="1" t="s">
        <v>113175</v>
      </c>
      <c r="C32814" s="1" t="s">
        <v>60</v>
      </c>
      <c r="D32814" s="1" t="s">
        <v>114306</v>
      </c>
      <c r="E32814" s="1" t="s">
        <v>114307</v>
      </c>
      <c r="F32814" s="1" t="s">
        <v>114308</v>
      </c>
      <c r="G32814" s="1" t="s">
        <v>114271</v>
      </c>
      <c r="H32814" s="1" t="s">
        <v>114272</v>
      </c>
      <c r="I32814" s="1" t="s">
        <v>113180</v>
      </c>
      <c r="J32814" s="1" t="s">
        <v>114309</v>
      </c>
    </row>
    <row r="32815" spans="1:10" x14ac:dyDescent="0.35">
      <c r="A32815" s="1" t="s">
        <v>114267</v>
      </c>
      <c r="B32815" s="1" t="s">
        <v>113175</v>
      </c>
      <c r="C32815" s="1" t="s">
        <v>65</v>
      </c>
      <c r="D32815" s="1" t="s">
        <v>114310</v>
      </c>
      <c r="E32815" s="1" t="s">
        <v>114311</v>
      </c>
      <c r="F32815" s="1" t="s">
        <v>114312</v>
      </c>
      <c r="G32815" s="1" t="s">
        <v>114271</v>
      </c>
      <c r="H32815" s="1" t="s">
        <v>114272</v>
      </c>
      <c r="I32815" s="1" t="s">
        <v>113180</v>
      </c>
      <c r="J32815" s="1" t="s">
        <v>114313</v>
      </c>
    </row>
    <row r="32816" spans="1:10" x14ac:dyDescent="0.35">
      <c r="A32816" s="1" t="s">
        <v>114267</v>
      </c>
      <c r="B32816" s="1" t="s">
        <v>113175</v>
      </c>
      <c r="C32816" s="1" t="s">
        <v>70</v>
      </c>
      <c r="D32816" s="1" t="s">
        <v>114314</v>
      </c>
      <c r="E32816" s="1" t="s">
        <v>114315</v>
      </c>
      <c r="F32816" s="1" t="s">
        <v>114316</v>
      </c>
      <c r="G32816" s="1" t="s">
        <v>114271</v>
      </c>
      <c r="H32816" s="1" t="s">
        <v>114272</v>
      </c>
      <c r="I32816" s="1" t="s">
        <v>113180</v>
      </c>
      <c r="J32816" s="1" t="s">
        <v>114317</v>
      </c>
    </row>
    <row r="32817" spans="1:10" x14ac:dyDescent="0.35">
      <c r="A32817" s="1" t="s">
        <v>114267</v>
      </c>
      <c r="B32817" s="1" t="s">
        <v>113175</v>
      </c>
      <c r="C32817" s="1" t="s">
        <v>75</v>
      </c>
      <c r="D32817" s="1" t="s">
        <v>3842</v>
      </c>
      <c r="E32817" s="1" t="s">
        <v>114318</v>
      </c>
      <c r="F32817" s="1" t="s">
        <v>114319</v>
      </c>
      <c r="G32817" s="1" t="s">
        <v>114271</v>
      </c>
      <c r="H32817" s="1" t="s">
        <v>114272</v>
      </c>
      <c r="I32817" s="1" t="s">
        <v>113180</v>
      </c>
      <c r="J32817" s="1" t="s">
        <v>114320</v>
      </c>
    </row>
    <row r="32818" spans="1:10" x14ac:dyDescent="0.35">
      <c r="A32818" s="1" t="s">
        <v>114267</v>
      </c>
      <c r="B32818" s="1" t="s">
        <v>113175</v>
      </c>
      <c r="C32818" s="1" t="s">
        <v>80</v>
      </c>
      <c r="D32818" s="1" t="s">
        <v>114321</v>
      </c>
      <c r="E32818" s="1" t="s">
        <v>114322</v>
      </c>
      <c r="F32818" s="1" t="s">
        <v>114323</v>
      </c>
      <c r="G32818" s="1" t="s">
        <v>114271</v>
      </c>
      <c r="H32818" s="1" t="s">
        <v>114272</v>
      </c>
      <c r="I32818" s="1" t="s">
        <v>113180</v>
      </c>
      <c r="J32818" s="1" t="s">
        <v>114324</v>
      </c>
    </row>
    <row r="32819" spans="1:10" x14ac:dyDescent="0.35">
      <c r="A32819" s="1" t="s">
        <v>114267</v>
      </c>
      <c r="B32819" s="1" t="s">
        <v>113175</v>
      </c>
      <c r="C32819" s="1" t="s">
        <v>85</v>
      </c>
      <c r="D32819" s="1" t="s">
        <v>42964</v>
      </c>
      <c r="E32819" s="1" t="s">
        <v>114325</v>
      </c>
      <c r="F32819" s="1" t="s">
        <v>114326</v>
      </c>
      <c r="G32819" s="1" t="s">
        <v>114271</v>
      </c>
      <c r="H32819" s="1" t="s">
        <v>114272</v>
      </c>
      <c r="I32819" s="1" t="s">
        <v>113180</v>
      </c>
      <c r="J32819" s="1" t="s">
        <v>114327</v>
      </c>
    </row>
    <row r="32820" spans="1:10" x14ac:dyDescent="0.35">
      <c r="A32820" s="1" t="s">
        <v>114267</v>
      </c>
      <c r="B32820" s="1" t="s">
        <v>113175</v>
      </c>
      <c r="C32820" s="1" t="s">
        <v>90</v>
      </c>
      <c r="D32820" s="1" t="s">
        <v>114328</v>
      </c>
      <c r="E32820" s="1" t="s">
        <v>114329</v>
      </c>
      <c r="F32820" s="1" t="s">
        <v>114330</v>
      </c>
      <c r="G32820" s="1" t="s">
        <v>114271</v>
      </c>
      <c r="H32820" s="1" t="s">
        <v>114272</v>
      </c>
      <c r="I32820" s="1" t="s">
        <v>113180</v>
      </c>
      <c r="J32820" s="1" t="s">
        <v>114331</v>
      </c>
    </row>
    <row r="32821" spans="1:10" x14ac:dyDescent="0.35">
      <c r="A32821" s="1" t="s">
        <v>114267</v>
      </c>
      <c r="B32821" s="1" t="s">
        <v>113175</v>
      </c>
      <c r="C32821" s="1" t="s">
        <v>95</v>
      </c>
      <c r="D32821" s="1" t="s">
        <v>114332</v>
      </c>
      <c r="E32821" s="1" t="s">
        <v>114333</v>
      </c>
      <c r="F32821" s="1" t="s">
        <v>114334</v>
      </c>
      <c r="G32821" s="1" t="s">
        <v>114271</v>
      </c>
      <c r="H32821" s="1" t="s">
        <v>114272</v>
      </c>
      <c r="I32821" s="1" t="s">
        <v>113180</v>
      </c>
      <c r="J32821" s="1" t="s">
        <v>114335</v>
      </c>
    </row>
    <row r="32822" spans="1:10" x14ac:dyDescent="0.35">
      <c r="A32822" s="1" t="s">
        <v>114267</v>
      </c>
      <c r="B32822" s="1" t="s">
        <v>113175</v>
      </c>
      <c r="C32822" s="1" t="s">
        <v>100</v>
      </c>
      <c r="D32822" s="1" t="s">
        <v>114336</v>
      </c>
      <c r="E32822" s="1" t="s">
        <v>114337</v>
      </c>
      <c r="F32822" s="1" t="s">
        <v>114338</v>
      </c>
      <c r="G32822" s="1" t="s">
        <v>114271</v>
      </c>
      <c r="H32822" s="1" t="s">
        <v>114272</v>
      </c>
      <c r="I32822" s="1" t="s">
        <v>113180</v>
      </c>
      <c r="J32822" s="1" t="s">
        <v>114339</v>
      </c>
    </row>
    <row r="32823" spans="1:10" x14ac:dyDescent="0.35">
      <c r="A32823" s="1" t="s">
        <v>114267</v>
      </c>
      <c r="B32823" s="1" t="s">
        <v>113175</v>
      </c>
      <c r="C32823" s="1" t="s">
        <v>105</v>
      </c>
      <c r="D32823" s="1" t="s">
        <v>114340</v>
      </c>
      <c r="E32823" s="1" t="s">
        <v>114341</v>
      </c>
      <c r="F32823" s="1" t="s">
        <v>114342</v>
      </c>
      <c r="G32823" s="1" t="s">
        <v>114271</v>
      </c>
      <c r="H32823" s="1" t="s">
        <v>114272</v>
      </c>
      <c r="I32823" s="1" t="s">
        <v>113180</v>
      </c>
      <c r="J32823" s="1" t="s">
        <v>114343</v>
      </c>
    </row>
    <row r="32824" spans="1:10" x14ac:dyDescent="0.35">
      <c r="A32824" s="1" t="s">
        <v>114267</v>
      </c>
      <c r="B32824" s="1" t="s">
        <v>113175</v>
      </c>
      <c r="C32824" s="1" t="s">
        <v>110</v>
      </c>
      <c r="D32824" s="1" t="s">
        <v>114344</v>
      </c>
      <c r="E32824" s="1" t="s">
        <v>114345</v>
      </c>
      <c r="F32824" s="1" t="s">
        <v>114346</v>
      </c>
      <c r="G32824" s="1" t="s">
        <v>114271</v>
      </c>
      <c r="H32824" s="1" t="s">
        <v>114272</v>
      </c>
      <c r="I32824" s="1" t="s">
        <v>113180</v>
      </c>
      <c r="J32824" s="1" t="s">
        <v>114347</v>
      </c>
    </row>
    <row r="32825" spans="1:10" x14ac:dyDescent="0.35">
      <c r="A32825" s="1" t="s">
        <v>114267</v>
      </c>
      <c r="B32825" s="1" t="s">
        <v>113175</v>
      </c>
      <c r="C32825" s="1" t="s">
        <v>115</v>
      </c>
      <c r="D32825" s="1" t="s">
        <v>114348</v>
      </c>
      <c r="E32825" s="1" t="s">
        <v>114349</v>
      </c>
      <c r="F32825" s="1" t="s">
        <v>114350</v>
      </c>
      <c r="G32825" s="1" t="s">
        <v>114271</v>
      </c>
      <c r="H32825" s="1" t="s">
        <v>114272</v>
      </c>
      <c r="I32825" s="1" t="s">
        <v>113180</v>
      </c>
      <c r="J32825" s="1" t="s">
        <v>114351</v>
      </c>
    </row>
    <row r="32826" spans="1:10" x14ac:dyDescent="0.35">
      <c r="A32826" s="1" t="s">
        <v>114267</v>
      </c>
      <c r="B32826" s="1" t="s">
        <v>113175</v>
      </c>
      <c r="C32826" s="1" t="s">
        <v>120</v>
      </c>
      <c r="D32826" s="1" t="s">
        <v>114352</v>
      </c>
      <c r="E32826" s="1" t="s">
        <v>114353</v>
      </c>
      <c r="F32826" s="1" t="s">
        <v>114354</v>
      </c>
      <c r="G32826" s="1" t="s">
        <v>114271</v>
      </c>
      <c r="H32826" s="1" t="s">
        <v>114272</v>
      </c>
      <c r="I32826" s="1" t="s">
        <v>113180</v>
      </c>
      <c r="J32826" s="1" t="s">
        <v>114355</v>
      </c>
    </row>
    <row r="32827" spans="1:10" x14ac:dyDescent="0.35">
      <c r="A32827" s="1" t="s">
        <v>114267</v>
      </c>
      <c r="B32827" s="1" t="s">
        <v>113175</v>
      </c>
      <c r="C32827" s="1" t="s">
        <v>125</v>
      </c>
      <c r="D32827" s="1" t="s">
        <v>114356</v>
      </c>
      <c r="E32827" s="1" t="s">
        <v>114357</v>
      </c>
      <c r="F32827" s="1" t="s">
        <v>114358</v>
      </c>
      <c r="G32827" s="1" t="s">
        <v>114271</v>
      </c>
      <c r="H32827" s="1" t="s">
        <v>114272</v>
      </c>
      <c r="I32827" s="1" t="s">
        <v>113180</v>
      </c>
      <c r="J32827" s="1" t="s">
        <v>114359</v>
      </c>
    </row>
    <row r="32828" spans="1:10" x14ac:dyDescent="0.35">
      <c r="A32828" s="1" t="s">
        <v>114267</v>
      </c>
      <c r="B32828" s="1" t="s">
        <v>113175</v>
      </c>
      <c r="C32828" s="1" t="s">
        <v>130</v>
      </c>
      <c r="D32828" s="1" t="s">
        <v>109447</v>
      </c>
      <c r="E32828" s="1" t="s">
        <v>114360</v>
      </c>
      <c r="F32828" s="1" t="s">
        <v>114361</v>
      </c>
      <c r="G32828" s="1" t="s">
        <v>114271</v>
      </c>
      <c r="H32828" s="1" t="s">
        <v>114272</v>
      </c>
      <c r="I32828" s="1" t="s">
        <v>113180</v>
      </c>
      <c r="J32828" s="1" t="s">
        <v>114362</v>
      </c>
    </row>
    <row r="32829" spans="1:10" x14ac:dyDescent="0.35">
      <c r="A32829" s="1" t="s">
        <v>114267</v>
      </c>
      <c r="B32829" s="1" t="s">
        <v>113175</v>
      </c>
      <c r="C32829" s="1" t="s">
        <v>135</v>
      </c>
      <c r="D32829" s="1" t="s">
        <v>114363</v>
      </c>
      <c r="E32829" s="1" t="s">
        <v>114364</v>
      </c>
      <c r="F32829" s="1" t="s">
        <v>114365</v>
      </c>
      <c r="G32829" s="1" t="s">
        <v>114271</v>
      </c>
      <c r="H32829" s="1" t="s">
        <v>114272</v>
      </c>
      <c r="I32829" s="1" t="s">
        <v>113180</v>
      </c>
      <c r="J32829" s="1" t="s">
        <v>114366</v>
      </c>
    </row>
    <row r="32830" spans="1:10" x14ac:dyDescent="0.35">
      <c r="A32830" s="1" t="s">
        <v>114267</v>
      </c>
      <c r="B32830" s="1" t="s">
        <v>113175</v>
      </c>
      <c r="C32830" s="1" t="s">
        <v>140</v>
      </c>
      <c r="D32830" s="1" t="s">
        <v>114367</v>
      </c>
      <c r="E32830" s="1" t="s">
        <v>114368</v>
      </c>
      <c r="F32830" s="1" t="s">
        <v>114369</v>
      </c>
      <c r="G32830" s="1" t="s">
        <v>114271</v>
      </c>
      <c r="H32830" s="1" t="s">
        <v>114272</v>
      </c>
      <c r="I32830" s="1" t="s">
        <v>113180</v>
      </c>
      <c r="J32830" s="1" t="s">
        <v>114370</v>
      </c>
    </row>
    <row r="32831" spans="1:10" x14ac:dyDescent="0.35">
      <c r="A32831" s="1" t="s">
        <v>114267</v>
      </c>
      <c r="B32831" s="1" t="s">
        <v>113175</v>
      </c>
      <c r="C32831" s="1" t="s">
        <v>145</v>
      </c>
      <c r="D32831" s="1" t="s">
        <v>114371</v>
      </c>
      <c r="E32831" s="1" t="s">
        <v>114372</v>
      </c>
      <c r="F32831" s="1" t="s">
        <v>114373</v>
      </c>
      <c r="G32831" s="1" t="s">
        <v>114271</v>
      </c>
      <c r="H32831" s="1" t="s">
        <v>114272</v>
      </c>
      <c r="I32831" s="1" t="s">
        <v>113180</v>
      </c>
      <c r="J32831" s="1" t="s">
        <v>114374</v>
      </c>
    </row>
    <row r="32832" spans="1:10" x14ac:dyDescent="0.35">
      <c r="A32832" s="1" t="s">
        <v>114267</v>
      </c>
      <c r="B32832" s="1" t="s">
        <v>113175</v>
      </c>
      <c r="C32832" s="1" t="s">
        <v>150</v>
      </c>
      <c r="D32832" s="1" t="s">
        <v>114375</v>
      </c>
      <c r="E32832" s="1" t="s">
        <v>114376</v>
      </c>
      <c r="F32832" s="1" t="s">
        <v>114377</v>
      </c>
      <c r="G32832" s="1" t="s">
        <v>114271</v>
      </c>
      <c r="H32832" s="1" t="s">
        <v>114272</v>
      </c>
      <c r="I32832" s="1" t="s">
        <v>113180</v>
      </c>
      <c r="J32832" s="1" t="s">
        <v>114378</v>
      </c>
    </row>
    <row r="32833" spans="1:10" x14ac:dyDescent="0.35">
      <c r="A32833" s="1" t="s">
        <v>114267</v>
      </c>
      <c r="B32833" s="1" t="s">
        <v>113175</v>
      </c>
      <c r="C32833" s="1" t="s">
        <v>155</v>
      </c>
      <c r="D32833" s="1" t="s">
        <v>79129</v>
      </c>
      <c r="E32833" s="1" t="s">
        <v>114379</v>
      </c>
      <c r="F32833" s="1" t="s">
        <v>114380</v>
      </c>
      <c r="G32833" s="1" t="s">
        <v>114271</v>
      </c>
      <c r="H32833" s="1" t="s">
        <v>114272</v>
      </c>
      <c r="I32833" s="1" t="s">
        <v>113180</v>
      </c>
      <c r="J32833" s="1" t="s">
        <v>114381</v>
      </c>
    </row>
    <row r="32834" spans="1:10" x14ac:dyDescent="0.35">
      <c r="A32834" s="1" t="s">
        <v>114267</v>
      </c>
      <c r="B32834" s="1" t="s">
        <v>113175</v>
      </c>
      <c r="C32834" s="1" t="s">
        <v>160</v>
      </c>
      <c r="D32834" s="1" t="s">
        <v>114382</v>
      </c>
      <c r="E32834" s="1" t="s">
        <v>114383</v>
      </c>
      <c r="F32834" s="1" t="s">
        <v>114384</v>
      </c>
      <c r="G32834" s="1" t="s">
        <v>114271</v>
      </c>
      <c r="H32834" s="1" t="s">
        <v>114272</v>
      </c>
      <c r="I32834" s="1" t="s">
        <v>113180</v>
      </c>
      <c r="J32834" s="1" t="s">
        <v>114385</v>
      </c>
    </row>
    <row r="32835" spans="1:10" x14ac:dyDescent="0.35">
      <c r="A32835" s="1" t="s">
        <v>114267</v>
      </c>
      <c r="B32835" s="1" t="s">
        <v>113175</v>
      </c>
      <c r="C32835" s="1" t="s">
        <v>165</v>
      </c>
      <c r="D32835" s="1" t="s">
        <v>114386</v>
      </c>
      <c r="E32835" s="1" t="s">
        <v>114387</v>
      </c>
      <c r="F32835" s="1" t="s">
        <v>114388</v>
      </c>
      <c r="G32835" s="1" t="s">
        <v>114271</v>
      </c>
      <c r="H32835" s="1" t="s">
        <v>114272</v>
      </c>
      <c r="I32835" s="1" t="s">
        <v>113180</v>
      </c>
      <c r="J32835" s="1" t="s">
        <v>114389</v>
      </c>
    </row>
    <row r="32836" spans="1:10" x14ac:dyDescent="0.35">
      <c r="A32836" s="1" t="s">
        <v>114267</v>
      </c>
      <c r="B32836" s="1" t="s">
        <v>113175</v>
      </c>
      <c r="C32836" s="1" t="s">
        <v>170</v>
      </c>
      <c r="D32836" s="1" t="s">
        <v>114390</v>
      </c>
      <c r="E32836" s="1" t="s">
        <v>114391</v>
      </c>
      <c r="F32836" s="1" t="s">
        <v>114392</v>
      </c>
      <c r="G32836" s="1" t="s">
        <v>114271</v>
      </c>
      <c r="H32836" s="1" t="s">
        <v>114272</v>
      </c>
      <c r="I32836" s="1" t="s">
        <v>113180</v>
      </c>
      <c r="J32836" s="1" t="s">
        <v>114393</v>
      </c>
    </row>
    <row r="32837" spans="1:10" x14ac:dyDescent="0.35">
      <c r="A32837" s="1" t="s">
        <v>9858</v>
      </c>
      <c r="B32837" s="1" t="s">
        <v>113175</v>
      </c>
      <c r="C32837" s="1" t="s">
        <v>8</v>
      </c>
      <c r="D32837" s="1" t="s">
        <v>114394</v>
      </c>
      <c r="E32837" s="1" t="s">
        <v>57103</v>
      </c>
      <c r="F32837" s="1" t="s">
        <v>114395</v>
      </c>
      <c r="G32837" s="1" t="s">
        <v>114396</v>
      </c>
      <c r="H32837" s="1" t="s">
        <v>114397</v>
      </c>
      <c r="I32837" s="1" t="s">
        <v>113180</v>
      </c>
      <c r="J32837" s="1" t="s">
        <v>13</v>
      </c>
    </row>
    <row r="32838" spans="1:10" x14ac:dyDescent="0.35">
      <c r="A32838" s="1" t="s">
        <v>9858</v>
      </c>
      <c r="B32838" s="1" t="s">
        <v>113175</v>
      </c>
      <c r="C32838" s="1" t="s">
        <v>15</v>
      </c>
      <c r="D32838" s="1" t="s">
        <v>33021</v>
      </c>
      <c r="E32838" s="1" t="s">
        <v>56393</v>
      </c>
      <c r="F32838" s="1" t="s">
        <v>54725</v>
      </c>
      <c r="G32838" s="1" t="s">
        <v>114396</v>
      </c>
      <c r="H32838" s="1" t="s">
        <v>114397</v>
      </c>
      <c r="I32838" s="1" t="s">
        <v>113180</v>
      </c>
      <c r="J32838" s="1" t="s">
        <v>114398</v>
      </c>
    </row>
    <row r="32839" spans="1:10" x14ac:dyDescent="0.35">
      <c r="A32839" s="1" t="s">
        <v>9858</v>
      </c>
      <c r="B32839" s="1" t="s">
        <v>113175</v>
      </c>
      <c r="C32839" s="1" t="s">
        <v>20</v>
      </c>
      <c r="D32839" s="1" t="s">
        <v>114399</v>
      </c>
      <c r="E32839" s="1" t="s">
        <v>15357</v>
      </c>
      <c r="F32839" s="1" t="s">
        <v>114400</v>
      </c>
      <c r="G32839" s="1" t="s">
        <v>114396</v>
      </c>
      <c r="H32839" s="1" t="s">
        <v>114397</v>
      </c>
      <c r="I32839" s="1" t="s">
        <v>113180</v>
      </c>
      <c r="J32839" s="1" t="s">
        <v>114401</v>
      </c>
    </row>
    <row r="32840" spans="1:10" x14ac:dyDescent="0.35">
      <c r="A32840" s="1" t="s">
        <v>9858</v>
      </c>
      <c r="B32840" s="1" t="s">
        <v>113175</v>
      </c>
      <c r="C32840" s="1" t="s">
        <v>25</v>
      </c>
      <c r="D32840" s="1" t="s">
        <v>114402</v>
      </c>
      <c r="E32840" s="1" t="s">
        <v>55420</v>
      </c>
      <c r="F32840" s="1" t="s">
        <v>66550</v>
      </c>
      <c r="G32840" s="1" t="s">
        <v>114396</v>
      </c>
      <c r="H32840" s="1" t="s">
        <v>114397</v>
      </c>
      <c r="I32840" s="1" t="s">
        <v>113180</v>
      </c>
      <c r="J32840" s="1" t="s">
        <v>114403</v>
      </c>
    </row>
    <row r="32841" spans="1:10" x14ac:dyDescent="0.35">
      <c r="A32841" s="1" t="s">
        <v>9858</v>
      </c>
      <c r="B32841" s="1" t="s">
        <v>113175</v>
      </c>
      <c r="C32841" s="1" t="s">
        <v>30</v>
      </c>
      <c r="D32841" s="1" t="s">
        <v>114404</v>
      </c>
      <c r="E32841" s="1" t="s">
        <v>114405</v>
      </c>
      <c r="F32841" s="1" t="s">
        <v>23447</v>
      </c>
      <c r="G32841" s="1" t="s">
        <v>114396</v>
      </c>
      <c r="H32841" s="1" t="s">
        <v>114397</v>
      </c>
      <c r="I32841" s="1" t="s">
        <v>113180</v>
      </c>
      <c r="J32841" s="1" t="s">
        <v>114406</v>
      </c>
    </row>
    <row r="32842" spans="1:10" x14ac:dyDescent="0.35">
      <c r="A32842" s="1" t="s">
        <v>9858</v>
      </c>
      <c r="B32842" s="1" t="s">
        <v>113175</v>
      </c>
      <c r="C32842" s="1" t="s">
        <v>35</v>
      </c>
      <c r="D32842" s="1" t="s">
        <v>114407</v>
      </c>
      <c r="E32842" s="1" t="s">
        <v>31480</v>
      </c>
      <c r="F32842" s="1" t="s">
        <v>114408</v>
      </c>
      <c r="G32842" s="1" t="s">
        <v>114396</v>
      </c>
      <c r="H32842" s="1" t="s">
        <v>114397</v>
      </c>
      <c r="I32842" s="1" t="s">
        <v>113180</v>
      </c>
      <c r="J32842" s="1" t="s">
        <v>114409</v>
      </c>
    </row>
    <row r="32843" spans="1:10" x14ac:dyDescent="0.35">
      <c r="A32843" s="1" t="s">
        <v>9858</v>
      </c>
      <c r="B32843" s="1" t="s">
        <v>113175</v>
      </c>
      <c r="C32843" s="1" t="s">
        <v>40</v>
      </c>
      <c r="D32843" s="1" t="s">
        <v>114410</v>
      </c>
      <c r="E32843" s="1" t="s">
        <v>21925</v>
      </c>
      <c r="F32843" s="1" t="s">
        <v>96592</v>
      </c>
      <c r="G32843" s="1" t="s">
        <v>114396</v>
      </c>
      <c r="H32843" s="1" t="s">
        <v>114397</v>
      </c>
      <c r="I32843" s="1" t="s">
        <v>113180</v>
      </c>
      <c r="J32843" s="1" t="s">
        <v>114411</v>
      </c>
    </row>
    <row r="32844" spans="1:10" x14ac:dyDescent="0.35">
      <c r="A32844" s="1" t="s">
        <v>9858</v>
      </c>
      <c r="B32844" s="1" t="s">
        <v>113175</v>
      </c>
      <c r="C32844" s="1" t="s">
        <v>45</v>
      </c>
      <c r="D32844" s="1" t="s">
        <v>114412</v>
      </c>
      <c r="E32844" s="1" t="s">
        <v>27074</v>
      </c>
      <c r="F32844" s="1" t="s">
        <v>114413</v>
      </c>
      <c r="G32844" s="1" t="s">
        <v>114396</v>
      </c>
      <c r="H32844" s="1" t="s">
        <v>114397</v>
      </c>
      <c r="I32844" s="1" t="s">
        <v>113180</v>
      </c>
      <c r="J32844" s="1" t="s">
        <v>114414</v>
      </c>
    </row>
    <row r="32845" spans="1:10" x14ac:dyDescent="0.35">
      <c r="A32845" s="1" t="s">
        <v>9858</v>
      </c>
      <c r="B32845" s="1" t="s">
        <v>113175</v>
      </c>
      <c r="C32845" s="1" t="s">
        <v>50</v>
      </c>
      <c r="D32845" s="1" t="s">
        <v>15562</v>
      </c>
      <c r="E32845" s="1" t="s">
        <v>58602</v>
      </c>
      <c r="F32845" s="1" t="s">
        <v>66436</v>
      </c>
      <c r="G32845" s="1" t="s">
        <v>114396</v>
      </c>
      <c r="H32845" s="1" t="s">
        <v>114397</v>
      </c>
      <c r="I32845" s="1" t="s">
        <v>113180</v>
      </c>
      <c r="J32845" s="1" t="s">
        <v>114415</v>
      </c>
    </row>
    <row r="32846" spans="1:10" x14ac:dyDescent="0.35">
      <c r="A32846" s="1" t="s">
        <v>9858</v>
      </c>
      <c r="B32846" s="1" t="s">
        <v>113175</v>
      </c>
      <c r="C32846" s="1" t="s">
        <v>55</v>
      </c>
      <c r="D32846" s="1" t="s">
        <v>38039</v>
      </c>
      <c r="E32846" s="1" t="s">
        <v>56250</v>
      </c>
      <c r="F32846" s="1" t="s">
        <v>114416</v>
      </c>
      <c r="G32846" s="1" t="s">
        <v>114396</v>
      </c>
      <c r="H32846" s="1" t="s">
        <v>114397</v>
      </c>
      <c r="I32846" s="1" t="s">
        <v>113180</v>
      </c>
      <c r="J32846" s="1" t="s">
        <v>114417</v>
      </c>
    </row>
    <row r="32847" spans="1:10" x14ac:dyDescent="0.35">
      <c r="A32847" s="1" t="s">
        <v>9858</v>
      </c>
      <c r="B32847" s="1" t="s">
        <v>113175</v>
      </c>
      <c r="C32847" s="1" t="s">
        <v>60</v>
      </c>
      <c r="D32847" s="1" t="s">
        <v>114418</v>
      </c>
      <c r="E32847" s="1" t="s">
        <v>114419</v>
      </c>
      <c r="F32847" s="1" t="s">
        <v>114420</v>
      </c>
      <c r="G32847" s="1" t="s">
        <v>114396</v>
      </c>
      <c r="H32847" s="1" t="s">
        <v>114397</v>
      </c>
      <c r="I32847" s="1" t="s">
        <v>113180</v>
      </c>
      <c r="J32847" s="1" t="s">
        <v>114421</v>
      </c>
    </row>
    <row r="32848" spans="1:10" x14ac:dyDescent="0.35">
      <c r="A32848" s="1" t="s">
        <v>9858</v>
      </c>
      <c r="B32848" s="1" t="s">
        <v>113175</v>
      </c>
      <c r="C32848" s="1" t="s">
        <v>65</v>
      </c>
      <c r="D32848" s="1" t="s">
        <v>38702</v>
      </c>
      <c r="E32848" s="1" t="s">
        <v>26455</v>
      </c>
      <c r="F32848" s="1" t="s">
        <v>114422</v>
      </c>
      <c r="G32848" s="1" t="s">
        <v>114396</v>
      </c>
      <c r="H32848" s="1" t="s">
        <v>114397</v>
      </c>
      <c r="I32848" s="1" t="s">
        <v>113180</v>
      </c>
      <c r="J32848" s="1" t="s">
        <v>114423</v>
      </c>
    </row>
    <row r="32849" spans="1:10" x14ac:dyDescent="0.35">
      <c r="A32849" s="1" t="s">
        <v>9858</v>
      </c>
      <c r="B32849" s="1" t="s">
        <v>113175</v>
      </c>
      <c r="C32849" s="1" t="s">
        <v>70</v>
      </c>
      <c r="D32849" s="1" t="s">
        <v>108451</v>
      </c>
      <c r="E32849" s="1" t="s">
        <v>26647</v>
      </c>
      <c r="F32849" s="1" t="s">
        <v>31966</v>
      </c>
      <c r="G32849" s="1" t="s">
        <v>114396</v>
      </c>
      <c r="H32849" s="1" t="s">
        <v>114397</v>
      </c>
      <c r="I32849" s="1" t="s">
        <v>113180</v>
      </c>
      <c r="J32849" s="1" t="s">
        <v>114424</v>
      </c>
    </row>
    <row r="32850" spans="1:10" x14ac:dyDescent="0.35">
      <c r="A32850" s="1" t="s">
        <v>9858</v>
      </c>
      <c r="B32850" s="1" t="s">
        <v>113175</v>
      </c>
      <c r="C32850" s="1" t="s">
        <v>75</v>
      </c>
      <c r="D32850" s="1" t="s">
        <v>114425</v>
      </c>
      <c r="E32850" s="1" t="s">
        <v>64074</v>
      </c>
      <c r="F32850" s="1" t="s">
        <v>114426</v>
      </c>
      <c r="G32850" s="1" t="s">
        <v>114396</v>
      </c>
      <c r="H32850" s="1" t="s">
        <v>114397</v>
      </c>
      <c r="I32850" s="1" t="s">
        <v>113180</v>
      </c>
      <c r="J32850" s="1" t="s">
        <v>114427</v>
      </c>
    </row>
    <row r="32851" spans="1:10" x14ac:dyDescent="0.35">
      <c r="A32851" s="1" t="s">
        <v>9858</v>
      </c>
      <c r="B32851" s="1" t="s">
        <v>113175</v>
      </c>
      <c r="C32851" s="1" t="s">
        <v>80</v>
      </c>
      <c r="D32851" s="1" t="s">
        <v>26793</v>
      </c>
      <c r="E32851" s="1" t="s">
        <v>16142</v>
      </c>
      <c r="F32851" s="1" t="s">
        <v>114428</v>
      </c>
      <c r="G32851" s="1" t="s">
        <v>114396</v>
      </c>
      <c r="H32851" s="1" t="s">
        <v>114397</v>
      </c>
      <c r="I32851" s="1" t="s">
        <v>113180</v>
      </c>
      <c r="J32851" s="1" t="s">
        <v>114429</v>
      </c>
    </row>
    <row r="32852" spans="1:10" x14ac:dyDescent="0.35">
      <c r="A32852" s="1" t="s">
        <v>9858</v>
      </c>
      <c r="B32852" s="1" t="s">
        <v>113175</v>
      </c>
      <c r="C32852" s="1" t="s">
        <v>85</v>
      </c>
      <c r="D32852" s="1" t="s">
        <v>87200</v>
      </c>
      <c r="E32852" s="1" t="s">
        <v>12821</v>
      </c>
      <c r="F32852" s="1" t="s">
        <v>22336</v>
      </c>
      <c r="G32852" s="1" t="s">
        <v>114396</v>
      </c>
      <c r="H32852" s="1" t="s">
        <v>114397</v>
      </c>
      <c r="I32852" s="1" t="s">
        <v>113180</v>
      </c>
      <c r="J32852" s="1" t="s">
        <v>114430</v>
      </c>
    </row>
    <row r="32853" spans="1:10" x14ac:dyDescent="0.35">
      <c r="A32853" s="1" t="s">
        <v>9858</v>
      </c>
      <c r="B32853" s="1" t="s">
        <v>113175</v>
      </c>
      <c r="C32853" s="1" t="s">
        <v>90</v>
      </c>
      <c r="D32853" s="1" t="s">
        <v>114431</v>
      </c>
      <c r="E32853" s="1" t="s">
        <v>65435</v>
      </c>
      <c r="F32853" s="1" t="s">
        <v>114432</v>
      </c>
      <c r="G32853" s="1" t="s">
        <v>114396</v>
      </c>
      <c r="H32853" s="1" t="s">
        <v>114397</v>
      </c>
      <c r="I32853" s="1" t="s">
        <v>113180</v>
      </c>
      <c r="J32853" s="1" t="s">
        <v>114433</v>
      </c>
    </row>
    <row r="32854" spans="1:10" x14ac:dyDescent="0.35">
      <c r="A32854" s="1" t="s">
        <v>9858</v>
      </c>
      <c r="B32854" s="1" t="s">
        <v>113175</v>
      </c>
      <c r="C32854" s="1" t="s">
        <v>95</v>
      </c>
      <c r="D32854" s="1" t="s">
        <v>89921</v>
      </c>
      <c r="E32854" s="1" t="s">
        <v>16178</v>
      </c>
      <c r="F32854" s="1" t="s">
        <v>114434</v>
      </c>
      <c r="G32854" s="1" t="s">
        <v>114396</v>
      </c>
      <c r="H32854" s="1" t="s">
        <v>114397</v>
      </c>
      <c r="I32854" s="1" t="s">
        <v>113180</v>
      </c>
      <c r="J32854" s="1" t="s">
        <v>114435</v>
      </c>
    </row>
    <row r="32855" spans="1:10" x14ac:dyDescent="0.35">
      <c r="A32855" s="1" t="s">
        <v>9858</v>
      </c>
      <c r="B32855" s="1" t="s">
        <v>113175</v>
      </c>
      <c r="C32855" s="1" t="s">
        <v>100</v>
      </c>
      <c r="D32855" s="1" t="s">
        <v>114436</v>
      </c>
      <c r="E32855" s="1" t="s">
        <v>26265</v>
      </c>
      <c r="F32855" s="1" t="s">
        <v>114437</v>
      </c>
      <c r="G32855" s="1" t="s">
        <v>114396</v>
      </c>
      <c r="H32855" s="1" t="s">
        <v>114397</v>
      </c>
      <c r="I32855" s="1" t="s">
        <v>113180</v>
      </c>
      <c r="J32855" s="1" t="s">
        <v>114438</v>
      </c>
    </row>
    <row r="32856" spans="1:10" x14ac:dyDescent="0.35">
      <c r="A32856" s="1" t="s">
        <v>9858</v>
      </c>
      <c r="B32856" s="1" t="s">
        <v>113175</v>
      </c>
      <c r="C32856" s="1" t="s">
        <v>105</v>
      </c>
      <c r="D32856" s="1" t="s">
        <v>65354</v>
      </c>
      <c r="E32856" s="1" t="s">
        <v>27134</v>
      </c>
      <c r="F32856" s="1" t="s">
        <v>114439</v>
      </c>
      <c r="G32856" s="1" t="s">
        <v>114396</v>
      </c>
      <c r="H32856" s="1" t="s">
        <v>114397</v>
      </c>
      <c r="I32856" s="1" t="s">
        <v>113180</v>
      </c>
      <c r="J32856" s="1" t="s">
        <v>114440</v>
      </c>
    </row>
    <row r="32857" spans="1:10" x14ac:dyDescent="0.35">
      <c r="A32857" s="1" t="s">
        <v>9858</v>
      </c>
      <c r="B32857" s="1" t="s">
        <v>113175</v>
      </c>
      <c r="C32857" s="1" t="s">
        <v>110</v>
      </c>
      <c r="D32857" s="1" t="s">
        <v>114441</v>
      </c>
      <c r="E32857" s="1" t="s">
        <v>26202</v>
      </c>
      <c r="F32857" s="1" t="s">
        <v>114442</v>
      </c>
      <c r="G32857" s="1" t="s">
        <v>114396</v>
      </c>
      <c r="H32857" s="1" t="s">
        <v>114397</v>
      </c>
      <c r="I32857" s="1" t="s">
        <v>113180</v>
      </c>
      <c r="J32857" s="1" t="s">
        <v>114443</v>
      </c>
    </row>
    <row r="32858" spans="1:10" x14ac:dyDescent="0.35">
      <c r="A32858" s="1" t="s">
        <v>9858</v>
      </c>
      <c r="B32858" s="1" t="s">
        <v>113175</v>
      </c>
      <c r="C32858" s="1" t="s">
        <v>115</v>
      </c>
      <c r="D32858" s="1" t="s">
        <v>76843</v>
      </c>
      <c r="E32858" s="1" t="s">
        <v>26654</v>
      </c>
      <c r="F32858" s="1" t="s">
        <v>114444</v>
      </c>
      <c r="G32858" s="1" t="s">
        <v>114396</v>
      </c>
      <c r="H32858" s="1" t="s">
        <v>114397</v>
      </c>
      <c r="I32858" s="1" t="s">
        <v>113180</v>
      </c>
      <c r="J32858" s="1" t="s">
        <v>114445</v>
      </c>
    </row>
    <row r="32859" spans="1:10" x14ac:dyDescent="0.35">
      <c r="A32859" s="1" t="s">
        <v>9858</v>
      </c>
      <c r="B32859" s="1" t="s">
        <v>113175</v>
      </c>
      <c r="C32859" s="1" t="s">
        <v>120</v>
      </c>
      <c r="D32859" s="1" t="s">
        <v>86923</v>
      </c>
      <c r="E32859" s="1" t="s">
        <v>59658</v>
      </c>
      <c r="F32859" s="1" t="s">
        <v>114446</v>
      </c>
      <c r="G32859" s="1" t="s">
        <v>114396</v>
      </c>
      <c r="H32859" s="1" t="s">
        <v>114397</v>
      </c>
      <c r="I32859" s="1" t="s">
        <v>113180</v>
      </c>
      <c r="J32859" s="1" t="s">
        <v>114447</v>
      </c>
    </row>
    <row r="32860" spans="1:10" x14ac:dyDescent="0.35">
      <c r="A32860" s="1" t="s">
        <v>9858</v>
      </c>
      <c r="B32860" s="1" t="s">
        <v>113175</v>
      </c>
      <c r="C32860" s="1" t="s">
        <v>125</v>
      </c>
      <c r="D32860" s="1" t="s">
        <v>114448</v>
      </c>
      <c r="E32860" s="1" t="s">
        <v>15580</v>
      </c>
      <c r="F32860" s="1" t="s">
        <v>114449</v>
      </c>
      <c r="G32860" s="1" t="s">
        <v>114396</v>
      </c>
      <c r="H32860" s="1" t="s">
        <v>114397</v>
      </c>
      <c r="I32860" s="1" t="s">
        <v>113180</v>
      </c>
      <c r="J32860" s="1" t="s">
        <v>114450</v>
      </c>
    </row>
    <row r="32861" spans="1:10" x14ac:dyDescent="0.35">
      <c r="A32861" s="1" t="s">
        <v>9858</v>
      </c>
      <c r="B32861" s="1" t="s">
        <v>113175</v>
      </c>
      <c r="C32861" s="1" t="s">
        <v>130</v>
      </c>
      <c r="D32861" s="1" t="s">
        <v>61843</v>
      </c>
      <c r="E32861" s="1" t="s">
        <v>114451</v>
      </c>
      <c r="F32861" s="1" t="s">
        <v>60544</v>
      </c>
      <c r="G32861" s="1" t="s">
        <v>114396</v>
      </c>
      <c r="H32861" s="1" t="s">
        <v>114397</v>
      </c>
      <c r="I32861" s="1" t="s">
        <v>113180</v>
      </c>
      <c r="J32861" s="1" t="s">
        <v>114452</v>
      </c>
    </row>
    <row r="32862" spans="1:10" x14ac:dyDescent="0.35">
      <c r="A32862" s="1" t="s">
        <v>9858</v>
      </c>
      <c r="B32862" s="1" t="s">
        <v>113175</v>
      </c>
      <c r="C32862" s="1" t="s">
        <v>135</v>
      </c>
      <c r="D32862" s="1" t="s">
        <v>114453</v>
      </c>
      <c r="E32862" s="1" t="s">
        <v>57189</v>
      </c>
      <c r="F32862" s="1" t="s">
        <v>114454</v>
      </c>
      <c r="G32862" s="1" t="s">
        <v>114396</v>
      </c>
      <c r="H32862" s="1" t="s">
        <v>114397</v>
      </c>
      <c r="I32862" s="1" t="s">
        <v>113180</v>
      </c>
      <c r="J32862" s="1" t="s">
        <v>114455</v>
      </c>
    </row>
    <row r="32863" spans="1:10" x14ac:dyDescent="0.35">
      <c r="A32863" s="1" t="s">
        <v>9858</v>
      </c>
      <c r="B32863" s="1" t="s">
        <v>113175</v>
      </c>
      <c r="C32863" s="1" t="s">
        <v>140</v>
      </c>
      <c r="D32863" s="1" t="s">
        <v>114456</v>
      </c>
      <c r="E32863" s="1" t="s">
        <v>61793</v>
      </c>
      <c r="F32863" s="1" t="s">
        <v>58225</v>
      </c>
      <c r="G32863" s="1" t="s">
        <v>114396</v>
      </c>
      <c r="H32863" s="1" t="s">
        <v>114397</v>
      </c>
      <c r="I32863" s="1" t="s">
        <v>113180</v>
      </c>
      <c r="J32863" s="1" t="s">
        <v>114457</v>
      </c>
    </row>
    <row r="32864" spans="1:10" x14ac:dyDescent="0.35">
      <c r="A32864" s="1" t="s">
        <v>9858</v>
      </c>
      <c r="B32864" s="1" t="s">
        <v>113175</v>
      </c>
      <c r="C32864" s="1" t="s">
        <v>145</v>
      </c>
      <c r="D32864" s="1" t="s">
        <v>114458</v>
      </c>
      <c r="E32864" s="1" t="s">
        <v>88284</v>
      </c>
      <c r="F32864" s="1" t="s">
        <v>114459</v>
      </c>
      <c r="G32864" s="1" t="s">
        <v>114396</v>
      </c>
      <c r="H32864" s="1" t="s">
        <v>114397</v>
      </c>
      <c r="I32864" s="1" t="s">
        <v>113180</v>
      </c>
      <c r="J32864" s="1" t="s">
        <v>114460</v>
      </c>
    </row>
    <row r="32865" spans="1:10" x14ac:dyDescent="0.35">
      <c r="A32865" s="1" t="s">
        <v>9858</v>
      </c>
      <c r="B32865" s="1" t="s">
        <v>113175</v>
      </c>
      <c r="C32865" s="1" t="s">
        <v>150</v>
      </c>
      <c r="D32865" s="1" t="s">
        <v>42316</v>
      </c>
      <c r="E32865" s="1" t="s">
        <v>31804</v>
      </c>
      <c r="F32865" s="1" t="s">
        <v>114461</v>
      </c>
      <c r="G32865" s="1" t="s">
        <v>114396</v>
      </c>
      <c r="H32865" s="1" t="s">
        <v>114397</v>
      </c>
      <c r="I32865" s="1" t="s">
        <v>113180</v>
      </c>
      <c r="J32865" s="1" t="s">
        <v>114462</v>
      </c>
    </row>
    <row r="32866" spans="1:10" x14ac:dyDescent="0.35">
      <c r="A32866" s="1" t="s">
        <v>9858</v>
      </c>
      <c r="B32866" s="1" t="s">
        <v>113175</v>
      </c>
      <c r="C32866" s="1" t="s">
        <v>155</v>
      </c>
      <c r="D32866" s="1" t="s">
        <v>21635</v>
      </c>
      <c r="E32866" s="1" t="s">
        <v>114463</v>
      </c>
      <c r="F32866" s="1" t="s">
        <v>114464</v>
      </c>
      <c r="G32866" s="1" t="s">
        <v>114396</v>
      </c>
      <c r="H32866" s="1" t="s">
        <v>114397</v>
      </c>
      <c r="I32866" s="1" t="s">
        <v>113180</v>
      </c>
      <c r="J32866" s="1" t="s">
        <v>114465</v>
      </c>
    </row>
    <row r="32867" spans="1:10" x14ac:dyDescent="0.35">
      <c r="A32867" s="1" t="s">
        <v>9858</v>
      </c>
      <c r="B32867" s="1" t="s">
        <v>113175</v>
      </c>
      <c r="C32867" s="1" t="s">
        <v>160</v>
      </c>
      <c r="D32867" s="1" t="s">
        <v>79798</v>
      </c>
      <c r="E32867" s="1" t="s">
        <v>26292</v>
      </c>
      <c r="F32867" s="1" t="s">
        <v>114466</v>
      </c>
      <c r="G32867" s="1" t="s">
        <v>114396</v>
      </c>
      <c r="H32867" s="1" t="s">
        <v>114397</v>
      </c>
      <c r="I32867" s="1" t="s">
        <v>113180</v>
      </c>
      <c r="J32867" s="1" t="s">
        <v>114467</v>
      </c>
    </row>
    <row r="32868" spans="1:10" x14ac:dyDescent="0.35">
      <c r="A32868" s="1" t="s">
        <v>9858</v>
      </c>
      <c r="B32868" s="1" t="s">
        <v>113175</v>
      </c>
      <c r="C32868" s="1" t="s">
        <v>165</v>
      </c>
      <c r="D32868" s="1" t="s">
        <v>56265</v>
      </c>
      <c r="E32868" s="1" t="s">
        <v>27134</v>
      </c>
      <c r="F32868" s="1" t="s">
        <v>114468</v>
      </c>
      <c r="G32868" s="1" t="s">
        <v>114396</v>
      </c>
      <c r="H32868" s="1" t="s">
        <v>114397</v>
      </c>
      <c r="I32868" s="1" t="s">
        <v>113180</v>
      </c>
      <c r="J32868" s="1" t="s">
        <v>114469</v>
      </c>
    </row>
    <row r="32869" spans="1:10" x14ac:dyDescent="0.35">
      <c r="A32869" s="1" t="s">
        <v>9858</v>
      </c>
      <c r="B32869" s="1" t="s">
        <v>113175</v>
      </c>
      <c r="C32869" s="1" t="s">
        <v>170</v>
      </c>
      <c r="D32869" s="1" t="s">
        <v>98487</v>
      </c>
      <c r="E32869" s="1" t="s">
        <v>106958</v>
      </c>
      <c r="F32869" s="1" t="s">
        <v>24183</v>
      </c>
      <c r="G32869" s="1" t="s">
        <v>114396</v>
      </c>
      <c r="H32869" s="1" t="s">
        <v>114397</v>
      </c>
      <c r="I32869" s="1" t="s">
        <v>113180</v>
      </c>
      <c r="J32869" s="1" t="s">
        <v>114470</v>
      </c>
    </row>
    <row r="32870" spans="1:10" x14ac:dyDescent="0.35">
      <c r="A32870" s="1" t="s">
        <v>114471</v>
      </c>
      <c r="B32870" s="1" t="s">
        <v>113175</v>
      </c>
      <c r="C32870" s="1" t="s">
        <v>8</v>
      </c>
      <c r="D32870" s="1" t="s">
        <v>114472</v>
      </c>
      <c r="E32870" s="1" t="s">
        <v>114473</v>
      </c>
      <c r="F32870" s="1" t="s">
        <v>114474</v>
      </c>
      <c r="G32870" s="1" t="s">
        <v>114475</v>
      </c>
      <c r="H32870" s="1" t="s">
        <v>114476</v>
      </c>
      <c r="I32870" s="1" t="s">
        <v>113180</v>
      </c>
      <c r="J32870" s="1" t="s">
        <v>13</v>
      </c>
    </row>
    <row r="32871" spans="1:10" x14ac:dyDescent="0.35">
      <c r="A32871" s="1" t="s">
        <v>114471</v>
      </c>
      <c r="B32871" s="1" t="s">
        <v>113175</v>
      </c>
      <c r="C32871" s="1" t="s">
        <v>15</v>
      </c>
      <c r="D32871" s="1" t="s">
        <v>33065</v>
      </c>
      <c r="E32871" s="1" t="s">
        <v>114477</v>
      </c>
      <c r="F32871" s="1" t="s">
        <v>114478</v>
      </c>
      <c r="G32871" s="1" t="s">
        <v>114475</v>
      </c>
      <c r="H32871" s="1" t="s">
        <v>114476</v>
      </c>
      <c r="I32871" s="1" t="s">
        <v>113180</v>
      </c>
      <c r="J32871" s="1" t="s">
        <v>114479</v>
      </c>
    </row>
    <row r="32872" spans="1:10" x14ac:dyDescent="0.35">
      <c r="A32872" s="1" t="s">
        <v>114471</v>
      </c>
      <c r="B32872" s="1" t="s">
        <v>113175</v>
      </c>
      <c r="C32872" s="1" t="s">
        <v>20</v>
      </c>
      <c r="D32872" s="1" t="s">
        <v>32418</v>
      </c>
      <c r="E32872" s="1" t="s">
        <v>114480</v>
      </c>
      <c r="F32872" s="1" t="s">
        <v>114481</v>
      </c>
      <c r="G32872" s="1" t="s">
        <v>114475</v>
      </c>
      <c r="H32872" s="1" t="s">
        <v>114476</v>
      </c>
      <c r="I32872" s="1" t="s">
        <v>113180</v>
      </c>
      <c r="J32872" s="1" t="s">
        <v>114482</v>
      </c>
    </row>
    <row r="32873" spans="1:10" x14ac:dyDescent="0.35">
      <c r="A32873" s="1" t="s">
        <v>114471</v>
      </c>
      <c r="B32873" s="1" t="s">
        <v>113175</v>
      </c>
      <c r="C32873" s="1" t="s">
        <v>25</v>
      </c>
      <c r="D32873" s="1" t="s">
        <v>45307</v>
      </c>
      <c r="E32873" s="1" t="s">
        <v>114483</v>
      </c>
      <c r="F32873" s="1" t="s">
        <v>114484</v>
      </c>
      <c r="G32873" s="1" t="s">
        <v>114475</v>
      </c>
      <c r="H32873" s="1" t="s">
        <v>114476</v>
      </c>
      <c r="I32873" s="1" t="s">
        <v>113180</v>
      </c>
      <c r="J32873" s="1" t="s">
        <v>114485</v>
      </c>
    </row>
    <row r="32874" spans="1:10" x14ac:dyDescent="0.35">
      <c r="A32874" s="1" t="s">
        <v>114471</v>
      </c>
      <c r="B32874" s="1" t="s">
        <v>113175</v>
      </c>
      <c r="C32874" s="1" t="s">
        <v>30</v>
      </c>
      <c r="D32874" s="1" t="s">
        <v>114486</v>
      </c>
      <c r="E32874" s="1" t="s">
        <v>114487</v>
      </c>
      <c r="F32874" s="1" t="s">
        <v>114488</v>
      </c>
      <c r="G32874" s="1" t="s">
        <v>114475</v>
      </c>
      <c r="H32874" s="1" t="s">
        <v>114476</v>
      </c>
      <c r="I32874" s="1" t="s">
        <v>113180</v>
      </c>
      <c r="J32874" s="1" t="s">
        <v>114489</v>
      </c>
    </row>
    <row r="32875" spans="1:10" x14ac:dyDescent="0.35">
      <c r="A32875" s="1" t="s">
        <v>114471</v>
      </c>
      <c r="B32875" s="1" t="s">
        <v>113175</v>
      </c>
      <c r="C32875" s="1" t="s">
        <v>35</v>
      </c>
      <c r="D32875" s="1" t="s">
        <v>114490</v>
      </c>
      <c r="E32875" s="1" t="s">
        <v>114491</v>
      </c>
      <c r="F32875" s="1" t="s">
        <v>114492</v>
      </c>
      <c r="G32875" s="1" t="s">
        <v>114475</v>
      </c>
      <c r="H32875" s="1" t="s">
        <v>114476</v>
      </c>
      <c r="I32875" s="1" t="s">
        <v>113180</v>
      </c>
      <c r="J32875" s="1" t="s">
        <v>114493</v>
      </c>
    </row>
    <row r="32876" spans="1:10" x14ac:dyDescent="0.35">
      <c r="A32876" s="1" t="s">
        <v>114471</v>
      </c>
      <c r="B32876" s="1" t="s">
        <v>113175</v>
      </c>
      <c r="C32876" s="1" t="s">
        <v>40</v>
      </c>
      <c r="D32876" s="1" t="s">
        <v>18196</v>
      </c>
      <c r="E32876" s="1" t="s">
        <v>114494</v>
      </c>
      <c r="F32876" s="1" t="s">
        <v>114495</v>
      </c>
      <c r="G32876" s="1" t="s">
        <v>114475</v>
      </c>
      <c r="H32876" s="1" t="s">
        <v>114476</v>
      </c>
      <c r="I32876" s="1" t="s">
        <v>113180</v>
      </c>
      <c r="J32876" s="1" t="s">
        <v>114496</v>
      </c>
    </row>
    <row r="32877" spans="1:10" x14ac:dyDescent="0.35">
      <c r="A32877" s="1" t="s">
        <v>114471</v>
      </c>
      <c r="B32877" s="1" t="s">
        <v>113175</v>
      </c>
      <c r="C32877" s="1" t="s">
        <v>45</v>
      </c>
      <c r="D32877" s="1" t="s">
        <v>114497</v>
      </c>
      <c r="E32877" s="1" t="s">
        <v>114498</v>
      </c>
      <c r="F32877" s="1" t="s">
        <v>114499</v>
      </c>
      <c r="G32877" s="1" t="s">
        <v>114475</v>
      </c>
      <c r="H32877" s="1" t="s">
        <v>114476</v>
      </c>
      <c r="I32877" s="1" t="s">
        <v>113180</v>
      </c>
      <c r="J32877" s="1" t="s">
        <v>114500</v>
      </c>
    </row>
    <row r="32878" spans="1:10" x14ac:dyDescent="0.35">
      <c r="A32878" s="1" t="s">
        <v>114471</v>
      </c>
      <c r="B32878" s="1" t="s">
        <v>113175</v>
      </c>
      <c r="C32878" s="1" t="s">
        <v>50</v>
      </c>
      <c r="D32878" s="1" t="s">
        <v>17515</v>
      </c>
      <c r="E32878" s="1" t="s">
        <v>114501</v>
      </c>
      <c r="F32878" s="1" t="s">
        <v>114502</v>
      </c>
      <c r="G32878" s="1" t="s">
        <v>114475</v>
      </c>
      <c r="H32878" s="1" t="s">
        <v>114476</v>
      </c>
      <c r="I32878" s="1" t="s">
        <v>113180</v>
      </c>
      <c r="J32878" s="1" t="s">
        <v>114503</v>
      </c>
    </row>
    <row r="32879" spans="1:10" x14ac:dyDescent="0.35">
      <c r="A32879" s="1" t="s">
        <v>114471</v>
      </c>
      <c r="B32879" s="1" t="s">
        <v>113175</v>
      </c>
      <c r="C32879" s="1" t="s">
        <v>55</v>
      </c>
      <c r="D32879" s="1" t="s">
        <v>82469</v>
      </c>
      <c r="E32879" s="1" t="s">
        <v>114504</v>
      </c>
      <c r="F32879" s="1" t="s">
        <v>114505</v>
      </c>
      <c r="G32879" s="1" t="s">
        <v>114475</v>
      </c>
      <c r="H32879" s="1" t="s">
        <v>114476</v>
      </c>
      <c r="I32879" s="1" t="s">
        <v>113180</v>
      </c>
      <c r="J32879" s="1" t="s">
        <v>114506</v>
      </c>
    </row>
    <row r="32880" spans="1:10" x14ac:dyDescent="0.35">
      <c r="A32880" s="1" t="s">
        <v>114471</v>
      </c>
      <c r="B32880" s="1" t="s">
        <v>113175</v>
      </c>
      <c r="C32880" s="1" t="s">
        <v>60</v>
      </c>
      <c r="D32880" s="1" t="s">
        <v>114507</v>
      </c>
      <c r="E32880" s="1" t="s">
        <v>114508</v>
      </c>
      <c r="F32880" s="1" t="s">
        <v>114509</v>
      </c>
      <c r="G32880" s="1" t="s">
        <v>114475</v>
      </c>
      <c r="H32880" s="1" t="s">
        <v>114476</v>
      </c>
      <c r="I32880" s="1" t="s">
        <v>113180</v>
      </c>
      <c r="J32880" s="1" t="s">
        <v>114510</v>
      </c>
    </row>
    <row r="32881" spans="1:10" x14ac:dyDescent="0.35">
      <c r="A32881" s="1" t="s">
        <v>114471</v>
      </c>
      <c r="B32881" s="1" t="s">
        <v>113175</v>
      </c>
      <c r="C32881" s="1" t="s">
        <v>65</v>
      </c>
      <c r="D32881" s="1" t="s">
        <v>114511</v>
      </c>
      <c r="E32881" s="1" t="s">
        <v>114512</v>
      </c>
      <c r="F32881" s="1" t="s">
        <v>114513</v>
      </c>
      <c r="G32881" s="1" t="s">
        <v>114475</v>
      </c>
      <c r="H32881" s="1" t="s">
        <v>114476</v>
      </c>
      <c r="I32881" s="1" t="s">
        <v>113180</v>
      </c>
      <c r="J32881" s="1" t="s">
        <v>114514</v>
      </c>
    </row>
    <row r="32882" spans="1:10" x14ac:dyDescent="0.35">
      <c r="A32882" s="1" t="s">
        <v>114471</v>
      </c>
      <c r="B32882" s="1" t="s">
        <v>113175</v>
      </c>
      <c r="C32882" s="1" t="s">
        <v>70</v>
      </c>
      <c r="D32882" s="1" t="s">
        <v>114515</v>
      </c>
      <c r="E32882" s="1" t="s">
        <v>114516</v>
      </c>
      <c r="F32882" s="1" t="s">
        <v>114517</v>
      </c>
      <c r="G32882" s="1" t="s">
        <v>114475</v>
      </c>
      <c r="H32882" s="1" t="s">
        <v>114476</v>
      </c>
      <c r="I32882" s="1" t="s">
        <v>113180</v>
      </c>
      <c r="J32882" s="1" t="s">
        <v>114518</v>
      </c>
    </row>
    <row r="32883" spans="1:10" x14ac:dyDescent="0.35">
      <c r="A32883" s="1" t="s">
        <v>114471</v>
      </c>
      <c r="B32883" s="1" t="s">
        <v>113175</v>
      </c>
      <c r="C32883" s="1" t="s">
        <v>75</v>
      </c>
      <c r="D32883" s="1" t="s">
        <v>81721</v>
      </c>
      <c r="E32883" s="1" t="s">
        <v>114519</v>
      </c>
      <c r="F32883" s="1" t="s">
        <v>114520</v>
      </c>
      <c r="G32883" s="1" t="s">
        <v>114475</v>
      </c>
      <c r="H32883" s="1" t="s">
        <v>114476</v>
      </c>
      <c r="I32883" s="1" t="s">
        <v>113180</v>
      </c>
      <c r="J32883" s="1" t="s">
        <v>114521</v>
      </c>
    </row>
    <row r="32884" spans="1:10" x14ac:dyDescent="0.35">
      <c r="A32884" s="1" t="s">
        <v>114471</v>
      </c>
      <c r="B32884" s="1" t="s">
        <v>113175</v>
      </c>
      <c r="C32884" s="1" t="s">
        <v>80</v>
      </c>
      <c r="D32884" s="1" t="s">
        <v>114522</v>
      </c>
      <c r="E32884" s="1" t="s">
        <v>114523</v>
      </c>
      <c r="F32884" s="1" t="s">
        <v>114524</v>
      </c>
      <c r="G32884" s="1" t="s">
        <v>114475</v>
      </c>
      <c r="H32884" s="1" t="s">
        <v>114476</v>
      </c>
      <c r="I32884" s="1" t="s">
        <v>113180</v>
      </c>
      <c r="J32884" s="1" t="s">
        <v>114525</v>
      </c>
    </row>
    <row r="32885" spans="1:10" x14ac:dyDescent="0.35">
      <c r="A32885" s="1" t="s">
        <v>114471</v>
      </c>
      <c r="B32885" s="1" t="s">
        <v>113175</v>
      </c>
      <c r="C32885" s="1" t="s">
        <v>85</v>
      </c>
      <c r="D32885" s="1" t="s">
        <v>13370</v>
      </c>
      <c r="E32885" s="1" t="s">
        <v>114526</v>
      </c>
      <c r="F32885" s="1" t="s">
        <v>114527</v>
      </c>
      <c r="G32885" s="1" t="s">
        <v>114475</v>
      </c>
      <c r="H32885" s="1" t="s">
        <v>114476</v>
      </c>
      <c r="I32885" s="1" t="s">
        <v>113180</v>
      </c>
      <c r="J32885" s="1" t="s">
        <v>114528</v>
      </c>
    </row>
    <row r="32886" spans="1:10" x14ac:dyDescent="0.35">
      <c r="A32886" s="1" t="s">
        <v>114471</v>
      </c>
      <c r="B32886" s="1" t="s">
        <v>113175</v>
      </c>
      <c r="C32886" s="1" t="s">
        <v>90</v>
      </c>
      <c r="D32886" s="1" t="s">
        <v>114529</v>
      </c>
      <c r="E32886" s="1" t="s">
        <v>114530</v>
      </c>
      <c r="F32886" s="1" t="s">
        <v>114531</v>
      </c>
      <c r="G32886" s="1" t="s">
        <v>114475</v>
      </c>
      <c r="H32886" s="1" t="s">
        <v>114476</v>
      </c>
      <c r="I32886" s="1" t="s">
        <v>113180</v>
      </c>
      <c r="J32886" s="1" t="s">
        <v>114532</v>
      </c>
    </row>
    <row r="32887" spans="1:10" x14ac:dyDescent="0.35">
      <c r="A32887" s="1" t="s">
        <v>114471</v>
      </c>
      <c r="B32887" s="1" t="s">
        <v>113175</v>
      </c>
      <c r="C32887" s="1" t="s">
        <v>95</v>
      </c>
      <c r="D32887" s="1" t="s">
        <v>114533</v>
      </c>
      <c r="E32887" s="1" t="s">
        <v>114534</v>
      </c>
      <c r="F32887" s="1" t="s">
        <v>114535</v>
      </c>
      <c r="G32887" s="1" t="s">
        <v>114475</v>
      </c>
      <c r="H32887" s="1" t="s">
        <v>114476</v>
      </c>
      <c r="I32887" s="1" t="s">
        <v>113180</v>
      </c>
      <c r="J32887" s="1" t="s">
        <v>114536</v>
      </c>
    </row>
    <row r="32888" spans="1:10" x14ac:dyDescent="0.35">
      <c r="A32888" s="1" t="s">
        <v>114471</v>
      </c>
      <c r="B32888" s="1" t="s">
        <v>113175</v>
      </c>
      <c r="C32888" s="1" t="s">
        <v>100</v>
      </c>
      <c r="D32888" s="1" t="s">
        <v>114537</v>
      </c>
      <c r="E32888" s="1" t="s">
        <v>114538</v>
      </c>
      <c r="F32888" s="1" t="s">
        <v>114539</v>
      </c>
      <c r="G32888" s="1" t="s">
        <v>114475</v>
      </c>
      <c r="H32888" s="1" t="s">
        <v>114476</v>
      </c>
      <c r="I32888" s="1" t="s">
        <v>113180</v>
      </c>
      <c r="J32888" s="1" t="s">
        <v>114540</v>
      </c>
    </row>
    <row r="32889" spans="1:10" x14ac:dyDescent="0.35">
      <c r="A32889" s="1" t="s">
        <v>114471</v>
      </c>
      <c r="B32889" s="1" t="s">
        <v>113175</v>
      </c>
      <c r="C32889" s="1" t="s">
        <v>105</v>
      </c>
      <c r="D32889" s="1" t="s">
        <v>114541</v>
      </c>
      <c r="E32889" s="1" t="s">
        <v>114542</v>
      </c>
      <c r="F32889" s="1" t="s">
        <v>54933</v>
      </c>
      <c r="G32889" s="1" t="s">
        <v>114475</v>
      </c>
      <c r="H32889" s="1" t="s">
        <v>114476</v>
      </c>
      <c r="I32889" s="1" t="s">
        <v>113180</v>
      </c>
      <c r="J32889" s="1" t="s">
        <v>114543</v>
      </c>
    </row>
    <row r="32890" spans="1:10" x14ac:dyDescent="0.35">
      <c r="A32890" s="1" t="s">
        <v>114471</v>
      </c>
      <c r="B32890" s="1" t="s">
        <v>113175</v>
      </c>
      <c r="C32890" s="1" t="s">
        <v>110</v>
      </c>
      <c r="D32890" s="1" t="s">
        <v>114544</v>
      </c>
      <c r="E32890" s="1" t="s">
        <v>114545</v>
      </c>
      <c r="F32890" s="1" t="s">
        <v>114546</v>
      </c>
      <c r="G32890" s="1" t="s">
        <v>114475</v>
      </c>
      <c r="H32890" s="1" t="s">
        <v>114476</v>
      </c>
      <c r="I32890" s="1" t="s">
        <v>113180</v>
      </c>
      <c r="J32890" s="1" t="s">
        <v>114547</v>
      </c>
    </row>
    <row r="32891" spans="1:10" x14ac:dyDescent="0.35">
      <c r="A32891" s="1" t="s">
        <v>114471</v>
      </c>
      <c r="B32891" s="1" t="s">
        <v>113175</v>
      </c>
      <c r="C32891" s="1" t="s">
        <v>115</v>
      </c>
      <c r="D32891" s="1" t="s">
        <v>114548</v>
      </c>
      <c r="E32891" s="1" t="s">
        <v>114549</v>
      </c>
      <c r="F32891" s="1" t="s">
        <v>114550</v>
      </c>
      <c r="G32891" s="1" t="s">
        <v>114475</v>
      </c>
      <c r="H32891" s="1" t="s">
        <v>114476</v>
      </c>
      <c r="I32891" s="1" t="s">
        <v>113180</v>
      </c>
      <c r="J32891" s="1" t="s">
        <v>114551</v>
      </c>
    </row>
    <row r="32892" spans="1:10" x14ac:dyDescent="0.35">
      <c r="A32892" s="1" t="s">
        <v>114471</v>
      </c>
      <c r="B32892" s="1" t="s">
        <v>113175</v>
      </c>
      <c r="C32892" s="1" t="s">
        <v>120</v>
      </c>
      <c r="D32892" s="1" t="s">
        <v>114552</v>
      </c>
      <c r="E32892" s="1" t="s">
        <v>114553</v>
      </c>
      <c r="F32892" s="1" t="s">
        <v>114554</v>
      </c>
      <c r="G32892" s="1" t="s">
        <v>114475</v>
      </c>
      <c r="H32892" s="1" t="s">
        <v>114476</v>
      </c>
      <c r="I32892" s="1" t="s">
        <v>113180</v>
      </c>
      <c r="J32892" s="1" t="s">
        <v>114555</v>
      </c>
    </row>
    <row r="32893" spans="1:10" x14ac:dyDescent="0.35">
      <c r="A32893" s="1" t="s">
        <v>114471</v>
      </c>
      <c r="B32893" s="1" t="s">
        <v>113175</v>
      </c>
      <c r="C32893" s="1" t="s">
        <v>125</v>
      </c>
      <c r="D32893" s="1" t="s">
        <v>114556</v>
      </c>
      <c r="E32893" s="1" t="s">
        <v>114557</v>
      </c>
      <c r="F32893" s="1" t="s">
        <v>114558</v>
      </c>
      <c r="G32893" s="1" t="s">
        <v>114475</v>
      </c>
      <c r="H32893" s="1" t="s">
        <v>114476</v>
      </c>
      <c r="I32893" s="1" t="s">
        <v>113180</v>
      </c>
      <c r="J32893" s="1" t="s">
        <v>114559</v>
      </c>
    </row>
    <row r="32894" spans="1:10" x14ac:dyDescent="0.35">
      <c r="A32894" s="1" t="s">
        <v>114471</v>
      </c>
      <c r="B32894" s="1" t="s">
        <v>113175</v>
      </c>
      <c r="C32894" s="1" t="s">
        <v>130</v>
      </c>
      <c r="D32894" s="1" t="s">
        <v>64420</v>
      </c>
      <c r="E32894" s="1" t="s">
        <v>114560</v>
      </c>
      <c r="F32894" s="1" t="s">
        <v>114561</v>
      </c>
      <c r="G32894" s="1" t="s">
        <v>114475</v>
      </c>
      <c r="H32894" s="1" t="s">
        <v>114476</v>
      </c>
      <c r="I32894" s="1" t="s">
        <v>113180</v>
      </c>
      <c r="J32894" s="1" t="s">
        <v>114562</v>
      </c>
    </row>
    <row r="32895" spans="1:10" x14ac:dyDescent="0.35">
      <c r="A32895" s="1" t="s">
        <v>114471</v>
      </c>
      <c r="B32895" s="1" t="s">
        <v>113175</v>
      </c>
      <c r="C32895" s="1" t="s">
        <v>135</v>
      </c>
      <c r="D32895" s="1" t="s">
        <v>114563</v>
      </c>
      <c r="E32895" s="1" t="s">
        <v>114564</v>
      </c>
      <c r="F32895" s="1" t="s">
        <v>114565</v>
      </c>
      <c r="G32895" s="1" t="s">
        <v>114475</v>
      </c>
      <c r="H32895" s="1" t="s">
        <v>114476</v>
      </c>
      <c r="I32895" s="1" t="s">
        <v>113180</v>
      </c>
      <c r="J32895" s="1" t="s">
        <v>114566</v>
      </c>
    </row>
    <row r="32896" spans="1:10" x14ac:dyDescent="0.35">
      <c r="A32896" s="1" t="s">
        <v>114471</v>
      </c>
      <c r="B32896" s="1" t="s">
        <v>113175</v>
      </c>
      <c r="C32896" s="1" t="s">
        <v>140</v>
      </c>
      <c r="D32896" s="1" t="s">
        <v>57443</v>
      </c>
      <c r="E32896" s="1" t="s">
        <v>114567</v>
      </c>
      <c r="F32896" s="1" t="s">
        <v>114568</v>
      </c>
      <c r="G32896" s="1" t="s">
        <v>114475</v>
      </c>
      <c r="H32896" s="1" t="s">
        <v>114476</v>
      </c>
      <c r="I32896" s="1" t="s">
        <v>113180</v>
      </c>
      <c r="J32896" s="1" t="s">
        <v>114569</v>
      </c>
    </row>
    <row r="32897" spans="1:10" x14ac:dyDescent="0.35">
      <c r="A32897" s="1" t="s">
        <v>114471</v>
      </c>
      <c r="B32897" s="1" t="s">
        <v>113175</v>
      </c>
      <c r="C32897" s="1" t="s">
        <v>145</v>
      </c>
      <c r="D32897" s="1" t="s">
        <v>114570</v>
      </c>
      <c r="E32897" s="1" t="s">
        <v>114571</v>
      </c>
      <c r="F32897" s="1" t="s">
        <v>114572</v>
      </c>
      <c r="G32897" s="1" t="s">
        <v>114475</v>
      </c>
      <c r="H32897" s="1" t="s">
        <v>114476</v>
      </c>
      <c r="I32897" s="1" t="s">
        <v>113180</v>
      </c>
      <c r="J32897" s="1" t="s">
        <v>114573</v>
      </c>
    </row>
    <row r="32898" spans="1:10" x14ac:dyDescent="0.35">
      <c r="A32898" s="1" t="s">
        <v>114471</v>
      </c>
      <c r="B32898" s="1" t="s">
        <v>113175</v>
      </c>
      <c r="C32898" s="1" t="s">
        <v>150</v>
      </c>
      <c r="D32898" s="1" t="s">
        <v>114574</v>
      </c>
      <c r="E32898" s="1" t="s">
        <v>114575</v>
      </c>
      <c r="F32898" s="1" t="s">
        <v>114576</v>
      </c>
      <c r="G32898" s="1" t="s">
        <v>114475</v>
      </c>
      <c r="H32898" s="1" t="s">
        <v>114476</v>
      </c>
      <c r="I32898" s="1" t="s">
        <v>113180</v>
      </c>
      <c r="J32898" s="1" t="s">
        <v>114577</v>
      </c>
    </row>
    <row r="32899" spans="1:10" x14ac:dyDescent="0.35">
      <c r="A32899" s="1" t="s">
        <v>114471</v>
      </c>
      <c r="B32899" s="1" t="s">
        <v>113175</v>
      </c>
      <c r="C32899" s="1" t="s">
        <v>155</v>
      </c>
      <c r="D32899" s="1" t="s">
        <v>93870</v>
      </c>
      <c r="E32899" s="1" t="s">
        <v>114578</v>
      </c>
      <c r="F32899" s="1" t="s">
        <v>114579</v>
      </c>
      <c r="G32899" s="1" t="s">
        <v>114475</v>
      </c>
      <c r="H32899" s="1" t="s">
        <v>114476</v>
      </c>
      <c r="I32899" s="1" t="s">
        <v>113180</v>
      </c>
      <c r="J32899" s="1" t="s">
        <v>114580</v>
      </c>
    </row>
    <row r="32900" spans="1:10" x14ac:dyDescent="0.35">
      <c r="A32900" s="1" t="s">
        <v>114471</v>
      </c>
      <c r="B32900" s="1" t="s">
        <v>113175</v>
      </c>
      <c r="C32900" s="1" t="s">
        <v>160</v>
      </c>
      <c r="D32900" s="1" t="s">
        <v>114581</v>
      </c>
      <c r="E32900" s="1" t="s">
        <v>114582</v>
      </c>
      <c r="F32900" s="1" t="s">
        <v>114583</v>
      </c>
      <c r="G32900" s="1" t="s">
        <v>114475</v>
      </c>
      <c r="H32900" s="1" t="s">
        <v>114476</v>
      </c>
      <c r="I32900" s="1" t="s">
        <v>113180</v>
      </c>
      <c r="J32900" s="1" t="s">
        <v>114584</v>
      </c>
    </row>
    <row r="32901" spans="1:10" x14ac:dyDescent="0.35">
      <c r="A32901" s="1" t="s">
        <v>114471</v>
      </c>
      <c r="B32901" s="1" t="s">
        <v>113175</v>
      </c>
      <c r="C32901" s="1" t="s">
        <v>165</v>
      </c>
      <c r="D32901" s="1" t="s">
        <v>114585</v>
      </c>
      <c r="E32901" s="1" t="s">
        <v>114586</v>
      </c>
      <c r="F32901" s="1" t="s">
        <v>114587</v>
      </c>
      <c r="G32901" s="1" t="s">
        <v>114475</v>
      </c>
      <c r="H32901" s="1" t="s">
        <v>114476</v>
      </c>
      <c r="I32901" s="1" t="s">
        <v>113180</v>
      </c>
      <c r="J32901" s="1" t="s">
        <v>114588</v>
      </c>
    </row>
    <row r="32902" spans="1:10" x14ac:dyDescent="0.35">
      <c r="A32902" s="1" t="s">
        <v>114471</v>
      </c>
      <c r="B32902" s="1" t="s">
        <v>113175</v>
      </c>
      <c r="C32902" s="1" t="s">
        <v>170</v>
      </c>
      <c r="D32902" s="1" t="s">
        <v>22660</v>
      </c>
      <c r="E32902" s="1" t="s">
        <v>114589</v>
      </c>
      <c r="F32902" s="1" t="s">
        <v>114590</v>
      </c>
      <c r="G32902" s="1" t="s">
        <v>114475</v>
      </c>
      <c r="H32902" s="1" t="s">
        <v>114476</v>
      </c>
      <c r="I32902" s="1" t="s">
        <v>113180</v>
      </c>
      <c r="J32902" s="1" t="s">
        <v>114591</v>
      </c>
    </row>
    <row r="32903" spans="1:10" x14ac:dyDescent="0.35">
      <c r="A32903" s="1" t="s">
        <v>33524</v>
      </c>
      <c r="B32903" s="1" t="s">
        <v>113175</v>
      </c>
      <c r="C32903" s="1" t="s">
        <v>8</v>
      </c>
      <c r="D32903" s="1" t="s">
        <v>73613</v>
      </c>
      <c r="E32903" s="1" t="s">
        <v>114592</v>
      </c>
      <c r="F32903" s="1" t="s">
        <v>114593</v>
      </c>
      <c r="G32903" s="1" t="s">
        <v>114594</v>
      </c>
      <c r="H32903" s="1" t="s">
        <v>114595</v>
      </c>
      <c r="I32903" s="1" t="s">
        <v>113180</v>
      </c>
      <c r="J32903" s="1" t="s">
        <v>13</v>
      </c>
    </row>
    <row r="32904" spans="1:10" x14ac:dyDescent="0.35">
      <c r="A32904" s="1" t="s">
        <v>33524</v>
      </c>
      <c r="B32904" s="1" t="s">
        <v>113175</v>
      </c>
      <c r="C32904" s="1" t="s">
        <v>15</v>
      </c>
      <c r="D32904" s="1" t="s">
        <v>114596</v>
      </c>
      <c r="E32904" s="1" t="s">
        <v>114597</v>
      </c>
      <c r="F32904" s="1" t="s">
        <v>114598</v>
      </c>
      <c r="G32904" s="1" t="s">
        <v>114594</v>
      </c>
      <c r="H32904" s="1" t="s">
        <v>114595</v>
      </c>
      <c r="I32904" s="1" t="s">
        <v>113180</v>
      </c>
      <c r="J32904" s="1" t="s">
        <v>114599</v>
      </c>
    </row>
    <row r="32905" spans="1:10" x14ac:dyDescent="0.35">
      <c r="A32905" s="1" t="s">
        <v>33524</v>
      </c>
      <c r="B32905" s="1" t="s">
        <v>113175</v>
      </c>
      <c r="C32905" s="1" t="s">
        <v>20</v>
      </c>
      <c r="D32905" s="1" t="s">
        <v>114600</v>
      </c>
      <c r="E32905" s="1" t="s">
        <v>114601</v>
      </c>
      <c r="F32905" s="1" t="s">
        <v>114602</v>
      </c>
      <c r="G32905" s="1" t="s">
        <v>114594</v>
      </c>
      <c r="H32905" s="1" t="s">
        <v>114595</v>
      </c>
      <c r="I32905" s="1" t="s">
        <v>113180</v>
      </c>
      <c r="J32905" s="1" t="s">
        <v>114603</v>
      </c>
    </row>
    <row r="32906" spans="1:10" x14ac:dyDescent="0.35">
      <c r="A32906" s="1" t="s">
        <v>33524</v>
      </c>
      <c r="B32906" s="1" t="s">
        <v>113175</v>
      </c>
      <c r="C32906" s="1" t="s">
        <v>25</v>
      </c>
      <c r="D32906" s="1" t="s">
        <v>17637</v>
      </c>
      <c r="E32906" s="1" t="s">
        <v>114604</v>
      </c>
      <c r="F32906" s="1" t="s">
        <v>114605</v>
      </c>
      <c r="G32906" s="1" t="s">
        <v>114594</v>
      </c>
      <c r="H32906" s="1" t="s">
        <v>114595</v>
      </c>
      <c r="I32906" s="1" t="s">
        <v>113180</v>
      </c>
      <c r="J32906" s="1" t="s">
        <v>114606</v>
      </c>
    </row>
    <row r="32907" spans="1:10" x14ac:dyDescent="0.35">
      <c r="A32907" s="1" t="s">
        <v>33524</v>
      </c>
      <c r="B32907" s="1" t="s">
        <v>113175</v>
      </c>
      <c r="C32907" s="1" t="s">
        <v>30</v>
      </c>
      <c r="D32907" s="1" t="s">
        <v>114607</v>
      </c>
      <c r="E32907" s="1" t="s">
        <v>114608</v>
      </c>
      <c r="F32907" s="1" t="s">
        <v>114609</v>
      </c>
      <c r="G32907" s="1" t="s">
        <v>114594</v>
      </c>
      <c r="H32907" s="1" t="s">
        <v>114595</v>
      </c>
      <c r="I32907" s="1" t="s">
        <v>113180</v>
      </c>
      <c r="J32907" s="1" t="s">
        <v>114610</v>
      </c>
    </row>
    <row r="32908" spans="1:10" x14ac:dyDescent="0.35">
      <c r="A32908" s="1" t="s">
        <v>33524</v>
      </c>
      <c r="B32908" s="1" t="s">
        <v>113175</v>
      </c>
      <c r="C32908" s="1" t="s">
        <v>35</v>
      </c>
      <c r="D32908" s="1" t="s">
        <v>114611</v>
      </c>
      <c r="E32908" s="1" t="s">
        <v>114612</v>
      </c>
      <c r="F32908" s="1" t="s">
        <v>114613</v>
      </c>
      <c r="G32908" s="1" t="s">
        <v>114594</v>
      </c>
      <c r="H32908" s="1" t="s">
        <v>114595</v>
      </c>
      <c r="I32908" s="1" t="s">
        <v>113180</v>
      </c>
      <c r="J32908" s="1" t="s">
        <v>114614</v>
      </c>
    </row>
    <row r="32909" spans="1:10" x14ac:dyDescent="0.35">
      <c r="A32909" s="1" t="s">
        <v>33524</v>
      </c>
      <c r="B32909" s="1" t="s">
        <v>113175</v>
      </c>
      <c r="C32909" s="1" t="s">
        <v>40</v>
      </c>
      <c r="D32909" s="1" t="s">
        <v>114615</v>
      </c>
      <c r="E32909" s="1" t="s">
        <v>114616</v>
      </c>
      <c r="F32909" s="1" t="s">
        <v>114617</v>
      </c>
      <c r="G32909" s="1" t="s">
        <v>114594</v>
      </c>
      <c r="H32909" s="1" t="s">
        <v>114595</v>
      </c>
      <c r="I32909" s="1" t="s">
        <v>113180</v>
      </c>
      <c r="J32909" s="1" t="s">
        <v>114618</v>
      </c>
    </row>
    <row r="32910" spans="1:10" x14ac:dyDescent="0.35">
      <c r="A32910" s="1" t="s">
        <v>33524</v>
      </c>
      <c r="B32910" s="1" t="s">
        <v>113175</v>
      </c>
      <c r="C32910" s="1" t="s">
        <v>45</v>
      </c>
      <c r="D32910" s="1" t="s">
        <v>114619</v>
      </c>
      <c r="E32910" s="1" t="s">
        <v>114620</v>
      </c>
      <c r="F32910" s="1" t="s">
        <v>114621</v>
      </c>
      <c r="G32910" s="1" t="s">
        <v>114594</v>
      </c>
      <c r="H32910" s="1" t="s">
        <v>114595</v>
      </c>
      <c r="I32910" s="1" t="s">
        <v>113180</v>
      </c>
      <c r="J32910" s="1" t="s">
        <v>114622</v>
      </c>
    </row>
    <row r="32911" spans="1:10" x14ac:dyDescent="0.35">
      <c r="A32911" s="1" t="s">
        <v>33524</v>
      </c>
      <c r="B32911" s="1" t="s">
        <v>113175</v>
      </c>
      <c r="C32911" s="1" t="s">
        <v>50</v>
      </c>
      <c r="D32911" s="1" t="s">
        <v>37927</v>
      </c>
      <c r="E32911" s="1" t="s">
        <v>114623</v>
      </c>
      <c r="F32911" s="1" t="s">
        <v>114624</v>
      </c>
      <c r="G32911" s="1" t="s">
        <v>114594</v>
      </c>
      <c r="H32911" s="1" t="s">
        <v>114595</v>
      </c>
      <c r="I32911" s="1" t="s">
        <v>113180</v>
      </c>
      <c r="J32911" s="1" t="s">
        <v>114625</v>
      </c>
    </row>
    <row r="32912" spans="1:10" x14ac:dyDescent="0.35">
      <c r="A32912" s="1" t="s">
        <v>33524</v>
      </c>
      <c r="B32912" s="1" t="s">
        <v>113175</v>
      </c>
      <c r="C32912" s="1" t="s">
        <v>55</v>
      </c>
      <c r="D32912" s="1" t="s">
        <v>15539</v>
      </c>
      <c r="E32912" s="1" t="s">
        <v>114626</v>
      </c>
      <c r="F32912" s="1" t="s">
        <v>114627</v>
      </c>
      <c r="G32912" s="1" t="s">
        <v>114594</v>
      </c>
      <c r="H32912" s="1" t="s">
        <v>114595</v>
      </c>
      <c r="I32912" s="1" t="s">
        <v>113180</v>
      </c>
      <c r="J32912" s="1" t="s">
        <v>114628</v>
      </c>
    </row>
    <row r="32913" spans="1:10" x14ac:dyDescent="0.35">
      <c r="A32913" s="1" t="s">
        <v>33524</v>
      </c>
      <c r="B32913" s="1" t="s">
        <v>113175</v>
      </c>
      <c r="C32913" s="1" t="s">
        <v>60</v>
      </c>
      <c r="D32913" s="1" t="s">
        <v>932</v>
      </c>
      <c r="E32913" s="1" t="s">
        <v>114629</v>
      </c>
      <c r="F32913" s="1" t="s">
        <v>114630</v>
      </c>
      <c r="G32913" s="1" t="s">
        <v>114594</v>
      </c>
      <c r="H32913" s="1" t="s">
        <v>114595</v>
      </c>
      <c r="I32913" s="1" t="s">
        <v>113180</v>
      </c>
      <c r="J32913" s="1" t="s">
        <v>114631</v>
      </c>
    </row>
    <row r="32914" spans="1:10" x14ac:dyDescent="0.35">
      <c r="A32914" s="1" t="s">
        <v>33524</v>
      </c>
      <c r="B32914" s="1" t="s">
        <v>113175</v>
      </c>
      <c r="C32914" s="1" t="s">
        <v>65</v>
      </c>
      <c r="D32914" s="1" t="s">
        <v>114632</v>
      </c>
      <c r="E32914" s="1" t="s">
        <v>114633</v>
      </c>
      <c r="F32914" s="1" t="s">
        <v>114634</v>
      </c>
      <c r="G32914" s="1" t="s">
        <v>114594</v>
      </c>
      <c r="H32914" s="1" t="s">
        <v>114595</v>
      </c>
      <c r="I32914" s="1" t="s">
        <v>113180</v>
      </c>
      <c r="J32914" s="1" t="s">
        <v>114635</v>
      </c>
    </row>
    <row r="32915" spans="1:10" x14ac:dyDescent="0.35">
      <c r="A32915" s="1" t="s">
        <v>33524</v>
      </c>
      <c r="B32915" s="1" t="s">
        <v>113175</v>
      </c>
      <c r="C32915" s="1" t="s">
        <v>70</v>
      </c>
      <c r="D32915" s="1" t="s">
        <v>13405</v>
      </c>
      <c r="E32915" s="1" t="s">
        <v>114636</v>
      </c>
      <c r="F32915" s="1" t="s">
        <v>114637</v>
      </c>
      <c r="G32915" s="1" t="s">
        <v>114594</v>
      </c>
      <c r="H32915" s="1" t="s">
        <v>114595</v>
      </c>
      <c r="I32915" s="1" t="s">
        <v>113180</v>
      </c>
      <c r="J32915" s="1" t="s">
        <v>114638</v>
      </c>
    </row>
    <row r="32916" spans="1:10" x14ac:dyDescent="0.35">
      <c r="A32916" s="1" t="s">
        <v>33524</v>
      </c>
      <c r="B32916" s="1" t="s">
        <v>113175</v>
      </c>
      <c r="C32916" s="1" t="s">
        <v>75</v>
      </c>
      <c r="D32916" s="1" t="s">
        <v>114639</v>
      </c>
      <c r="E32916" s="1" t="s">
        <v>114640</v>
      </c>
      <c r="F32916" s="1" t="s">
        <v>114641</v>
      </c>
      <c r="G32916" s="1" t="s">
        <v>114594</v>
      </c>
      <c r="H32916" s="1" t="s">
        <v>114595</v>
      </c>
      <c r="I32916" s="1" t="s">
        <v>113180</v>
      </c>
      <c r="J32916" s="1" t="s">
        <v>114642</v>
      </c>
    </row>
    <row r="32917" spans="1:10" x14ac:dyDescent="0.35">
      <c r="A32917" s="1" t="s">
        <v>33524</v>
      </c>
      <c r="B32917" s="1" t="s">
        <v>113175</v>
      </c>
      <c r="C32917" s="1" t="s">
        <v>80</v>
      </c>
      <c r="D32917" s="1" t="s">
        <v>30584</v>
      </c>
      <c r="E32917" s="1" t="s">
        <v>114643</v>
      </c>
      <c r="F32917" s="1" t="s">
        <v>114644</v>
      </c>
      <c r="G32917" s="1" t="s">
        <v>114594</v>
      </c>
      <c r="H32917" s="1" t="s">
        <v>114595</v>
      </c>
      <c r="I32917" s="1" t="s">
        <v>113180</v>
      </c>
      <c r="J32917" s="1" t="s">
        <v>114645</v>
      </c>
    </row>
    <row r="32918" spans="1:10" x14ac:dyDescent="0.35">
      <c r="A32918" s="1" t="s">
        <v>33524</v>
      </c>
      <c r="B32918" s="1" t="s">
        <v>113175</v>
      </c>
      <c r="C32918" s="1" t="s">
        <v>85</v>
      </c>
      <c r="D32918" s="1" t="s">
        <v>11628</v>
      </c>
      <c r="E32918" s="1" t="s">
        <v>114646</v>
      </c>
      <c r="F32918" s="1" t="s">
        <v>114647</v>
      </c>
      <c r="G32918" s="1" t="s">
        <v>114594</v>
      </c>
      <c r="H32918" s="1" t="s">
        <v>114595</v>
      </c>
      <c r="I32918" s="1" t="s">
        <v>113180</v>
      </c>
      <c r="J32918" s="1" t="s">
        <v>114648</v>
      </c>
    </row>
    <row r="32919" spans="1:10" x14ac:dyDescent="0.35">
      <c r="A32919" s="1" t="s">
        <v>33524</v>
      </c>
      <c r="B32919" s="1" t="s">
        <v>113175</v>
      </c>
      <c r="C32919" s="1" t="s">
        <v>90</v>
      </c>
      <c r="D32919" s="1" t="s">
        <v>114649</v>
      </c>
      <c r="E32919" s="1" t="s">
        <v>114650</v>
      </c>
      <c r="F32919" s="1" t="s">
        <v>114651</v>
      </c>
      <c r="G32919" s="1" t="s">
        <v>114594</v>
      </c>
      <c r="H32919" s="1" t="s">
        <v>114595</v>
      </c>
      <c r="I32919" s="1" t="s">
        <v>113180</v>
      </c>
      <c r="J32919" s="1" t="s">
        <v>114652</v>
      </c>
    </row>
    <row r="32920" spans="1:10" x14ac:dyDescent="0.35">
      <c r="A32920" s="1" t="s">
        <v>33524</v>
      </c>
      <c r="B32920" s="1" t="s">
        <v>113175</v>
      </c>
      <c r="C32920" s="1" t="s">
        <v>95</v>
      </c>
      <c r="D32920" s="1" t="s">
        <v>114653</v>
      </c>
      <c r="E32920" s="1" t="s">
        <v>114654</v>
      </c>
      <c r="F32920" s="1" t="s">
        <v>114655</v>
      </c>
      <c r="G32920" s="1" t="s">
        <v>114594</v>
      </c>
      <c r="H32920" s="1" t="s">
        <v>114595</v>
      </c>
      <c r="I32920" s="1" t="s">
        <v>113180</v>
      </c>
      <c r="J32920" s="1" t="s">
        <v>114656</v>
      </c>
    </row>
    <row r="32921" spans="1:10" x14ac:dyDescent="0.35">
      <c r="A32921" s="1" t="s">
        <v>33524</v>
      </c>
      <c r="B32921" s="1" t="s">
        <v>113175</v>
      </c>
      <c r="C32921" s="1" t="s">
        <v>100</v>
      </c>
      <c r="D32921" s="1" t="s">
        <v>42584</v>
      </c>
      <c r="E32921" s="1" t="s">
        <v>114657</v>
      </c>
      <c r="F32921" s="1" t="s">
        <v>114658</v>
      </c>
      <c r="G32921" s="1" t="s">
        <v>114594</v>
      </c>
      <c r="H32921" s="1" t="s">
        <v>114595</v>
      </c>
      <c r="I32921" s="1" t="s">
        <v>113180</v>
      </c>
      <c r="J32921" s="1" t="s">
        <v>114659</v>
      </c>
    </row>
    <row r="32922" spans="1:10" x14ac:dyDescent="0.35">
      <c r="A32922" s="1" t="s">
        <v>33524</v>
      </c>
      <c r="B32922" s="1" t="s">
        <v>113175</v>
      </c>
      <c r="C32922" s="1" t="s">
        <v>105</v>
      </c>
      <c r="D32922" s="1" t="s">
        <v>114660</v>
      </c>
      <c r="E32922" s="1" t="s">
        <v>114661</v>
      </c>
      <c r="F32922" s="1" t="s">
        <v>114662</v>
      </c>
      <c r="G32922" s="1" t="s">
        <v>114594</v>
      </c>
      <c r="H32922" s="1" t="s">
        <v>114595</v>
      </c>
      <c r="I32922" s="1" t="s">
        <v>113180</v>
      </c>
      <c r="J32922" s="1" t="s">
        <v>114663</v>
      </c>
    </row>
    <row r="32923" spans="1:10" x14ac:dyDescent="0.35">
      <c r="A32923" s="1" t="s">
        <v>33524</v>
      </c>
      <c r="B32923" s="1" t="s">
        <v>113175</v>
      </c>
      <c r="C32923" s="1" t="s">
        <v>110</v>
      </c>
      <c r="D32923" s="1" t="s">
        <v>114664</v>
      </c>
      <c r="E32923" s="1" t="s">
        <v>114665</v>
      </c>
      <c r="F32923" s="1" t="s">
        <v>114666</v>
      </c>
      <c r="G32923" s="1" t="s">
        <v>114594</v>
      </c>
      <c r="H32923" s="1" t="s">
        <v>114595</v>
      </c>
      <c r="I32923" s="1" t="s">
        <v>113180</v>
      </c>
      <c r="J32923" s="1" t="s">
        <v>114667</v>
      </c>
    </row>
    <row r="32924" spans="1:10" x14ac:dyDescent="0.35">
      <c r="A32924" s="1" t="s">
        <v>33524</v>
      </c>
      <c r="B32924" s="1" t="s">
        <v>113175</v>
      </c>
      <c r="C32924" s="1" t="s">
        <v>115</v>
      </c>
      <c r="D32924" s="1" t="s">
        <v>114668</v>
      </c>
      <c r="E32924" s="1" t="s">
        <v>114669</v>
      </c>
      <c r="F32924" s="1" t="s">
        <v>114670</v>
      </c>
      <c r="G32924" s="1" t="s">
        <v>114594</v>
      </c>
      <c r="H32924" s="1" t="s">
        <v>114595</v>
      </c>
      <c r="I32924" s="1" t="s">
        <v>113180</v>
      </c>
      <c r="J32924" s="1" t="s">
        <v>114671</v>
      </c>
    </row>
    <row r="32925" spans="1:10" x14ac:dyDescent="0.35">
      <c r="A32925" s="1" t="s">
        <v>33524</v>
      </c>
      <c r="B32925" s="1" t="s">
        <v>113175</v>
      </c>
      <c r="C32925" s="1" t="s">
        <v>120</v>
      </c>
      <c r="D32925" s="1" t="s">
        <v>114672</v>
      </c>
      <c r="E32925" s="1" t="s">
        <v>114673</v>
      </c>
      <c r="F32925" s="1" t="s">
        <v>114674</v>
      </c>
      <c r="G32925" s="1" t="s">
        <v>114594</v>
      </c>
      <c r="H32925" s="1" t="s">
        <v>114595</v>
      </c>
      <c r="I32925" s="1" t="s">
        <v>113180</v>
      </c>
      <c r="J32925" s="1" t="s">
        <v>114675</v>
      </c>
    </row>
    <row r="32926" spans="1:10" x14ac:dyDescent="0.35">
      <c r="A32926" s="1" t="s">
        <v>33524</v>
      </c>
      <c r="B32926" s="1" t="s">
        <v>113175</v>
      </c>
      <c r="C32926" s="1" t="s">
        <v>125</v>
      </c>
      <c r="D32926" s="1" t="s">
        <v>114676</v>
      </c>
      <c r="E32926" s="1" t="s">
        <v>114677</v>
      </c>
      <c r="F32926" s="1" t="s">
        <v>114678</v>
      </c>
      <c r="G32926" s="1" t="s">
        <v>114594</v>
      </c>
      <c r="H32926" s="1" t="s">
        <v>114595</v>
      </c>
      <c r="I32926" s="1" t="s">
        <v>113180</v>
      </c>
      <c r="J32926" s="1" t="s">
        <v>114679</v>
      </c>
    </row>
    <row r="32927" spans="1:10" x14ac:dyDescent="0.35">
      <c r="A32927" s="1" t="s">
        <v>33524</v>
      </c>
      <c r="B32927" s="1" t="s">
        <v>113175</v>
      </c>
      <c r="C32927" s="1" t="s">
        <v>130</v>
      </c>
      <c r="D32927" s="1" t="s">
        <v>114680</v>
      </c>
      <c r="E32927" s="1" t="s">
        <v>114681</v>
      </c>
      <c r="F32927" s="1" t="s">
        <v>114682</v>
      </c>
      <c r="G32927" s="1" t="s">
        <v>114594</v>
      </c>
      <c r="H32927" s="1" t="s">
        <v>114595</v>
      </c>
      <c r="I32927" s="1" t="s">
        <v>113180</v>
      </c>
      <c r="J32927" s="1" t="s">
        <v>114683</v>
      </c>
    </row>
    <row r="32928" spans="1:10" x14ac:dyDescent="0.35">
      <c r="A32928" s="1" t="s">
        <v>33524</v>
      </c>
      <c r="B32928" s="1" t="s">
        <v>113175</v>
      </c>
      <c r="C32928" s="1" t="s">
        <v>135</v>
      </c>
      <c r="D32928" s="1" t="s">
        <v>19035</v>
      </c>
      <c r="E32928" s="1" t="s">
        <v>114684</v>
      </c>
      <c r="F32928" s="1" t="s">
        <v>114685</v>
      </c>
      <c r="G32928" s="1" t="s">
        <v>114594</v>
      </c>
      <c r="H32928" s="1" t="s">
        <v>114595</v>
      </c>
      <c r="I32928" s="1" t="s">
        <v>113180</v>
      </c>
      <c r="J32928" s="1" t="s">
        <v>114686</v>
      </c>
    </row>
    <row r="32929" spans="1:10" x14ac:dyDescent="0.35">
      <c r="A32929" s="1" t="s">
        <v>33524</v>
      </c>
      <c r="B32929" s="1" t="s">
        <v>113175</v>
      </c>
      <c r="C32929" s="1" t="s">
        <v>140</v>
      </c>
      <c r="D32929" s="1" t="s">
        <v>77197</v>
      </c>
      <c r="E32929" s="1" t="s">
        <v>114687</v>
      </c>
      <c r="F32929" s="1" t="s">
        <v>114688</v>
      </c>
      <c r="G32929" s="1" t="s">
        <v>114594</v>
      </c>
      <c r="H32929" s="1" t="s">
        <v>114595</v>
      </c>
      <c r="I32929" s="1" t="s">
        <v>113180</v>
      </c>
      <c r="J32929" s="1" t="s">
        <v>114689</v>
      </c>
    </row>
    <row r="32930" spans="1:10" x14ac:dyDescent="0.35">
      <c r="A32930" s="1" t="s">
        <v>33524</v>
      </c>
      <c r="B32930" s="1" t="s">
        <v>113175</v>
      </c>
      <c r="C32930" s="1" t="s">
        <v>145</v>
      </c>
      <c r="D32930" s="1" t="s">
        <v>114690</v>
      </c>
      <c r="E32930" s="1" t="s">
        <v>114691</v>
      </c>
      <c r="F32930" s="1" t="s">
        <v>114692</v>
      </c>
      <c r="G32930" s="1" t="s">
        <v>114594</v>
      </c>
      <c r="H32930" s="1" t="s">
        <v>114595</v>
      </c>
      <c r="I32930" s="1" t="s">
        <v>113180</v>
      </c>
      <c r="J32930" s="1" t="s">
        <v>114693</v>
      </c>
    </row>
    <row r="32931" spans="1:10" x14ac:dyDescent="0.35">
      <c r="A32931" s="1" t="s">
        <v>33524</v>
      </c>
      <c r="B32931" s="1" t="s">
        <v>113175</v>
      </c>
      <c r="C32931" s="1" t="s">
        <v>150</v>
      </c>
      <c r="D32931" s="1" t="s">
        <v>114694</v>
      </c>
      <c r="E32931" s="1" t="s">
        <v>114695</v>
      </c>
      <c r="F32931" s="1" t="s">
        <v>114696</v>
      </c>
      <c r="G32931" s="1" t="s">
        <v>114594</v>
      </c>
      <c r="H32931" s="1" t="s">
        <v>114595</v>
      </c>
      <c r="I32931" s="1" t="s">
        <v>113180</v>
      </c>
      <c r="J32931" s="1" t="s">
        <v>114697</v>
      </c>
    </row>
    <row r="32932" spans="1:10" x14ac:dyDescent="0.35">
      <c r="A32932" s="1" t="s">
        <v>33524</v>
      </c>
      <c r="B32932" s="1" t="s">
        <v>113175</v>
      </c>
      <c r="C32932" s="1" t="s">
        <v>155</v>
      </c>
      <c r="D32932" s="1" t="s">
        <v>114698</v>
      </c>
      <c r="E32932" s="1" t="s">
        <v>114699</v>
      </c>
      <c r="F32932" s="1" t="s">
        <v>114700</v>
      </c>
      <c r="G32932" s="1" t="s">
        <v>114594</v>
      </c>
      <c r="H32932" s="1" t="s">
        <v>114595</v>
      </c>
      <c r="I32932" s="1" t="s">
        <v>113180</v>
      </c>
      <c r="J32932" s="1" t="s">
        <v>114701</v>
      </c>
    </row>
    <row r="32933" spans="1:10" x14ac:dyDescent="0.35">
      <c r="A32933" s="1" t="s">
        <v>33524</v>
      </c>
      <c r="B32933" s="1" t="s">
        <v>113175</v>
      </c>
      <c r="C32933" s="1" t="s">
        <v>160</v>
      </c>
      <c r="D32933" s="1" t="s">
        <v>114702</v>
      </c>
      <c r="E32933" s="1" t="s">
        <v>114703</v>
      </c>
      <c r="F32933" s="1" t="s">
        <v>114704</v>
      </c>
      <c r="G32933" s="1" t="s">
        <v>114594</v>
      </c>
      <c r="H32933" s="1" t="s">
        <v>114595</v>
      </c>
      <c r="I32933" s="1" t="s">
        <v>113180</v>
      </c>
      <c r="J32933" s="1" t="s">
        <v>114705</v>
      </c>
    </row>
    <row r="32934" spans="1:10" x14ac:dyDescent="0.35">
      <c r="A32934" s="1" t="s">
        <v>33524</v>
      </c>
      <c r="B32934" s="1" t="s">
        <v>113175</v>
      </c>
      <c r="C32934" s="1" t="s">
        <v>165</v>
      </c>
      <c r="D32934" s="1" t="s">
        <v>64415</v>
      </c>
      <c r="E32934" s="1" t="s">
        <v>114706</v>
      </c>
      <c r="F32934" s="1" t="s">
        <v>114707</v>
      </c>
      <c r="G32934" s="1" t="s">
        <v>114594</v>
      </c>
      <c r="H32934" s="1" t="s">
        <v>114595</v>
      </c>
      <c r="I32934" s="1" t="s">
        <v>113180</v>
      </c>
      <c r="J32934" s="1" t="s">
        <v>114708</v>
      </c>
    </row>
    <row r="32935" spans="1:10" x14ac:dyDescent="0.35">
      <c r="A32935" s="1" t="s">
        <v>33524</v>
      </c>
      <c r="B32935" s="1" t="s">
        <v>113175</v>
      </c>
      <c r="C32935" s="1" t="s">
        <v>170</v>
      </c>
      <c r="D32935" s="1" t="s">
        <v>78795</v>
      </c>
      <c r="E32935" s="1" t="s">
        <v>114709</v>
      </c>
      <c r="F32935" s="1" t="s">
        <v>114710</v>
      </c>
      <c r="G32935" s="1" t="s">
        <v>114594</v>
      </c>
      <c r="H32935" s="1" t="s">
        <v>114595</v>
      </c>
      <c r="I32935" s="1" t="s">
        <v>113180</v>
      </c>
      <c r="J32935" s="1" t="s">
        <v>114711</v>
      </c>
    </row>
    <row r="32936" spans="1:10" x14ac:dyDescent="0.35">
      <c r="A32936" s="1" t="s">
        <v>8409</v>
      </c>
      <c r="B32936" s="1" t="s">
        <v>113175</v>
      </c>
      <c r="C32936" s="1" t="s">
        <v>8</v>
      </c>
      <c r="D32936" s="1" t="s">
        <v>83112</v>
      </c>
      <c r="E32936" s="1" t="s">
        <v>114712</v>
      </c>
      <c r="F32936" s="1" t="s">
        <v>114713</v>
      </c>
      <c r="G32936" s="1" t="s">
        <v>114714</v>
      </c>
      <c r="H32936" s="1" t="s">
        <v>114715</v>
      </c>
      <c r="I32936" s="1" t="s">
        <v>113180</v>
      </c>
      <c r="J32936" s="1" t="s">
        <v>13</v>
      </c>
    </row>
    <row r="32937" spans="1:10" x14ac:dyDescent="0.35">
      <c r="A32937" s="1" t="s">
        <v>8409</v>
      </c>
      <c r="B32937" s="1" t="s">
        <v>113175</v>
      </c>
      <c r="C32937" s="1" t="s">
        <v>15</v>
      </c>
      <c r="D32937" s="1" t="s">
        <v>114716</v>
      </c>
      <c r="E32937" s="1" t="s">
        <v>114717</v>
      </c>
      <c r="F32937" s="1" t="s">
        <v>114718</v>
      </c>
      <c r="G32937" s="1" t="s">
        <v>114714</v>
      </c>
      <c r="H32937" s="1" t="s">
        <v>114715</v>
      </c>
      <c r="I32937" s="1" t="s">
        <v>113180</v>
      </c>
      <c r="J32937" s="1" t="s">
        <v>114719</v>
      </c>
    </row>
    <row r="32938" spans="1:10" x14ac:dyDescent="0.35">
      <c r="A32938" s="1" t="s">
        <v>8409</v>
      </c>
      <c r="B32938" s="1" t="s">
        <v>113175</v>
      </c>
      <c r="C32938" s="1" t="s">
        <v>20</v>
      </c>
      <c r="D32938" s="1" t="s">
        <v>3128</v>
      </c>
      <c r="E32938" s="1" t="s">
        <v>114720</v>
      </c>
      <c r="F32938" s="1" t="s">
        <v>114721</v>
      </c>
      <c r="G32938" s="1" t="s">
        <v>114714</v>
      </c>
      <c r="H32938" s="1" t="s">
        <v>114715</v>
      </c>
      <c r="I32938" s="1" t="s">
        <v>113180</v>
      </c>
      <c r="J32938" s="1" t="s">
        <v>114722</v>
      </c>
    </row>
    <row r="32939" spans="1:10" x14ac:dyDescent="0.35">
      <c r="A32939" s="1" t="s">
        <v>8409</v>
      </c>
      <c r="B32939" s="1" t="s">
        <v>113175</v>
      </c>
      <c r="C32939" s="1" t="s">
        <v>25</v>
      </c>
      <c r="D32939" s="1" t="s">
        <v>11815</v>
      </c>
      <c r="E32939" s="1" t="s">
        <v>114723</v>
      </c>
      <c r="F32939" s="1" t="s">
        <v>114724</v>
      </c>
      <c r="G32939" s="1" t="s">
        <v>114714</v>
      </c>
      <c r="H32939" s="1" t="s">
        <v>114715</v>
      </c>
      <c r="I32939" s="1" t="s">
        <v>113180</v>
      </c>
      <c r="J32939" s="1" t="s">
        <v>114725</v>
      </c>
    </row>
    <row r="32940" spans="1:10" x14ac:dyDescent="0.35">
      <c r="A32940" s="1" t="s">
        <v>8409</v>
      </c>
      <c r="B32940" s="1" t="s">
        <v>113175</v>
      </c>
      <c r="C32940" s="1" t="s">
        <v>30</v>
      </c>
      <c r="D32940" s="1" t="s">
        <v>28702</v>
      </c>
      <c r="E32940" s="1" t="s">
        <v>114726</v>
      </c>
      <c r="F32940" s="1" t="s">
        <v>114727</v>
      </c>
      <c r="G32940" s="1" t="s">
        <v>114714</v>
      </c>
      <c r="H32940" s="1" t="s">
        <v>114715</v>
      </c>
      <c r="I32940" s="1" t="s">
        <v>113180</v>
      </c>
      <c r="J32940" s="1" t="s">
        <v>114728</v>
      </c>
    </row>
    <row r="32941" spans="1:10" x14ac:dyDescent="0.35">
      <c r="A32941" s="1" t="s">
        <v>8409</v>
      </c>
      <c r="B32941" s="1" t="s">
        <v>113175</v>
      </c>
      <c r="C32941" s="1" t="s">
        <v>35</v>
      </c>
      <c r="D32941" s="1" t="s">
        <v>114729</v>
      </c>
      <c r="E32941" s="1" t="s">
        <v>114730</v>
      </c>
      <c r="F32941" s="1" t="s">
        <v>114731</v>
      </c>
      <c r="G32941" s="1" t="s">
        <v>114714</v>
      </c>
      <c r="H32941" s="1" t="s">
        <v>114715</v>
      </c>
      <c r="I32941" s="1" t="s">
        <v>113180</v>
      </c>
      <c r="J32941" s="1" t="s">
        <v>114732</v>
      </c>
    </row>
    <row r="32942" spans="1:10" x14ac:dyDescent="0.35">
      <c r="A32942" s="1" t="s">
        <v>8409</v>
      </c>
      <c r="B32942" s="1" t="s">
        <v>113175</v>
      </c>
      <c r="C32942" s="1" t="s">
        <v>40</v>
      </c>
      <c r="D32942" s="1" t="s">
        <v>82768</v>
      </c>
      <c r="E32942" s="1" t="s">
        <v>114733</v>
      </c>
      <c r="F32942" s="1" t="s">
        <v>114734</v>
      </c>
      <c r="G32942" s="1" t="s">
        <v>114714</v>
      </c>
      <c r="H32942" s="1" t="s">
        <v>114715</v>
      </c>
      <c r="I32942" s="1" t="s">
        <v>113180</v>
      </c>
      <c r="J32942" s="1" t="s">
        <v>103366</v>
      </c>
    </row>
    <row r="32943" spans="1:10" x14ac:dyDescent="0.35">
      <c r="A32943" s="1" t="s">
        <v>8409</v>
      </c>
      <c r="B32943" s="1" t="s">
        <v>113175</v>
      </c>
      <c r="C32943" s="1" t="s">
        <v>45</v>
      </c>
      <c r="D32943" s="1" t="s">
        <v>104393</v>
      </c>
      <c r="E32943" s="1" t="s">
        <v>114735</v>
      </c>
      <c r="F32943" s="1" t="s">
        <v>114736</v>
      </c>
      <c r="G32943" s="1" t="s">
        <v>114714</v>
      </c>
      <c r="H32943" s="1" t="s">
        <v>114715</v>
      </c>
      <c r="I32943" s="1" t="s">
        <v>113180</v>
      </c>
      <c r="J32943" s="1" t="s">
        <v>114737</v>
      </c>
    </row>
    <row r="32944" spans="1:10" x14ac:dyDescent="0.35">
      <c r="A32944" s="1" t="s">
        <v>8409</v>
      </c>
      <c r="B32944" s="1" t="s">
        <v>113175</v>
      </c>
      <c r="C32944" s="1" t="s">
        <v>50</v>
      </c>
      <c r="D32944" s="1" t="s">
        <v>17633</v>
      </c>
      <c r="E32944" s="1" t="s">
        <v>114738</v>
      </c>
      <c r="F32944" s="1" t="s">
        <v>114739</v>
      </c>
      <c r="G32944" s="1" t="s">
        <v>114714</v>
      </c>
      <c r="H32944" s="1" t="s">
        <v>114715</v>
      </c>
      <c r="I32944" s="1" t="s">
        <v>113180</v>
      </c>
      <c r="J32944" s="1" t="s">
        <v>114740</v>
      </c>
    </row>
    <row r="32945" spans="1:10" x14ac:dyDescent="0.35">
      <c r="A32945" s="1" t="s">
        <v>8409</v>
      </c>
      <c r="B32945" s="1" t="s">
        <v>113175</v>
      </c>
      <c r="C32945" s="1" t="s">
        <v>55</v>
      </c>
      <c r="D32945" s="1" t="s">
        <v>48119</v>
      </c>
      <c r="E32945" s="1" t="s">
        <v>114741</v>
      </c>
      <c r="F32945" s="1" t="s">
        <v>114742</v>
      </c>
      <c r="G32945" s="1" t="s">
        <v>114714</v>
      </c>
      <c r="H32945" s="1" t="s">
        <v>114715</v>
      </c>
      <c r="I32945" s="1" t="s">
        <v>113180</v>
      </c>
      <c r="J32945" s="1" t="s">
        <v>114743</v>
      </c>
    </row>
    <row r="32946" spans="1:10" x14ac:dyDescent="0.35">
      <c r="A32946" s="1" t="s">
        <v>8409</v>
      </c>
      <c r="B32946" s="1" t="s">
        <v>113175</v>
      </c>
      <c r="C32946" s="1" t="s">
        <v>60</v>
      </c>
      <c r="D32946" s="1" t="s">
        <v>114744</v>
      </c>
      <c r="E32946" s="1" t="s">
        <v>114745</v>
      </c>
      <c r="F32946" s="1" t="s">
        <v>114746</v>
      </c>
      <c r="G32946" s="1" t="s">
        <v>114714</v>
      </c>
      <c r="H32946" s="1" t="s">
        <v>114715</v>
      </c>
      <c r="I32946" s="1" t="s">
        <v>113180</v>
      </c>
      <c r="J32946" s="1" t="s">
        <v>114747</v>
      </c>
    </row>
    <row r="32947" spans="1:10" x14ac:dyDescent="0.35">
      <c r="A32947" s="1" t="s">
        <v>8409</v>
      </c>
      <c r="B32947" s="1" t="s">
        <v>113175</v>
      </c>
      <c r="C32947" s="1" t="s">
        <v>65</v>
      </c>
      <c r="D32947" s="1" t="s">
        <v>114748</v>
      </c>
      <c r="E32947" s="1" t="s">
        <v>114749</v>
      </c>
      <c r="F32947" s="1" t="s">
        <v>114750</v>
      </c>
      <c r="G32947" s="1" t="s">
        <v>114714</v>
      </c>
      <c r="H32947" s="1" t="s">
        <v>114715</v>
      </c>
      <c r="I32947" s="1" t="s">
        <v>113180</v>
      </c>
      <c r="J32947" s="1" t="s">
        <v>114751</v>
      </c>
    </row>
    <row r="32948" spans="1:10" x14ac:dyDescent="0.35">
      <c r="A32948" s="1" t="s">
        <v>8409</v>
      </c>
      <c r="B32948" s="1" t="s">
        <v>113175</v>
      </c>
      <c r="C32948" s="1" t="s">
        <v>70</v>
      </c>
      <c r="D32948" s="1" t="s">
        <v>47388</v>
      </c>
      <c r="E32948" s="1" t="s">
        <v>114752</v>
      </c>
      <c r="F32948" s="1" t="s">
        <v>114753</v>
      </c>
      <c r="G32948" s="1" t="s">
        <v>114714</v>
      </c>
      <c r="H32948" s="1" t="s">
        <v>114715</v>
      </c>
      <c r="I32948" s="1" t="s">
        <v>113180</v>
      </c>
      <c r="J32948" s="1" t="s">
        <v>114754</v>
      </c>
    </row>
    <row r="32949" spans="1:10" x14ac:dyDescent="0.35">
      <c r="A32949" s="1" t="s">
        <v>8409</v>
      </c>
      <c r="B32949" s="1" t="s">
        <v>113175</v>
      </c>
      <c r="C32949" s="1" t="s">
        <v>75</v>
      </c>
      <c r="D32949" s="1" t="s">
        <v>114399</v>
      </c>
      <c r="E32949" s="1" t="s">
        <v>114755</v>
      </c>
      <c r="F32949" s="1" t="s">
        <v>114756</v>
      </c>
      <c r="G32949" s="1" t="s">
        <v>114714</v>
      </c>
      <c r="H32949" s="1" t="s">
        <v>114715</v>
      </c>
      <c r="I32949" s="1" t="s">
        <v>113180</v>
      </c>
      <c r="J32949" s="1" t="s">
        <v>114757</v>
      </c>
    </row>
    <row r="32950" spans="1:10" x14ac:dyDescent="0.35">
      <c r="A32950" s="1" t="s">
        <v>8409</v>
      </c>
      <c r="B32950" s="1" t="s">
        <v>113175</v>
      </c>
      <c r="C32950" s="1" t="s">
        <v>80</v>
      </c>
      <c r="D32950" s="1" t="s">
        <v>114758</v>
      </c>
      <c r="E32950" s="1" t="s">
        <v>114759</v>
      </c>
      <c r="F32950" s="1" t="s">
        <v>114760</v>
      </c>
      <c r="G32950" s="1" t="s">
        <v>114714</v>
      </c>
      <c r="H32950" s="1" t="s">
        <v>114715</v>
      </c>
      <c r="I32950" s="1" t="s">
        <v>113180</v>
      </c>
      <c r="J32950" s="1" t="s">
        <v>114761</v>
      </c>
    </row>
    <row r="32951" spans="1:10" x14ac:dyDescent="0.35">
      <c r="A32951" s="1" t="s">
        <v>8409</v>
      </c>
      <c r="B32951" s="1" t="s">
        <v>113175</v>
      </c>
      <c r="C32951" s="1" t="s">
        <v>85</v>
      </c>
      <c r="D32951" s="1" t="s">
        <v>114762</v>
      </c>
      <c r="E32951" s="1" t="s">
        <v>114763</v>
      </c>
      <c r="F32951" s="1" t="s">
        <v>114764</v>
      </c>
      <c r="G32951" s="1" t="s">
        <v>114714</v>
      </c>
      <c r="H32951" s="1" t="s">
        <v>114715</v>
      </c>
      <c r="I32951" s="1" t="s">
        <v>113180</v>
      </c>
      <c r="J32951" s="1" t="s">
        <v>114765</v>
      </c>
    </row>
    <row r="32952" spans="1:10" x14ac:dyDescent="0.35">
      <c r="A32952" s="1" t="s">
        <v>8409</v>
      </c>
      <c r="B32952" s="1" t="s">
        <v>113175</v>
      </c>
      <c r="C32952" s="1" t="s">
        <v>90</v>
      </c>
      <c r="D32952" s="1" t="s">
        <v>114058</v>
      </c>
      <c r="E32952" s="1" t="s">
        <v>114766</v>
      </c>
      <c r="F32952" s="1" t="s">
        <v>114767</v>
      </c>
      <c r="G32952" s="1" t="s">
        <v>114714</v>
      </c>
      <c r="H32952" s="1" t="s">
        <v>114715</v>
      </c>
      <c r="I32952" s="1" t="s">
        <v>113180</v>
      </c>
      <c r="J32952" s="1" t="s">
        <v>114768</v>
      </c>
    </row>
    <row r="32953" spans="1:10" x14ac:dyDescent="0.35">
      <c r="A32953" s="1" t="s">
        <v>8409</v>
      </c>
      <c r="B32953" s="1" t="s">
        <v>113175</v>
      </c>
      <c r="C32953" s="1" t="s">
        <v>95</v>
      </c>
      <c r="D32953" s="1" t="s">
        <v>114769</v>
      </c>
      <c r="E32953" s="1" t="s">
        <v>114770</v>
      </c>
      <c r="F32953" s="1" t="s">
        <v>114771</v>
      </c>
      <c r="G32953" s="1" t="s">
        <v>114714</v>
      </c>
      <c r="H32953" s="1" t="s">
        <v>114715</v>
      </c>
      <c r="I32953" s="1" t="s">
        <v>113180</v>
      </c>
      <c r="J32953" s="1" t="s">
        <v>114772</v>
      </c>
    </row>
    <row r="32954" spans="1:10" x14ac:dyDescent="0.35">
      <c r="A32954" s="1" t="s">
        <v>8409</v>
      </c>
      <c r="B32954" s="1" t="s">
        <v>113175</v>
      </c>
      <c r="C32954" s="1" t="s">
        <v>100</v>
      </c>
      <c r="D32954" s="1" t="s">
        <v>114773</v>
      </c>
      <c r="E32954" s="1" t="s">
        <v>114774</v>
      </c>
      <c r="F32954" s="1" t="s">
        <v>114775</v>
      </c>
      <c r="G32954" s="1" t="s">
        <v>114714</v>
      </c>
      <c r="H32954" s="1" t="s">
        <v>114715</v>
      </c>
      <c r="I32954" s="1" t="s">
        <v>113180</v>
      </c>
      <c r="J32954" s="1" t="s">
        <v>114776</v>
      </c>
    </row>
    <row r="32955" spans="1:10" x14ac:dyDescent="0.35">
      <c r="A32955" s="1" t="s">
        <v>8409</v>
      </c>
      <c r="B32955" s="1" t="s">
        <v>113175</v>
      </c>
      <c r="C32955" s="1" t="s">
        <v>105</v>
      </c>
      <c r="D32955" s="1" t="s">
        <v>114777</v>
      </c>
      <c r="E32955" s="1" t="s">
        <v>114778</v>
      </c>
      <c r="F32955" s="1" t="s">
        <v>114779</v>
      </c>
      <c r="G32955" s="1" t="s">
        <v>114714</v>
      </c>
      <c r="H32955" s="1" t="s">
        <v>114715</v>
      </c>
      <c r="I32955" s="1" t="s">
        <v>113180</v>
      </c>
      <c r="J32955" s="1" t="s">
        <v>114780</v>
      </c>
    </row>
    <row r="32956" spans="1:10" x14ac:dyDescent="0.35">
      <c r="A32956" s="1" t="s">
        <v>8409</v>
      </c>
      <c r="B32956" s="1" t="s">
        <v>113175</v>
      </c>
      <c r="C32956" s="1" t="s">
        <v>110</v>
      </c>
      <c r="D32956" s="1" t="s">
        <v>113668</v>
      </c>
      <c r="E32956" s="1" t="s">
        <v>114781</v>
      </c>
      <c r="F32956" s="1" t="s">
        <v>114782</v>
      </c>
      <c r="G32956" s="1" t="s">
        <v>114714</v>
      </c>
      <c r="H32956" s="1" t="s">
        <v>114715</v>
      </c>
      <c r="I32956" s="1" t="s">
        <v>113180</v>
      </c>
      <c r="J32956" s="1" t="s">
        <v>114783</v>
      </c>
    </row>
    <row r="32957" spans="1:10" x14ac:dyDescent="0.35">
      <c r="A32957" s="1" t="s">
        <v>8409</v>
      </c>
      <c r="B32957" s="1" t="s">
        <v>113175</v>
      </c>
      <c r="C32957" s="1" t="s">
        <v>115</v>
      </c>
      <c r="D32957" s="1" t="s">
        <v>43871</v>
      </c>
      <c r="E32957" s="1" t="s">
        <v>114784</v>
      </c>
      <c r="F32957" s="1" t="s">
        <v>114785</v>
      </c>
      <c r="G32957" s="1" t="s">
        <v>114714</v>
      </c>
      <c r="H32957" s="1" t="s">
        <v>114715</v>
      </c>
      <c r="I32957" s="1" t="s">
        <v>113180</v>
      </c>
      <c r="J32957" s="1" t="s">
        <v>114786</v>
      </c>
    </row>
    <row r="32958" spans="1:10" x14ac:dyDescent="0.35">
      <c r="A32958" s="1" t="s">
        <v>8409</v>
      </c>
      <c r="B32958" s="1" t="s">
        <v>113175</v>
      </c>
      <c r="C32958" s="1" t="s">
        <v>120</v>
      </c>
      <c r="D32958" s="1" t="s">
        <v>114787</v>
      </c>
      <c r="E32958" s="1" t="s">
        <v>114788</v>
      </c>
      <c r="F32958" s="1" t="s">
        <v>114789</v>
      </c>
      <c r="G32958" s="1" t="s">
        <v>114714</v>
      </c>
      <c r="H32958" s="1" t="s">
        <v>114715</v>
      </c>
      <c r="I32958" s="1" t="s">
        <v>113180</v>
      </c>
      <c r="J32958" s="1" t="s">
        <v>114790</v>
      </c>
    </row>
    <row r="32959" spans="1:10" x14ac:dyDescent="0.35">
      <c r="A32959" s="1" t="s">
        <v>8409</v>
      </c>
      <c r="B32959" s="1" t="s">
        <v>113175</v>
      </c>
      <c r="C32959" s="1" t="s">
        <v>125</v>
      </c>
      <c r="D32959" s="1" t="s">
        <v>32047</v>
      </c>
      <c r="E32959" s="1" t="s">
        <v>114791</v>
      </c>
      <c r="F32959" s="1" t="s">
        <v>114792</v>
      </c>
      <c r="G32959" s="1" t="s">
        <v>114714</v>
      </c>
      <c r="H32959" s="1" t="s">
        <v>114715</v>
      </c>
      <c r="I32959" s="1" t="s">
        <v>113180</v>
      </c>
      <c r="J32959" s="1" t="s">
        <v>114793</v>
      </c>
    </row>
    <row r="32960" spans="1:10" x14ac:dyDescent="0.35">
      <c r="A32960" s="1" t="s">
        <v>8409</v>
      </c>
      <c r="B32960" s="1" t="s">
        <v>113175</v>
      </c>
      <c r="C32960" s="1" t="s">
        <v>130</v>
      </c>
      <c r="D32960" s="1" t="s">
        <v>74585</v>
      </c>
      <c r="E32960" s="1" t="s">
        <v>114794</v>
      </c>
      <c r="F32960" s="1" t="s">
        <v>114795</v>
      </c>
      <c r="G32960" s="1" t="s">
        <v>114714</v>
      </c>
      <c r="H32960" s="1" t="s">
        <v>114715</v>
      </c>
      <c r="I32960" s="1" t="s">
        <v>113180</v>
      </c>
      <c r="J32960" s="1" t="s">
        <v>114796</v>
      </c>
    </row>
    <row r="32961" spans="1:10" x14ac:dyDescent="0.35">
      <c r="A32961" s="1" t="s">
        <v>8409</v>
      </c>
      <c r="B32961" s="1" t="s">
        <v>113175</v>
      </c>
      <c r="C32961" s="1" t="s">
        <v>135</v>
      </c>
      <c r="D32961" s="1" t="s">
        <v>114797</v>
      </c>
      <c r="E32961" s="1" t="s">
        <v>114798</v>
      </c>
      <c r="F32961" s="1" t="s">
        <v>114799</v>
      </c>
      <c r="G32961" s="1" t="s">
        <v>114714</v>
      </c>
      <c r="H32961" s="1" t="s">
        <v>114715</v>
      </c>
      <c r="I32961" s="1" t="s">
        <v>113180</v>
      </c>
      <c r="J32961" s="1" t="s">
        <v>114800</v>
      </c>
    </row>
    <row r="32962" spans="1:10" x14ac:dyDescent="0.35">
      <c r="A32962" s="1" t="s">
        <v>8409</v>
      </c>
      <c r="B32962" s="1" t="s">
        <v>113175</v>
      </c>
      <c r="C32962" s="1" t="s">
        <v>140</v>
      </c>
      <c r="D32962" s="1" t="s">
        <v>114801</v>
      </c>
      <c r="E32962" s="1" t="s">
        <v>114802</v>
      </c>
      <c r="F32962" s="1" t="s">
        <v>114803</v>
      </c>
      <c r="G32962" s="1" t="s">
        <v>114714</v>
      </c>
      <c r="H32962" s="1" t="s">
        <v>114715</v>
      </c>
      <c r="I32962" s="1" t="s">
        <v>113180</v>
      </c>
      <c r="J32962" s="1" t="s">
        <v>114804</v>
      </c>
    </row>
    <row r="32963" spans="1:10" x14ac:dyDescent="0.35">
      <c r="A32963" s="1" t="s">
        <v>8409</v>
      </c>
      <c r="B32963" s="1" t="s">
        <v>113175</v>
      </c>
      <c r="C32963" s="1" t="s">
        <v>145</v>
      </c>
      <c r="D32963" s="1" t="s">
        <v>31347</v>
      </c>
      <c r="E32963" s="1" t="s">
        <v>114805</v>
      </c>
      <c r="F32963" s="1" t="s">
        <v>114806</v>
      </c>
      <c r="G32963" s="1" t="s">
        <v>114714</v>
      </c>
      <c r="H32963" s="1" t="s">
        <v>114715</v>
      </c>
      <c r="I32963" s="1" t="s">
        <v>113180</v>
      </c>
      <c r="J32963" s="1" t="s">
        <v>114807</v>
      </c>
    </row>
    <row r="32964" spans="1:10" x14ac:dyDescent="0.35">
      <c r="A32964" s="1" t="s">
        <v>8409</v>
      </c>
      <c r="B32964" s="1" t="s">
        <v>113175</v>
      </c>
      <c r="C32964" s="1" t="s">
        <v>150</v>
      </c>
      <c r="D32964" s="1" t="s">
        <v>77197</v>
      </c>
      <c r="E32964" s="1" t="s">
        <v>114808</v>
      </c>
      <c r="F32964" s="1" t="s">
        <v>114809</v>
      </c>
      <c r="G32964" s="1" t="s">
        <v>114714</v>
      </c>
      <c r="H32964" s="1" t="s">
        <v>114715</v>
      </c>
      <c r="I32964" s="1" t="s">
        <v>113180</v>
      </c>
      <c r="J32964" s="1" t="s">
        <v>114810</v>
      </c>
    </row>
    <row r="32965" spans="1:10" x14ac:dyDescent="0.35">
      <c r="A32965" s="1" t="s">
        <v>8409</v>
      </c>
      <c r="B32965" s="1" t="s">
        <v>113175</v>
      </c>
      <c r="C32965" s="1" t="s">
        <v>155</v>
      </c>
      <c r="D32965" s="1" t="s">
        <v>114811</v>
      </c>
      <c r="E32965" s="1" t="s">
        <v>114812</v>
      </c>
      <c r="F32965" s="1" t="s">
        <v>114813</v>
      </c>
      <c r="G32965" s="1" t="s">
        <v>114714</v>
      </c>
      <c r="H32965" s="1" t="s">
        <v>114715</v>
      </c>
      <c r="I32965" s="1" t="s">
        <v>113180</v>
      </c>
      <c r="J32965" s="1" t="s">
        <v>114814</v>
      </c>
    </row>
    <row r="32966" spans="1:10" x14ac:dyDescent="0.35">
      <c r="A32966" s="1" t="s">
        <v>8409</v>
      </c>
      <c r="B32966" s="1" t="s">
        <v>113175</v>
      </c>
      <c r="C32966" s="1" t="s">
        <v>160</v>
      </c>
      <c r="D32966" s="1" t="s">
        <v>82235</v>
      </c>
      <c r="E32966" s="1" t="s">
        <v>114815</v>
      </c>
      <c r="F32966" s="1" t="s">
        <v>114816</v>
      </c>
      <c r="G32966" s="1" t="s">
        <v>114714</v>
      </c>
      <c r="H32966" s="1" t="s">
        <v>114715</v>
      </c>
      <c r="I32966" s="1" t="s">
        <v>113180</v>
      </c>
      <c r="J32966" s="1" t="s">
        <v>114817</v>
      </c>
    </row>
    <row r="32967" spans="1:10" x14ac:dyDescent="0.35">
      <c r="A32967" s="1" t="s">
        <v>8409</v>
      </c>
      <c r="B32967" s="1" t="s">
        <v>113175</v>
      </c>
      <c r="C32967" s="1" t="s">
        <v>165</v>
      </c>
      <c r="D32967" s="1" t="s">
        <v>114818</v>
      </c>
      <c r="E32967" s="1" t="s">
        <v>114819</v>
      </c>
      <c r="F32967" s="1" t="s">
        <v>114820</v>
      </c>
      <c r="G32967" s="1" t="s">
        <v>114714</v>
      </c>
      <c r="H32967" s="1" t="s">
        <v>114715</v>
      </c>
      <c r="I32967" s="1" t="s">
        <v>113180</v>
      </c>
      <c r="J32967" s="1" t="s">
        <v>114821</v>
      </c>
    </row>
    <row r="32968" spans="1:10" x14ac:dyDescent="0.35">
      <c r="A32968" s="1" t="s">
        <v>8409</v>
      </c>
      <c r="B32968" s="1" t="s">
        <v>113175</v>
      </c>
      <c r="C32968" s="1" t="s">
        <v>170</v>
      </c>
      <c r="D32968" s="1" t="s">
        <v>114822</v>
      </c>
      <c r="E32968" s="1" t="s">
        <v>114823</v>
      </c>
      <c r="F32968" s="1" t="s">
        <v>114824</v>
      </c>
      <c r="G32968" s="1" t="s">
        <v>114714</v>
      </c>
      <c r="H32968" s="1" t="s">
        <v>114715</v>
      </c>
      <c r="I32968" s="1" t="s">
        <v>113180</v>
      </c>
      <c r="J32968" s="1" t="s">
        <v>114825</v>
      </c>
    </row>
    <row r="32969" spans="1:10" x14ac:dyDescent="0.35">
      <c r="A32969" s="1" t="s">
        <v>114826</v>
      </c>
      <c r="B32969" s="1" t="s">
        <v>113175</v>
      </c>
      <c r="C32969" s="1" t="s">
        <v>8</v>
      </c>
      <c r="D32969" s="1" t="s">
        <v>114827</v>
      </c>
      <c r="E32969" s="1" t="s">
        <v>114828</v>
      </c>
      <c r="F32969" s="1" t="s">
        <v>114829</v>
      </c>
      <c r="G32969" s="1" t="s">
        <v>114830</v>
      </c>
      <c r="H32969" s="1" t="s">
        <v>114831</v>
      </c>
      <c r="I32969" s="1" t="s">
        <v>113180</v>
      </c>
      <c r="J32969" s="1" t="s">
        <v>13</v>
      </c>
    </row>
    <row r="32970" spans="1:10" x14ac:dyDescent="0.35">
      <c r="A32970" s="1" t="s">
        <v>114826</v>
      </c>
      <c r="B32970" s="1" t="s">
        <v>113175</v>
      </c>
      <c r="C32970" s="1" t="s">
        <v>15</v>
      </c>
      <c r="D32970" s="1" t="s">
        <v>114832</v>
      </c>
      <c r="E32970" s="1" t="s">
        <v>114833</v>
      </c>
      <c r="F32970" s="1" t="s">
        <v>114834</v>
      </c>
      <c r="G32970" s="1" t="s">
        <v>114830</v>
      </c>
      <c r="H32970" s="1" t="s">
        <v>114831</v>
      </c>
      <c r="I32970" s="1" t="s">
        <v>113180</v>
      </c>
      <c r="J32970" s="1" t="s">
        <v>114835</v>
      </c>
    </row>
    <row r="32971" spans="1:10" x14ac:dyDescent="0.35">
      <c r="A32971" s="1" t="s">
        <v>114826</v>
      </c>
      <c r="B32971" s="1" t="s">
        <v>113175</v>
      </c>
      <c r="C32971" s="1" t="s">
        <v>20</v>
      </c>
      <c r="D32971" s="1" t="s">
        <v>45307</v>
      </c>
      <c r="E32971" s="1" t="s">
        <v>114836</v>
      </c>
      <c r="F32971" s="1" t="s">
        <v>114837</v>
      </c>
      <c r="G32971" s="1" t="s">
        <v>114830</v>
      </c>
      <c r="H32971" s="1" t="s">
        <v>114831</v>
      </c>
      <c r="I32971" s="1" t="s">
        <v>113180</v>
      </c>
      <c r="J32971" s="1" t="s">
        <v>114838</v>
      </c>
    </row>
    <row r="32972" spans="1:10" x14ac:dyDescent="0.35">
      <c r="A32972" s="1" t="s">
        <v>114826</v>
      </c>
      <c r="B32972" s="1" t="s">
        <v>113175</v>
      </c>
      <c r="C32972" s="1" t="s">
        <v>25</v>
      </c>
      <c r="D32972" s="1" t="s">
        <v>114839</v>
      </c>
      <c r="E32972" s="1" t="s">
        <v>114840</v>
      </c>
      <c r="F32972" s="1" t="s">
        <v>114841</v>
      </c>
      <c r="G32972" s="1" t="s">
        <v>114830</v>
      </c>
      <c r="H32972" s="1" t="s">
        <v>114831</v>
      </c>
      <c r="I32972" s="1" t="s">
        <v>113180</v>
      </c>
      <c r="J32972" s="1" t="s">
        <v>114842</v>
      </c>
    </row>
    <row r="32973" spans="1:10" x14ac:dyDescent="0.35">
      <c r="A32973" s="1" t="s">
        <v>114826</v>
      </c>
      <c r="B32973" s="1" t="s">
        <v>113175</v>
      </c>
      <c r="C32973" s="1" t="s">
        <v>30</v>
      </c>
      <c r="D32973" s="1" t="s">
        <v>114843</v>
      </c>
      <c r="E32973" s="1" t="s">
        <v>114844</v>
      </c>
      <c r="F32973" s="1" t="s">
        <v>114845</v>
      </c>
      <c r="G32973" s="1" t="s">
        <v>114830</v>
      </c>
      <c r="H32973" s="1" t="s">
        <v>114831</v>
      </c>
      <c r="I32973" s="1" t="s">
        <v>113180</v>
      </c>
      <c r="J32973" s="1" t="s">
        <v>114846</v>
      </c>
    </row>
    <row r="32974" spans="1:10" x14ac:dyDescent="0.35">
      <c r="A32974" s="1" t="s">
        <v>114826</v>
      </c>
      <c r="B32974" s="1" t="s">
        <v>113175</v>
      </c>
      <c r="C32974" s="1" t="s">
        <v>35</v>
      </c>
      <c r="D32974" s="1" t="s">
        <v>30314</v>
      </c>
      <c r="E32974" s="1" t="s">
        <v>114847</v>
      </c>
      <c r="F32974" s="1" t="s">
        <v>114848</v>
      </c>
      <c r="G32974" s="1" t="s">
        <v>114830</v>
      </c>
      <c r="H32974" s="1" t="s">
        <v>114831</v>
      </c>
      <c r="I32974" s="1" t="s">
        <v>113180</v>
      </c>
      <c r="J32974" s="1" t="s">
        <v>114849</v>
      </c>
    </row>
    <row r="32975" spans="1:10" x14ac:dyDescent="0.35">
      <c r="A32975" s="1" t="s">
        <v>114826</v>
      </c>
      <c r="B32975" s="1" t="s">
        <v>113175</v>
      </c>
      <c r="C32975" s="1" t="s">
        <v>40</v>
      </c>
      <c r="D32975" s="1" t="s">
        <v>114850</v>
      </c>
      <c r="E32975" s="1" t="s">
        <v>114851</v>
      </c>
      <c r="F32975" s="1" t="s">
        <v>114852</v>
      </c>
      <c r="G32975" s="1" t="s">
        <v>114830</v>
      </c>
      <c r="H32975" s="1" t="s">
        <v>114831</v>
      </c>
      <c r="I32975" s="1" t="s">
        <v>113180</v>
      </c>
      <c r="J32975" s="1" t="s">
        <v>114853</v>
      </c>
    </row>
    <row r="32976" spans="1:10" x14ac:dyDescent="0.35">
      <c r="A32976" s="1" t="s">
        <v>114826</v>
      </c>
      <c r="B32976" s="1" t="s">
        <v>113175</v>
      </c>
      <c r="C32976" s="1" t="s">
        <v>45</v>
      </c>
      <c r="D32976" s="1" t="s">
        <v>114854</v>
      </c>
      <c r="E32976" s="1" t="s">
        <v>114855</v>
      </c>
      <c r="F32976" s="1" t="s">
        <v>114856</v>
      </c>
      <c r="G32976" s="1" t="s">
        <v>114830</v>
      </c>
      <c r="H32976" s="1" t="s">
        <v>114831</v>
      </c>
      <c r="I32976" s="1" t="s">
        <v>113180</v>
      </c>
      <c r="J32976" s="1" t="s">
        <v>114857</v>
      </c>
    </row>
    <row r="32977" spans="1:10" x14ac:dyDescent="0.35">
      <c r="A32977" s="1" t="s">
        <v>114826</v>
      </c>
      <c r="B32977" s="1" t="s">
        <v>113175</v>
      </c>
      <c r="C32977" s="1" t="s">
        <v>50</v>
      </c>
      <c r="D32977" s="1" t="s">
        <v>114858</v>
      </c>
      <c r="E32977" s="1" t="s">
        <v>114859</v>
      </c>
      <c r="F32977" s="1" t="s">
        <v>114860</v>
      </c>
      <c r="G32977" s="1" t="s">
        <v>114830</v>
      </c>
      <c r="H32977" s="1" t="s">
        <v>114831</v>
      </c>
      <c r="I32977" s="1" t="s">
        <v>113180</v>
      </c>
      <c r="J32977" s="1" t="s">
        <v>114861</v>
      </c>
    </row>
    <row r="32978" spans="1:10" x14ac:dyDescent="0.35">
      <c r="A32978" s="1" t="s">
        <v>114826</v>
      </c>
      <c r="B32978" s="1" t="s">
        <v>113175</v>
      </c>
      <c r="C32978" s="1" t="s">
        <v>55</v>
      </c>
      <c r="D32978" s="1" t="s">
        <v>114862</v>
      </c>
      <c r="E32978" s="1" t="s">
        <v>114863</v>
      </c>
      <c r="F32978" s="1" t="s">
        <v>114864</v>
      </c>
      <c r="G32978" s="1" t="s">
        <v>114830</v>
      </c>
      <c r="H32978" s="1" t="s">
        <v>114831</v>
      </c>
      <c r="I32978" s="1" t="s">
        <v>113180</v>
      </c>
      <c r="J32978" s="1" t="s">
        <v>114865</v>
      </c>
    </row>
    <row r="32979" spans="1:10" x14ac:dyDescent="0.35">
      <c r="A32979" s="1" t="s">
        <v>114826</v>
      </c>
      <c r="B32979" s="1" t="s">
        <v>113175</v>
      </c>
      <c r="C32979" s="1" t="s">
        <v>60</v>
      </c>
      <c r="D32979" s="1" t="s">
        <v>114866</v>
      </c>
      <c r="E32979" s="1" t="s">
        <v>114867</v>
      </c>
      <c r="F32979" s="1" t="s">
        <v>114868</v>
      </c>
      <c r="G32979" s="1" t="s">
        <v>114830</v>
      </c>
      <c r="H32979" s="1" t="s">
        <v>114831</v>
      </c>
      <c r="I32979" s="1" t="s">
        <v>113180</v>
      </c>
      <c r="J32979" s="1" t="s">
        <v>114869</v>
      </c>
    </row>
    <row r="32980" spans="1:10" x14ac:dyDescent="0.35">
      <c r="A32980" s="1" t="s">
        <v>114826</v>
      </c>
      <c r="B32980" s="1" t="s">
        <v>113175</v>
      </c>
      <c r="C32980" s="1" t="s">
        <v>65</v>
      </c>
      <c r="D32980" s="1" t="s">
        <v>114866</v>
      </c>
      <c r="E32980" s="1" t="s">
        <v>114870</v>
      </c>
      <c r="F32980" s="1" t="s">
        <v>114871</v>
      </c>
      <c r="G32980" s="1" t="s">
        <v>114830</v>
      </c>
      <c r="H32980" s="1" t="s">
        <v>114831</v>
      </c>
      <c r="I32980" s="1" t="s">
        <v>113180</v>
      </c>
      <c r="J32980" s="1" t="s">
        <v>1180</v>
      </c>
    </row>
    <row r="32981" spans="1:10" x14ac:dyDescent="0.35">
      <c r="A32981" s="1" t="s">
        <v>114826</v>
      </c>
      <c r="B32981" s="1" t="s">
        <v>113175</v>
      </c>
      <c r="C32981" s="1" t="s">
        <v>70</v>
      </c>
      <c r="D32981" s="1" t="s">
        <v>114872</v>
      </c>
      <c r="E32981" s="1" t="s">
        <v>114873</v>
      </c>
      <c r="F32981" s="1" t="s">
        <v>114874</v>
      </c>
      <c r="G32981" s="1" t="s">
        <v>114830</v>
      </c>
      <c r="H32981" s="1" t="s">
        <v>114831</v>
      </c>
      <c r="I32981" s="1" t="s">
        <v>113180</v>
      </c>
      <c r="J32981" s="1" t="s">
        <v>114875</v>
      </c>
    </row>
    <row r="32982" spans="1:10" x14ac:dyDescent="0.35">
      <c r="A32982" s="1" t="s">
        <v>114826</v>
      </c>
      <c r="B32982" s="1" t="s">
        <v>113175</v>
      </c>
      <c r="C32982" s="1" t="s">
        <v>75</v>
      </c>
      <c r="D32982" s="1" t="s">
        <v>114876</v>
      </c>
      <c r="E32982" s="1" t="s">
        <v>114877</v>
      </c>
      <c r="F32982" s="1" t="s">
        <v>114878</v>
      </c>
      <c r="G32982" s="1" t="s">
        <v>114830</v>
      </c>
      <c r="H32982" s="1" t="s">
        <v>114831</v>
      </c>
      <c r="I32982" s="1" t="s">
        <v>113180</v>
      </c>
      <c r="J32982" s="1" t="s">
        <v>114879</v>
      </c>
    </row>
    <row r="32983" spans="1:10" x14ac:dyDescent="0.35">
      <c r="A32983" s="1" t="s">
        <v>114826</v>
      </c>
      <c r="B32983" s="1" t="s">
        <v>113175</v>
      </c>
      <c r="C32983" s="1" t="s">
        <v>80</v>
      </c>
      <c r="D32983" s="1" t="s">
        <v>113018</v>
      </c>
      <c r="E32983" s="1" t="s">
        <v>114880</v>
      </c>
      <c r="F32983" s="1" t="s">
        <v>114881</v>
      </c>
      <c r="G32983" s="1" t="s">
        <v>114830</v>
      </c>
      <c r="H32983" s="1" t="s">
        <v>114831</v>
      </c>
      <c r="I32983" s="1" t="s">
        <v>113180</v>
      </c>
      <c r="J32983" s="1" t="s">
        <v>114882</v>
      </c>
    </row>
    <row r="32984" spans="1:10" x14ac:dyDescent="0.35">
      <c r="A32984" s="1" t="s">
        <v>114826</v>
      </c>
      <c r="B32984" s="1" t="s">
        <v>113175</v>
      </c>
      <c r="C32984" s="1" t="s">
        <v>85</v>
      </c>
      <c r="D32984" s="1" t="s">
        <v>114883</v>
      </c>
      <c r="E32984" s="1" t="s">
        <v>114884</v>
      </c>
      <c r="F32984" s="1" t="s">
        <v>114885</v>
      </c>
      <c r="G32984" s="1" t="s">
        <v>114830</v>
      </c>
      <c r="H32984" s="1" t="s">
        <v>114831</v>
      </c>
      <c r="I32984" s="1" t="s">
        <v>113180</v>
      </c>
      <c r="J32984" s="1" t="s">
        <v>114886</v>
      </c>
    </row>
    <row r="32985" spans="1:10" x14ac:dyDescent="0.35">
      <c r="A32985" s="1" t="s">
        <v>114826</v>
      </c>
      <c r="B32985" s="1" t="s">
        <v>113175</v>
      </c>
      <c r="C32985" s="1" t="s">
        <v>90</v>
      </c>
      <c r="D32985" s="1" t="s">
        <v>72640</v>
      </c>
      <c r="E32985" s="1" t="s">
        <v>114887</v>
      </c>
      <c r="F32985" s="1" t="s">
        <v>114888</v>
      </c>
      <c r="G32985" s="1" t="s">
        <v>114830</v>
      </c>
      <c r="H32985" s="1" t="s">
        <v>114831</v>
      </c>
      <c r="I32985" s="1" t="s">
        <v>113180</v>
      </c>
      <c r="J32985" s="1" t="s">
        <v>114889</v>
      </c>
    </row>
    <row r="32986" spans="1:10" x14ac:dyDescent="0.35">
      <c r="A32986" s="1" t="s">
        <v>114826</v>
      </c>
      <c r="B32986" s="1" t="s">
        <v>113175</v>
      </c>
      <c r="C32986" s="1" t="s">
        <v>95</v>
      </c>
      <c r="D32986" s="1" t="s">
        <v>31680</v>
      </c>
      <c r="E32986" s="1" t="s">
        <v>114890</v>
      </c>
      <c r="F32986" s="1" t="s">
        <v>114891</v>
      </c>
      <c r="G32986" s="1" t="s">
        <v>114830</v>
      </c>
      <c r="H32986" s="1" t="s">
        <v>114831</v>
      </c>
      <c r="I32986" s="1" t="s">
        <v>113180</v>
      </c>
      <c r="J32986" s="1" t="s">
        <v>114892</v>
      </c>
    </row>
    <row r="32987" spans="1:10" x14ac:dyDescent="0.35">
      <c r="A32987" s="1" t="s">
        <v>114826</v>
      </c>
      <c r="B32987" s="1" t="s">
        <v>113175</v>
      </c>
      <c r="C32987" s="1" t="s">
        <v>100</v>
      </c>
      <c r="D32987" s="1" t="s">
        <v>114893</v>
      </c>
      <c r="E32987" s="1" t="s">
        <v>114894</v>
      </c>
      <c r="F32987" s="1" t="s">
        <v>114895</v>
      </c>
      <c r="G32987" s="1" t="s">
        <v>114830</v>
      </c>
      <c r="H32987" s="1" t="s">
        <v>114831</v>
      </c>
      <c r="I32987" s="1" t="s">
        <v>113180</v>
      </c>
      <c r="J32987" s="1" t="s">
        <v>114896</v>
      </c>
    </row>
    <row r="32988" spans="1:10" x14ac:dyDescent="0.35">
      <c r="A32988" s="1" t="s">
        <v>114826</v>
      </c>
      <c r="B32988" s="1" t="s">
        <v>113175</v>
      </c>
      <c r="C32988" s="1" t="s">
        <v>105</v>
      </c>
      <c r="D32988" s="1" t="s">
        <v>114897</v>
      </c>
      <c r="E32988" s="1" t="s">
        <v>114898</v>
      </c>
      <c r="F32988" s="1" t="s">
        <v>114899</v>
      </c>
      <c r="G32988" s="1" t="s">
        <v>114830</v>
      </c>
      <c r="H32988" s="1" t="s">
        <v>114831</v>
      </c>
      <c r="I32988" s="1" t="s">
        <v>113180</v>
      </c>
      <c r="J32988" s="1" t="s">
        <v>114900</v>
      </c>
    </row>
    <row r="32989" spans="1:10" x14ac:dyDescent="0.35">
      <c r="A32989" s="1" t="s">
        <v>114826</v>
      </c>
      <c r="B32989" s="1" t="s">
        <v>113175</v>
      </c>
      <c r="C32989" s="1" t="s">
        <v>110</v>
      </c>
      <c r="D32989" s="1" t="s">
        <v>114901</v>
      </c>
      <c r="E32989" s="1" t="s">
        <v>114902</v>
      </c>
      <c r="F32989" s="1" t="s">
        <v>114903</v>
      </c>
      <c r="G32989" s="1" t="s">
        <v>114830</v>
      </c>
      <c r="H32989" s="1" t="s">
        <v>114831</v>
      </c>
      <c r="I32989" s="1" t="s">
        <v>113180</v>
      </c>
      <c r="J32989" s="1" t="s">
        <v>114904</v>
      </c>
    </row>
    <row r="32990" spans="1:10" x14ac:dyDescent="0.35">
      <c r="A32990" s="1" t="s">
        <v>114826</v>
      </c>
      <c r="B32990" s="1" t="s">
        <v>113175</v>
      </c>
      <c r="C32990" s="1" t="s">
        <v>115</v>
      </c>
      <c r="D32990" s="1" t="s">
        <v>60272</v>
      </c>
      <c r="E32990" s="1" t="s">
        <v>114905</v>
      </c>
      <c r="F32990" s="1" t="s">
        <v>114906</v>
      </c>
      <c r="G32990" s="1" t="s">
        <v>114830</v>
      </c>
      <c r="H32990" s="1" t="s">
        <v>114831</v>
      </c>
      <c r="I32990" s="1" t="s">
        <v>113180</v>
      </c>
      <c r="J32990" s="1" t="s">
        <v>114907</v>
      </c>
    </row>
    <row r="32991" spans="1:10" x14ac:dyDescent="0.35">
      <c r="A32991" s="1" t="s">
        <v>114826</v>
      </c>
      <c r="B32991" s="1" t="s">
        <v>113175</v>
      </c>
      <c r="C32991" s="1" t="s">
        <v>120</v>
      </c>
      <c r="D32991" s="1" t="s">
        <v>114908</v>
      </c>
      <c r="E32991" s="1" t="s">
        <v>114909</v>
      </c>
      <c r="F32991" s="1" t="s">
        <v>114910</v>
      </c>
      <c r="G32991" s="1" t="s">
        <v>114830</v>
      </c>
      <c r="H32991" s="1" t="s">
        <v>114831</v>
      </c>
      <c r="I32991" s="1" t="s">
        <v>113180</v>
      </c>
      <c r="J32991" s="1" t="s">
        <v>114911</v>
      </c>
    </row>
    <row r="32992" spans="1:10" x14ac:dyDescent="0.35">
      <c r="A32992" s="1" t="s">
        <v>114826</v>
      </c>
      <c r="B32992" s="1" t="s">
        <v>113175</v>
      </c>
      <c r="C32992" s="1" t="s">
        <v>125</v>
      </c>
      <c r="D32992" s="1" t="s">
        <v>114912</v>
      </c>
      <c r="E32992" s="1" t="s">
        <v>114913</v>
      </c>
      <c r="F32992" s="1" t="s">
        <v>114914</v>
      </c>
      <c r="G32992" s="1" t="s">
        <v>114830</v>
      </c>
      <c r="H32992" s="1" t="s">
        <v>114831</v>
      </c>
      <c r="I32992" s="1" t="s">
        <v>113180</v>
      </c>
      <c r="J32992" s="1" t="s">
        <v>114915</v>
      </c>
    </row>
    <row r="32993" spans="1:10" x14ac:dyDescent="0.35">
      <c r="A32993" s="1" t="s">
        <v>114826</v>
      </c>
      <c r="B32993" s="1" t="s">
        <v>113175</v>
      </c>
      <c r="C32993" s="1" t="s">
        <v>130</v>
      </c>
      <c r="D32993" s="1" t="s">
        <v>77937</v>
      </c>
      <c r="E32993" s="1" t="s">
        <v>114916</v>
      </c>
      <c r="F32993" s="1" t="s">
        <v>114917</v>
      </c>
      <c r="G32993" s="1" t="s">
        <v>114830</v>
      </c>
      <c r="H32993" s="1" t="s">
        <v>114831</v>
      </c>
      <c r="I32993" s="1" t="s">
        <v>113180</v>
      </c>
      <c r="J32993" s="1" t="s">
        <v>114918</v>
      </c>
    </row>
    <row r="32994" spans="1:10" x14ac:dyDescent="0.35">
      <c r="A32994" s="1" t="s">
        <v>114826</v>
      </c>
      <c r="B32994" s="1" t="s">
        <v>113175</v>
      </c>
      <c r="C32994" s="1" t="s">
        <v>135</v>
      </c>
      <c r="D32994" s="1" t="s">
        <v>114919</v>
      </c>
      <c r="E32994" s="1" t="s">
        <v>114920</v>
      </c>
      <c r="F32994" s="1" t="s">
        <v>114921</v>
      </c>
      <c r="G32994" s="1" t="s">
        <v>114830</v>
      </c>
      <c r="H32994" s="1" t="s">
        <v>114831</v>
      </c>
      <c r="I32994" s="1" t="s">
        <v>113180</v>
      </c>
      <c r="J32994" s="1" t="s">
        <v>114922</v>
      </c>
    </row>
    <row r="32995" spans="1:10" x14ac:dyDescent="0.35">
      <c r="A32995" s="1" t="s">
        <v>114826</v>
      </c>
      <c r="B32995" s="1" t="s">
        <v>113175</v>
      </c>
      <c r="C32995" s="1" t="s">
        <v>140</v>
      </c>
      <c r="D32995" s="1" t="s">
        <v>34255</v>
      </c>
      <c r="E32995" s="1" t="s">
        <v>114923</v>
      </c>
      <c r="F32995" s="1" t="s">
        <v>114924</v>
      </c>
      <c r="G32995" s="1" t="s">
        <v>114830</v>
      </c>
      <c r="H32995" s="1" t="s">
        <v>114831</v>
      </c>
      <c r="I32995" s="1" t="s">
        <v>113180</v>
      </c>
      <c r="J32995" s="1" t="s">
        <v>114925</v>
      </c>
    </row>
    <row r="32996" spans="1:10" x14ac:dyDescent="0.35">
      <c r="A32996" s="1" t="s">
        <v>114826</v>
      </c>
      <c r="B32996" s="1" t="s">
        <v>113175</v>
      </c>
      <c r="C32996" s="1" t="s">
        <v>145</v>
      </c>
      <c r="D32996" s="1" t="s">
        <v>114926</v>
      </c>
      <c r="E32996" s="1" t="s">
        <v>114927</v>
      </c>
      <c r="F32996" s="1" t="s">
        <v>114928</v>
      </c>
      <c r="G32996" s="1" t="s">
        <v>114830</v>
      </c>
      <c r="H32996" s="1" t="s">
        <v>114831</v>
      </c>
      <c r="I32996" s="1" t="s">
        <v>113180</v>
      </c>
      <c r="J32996" s="1" t="s">
        <v>114929</v>
      </c>
    </row>
    <row r="32997" spans="1:10" x14ac:dyDescent="0.35">
      <c r="A32997" s="1" t="s">
        <v>114826</v>
      </c>
      <c r="B32997" s="1" t="s">
        <v>113175</v>
      </c>
      <c r="C32997" s="1" t="s">
        <v>150</v>
      </c>
      <c r="D32997" s="1" t="s">
        <v>114930</v>
      </c>
      <c r="E32997" s="1" t="s">
        <v>114931</v>
      </c>
      <c r="F32997" s="1" t="s">
        <v>114932</v>
      </c>
      <c r="G32997" s="1" t="s">
        <v>114830</v>
      </c>
      <c r="H32997" s="1" t="s">
        <v>114831</v>
      </c>
      <c r="I32997" s="1" t="s">
        <v>113180</v>
      </c>
      <c r="J32997" s="1" t="s">
        <v>114933</v>
      </c>
    </row>
    <row r="32998" spans="1:10" x14ac:dyDescent="0.35">
      <c r="A32998" s="1" t="s">
        <v>114826</v>
      </c>
      <c r="B32998" s="1" t="s">
        <v>113175</v>
      </c>
      <c r="C32998" s="1" t="s">
        <v>155</v>
      </c>
      <c r="D32998" s="1" t="s">
        <v>114934</v>
      </c>
      <c r="E32998" s="1" t="s">
        <v>114935</v>
      </c>
      <c r="F32998" s="1" t="s">
        <v>114936</v>
      </c>
      <c r="G32998" s="1" t="s">
        <v>114830</v>
      </c>
      <c r="H32998" s="1" t="s">
        <v>114831</v>
      </c>
      <c r="I32998" s="1" t="s">
        <v>113180</v>
      </c>
      <c r="J32998" s="1" t="s">
        <v>114937</v>
      </c>
    </row>
    <row r="32999" spans="1:10" x14ac:dyDescent="0.35">
      <c r="A32999" s="1" t="s">
        <v>114826</v>
      </c>
      <c r="B32999" s="1" t="s">
        <v>113175</v>
      </c>
      <c r="C32999" s="1" t="s">
        <v>160</v>
      </c>
      <c r="D32999" s="1" t="s">
        <v>88926</v>
      </c>
      <c r="E32999" s="1" t="s">
        <v>114938</v>
      </c>
      <c r="F32999" s="1" t="s">
        <v>114939</v>
      </c>
      <c r="G32999" s="1" t="s">
        <v>114830</v>
      </c>
      <c r="H32999" s="1" t="s">
        <v>114831</v>
      </c>
      <c r="I32999" s="1" t="s">
        <v>113180</v>
      </c>
      <c r="J32999" s="1" t="s">
        <v>114940</v>
      </c>
    </row>
    <row r="33000" spans="1:10" x14ac:dyDescent="0.35">
      <c r="A33000" s="1" t="s">
        <v>114826</v>
      </c>
      <c r="B33000" s="1" t="s">
        <v>113175</v>
      </c>
      <c r="C33000" s="1" t="s">
        <v>165</v>
      </c>
      <c r="D33000" s="1" t="s">
        <v>114941</v>
      </c>
      <c r="E33000" s="1" t="s">
        <v>114942</v>
      </c>
      <c r="F33000" s="1" t="s">
        <v>114943</v>
      </c>
      <c r="G33000" s="1" t="s">
        <v>114830</v>
      </c>
      <c r="H33000" s="1" t="s">
        <v>114831</v>
      </c>
      <c r="I33000" s="1" t="s">
        <v>113180</v>
      </c>
      <c r="J33000" s="1" t="s">
        <v>114944</v>
      </c>
    </row>
    <row r="33001" spans="1:10" x14ac:dyDescent="0.35">
      <c r="A33001" s="1" t="s">
        <v>114826</v>
      </c>
      <c r="B33001" s="1" t="s">
        <v>113175</v>
      </c>
      <c r="C33001" s="1" t="s">
        <v>170</v>
      </c>
      <c r="D33001" s="1" t="s">
        <v>114945</v>
      </c>
      <c r="E33001" s="1" t="s">
        <v>114946</v>
      </c>
      <c r="F33001" s="1" t="s">
        <v>114947</v>
      </c>
      <c r="G33001" s="1" t="s">
        <v>114830</v>
      </c>
      <c r="H33001" s="1" t="s">
        <v>114831</v>
      </c>
      <c r="I33001" s="1" t="s">
        <v>113180</v>
      </c>
      <c r="J33001" s="1" t="s">
        <v>114948</v>
      </c>
    </row>
    <row r="33002" spans="1:10" x14ac:dyDescent="0.35">
      <c r="A33002" s="1" t="s">
        <v>114949</v>
      </c>
      <c r="B33002" s="1" t="s">
        <v>113175</v>
      </c>
      <c r="C33002" s="1" t="s">
        <v>8</v>
      </c>
      <c r="D33002" s="1" t="s">
        <v>114950</v>
      </c>
      <c r="E33002" s="1" t="s">
        <v>114951</v>
      </c>
      <c r="F33002" s="1" t="s">
        <v>89336</v>
      </c>
      <c r="G33002" s="1" t="s">
        <v>114952</v>
      </c>
      <c r="H33002" s="1" t="s">
        <v>114953</v>
      </c>
      <c r="I33002" s="1" t="s">
        <v>113180</v>
      </c>
      <c r="J33002" s="1" t="s">
        <v>13</v>
      </c>
    </row>
    <row r="33003" spans="1:10" x14ac:dyDescent="0.35">
      <c r="A33003" s="1" t="s">
        <v>114949</v>
      </c>
      <c r="B33003" s="1" t="s">
        <v>113175</v>
      </c>
      <c r="C33003" s="1" t="s">
        <v>15</v>
      </c>
      <c r="D33003" s="1" t="s">
        <v>114954</v>
      </c>
      <c r="E33003" s="1" t="s">
        <v>12790</v>
      </c>
      <c r="F33003" s="1" t="s">
        <v>109006</v>
      </c>
      <c r="G33003" s="1" t="s">
        <v>114952</v>
      </c>
      <c r="H33003" s="1" t="s">
        <v>114953</v>
      </c>
      <c r="I33003" s="1" t="s">
        <v>113180</v>
      </c>
      <c r="J33003" s="1" t="s">
        <v>114955</v>
      </c>
    </row>
    <row r="33004" spans="1:10" x14ac:dyDescent="0.35">
      <c r="A33004" s="1" t="s">
        <v>114949</v>
      </c>
      <c r="B33004" s="1" t="s">
        <v>113175</v>
      </c>
      <c r="C33004" s="1" t="s">
        <v>20</v>
      </c>
      <c r="D33004" s="1" t="s">
        <v>114956</v>
      </c>
      <c r="E33004" s="1" t="s">
        <v>56164</v>
      </c>
      <c r="F33004" s="1" t="s">
        <v>114957</v>
      </c>
      <c r="G33004" s="1" t="s">
        <v>114952</v>
      </c>
      <c r="H33004" s="1" t="s">
        <v>114953</v>
      </c>
      <c r="I33004" s="1" t="s">
        <v>113180</v>
      </c>
      <c r="J33004" s="1" t="s">
        <v>114958</v>
      </c>
    </row>
    <row r="33005" spans="1:10" x14ac:dyDescent="0.35">
      <c r="A33005" s="1" t="s">
        <v>114949</v>
      </c>
      <c r="B33005" s="1" t="s">
        <v>113175</v>
      </c>
      <c r="C33005" s="1" t="s">
        <v>25</v>
      </c>
      <c r="D33005" s="1" t="s">
        <v>114959</v>
      </c>
      <c r="E33005" s="1" t="s">
        <v>24258</v>
      </c>
      <c r="F33005" s="1" t="s">
        <v>114960</v>
      </c>
      <c r="G33005" s="1" t="s">
        <v>114952</v>
      </c>
      <c r="H33005" s="1" t="s">
        <v>114953</v>
      </c>
      <c r="I33005" s="1" t="s">
        <v>113180</v>
      </c>
      <c r="J33005" s="1" t="s">
        <v>114961</v>
      </c>
    </row>
    <row r="33006" spans="1:10" x14ac:dyDescent="0.35">
      <c r="A33006" s="1" t="s">
        <v>114949</v>
      </c>
      <c r="B33006" s="1" t="s">
        <v>113175</v>
      </c>
      <c r="C33006" s="1" t="s">
        <v>30</v>
      </c>
      <c r="D33006" s="1" t="s">
        <v>114962</v>
      </c>
      <c r="E33006" s="1" t="s">
        <v>58114</v>
      </c>
      <c r="F33006" s="1" t="s">
        <v>59533</v>
      </c>
      <c r="G33006" s="1" t="s">
        <v>114952</v>
      </c>
      <c r="H33006" s="1" t="s">
        <v>114953</v>
      </c>
      <c r="I33006" s="1" t="s">
        <v>113180</v>
      </c>
      <c r="J33006" s="1" t="s">
        <v>114963</v>
      </c>
    </row>
    <row r="33007" spans="1:10" x14ac:dyDescent="0.35">
      <c r="A33007" s="1" t="s">
        <v>114949</v>
      </c>
      <c r="B33007" s="1" t="s">
        <v>113175</v>
      </c>
      <c r="C33007" s="1" t="s">
        <v>35</v>
      </c>
      <c r="D33007" s="1" t="s">
        <v>114964</v>
      </c>
      <c r="E33007" s="1" t="s">
        <v>41237</v>
      </c>
      <c r="F33007" s="1" t="s">
        <v>62636</v>
      </c>
      <c r="G33007" s="1" t="s">
        <v>114952</v>
      </c>
      <c r="H33007" s="1" t="s">
        <v>114953</v>
      </c>
      <c r="I33007" s="1" t="s">
        <v>113180</v>
      </c>
      <c r="J33007" s="1" t="s">
        <v>114965</v>
      </c>
    </row>
    <row r="33008" spans="1:10" x14ac:dyDescent="0.35">
      <c r="A33008" s="1" t="s">
        <v>114949</v>
      </c>
      <c r="B33008" s="1" t="s">
        <v>113175</v>
      </c>
      <c r="C33008" s="1" t="s">
        <v>40</v>
      </c>
      <c r="D33008" s="1" t="s">
        <v>114966</v>
      </c>
      <c r="E33008" s="1" t="s">
        <v>54077</v>
      </c>
      <c r="F33008" s="1" t="s">
        <v>114967</v>
      </c>
      <c r="G33008" s="1" t="s">
        <v>114952</v>
      </c>
      <c r="H33008" s="1" t="s">
        <v>114953</v>
      </c>
      <c r="I33008" s="1" t="s">
        <v>113180</v>
      </c>
      <c r="J33008" s="1" t="s">
        <v>114968</v>
      </c>
    </row>
    <row r="33009" spans="1:10" x14ac:dyDescent="0.35">
      <c r="A33009" s="1" t="s">
        <v>114949</v>
      </c>
      <c r="B33009" s="1" t="s">
        <v>113175</v>
      </c>
      <c r="C33009" s="1" t="s">
        <v>45</v>
      </c>
      <c r="D33009" s="1" t="s">
        <v>114969</v>
      </c>
      <c r="E33009" s="1" t="s">
        <v>54099</v>
      </c>
      <c r="F33009" s="1" t="s">
        <v>114970</v>
      </c>
      <c r="G33009" s="1" t="s">
        <v>114952</v>
      </c>
      <c r="H33009" s="1" t="s">
        <v>114953</v>
      </c>
      <c r="I33009" s="1" t="s">
        <v>113180</v>
      </c>
      <c r="J33009" s="1" t="s">
        <v>114971</v>
      </c>
    </row>
    <row r="33010" spans="1:10" x14ac:dyDescent="0.35">
      <c r="A33010" s="1" t="s">
        <v>114949</v>
      </c>
      <c r="B33010" s="1" t="s">
        <v>113175</v>
      </c>
      <c r="C33010" s="1" t="s">
        <v>50</v>
      </c>
      <c r="D33010" s="1" t="s">
        <v>114972</v>
      </c>
      <c r="E33010" s="1" t="s">
        <v>15884</v>
      </c>
      <c r="F33010" s="1" t="s">
        <v>69200</v>
      </c>
      <c r="G33010" s="1" t="s">
        <v>114952</v>
      </c>
      <c r="H33010" s="1" t="s">
        <v>114953</v>
      </c>
      <c r="I33010" s="1" t="s">
        <v>113180</v>
      </c>
      <c r="J33010" s="1" t="s">
        <v>114973</v>
      </c>
    </row>
    <row r="33011" spans="1:10" x14ac:dyDescent="0.35">
      <c r="A33011" s="1" t="s">
        <v>114949</v>
      </c>
      <c r="B33011" s="1" t="s">
        <v>113175</v>
      </c>
      <c r="C33011" s="1" t="s">
        <v>55</v>
      </c>
      <c r="D33011" s="1" t="s">
        <v>114974</v>
      </c>
      <c r="E33011" s="1" t="s">
        <v>27137</v>
      </c>
      <c r="F33011" s="1" t="s">
        <v>107420</v>
      </c>
      <c r="G33011" s="1" t="s">
        <v>114952</v>
      </c>
      <c r="H33011" s="1" t="s">
        <v>114953</v>
      </c>
      <c r="I33011" s="1" t="s">
        <v>113180</v>
      </c>
      <c r="J33011" s="1" t="s">
        <v>114975</v>
      </c>
    </row>
    <row r="33012" spans="1:10" x14ac:dyDescent="0.35">
      <c r="A33012" s="1" t="s">
        <v>114949</v>
      </c>
      <c r="B33012" s="1" t="s">
        <v>113175</v>
      </c>
      <c r="C33012" s="1" t="s">
        <v>60</v>
      </c>
      <c r="D33012" s="1" t="s">
        <v>114976</v>
      </c>
      <c r="E33012" s="1" t="s">
        <v>67868</v>
      </c>
      <c r="F33012" s="1" t="s">
        <v>99741</v>
      </c>
      <c r="G33012" s="1" t="s">
        <v>114952</v>
      </c>
      <c r="H33012" s="1" t="s">
        <v>114953</v>
      </c>
      <c r="I33012" s="1" t="s">
        <v>113180</v>
      </c>
      <c r="J33012" s="1" t="s">
        <v>114977</v>
      </c>
    </row>
    <row r="33013" spans="1:10" x14ac:dyDescent="0.35">
      <c r="A33013" s="1" t="s">
        <v>114949</v>
      </c>
      <c r="B33013" s="1" t="s">
        <v>113175</v>
      </c>
      <c r="C33013" s="1" t="s">
        <v>65</v>
      </c>
      <c r="D33013" s="1" t="s">
        <v>114978</v>
      </c>
      <c r="E33013" s="1" t="s">
        <v>69425</v>
      </c>
      <c r="F33013" s="1" t="s">
        <v>114979</v>
      </c>
      <c r="G33013" s="1" t="s">
        <v>114952</v>
      </c>
      <c r="H33013" s="1" t="s">
        <v>114953</v>
      </c>
      <c r="I33013" s="1" t="s">
        <v>113180</v>
      </c>
      <c r="J33013" s="1" t="s">
        <v>114980</v>
      </c>
    </row>
    <row r="33014" spans="1:10" x14ac:dyDescent="0.35">
      <c r="A33014" s="1" t="s">
        <v>114949</v>
      </c>
      <c r="B33014" s="1" t="s">
        <v>113175</v>
      </c>
      <c r="C33014" s="1" t="s">
        <v>70</v>
      </c>
      <c r="D33014" s="1" t="s">
        <v>114981</v>
      </c>
      <c r="E33014" s="1" t="s">
        <v>22294</v>
      </c>
      <c r="F33014" s="1" t="s">
        <v>114982</v>
      </c>
      <c r="G33014" s="1" t="s">
        <v>114952</v>
      </c>
      <c r="H33014" s="1" t="s">
        <v>114953</v>
      </c>
      <c r="I33014" s="1" t="s">
        <v>113180</v>
      </c>
      <c r="J33014" s="1" t="s">
        <v>114983</v>
      </c>
    </row>
    <row r="33015" spans="1:10" x14ac:dyDescent="0.35">
      <c r="A33015" s="1" t="s">
        <v>114949</v>
      </c>
      <c r="B33015" s="1" t="s">
        <v>113175</v>
      </c>
      <c r="C33015" s="1" t="s">
        <v>75</v>
      </c>
      <c r="D33015" s="1" t="s">
        <v>114984</v>
      </c>
      <c r="E33015" s="1" t="s">
        <v>26576</v>
      </c>
      <c r="F33015" s="1" t="s">
        <v>114985</v>
      </c>
      <c r="G33015" s="1" t="s">
        <v>114952</v>
      </c>
      <c r="H33015" s="1" t="s">
        <v>114953</v>
      </c>
      <c r="I33015" s="1" t="s">
        <v>113180</v>
      </c>
      <c r="J33015" s="1" t="s">
        <v>114986</v>
      </c>
    </row>
    <row r="33016" spans="1:10" x14ac:dyDescent="0.35">
      <c r="A33016" s="1" t="s">
        <v>114949</v>
      </c>
      <c r="B33016" s="1" t="s">
        <v>113175</v>
      </c>
      <c r="C33016" s="1" t="s">
        <v>80</v>
      </c>
      <c r="D33016" s="1" t="s">
        <v>52985</v>
      </c>
      <c r="E33016" s="1" t="s">
        <v>26191</v>
      </c>
      <c r="F33016" s="1" t="s">
        <v>60491</v>
      </c>
      <c r="G33016" s="1" t="s">
        <v>114952</v>
      </c>
      <c r="H33016" s="1" t="s">
        <v>114953</v>
      </c>
      <c r="I33016" s="1" t="s">
        <v>113180</v>
      </c>
      <c r="J33016" s="1" t="s">
        <v>114987</v>
      </c>
    </row>
    <row r="33017" spans="1:10" x14ac:dyDescent="0.35">
      <c r="A33017" s="1" t="s">
        <v>114949</v>
      </c>
      <c r="B33017" s="1" t="s">
        <v>113175</v>
      </c>
      <c r="C33017" s="1" t="s">
        <v>85</v>
      </c>
      <c r="D33017" s="1" t="s">
        <v>114988</v>
      </c>
      <c r="E33017" s="1" t="s">
        <v>32302</v>
      </c>
      <c r="F33017" s="1" t="s">
        <v>64247</v>
      </c>
      <c r="G33017" s="1" t="s">
        <v>114952</v>
      </c>
      <c r="H33017" s="1" t="s">
        <v>114953</v>
      </c>
      <c r="I33017" s="1" t="s">
        <v>113180</v>
      </c>
      <c r="J33017" s="1" t="s">
        <v>114989</v>
      </c>
    </row>
    <row r="33018" spans="1:10" x14ac:dyDescent="0.35">
      <c r="A33018" s="1" t="s">
        <v>114949</v>
      </c>
      <c r="B33018" s="1" t="s">
        <v>113175</v>
      </c>
      <c r="C33018" s="1" t="s">
        <v>90</v>
      </c>
      <c r="D33018" s="1" t="s">
        <v>69529</v>
      </c>
      <c r="E33018" s="1" t="s">
        <v>15845</v>
      </c>
      <c r="F33018" s="1" t="s">
        <v>58384</v>
      </c>
      <c r="G33018" s="1" t="s">
        <v>114952</v>
      </c>
      <c r="H33018" s="1" t="s">
        <v>114953</v>
      </c>
      <c r="I33018" s="1" t="s">
        <v>113180</v>
      </c>
      <c r="J33018" s="1" t="s">
        <v>114990</v>
      </c>
    </row>
    <row r="33019" spans="1:10" x14ac:dyDescent="0.35">
      <c r="A33019" s="1" t="s">
        <v>114949</v>
      </c>
      <c r="B33019" s="1" t="s">
        <v>113175</v>
      </c>
      <c r="C33019" s="1" t="s">
        <v>95</v>
      </c>
      <c r="D33019" s="1" t="s">
        <v>101064</v>
      </c>
      <c r="E33019" s="1" t="s">
        <v>32588</v>
      </c>
      <c r="F33019" s="1" t="s">
        <v>114991</v>
      </c>
      <c r="G33019" s="1" t="s">
        <v>114952</v>
      </c>
      <c r="H33019" s="1" t="s">
        <v>114953</v>
      </c>
      <c r="I33019" s="1" t="s">
        <v>113180</v>
      </c>
      <c r="J33019" s="1" t="s">
        <v>114992</v>
      </c>
    </row>
    <row r="33020" spans="1:10" x14ac:dyDescent="0.35">
      <c r="A33020" s="1" t="s">
        <v>114949</v>
      </c>
      <c r="B33020" s="1" t="s">
        <v>113175</v>
      </c>
      <c r="C33020" s="1" t="s">
        <v>100</v>
      </c>
      <c r="D33020" s="1" t="s">
        <v>114993</v>
      </c>
      <c r="E33020" s="1" t="s">
        <v>54697</v>
      </c>
      <c r="F33020" s="1" t="s">
        <v>114994</v>
      </c>
      <c r="G33020" s="1" t="s">
        <v>114952</v>
      </c>
      <c r="H33020" s="1" t="s">
        <v>114953</v>
      </c>
      <c r="I33020" s="1" t="s">
        <v>113180</v>
      </c>
      <c r="J33020" s="1" t="s">
        <v>114995</v>
      </c>
    </row>
    <row r="33021" spans="1:10" x14ac:dyDescent="0.35">
      <c r="A33021" s="1" t="s">
        <v>114949</v>
      </c>
      <c r="B33021" s="1" t="s">
        <v>113175</v>
      </c>
      <c r="C33021" s="1" t="s">
        <v>105</v>
      </c>
      <c r="D33021" s="1" t="s">
        <v>114996</v>
      </c>
      <c r="E33021" s="1" t="s">
        <v>16164</v>
      </c>
      <c r="F33021" s="1" t="s">
        <v>56151</v>
      </c>
      <c r="G33021" s="1" t="s">
        <v>114952</v>
      </c>
      <c r="H33021" s="1" t="s">
        <v>114953</v>
      </c>
      <c r="I33021" s="1" t="s">
        <v>113180</v>
      </c>
      <c r="J33021" s="1" t="s">
        <v>114997</v>
      </c>
    </row>
    <row r="33022" spans="1:10" x14ac:dyDescent="0.35">
      <c r="A33022" s="1" t="s">
        <v>114949</v>
      </c>
      <c r="B33022" s="1" t="s">
        <v>113175</v>
      </c>
      <c r="C33022" s="1" t="s">
        <v>110</v>
      </c>
      <c r="D33022" s="1" t="s">
        <v>114998</v>
      </c>
      <c r="E33022" s="1" t="s">
        <v>16186</v>
      </c>
      <c r="F33022" s="1" t="s">
        <v>114999</v>
      </c>
      <c r="G33022" s="1" t="s">
        <v>114952</v>
      </c>
      <c r="H33022" s="1" t="s">
        <v>114953</v>
      </c>
      <c r="I33022" s="1" t="s">
        <v>113180</v>
      </c>
      <c r="J33022" s="1" t="s">
        <v>115000</v>
      </c>
    </row>
    <row r="33023" spans="1:10" x14ac:dyDescent="0.35">
      <c r="A33023" s="1" t="s">
        <v>114949</v>
      </c>
      <c r="B33023" s="1" t="s">
        <v>113175</v>
      </c>
      <c r="C33023" s="1" t="s">
        <v>115</v>
      </c>
      <c r="D33023" s="1" t="s">
        <v>115001</v>
      </c>
      <c r="E33023" s="1" t="s">
        <v>97168</v>
      </c>
      <c r="F33023" s="1" t="s">
        <v>98596</v>
      </c>
      <c r="G33023" s="1" t="s">
        <v>114952</v>
      </c>
      <c r="H33023" s="1" t="s">
        <v>114953</v>
      </c>
      <c r="I33023" s="1" t="s">
        <v>113180</v>
      </c>
      <c r="J33023" s="1" t="s">
        <v>115002</v>
      </c>
    </row>
    <row r="33024" spans="1:10" x14ac:dyDescent="0.35">
      <c r="A33024" s="1" t="s">
        <v>114949</v>
      </c>
      <c r="B33024" s="1" t="s">
        <v>113175</v>
      </c>
      <c r="C33024" s="1" t="s">
        <v>120</v>
      </c>
      <c r="D33024" s="1" t="s">
        <v>92542</v>
      </c>
      <c r="E33024" s="1" t="s">
        <v>15357</v>
      </c>
      <c r="F33024" s="1" t="s">
        <v>70891</v>
      </c>
      <c r="G33024" s="1" t="s">
        <v>114952</v>
      </c>
      <c r="H33024" s="1" t="s">
        <v>114953</v>
      </c>
      <c r="I33024" s="1" t="s">
        <v>113180</v>
      </c>
      <c r="J33024" s="1" t="s">
        <v>115003</v>
      </c>
    </row>
    <row r="33025" spans="1:10" x14ac:dyDescent="0.35">
      <c r="A33025" s="1" t="s">
        <v>114949</v>
      </c>
      <c r="B33025" s="1" t="s">
        <v>113175</v>
      </c>
      <c r="C33025" s="1" t="s">
        <v>125</v>
      </c>
      <c r="D33025" s="1" t="s">
        <v>115004</v>
      </c>
      <c r="E33025" s="1" t="s">
        <v>26488</v>
      </c>
      <c r="F33025" s="1" t="s">
        <v>115005</v>
      </c>
      <c r="G33025" s="1" t="s">
        <v>114952</v>
      </c>
      <c r="H33025" s="1" t="s">
        <v>114953</v>
      </c>
      <c r="I33025" s="1" t="s">
        <v>113180</v>
      </c>
      <c r="J33025" s="1" t="s">
        <v>115006</v>
      </c>
    </row>
    <row r="33026" spans="1:10" x14ac:dyDescent="0.35">
      <c r="A33026" s="1" t="s">
        <v>114949</v>
      </c>
      <c r="B33026" s="1" t="s">
        <v>113175</v>
      </c>
      <c r="C33026" s="1" t="s">
        <v>130</v>
      </c>
      <c r="D33026" s="1" t="s">
        <v>77248</v>
      </c>
      <c r="E33026" s="1" t="s">
        <v>30597</v>
      </c>
      <c r="F33026" s="1" t="s">
        <v>115007</v>
      </c>
      <c r="G33026" s="1" t="s">
        <v>114952</v>
      </c>
      <c r="H33026" s="1" t="s">
        <v>114953</v>
      </c>
      <c r="I33026" s="1" t="s">
        <v>113180</v>
      </c>
      <c r="J33026" s="1" t="s">
        <v>115008</v>
      </c>
    </row>
    <row r="33027" spans="1:10" x14ac:dyDescent="0.35">
      <c r="A33027" s="1" t="s">
        <v>114949</v>
      </c>
      <c r="B33027" s="1" t="s">
        <v>113175</v>
      </c>
      <c r="C33027" s="1" t="s">
        <v>135</v>
      </c>
      <c r="D33027" s="1" t="s">
        <v>115009</v>
      </c>
      <c r="E33027" s="1" t="s">
        <v>26535</v>
      </c>
      <c r="F33027" s="1" t="s">
        <v>102563</v>
      </c>
      <c r="G33027" s="1" t="s">
        <v>114952</v>
      </c>
      <c r="H33027" s="1" t="s">
        <v>114953</v>
      </c>
      <c r="I33027" s="1" t="s">
        <v>113180</v>
      </c>
      <c r="J33027" s="1" t="s">
        <v>115010</v>
      </c>
    </row>
    <row r="33028" spans="1:10" x14ac:dyDescent="0.35">
      <c r="A33028" s="1" t="s">
        <v>114949</v>
      </c>
      <c r="B33028" s="1" t="s">
        <v>113175</v>
      </c>
      <c r="C33028" s="1" t="s">
        <v>140</v>
      </c>
      <c r="D33028" s="1" t="s">
        <v>102951</v>
      </c>
      <c r="E33028" s="1" t="s">
        <v>23187</v>
      </c>
      <c r="F33028" s="1" t="s">
        <v>57642</v>
      </c>
      <c r="G33028" s="1" t="s">
        <v>114952</v>
      </c>
      <c r="H33028" s="1" t="s">
        <v>114953</v>
      </c>
      <c r="I33028" s="1" t="s">
        <v>113180</v>
      </c>
      <c r="J33028" s="1" t="s">
        <v>115011</v>
      </c>
    </row>
    <row r="33029" spans="1:10" x14ac:dyDescent="0.35">
      <c r="A33029" s="1" t="s">
        <v>114949</v>
      </c>
      <c r="B33029" s="1" t="s">
        <v>113175</v>
      </c>
      <c r="C33029" s="1" t="s">
        <v>145</v>
      </c>
      <c r="D33029" s="1" t="s">
        <v>81818</v>
      </c>
      <c r="E33029" s="1" t="s">
        <v>72834</v>
      </c>
      <c r="F33029" s="1" t="s">
        <v>115012</v>
      </c>
      <c r="G33029" s="1" t="s">
        <v>114952</v>
      </c>
      <c r="H33029" s="1" t="s">
        <v>114953</v>
      </c>
      <c r="I33029" s="1" t="s">
        <v>113180</v>
      </c>
      <c r="J33029" s="1" t="s">
        <v>115013</v>
      </c>
    </row>
    <row r="33030" spans="1:10" x14ac:dyDescent="0.35">
      <c r="A33030" s="1" t="s">
        <v>114949</v>
      </c>
      <c r="B33030" s="1" t="s">
        <v>113175</v>
      </c>
      <c r="C33030" s="1" t="s">
        <v>150</v>
      </c>
      <c r="D33030" s="1" t="s">
        <v>97067</v>
      </c>
      <c r="E33030" s="1" t="s">
        <v>54211</v>
      </c>
      <c r="F33030" s="1" t="s">
        <v>115014</v>
      </c>
      <c r="G33030" s="1" t="s">
        <v>114952</v>
      </c>
      <c r="H33030" s="1" t="s">
        <v>114953</v>
      </c>
      <c r="I33030" s="1" t="s">
        <v>113180</v>
      </c>
      <c r="J33030" s="1" t="s">
        <v>115015</v>
      </c>
    </row>
    <row r="33031" spans="1:10" x14ac:dyDescent="0.35">
      <c r="A33031" s="1" t="s">
        <v>114949</v>
      </c>
      <c r="B33031" s="1" t="s">
        <v>113175</v>
      </c>
      <c r="C33031" s="1" t="s">
        <v>155</v>
      </c>
      <c r="D33031" s="1" t="s">
        <v>103913</v>
      </c>
      <c r="E33031" s="1" t="s">
        <v>26292</v>
      </c>
      <c r="F33031" s="1" t="s">
        <v>115016</v>
      </c>
      <c r="G33031" s="1" t="s">
        <v>114952</v>
      </c>
      <c r="H33031" s="1" t="s">
        <v>114953</v>
      </c>
      <c r="I33031" s="1" t="s">
        <v>113180</v>
      </c>
      <c r="J33031" s="1" t="s">
        <v>115017</v>
      </c>
    </row>
    <row r="33032" spans="1:10" x14ac:dyDescent="0.35">
      <c r="A33032" s="1" t="s">
        <v>114949</v>
      </c>
      <c r="B33032" s="1" t="s">
        <v>113175</v>
      </c>
      <c r="C33032" s="1" t="s">
        <v>160</v>
      </c>
      <c r="D33032" s="1" t="s">
        <v>68159</v>
      </c>
      <c r="E33032" s="1" t="s">
        <v>114405</v>
      </c>
      <c r="F33032" s="1" t="s">
        <v>103864</v>
      </c>
      <c r="G33032" s="1" t="s">
        <v>114952</v>
      </c>
      <c r="H33032" s="1" t="s">
        <v>114953</v>
      </c>
      <c r="I33032" s="1" t="s">
        <v>113180</v>
      </c>
      <c r="J33032" s="1" t="s">
        <v>115018</v>
      </c>
    </row>
    <row r="33033" spans="1:10" x14ac:dyDescent="0.35">
      <c r="A33033" s="1" t="s">
        <v>114949</v>
      </c>
      <c r="B33033" s="1" t="s">
        <v>113175</v>
      </c>
      <c r="C33033" s="1" t="s">
        <v>165</v>
      </c>
      <c r="D33033" s="1" t="s">
        <v>115019</v>
      </c>
      <c r="E33033" s="1" t="s">
        <v>26461</v>
      </c>
      <c r="F33033" s="1" t="s">
        <v>115020</v>
      </c>
      <c r="G33033" s="1" t="s">
        <v>114952</v>
      </c>
      <c r="H33033" s="1" t="s">
        <v>114953</v>
      </c>
      <c r="I33033" s="1" t="s">
        <v>113180</v>
      </c>
      <c r="J33033" s="1" t="s">
        <v>115021</v>
      </c>
    </row>
    <row r="33034" spans="1:10" x14ac:dyDescent="0.35">
      <c r="A33034" s="1" t="s">
        <v>114949</v>
      </c>
      <c r="B33034" s="1" t="s">
        <v>113175</v>
      </c>
      <c r="C33034" s="1" t="s">
        <v>170</v>
      </c>
      <c r="D33034" s="1" t="s">
        <v>115022</v>
      </c>
      <c r="E33034" s="1" t="s">
        <v>31914</v>
      </c>
      <c r="F33034" s="1" t="s">
        <v>115023</v>
      </c>
      <c r="G33034" s="1" t="s">
        <v>114952</v>
      </c>
      <c r="H33034" s="1" t="s">
        <v>114953</v>
      </c>
      <c r="I33034" s="1" t="s">
        <v>113180</v>
      </c>
      <c r="J33034" s="1" t="s">
        <v>115024</v>
      </c>
    </row>
    <row r="33035" spans="1:10" x14ac:dyDescent="0.35">
      <c r="A33035" s="1" t="s">
        <v>6198</v>
      </c>
      <c r="B33035" s="1" t="s">
        <v>113175</v>
      </c>
      <c r="C33035" s="1" t="s">
        <v>8</v>
      </c>
      <c r="D33035" s="1" t="s">
        <v>31907</v>
      </c>
      <c r="E33035" s="1" t="s">
        <v>115025</v>
      </c>
      <c r="F33035" s="1" t="s">
        <v>115026</v>
      </c>
      <c r="G33035" s="1" t="s">
        <v>115027</v>
      </c>
      <c r="H33035" s="1" t="s">
        <v>115028</v>
      </c>
      <c r="I33035" s="1" t="s">
        <v>113180</v>
      </c>
      <c r="J33035" s="1" t="s">
        <v>13</v>
      </c>
    </row>
    <row r="33036" spans="1:10" x14ac:dyDescent="0.35">
      <c r="A33036" s="1" t="s">
        <v>6198</v>
      </c>
      <c r="B33036" s="1" t="s">
        <v>113175</v>
      </c>
      <c r="C33036" s="1" t="s">
        <v>15</v>
      </c>
      <c r="D33036" s="1" t="s">
        <v>115029</v>
      </c>
      <c r="E33036" s="1" t="s">
        <v>115030</v>
      </c>
      <c r="F33036" s="1" t="s">
        <v>115031</v>
      </c>
      <c r="G33036" s="1" t="s">
        <v>115027</v>
      </c>
      <c r="H33036" s="1" t="s">
        <v>115028</v>
      </c>
      <c r="I33036" s="1" t="s">
        <v>113180</v>
      </c>
      <c r="J33036" s="1" t="s">
        <v>115032</v>
      </c>
    </row>
    <row r="33037" spans="1:10" x14ac:dyDescent="0.35">
      <c r="A33037" s="1" t="s">
        <v>6198</v>
      </c>
      <c r="B33037" s="1" t="s">
        <v>113175</v>
      </c>
      <c r="C33037" s="1" t="s">
        <v>20</v>
      </c>
      <c r="D33037" s="1" t="s">
        <v>115033</v>
      </c>
      <c r="E33037" s="1" t="s">
        <v>115034</v>
      </c>
      <c r="F33037" s="1" t="s">
        <v>115035</v>
      </c>
      <c r="G33037" s="1" t="s">
        <v>115027</v>
      </c>
      <c r="H33037" s="1" t="s">
        <v>115028</v>
      </c>
      <c r="I33037" s="1" t="s">
        <v>113180</v>
      </c>
      <c r="J33037" s="1" t="s">
        <v>115036</v>
      </c>
    </row>
    <row r="33038" spans="1:10" x14ac:dyDescent="0.35">
      <c r="A33038" s="1" t="s">
        <v>6198</v>
      </c>
      <c r="B33038" s="1" t="s">
        <v>113175</v>
      </c>
      <c r="C33038" s="1" t="s">
        <v>25</v>
      </c>
      <c r="D33038" s="1" t="s">
        <v>115037</v>
      </c>
      <c r="E33038" s="1" t="s">
        <v>115038</v>
      </c>
      <c r="F33038" s="1" t="s">
        <v>115039</v>
      </c>
      <c r="G33038" s="1" t="s">
        <v>115027</v>
      </c>
      <c r="H33038" s="1" t="s">
        <v>115028</v>
      </c>
      <c r="I33038" s="1" t="s">
        <v>113180</v>
      </c>
      <c r="J33038" s="1" t="s">
        <v>115040</v>
      </c>
    </row>
    <row r="33039" spans="1:10" x14ac:dyDescent="0.35">
      <c r="A33039" s="1" t="s">
        <v>6198</v>
      </c>
      <c r="B33039" s="1" t="s">
        <v>113175</v>
      </c>
      <c r="C33039" s="1" t="s">
        <v>30</v>
      </c>
      <c r="D33039" s="1" t="s">
        <v>25651</v>
      </c>
      <c r="E33039" s="1" t="s">
        <v>115041</v>
      </c>
      <c r="F33039" s="1" t="s">
        <v>115042</v>
      </c>
      <c r="G33039" s="1" t="s">
        <v>115027</v>
      </c>
      <c r="H33039" s="1" t="s">
        <v>115028</v>
      </c>
      <c r="I33039" s="1" t="s">
        <v>113180</v>
      </c>
      <c r="J33039" s="1" t="s">
        <v>115043</v>
      </c>
    </row>
    <row r="33040" spans="1:10" x14ac:dyDescent="0.35">
      <c r="A33040" s="1" t="s">
        <v>6198</v>
      </c>
      <c r="B33040" s="1" t="s">
        <v>113175</v>
      </c>
      <c r="C33040" s="1" t="s">
        <v>35</v>
      </c>
      <c r="D33040" s="1" t="s">
        <v>115044</v>
      </c>
      <c r="E33040" s="1" t="s">
        <v>115045</v>
      </c>
      <c r="F33040" s="1" t="s">
        <v>115046</v>
      </c>
      <c r="G33040" s="1" t="s">
        <v>115027</v>
      </c>
      <c r="H33040" s="1" t="s">
        <v>115028</v>
      </c>
      <c r="I33040" s="1" t="s">
        <v>113180</v>
      </c>
      <c r="J33040" s="1" t="s">
        <v>115047</v>
      </c>
    </row>
    <row r="33041" spans="1:10" x14ac:dyDescent="0.35">
      <c r="A33041" s="1" t="s">
        <v>6198</v>
      </c>
      <c r="B33041" s="1" t="s">
        <v>113175</v>
      </c>
      <c r="C33041" s="1" t="s">
        <v>40</v>
      </c>
      <c r="D33041" s="1" t="s">
        <v>115048</v>
      </c>
      <c r="E33041" s="1" t="s">
        <v>115049</v>
      </c>
      <c r="F33041" s="1" t="s">
        <v>115050</v>
      </c>
      <c r="G33041" s="1" t="s">
        <v>115027</v>
      </c>
      <c r="H33041" s="1" t="s">
        <v>115028</v>
      </c>
      <c r="I33041" s="1" t="s">
        <v>113180</v>
      </c>
      <c r="J33041" s="1" t="s">
        <v>115051</v>
      </c>
    </row>
    <row r="33042" spans="1:10" x14ac:dyDescent="0.35">
      <c r="A33042" s="1" t="s">
        <v>6198</v>
      </c>
      <c r="B33042" s="1" t="s">
        <v>113175</v>
      </c>
      <c r="C33042" s="1" t="s">
        <v>45</v>
      </c>
      <c r="D33042" s="1" t="s">
        <v>115052</v>
      </c>
      <c r="E33042" s="1" t="s">
        <v>115053</v>
      </c>
      <c r="F33042" s="1" t="s">
        <v>115054</v>
      </c>
      <c r="G33042" s="1" t="s">
        <v>115027</v>
      </c>
      <c r="H33042" s="1" t="s">
        <v>115028</v>
      </c>
      <c r="I33042" s="1" t="s">
        <v>113180</v>
      </c>
      <c r="J33042" s="1" t="s">
        <v>115055</v>
      </c>
    </row>
    <row r="33043" spans="1:10" x14ac:dyDescent="0.35">
      <c r="A33043" s="1" t="s">
        <v>6198</v>
      </c>
      <c r="B33043" s="1" t="s">
        <v>113175</v>
      </c>
      <c r="C33043" s="1" t="s">
        <v>50</v>
      </c>
      <c r="D33043" s="1" t="s">
        <v>960</v>
      </c>
      <c r="E33043" s="1" t="s">
        <v>115056</v>
      </c>
      <c r="F33043" s="1" t="s">
        <v>115057</v>
      </c>
      <c r="G33043" s="1" t="s">
        <v>115027</v>
      </c>
      <c r="H33043" s="1" t="s">
        <v>115028</v>
      </c>
      <c r="I33043" s="1" t="s">
        <v>113180</v>
      </c>
      <c r="J33043" s="1" t="s">
        <v>115058</v>
      </c>
    </row>
    <row r="33044" spans="1:10" x14ac:dyDescent="0.35">
      <c r="A33044" s="1" t="s">
        <v>6198</v>
      </c>
      <c r="B33044" s="1" t="s">
        <v>113175</v>
      </c>
      <c r="C33044" s="1" t="s">
        <v>55</v>
      </c>
      <c r="D33044" s="1" t="s">
        <v>115059</v>
      </c>
      <c r="E33044" s="1" t="s">
        <v>115060</v>
      </c>
      <c r="F33044" s="1" t="s">
        <v>115061</v>
      </c>
      <c r="G33044" s="1" t="s">
        <v>115027</v>
      </c>
      <c r="H33044" s="1" t="s">
        <v>115028</v>
      </c>
      <c r="I33044" s="1" t="s">
        <v>113180</v>
      </c>
      <c r="J33044" s="1" t="s">
        <v>115062</v>
      </c>
    </row>
    <row r="33045" spans="1:10" x14ac:dyDescent="0.35">
      <c r="A33045" s="1" t="s">
        <v>6198</v>
      </c>
      <c r="B33045" s="1" t="s">
        <v>113175</v>
      </c>
      <c r="C33045" s="1" t="s">
        <v>60</v>
      </c>
      <c r="D33045" s="1" t="s">
        <v>115063</v>
      </c>
      <c r="E33045" s="1" t="s">
        <v>115064</v>
      </c>
      <c r="F33045" s="1" t="s">
        <v>115065</v>
      </c>
      <c r="G33045" s="1" t="s">
        <v>115027</v>
      </c>
      <c r="H33045" s="1" t="s">
        <v>115028</v>
      </c>
      <c r="I33045" s="1" t="s">
        <v>113180</v>
      </c>
      <c r="J33045" s="1" t="s">
        <v>115066</v>
      </c>
    </row>
    <row r="33046" spans="1:10" x14ac:dyDescent="0.35">
      <c r="A33046" s="1" t="s">
        <v>6198</v>
      </c>
      <c r="B33046" s="1" t="s">
        <v>113175</v>
      </c>
      <c r="C33046" s="1" t="s">
        <v>65</v>
      </c>
      <c r="D33046" s="1" t="s">
        <v>115067</v>
      </c>
      <c r="E33046" s="1" t="s">
        <v>115068</v>
      </c>
      <c r="F33046" s="1" t="s">
        <v>115069</v>
      </c>
      <c r="G33046" s="1" t="s">
        <v>115027</v>
      </c>
      <c r="H33046" s="1" t="s">
        <v>115028</v>
      </c>
      <c r="I33046" s="1" t="s">
        <v>113180</v>
      </c>
      <c r="J33046" s="1" t="s">
        <v>115070</v>
      </c>
    </row>
    <row r="33047" spans="1:10" x14ac:dyDescent="0.35">
      <c r="A33047" s="1" t="s">
        <v>6198</v>
      </c>
      <c r="B33047" s="1" t="s">
        <v>113175</v>
      </c>
      <c r="C33047" s="1" t="s">
        <v>70</v>
      </c>
      <c r="D33047" s="1" t="s">
        <v>115071</v>
      </c>
      <c r="E33047" s="1" t="s">
        <v>115072</v>
      </c>
      <c r="F33047" s="1" t="s">
        <v>115073</v>
      </c>
      <c r="G33047" s="1" t="s">
        <v>115027</v>
      </c>
      <c r="H33047" s="1" t="s">
        <v>115028</v>
      </c>
      <c r="I33047" s="1" t="s">
        <v>113180</v>
      </c>
      <c r="J33047" s="1" t="s">
        <v>115074</v>
      </c>
    </row>
    <row r="33048" spans="1:10" x14ac:dyDescent="0.35">
      <c r="A33048" s="1" t="s">
        <v>6198</v>
      </c>
      <c r="B33048" s="1" t="s">
        <v>113175</v>
      </c>
      <c r="C33048" s="1" t="s">
        <v>75</v>
      </c>
      <c r="D33048" s="1" t="s">
        <v>16913</v>
      </c>
      <c r="E33048" s="1" t="s">
        <v>115075</v>
      </c>
      <c r="F33048" s="1" t="s">
        <v>115076</v>
      </c>
      <c r="G33048" s="1" t="s">
        <v>115027</v>
      </c>
      <c r="H33048" s="1" t="s">
        <v>115028</v>
      </c>
      <c r="I33048" s="1" t="s">
        <v>113180</v>
      </c>
      <c r="J33048" s="1" t="s">
        <v>115077</v>
      </c>
    </row>
    <row r="33049" spans="1:10" x14ac:dyDescent="0.35">
      <c r="A33049" s="1" t="s">
        <v>6198</v>
      </c>
      <c r="B33049" s="1" t="s">
        <v>113175</v>
      </c>
      <c r="C33049" s="1" t="s">
        <v>80</v>
      </c>
      <c r="D33049" s="1" t="s">
        <v>115078</v>
      </c>
      <c r="E33049" s="1" t="s">
        <v>115079</v>
      </c>
      <c r="F33049" s="1" t="s">
        <v>115080</v>
      </c>
      <c r="G33049" s="1" t="s">
        <v>115027</v>
      </c>
      <c r="H33049" s="1" t="s">
        <v>115028</v>
      </c>
      <c r="I33049" s="1" t="s">
        <v>113180</v>
      </c>
      <c r="J33049" s="1" t="s">
        <v>115081</v>
      </c>
    </row>
    <row r="33050" spans="1:10" x14ac:dyDescent="0.35">
      <c r="A33050" s="1" t="s">
        <v>6198</v>
      </c>
      <c r="B33050" s="1" t="s">
        <v>113175</v>
      </c>
      <c r="C33050" s="1" t="s">
        <v>85</v>
      </c>
      <c r="D33050" s="1" t="s">
        <v>43429</v>
      </c>
      <c r="E33050" s="1" t="s">
        <v>115082</v>
      </c>
      <c r="F33050" s="1" t="s">
        <v>115083</v>
      </c>
      <c r="G33050" s="1" t="s">
        <v>115027</v>
      </c>
      <c r="H33050" s="1" t="s">
        <v>115028</v>
      </c>
      <c r="I33050" s="1" t="s">
        <v>113180</v>
      </c>
      <c r="J33050" s="1" t="s">
        <v>115084</v>
      </c>
    </row>
    <row r="33051" spans="1:10" x14ac:dyDescent="0.35">
      <c r="A33051" s="1" t="s">
        <v>6198</v>
      </c>
      <c r="B33051" s="1" t="s">
        <v>113175</v>
      </c>
      <c r="C33051" s="1" t="s">
        <v>90</v>
      </c>
      <c r="D33051" s="1" t="s">
        <v>19407</v>
      </c>
      <c r="E33051" s="1" t="s">
        <v>115085</v>
      </c>
      <c r="F33051" s="1" t="s">
        <v>115086</v>
      </c>
      <c r="G33051" s="1" t="s">
        <v>115027</v>
      </c>
      <c r="H33051" s="1" t="s">
        <v>115028</v>
      </c>
      <c r="I33051" s="1" t="s">
        <v>113180</v>
      </c>
      <c r="J33051" s="1" t="s">
        <v>115087</v>
      </c>
    </row>
    <row r="33052" spans="1:10" x14ac:dyDescent="0.35">
      <c r="A33052" s="1" t="s">
        <v>6198</v>
      </c>
      <c r="B33052" s="1" t="s">
        <v>113175</v>
      </c>
      <c r="C33052" s="1" t="s">
        <v>95</v>
      </c>
      <c r="D33052" s="1" t="s">
        <v>115088</v>
      </c>
      <c r="E33052" s="1" t="s">
        <v>115089</v>
      </c>
      <c r="F33052" s="1" t="s">
        <v>115090</v>
      </c>
      <c r="G33052" s="1" t="s">
        <v>115027</v>
      </c>
      <c r="H33052" s="1" t="s">
        <v>115028</v>
      </c>
      <c r="I33052" s="1" t="s">
        <v>113180</v>
      </c>
      <c r="J33052" s="1" t="s">
        <v>115091</v>
      </c>
    </row>
    <row r="33053" spans="1:10" x14ac:dyDescent="0.35">
      <c r="A33053" s="1" t="s">
        <v>6198</v>
      </c>
      <c r="B33053" s="1" t="s">
        <v>113175</v>
      </c>
      <c r="C33053" s="1" t="s">
        <v>100</v>
      </c>
      <c r="D33053" s="1" t="s">
        <v>3212</v>
      </c>
      <c r="E33053" s="1" t="s">
        <v>115092</v>
      </c>
      <c r="F33053" s="1" t="s">
        <v>115093</v>
      </c>
      <c r="G33053" s="1" t="s">
        <v>115027</v>
      </c>
      <c r="H33053" s="1" t="s">
        <v>115028</v>
      </c>
      <c r="I33053" s="1" t="s">
        <v>113180</v>
      </c>
      <c r="J33053" s="1" t="s">
        <v>115094</v>
      </c>
    </row>
    <row r="33054" spans="1:10" x14ac:dyDescent="0.35">
      <c r="A33054" s="1" t="s">
        <v>6198</v>
      </c>
      <c r="B33054" s="1" t="s">
        <v>113175</v>
      </c>
      <c r="C33054" s="1" t="s">
        <v>105</v>
      </c>
      <c r="D33054" s="1" t="s">
        <v>115095</v>
      </c>
      <c r="E33054" s="1" t="s">
        <v>115096</v>
      </c>
      <c r="F33054" s="1" t="s">
        <v>115097</v>
      </c>
      <c r="G33054" s="1" t="s">
        <v>115027</v>
      </c>
      <c r="H33054" s="1" t="s">
        <v>115028</v>
      </c>
      <c r="I33054" s="1" t="s">
        <v>113180</v>
      </c>
      <c r="J33054" s="1" t="s">
        <v>115098</v>
      </c>
    </row>
    <row r="33055" spans="1:10" x14ac:dyDescent="0.35">
      <c r="A33055" s="1" t="s">
        <v>6198</v>
      </c>
      <c r="B33055" s="1" t="s">
        <v>113175</v>
      </c>
      <c r="C33055" s="1" t="s">
        <v>110</v>
      </c>
      <c r="D33055" s="1" t="s">
        <v>115099</v>
      </c>
      <c r="E33055" s="1" t="s">
        <v>115100</v>
      </c>
      <c r="F33055" s="1" t="s">
        <v>115101</v>
      </c>
      <c r="G33055" s="1" t="s">
        <v>115027</v>
      </c>
      <c r="H33055" s="1" t="s">
        <v>115028</v>
      </c>
      <c r="I33055" s="1" t="s">
        <v>113180</v>
      </c>
      <c r="J33055" s="1" t="s">
        <v>115102</v>
      </c>
    </row>
    <row r="33056" spans="1:10" x14ac:dyDescent="0.35">
      <c r="A33056" s="1" t="s">
        <v>6198</v>
      </c>
      <c r="B33056" s="1" t="s">
        <v>113175</v>
      </c>
      <c r="C33056" s="1" t="s">
        <v>115</v>
      </c>
      <c r="D33056" s="1" t="s">
        <v>115103</v>
      </c>
      <c r="E33056" s="1" t="s">
        <v>115104</v>
      </c>
      <c r="F33056" s="1" t="s">
        <v>115105</v>
      </c>
      <c r="G33056" s="1" t="s">
        <v>115027</v>
      </c>
      <c r="H33056" s="1" t="s">
        <v>115028</v>
      </c>
      <c r="I33056" s="1" t="s">
        <v>113180</v>
      </c>
      <c r="J33056" s="1" t="s">
        <v>115106</v>
      </c>
    </row>
    <row r="33057" spans="1:10" x14ac:dyDescent="0.35">
      <c r="A33057" s="1" t="s">
        <v>6198</v>
      </c>
      <c r="B33057" s="1" t="s">
        <v>113175</v>
      </c>
      <c r="C33057" s="1" t="s">
        <v>120</v>
      </c>
      <c r="D33057" s="1" t="s">
        <v>115107</v>
      </c>
      <c r="E33057" s="1" t="s">
        <v>115108</v>
      </c>
      <c r="F33057" s="1" t="s">
        <v>115109</v>
      </c>
      <c r="G33057" s="1" t="s">
        <v>115027</v>
      </c>
      <c r="H33057" s="1" t="s">
        <v>115028</v>
      </c>
      <c r="I33057" s="1" t="s">
        <v>113180</v>
      </c>
      <c r="J33057" s="1" t="s">
        <v>115110</v>
      </c>
    </row>
    <row r="33058" spans="1:10" x14ac:dyDescent="0.35">
      <c r="A33058" s="1" t="s">
        <v>6198</v>
      </c>
      <c r="B33058" s="1" t="s">
        <v>113175</v>
      </c>
      <c r="C33058" s="1" t="s">
        <v>125</v>
      </c>
      <c r="D33058" s="1" t="s">
        <v>115111</v>
      </c>
      <c r="E33058" s="1" t="s">
        <v>115112</v>
      </c>
      <c r="F33058" s="1" t="s">
        <v>115113</v>
      </c>
      <c r="G33058" s="1" t="s">
        <v>115027</v>
      </c>
      <c r="H33058" s="1" t="s">
        <v>115028</v>
      </c>
      <c r="I33058" s="1" t="s">
        <v>113180</v>
      </c>
      <c r="J33058" s="1" t="s">
        <v>115114</v>
      </c>
    </row>
    <row r="33059" spans="1:10" x14ac:dyDescent="0.35">
      <c r="A33059" s="1" t="s">
        <v>6198</v>
      </c>
      <c r="B33059" s="1" t="s">
        <v>113175</v>
      </c>
      <c r="C33059" s="1" t="s">
        <v>130</v>
      </c>
      <c r="D33059" s="1" t="s">
        <v>115115</v>
      </c>
      <c r="E33059" s="1" t="s">
        <v>115116</v>
      </c>
      <c r="F33059" s="1" t="s">
        <v>115117</v>
      </c>
      <c r="G33059" s="1" t="s">
        <v>115027</v>
      </c>
      <c r="H33059" s="1" t="s">
        <v>115028</v>
      </c>
      <c r="I33059" s="1" t="s">
        <v>113180</v>
      </c>
      <c r="J33059" s="1" t="s">
        <v>115118</v>
      </c>
    </row>
    <row r="33060" spans="1:10" x14ac:dyDescent="0.35">
      <c r="A33060" s="1" t="s">
        <v>6198</v>
      </c>
      <c r="B33060" s="1" t="s">
        <v>113175</v>
      </c>
      <c r="C33060" s="1" t="s">
        <v>135</v>
      </c>
      <c r="D33060" s="1" t="s">
        <v>115119</v>
      </c>
      <c r="E33060" s="1" t="s">
        <v>115120</v>
      </c>
      <c r="F33060" s="1" t="s">
        <v>115121</v>
      </c>
      <c r="G33060" s="1" t="s">
        <v>115027</v>
      </c>
      <c r="H33060" s="1" t="s">
        <v>115028</v>
      </c>
      <c r="I33060" s="1" t="s">
        <v>113180</v>
      </c>
      <c r="J33060" s="1" t="s">
        <v>115122</v>
      </c>
    </row>
    <row r="33061" spans="1:10" x14ac:dyDescent="0.35">
      <c r="A33061" s="1" t="s">
        <v>6198</v>
      </c>
      <c r="B33061" s="1" t="s">
        <v>113175</v>
      </c>
      <c r="C33061" s="1" t="s">
        <v>140</v>
      </c>
      <c r="D33061" s="1" t="s">
        <v>115123</v>
      </c>
      <c r="E33061" s="1" t="s">
        <v>115124</v>
      </c>
      <c r="F33061" s="1" t="s">
        <v>115125</v>
      </c>
      <c r="G33061" s="1" t="s">
        <v>115027</v>
      </c>
      <c r="H33061" s="1" t="s">
        <v>115028</v>
      </c>
      <c r="I33061" s="1" t="s">
        <v>113180</v>
      </c>
      <c r="J33061" s="1" t="s">
        <v>115126</v>
      </c>
    </row>
    <row r="33062" spans="1:10" x14ac:dyDescent="0.35">
      <c r="A33062" s="1" t="s">
        <v>6198</v>
      </c>
      <c r="B33062" s="1" t="s">
        <v>113175</v>
      </c>
      <c r="C33062" s="1" t="s">
        <v>145</v>
      </c>
      <c r="D33062" s="1" t="s">
        <v>115127</v>
      </c>
      <c r="E33062" s="1" t="s">
        <v>115128</v>
      </c>
      <c r="F33062" s="1" t="s">
        <v>115129</v>
      </c>
      <c r="G33062" s="1" t="s">
        <v>115027</v>
      </c>
      <c r="H33062" s="1" t="s">
        <v>115028</v>
      </c>
      <c r="I33062" s="1" t="s">
        <v>113180</v>
      </c>
      <c r="J33062" s="1" t="s">
        <v>115130</v>
      </c>
    </row>
    <row r="33063" spans="1:10" x14ac:dyDescent="0.35">
      <c r="A33063" s="1" t="s">
        <v>6198</v>
      </c>
      <c r="B33063" s="1" t="s">
        <v>113175</v>
      </c>
      <c r="C33063" s="1" t="s">
        <v>150</v>
      </c>
      <c r="D33063" s="1" t="s">
        <v>64427</v>
      </c>
      <c r="E33063" s="1" t="s">
        <v>115131</v>
      </c>
      <c r="F33063" s="1" t="s">
        <v>115132</v>
      </c>
      <c r="G33063" s="1" t="s">
        <v>115027</v>
      </c>
      <c r="H33063" s="1" t="s">
        <v>115028</v>
      </c>
      <c r="I33063" s="1" t="s">
        <v>113180</v>
      </c>
      <c r="J33063" s="1" t="s">
        <v>115133</v>
      </c>
    </row>
    <row r="33064" spans="1:10" x14ac:dyDescent="0.35">
      <c r="A33064" s="1" t="s">
        <v>6198</v>
      </c>
      <c r="B33064" s="1" t="s">
        <v>113175</v>
      </c>
      <c r="C33064" s="1" t="s">
        <v>155</v>
      </c>
      <c r="D33064" s="1" t="s">
        <v>115134</v>
      </c>
      <c r="E33064" s="1" t="s">
        <v>115135</v>
      </c>
      <c r="F33064" s="1" t="s">
        <v>115136</v>
      </c>
      <c r="G33064" s="1" t="s">
        <v>115027</v>
      </c>
      <c r="H33064" s="1" t="s">
        <v>115028</v>
      </c>
      <c r="I33064" s="1" t="s">
        <v>113180</v>
      </c>
      <c r="J33064" s="1" t="s">
        <v>115137</v>
      </c>
    </row>
    <row r="33065" spans="1:10" x14ac:dyDescent="0.35">
      <c r="A33065" s="1" t="s">
        <v>6198</v>
      </c>
      <c r="B33065" s="1" t="s">
        <v>113175</v>
      </c>
      <c r="C33065" s="1" t="s">
        <v>160</v>
      </c>
      <c r="D33065" s="1" t="s">
        <v>98835</v>
      </c>
      <c r="E33065" s="1" t="s">
        <v>115138</v>
      </c>
      <c r="F33065" s="1" t="s">
        <v>115139</v>
      </c>
      <c r="G33065" s="1" t="s">
        <v>115027</v>
      </c>
      <c r="H33065" s="1" t="s">
        <v>115028</v>
      </c>
      <c r="I33065" s="1" t="s">
        <v>113180</v>
      </c>
      <c r="J33065" s="1" t="s">
        <v>115140</v>
      </c>
    </row>
    <row r="33066" spans="1:10" x14ac:dyDescent="0.35">
      <c r="A33066" s="1" t="s">
        <v>6198</v>
      </c>
      <c r="B33066" s="1" t="s">
        <v>113175</v>
      </c>
      <c r="C33066" s="1" t="s">
        <v>165</v>
      </c>
      <c r="D33066" s="1" t="s">
        <v>19451</v>
      </c>
      <c r="E33066" s="1" t="s">
        <v>115141</v>
      </c>
      <c r="F33066" s="1" t="s">
        <v>115142</v>
      </c>
      <c r="G33066" s="1" t="s">
        <v>115027</v>
      </c>
      <c r="H33066" s="1" t="s">
        <v>115028</v>
      </c>
      <c r="I33066" s="1" t="s">
        <v>113180</v>
      </c>
      <c r="J33066" s="1" t="s">
        <v>115143</v>
      </c>
    </row>
    <row r="33067" spans="1:10" x14ac:dyDescent="0.35">
      <c r="A33067" s="1" t="s">
        <v>6198</v>
      </c>
      <c r="B33067" s="1" t="s">
        <v>113175</v>
      </c>
      <c r="C33067" s="1" t="s">
        <v>170</v>
      </c>
      <c r="D33067" s="1" t="s">
        <v>86299</v>
      </c>
      <c r="E33067" s="1" t="s">
        <v>115144</v>
      </c>
      <c r="F33067" s="1" t="s">
        <v>115145</v>
      </c>
      <c r="G33067" s="1" t="s">
        <v>115027</v>
      </c>
      <c r="H33067" s="1" t="s">
        <v>115028</v>
      </c>
      <c r="I33067" s="1" t="s">
        <v>113180</v>
      </c>
      <c r="J33067" s="1" t="s">
        <v>115146</v>
      </c>
    </row>
    <row r="33068" spans="1:10" x14ac:dyDescent="0.35">
      <c r="A33068" s="1" t="s">
        <v>6308</v>
      </c>
      <c r="B33068" s="1" t="s">
        <v>113175</v>
      </c>
      <c r="C33068" s="1" t="s">
        <v>8</v>
      </c>
      <c r="D33068" s="1" t="s">
        <v>115147</v>
      </c>
      <c r="E33068" s="1" t="s">
        <v>56250</v>
      </c>
      <c r="F33068" s="1" t="s">
        <v>24243</v>
      </c>
      <c r="G33068" s="1" t="s">
        <v>115148</v>
      </c>
      <c r="H33068" s="1" t="s">
        <v>115149</v>
      </c>
      <c r="I33068" s="1" t="s">
        <v>113180</v>
      </c>
      <c r="J33068" s="1" t="s">
        <v>13</v>
      </c>
    </row>
    <row r="33069" spans="1:10" x14ac:dyDescent="0.35">
      <c r="A33069" s="1" t="s">
        <v>6308</v>
      </c>
      <c r="B33069" s="1" t="s">
        <v>113175</v>
      </c>
      <c r="C33069" s="1" t="s">
        <v>15</v>
      </c>
      <c r="D33069" s="1" t="s">
        <v>115150</v>
      </c>
      <c r="E33069" s="1" t="s">
        <v>54136</v>
      </c>
      <c r="F33069" s="1" t="s">
        <v>67235</v>
      </c>
      <c r="G33069" s="1" t="s">
        <v>115148</v>
      </c>
      <c r="H33069" s="1" t="s">
        <v>115149</v>
      </c>
      <c r="I33069" s="1" t="s">
        <v>113180</v>
      </c>
      <c r="J33069" s="1" t="s">
        <v>115151</v>
      </c>
    </row>
    <row r="33070" spans="1:10" x14ac:dyDescent="0.35">
      <c r="A33070" s="1" t="s">
        <v>6308</v>
      </c>
      <c r="B33070" s="1" t="s">
        <v>113175</v>
      </c>
      <c r="C33070" s="1" t="s">
        <v>20</v>
      </c>
      <c r="D33070" s="1" t="s">
        <v>900</v>
      </c>
      <c r="E33070" s="1" t="s">
        <v>54803</v>
      </c>
      <c r="F33070" s="1" t="s">
        <v>115152</v>
      </c>
      <c r="G33070" s="1" t="s">
        <v>115148</v>
      </c>
      <c r="H33070" s="1" t="s">
        <v>115149</v>
      </c>
      <c r="I33070" s="1" t="s">
        <v>113180</v>
      </c>
      <c r="J33070" s="1" t="s">
        <v>115153</v>
      </c>
    </row>
    <row r="33071" spans="1:10" x14ac:dyDescent="0.35">
      <c r="A33071" s="1" t="s">
        <v>6308</v>
      </c>
      <c r="B33071" s="1" t="s">
        <v>113175</v>
      </c>
      <c r="C33071" s="1" t="s">
        <v>25</v>
      </c>
      <c r="D33071" s="1" t="s">
        <v>115154</v>
      </c>
      <c r="E33071" s="1" t="s">
        <v>41233</v>
      </c>
      <c r="F33071" s="1" t="s">
        <v>115155</v>
      </c>
      <c r="G33071" s="1" t="s">
        <v>115148</v>
      </c>
      <c r="H33071" s="1" t="s">
        <v>115149</v>
      </c>
      <c r="I33071" s="1" t="s">
        <v>113180</v>
      </c>
      <c r="J33071" s="1" t="s">
        <v>115156</v>
      </c>
    </row>
    <row r="33072" spans="1:10" x14ac:dyDescent="0.35">
      <c r="A33072" s="1" t="s">
        <v>6308</v>
      </c>
      <c r="B33072" s="1" t="s">
        <v>113175</v>
      </c>
      <c r="C33072" s="1" t="s">
        <v>30</v>
      </c>
      <c r="D33072" s="1" t="s">
        <v>115157</v>
      </c>
      <c r="E33072" s="1" t="s">
        <v>27134</v>
      </c>
      <c r="F33072" s="1" t="s">
        <v>65417</v>
      </c>
      <c r="G33072" s="1" t="s">
        <v>115148</v>
      </c>
      <c r="H33072" s="1" t="s">
        <v>115149</v>
      </c>
      <c r="I33072" s="1" t="s">
        <v>113180</v>
      </c>
      <c r="J33072" s="1" t="s">
        <v>115158</v>
      </c>
    </row>
    <row r="33073" spans="1:10" x14ac:dyDescent="0.35">
      <c r="A33073" s="1" t="s">
        <v>6308</v>
      </c>
      <c r="B33073" s="1" t="s">
        <v>113175</v>
      </c>
      <c r="C33073" s="1" t="s">
        <v>35</v>
      </c>
      <c r="D33073" s="1" t="s">
        <v>115159</v>
      </c>
      <c r="E33073" s="1" t="s">
        <v>31445</v>
      </c>
      <c r="F33073" s="1" t="s">
        <v>63129</v>
      </c>
      <c r="G33073" s="1" t="s">
        <v>115148</v>
      </c>
      <c r="H33073" s="1" t="s">
        <v>115149</v>
      </c>
      <c r="I33073" s="1" t="s">
        <v>113180</v>
      </c>
      <c r="J33073" s="1" t="s">
        <v>115160</v>
      </c>
    </row>
    <row r="33074" spans="1:10" x14ac:dyDescent="0.35">
      <c r="A33074" s="1" t="s">
        <v>6308</v>
      </c>
      <c r="B33074" s="1" t="s">
        <v>113175</v>
      </c>
      <c r="C33074" s="1" t="s">
        <v>40</v>
      </c>
      <c r="D33074" s="1" t="s">
        <v>115161</v>
      </c>
      <c r="E33074" s="1" t="s">
        <v>54038</v>
      </c>
      <c r="F33074" s="1" t="s">
        <v>115162</v>
      </c>
      <c r="G33074" s="1" t="s">
        <v>115148</v>
      </c>
      <c r="H33074" s="1" t="s">
        <v>115149</v>
      </c>
      <c r="I33074" s="1" t="s">
        <v>113180</v>
      </c>
      <c r="J33074" s="1" t="s">
        <v>115163</v>
      </c>
    </row>
    <row r="33075" spans="1:10" x14ac:dyDescent="0.35">
      <c r="A33075" s="1" t="s">
        <v>6308</v>
      </c>
      <c r="B33075" s="1" t="s">
        <v>113175</v>
      </c>
      <c r="C33075" s="1" t="s">
        <v>45</v>
      </c>
      <c r="D33075" s="1" t="s">
        <v>115164</v>
      </c>
      <c r="E33075" s="1" t="s">
        <v>31441</v>
      </c>
      <c r="F33075" s="1" t="s">
        <v>115165</v>
      </c>
      <c r="G33075" s="1" t="s">
        <v>115148</v>
      </c>
      <c r="H33075" s="1" t="s">
        <v>115149</v>
      </c>
      <c r="I33075" s="1" t="s">
        <v>113180</v>
      </c>
      <c r="J33075" s="1" t="s">
        <v>115166</v>
      </c>
    </row>
    <row r="33076" spans="1:10" x14ac:dyDescent="0.35">
      <c r="A33076" s="1" t="s">
        <v>6308</v>
      </c>
      <c r="B33076" s="1" t="s">
        <v>113175</v>
      </c>
      <c r="C33076" s="1" t="s">
        <v>50</v>
      </c>
      <c r="D33076" s="1" t="s">
        <v>115167</v>
      </c>
      <c r="E33076" s="1" t="s">
        <v>31480</v>
      </c>
      <c r="F33076" s="1" t="s">
        <v>115168</v>
      </c>
      <c r="G33076" s="1" t="s">
        <v>115148</v>
      </c>
      <c r="H33076" s="1" t="s">
        <v>115149</v>
      </c>
      <c r="I33076" s="1" t="s">
        <v>113180</v>
      </c>
      <c r="J33076" s="1" t="s">
        <v>115169</v>
      </c>
    </row>
    <row r="33077" spans="1:10" x14ac:dyDescent="0.35">
      <c r="A33077" s="1" t="s">
        <v>6308</v>
      </c>
      <c r="B33077" s="1" t="s">
        <v>113175</v>
      </c>
      <c r="C33077" s="1" t="s">
        <v>55</v>
      </c>
      <c r="D33077" s="1" t="s">
        <v>38013</v>
      </c>
      <c r="E33077" s="1" t="s">
        <v>59078</v>
      </c>
      <c r="F33077" s="1" t="s">
        <v>57157</v>
      </c>
      <c r="G33077" s="1" t="s">
        <v>115148</v>
      </c>
      <c r="H33077" s="1" t="s">
        <v>115149</v>
      </c>
      <c r="I33077" s="1" t="s">
        <v>113180</v>
      </c>
      <c r="J33077" s="1" t="s">
        <v>115170</v>
      </c>
    </row>
    <row r="33078" spans="1:10" x14ac:dyDescent="0.35">
      <c r="A33078" s="1" t="s">
        <v>6308</v>
      </c>
      <c r="B33078" s="1" t="s">
        <v>113175</v>
      </c>
      <c r="C33078" s="1" t="s">
        <v>60</v>
      </c>
      <c r="D33078" s="1" t="s">
        <v>115171</v>
      </c>
      <c r="E33078" s="1" t="s">
        <v>31765</v>
      </c>
      <c r="F33078" s="1" t="s">
        <v>115172</v>
      </c>
      <c r="G33078" s="1" t="s">
        <v>115148</v>
      </c>
      <c r="H33078" s="1" t="s">
        <v>115149</v>
      </c>
      <c r="I33078" s="1" t="s">
        <v>113180</v>
      </c>
      <c r="J33078" s="1" t="s">
        <v>115173</v>
      </c>
    </row>
    <row r="33079" spans="1:10" x14ac:dyDescent="0.35">
      <c r="A33079" s="1" t="s">
        <v>6308</v>
      </c>
      <c r="B33079" s="1" t="s">
        <v>113175</v>
      </c>
      <c r="C33079" s="1" t="s">
        <v>65</v>
      </c>
      <c r="D33079" s="1" t="s">
        <v>32336</v>
      </c>
      <c r="E33079" s="1" t="s">
        <v>57707</v>
      </c>
      <c r="F33079" s="1" t="s">
        <v>54194</v>
      </c>
      <c r="G33079" s="1" t="s">
        <v>115148</v>
      </c>
      <c r="H33079" s="1" t="s">
        <v>115149</v>
      </c>
      <c r="I33079" s="1" t="s">
        <v>113180</v>
      </c>
      <c r="J33079" s="1" t="s">
        <v>115174</v>
      </c>
    </row>
    <row r="33080" spans="1:10" x14ac:dyDescent="0.35">
      <c r="A33080" s="1" t="s">
        <v>6308</v>
      </c>
      <c r="B33080" s="1" t="s">
        <v>113175</v>
      </c>
      <c r="C33080" s="1" t="s">
        <v>70</v>
      </c>
      <c r="D33080" s="1" t="s">
        <v>115175</v>
      </c>
      <c r="E33080" s="1" t="s">
        <v>31746</v>
      </c>
      <c r="F33080" s="1" t="s">
        <v>61011</v>
      </c>
      <c r="G33080" s="1" t="s">
        <v>115148</v>
      </c>
      <c r="H33080" s="1" t="s">
        <v>115149</v>
      </c>
      <c r="I33080" s="1" t="s">
        <v>113180</v>
      </c>
      <c r="J33080" s="1" t="s">
        <v>115176</v>
      </c>
    </row>
    <row r="33081" spans="1:10" x14ac:dyDescent="0.35">
      <c r="A33081" s="1" t="s">
        <v>6308</v>
      </c>
      <c r="B33081" s="1" t="s">
        <v>113175</v>
      </c>
      <c r="C33081" s="1" t="s">
        <v>75</v>
      </c>
      <c r="D33081" s="1" t="s">
        <v>115177</v>
      </c>
      <c r="E33081" s="1" t="s">
        <v>66542</v>
      </c>
      <c r="F33081" s="1" t="s">
        <v>115178</v>
      </c>
      <c r="G33081" s="1" t="s">
        <v>115148</v>
      </c>
      <c r="H33081" s="1" t="s">
        <v>115149</v>
      </c>
      <c r="I33081" s="1" t="s">
        <v>113180</v>
      </c>
      <c r="J33081" s="1" t="s">
        <v>115179</v>
      </c>
    </row>
    <row r="33082" spans="1:10" x14ac:dyDescent="0.35">
      <c r="A33082" s="1" t="s">
        <v>6308</v>
      </c>
      <c r="B33082" s="1" t="s">
        <v>113175</v>
      </c>
      <c r="C33082" s="1" t="s">
        <v>80</v>
      </c>
      <c r="D33082" s="1" t="s">
        <v>115180</v>
      </c>
      <c r="E33082" s="1" t="s">
        <v>54168</v>
      </c>
      <c r="F33082" s="1" t="s">
        <v>105298</v>
      </c>
      <c r="G33082" s="1" t="s">
        <v>115148</v>
      </c>
      <c r="H33082" s="1" t="s">
        <v>115149</v>
      </c>
      <c r="I33082" s="1" t="s">
        <v>113180</v>
      </c>
      <c r="J33082" s="1" t="s">
        <v>115181</v>
      </c>
    </row>
    <row r="33083" spans="1:10" x14ac:dyDescent="0.35">
      <c r="A33083" s="1" t="s">
        <v>6308</v>
      </c>
      <c r="B33083" s="1" t="s">
        <v>113175</v>
      </c>
      <c r="C33083" s="1" t="s">
        <v>85</v>
      </c>
      <c r="D33083" s="1" t="s">
        <v>115182</v>
      </c>
      <c r="E33083" s="1" t="s">
        <v>54136</v>
      </c>
      <c r="F33083" s="1" t="s">
        <v>58907</v>
      </c>
      <c r="G33083" s="1" t="s">
        <v>115148</v>
      </c>
      <c r="H33083" s="1" t="s">
        <v>115149</v>
      </c>
      <c r="I33083" s="1" t="s">
        <v>113180</v>
      </c>
      <c r="J33083" s="1" t="s">
        <v>115183</v>
      </c>
    </row>
    <row r="33084" spans="1:10" x14ac:dyDescent="0.35">
      <c r="A33084" s="1" t="s">
        <v>6308</v>
      </c>
      <c r="B33084" s="1" t="s">
        <v>113175</v>
      </c>
      <c r="C33084" s="1" t="s">
        <v>90</v>
      </c>
      <c r="D33084" s="1" t="s">
        <v>115184</v>
      </c>
      <c r="E33084" s="1" t="s">
        <v>32913</v>
      </c>
      <c r="F33084" s="1" t="s">
        <v>61790</v>
      </c>
      <c r="G33084" s="1" t="s">
        <v>115148</v>
      </c>
      <c r="H33084" s="1" t="s">
        <v>115149</v>
      </c>
      <c r="I33084" s="1" t="s">
        <v>113180</v>
      </c>
      <c r="J33084" s="1" t="s">
        <v>115185</v>
      </c>
    </row>
    <row r="33085" spans="1:10" x14ac:dyDescent="0.35">
      <c r="A33085" s="1" t="s">
        <v>6308</v>
      </c>
      <c r="B33085" s="1" t="s">
        <v>113175</v>
      </c>
      <c r="C33085" s="1" t="s">
        <v>95</v>
      </c>
      <c r="D33085" s="1" t="s">
        <v>85572</v>
      </c>
      <c r="E33085" s="1" t="s">
        <v>54200</v>
      </c>
      <c r="F33085" s="1" t="s">
        <v>65864</v>
      </c>
      <c r="G33085" s="1" t="s">
        <v>115148</v>
      </c>
      <c r="H33085" s="1" t="s">
        <v>115149</v>
      </c>
      <c r="I33085" s="1" t="s">
        <v>113180</v>
      </c>
      <c r="J33085" s="1" t="s">
        <v>115186</v>
      </c>
    </row>
    <row r="33086" spans="1:10" x14ac:dyDescent="0.35">
      <c r="A33086" s="1" t="s">
        <v>6308</v>
      </c>
      <c r="B33086" s="1" t="s">
        <v>113175</v>
      </c>
      <c r="C33086" s="1" t="s">
        <v>100</v>
      </c>
      <c r="D33086" s="1" t="s">
        <v>115187</v>
      </c>
      <c r="E33086" s="1" t="s">
        <v>57128</v>
      </c>
      <c r="F33086" s="1" t="s">
        <v>31758</v>
      </c>
      <c r="G33086" s="1" t="s">
        <v>115148</v>
      </c>
      <c r="H33086" s="1" t="s">
        <v>115149</v>
      </c>
      <c r="I33086" s="1" t="s">
        <v>113180</v>
      </c>
      <c r="J33086" s="1" t="s">
        <v>115188</v>
      </c>
    </row>
    <row r="33087" spans="1:10" x14ac:dyDescent="0.35">
      <c r="A33087" s="1" t="s">
        <v>6308</v>
      </c>
      <c r="B33087" s="1" t="s">
        <v>113175</v>
      </c>
      <c r="C33087" s="1" t="s">
        <v>105</v>
      </c>
      <c r="D33087" s="1" t="s">
        <v>19109</v>
      </c>
      <c r="E33087" s="1" t="s">
        <v>61793</v>
      </c>
      <c r="F33087" s="1" t="s">
        <v>115189</v>
      </c>
      <c r="G33087" s="1" t="s">
        <v>115148</v>
      </c>
      <c r="H33087" s="1" t="s">
        <v>115149</v>
      </c>
      <c r="I33087" s="1" t="s">
        <v>113180</v>
      </c>
      <c r="J33087" s="1" t="s">
        <v>115190</v>
      </c>
    </row>
    <row r="33088" spans="1:10" x14ac:dyDescent="0.35">
      <c r="A33088" s="1" t="s">
        <v>6308</v>
      </c>
      <c r="B33088" s="1" t="s">
        <v>113175</v>
      </c>
      <c r="C33088" s="1" t="s">
        <v>110</v>
      </c>
      <c r="D33088" s="1" t="s">
        <v>115191</v>
      </c>
      <c r="E33088" s="1" t="s">
        <v>31480</v>
      </c>
      <c r="F33088" s="1" t="s">
        <v>62823</v>
      </c>
      <c r="G33088" s="1" t="s">
        <v>115148</v>
      </c>
      <c r="H33088" s="1" t="s">
        <v>115149</v>
      </c>
      <c r="I33088" s="1" t="s">
        <v>113180</v>
      </c>
      <c r="J33088" s="1" t="s">
        <v>115192</v>
      </c>
    </row>
    <row r="33089" spans="1:10" x14ac:dyDescent="0.35">
      <c r="A33089" s="1" t="s">
        <v>6308</v>
      </c>
      <c r="B33089" s="1" t="s">
        <v>113175</v>
      </c>
      <c r="C33089" s="1" t="s">
        <v>115</v>
      </c>
      <c r="D33089" s="1" t="s">
        <v>38107</v>
      </c>
      <c r="E33089" s="1" t="s">
        <v>115193</v>
      </c>
      <c r="F33089" s="1" t="s">
        <v>115194</v>
      </c>
      <c r="G33089" s="1" t="s">
        <v>115148</v>
      </c>
      <c r="H33089" s="1" t="s">
        <v>115149</v>
      </c>
      <c r="I33089" s="1" t="s">
        <v>113180</v>
      </c>
      <c r="J33089" s="1" t="s">
        <v>115195</v>
      </c>
    </row>
    <row r="33090" spans="1:10" x14ac:dyDescent="0.35">
      <c r="A33090" s="1" t="s">
        <v>6308</v>
      </c>
      <c r="B33090" s="1" t="s">
        <v>113175</v>
      </c>
      <c r="C33090" s="1" t="s">
        <v>120</v>
      </c>
      <c r="D33090" s="1" t="s">
        <v>113913</v>
      </c>
      <c r="E33090" s="1" t="s">
        <v>97155</v>
      </c>
      <c r="F33090" s="1" t="s">
        <v>115196</v>
      </c>
      <c r="G33090" s="1" t="s">
        <v>115148</v>
      </c>
      <c r="H33090" s="1" t="s">
        <v>115149</v>
      </c>
      <c r="I33090" s="1" t="s">
        <v>113180</v>
      </c>
      <c r="J33090" s="1" t="s">
        <v>115197</v>
      </c>
    </row>
    <row r="33091" spans="1:10" x14ac:dyDescent="0.35">
      <c r="A33091" s="1" t="s">
        <v>6308</v>
      </c>
      <c r="B33091" s="1" t="s">
        <v>113175</v>
      </c>
      <c r="C33091" s="1" t="s">
        <v>125</v>
      </c>
      <c r="D33091" s="1" t="s">
        <v>114818</v>
      </c>
      <c r="E33091" s="1" t="s">
        <v>55448</v>
      </c>
      <c r="F33091" s="1" t="s">
        <v>115198</v>
      </c>
      <c r="G33091" s="1" t="s">
        <v>115148</v>
      </c>
      <c r="H33091" s="1" t="s">
        <v>115149</v>
      </c>
      <c r="I33091" s="1" t="s">
        <v>113180</v>
      </c>
      <c r="J33091" s="1" t="s">
        <v>115199</v>
      </c>
    </row>
    <row r="33092" spans="1:10" x14ac:dyDescent="0.35">
      <c r="A33092" s="1" t="s">
        <v>6308</v>
      </c>
      <c r="B33092" s="1" t="s">
        <v>113175</v>
      </c>
      <c r="C33092" s="1" t="s">
        <v>130</v>
      </c>
      <c r="D33092" s="1" t="s">
        <v>115200</v>
      </c>
      <c r="E33092" s="1" t="s">
        <v>19904</v>
      </c>
      <c r="F33092" s="1" t="s">
        <v>101073</v>
      </c>
      <c r="G33092" s="1" t="s">
        <v>115148</v>
      </c>
      <c r="H33092" s="1" t="s">
        <v>115149</v>
      </c>
      <c r="I33092" s="1" t="s">
        <v>113180</v>
      </c>
      <c r="J33092" s="1" t="s">
        <v>115201</v>
      </c>
    </row>
    <row r="33093" spans="1:10" x14ac:dyDescent="0.35">
      <c r="A33093" s="1" t="s">
        <v>6308</v>
      </c>
      <c r="B33093" s="1" t="s">
        <v>113175</v>
      </c>
      <c r="C33093" s="1" t="s">
        <v>135</v>
      </c>
      <c r="D33093" s="1" t="s">
        <v>115202</v>
      </c>
      <c r="E33093" s="1" t="s">
        <v>58049</v>
      </c>
      <c r="F33093" s="1" t="s">
        <v>32408</v>
      </c>
      <c r="G33093" s="1" t="s">
        <v>115148</v>
      </c>
      <c r="H33093" s="1" t="s">
        <v>115149</v>
      </c>
      <c r="I33093" s="1" t="s">
        <v>113180</v>
      </c>
      <c r="J33093" s="1" t="s">
        <v>115203</v>
      </c>
    </row>
    <row r="33094" spans="1:10" x14ac:dyDescent="0.35">
      <c r="A33094" s="1" t="s">
        <v>6308</v>
      </c>
      <c r="B33094" s="1" t="s">
        <v>113175</v>
      </c>
      <c r="C33094" s="1" t="s">
        <v>140</v>
      </c>
      <c r="D33094" s="1" t="s">
        <v>115204</v>
      </c>
      <c r="E33094" s="1" t="s">
        <v>23187</v>
      </c>
      <c r="F33094" s="1" t="s">
        <v>115205</v>
      </c>
      <c r="G33094" s="1" t="s">
        <v>115148</v>
      </c>
      <c r="H33094" s="1" t="s">
        <v>115149</v>
      </c>
      <c r="I33094" s="1" t="s">
        <v>113180</v>
      </c>
      <c r="J33094" s="1" t="s">
        <v>115206</v>
      </c>
    </row>
    <row r="33095" spans="1:10" x14ac:dyDescent="0.35">
      <c r="A33095" s="1" t="s">
        <v>6308</v>
      </c>
      <c r="B33095" s="1" t="s">
        <v>113175</v>
      </c>
      <c r="C33095" s="1" t="s">
        <v>145</v>
      </c>
      <c r="D33095" s="1" t="s">
        <v>23412</v>
      </c>
      <c r="E33095" s="1" t="s">
        <v>115207</v>
      </c>
      <c r="F33095" s="1" t="s">
        <v>115208</v>
      </c>
      <c r="G33095" s="1" t="s">
        <v>115148</v>
      </c>
      <c r="H33095" s="1" t="s">
        <v>115149</v>
      </c>
      <c r="I33095" s="1" t="s">
        <v>113180</v>
      </c>
      <c r="J33095" s="1" t="s">
        <v>115209</v>
      </c>
    </row>
    <row r="33096" spans="1:10" x14ac:dyDescent="0.35">
      <c r="A33096" s="1" t="s">
        <v>6308</v>
      </c>
      <c r="B33096" s="1" t="s">
        <v>113175</v>
      </c>
      <c r="C33096" s="1" t="s">
        <v>150</v>
      </c>
      <c r="D33096" s="1" t="s">
        <v>69302</v>
      </c>
      <c r="E33096" s="1" t="s">
        <v>31790</v>
      </c>
      <c r="F33096" s="1" t="s">
        <v>70936</v>
      </c>
      <c r="G33096" s="1" t="s">
        <v>115148</v>
      </c>
      <c r="H33096" s="1" t="s">
        <v>115149</v>
      </c>
      <c r="I33096" s="1" t="s">
        <v>113180</v>
      </c>
      <c r="J33096" s="1" t="s">
        <v>115210</v>
      </c>
    </row>
    <row r="33097" spans="1:10" x14ac:dyDescent="0.35">
      <c r="A33097" s="1" t="s">
        <v>6308</v>
      </c>
      <c r="B33097" s="1" t="s">
        <v>113175</v>
      </c>
      <c r="C33097" s="1" t="s">
        <v>155</v>
      </c>
      <c r="D33097" s="1" t="s">
        <v>115211</v>
      </c>
      <c r="E33097" s="1" t="s">
        <v>31914</v>
      </c>
      <c r="F33097" s="1" t="s">
        <v>59276</v>
      </c>
      <c r="G33097" s="1" t="s">
        <v>115148</v>
      </c>
      <c r="H33097" s="1" t="s">
        <v>115149</v>
      </c>
      <c r="I33097" s="1" t="s">
        <v>113180</v>
      </c>
      <c r="J33097" s="1" t="s">
        <v>115212</v>
      </c>
    </row>
    <row r="33098" spans="1:10" x14ac:dyDescent="0.35">
      <c r="A33098" s="1" t="s">
        <v>6308</v>
      </c>
      <c r="B33098" s="1" t="s">
        <v>113175</v>
      </c>
      <c r="C33098" s="1" t="s">
        <v>160</v>
      </c>
      <c r="D33098" s="1" t="s">
        <v>62791</v>
      </c>
      <c r="E33098" s="1" t="s">
        <v>31838</v>
      </c>
      <c r="F33098" s="1" t="s">
        <v>86926</v>
      </c>
      <c r="G33098" s="1" t="s">
        <v>115148</v>
      </c>
      <c r="H33098" s="1" t="s">
        <v>115149</v>
      </c>
      <c r="I33098" s="1" t="s">
        <v>113180</v>
      </c>
      <c r="J33098" s="1" t="s">
        <v>115213</v>
      </c>
    </row>
    <row r="33099" spans="1:10" x14ac:dyDescent="0.35">
      <c r="A33099" s="1" t="s">
        <v>6308</v>
      </c>
      <c r="B33099" s="1" t="s">
        <v>113175</v>
      </c>
      <c r="C33099" s="1" t="s">
        <v>165</v>
      </c>
      <c r="D33099" s="1" t="s">
        <v>115214</v>
      </c>
      <c r="E33099" s="1" t="s">
        <v>27058</v>
      </c>
      <c r="F33099" s="1" t="s">
        <v>53977</v>
      </c>
      <c r="G33099" s="1" t="s">
        <v>115148</v>
      </c>
      <c r="H33099" s="1" t="s">
        <v>115149</v>
      </c>
      <c r="I33099" s="1" t="s">
        <v>113180</v>
      </c>
      <c r="J33099" s="1" t="s">
        <v>115215</v>
      </c>
    </row>
    <row r="33100" spans="1:10" x14ac:dyDescent="0.35">
      <c r="A33100" s="1" t="s">
        <v>6308</v>
      </c>
      <c r="B33100" s="1" t="s">
        <v>113175</v>
      </c>
      <c r="C33100" s="1" t="s">
        <v>170</v>
      </c>
      <c r="D33100" s="1" t="s">
        <v>115216</v>
      </c>
      <c r="E33100" s="1" t="s">
        <v>115217</v>
      </c>
      <c r="F33100" s="1" t="s">
        <v>115218</v>
      </c>
      <c r="G33100" s="1" t="s">
        <v>115148</v>
      </c>
      <c r="H33100" s="1" t="s">
        <v>115149</v>
      </c>
      <c r="I33100" s="1" t="s">
        <v>113180</v>
      </c>
      <c r="J33100" s="1" t="s">
        <v>115219</v>
      </c>
    </row>
    <row r="33101" spans="1:10" x14ac:dyDescent="0.35">
      <c r="A33101" s="1" t="s">
        <v>115220</v>
      </c>
      <c r="B33101" s="1" t="s">
        <v>115221</v>
      </c>
      <c r="C33101" s="1" t="s">
        <v>8</v>
      </c>
      <c r="D33101" s="1" t="s">
        <v>13000</v>
      </c>
      <c r="E33101" s="1" t="s">
        <v>115222</v>
      </c>
      <c r="F33101" s="1" t="s">
        <v>115223</v>
      </c>
      <c r="G33101" s="1" t="s">
        <v>115224</v>
      </c>
      <c r="H33101" s="1" t="s">
        <v>115225</v>
      </c>
      <c r="I33101" s="1" t="s">
        <v>115226</v>
      </c>
      <c r="J33101" s="1" t="s">
        <v>13</v>
      </c>
    </row>
    <row r="33102" spans="1:10" x14ac:dyDescent="0.35">
      <c r="A33102" s="1" t="s">
        <v>115220</v>
      </c>
      <c r="B33102" s="1" t="s">
        <v>115221</v>
      </c>
      <c r="C33102" s="1" t="s">
        <v>15</v>
      </c>
      <c r="D33102" s="1" t="s">
        <v>115227</v>
      </c>
      <c r="E33102" s="1" t="s">
        <v>115228</v>
      </c>
      <c r="F33102" s="1" t="s">
        <v>115229</v>
      </c>
      <c r="G33102" s="1" t="s">
        <v>115224</v>
      </c>
      <c r="H33102" s="1" t="s">
        <v>115225</v>
      </c>
      <c r="I33102" s="1" t="s">
        <v>115226</v>
      </c>
      <c r="J33102" s="1" t="s">
        <v>115230</v>
      </c>
    </row>
    <row r="33103" spans="1:10" x14ac:dyDescent="0.35">
      <c r="A33103" s="1" t="s">
        <v>115220</v>
      </c>
      <c r="B33103" s="1" t="s">
        <v>115221</v>
      </c>
      <c r="C33103" s="1" t="s">
        <v>20</v>
      </c>
      <c r="D33103" s="1" t="s">
        <v>115231</v>
      </c>
      <c r="E33103" s="1" t="s">
        <v>115232</v>
      </c>
      <c r="F33103" s="1" t="s">
        <v>115233</v>
      </c>
      <c r="G33103" s="1" t="s">
        <v>115224</v>
      </c>
      <c r="H33103" s="1" t="s">
        <v>115225</v>
      </c>
      <c r="I33103" s="1" t="s">
        <v>115226</v>
      </c>
      <c r="J33103" s="1" t="s">
        <v>115234</v>
      </c>
    </row>
    <row r="33104" spans="1:10" x14ac:dyDescent="0.35">
      <c r="A33104" s="1" t="s">
        <v>115220</v>
      </c>
      <c r="B33104" s="1" t="s">
        <v>115221</v>
      </c>
      <c r="C33104" s="1" t="s">
        <v>25</v>
      </c>
      <c r="D33104" s="1" t="s">
        <v>25020</v>
      </c>
      <c r="E33104" s="1" t="s">
        <v>115235</v>
      </c>
      <c r="F33104" s="1" t="s">
        <v>115236</v>
      </c>
      <c r="G33104" s="1" t="s">
        <v>115224</v>
      </c>
      <c r="H33104" s="1" t="s">
        <v>115225</v>
      </c>
      <c r="I33104" s="1" t="s">
        <v>115226</v>
      </c>
      <c r="J33104" s="1" t="s">
        <v>115237</v>
      </c>
    </row>
    <row r="33105" spans="1:10" x14ac:dyDescent="0.35">
      <c r="A33105" s="1" t="s">
        <v>115220</v>
      </c>
      <c r="B33105" s="1" t="s">
        <v>115221</v>
      </c>
      <c r="C33105" s="1" t="s">
        <v>30</v>
      </c>
      <c r="D33105" s="1" t="s">
        <v>44419</v>
      </c>
      <c r="E33105" s="1" t="s">
        <v>115238</v>
      </c>
      <c r="F33105" s="1" t="s">
        <v>115239</v>
      </c>
      <c r="G33105" s="1" t="s">
        <v>115224</v>
      </c>
      <c r="H33105" s="1" t="s">
        <v>115225</v>
      </c>
      <c r="I33105" s="1" t="s">
        <v>115226</v>
      </c>
      <c r="J33105" s="1" t="s">
        <v>115240</v>
      </c>
    </row>
    <row r="33106" spans="1:10" x14ac:dyDescent="0.35">
      <c r="A33106" s="1" t="s">
        <v>115220</v>
      </c>
      <c r="B33106" s="1" t="s">
        <v>115221</v>
      </c>
      <c r="C33106" s="1" t="s">
        <v>35</v>
      </c>
      <c r="D33106" s="1" t="s">
        <v>32930</v>
      </c>
      <c r="E33106" s="1" t="s">
        <v>115241</v>
      </c>
      <c r="F33106" s="1" t="s">
        <v>115242</v>
      </c>
      <c r="G33106" s="1" t="s">
        <v>115224</v>
      </c>
      <c r="H33106" s="1" t="s">
        <v>115225</v>
      </c>
      <c r="I33106" s="1" t="s">
        <v>115226</v>
      </c>
      <c r="J33106" s="1" t="s">
        <v>115243</v>
      </c>
    </row>
    <row r="33107" spans="1:10" x14ac:dyDescent="0.35">
      <c r="A33107" s="1" t="s">
        <v>115220</v>
      </c>
      <c r="B33107" s="1" t="s">
        <v>115221</v>
      </c>
      <c r="C33107" s="1" t="s">
        <v>40</v>
      </c>
      <c r="D33107" s="1" t="s">
        <v>115244</v>
      </c>
      <c r="E33107" s="1" t="s">
        <v>115245</v>
      </c>
      <c r="F33107" s="1" t="s">
        <v>115246</v>
      </c>
      <c r="G33107" s="1" t="s">
        <v>115224</v>
      </c>
      <c r="H33107" s="1" t="s">
        <v>115225</v>
      </c>
      <c r="I33107" s="1" t="s">
        <v>115226</v>
      </c>
      <c r="J33107" s="1" t="s">
        <v>115247</v>
      </c>
    </row>
    <row r="33108" spans="1:10" x14ac:dyDescent="0.35">
      <c r="A33108" s="1" t="s">
        <v>115220</v>
      </c>
      <c r="B33108" s="1" t="s">
        <v>115221</v>
      </c>
      <c r="C33108" s="1" t="s">
        <v>45</v>
      </c>
      <c r="D33108" s="1" t="s">
        <v>16368</v>
      </c>
      <c r="E33108" s="1" t="s">
        <v>115248</v>
      </c>
      <c r="F33108" s="1" t="s">
        <v>115249</v>
      </c>
      <c r="G33108" s="1" t="s">
        <v>115224</v>
      </c>
      <c r="H33108" s="1" t="s">
        <v>115225</v>
      </c>
      <c r="I33108" s="1" t="s">
        <v>115226</v>
      </c>
      <c r="J33108" s="1" t="s">
        <v>115250</v>
      </c>
    </row>
    <row r="33109" spans="1:10" x14ac:dyDescent="0.35">
      <c r="A33109" s="1" t="s">
        <v>115220</v>
      </c>
      <c r="B33109" s="1" t="s">
        <v>115221</v>
      </c>
      <c r="C33109" s="1" t="s">
        <v>50</v>
      </c>
      <c r="D33109" s="1" t="s">
        <v>37470</v>
      </c>
      <c r="E33109" s="1" t="s">
        <v>115251</v>
      </c>
      <c r="F33109" s="1" t="s">
        <v>115252</v>
      </c>
      <c r="G33109" s="1" t="s">
        <v>115224</v>
      </c>
      <c r="H33109" s="1" t="s">
        <v>115225</v>
      </c>
      <c r="I33109" s="1" t="s">
        <v>115226</v>
      </c>
      <c r="J33109" s="1" t="s">
        <v>115253</v>
      </c>
    </row>
    <row r="33110" spans="1:10" x14ac:dyDescent="0.35">
      <c r="A33110" s="1" t="s">
        <v>115220</v>
      </c>
      <c r="B33110" s="1" t="s">
        <v>115221</v>
      </c>
      <c r="C33110" s="1" t="s">
        <v>55</v>
      </c>
      <c r="D33110" s="1" t="s">
        <v>16356</v>
      </c>
      <c r="E33110" s="1" t="s">
        <v>115254</v>
      </c>
      <c r="F33110" s="1" t="s">
        <v>115255</v>
      </c>
      <c r="G33110" s="1" t="s">
        <v>115224</v>
      </c>
      <c r="H33110" s="1" t="s">
        <v>115225</v>
      </c>
      <c r="I33110" s="1" t="s">
        <v>115226</v>
      </c>
      <c r="J33110" s="1" t="s">
        <v>6259</v>
      </c>
    </row>
    <row r="33111" spans="1:10" x14ac:dyDescent="0.35">
      <c r="A33111" s="1" t="s">
        <v>115220</v>
      </c>
      <c r="B33111" s="1" t="s">
        <v>115221</v>
      </c>
      <c r="C33111" s="1" t="s">
        <v>60</v>
      </c>
      <c r="D33111" s="1" t="s">
        <v>3413</v>
      </c>
      <c r="E33111" s="1" t="s">
        <v>115256</v>
      </c>
      <c r="F33111" s="1" t="s">
        <v>115257</v>
      </c>
      <c r="G33111" s="1" t="s">
        <v>115224</v>
      </c>
      <c r="H33111" s="1" t="s">
        <v>115225</v>
      </c>
      <c r="I33111" s="1" t="s">
        <v>115226</v>
      </c>
      <c r="J33111" s="1" t="s">
        <v>115258</v>
      </c>
    </row>
    <row r="33112" spans="1:10" x14ac:dyDescent="0.35">
      <c r="A33112" s="1" t="s">
        <v>115220</v>
      </c>
      <c r="B33112" s="1" t="s">
        <v>115221</v>
      </c>
      <c r="C33112" s="1" t="s">
        <v>65</v>
      </c>
      <c r="D33112" s="1" t="s">
        <v>1452</v>
      </c>
      <c r="E33112" s="1" t="s">
        <v>115259</v>
      </c>
      <c r="F33112" s="1" t="s">
        <v>115260</v>
      </c>
      <c r="G33112" s="1" t="s">
        <v>115224</v>
      </c>
      <c r="H33112" s="1" t="s">
        <v>115225</v>
      </c>
      <c r="I33112" s="1" t="s">
        <v>115226</v>
      </c>
      <c r="J33112" s="1" t="s">
        <v>115261</v>
      </c>
    </row>
    <row r="33113" spans="1:10" x14ac:dyDescent="0.35">
      <c r="A33113" s="1" t="s">
        <v>115220</v>
      </c>
      <c r="B33113" s="1" t="s">
        <v>115221</v>
      </c>
      <c r="C33113" s="1" t="s">
        <v>70</v>
      </c>
      <c r="D33113" s="1" t="s">
        <v>10362</v>
      </c>
      <c r="E33113" s="1" t="s">
        <v>115262</v>
      </c>
      <c r="F33113" s="1" t="s">
        <v>115263</v>
      </c>
      <c r="G33113" s="1" t="s">
        <v>115224</v>
      </c>
      <c r="H33113" s="1" t="s">
        <v>115225</v>
      </c>
      <c r="I33113" s="1" t="s">
        <v>115226</v>
      </c>
      <c r="J33113" s="1" t="s">
        <v>115264</v>
      </c>
    </row>
    <row r="33114" spans="1:10" x14ac:dyDescent="0.35">
      <c r="A33114" s="1" t="s">
        <v>115220</v>
      </c>
      <c r="B33114" s="1" t="s">
        <v>115221</v>
      </c>
      <c r="C33114" s="1" t="s">
        <v>75</v>
      </c>
      <c r="D33114" s="1" t="s">
        <v>115265</v>
      </c>
      <c r="E33114" s="1" t="s">
        <v>115266</v>
      </c>
      <c r="F33114" s="1" t="s">
        <v>115267</v>
      </c>
      <c r="G33114" s="1" t="s">
        <v>115224</v>
      </c>
      <c r="H33114" s="1" t="s">
        <v>115225</v>
      </c>
      <c r="I33114" s="1" t="s">
        <v>115226</v>
      </c>
      <c r="J33114" s="1" t="s">
        <v>115268</v>
      </c>
    </row>
    <row r="33115" spans="1:10" x14ac:dyDescent="0.35">
      <c r="A33115" s="1" t="s">
        <v>115220</v>
      </c>
      <c r="B33115" s="1" t="s">
        <v>115221</v>
      </c>
      <c r="C33115" s="1" t="s">
        <v>80</v>
      </c>
      <c r="D33115" s="1" t="s">
        <v>28335</v>
      </c>
      <c r="E33115" s="1" t="s">
        <v>115269</v>
      </c>
      <c r="F33115" s="1" t="s">
        <v>115270</v>
      </c>
      <c r="G33115" s="1" t="s">
        <v>115224</v>
      </c>
      <c r="H33115" s="1" t="s">
        <v>115225</v>
      </c>
      <c r="I33115" s="1" t="s">
        <v>115226</v>
      </c>
      <c r="J33115" s="1" t="s">
        <v>115271</v>
      </c>
    </row>
    <row r="33116" spans="1:10" x14ac:dyDescent="0.35">
      <c r="A33116" s="1" t="s">
        <v>115220</v>
      </c>
      <c r="B33116" s="1" t="s">
        <v>115221</v>
      </c>
      <c r="C33116" s="1" t="s">
        <v>85</v>
      </c>
      <c r="D33116" s="1" t="s">
        <v>31242</v>
      </c>
      <c r="E33116" s="1" t="s">
        <v>115272</v>
      </c>
      <c r="F33116" s="1" t="s">
        <v>115273</v>
      </c>
      <c r="G33116" s="1" t="s">
        <v>115224</v>
      </c>
      <c r="H33116" s="1" t="s">
        <v>115225</v>
      </c>
      <c r="I33116" s="1" t="s">
        <v>115226</v>
      </c>
      <c r="J33116" s="1" t="s">
        <v>115274</v>
      </c>
    </row>
    <row r="33117" spans="1:10" x14ac:dyDescent="0.35">
      <c r="A33117" s="1" t="s">
        <v>115220</v>
      </c>
      <c r="B33117" s="1" t="s">
        <v>115221</v>
      </c>
      <c r="C33117" s="1" t="s">
        <v>90</v>
      </c>
      <c r="D33117" s="1" t="s">
        <v>115275</v>
      </c>
      <c r="E33117" s="1" t="s">
        <v>115276</v>
      </c>
      <c r="F33117" s="1" t="s">
        <v>115277</v>
      </c>
      <c r="G33117" s="1" t="s">
        <v>115224</v>
      </c>
      <c r="H33117" s="1" t="s">
        <v>115225</v>
      </c>
      <c r="I33117" s="1" t="s">
        <v>115226</v>
      </c>
      <c r="J33117" s="1" t="s">
        <v>115278</v>
      </c>
    </row>
    <row r="33118" spans="1:10" x14ac:dyDescent="0.35">
      <c r="A33118" s="1" t="s">
        <v>115220</v>
      </c>
      <c r="B33118" s="1" t="s">
        <v>115221</v>
      </c>
      <c r="C33118" s="1" t="s">
        <v>95</v>
      </c>
      <c r="D33118" s="1" t="s">
        <v>115279</v>
      </c>
      <c r="E33118" s="1" t="s">
        <v>115280</v>
      </c>
      <c r="F33118" s="1" t="s">
        <v>115281</v>
      </c>
      <c r="G33118" s="1" t="s">
        <v>115224</v>
      </c>
      <c r="H33118" s="1" t="s">
        <v>115225</v>
      </c>
      <c r="I33118" s="1" t="s">
        <v>115226</v>
      </c>
      <c r="J33118" s="1" t="s">
        <v>115282</v>
      </c>
    </row>
    <row r="33119" spans="1:10" x14ac:dyDescent="0.35">
      <c r="A33119" s="1" t="s">
        <v>115220</v>
      </c>
      <c r="B33119" s="1" t="s">
        <v>115221</v>
      </c>
      <c r="C33119" s="1" t="s">
        <v>100</v>
      </c>
      <c r="D33119" s="1" t="s">
        <v>46138</v>
      </c>
      <c r="E33119" s="1" t="s">
        <v>115283</v>
      </c>
      <c r="F33119" s="1" t="s">
        <v>115284</v>
      </c>
      <c r="G33119" s="1" t="s">
        <v>115224</v>
      </c>
      <c r="H33119" s="1" t="s">
        <v>115225</v>
      </c>
      <c r="I33119" s="1" t="s">
        <v>115226</v>
      </c>
      <c r="J33119" s="1" t="s">
        <v>115285</v>
      </c>
    </row>
    <row r="33120" spans="1:10" x14ac:dyDescent="0.35">
      <c r="A33120" s="1" t="s">
        <v>115220</v>
      </c>
      <c r="B33120" s="1" t="s">
        <v>115221</v>
      </c>
      <c r="C33120" s="1" t="s">
        <v>105</v>
      </c>
      <c r="D33120" s="1" t="s">
        <v>115286</v>
      </c>
      <c r="E33120" s="1" t="s">
        <v>115287</v>
      </c>
      <c r="F33120" s="1" t="s">
        <v>115288</v>
      </c>
      <c r="G33120" s="1" t="s">
        <v>115224</v>
      </c>
      <c r="H33120" s="1" t="s">
        <v>115225</v>
      </c>
      <c r="I33120" s="1" t="s">
        <v>115226</v>
      </c>
      <c r="J33120" s="1" t="s">
        <v>115289</v>
      </c>
    </row>
    <row r="33121" spans="1:10" x14ac:dyDescent="0.35">
      <c r="A33121" s="1" t="s">
        <v>115220</v>
      </c>
      <c r="B33121" s="1" t="s">
        <v>115221</v>
      </c>
      <c r="C33121" s="1" t="s">
        <v>110</v>
      </c>
      <c r="D33121" s="1" t="s">
        <v>115290</v>
      </c>
      <c r="E33121" s="1" t="s">
        <v>115291</v>
      </c>
      <c r="F33121" s="1" t="s">
        <v>115292</v>
      </c>
      <c r="G33121" s="1" t="s">
        <v>115224</v>
      </c>
      <c r="H33121" s="1" t="s">
        <v>115225</v>
      </c>
      <c r="I33121" s="1" t="s">
        <v>115226</v>
      </c>
      <c r="J33121" s="1" t="s">
        <v>115293</v>
      </c>
    </row>
    <row r="33122" spans="1:10" x14ac:dyDescent="0.35">
      <c r="A33122" s="1" t="s">
        <v>115220</v>
      </c>
      <c r="B33122" s="1" t="s">
        <v>115221</v>
      </c>
      <c r="C33122" s="1" t="s">
        <v>115</v>
      </c>
      <c r="D33122" s="1" t="s">
        <v>115294</v>
      </c>
      <c r="E33122" s="1" t="s">
        <v>28663</v>
      </c>
      <c r="F33122" s="1" t="s">
        <v>115295</v>
      </c>
      <c r="G33122" s="1" t="s">
        <v>115224</v>
      </c>
      <c r="H33122" s="1" t="s">
        <v>115225</v>
      </c>
      <c r="I33122" s="1" t="s">
        <v>115226</v>
      </c>
      <c r="J33122" s="1" t="s">
        <v>115296</v>
      </c>
    </row>
    <row r="33123" spans="1:10" x14ac:dyDescent="0.35">
      <c r="A33123" s="1" t="s">
        <v>115220</v>
      </c>
      <c r="B33123" s="1" t="s">
        <v>115221</v>
      </c>
      <c r="C33123" s="1" t="s">
        <v>120</v>
      </c>
      <c r="D33123" s="1" t="s">
        <v>33933</v>
      </c>
      <c r="E33123" s="1" t="s">
        <v>115297</v>
      </c>
      <c r="F33123" s="1" t="s">
        <v>115298</v>
      </c>
      <c r="G33123" s="1" t="s">
        <v>115224</v>
      </c>
      <c r="H33123" s="1" t="s">
        <v>115225</v>
      </c>
      <c r="I33123" s="1" t="s">
        <v>115226</v>
      </c>
      <c r="J33123" s="1" t="s">
        <v>115299</v>
      </c>
    </row>
    <row r="33124" spans="1:10" x14ac:dyDescent="0.35">
      <c r="A33124" s="1" t="s">
        <v>115220</v>
      </c>
      <c r="B33124" s="1" t="s">
        <v>115221</v>
      </c>
      <c r="C33124" s="1" t="s">
        <v>125</v>
      </c>
      <c r="D33124" s="1" t="s">
        <v>49457</v>
      </c>
      <c r="E33124" s="1" t="s">
        <v>115300</v>
      </c>
      <c r="F33124" s="1" t="s">
        <v>115301</v>
      </c>
      <c r="G33124" s="1" t="s">
        <v>115224</v>
      </c>
      <c r="H33124" s="1" t="s">
        <v>115225</v>
      </c>
      <c r="I33124" s="1" t="s">
        <v>115226</v>
      </c>
      <c r="J33124" s="1" t="s">
        <v>115302</v>
      </c>
    </row>
    <row r="33125" spans="1:10" x14ac:dyDescent="0.35">
      <c r="A33125" s="1" t="s">
        <v>115220</v>
      </c>
      <c r="B33125" s="1" t="s">
        <v>115221</v>
      </c>
      <c r="C33125" s="1" t="s">
        <v>130</v>
      </c>
      <c r="D33125" s="1" t="s">
        <v>35719</v>
      </c>
      <c r="E33125" s="1" t="s">
        <v>115303</v>
      </c>
      <c r="F33125" s="1" t="s">
        <v>115304</v>
      </c>
      <c r="G33125" s="1" t="s">
        <v>115224</v>
      </c>
      <c r="H33125" s="1" t="s">
        <v>115225</v>
      </c>
      <c r="I33125" s="1" t="s">
        <v>115226</v>
      </c>
      <c r="J33125" s="1" t="s">
        <v>115305</v>
      </c>
    </row>
    <row r="33126" spans="1:10" x14ac:dyDescent="0.35">
      <c r="A33126" s="1" t="s">
        <v>115220</v>
      </c>
      <c r="B33126" s="1" t="s">
        <v>115221</v>
      </c>
      <c r="C33126" s="1" t="s">
        <v>135</v>
      </c>
      <c r="D33126" s="1" t="s">
        <v>115306</v>
      </c>
      <c r="E33126" s="1" t="s">
        <v>115307</v>
      </c>
      <c r="F33126" s="1" t="s">
        <v>115308</v>
      </c>
      <c r="G33126" s="1" t="s">
        <v>115224</v>
      </c>
      <c r="H33126" s="1" t="s">
        <v>115225</v>
      </c>
      <c r="I33126" s="1" t="s">
        <v>115226</v>
      </c>
      <c r="J33126" s="1" t="s">
        <v>115309</v>
      </c>
    </row>
    <row r="33127" spans="1:10" x14ac:dyDescent="0.35">
      <c r="A33127" s="1" t="s">
        <v>115220</v>
      </c>
      <c r="B33127" s="1" t="s">
        <v>115221</v>
      </c>
      <c r="C33127" s="1" t="s">
        <v>140</v>
      </c>
      <c r="D33127" s="1" t="s">
        <v>10549</v>
      </c>
      <c r="E33127" s="1" t="s">
        <v>115310</v>
      </c>
      <c r="F33127" s="1" t="s">
        <v>115311</v>
      </c>
      <c r="G33127" s="1" t="s">
        <v>115224</v>
      </c>
      <c r="H33127" s="1" t="s">
        <v>115225</v>
      </c>
      <c r="I33127" s="1" t="s">
        <v>115226</v>
      </c>
      <c r="J33127" s="1" t="s">
        <v>115312</v>
      </c>
    </row>
    <row r="33128" spans="1:10" x14ac:dyDescent="0.35">
      <c r="A33128" s="1" t="s">
        <v>115220</v>
      </c>
      <c r="B33128" s="1" t="s">
        <v>115221</v>
      </c>
      <c r="C33128" s="1" t="s">
        <v>145</v>
      </c>
      <c r="D33128" s="1" t="s">
        <v>36046</v>
      </c>
      <c r="E33128" s="1" t="s">
        <v>115313</v>
      </c>
      <c r="F33128" s="1" t="s">
        <v>115314</v>
      </c>
      <c r="G33128" s="1" t="s">
        <v>115224</v>
      </c>
      <c r="H33128" s="1" t="s">
        <v>115225</v>
      </c>
      <c r="I33128" s="1" t="s">
        <v>115226</v>
      </c>
      <c r="J33128" s="1" t="s">
        <v>115315</v>
      </c>
    </row>
    <row r="33129" spans="1:10" x14ac:dyDescent="0.35">
      <c r="A33129" s="1" t="s">
        <v>115220</v>
      </c>
      <c r="B33129" s="1" t="s">
        <v>115221</v>
      </c>
      <c r="C33129" s="1" t="s">
        <v>150</v>
      </c>
      <c r="D33129" s="1" t="s">
        <v>49519</v>
      </c>
      <c r="E33129" s="1" t="s">
        <v>115316</v>
      </c>
      <c r="F33129" s="1" t="s">
        <v>115317</v>
      </c>
      <c r="G33129" s="1" t="s">
        <v>115224</v>
      </c>
      <c r="H33129" s="1" t="s">
        <v>115225</v>
      </c>
      <c r="I33129" s="1" t="s">
        <v>115226</v>
      </c>
      <c r="J33129" s="1" t="s">
        <v>115318</v>
      </c>
    </row>
    <row r="33130" spans="1:10" x14ac:dyDescent="0.35">
      <c r="A33130" s="1" t="s">
        <v>115220</v>
      </c>
      <c r="B33130" s="1" t="s">
        <v>115221</v>
      </c>
      <c r="C33130" s="1" t="s">
        <v>155</v>
      </c>
      <c r="D33130" s="1" t="s">
        <v>115319</v>
      </c>
      <c r="E33130" s="1" t="s">
        <v>115320</v>
      </c>
      <c r="F33130" s="1" t="s">
        <v>115321</v>
      </c>
      <c r="G33130" s="1" t="s">
        <v>115224</v>
      </c>
      <c r="H33130" s="1" t="s">
        <v>115225</v>
      </c>
      <c r="I33130" s="1" t="s">
        <v>115226</v>
      </c>
      <c r="J33130" s="1" t="s">
        <v>115322</v>
      </c>
    </row>
    <row r="33131" spans="1:10" x14ac:dyDescent="0.35">
      <c r="A33131" s="1" t="s">
        <v>115220</v>
      </c>
      <c r="B33131" s="1" t="s">
        <v>115221</v>
      </c>
      <c r="C33131" s="1" t="s">
        <v>160</v>
      </c>
      <c r="D33131" s="1" t="s">
        <v>115323</v>
      </c>
      <c r="E33131" s="1" t="s">
        <v>115324</v>
      </c>
      <c r="F33131" s="1" t="s">
        <v>115325</v>
      </c>
      <c r="G33131" s="1" t="s">
        <v>115224</v>
      </c>
      <c r="H33131" s="1" t="s">
        <v>115225</v>
      </c>
      <c r="I33131" s="1" t="s">
        <v>115226</v>
      </c>
      <c r="J33131" s="1" t="s">
        <v>115326</v>
      </c>
    </row>
    <row r="33132" spans="1:10" x14ac:dyDescent="0.35">
      <c r="A33132" s="1" t="s">
        <v>115220</v>
      </c>
      <c r="B33132" s="1" t="s">
        <v>115221</v>
      </c>
      <c r="C33132" s="1" t="s">
        <v>165</v>
      </c>
      <c r="D33132" s="1" t="s">
        <v>115327</v>
      </c>
      <c r="E33132" s="1" t="s">
        <v>115328</v>
      </c>
      <c r="F33132" s="1" t="s">
        <v>115329</v>
      </c>
      <c r="G33132" s="1" t="s">
        <v>115224</v>
      </c>
      <c r="H33132" s="1" t="s">
        <v>115225</v>
      </c>
      <c r="I33132" s="1" t="s">
        <v>115226</v>
      </c>
      <c r="J33132" s="1" t="s">
        <v>115330</v>
      </c>
    </row>
    <row r="33133" spans="1:10" x14ac:dyDescent="0.35">
      <c r="A33133" s="1" t="s">
        <v>115220</v>
      </c>
      <c r="B33133" s="1" t="s">
        <v>115221</v>
      </c>
      <c r="C33133" s="1" t="s">
        <v>170</v>
      </c>
      <c r="D33133" s="1" t="s">
        <v>115286</v>
      </c>
      <c r="E33133" s="1" t="s">
        <v>115331</v>
      </c>
      <c r="F33133" s="1" t="s">
        <v>115332</v>
      </c>
      <c r="G33133" s="1" t="s">
        <v>115224</v>
      </c>
      <c r="H33133" s="1" t="s">
        <v>115225</v>
      </c>
      <c r="I33133" s="1" t="s">
        <v>115226</v>
      </c>
      <c r="J33133" s="1" t="s">
        <v>115333</v>
      </c>
    </row>
    <row r="33134" spans="1:10" x14ac:dyDescent="0.35">
      <c r="A33134" s="1" t="s">
        <v>115334</v>
      </c>
      <c r="B33134" s="1" t="s">
        <v>115221</v>
      </c>
      <c r="C33134" s="1" t="s">
        <v>8</v>
      </c>
      <c r="D33134" s="1" t="s">
        <v>115335</v>
      </c>
      <c r="E33134" s="1" t="s">
        <v>115336</v>
      </c>
      <c r="F33134" s="1" t="s">
        <v>115337</v>
      </c>
      <c r="G33134" s="1" t="s">
        <v>115338</v>
      </c>
      <c r="H33134" s="1" t="s">
        <v>115339</v>
      </c>
      <c r="I33134" s="1" t="s">
        <v>115226</v>
      </c>
      <c r="J33134" s="1" t="s">
        <v>13</v>
      </c>
    </row>
    <row r="33135" spans="1:10" x14ac:dyDescent="0.35">
      <c r="A33135" s="1" t="s">
        <v>115334</v>
      </c>
      <c r="B33135" s="1" t="s">
        <v>115221</v>
      </c>
      <c r="C33135" s="1" t="s">
        <v>15</v>
      </c>
      <c r="D33135" s="1" t="s">
        <v>34549</v>
      </c>
      <c r="E33135" s="1" t="s">
        <v>115340</v>
      </c>
      <c r="F33135" s="1" t="s">
        <v>115341</v>
      </c>
      <c r="G33135" s="1" t="s">
        <v>115338</v>
      </c>
      <c r="H33135" s="1" t="s">
        <v>115339</v>
      </c>
      <c r="I33135" s="1" t="s">
        <v>115226</v>
      </c>
      <c r="J33135" s="1" t="s">
        <v>115342</v>
      </c>
    </row>
    <row r="33136" spans="1:10" x14ac:dyDescent="0.35">
      <c r="A33136" s="1" t="s">
        <v>115334</v>
      </c>
      <c r="B33136" s="1" t="s">
        <v>115221</v>
      </c>
      <c r="C33136" s="1" t="s">
        <v>20</v>
      </c>
      <c r="D33136" s="1" t="s">
        <v>115343</v>
      </c>
      <c r="E33136" s="1" t="s">
        <v>115344</v>
      </c>
      <c r="F33136" s="1" t="s">
        <v>115345</v>
      </c>
      <c r="G33136" s="1" t="s">
        <v>115338</v>
      </c>
      <c r="H33136" s="1" t="s">
        <v>115339</v>
      </c>
      <c r="I33136" s="1" t="s">
        <v>115226</v>
      </c>
      <c r="J33136" s="1" t="s">
        <v>115346</v>
      </c>
    </row>
    <row r="33137" spans="1:10" x14ac:dyDescent="0.35">
      <c r="A33137" s="1" t="s">
        <v>115334</v>
      </c>
      <c r="B33137" s="1" t="s">
        <v>115221</v>
      </c>
      <c r="C33137" s="1" t="s">
        <v>25</v>
      </c>
      <c r="D33137" s="1" t="s">
        <v>115347</v>
      </c>
      <c r="E33137" s="1" t="s">
        <v>115348</v>
      </c>
      <c r="F33137" s="1" t="s">
        <v>115349</v>
      </c>
      <c r="G33137" s="1" t="s">
        <v>115338</v>
      </c>
      <c r="H33137" s="1" t="s">
        <v>115339</v>
      </c>
      <c r="I33137" s="1" t="s">
        <v>115226</v>
      </c>
      <c r="J33137" s="1" t="s">
        <v>115350</v>
      </c>
    </row>
    <row r="33138" spans="1:10" x14ac:dyDescent="0.35">
      <c r="A33138" s="1" t="s">
        <v>115334</v>
      </c>
      <c r="B33138" s="1" t="s">
        <v>115221</v>
      </c>
      <c r="C33138" s="1" t="s">
        <v>30</v>
      </c>
      <c r="D33138" s="1" t="s">
        <v>115351</v>
      </c>
      <c r="E33138" s="1" t="s">
        <v>115352</v>
      </c>
      <c r="F33138" s="1" t="s">
        <v>115353</v>
      </c>
      <c r="G33138" s="1" t="s">
        <v>115338</v>
      </c>
      <c r="H33138" s="1" t="s">
        <v>115339</v>
      </c>
      <c r="I33138" s="1" t="s">
        <v>115226</v>
      </c>
      <c r="J33138" s="1" t="s">
        <v>115354</v>
      </c>
    </row>
    <row r="33139" spans="1:10" x14ac:dyDescent="0.35">
      <c r="A33139" s="1" t="s">
        <v>115334</v>
      </c>
      <c r="B33139" s="1" t="s">
        <v>115221</v>
      </c>
      <c r="C33139" s="1" t="s">
        <v>35</v>
      </c>
      <c r="D33139" s="1" t="s">
        <v>8967</v>
      </c>
      <c r="E33139" s="1" t="s">
        <v>115355</v>
      </c>
      <c r="F33139" s="1" t="s">
        <v>115356</v>
      </c>
      <c r="G33139" s="1" t="s">
        <v>115338</v>
      </c>
      <c r="H33139" s="1" t="s">
        <v>115339</v>
      </c>
      <c r="I33139" s="1" t="s">
        <v>115226</v>
      </c>
      <c r="J33139" s="1" t="s">
        <v>115357</v>
      </c>
    </row>
    <row r="33140" spans="1:10" x14ac:dyDescent="0.35">
      <c r="A33140" s="1" t="s">
        <v>115334</v>
      </c>
      <c r="B33140" s="1" t="s">
        <v>115221</v>
      </c>
      <c r="C33140" s="1" t="s">
        <v>40</v>
      </c>
      <c r="D33140" s="1" t="s">
        <v>34618</v>
      </c>
      <c r="E33140" s="1" t="s">
        <v>115358</v>
      </c>
      <c r="F33140" s="1" t="s">
        <v>115359</v>
      </c>
      <c r="G33140" s="1" t="s">
        <v>115338</v>
      </c>
      <c r="H33140" s="1" t="s">
        <v>115339</v>
      </c>
      <c r="I33140" s="1" t="s">
        <v>115226</v>
      </c>
      <c r="J33140" s="1" t="s">
        <v>115360</v>
      </c>
    </row>
    <row r="33141" spans="1:10" x14ac:dyDescent="0.35">
      <c r="A33141" s="1" t="s">
        <v>115334</v>
      </c>
      <c r="B33141" s="1" t="s">
        <v>115221</v>
      </c>
      <c r="C33141" s="1" t="s">
        <v>45</v>
      </c>
      <c r="D33141" s="1" t="s">
        <v>10903</v>
      </c>
      <c r="E33141" s="1" t="s">
        <v>115361</v>
      </c>
      <c r="F33141" s="1" t="s">
        <v>115362</v>
      </c>
      <c r="G33141" s="1" t="s">
        <v>115338</v>
      </c>
      <c r="H33141" s="1" t="s">
        <v>115339</v>
      </c>
      <c r="I33141" s="1" t="s">
        <v>115226</v>
      </c>
      <c r="J33141" s="1" t="s">
        <v>115363</v>
      </c>
    </row>
    <row r="33142" spans="1:10" x14ac:dyDescent="0.35">
      <c r="A33142" s="1" t="s">
        <v>115334</v>
      </c>
      <c r="B33142" s="1" t="s">
        <v>115221</v>
      </c>
      <c r="C33142" s="1" t="s">
        <v>50</v>
      </c>
      <c r="D33142" s="1" t="s">
        <v>73321</v>
      </c>
      <c r="E33142" s="1" t="s">
        <v>115364</v>
      </c>
      <c r="F33142" s="1" t="s">
        <v>115365</v>
      </c>
      <c r="G33142" s="1" t="s">
        <v>115338</v>
      </c>
      <c r="H33142" s="1" t="s">
        <v>115339</v>
      </c>
      <c r="I33142" s="1" t="s">
        <v>115226</v>
      </c>
      <c r="J33142" s="1" t="s">
        <v>115366</v>
      </c>
    </row>
    <row r="33143" spans="1:10" x14ac:dyDescent="0.35">
      <c r="A33143" s="1" t="s">
        <v>115334</v>
      </c>
      <c r="B33143" s="1" t="s">
        <v>115221</v>
      </c>
      <c r="C33143" s="1" t="s">
        <v>55</v>
      </c>
      <c r="D33143" s="1" t="s">
        <v>115367</v>
      </c>
      <c r="E33143" s="1" t="s">
        <v>115368</v>
      </c>
      <c r="F33143" s="1" t="s">
        <v>115369</v>
      </c>
      <c r="G33143" s="1" t="s">
        <v>115338</v>
      </c>
      <c r="H33143" s="1" t="s">
        <v>115339</v>
      </c>
      <c r="I33143" s="1" t="s">
        <v>115226</v>
      </c>
      <c r="J33143" s="1" t="s">
        <v>115370</v>
      </c>
    </row>
    <row r="33144" spans="1:10" x14ac:dyDescent="0.35">
      <c r="A33144" s="1" t="s">
        <v>115334</v>
      </c>
      <c r="B33144" s="1" t="s">
        <v>115221</v>
      </c>
      <c r="C33144" s="1" t="s">
        <v>60</v>
      </c>
      <c r="D33144" s="1" t="s">
        <v>71159</v>
      </c>
      <c r="E33144" s="1" t="s">
        <v>115371</v>
      </c>
      <c r="F33144" s="1" t="s">
        <v>115372</v>
      </c>
      <c r="G33144" s="1" t="s">
        <v>115338</v>
      </c>
      <c r="H33144" s="1" t="s">
        <v>115339</v>
      </c>
      <c r="I33144" s="1" t="s">
        <v>115226</v>
      </c>
      <c r="J33144" s="1" t="s">
        <v>115373</v>
      </c>
    </row>
    <row r="33145" spans="1:10" x14ac:dyDescent="0.35">
      <c r="A33145" s="1" t="s">
        <v>115334</v>
      </c>
      <c r="B33145" s="1" t="s">
        <v>115221</v>
      </c>
      <c r="C33145" s="1" t="s">
        <v>65</v>
      </c>
      <c r="D33145" s="1" t="s">
        <v>115374</v>
      </c>
      <c r="E33145" s="1" t="s">
        <v>115375</v>
      </c>
      <c r="F33145" s="1" t="s">
        <v>115376</v>
      </c>
      <c r="G33145" s="1" t="s">
        <v>115338</v>
      </c>
      <c r="H33145" s="1" t="s">
        <v>115339</v>
      </c>
      <c r="I33145" s="1" t="s">
        <v>115226</v>
      </c>
      <c r="J33145" s="1" t="s">
        <v>115377</v>
      </c>
    </row>
    <row r="33146" spans="1:10" x14ac:dyDescent="0.35">
      <c r="A33146" s="1" t="s">
        <v>115334</v>
      </c>
      <c r="B33146" s="1" t="s">
        <v>115221</v>
      </c>
      <c r="C33146" s="1" t="s">
        <v>70</v>
      </c>
      <c r="D33146" s="1" t="s">
        <v>46934</v>
      </c>
      <c r="E33146" s="1" t="s">
        <v>115378</v>
      </c>
      <c r="F33146" s="1" t="s">
        <v>115379</v>
      </c>
      <c r="G33146" s="1" t="s">
        <v>115338</v>
      </c>
      <c r="H33146" s="1" t="s">
        <v>115339</v>
      </c>
      <c r="I33146" s="1" t="s">
        <v>115226</v>
      </c>
      <c r="J33146" s="1" t="s">
        <v>115380</v>
      </c>
    </row>
    <row r="33147" spans="1:10" x14ac:dyDescent="0.35">
      <c r="A33147" s="1" t="s">
        <v>115334</v>
      </c>
      <c r="B33147" s="1" t="s">
        <v>115221</v>
      </c>
      <c r="C33147" s="1" t="s">
        <v>75</v>
      </c>
      <c r="D33147" s="1" t="s">
        <v>16348</v>
      </c>
      <c r="E33147" s="1" t="s">
        <v>115381</v>
      </c>
      <c r="F33147" s="1" t="s">
        <v>115382</v>
      </c>
      <c r="G33147" s="1" t="s">
        <v>115338</v>
      </c>
      <c r="H33147" s="1" t="s">
        <v>115339</v>
      </c>
      <c r="I33147" s="1" t="s">
        <v>115226</v>
      </c>
      <c r="J33147" s="1" t="s">
        <v>115383</v>
      </c>
    </row>
    <row r="33148" spans="1:10" x14ac:dyDescent="0.35">
      <c r="A33148" s="1" t="s">
        <v>115334</v>
      </c>
      <c r="B33148" s="1" t="s">
        <v>115221</v>
      </c>
      <c r="C33148" s="1" t="s">
        <v>80</v>
      </c>
      <c r="D33148" s="1" t="s">
        <v>115384</v>
      </c>
      <c r="E33148" s="1" t="s">
        <v>115385</v>
      </c>
      <c r="F33148" s="1" t="s">
        <v>115386</v>
      </c>
      <c r="G33148" s="1" t="s">
        <v>115338</v>
      </c>
      <c r="H33148" s="1" t="s">
        <v>115339</v>
      </c>
      <c r="I33148" s="1" t="s">
        <v>115226</v>
      </c>
      <c r="J33148" s="1" t="s">
        <v>115387</v>
      </c>
    </row>
    <row r="33149" spans="1:10" x14ac:dyDescent="0.35">
      <c r="A33149" s="1" t="s">
        <v>115334</v>
      </c>
      <c r="B33149" s="1" t="s">
        <v>115221</v>
      </c>
      <c r="C33149" s="1" t="s">
        <v>85</v>
      </c>
      <c r="D33149" s="1" t="s">
        <v>48606</v>
      </c>
      <c r="E33149" s="1" t="s">
        <v>115388</v>
      </c>
      <c r="F33149" s="1" t="s">
        <v>115389</v>
      </c>
      <c r="G33149" s="1" t="s">
        <v>115338</v>
      </c>
      <c r="H33149" s="1" t="s">
        <v>115339</v>
      </c>
      <c r="I33149" s="1" t="s">
        <v>115226</v>
      </c>
      <c r="J33149" s="1" t="s">
        <v>115390</v>
      </c>
    </row>
    <row r="33150" spans="1:10" x14ac:dyDescent="0.35">
      <c r="A33150" s="1" t="s">
        <v>115334</v>
      </c>
      <c r="B33150" s="1" t="s">
        <v>115221</v>
      </c>
      <c r="C33150" s="1" t="s">
        <v>90</v>
      </c>
      <c r="D33150" s="1" t="s">
        <v>115391</v>
      </c>
      <c r="E33150" s="1" t="s">
        <v>115392</v>
      </c>
      <c r="F33150" s="1" t="s">
        <v>115393</v>
      </c>
      <c r="G33150" s="1" t="s">
        <v>115338</v>
      </c>
      <c r="H33150" s="1" t="s">
        <v>115339</v>
      </c>
      <c r="I33150" s="1" t="s">
        <v>115226</v>
      </c>
      <c r="J33150" s="1" t="s">
        <v>115394</v>
      </c>
    </row>
    <row r="33151" spans="1:10" x14ac:dyDescent="0.35">
      <c r="A33151" s="1" t="s">
        <v>115334</v>
      </c>
      <c r="B33151" s="1" t="s">
        <v>115221</v>
      </c>
      <c r="C33151" s="1" t="s">
        <v>95</v>
      </c>
      <c r="D33151" s="1" t="s">
        <v>74992</v>
      </c>
      <c r="E33151" s="1" t="s">
        <v>115395</v>
      </c>
      <c r="F33151" s="1" t="s">
        <v>115396</v>
      </c>
      <c r="G33151" s="1" t="s">
        <v>115338</v>
      </c>
      <c r="H33151" s="1" t="s">
        <v>115339</v>
      </c>
      <c r="I33151" s="1" t="s">
        <v>115226</v>
      </c>
      <c r="J33151" s="1" t="s">
        <v>115397</v>
      </c>
    </row>
    <row r="33152" spans="1:10" x14ac:dyDescent="0.35">
      <c r="A33152" s="1" t="s">
        <v>115334</v>
      </c>
      <c r="B33152" s="1" t="s">
        <v>115221</v>
      </c>
      <c r="C33152" s="1" t="s">
        <v>100</v>
      </c>
      <c r="D33152" s="1" t="s">
        <v>34321</v>
      </c>
      <c r="E33152" s="1" t="s">
        <v>115398</v>
      </c>
      <c r="F33152" s="1" t="s">
        <v>115399</v>
      </c>
      <c r="G33152" s="1" t="s">
        <v>115338</v>
      </c>
      <c r="H33152" s="1" t="s">
        <v>115339</v>
      </c>
      <c r="I33152" s="1" t="s">
        <v>115226</v>
      </c>
      <c r="J33152" s="1" t="s">
        <v>115400</v>
      </c>
    </row>
    <row r="33153" spans="1:10" x14ac:dyDescent="0.35">
      <c r="A33153" s="1" t="s">
        <v>115334</v>
      </c>
      <c r="B33153" s="1" t="s">
        <v>115221</v>
      </c>
      <c r="C33153" s="1" t="s">
        <v>105</v>
      </c>
      <c r="D33153" s="1" t="s">
        <v>115401</v>
      </c>
      <c r="E33153" s="1" t="s">
        <v>115402</v>
      </c>
      <c r="F33153" s="1" t="s">
        <v>115403</v>
      </c>
      <c r="G33153" s="1" t="s">
        <v>115338</v>
      </c>
      <c r="H33153" s="1" t="s">
        <v>115339</v>
      </c>
      <c r="I33153" s="1" t="s">
        <v>115226</v>
      </c>
      <c r="J33153" s="1" t="s">
        <v>115404</v>
      </c>
    </row>
    <row r="33154" spans="1:10" x14ac:dyDescent="0.35">
      <c r="A33154" s="1" t="s">
        <v>115334</v>
      </c>
      <c r="B33154" s="1" t="s">
        <v>115221</v>
      </c>
      <c r="C33154" s="1" t="s">
        <v>110</v>
      </c>
      <c r="D33154" s="1" t="s">
        <v>51577</v>
      </c>
      <c r="E33154" s="1" t="s">
        <v>115405</v>
      </c>
      <c r="F33154" s="1" t="s">
        <v>115406</v>
      </c>
      <c r="G33154" s="1" t="s">
        <v>115338</v>
      </c>
      <c r="H33154" s="1" t="s">
        <v>115339</v>
      </c>
      <c r="I33154" s="1" t="s">
        <v>115226</v>
      </c>
      <c r="J33154" s="1" t="s">
        <v>115407</v>
      </c>
    </row>
    <row r="33155" spans="1:10" x14ac:dyDescent="0.35">
      <c r="A33155" s="1" t="s">
        <v>115334</v>
      </c>
      <c r="B33155" s="1" t="s">
        <v>115221</v>
      </c>
      <c r="C33155" s="1" t="s">
        <v>115</v>
      </c>
      <c r="D33155" s="1" t="s">
        <v>115408</v>
      </c>
      <c r="E33155" s="1" t="s">
        <v>115409</v>
      </c>
      <c r="F33155" s="1" t="s">
        <v>115410</v>
      </c>
      <c r="G33155" s="1" t="s">
        <v>115338</v>
      </c>
      <c r="H33155" s="1" t="s">
        <v>115339</v>
      </c>
      <c r="I33155" s="1" t="s">
        <v>115226</v>
      </c>
      <c r="J33155" s="1" t="s">
        <v>115411</v>
      </c>
    </row>
    <row r="33156" spans="1:10" x14ac:dyDescent="0.35">
      <c r="A33156" s="1" t="s">
        <v>115334</v>
      </c>
      <c r="B33156" s="1" t="s">
        <v>115221</v>
      </c>
      <c r="C33156" s="1" t="s">
        <v>120</v>
      </c>
      <c r="D33156" s="1" t="s">
        <v>115412</v>
      </c>
      <c r="E33156" s="1" t="s">
        <v>115413</v>
      </c>
      <c r="F33156" s="1" t="s">
        <v>115414</v>
      </c>
      <c r="G33156" s="1" t="s">
        <v>115338</v>
      </c>
      <c r="H33156" s="1" t="s">
        <v>115339</v>
      </c>
      <c r="I33156" s="1" t="s">
        <v>115226</v>
      </c>
      <c r="J33156" s="1" t="s">
        <v>115415</v>
      </c>
    </row>
    <row r="33157" spans="1:10" x14ac:dyDescent="0.35">
      <c r="A33157" s="1" t="s">
        <v>115334</v>
      </c>
      <c r="B33157" s="1" t="s">
        <v>115221</v>
      </c>
      <c r="C33157" s="1" t="s">
        <v>125</v>
      </c>
      <c r="D33157" s="1" t="s">
        <v>35813</v>
      </c>
      <c r="E33157" s="1" t="s">
        <v>115416</v>
      </c>
      <c r="F33157" s="1" t="s">
        <v>115417</v>
      </c>
      <c r="G33157" s="1" t="s">
        <v>115338</v>
      </c>
      <c r="H33157" s="1" t="s">
        <v>115339</v>
      </c>
      <c r="I33157" s="1" t="s">
        <v>115226</v>
      </c>
      <c r="J33157" s="1" t="s">
        <v>115418</v>
      </c>
    </row>
    <row r="33158" spans="1:10" x14ac:dyDescent="0.35">
      <c r="A33158" s="1" t="s">
        <v>115334</v>
      </c>
      <c r="B33158" s="1" t="s">
        <v>115221</v>
      </c>
      <c r="C33158" s="1" t="s">
        <v>130</v>
      </c>
      <c r="D33158" s="1" t="s">
        <v>115419</v>
      </c>
      <c r="E33158" s="1" t="s">
        <v>115420</v>
      </c>
      <c r="F33158" s="1" t="s">
        <v>115421</v>
      </c>
      <c r="G33158" s="1" t="s">
        <v>115338</v>
      </c>
      <c r="H33158" s="1" t="s">
        <v>115339</v>
      </c>
      <c r="I33158" s="1" t="s">
        <v>115226</v>
      </c>
      <c r="J33158" s="1" t="s">
        <v>115422</v>
      </c>
    </row>
    <row r="33159" spans="1:10" x14ac:dyDescent="0.35">
      <c r="A33159" s="1" t="s">
        <v>115334</v>
      </c>
      <c r="B33159" s="1" t="s">
        <v>115221</v>
      </c>
      <c r="C33159" s="1" t="s">
        <v>135</v>
      </c>
      <c r="D33159" s="1" t="s">
        <v>115423</v>
      </c>
      <c r="E33159" s="1" t="s">
        <v>115424</v>
      </c>
      <c r="F33159" s="1" t="s">
        <v>115425</v>
      </c>
      <c r="G33159" s="1" t="s">
        <v>115338</v>
      </c>
      <c r="H33159" s="1" t="s">
        <v>115339</v>
      </c>
      <c r="I33159" s="1" t="s">
        <v>115226</v>
      </c>
      <c r="J33159" s="1" t="s">
        <v>115426</v>
      </c>
    </row>
    <row r="33160" spans="1:10" x14ac:dyDescent="0.35">
      <c r="A33160" s="1" t="s">
        <v>115334</v>
      </c>
      <c r="B33160" s="1" t="s">
        <v>115221</v>
      </c>
      <c r="C33160" s="1" t="s">
        <v>140</v>
      </c>
      <c r="D33160" s="1" t="s">
        <v>72450</v>
      </c>
      <c r="E33160" s="1" t="s">
        <v>115427</v>
      </c>
      <c r="F33160" s="1" t="s">
        <v>115428</v>
      </c>
      <c r="G33160" s="1" t="s">
        <v>115338</v>
      </c>
      <c r="H33160" s="1" t="s">
        <v>115339</v>
      </c>
      <c r="I33160" s="1" t="s">
        <v>115226</v>
      </c>
      <c r="J33160" s="1" t="s">
        <v>115429</v>
      </c>
    </row>
    <row r="33161" spans="1:10" x14ac:dyDescent="0.35">
      <c r="A33161" s="1" t="s">
        <v>115334</v>
      </c>
      <c r="B33161" s="1" t="s">
        <v>115221</v>
      </c>
      <c r="C33161" s="1" t="s">
        <v>145</v>
      </c>
      <c r="D33161" s="1" t="s">
        <v>16069</v>
      </c>
      <c r="E33161" s="1" t="s">
        <v>115430</v>
      </c>
      <c r="F33161" s="1" t="s">
        <v>115431</v>
      </c>
      <c r="G33161" s="1" t="s">
        <v>115338</v>
      </c>
      <c r="H33161" s="1" t="s">
        <v>115339</v>
      </c>
      <c r="I33161" s="1" t="s">
        <v>115226</v>
      </c>
      <c r="J33161" s="1" t="s">
        <v>115432</v>
      </c>
    </row>
    <row r="33162" spans="1:10" x14ac:dyDescent="0.35">
      <c r="A33162" s="1" t="s">
        <v>115334</v>
      </c>
      <c r="B33162" s="1" t="s">
        <v>115221</v>
      </c>
      <c r="C33162" s="1" t="s">
        <v>150</v>
      </c>
      <c r="D33162" s="1" t="s">
        <v>49257</v>
      </c>
      <c r="E33162" s="1" t="s">
        <v>115433</v>
      </c>
      <c r="F33162" s="1" t="s">
        <v>115434</v>
      </c>
      <c r="G33162" s="1" t="s">
        <v>115338</v>
      </c>
      <c r="H33162" s="1" t="s">
        <v>115339</v>
      </c>
      <c r="I33162" s="1" t="s">
        <v>115226</v>
      </c>
      <c r="J33162" s="1" t="s">
        <v>115435</v>
      </c>
    </row>
    <row r="33163" spans="1:10" x14ac:dyDescent="0.35">
      <c r="A33163" s="1" t="s">
        <v>115334</v>
      </c>
      <c r="B33163" s="1" t="s">
        <v>115221</v>
      </c>
      <c r="C33163" s="1" t="s">
        <v>155</v>
      </c>
      <c r="D33163" s="1" t="s">
        <v>115436</v>
      </c>
      <c r="E33163" s="1" t="s">
        <v>115437</v>
      </c>
      <c r="F33163" s="1" t="s">
        <v>115438</v>
      </c>
      <c r="G33163" s="1" t="s">
        <v>115338</v>
      </c>
      <c r="H33163" s="1" t="s">
        <v>115339</v>
      </c>
      <c r="I33163" s="1" t="s">
        <v>115226</v>
      </c>
      <c r="J33163" s="1" t="s">
        <v>115439</v>
      </c>
    </row>
    <row r="33164" spans="1:10" x14ac:dyDescent="0.35">
      <c r="A33164" s="1" t="s">
        <v>115334</v>
      </c>
      <c r="B33164" s="1" t="s">
        <v>115221</v>
      </c>
      <c r="C33164" s="1" t="s">
        <v>160</v>
      </c>
      <c r="D33164" s="1" t="s">
        <v>115440</v>
      </c>
      <c r="E33164" s="1" t="s">
        <v>115441</v>
      </c>
      <c r="F33164" s="1" t="s">
        <v>115442</v>
      </c>
      <c r="G33164" s="1" t="s">
        <v>115338</v>
      </c>
      <c r="H33164" s="1" t="s">
        <v>115339</v>
      </c>
      <c r="I33164" s="1" t="s">
        <v>115226</v>
      </c>
      <c r="J33164" s="1" t="s">
        <v>115443</v>
      </c>
    </row>
    <row r="33165" spans="1:10" x14ac:dyDescent="0.35">
      <c r="A33165" s="1" t="s">
        <v>115334</v>
      </c>
      <c r="B33165" s="1" t="s">
        <v>115221</v>
      </c>
      <c r="C33165" s="1" t="s">
        <v>165</v>
      </c>
      <c r="D33165" s="1" t="s">
        <v>115444</v>
      </c>
      <c r="E33165" s="1" t="s">
        <v>115445</v>
      </c>
      <c r="F33165" s="1" t="s">
        <v>115446</v>
      </c>
      <c r="G33165" s="1" t="s">
        <v>115338</v>
      </c>
      <c r="H33165" s="1" t="s">
        <v>115339</v>
      </c>
      <c r="I33165" s="1" t="s">
        <v>115226</v>
      </c>
      <c r="J33165" s="1" t="s">
        <v>115447</v>
      </c>
    </row>
    <row r="33166" spans="1:10" x14ac:dyDescent="0.35">
      <c r="A33166" s="1" t="s">
        <v>115334</v>
      </c>
      <c r="B33166" s="1" t="s">
        <v>115221</v>
      </c>
      <c r="C33166" s="1" t="s">
        <v>170</v>
      </c>
      <c r="D33166" s="1" t="s">
        <v>115448</v>
      </c>
      <c r="E33166" s="1" t="s">
        <v>115449</v>
      </c>
      <c r="F33166" s="1" t="s">
        <v>115450</v>
      </c>
      <c r="G33166" s="1" t="s">
        <v>115338</v>
      </c>
      <c r="H33166" s="1" t="s">
        <v>115339</v>
      </c>
      <c r="I33166" s="1" t="s">
        <v>115226</v>
      </c>
      <c r="J33166" s="1" t="s">
        <v>115451</v>
      </c>
    </row>
    <row r="33167" spans="1:10" x14ac:dyDescent="0.35">
      <c r="A33167" s="1" t="s">
        <v>115452</v>
      </c>
      <c r="B33167" s="1" t="s">
        <v>115221</v>
      </c>
      <c r="C33167" s="1" t="s">
        <v>8</v>
      </c>
      <c r="D33167" s="1" t="s">
        <v>37333</v>
      </c>
      <c r="E33167" s="1" t="s">
        <v>115453</v>
      </c>
      <c r="F33167" s="1" t="s">
        <v>115454</v>
      </c>
      <c r="G33167" s="1" t="s">
        <v>115455</v>
      </c>
      <c r="H33167" s="1" t="s">
        <v>115456</v>
      </c>
      <c r="I33167" s="1" t="s">
        <v>115226</v>
      </c>
      <c r="J33167" s="1" t="s">
        <v>13</v>
      </c>
    </row>
    <row r="33168" spans="1:10" x14ac:dyDescent="0.35">
      <c r="A33168" s="1" t="s">
        <v>115452</v>
      </c>
      <c r="B33168" s="1" t="s">
        <v>115221</v>
      </c>
      <c r="C33168" s="1" t="s">
        <v>15</v>
      </c>
      <c r="D33168" s="1" t="s">
        <v>73092</v>
      </c>
      <c r="E33168" s="1" t="s">
        <v>115457</v>
      </c>
      <c r="F33168" s="1" t="s">
        <v>115458</v>
      </c>
      <c r="G33168" s="1" t="s">
        <v>115455</v>
      </c>
      <c r="H33168" s="1" t="s">
        <v>115456</v>
      </c>
      <c r="I33168" s="1" t="s">
        <v>115226</v>
      </c>
      <c r="J33168" s="1" t="s">
        <v>115459</v>
      </c>
    </row>
    <row r="33169" spans="1:10" x14ac:dyDescent="0.35">
      <c r="A33169" s="1" t="s">
        <v>115452</v>
      </c>
      <c r="B33169" s="1" t="s">
        <v>115221</v>
      </c>
      <c r="C33169" s="1" t="s">
        <v>20</v>
      </c>
      <c r="D33169" s="1" t="s">
        <v>115460</v>
      </c>
      <c r="E33169" s="1" t="s">
        <v>115461</v>
      </c>
      <c r="F33169" s="1" t="s">
        <v>115462</v>
      </c>
      <c r="G33169" s="1" t="s">
        <v>115455</v>
      </c>
      <c r="H33169" s="1" t="s">
        <v>115456</v>
      </c>
      <c r="I33169" s="1" t="s">
        <v>115226</v>
      </c>
      <c r="J33169" s="1" t="s">
        <v>115463</v>
      </c>
    </row>
    <row r="33170" spans="1:10" x14ac:dyDescent="0.35">
      <c r="A33170" s="1" t="s">
        <v>115452</v>
      </c>
      <c r="B33170" s="1" t="s">
        <v>115221</v>
      </c>
      <c r="C33170" s="1" t="s">
        <v>25</v>
      </c>
      <c r="D33170" s="1" t="s">
        <v>46257</v>
      </c>
      <c r="E33170" s="1" t="s">
        <v>115464</v>
      </c>
      <c r="F33170" s="1" t="s">
        <v>115465</v>
      </c>
      <c r="G33170" s="1" t="s">
        <v>115455</v>
      </c>
      <c r="H33170" s="1" t="s">
        <v>115456</v>
      </c>
      <c r="I33170" s="1" t="s">
        <v>115226</v>
      </c>
      <c r="J33170" s="1" t="s">
        <v>115466</v>
      </c>
    </row>
    <row r="33171" spans="1:10" x14ac:dyDescent="0.35">
      <c r="A33171" s="1" t="s">
        <v>115452</v>
      </c>
      <c r="B33171" s="1" t="s">
        <v>115221</v>
      </c>
      <c r="C33171" s="1" t="s">
        <v>30</v>
      </c>
      <c r="D33171" s="1" t="s">
        <v>115467</v>
      </c>
      <c r="E33171" s="1" t="s">
        <v>115468</v>
      </c>
      <c r="F33171" s="1" t="s">
        <v>115469</v>
      </c>
      <c r="G33171" s="1" t="s">
        <v>115455</v>
      </c>
      <c r="H33171" s="1" t="s">
        <v>115456</v>
      </c>
      <c r="I33171" s="1" t="s">
        <v>115226</v>
      </c>
      <c r="J33171" s="1" t="s">
        <v>115470</v>
      </c>
    </row>
    <row r="33172" spans="1:10" x14ac:dyDescent="0.35">
      <c r="A33172" s="1" t="s">
        <v>115452</v>
      </c>
      <c r="B33172" s="1" t="s">
        <v>115221</v>
      </c>
      <c r="C33172" s="1" t="s">
        <v>35</v>
      </c>
      <c r="D33172" s="1" t="s">
        <v>115471</v>
      </c>
      <c r="E33172" s="1" t="s">
        <v>115472</v>
      </c>
      <c r="F33172" s="1" t="s">
        <v>115473</v>
      </c>
      <c r="G33172" s="1" t="s">
        <v>115455</v>
      </c>
      <c r="H33172" s="1" t="s">
        <v>115456</v>
      </c>
      <c r="I33172" s="1" t="s">
        <v>115226</v>
      </c>
      <c r="J33172" s="1" t="s">
        <v>115474</v>
      </c>
    </row>
    <row r="33173" spans="1:10" x14ac:dyDescent="0.35">
      <c r="A33173" s="1" t="s">
        <v>115452</v>
      </c>
      <c r="B33173" s="1" t="s">
        <v>115221</v>
      </c>
      <c r="C33173" s="1" t="s">
        <v>40</v>
      </c>
      <c r="D33173" s="1" t="s">
        <v>115475</v>
      </c>
      <c r="E33173" s="1" t="s">
        <v>115476</v>
      </c>
      <c r="F33173" s="1" t="s">
        <v>115477</v>
      </c>
      <c r="G33173" s="1" t="s">
        <v>115455</v>
      </c>
      <c r="H33173" s="1" t="s">
        <v>115456</v>
      </c>
      <c r="I33173" s="1" t="s">
        <v>115226</v>
      </c>
      <c r="J33173" s="1" t="s">
        <v>115478</v>
      </c>
    </row>
    <row r="33174" spans="1:10" x14ac:dyDescent="0.35">
      <c r="A33174" s="1" t="s">
        <v>115452</v>
      </c>
      <c r="B33174" s="1" t="s">
        <v>115221</v>
      </c>
      <c r="C33174" s="1" t="s">
        <v>45</v>
      </c>
      <c r="D33174" s="1" t="s">
        <v>74636</v>
      </c>
      <c r="E33174" s="1" t="s">
        <v>115479</v>
      </c>
      <c r="F33174" s="1" t="s">
        <v>115480</v>
      </c>
      <c r="G33174" s="1" t="s">
        <v>115455</v>
      </c>
      <c r="H33174" s="1" t="s">
        <v>115456</v>
      </c>
      <c r="I33174" s="1" t="s">
        <v>115226</v>
      </c>
      <c r="J33174" s="1" t="s">
        <v>115481</v>
      </c>
    </row>
    <row r="33175" spans="1:10" x14ac:dyDescent="0.35">
      <c r="A33175" s="1" t="s">
        <v>115452</v>
      </c>
      <c r="B33175" s="1" t="s">
        <v>115221</v>
      </c>
      <c r="C33175" s="1" t="s">
        <v>50</v>
      </c>
      <c r="D33175" s="1" t="s">
        <v>34512</v>
      </c>
      <c r="E33175" s="1" t="s">
        <v>115482</v>
      </c>
      <c r="F33175" s="1" t="s">
        <v>115483</v>
      </c>
      <c r="G33175" s="1" t="s">
        <v>115455</v>
      </c>
      <c r="H33175" s="1" t="s">
        <v>115456</v>
      </c>
      <c r="I33175" s="1" t="s">
        <v>115226</v>
      </c>
      <c r="J33175" s="1" t="s">
        <v>115484</v>
      </c>
    </row>
    <row r="33176" spans="1:10" x14ac:dyDescent="0.35">
      <c r="A33176" s="1" t="s">
        <v>115452</v>
      </c>
      <c r="B33176" s="1" t="s">
        <v>115221</v>
      </c>
      <c r="C33176" s="1" t="s">
        <v>55</v>
      </c>
      <c r="D33176" s="1" t="s">
        <v>115485</v>
      </c>
      <c r="E33176" s="1" t="s">
        <v>115486</v>
      </c>
      <c r="F33176" s="1" t="s">
        <v>115487</v>
      </c>
      <c r="G33176" s="1" t="s">
        <v>115455</v>
      </c>
      <c r="H33176" s="1" t="s">
        <v>115456</v>
      </c>
      <c r="I33176" s="1" t="s">
        <v>115226</v>
      </c>
      <c r="J33176" s="1" t="s">
        <v>115488</v>
      </c>
    </row>
    <row r="33177" spans="1:10" x14ac:dyDescent="0.35">
      <c r="A33177" s="1" t="s">
        <v>115452</v>
      </c>
      <c r="B33177" s="1" t="s">
        <v>115221</v>
      </c>
      <c r="C33177" s="1" t="s">
        <v>60</v>
      </c>
      <c r="D33177" s="1" t="s">
        <v>115489</v>
      </c>
      <c r="E33177" s="1" t="s">
        <v>115490</v>
      </c>
      <c r="F33177" s="1" t="s">
        <v>115491</v>
      </c>
      <c r="G33177" s="1" t="s">
        <v>115455</v>
      </c>
      <c r="H33177" s="1" t="s">
        <v>115456</v>
      </c>
      <c r="I33177" s="1" t="s">
        <v>115226</v>
      </c>
      <c r="J33177" s="1" t="s">
        <v>115492</v>
      </c>
    </row>
    <row r="33178" spans="1:10" x14ac:dyDescent="0.35">
      <c r="A33178" s="1" t="s">
        <v>115452</v>
      </c>
      <c r="B33178" s="1" t="s">
        <v>115221</v>
      </c>
      <c r="C33178" s="1" t="s">
        <v>65</v>
      </c>
      <c r="D33178" s="1" t="s">
        <v>38167</v>
      </c>
      <c r="E33178" s="1" t="s">
        <v>115493</v>
      </c>
      <c r="F33178" s="1" t="s">
        <v>115494</v>
      </c>
      <c r="G33178" s="1" t="s">
        <v>115455</v>
      </c>
      <c r="H33178" s="1" t="s">
        <v>115456</v>
      </c>
      <c r="I33178" s="1" t="s">
        <v>115226</v>
      </c>
      <c r="J33178" s="1" t="s">
        <v>115495</v>
      </c>
    </row>
    <row r="33179" spans="1:10" x14ac:dyDescent="0.35">
      <c r="A33179" s="1" t="s">
        <v>115452</v>
      </c>
      <c r="B33179" s="1" t="s">
        <v>115221</v>
      </c>
      <c r="C33179" s="1" t="s">
        <v>70</v>
      </c>
      <c r="D33179" s="1" t="s">
        <v>115496</v>
      </c>
      <c r="E33179" s="1" t="s">
        <v>115497</v>
      </c>
      <c r="F33179" s="1" t="s">
        <v>115498</v>
      </c>
      <c r="G33179" s="1" t="s">
        <v>115455</v>
      </c>
      <c r="H33179" s="1" t="s">
        <v>115456</v>
      </c>
      <c r="I33179" s="1" t="s">
        <v>115226</v>
      </c>
      <c r="J33179" s="1" t="s">
        <v>115499</v>
      </c>
    </row>
    <row r="33180" spans="1:10" x14ac:dyDescent="0.35">
      <c r="A33180" s="1" t="s">
        <v>115452</v>
      </c>
      <c r="B33180" s="1" t="s">
        <v>115221</v>
      </c>
      <c r="C33180" s="1" t="s">
        <v>75</v>
      </c>
      <c r="D33180" s="1" t="s">
        <v>115500</v>
      </c>
      <c r="E33180" s="1" t="s">
        <v>115501</v>
      </c>
      <c r="F33180" s="1" t="s">
        <v>115502</v>
      </c>
      <c r="G33180" s="1" t="s">
        <v>115455</v>
      </c>
      <c r="H33180" s="1" t="s">
        <v>115456</v>
      </c>
      <c r="I33180" s="1" t="s">
        <v>115226</v>
      </c>
      <c r="J33180" s="1" t="s">
        <v>115503</v>
      </c>
    </row>
    <row r="33181" spans="1:10" x14ac:dyDescent="0.35">
      <c r="A33181" s="1" t="s">
        <v>115452</v>
      </c>
      <c r="B33181" s="1" t="s">
        <v>115221</v>
      </c>
      <c r="C33181" s="1" t="s">
        <v>80</v>
      </c>
      <c r="D33181" s="1" t="s">
        <v>115504</v>
      </c>
      <c r="E33181" s="1" t="s">
        <v>115505</v>
      </c>
      <c r="F33181" s="1" t="s">
        <v>115506</v>
      </c>
      <c r="G33181" s="1" t="s">
        <v>115455</v>
      </c>
      <c r="H33181" s="1" t="s">
        <v>115456</v>
      </c>
      <c r="I33181" s="1" t="s">
        <v>115226</v>
      </c>
      <c r="J33181" s="1" t="s">
        <v>115507</v>
      </c>
    </row>
    <row r="33182" spans="1:10" x14ac:dyDescent="0.35">
      <c r="A33182" s="1" t="s">
        <v>115452</v>
      </c>
      <c r="B33182" s="1" t="s">
        <v>115221</v>
      </c>
      <c r="C33182" s="1" t="s">
        <v>85</v>
      </c>
      <c r="D33182" s="1" t="s">
        <v>72798</v>
      </c>
      <c r="E33182" s="1" t="s">
        <v>115508</v>
      </c>
      <c r="F33182" s="1" t="s">
        <v>115509</v>
      </c>
      <c r="G33182" s="1" t="s">
        <v>115455</v>
      </c>
      <c r="H33182" s="1" t="s">
        <v>115456</v>
      </c>
      <c r="I33182" s="1" t="s">
        <v>115226</v>
      </c>
      <c r="J33182" s="1" t="s">
        <v>115510</v>
      </c>
    </row>
    <row r="33183" spans="1:10" x14ac:dyDescent="0.35">
      <c r="A33183" s="1" t="s">
        <v>115452</v>
      </c>
      <c r="B33183" s="1" t="s">
        <v>115221</v>
      </c>
      <c r="C33183" s="1" t="s">
        <v>90</v>
      </c>
      <c r="D33183" s="1" t="s">
        <v>35080</v>
      </c>
      <c r="E33183" s="1" t="s">
        <v>115511</v>
      </c>
      <c r="F33183" s="1" t="s">
        <v>115512</v>
      </c>
      <c r="G33183" s="1" t="s">
        <v>115455</v>
      </c>
      <c r="H33183" s="1" t="s">
        <v>115456</v>
      </c>
      <c r="I33183" s="1" t="s">
        <v>115226</v>
      </c>
      <c r="J33183" s="1" t="s">
        <v>115513</v>
      </c>
    </row>
    <row r="33184" spans="1:10" x14ac:dyDescent="0.35">
      <c r="A33184" s="1" t="s">
        <v>115452</v>
      </c>
      <c r="B33184" s="1" t="s">
        <v>115221</v>
      </c>
      <c r="C33184" s="1" t="s">
        <v>95</v>
      </c>
      <c r="D33184" s="1" t="s">
        <v>31968</v>
      </c>
      <c r="E33184" s="1" t="s">
        <v>115514</v>
      </c>
      <c r="F33184" s="1" t="s">
        <v>115515</v>
      </c>
      <c r="G33184" s="1" t="s">
        <v>115455</v>
      </c>
      <c r="H33184" s="1" t="s">
        <v>115456</v>
      </c>
      <c r="I33184" s="1" t="s">
        <v>115226</v>
      </c>
      <c r="J33184" s="1" t="s">
        <v>115516</v>
      </c>
    </row>
    <row r="33185" spans="1:10" x14ac:dyDescent="0.35">
      <c r="A33185" s="1" t="s">
        <v>115452</v>
      </c>
      <c r="B33185" s="1" t="s">
        <v>115221</v>
      </c>
      <c r="C33185" s="1" t="s">
        <v>100</v>
      </c>
      <c r="D33185" s="1" t="s">
        <v>49752</v>
      </c>
      <c r="E33185" s="1" t="s">
        <v>115517</v>
      </c>
      <c r="F33185" s="1" t="s">
        <v>115518</v>
      </c>
      <c r="G33185" s="1" t="s">
        <v>115455</v>
      </c>
      <c r="H33185" s="1" t="s">
        <v>115456</v>
      </c>
      <c r="I33185" s="1" t="s">
        <v>115226</v>
      </c>
      <c r="J33185" s="1" t="s">
        <v>115519</v>
      </c>
    </row>
    <row r="33186" spans="1:10" x14ac:dyDescent="0.35">
      <c r="A33186" s="1" t="s">
        <v>115452</v>
      </c>
      <c r="B33186" s="1" t="s">
        <v>115221</v>
      </c>
      <c r="C33186" s="1" t="s">
        <v>105</v>
      </c>
      <c r="D33186" s="1" t="s">
        <v>46753</v>
      </c>
      <c r="E33186" s="1" t="s">
        <v>115520</v>
      </c>
      <c r="F33186" s="1" t="s">
        <v>115521</v>
      </c>
      <c r="G33186" s="1" t="s">
        <v>115455</v>
      </c>
      <c r="H33186" s="1" t="s">
        <v>115456</v>
      </c>
      <c r="I33186" s="1" t="s">
        <v>115226</v>
      </c>
      <c r="J33186" s="1" t="s">
        <v>115522</v>
      </c>
    </row>
    <row r="33187" spans="1:10" x14ac:dyDescent="0.35">
      <c r="A33187" s="1" t="s">
        <v>115452</v>
      </c>
      <c r="B33187" s="1" t="s">
        <v>115221</v>
      </c>
      <c r="C33187" s="1" t="s">
        <v>110</v>
      </c>
      <c r="D33187" s="1" t="s">
        <v>115523</v>
      </c>
      <c r="E33187" s="1" t="s">
        <v>115524</v>
      </c>
      <c r="F33187" s="1" t="s">
        <v>115525</v>
      </c>
      <c r="G33187" s="1" t="s">
        <v>115455</v>
      </c>
      <c r="H33187" s="1" t="s">
        <v>115456</v>
      </c>
      <c r="I33187" s="1" t="s">
        <v>115226</v>
      </c>
      <c r="J33187" s="1" t="s">
        <v>115526</v>
      </c>
    </row>
    <row r="33188" spans="1:10" x14ac:dyDescent="0.35">
      <c r="A33188" s="1" t="s">
        <v>115452</v>
      </c>
      <c r="B33188" s="1" t="s">
        <v>115221</v>
      </c>
      <c r="C33188" s="1" t="s">
        <v>115</v>
      </c>
      <c r="D33188" s="1" t="s">
        <v>115527</v>
      </c>
      <c r="E33188" s="1" t="s">
        <v>115528</v>
      </c>
      <c r="F33188" s="1" t="s">
        <v>115529</v>
      </c>
      <c r="G33188" s="1" t="s">
        <v>115455</v>
      </c>
      <c r="H33188" s="1" t="s">
        <v>115456</v>
      </c>
      <c r="I33188" s="1" t="s">
        <v>115226</v>
      </c>
      <c r="J33188" s="1" t="s">
        <v>115530</v>
      </c>
    </row>
    <row r="33189" spans="1:10" x14ac:dyDescent="0.35">
      <c r="A33189" s="1" t="s">
        <v>115452</v>
      </c>
      <c r="B33189" s="1" t="s">
        <v>115221</v>
      </c>
      <c r="C33189" s="1" t="s">
        <v>120</v>
      </c>
      <c r="D33189" s="1" t="s">
        <v>115531</v>
      </c>
      <c r="E33189" s="1" t="s">
        <v>115532</v>
      </c>
      <c r="F33189" s="1" t="s">
        <v>115533</v>
      </c>
      <c r="G33189" s="1" t="s">
        <v>115455</v>
      </c>
      <c r="H33189" s="1" t="s">
        <v>115456</v>
      </c>
      <c r="I33189" s="1" t="s">
        <v>115226</v>
      </c>
      <c r="J33189" s="1" t="s">
        <v>115534</v>
      </c>
    </row>
    <row r="33190" spans="1:10" x14ac:dyDescent="0.35">
      <c r="A33190" s="1" t="s">
        <v>115452</v>
      </c>
      <c r="B33190" s="1" t="s">
        <v>115221</v>
      </c>
      <c r="C33190" s="1" t="s">
        <v>125</v>
      </c>
      <c r="D33190" s="1" t="s">
        <v>10684</v>
      </c>
      <c r="E33190" s="1" t="s">
        <v>115535</v>
      </c>
      <c r="F33190" s="1" t="s">
        <v>115536</v>
      </c>
      <c r="G33190" s="1" t="s">
        <v>115455</v>
      </c>
      <c r="H33190" s="1" t="s">
        <v>115456</v>
      </c>
      <c r="I33190" s="1" t="s">
        <v>115226</v>
      </c>
      <c r="J33190" s="1" t="s">
        <v>115537</v>
      </c>
    </row>
    <row r="33191" spans="1:10" x14ac:dyDescent="0.35">
      <c r="A33191" s="1" t="s">
        <v>115452</v>
      </c>
      <c r="B33191" s="1" t="s">
        <v>115221</v>
      </c>
      <c r="C33191" s="1" t="s">
        <v>130</v>
      </c>
      <c r="D33191" s="1" t="s">
        <v>7215</v>
      </c>
      <c r="E33191" s="1" t="s">
        <v>115538</v>
      </c>
      <c r="F33191" s="1" t="s">
        <v>115539</v>
      </c>
      <c r="G33191" s="1" t="s">
        <v>115455</v>
      </c>
      <c r="H33191" s="1" t="s">
        <v>115456</v>
      </c>
      <c r="I33191" s="1" t="s">
        <v>115226</v>
      </c>
      <c r="J33191" s="1" t="s">
        <v>115540</v>
      </c>
    </row>
    <row r="33192" spans="1:10" x14ac:dyDescent="0.35">
      <c r="A33192" s="1" t="s">
        <v>115452</v>
      </c>
      <c r="B33192" s="1" t="s">
        <v>115221</v>
      </c>
      <c r="C33192" s="1" t="s">
        <v>135</v>
      </c>
      <c r="D33192" s="1" t="s">
        <v>19580</v>
      </c>
      <c r="E33192" s="1" t="s">
        <v>115541</v>
      </c>
      <c r="F33192" s="1" t="s">
        <v>115542</v>
      </c>
      <c r="G33192" s="1" t="s">
        <v>115455</v>
      </c>
      <c r="H33192" s="1" t="s">
        <v>115456</v>
      </c>
      <c r="I33192" s="1" t="s">
        <v>115226</v>
      </c>
      <c r="J33192" s="1" t="s">
        <v>115543</v>
      </c>
    </row>
    <row r="33193" spans="1:10" x14ac:dyDescent="0.35">
      <c r="A33193" s="1" t="s">
        <v>115452</v>
      </c>
      <c r="B33193" s="1" t="s">
        <v>115221</v>
      </c>
      <c r="C33193" s="1" t="s">
        <v>140</v>
      </c>
      <c r="D33193" s="1" t="s">
        <v>19588</v>
      </c>
      <c r="E33193" s="1" t="s">
        <v>115544</v>
      </c>
      <c r="F33193" s="1" t="s">
        <v>115545</v>
      </c>
      <c r="G33193" s="1" t="s">
        <v>115455</v>
      </c>
      <c r="H33193" s="1" t="s">
        <v>115456</v>
      </c>
      <c r="I33193" s="1" t="s">
        <v>115226</v>
      </c>
      <c r="J33193" s="1" t="s">
        <v>115546</v>
      </c>
    </row>
    <row r="33194" spans="1:10" x14ac:dyDescent="0.35">
      <c r="A33194" s="1" t="s">
        <v>115452</v>
      </c>
      <c r="B33194" s="1" t="s">
        <v>115221</v>
      </c>
      <c r="C33194" s="1" t="s">
        <v>145</v>
      </c>
      <c r="D33194" s="1" t="s">
        <v>4622</v>
      </c>
      <c r="E33194" s="1" t="s">
        <v>115547</v>
      </c>
      <c r="F33194" s="1" t="s">
        <v>115548</v>
      </c>
      <c r="G33194" s="1" t="s">
        <v>115455</v>
      </c>
      <c r="H33194" s="1" t="s">
        <v>115456</v>
      </c>
      <c r="I33194" s="1" t="s">
        <v>115226</v>
      </c>
      <c r="J33194" s="1" t="s">
        <v>115549</v>
      </c>
    </row>
    <row r="33195" spans="1:10" x14ac:dyDescent="0.35">
      <c r="A33195" s="1" t="s">
        <v>115452</v>
      </c>
      <c r="B33195" s="1" t="s">
        <v>115221</v>
      </c>
      <c r="C33195" s="1" t="s">
        <v>150</v>
      </c>
      <c r="D33195" s="1" t="s">
        <v>115550</v>
      </c>
      <c r="E33195" s="1" t="s">
        <v>115551</v>
      </c>
      <c r="F33195" s="1" t="s">
        <v>115552</v>
      </c>
      <c r="G33195" s="1" t="s">
        <v>115455</v>
      </c>
      <c r="H33195" s="1" t="s">
        <v>115456</v>
      </c>
      <c r="I33195" s="1" t="s">
        <v>115226</v>
      </c>
      <c r="J33195" s="1" t="s">
        <v>115553</v>
      </c>
    </row>
    <row r="33196" spans="1:10" x14ac:dyDescent="0.35">
      <c r="A33196" s="1" t="s">
        <v>115452</v>
      </c>
      <c r="B33196" s="1" t="s">
        <v>115221</v>
      </c>
      <c r="C33196" s="1" t="s">
        <v>155</v>
      </c>
      <c r="D33196" s="1" t="s">
        <v>73568</v>
      </c>
      <c r="E33196" s="1" t="s">
        <v>115554</v>
      </c>
      <c r="F33196" s="1" t="s">
        <v>115555</v>
      </c>
      <c r="G33196" s="1" t="s">
        <v>115455</v>
      </c>
      <c r="H33196" s="1" t="s">
        <v>115456</v>
      </c>
      <c r="I33196" s="1" t="s">
        <v>115226</v>
      </c>
      <c r="J33196" s="1" t="s">
        <v>115556</v>
      </c>
    </row>
    <row r="33197" spans="1:10" x14ac:dyDescent="0.35">
      <c r="A33197" s="1" t="s">
        <v>115452</v>
      </c>
      <c r="B33197" s="1" t="s">
        <v>115221</v>
      </c>
      <c r="C33197" s="1" t="s">
        <v>160</v>
      </c>
      <c r="D33197" s="1" t="s">
        <v>104393</v>
      </c>
      <c r="E33197" s="1" t="s">
        <v>115557</v>
      </c>
      <c r="F33197" s="1" t="s">
        <v>115558</v>
      </c>
      <c r="G33197" s="1" t="s">
        <v>115455</v>
      </c>
      <c r="H33197" s="1" t="s">
        <v>115456</v>
      </c>
      <c r="I33197" s="1" t="s">
        <v>115226</v>
      </c>
      <c r="J33197" s="1" t="s">
        <v>115559</v>
      </c>
    </row>
    <row r="33198" spans="1:10" x14ac:dyDescent="0.35">
      <c r="A33198" s="1" t="s">
        <v>115452</v>
      </c>
      <c r="B33198" s="1" t="s">
        <v>115221</v>
      </c>
      <c r="C33198" s="1" t="s">
        <v>165</v>
      </c>
      <c r="D33198" s="1" t="s">
        <v>49286</v>
      </c>
      <c r="E33198" s="1" t="s">
        <v>115560</v>
      </c>
      <c r="F33198" s="1" t="s">
        <v>115561</v>
      </c>
      <c r="G33198" s="1" t="s">
        <v>115455</v>
      </c>
      <c r="H33198" s="1" t="s">
        <v>115456</v>
      </c>
      <c r="I33198" s="1" t="s">
        <v>115226</v>
      </c>
      <c r="J33198" s="1" t="s">
        <v>115562</v>
      </c>
    </row>
    <row r="33199" spans="1:10" x14ac:dyDescent="0.35">
      <c r="A33199" s="1" t="s">
        <v>115452</v>
      </c>
      <c r="B33199" s="1" t="s">
        <v>115221</v>
      </c>
      <c r="C33199" s="1" t="s">
        <v>170</v>
      </c>
      <c r="D33199" s="1" t="s">
        <v>115563</v>
      </c>
      <c r="E33199" s="1" t="s">
        <v>115564</v>
      </c>
      <c r="F33199" s="1" t="s">
        <v>115565</v>
      </c>
      <c r="G33199" s="1" t="s">
        <v>115455</v>
      </c>
      <c r="H33199" s="1" t="s">
        <v>115456</v>
      </c>
      <c r="I33199" s="1" t="s">
        <v>115226</v>
      </c>
      <c r="J33199" s="1" t="s">
        <v>115566</v>
      </c>
    </row>
    <row r="33200" spans="1:10" x14ac:dyDescent="0.35">
      <c r="A33200" s="1" t="s">
        <v>6302</v>
      </c>
      <c r="B33200" s="1" t="s">
        <v>115221</v>
      </c>
      <c r="C33200" s="1" t="s">
        <v>8</v>
      </c>
      <c r="D33200" s="1" t="s">
        <v>29204</v>
      </c>
      <c r="E33200" s="1" t="s">
        <v>115567</v>
      </c>
      <c r="F33200" s="1" t="s">
        <v>115568</v>
      </c>
      <c r="G33200" s="1" t="s">
        <v>115569</v>
      </c>
      <c r="H33200" s="1" t="s">
        <v>115570</v>
      </c>
      <c r="I33200" s="1" t="s">
        <v>115226</v>
      </c>
      <c r="J33200" s="1" t="s">
        <v>13</v>
      </c>
    </row>
    <row r="33201" spans="1:10" x14ac:dyDescent="0.35">
      <c r="A33201" s="1" t="s">
        <v>6302</v>
      </c>
      <c r="B33201" s="1" t="s">
        <v>115221</v>
      </c>
      <c r="C33201" s="1" t="s">
        <v>15</v>
      </c>
      <c r="D33201" s="1" t="s">
        <v>1596</v>
      </c>
      <c r="E33201" s="1" t="s">
        <v>115571</v>
      </c>
      <c r="F33201" s="1" t="s">
        <v>115572</v>
      </c>
      <c r="G33201" s="1" t="s">
        <v>115569</v>
      </c>
      <c r="H33201" s="1" t="s">
        <v>115570</v>
      </c>
      <c r="I33201" s="1" t="s">
        <v>115226</v>
      </c>
      <c r="J33201" s="1" t="s">
        <v>115573</v>
      </c>
    </row>
    <row r="33202" spans="1:10" x14ac:dyDescent="0.35">
      <c r="A33202" s="1" t="s">
        <v>6302</v>
      </c>
      <c r="B33202" s="1" t="s">
        <v>115221</v>
      </c>
      <c r="C33202" s="1" t="s">
        <v>20</v>
      </c>
      <c r="D33202" s="1" t="s">
        <v>112770</v>
      </c>
      <c r="E33202" s="1" t="s">
        <v>115574</v>
      </c>
      <c r="F33202" s="1" t="s">
        <v>115575</v>
      </c>
      <c r="G33202" s="1" t="s">
        <v>115569</v>
      </c>
      <c r="H33202" s="1" t="s">
        <v>115570</v>
      </c>
      <c r="I33202" s="1" t="s">
        <v>115226</v>
      </c>
      <c r="J33202" s="1" t="s">
        <v>115576</v>
      </c>
    </row>
    <row r="33203" spans="1:10" x14ac:dyDescent="0.35">
      <c r="A33203" s="1" t="s">
        <v>6302</v>
      </c>
      <c r="B33203" s="1" t="s">
        <v>115221</v>
      </c>
      <c r="C33203" s="1" t="s">
        <v>25</v>
      </c>
      <c r="D33203" s="1" t="s">
        <v>2592</v>
      </c>
      <c r="E33203" s="1" t="s">
        <v>115577</v>
      </c>
      <c r="F33203" s="1" t="s">
        <v>115578</v>
      </c>
      <c r="G33203" s="1" t="s">
        <v>115569</v>
      </c>
      <c r="H33203" s="1" t="s">
        <v>115570</v>
      </c>
      <c r="I33203" s="1" t="s">
        <v>115226</v>
      </c>
      <c r="J33203" s="1" t="s">
        <v>115579</v>
      </c>
    </row>
    <row r="33204" spans="1:10" x14ac:dyDescent="0.35">
      <c r="A33204" s="1" t="s">
        <v>6302</v>
      </c>
      <c r="B33204" s="1" t="s">
        <v>115221</v>
      </c>
      <c r="C33204" s="1" t="s">
        <v>30</v>
      </c>
      <c r="D33204" s="1" t="s">
        <v>111979</v>
      </c>
      <c r="E33204" s="1" t="s">
        <v>115580</v>
      </c>
      <c r="F33204" s="1" t="s">
        <v>115581</v>
      </c>
      <c r="G33204" s="1" t="s">
        <v>115569</v>
      </c>
      <c r="H33204" s="1" t="s">
        <v>115570</v>
      </c>
      <c r="I33204" s="1" t="s">
        <v>115226</v>
      </c>
      <c r="J33204" s="1" t="s">
        <v>115582</v>
      </c>
    </row>
    <row r="33205" spans="1:10" x14ac:dyDescent="0.35">
      <c r="A33205" s="1" t="s">
        <v>6302</v>
      </c>
      <c r="B33205" s="1" t="s">
        <v>115221</v>
      </c>
      <c r="C33205" s="1" t="s">
        <v>35</v>
      </c>
      <c r="D33205" s="1" t="s">
        <v>115583</v>
      </c>
      <c r="E33205" s="1" t="s">
        <v>115584</v>
      </c>
      <c r="F33205" s="1" t="s">
        <v>115585</v>
      </c>
      <c r="G33205" s="1" t="s">
        <v>115569</v>
      </c>
      <c r="H33205" s="1" t="s">
        <v>115570</v>
      </c>
      <c r="I33205" s="1" t="s">
        <v>115226</v>
      </c>
      <c r="J33205" s="1" t="s">
        <v>115586</v>
      </c>
    </row>
    <row r="33206" spans="1:10" x14ac:dyDescent="0.35">
      <c r="A33206" s="1" t="s">
        <v>6302</v>
      </c>
      <c r="B33206" s="1" t="s">
        <v>115221</v>
      </c>
      <c r="C33206" s="1" t="s">
        <v>40</v>
      </c>
      <c r="D33206" s="1" t="s">
        <v>115587</v>
      </c>
      <c r="E33206" s="1" t="s">
        <v>115588</v>
      </c>
      <c r="F33206" s="1" t="s">
        <v>115589</v>
      </c>
      <c r="G33206" s="1" t="s">
        <v>115569</v>
      </c>
      <c r="H33206" s="1" t="s">
        <v>115570</v>
      </c>
      <c r="I33206" s="1" t="s">
        <v>115226</v>
      </c>
      <c r="J33206" s="1" t="s">
        <v>115590</v>
      </c>
    </row>
    <row r="33207" spans="1:10" x14ac:dyDescent="0.35">
      <c r="A33207" s="1" t="s">
        <v>6302</v>
      </c>
      <c r="B33207" s="1" t="s">
        <v>115221</v>
      </c>
      <c r="C33207" s="1" t="s">
        <v>45</v>
      </c>
      <c r="D33207" s="1" t="s">
        <v>115591</v>
      </c>
      <c r="E33207" s="1" t="s">
        <v>115592</v>
      </c>
      <c r="F33207" s="1" t="s">
        <v>115593</v>
      </c>
      <c r="G33207" s="1" t="s">
        <v>115569</v>
      </c>
      <c r="H33207" s="1" t="s">
        <v>115570</v>
      </c>
      <c r="I33207" s="1" t="s">
        <v>115226</v>
      </c>
      <c r="J33207" s="1" t="s">
        <v>115594</v>
      </c>
    </row>
    <row r="33208" spans="1:10" x14ac:dyDescent="0.35">
      <c r="A33208" s="1" t="s">
        <v>6302</v>
      </c>
      <c r="B33208" s="1" t="s">
        <v>115221</v>
      </c>
      <c r="C33208" s="1" t="s">
        <v>50</v>
      </c>
      <c r="D33208" s="1" t="s">
        <v>112789</v>
      </c>
      <c r="E33208" s="1" t="s">
        <v>115595</v>
      </c>
      <c r="F33208" s="1" t="s">
        <v>115596</v>
      </c>
      <c r="G33208" s="1" t="s">
        <v>115569</v>
      </c>
      <c r="H33208" s="1" t="s">
        <v>115570</v>
      </c>
      <c r="I33208" s="1" t="s">
        <v>115226</v>
      </c>
      <c r="J33208" s="1" t="s">
        <v>115597</v>
      </c>
    </row>
    <row r="33209" spans="1:10" x14ac:dyDescent="0.35">
      <c r="A33209" s="1" t="s">
        <v>6302</v>
      </c>
      <c r="B33209" s="1" t="s">
        <v>115221</v>
      </c>
      <c r="C33209" s="1" t="s">
        <v>55</v>
      </c>
      <c r="D33209" s="1" t="s">
        <v>16093</v>
      </c>
      <c r="E33209" s="1" t="s">
        <v>115598</v>
      </c>
      <c r="F33209" s="1" t="s">
        <v>115599</v>
      </c>
      <c r="G33209" s="1" t="s">
        <v>115569</v>
      </c>
      <c r="H33209" s="1" t="s">
        <v>115570</v>
      </c>
      <c r="I33209" s="1" t="s">
        <v>115226</v>
      </c>
      <c r="J33209" s="1" t="s">
        <v>115600</v>
      </c>
    </row>
    <row r="33210" spans="1:10" x14ac:dyDescent="0.35">
      <c r="A33210" s="1" t="s">
        <v>6302</v>
      </c>
      <c r="B33210" s="1" t="s">
        <v>115221</v>
      </c>
      <c r="C33210" s="1" t="s">
        <v>60</v>
      </c>
      <c r="D33210" s="1" t="s">
        <v>115601</v>
      </c>
      <c r="E33210" s="1" t="s">
        <v>115602</v>
      </c>
      <c r="F33210" s="1" t="s">
        <v>115603</v>
      </c>
      <c r="G33210" s="1" t="s">
        <v>115569</v>
      </c>
      <c r="H33210" s="1" t="s">
        <v>115570</v>
      </c>
      <c r="I33210" s="1" t="s">
        <v>115226</v>
      </c>
      <c r="J33210" s="1" t="s">
        <v>115604</v>
      </c>
    </row>
    <row r="33211" spans="1:10" x14ac:dyDescent="0.35">
      <c r="A33211" s="1" t="s">
        <v>6302</v>
      </c>
      <c r="B33211" s="1" t="s">
        <v>115221</v>
      </c>
      <c r="C33211" s="1" t="s">
        <v>65</v>
      </c>
      <c r="D33211" s="1" t="s">
        <v>115605</v>
      </c>
      <c r="E33211" s="1" t="s">
        <v>115606</v>
      </c>
      <c r="F33211" s="1" t="s">
        <v>115607</v>
      </c>
      <c r="G33211" s="1" t="s">
        <v>115569</v>
      </c>
      <c r="H33211" s="1" t="s">
        <v>115570</v>
      </c>
      <c r="I33211" s="1" t="s">
        <v>115226</v>
      </c>
      <c r="J33211" s="1" t="s">
        <v>115608</v>
      </c>
    </row>
    <row r="33212" spans="1:10" x14ac:dyDescent="0.35">
      <c r="A33212" s="1" t="s">
        <v>6302</v>
      </c>
      <c r="B33212" s="1" t="s">
        <v>115221</v>
      </c>
      <c r="C33212" s="1" t="s">
        <v>70</v>
      </c>
      <c r="D33212" s="1" t="s">
        <v>27526</v>
      </c>
      <c r="E33212" s="1" t="s">
        <v>115609</v>
      </c>
      <c r="F33212" s="1" t="s">
        <v>115610</v>
      </c>
      <c r="G33212" s="1" t="s">
        <v>115569</v>
      </c>
      <c r="H33212" s="1" t="s">
        <v>115570</v>
      </c>
      <c r="I33212" s="1" t="s">
        <v>115226</v>
      </c>
      <c r="J33212" s="1" t="s">
        <v>115611</v>
      </c>
    </row>
    <row r="33213" spans="1:10" x14ac:dyDescent="0.35">
      <c r="A33213" s="1" t="s">
        <v>6302</v>
      </c>
      <c r="B33213" s="1" t="s">
        <v>115221</v>
      </c>
      <c r="C33213" s="1" t="s">
        <v>75</v>
      </c>
      <c r="D33213" s="1" t="s">
        <v>115612</v>
      </c>
      <c r="E33213" s="1" t="s">
        <v>115613</v>
      </c>
      <c r="F33213" s="1" t="s">
        <v>115614</v>
      </c>
      <c r="G33213" s="1" t="s">
        <v>115569</v>
      </c>
      <c r="H33213" s="1" t="s">
        <v>115570</v>
      </c>
      <c r="I33213" s="1" t="s">
        <v>115226</v>
      </c>
      <c r="J33213" s="1" t="s">
        <v>115615</v>
      </c>
    </row>
    <row r="33214" spans="1:10" x14ac:dyDescent="0.35">
      <c r="A33214" s="1" t="s">
        <v>6302</v>
      </c>
      <c r="B33214" s="1" t="s">
        <v>115221</v>
      </c>
      <c r="C33214" s="1" t="s">
        <v>80</v>
      </c>
      <c r="D33214" s="1" t="s">
        <v>8967</v>
      </c>
      <c r="E33214" s="1" t="s">
        <v>115616</v>
      </c>
      <c r="F33214" s="1" t="s">
        <v>115617</v>
      </c>
      <c r="G33214" s="1" t="s">
        <v>115569</v>
      </c>
      <c r="H33214" s="1" t="s">
        <v>115570</v>
      </c>
      <c r="I33214" s="1" t="s">
        <v>115226</v>
      </c>
      <c r="J33214" s="1" t="s">
        <v>115618</v>
      </c>
    </row>
    <row r="33215" spans="1:10" x14ac:dyDescent="0.35">
      <c r="A33215" s="1" t="s">
        <v>6302</v>
      </c>
      <c r="B33215" s="1" t="s">
        <v>115221</v>
      </c>
      <c r="C33215" s="1" t="s">
        <v>85</v>
      </c>
      <c r="D33215" s="1" t="s">
        <v>10861</v>
      </c>
      <c r="E33215" s="1" t="s">
        <v>115619</v>
      </c>
      <c r="F33215" s="1" t="s">
        <v>115620</v>
      </c>
      <c r="G33215" s="1" t="s">
        <v>115569</v>
      </c>
      <c r="H33215" s="1" t="s">
        <v>115570</v>
      </c>
      <c r="I33215" s="1" t="s">
        <v>115226</v>
      </c>
      <c r="J33215" s="1" t="s">
        <v>16984</v>
      </c>
    </row>
    <row r="33216" spans="1:10" x14ac:dyDescent="0.35">
      <c r="A33216" s="1" t="s">
        <v>6302</v>
      </c>
      <c r="B33216" s="1" t="s">
        <v>115221</v>
      </c>
      <c r="C33216" s="1" t="s">
        <v>90</v>
      </c>
      <c r="D33216" s="1" t="s">
        <v>111866</v>
      </c>
      <c r="E33216" s="1" t="s">
        <v>115621</v>
      </c>
      <c r="F33216" s="1" t="s">
        <v>115622</v>
      </c>
      <c r="G33216" s="1" t="s">
        <v>115569</v>
      </c>
      <c r="H33216" s="1" t="s">
        <v>115570</v>
      </c>
      <c r="I33216" s="1" t="s">
        <v>115226</v>
      </c>
      <c r="J33216" s="1" t="s">
        <v>115623</v>
      </c>
    </row>
    <row r="33217" spans="1:10" x14ac:dyDescent="0.35">
      <c r="A33217" s="1" t="s">
        <v>6302</v>
      </c>
      <c r="B33217" s="1" t="s">
        <v>115221</v>
      </c>
      <c r="C33217" s="1" t="s">
        <v>95</v>
      </c>
      <c r="D33217" s="1" t="s">
        <v>115624</v>
      </c>
      <c r="E33217" s="1" t="s">
        <v>115625</v>
      </c>
      <c r="F33217" s="1" t="s">
        <v>115626</v>
      </c>
      <c r="G33217" s="1" t="s">
        <v>115569</v>
      </c>
      <c r="H33217" s="1" t="s">
        <v>115570</v>
      </c>
      <c r="I33217" s="1" t="s">
        <v>115226</v>
      </c>
      <c r="J33217" s="1" t="s">
        <v>115627</v>
      </c>
    </row>
    <row r="33218" spans="1:10" x14ac:dyDescent="0.35">
      <c r="A33218" s="1" t="s">
        <v>6302</v>
      </c>
      <c r="B33218" s="1" t="s">
        <v>115221</v>
      </c>
      <c r="C33218" s="1" t="s">
        <v>100</v>
      </c>
      <c r="D33218" s="1" t="s">
        <v>75018</v>
      </c>
      <c r="E33218" s="1" t="s">
        <v>115628</v>
      </c>
      <c r="F33218" s="1" t="s">
        <v>115629</v>
      </c>
      <c r="G33218" s="1" t="s">
        <v>115569</v>
      </c>
      <c r="H33218" s="1" t="s">
        <v>115570</v>
      </c>
      <c r="I33218" s="1" t="s">
        <v>115226</v>
      </c>
      <c r="J33218" s="1" t="s">
        <v>115630</v>
      </c>
    </row>
    <row r="33219" spans="1:10" x14ac:dyDescent="0.35">
      <c r="A33219" s="1" t="s">
        <v>6302</v>
      </c>
      <c r="B33219" s="1" t="s">
        <v>115221</v>
      </c>
      <c r="C33219" s="1" t="s">
        <v>105</v>
      </c>
      <c r="D33219" s="1" t="s">
        <v>9562</v>
      </c>
      <c r="E33219" s="1" t="s">
        <v>115631</v>
      </c>
      <c r="F33219" s="1" t="s">
        <v>115632</v>
      </c>
      <c r="G33219" s="1" t="s">
        <v>115569</v>
      </c>
      <c r="H33219" s="1" t="s">
        <v>115570</v>
      </c>
      <c r="I33219" s="1" t="s">
        <v>115226</v>
      </c>
      <c r="J33219" s="1" t="s">
        <v>115633</v>
      </c>
    </row>
    <row r="33220" spans="1:10" x14ac:dyDescent="0.35">
      <c r="A33220" s="1" t="s">
        <v>6302</v>
      </c>
      <c r="B33220" s="1" t="s">
        <v>115221</v>
      </c>
      <c r="C33220" s="1" t="s">
        <v>110</v>
      </c>
      <c r="D33220" s="1" t="s">
        <v>38563</v>
      </c>
      <c r="E33220" s="1" t="s">
        <v>115634</v>
      </c>
      <c r="F33220" s="1" t="s">
        <v>115635</v>
      </c>
      <c r="G33220" s="1" t="s">
        <v>115569</v>
      </c>
      <c r="H33220" s="1" t="s">
        <v>115570</v>
      </c>
      <c r="I33220" s="1" t="s">
        <v>115226</v>
      </c>
      <c r="J33220" s="1" t="s">
        <v>115636</v>
      </c>
    </row>
    <row r="33221" spans="1:10" x14ac:dyDescent="0.35">
      <c r="A33221" s="1" t="s">
        <v>6302</v>
      </c>
      <c r="B33221" s="1" t="s">
        <v>115221</v>
      </c>
      <c r="C33221" s="1" t="s">
        <v>115</v>
      </c>
      <c r="D33221" s="1" t="s">
        <v>115637</v>
      </c>
      <c r="E33221" s="1" t="s">
        <v>115638</v>
      </c>
      <c r="F33221" s="1" t="s">
        <v>115639</v>
      </c>
      <c r="G33221" s="1" t="s">
        <v>115569</v>
      </c>
      <c r="H33221" s="1" t="s">
        <v>115570</v>
      </c>
      <c r="I33221" s="1" t="s">
        <v>115226</v>
      </c>
      <c r="J33221" s="1" t="s">
        <v>115640</v>
      </c>
    </row>
    <row r="33222" spans="1:10" x14ac:dyDescent="0.35">
      <c r="A33222" s="1" t="s">
        <v>6302</v>
      </c>
      <c r="B33222" s="1" t="s">
        <v>115221</v>
      </c>
      <c r="C33222" s="1" t="s">
        <v>120</v>
      </c>
      <c r="D33222" s="1" t="s">
        <v>115641</v>
      </c>
      <c r="E33222" s="1" t="s">
        <v>115642</v>
      </c>
      <c r="F33222" s="1" t="s">
        <v>115643</v>
      </c>
      <c r="G33222" s="1" t="s">
        <v>115569</v>
      </c>
      <c r="H33222" s="1" t="s">
        <v>115570</v>
      </c>
      <c r="I33222" s="1" t="s">
        <v>115226</v>
      </c>
      <c r="J33222" s="1" t="s">
        <v>115644</v>
      </c>
    </row>
    <row r="33223" spans="1:10" x14ac:dyDescent="0.35">
      <c r="A33223" s="1" t="s">
        <v>6302</v>
      </c>
      <c r="B33223" s="1" t="s">
        <v>115221</v>
      </c>
      <c r="C33223" s="1" t="s">
        <v>125</v>
      </c>
      <c r="D33223" s="1" t="s">
        <v>15406</v>
      </c>
      <c r="E33223" s="1" t="s">
        <v>115645</v>
      </c>
      <c r="F33223" s="1" t="s">
        <v>115646</v>
      </c>
      <c r="G33223" s="1" t="s">
        <v>115569</v>
      </c>
      <c r="H33223" s="1" t="s">
        <v>115570</v>
      </c>
      <c r="I33223" s="1" t="s">
        <v>115226</v>
      </c>
      <c r="J33223" s="1" t="s">
        <v>115647</v>
      </c>
    </row>
    <row r="33224" spans="1:10" x14ac:dyDescent="0.35">
      <c r="A33224" s="1" t="s">
        <v>6302</v>
      </c>
      <c r="B33224" s="1" t="s">
        <v>115221</v>
      </c>
      <c r="C33224" s="1" t="s">
        <v>130</v>
      </c>
      <c r="D33224" s="1" t="s">
        <v>47248</v>
      </c>
      <c r="E33224" s="1" t="s">
        <v>115648</v>
      </c>
      <c r="F33224" s="1" t="s">
        <v>115649</v>
      </c>
      <c r="G33224" s="1" t="s">
        <v>115569</v>
      </c>
      <c r="H33224" s="1" t="s">
        <v>115570</v>
      </c>
      <c r="I33224" s="1" t="s">
        <v>115226</v>
      </c>
      <c r="J33224" s="1" t="s">
        <v>115650</v>
      </c>
    </row>
    <row r="33225" spans="1:10" x14ac:dyDescent="0.35">
      <c r="A33225" s="1" t="s">
        <v>6302</v>
      </c>
      <c r="B33225" s="1" t="s">
        <v>115221</v>
      </c>
      <c r="C33225" s="1" t="s">
        <v>135</v>
      </c>
      <c r="D33225" s="1" t="s">
        <v>35891</v>
      </c>
      <c r="E33225" s="1" t="s">
        <v>115651</v>
      </c>
      <c r="F33225" s="1" t="s">
        <v>115652</v>
      </c>
      <c r="G33225" s="1" t="s">
        <v>115569</v>
      </c>
      <c r="H33225" s="1" t="s">
        <v>115570</v>
      </c>
      <c r="I33225" s="1" t="s">
        <v>115226</v>
      </c>
      <c r="J33225" s="1" t="s">
        <v>115653</v>
      </c>
    </row>
    <row r="33226" spans="1:10" x14ac:dyDescent="0.35">
      <c r="A33226" s="1" t="s">
        <v>6302</v>
      </c>
      <c r="B33226" s="1" t="s">
        <v>115221</v>
      </c>
      <c r="C33226" s="1" t="s">
        <v>140</v>
      </c>
      <c r="D33226" s="1" t="s">
        <v>16181</v>
      </c>
      <c r="E33226" s="1" t="s">
        <v>115654</v>
      </c>
      <c r="F33226" s="1" t="s">
        <v>115655</v>
      </c>
      <c r="G33226" s="1" t="s">
        <v>115569</v>
      </c>
      <c r="H33226" s="1" t="s">
        <v>115570</v>
      </c>
      <c r="I33226" s="1" t="s">
        <v>115226</v>
      </c>
      <c r="J33226" s="1" t="s">
        <v>50230</v>
      </c>
    </row>
    <row r="33227" spans="1:10" x14ac:dyDescent="0.35">
      <c r="A33227" s="1" t="s">
        <v>6302</v>
      </c>
      <c r="B33227" s="1" t="s">
        <v>115221</v>
      </c>
      <c r="C33227" s="1" t="s">
        <v>145</v>
      </c>
      <c r="D33227" s="1" t="s">
        <v>3651</v>
      </c>
      <c r="E33227" s="1" t="s">
        <v>115656</v>
      </c>
      <c r="F33227" s="1" t="s">
        <v>115657</v>
      </c>
      <c r="G33227" s="1" t="s">
        <v>115569</v>
      </c>
      <c r="H33227" s="1" t="s">
        <v>115570</v>
      </c>
      <c r="I33227" s="1" t="s">
        <v>115226</v>
      </c>
      <c r="J33227" s="1" t="s">
        <v>115658</v>
      </c>
    </row>
    <row r="33228" spans="1:10" x14ac:dyDescent="0.35">
      <c r="A33228" s="1" t="s">
        <v>6302</v>
      </c>
      <c r="B33228" s="1" t="s">
        <v>115221</v>
      </c>
      <c r="C33228" s="1" t="s">
        <v>150</v>
      </c>
      <c r="D33228" s="1" t="s">
        <v>73022</v>
      </c>
      <c r="E33228" s="1" t="s">
        <v>115659</v>
      </c>
      <c r="F33228" s="1" t="s">
        <v>115660</v>
      </c>
      <c r="G33228" s="1" t="s">
        <v>115569</v>
      </c>
      <c r="H33228" s="1" t="s">
        <v>115570</v>
      </c>
      <c r="I33228" s="1" t="s">
        <v>115226</v>
      </c>
      <c r="J33228" s="1" t="s">
        <v>115661</v>
      </c>
    </row>
    <row r="33229" spans="1:10" x14ac:dyDescent="0.35">
      <c r="A33229" s="1" t="s">
        <v>6302</v>
      </c>
      <c r="B33229" s="1" t="s">
        <v>115221</v>
      </c>
      <c r="C33229" s="1" t="s">
        <v>155</v>
      </c>
      <c r="D33229" s="1" t="s">
        <v>115662</v>
      </c>
      <c r="E33229" s="1" t="s">
        <v>115663</v>
      </c>
      <c r="F33229" s="1" t="s">
        <v>115664</v>
      </c>
      <c r="G33229" s="1" t="s">
        <v>115569</v>
      </c>
      <c r="H33229" s="1" t="s">
        <v>115570</v>
      </c>
      <c r="I33229" s="1" t="s">
        <v>115226</v>
      </c>
      <c r="J33229" s="1" t="s">
        <v>115665</v>
      </c>
    </row>
    <row r="33230" spans="1:10" x14ac:dyDescent="0.35">
      <c r="A33230" s="1" t="s">
        <v>6302</v>
      </c>
      <c r="B33230" s="1" t="s">
        <v>115221</v>
      </c>
      <c r="C33230" s="1" t="s">
        <v>160</v>
      </c>
      <c r="D33230" s="1" t="s">
        <v>115666</v>
      </c>
      <c r="E33230" s="1" t="s">
        <v>115667</v>
      </c>
      <c r="F33230" s="1" t="s">
        <v>115668</v>
      </c>
      <c r="G33230" s="1" t="s">
        <v>115569</v>
      </c>
      <c r="H33230" s="1" t="s">
        <v>115570</v>
      </c>
      <c r="I33230" s="1" t="s">
        <v>115226</v>
      </c>
      <c r="J33230" s="1" t="s">
        <v>115669</v>
      </c>
    </row>
    <row r="33231" spans="1:10" x14ac:dyDescent="0.35">
      <c r="A33231" s="1" t="s">
        <v>6302</v>
      </c>
      <c r="B33231" s="1" t="s">
        <v>115221</v>
      </c>
      <c r="C33231" s="1" t="s">
        <v>165</v>
      </c>
      <c r="D33231" s="1" t="s">
        <v>15299</v>
      </c>
      <c r="E33231" s="1" t="s">
        <v>115670</v>
      </c>
      <c r="F33231" s="1" t="s">
        <v>115671</v>
      </c>
      <c r="G33231" s="1" t="s">
        <v>115569</v>
      </c>
      <c r="H33231" s="1" t="s">
        <v>115570</v>
      </c>
      <c r="I33231" s="1" t="s">
        <v>115226</v>
      </c>
      <c r="J33231" s="1" t="s">
        <v>115672</v>
      </c>
    </row>
    <row r="33232" spans="1:10" x14ac:dyDescent="0.35">
      <c r="A33232" s="1" t="s">
        <v>6302</v>
      </c>
      <c r="B33232" s="1" t="s">
        <v>115221</v>
      </c>
      <c r="C33232" s="1" t="s">
        <v>170</v>
      </c>
      <c r="D33232" s="1" t="s">
        <v>42528</v>
      </c>
      <c r="E33232" s="1" t="s">
        <v>115673</v>
      </c>
      <c r="F33232" s="1" t="s">
        <v>115674</v>
      </c>
      <c r="G33232" s="1" t="s">
        <v>115569</v>
      </c>
      <c r="H33232" s="1" t="s">
        <v>115570</v>
      </c>
      <c r="I33232" s="1" t="s">
        <v>115226</v>
      </c>
      <c r="J33232" s="1" t="s">
        <v>115675</v>
      </c>
    </row>
    <row r="33233" spans="1:10" x14ac:dyDescent="0.35">
      <c r="A33233" s="1" t="s">
        <v>115676</v>
      </c>
      <c r="B33233" s="1" t="s">
        <v>115221</v>
      </c>
      <c r="C33233" s="1" t="s">
        <v>8</v>
      </c>
      <c r="D33233" s="1" t="s">
        <v>15844</v>
      </c>
      <c r="E33233" s="1" t="s">
        <v>115677</v>
      </c>
      <c r="F33233" s="1" t="s">
        <v>115678</v>
      </c>
      <c r="G33233" s="1" t="s">
        <v>115679</v>
      </c>
      <c r="H33233" s="1" t="s">
        <v>115680</v>
      </c>
      <c r="I33233" s="1" t="s">
        <v>115226</v>
      </c>
      <c r="J33233" s="1" t="s">
        <v>13</v>
      </c>
    </row>
    <row r="33234" spans="1:10" x14ac:dyDescent="0.35">
      <c r="A33234" s="1" t="s">
        <v>115676</v>
      </c>
      <c r="B33234" s="1" t="s">
        <v>115221</v>
      </c>
      <c r="C33234" s="1" t="s">
        <v>15</v>
      </c>
      <c r="D33234" s="1" t="s">
        <v>8050</v>
      </c>
      <c r="E33234" s="1" t="s">
        <v>115681</v>
      </c>
      <c r="F33234" s="1" t="s">
        <v>115682</v>
      </c>
      <c r="G33234" s="1" t="s">
        <v>115679</v>
      </c>
      <c r="H33234" s="1" t="s">
        <v>115680</v>
      </c>
      <c r="I33234" s="1" t="s">
        <v>115226</v>
      </c>
      <c r="J33234" s="1" t="s">
        <v>115683</v>
      </c>
    </row>
    <row r="33235" spans="1:10" x14ac:dyDescent="0.35">
      <c r="A33235" s="1" t="s">
        <v>115676</v>
      </c>
      <c r="B33235" s="1" t="s">
        <v>115221</v>
      </c>
      <c r="C33235" s="1" t="s">
        <v>20</v>
      </c>
      <c r="D33235" s="1" t="s">
        <v>35157</v>
      </c>
      <c r="E33235" s="1" t="s">
        <v>115684</v>
      </c>
      <c r="F33235" s="1" t="s">
        <v>115685</v>
      </c>
      <c r="G33235" s="1" t="s">
        <v>115679</v>
      </c>
      <c r="H33235" s="1" t="s">
        <v>115680</v>
      </c>
      <c r="I33235" s="1" t="s">
        <v>115226</v>
      </c>
      <c r="J33235" s="1" t="s">
        <v>115686</v>
      </c>
    </row>
    <row r="33236" spans="1:10" x14ac:dyDescent="0.35">
      <c r="A33236" s="1" t="s">
        <v>115676</v>
      </c>
      <c r="B33236" s="1" t="s">
        <v>115221</v>
      </c>
      <c r="C33236" s="1" t="s">
        <v>25</v>
      </c>
      <c r="D33236" s="1" t="s">
        <v>115687</v>
      </c>
      <c r="E33236" s="1" t="s">
        <v>115688</v>
      </c>
      <c r="F33236" s="1" t="s">
        <v>115689</v>
      </c>
      <c r="G33236" s="1" t="s">
        <v>115679</v>
      </c>
      <c r="H33236" s="1" t="s">
        <v>115680</v>
      </c>
      <c r="I33236" s="1" t="s">
        <v>115226</v>
      </c>
      <c r="J33236" s="1" t="s">
        <v>115690</v>
      </c>
    </row>
    <row r="33237" spans="1:10" x14ac:dyDescent="0.35">
      <c r="A33237" s="1" t="s">
        <v>115676</v>
      </c>
      <c r="B33237" s="1" t="s">
        <v>115221</v>
      </c>
      <c r="C33237" s="1" t="s">
        <v>30</v>
      </c>
      <c r="D33237" s="1" t="s">
        <v>2873</v>
      </c>
      <c r="E33237" s="1" t="s">
        <v>115691</v>
      </c>
      <c r="F33237" s="1" t="s">
        <v>115692</v>
      </c>
      <c r="G33237" s="1" t="s">
        <v>115679</v>
      </c>
      <c r="H33237" s="1" t="s">
        <v>115680</v>
      </c>
      <c r="I33237" s="1" t="s">
        <v>115226</v>
      </c>
      <c r="J33237" s="1" t="s">
        <v>115693</v>
      </c>
    </row>
    <row r="33238" spans="1:10" x14ac:dyDescent="0.35">
      <c r="A33238" s="1" t="s">
        <v>115676</v>
      </c>
      <c r="B33238" s="1" t="s">
        <v>115221</v>
      </c>
      <c r="C33238" s="1" t="s">
        <v>35</v>
      </c>
      <c r="D33238" s="1" t="s">
        <v>115694</v>
      </c>
      <c r="E33238" s="1" t="s">
        <v>115695</v>
      </c>
      <c r="F33238" s="1" t="s">
        <v>115696</v>
      </c>
      <c r="G33238" s="1" t="s">
        <v>115679</v>
      </c>
      <c r="H33238" s="1" t="s">
        <v>115680</v>
      </c>
      <c r="I33238" s="1" t="s">
        <v>115226</v>
      </c>
      <c r="J33238" s="1" t="s">
        <v>115697</v>
      </c>
    </row>
    <row r="33239" spans="1:10" x14ac:dyDescent="0.35">
      <c r="A33239" s="1" t="s">
        <v>115676</v>
      </c>
      <c r="B33239" s="1" t="s">
        <v>115221</v>
      </c>
      <c r="C33239" s="1" t="s">
        <v>40</v>
      </c>
      <c r="D33239" s="1" t="s">
        <v>115698</v>
      </c>
      <c r="E33239" s="1" t="s">
        <v>115699</v>
      </c>
      <c r="F33239" s="1" t="s">
        <v>115700</v>
      </c>
      <c r="G33239" s="1" t="s">
        <v>115679</v>
      </c>
      <c r="H33239" s="1" t="s">
        <v>115680</v>
      </c>
      <c r="I33239" s="1" t="s">
        <v>115226</v>
      </c>
      <c r="J33239" s="1" t="s">
        <v>115701</v>
      </c>
    </row>
    <row r="33240" spans="1:10" x14ac:dyDescent="0.35">
      <c r="A33240" s="1" t="s">
        <v>115676</v>
      </c>
      <c r="B33240" s="1" t="s">
        <v>115221</v>
      </c>
      <c r="C33240" s="1" t="s">
        <v>45</v>
      </c>
      <c r="D33240" s="1" t="s">
        <v>1723</v>
      </c>
      <c r="E33240" s="1" t="s">
        <v>115702</v>
      </c>
      <c r="F33240" s="1" t="s">
        <v>115703</v>
      </c>
      <c r="G33240" s="1" t="s">
        <v>115679</v>
      </c>
      <c r="H33240" s="1" t="s">
        <v>115680</v>
      </c>
      <c r="I33240" s="1" t="s">
        <v>115226</v>
      </c>
      <c r="J33240" s="1" t="s">
        <v>115704</v>
      </c>
    </row>
    <row r="33241" spans="1:10" x14ac:dyDescent="0.35">
      <c r="A33241" s="1" t="s">
        <v>115676</v>
      </c>
      <c r="B33241" s="1" t="s">
        <v>115221</v>
      </c>
      <c r="C33241" s="1" t="s">
        <v>50</v>
      </c>
      <c r="D33241" s="1" t="s">
        <v>2853</v>
      </c>
      <c r="E33241" s="1" t="s">
        <v>115705</v>
      </c>
      <c r="F33241" s="1" t="s">
        <v>115706</v>
      </c>
      <c r="G33241" s="1" t="s">
        <v>115679</v>
      </c>
      <c r="H33241" s="1" t="s">
        <v>115680</v>
      </c>
      <c r="I33241" s="1" t="s">
        <v>115226</v>
      </c>
      <c r="J33241" s="1" t="s">
        <v>115707</v>
      </c>
    </row>
    <row r="33242" spans="1:10" x14ac:dyDescent="0.35">
      <c r="A33242" s="1" t="s">
        <v>115676</v>
      </c>
      <c r="B33242" s="1" t="s">
        <v>115221</v>
      </c>
      <c r="C33242" s="1" t="s">
        <v>55</v>
      </c>
      <c r="D33242" s="1" t="s">
        <v>2869</v>
      </c>
      <c r="E33242" s="1" t="s">
        <v>115708</v>
      </c>
      <c r="F33242" s="1" t="s">
        <v>115709</v>
      </c>
      <c r="G33242" s="1" t="s">
        <v>115679</v>
      </c>
      <c r="H33242" s="1" t="s">
        <v>115680</v>
      </c>
      <c r="I33242" s="1" t="s">
        <v>115226</v>
      </c>
      <c r="J33242" s="1" t="s">
        <v>115710</v>
      </c>
    </row>
    <row r="33243" spans="1:10" x14ac:dyDescent="0.35">
      <c r="A33243" s="1" t="s">
        <v>115676</v>
      </c>
      <c r="B33243" s="1" t="s">
        <v>115221</v>
      </c>
      <c r="C33243" s="1" t="s">
        <v>60</v>
      </c>
      <c r="D33243" s="1" t="s">
        <v>7048</v>
      </c>
      <c r="E33243" s="1" t="s">
        <v>115711</v>
      </c>
      <c r="F33243" s="1" t="s">
        <v>115712</v>
      </c>
      <c r="G33243" s="1" t="s">
        <v>115679</v>
      </c>
      <c r="H33243" s="1" t="s">
        <v>115680</v>
      </c>
      <c r="I33243" s="1" t="s">
        <v>115226</v>
      </c>
      <c r="J33243" s="1" t="s">
        <v>115713</v>
      </c>
    </row>
    <row r="33244" spans="1:10" x14ac:dyDescent="0.35">
      <c r="A33244" s="1" t="s">
        <v>115676</v>
      </c>
      <c r="B33244" s="1" t="s">
        <v>115221</v>
      </c>
      <c r="C33244" s="1" t="s">
        <v>65</v>
      </c>
      <c r="D33244" s="1" t="s">
        <v>4773</v>
      </c>
      <c r="E33244" s="1" t="s">
        <v>115714</v>
      </c>
      <c r="F33244" s="1" t="s">
        <v>115715</v>
      </c>
      <c r="G33244" s="1" t="s">
        <v>115679</v>
      </c>
      <c r="H33244" s="1" t="s">
        <v>115680</v>
      </c>
      <c r="I33244" s="1" t="s">
        <v>115226</v>
      </c>
      <c r="J33244" s="1" t="s">
        <v>115716</v>
      </c>
    </row>
    <row r="33245" spans="1:10" x14ac:dyDescent="0.35">
      <c r="A33245" s="1" t="s">
        <v>115676</v>
      </c>
      <c r="B33245" s="1" t="s">
        <v>115221</v>
      </c>
      <c r="C33245" s="1" t="s">
        <v>70</v>
      </c>
      <c r="D33245" s="1" t="s">
        <v>4082</v>
      </c>
      <c r="E33245" s="1" t="s">
        <v>115717</v>
      </c>
      <c r="F33245" s="1" t="s">
        <v>115718</v>
      </c>
      <c r="G33245" s="1" t="s">
        <v>115679</v>
      </c>
      <c r="H33245" s="1" t="s">
        <v>115680</v>
      </c>
      <c r="I33245" s="1" t="s">
        <v>115226</v>
      </c>
      <c r="J33245" s="1" t="s">
        <v>115719</v>
      </c>
    </row>
    <row r="33246" spans="1:10" x14ac:dyDescent="0.35">
      <c r="A33246" s="1" t="s">
        <v>115676</v>
      </c>
      <c r="B33246" s="1" t="s">
        <v>115221</v>
      </c>
      <c r="C33246" s="1" t="s">
        <v>75</v>
      </c>
      <c r="D33246" s="1" t="s">
        <v>29348</v>
      </c>
      <c r="E33246" s="1" t="s">
        <v>115720</v>
      </c>
      <c r="F33246" s="1" t="s">
        <v>115721</v>
      </c>
      <c r="G33246" s="1" t="s">
        <v>115679</v>
      </c>
      <c r="H33246" s="1" t="s">
        <v>115680</v>
      </c>
      <c r="I33246" s="1" t="s">
        <v>115226</v>
      </c>
      <c r="J33246" s="1" t="s">
        <v>115722</v>
      </c>
    </row>
    <row r="33247" spans="1:10" x14ac:dyDescent="0.35">
      <c r="A33247" s="1" t="s">
        <v>115676</v>
      </c>
      <c r="B33247" s="1" t="s">
        <v>115221</v>
      </c>
      <c r="C33247" s="1" t="s">
        <v>80</v>
      </c>
      <c r="D33247" s="1" t="s">
        <v>115723</v>
      </c>
      <c r="E33247" s="1" t="s">
        <v>115724</v>
      </c>
      <c r="F33247" s="1" t="s">
        <v>115725</v>
      </c>
      <c r="G33247" s="1" t="s">
        <v>115679</v>
      </c>
      <c r="H33247" s="1" t="s">
        <v>115680</v>
      </c>
      <c r="I33247" s="1" t="s">
        <v>115226</v>
      </c>
      <c r="J33247" s="1" t="s">
        <v>115726</v>
      </c>
    </row>
    <row r="33248" spans="1:10" x14ac:dyDescent="0.35">
      <c r="A33248" s="1" t="s">
        <v>115676</v>
      </c>
      <c r="B33248" s="1" t="s">
        <v>115221</v>
      </c>
      <c r="C33248" s="1" t="s">
        <v>85</v>
      </c>
      <c r="D33248" s="1" t="s">
        <v>115727</v>
      </c>
      <c r="E33248" s="1" t="s">
        <v>115728</v>
      </c>
      <c r="F33248" s="1" t="s">
        <v>115729</v>
      </c>
      <c r="G33248" s="1" t="s">
        <v>115679</v>
      </c>
      <c r="H33248" s="1" t="s">
        <v>115680</v>
      </c>
      <c r="I33248" s="1" t="s">
        <v>115226</v>
      </c>
      <c r="J33248" s="1" t="s">
        <v>115730</v>
      </c>
    </row>
    <row r="33249" spans="1:10" x14ac:dyDescent="0.35">
      <c r="A33249" s="1" t="s">
        <v>115676</v>
      </c>
      <c r="B33249" s="1" t="s">
        <v>115221</v>
      </c>
      <c r="C33249" s="1" t="s">
        <v>90</v>
      </c>
      <c r="D33249" s="1" t="s">
        <v>10973</v>
      </c>
      <c r="E33249" s="1" t="s">
        <v>115731</v>
      </c>
      <c r="F33249" s="1" t="s">
        <v>115732</v>
      </c>
      <c r="G33249" s="1" t="s">
        <v>115679</v>
      </c>
      <c r="H33249" s="1" t="s">
        <v>115680</v>
      </c>
      <c r="I33249" s="1" t="s">
        <v>115226</v>
      </c>
      <c r="J33249" s="1" t="s">
        <v>115733</v>
      </c>
    </row>
    <row r="33250" spans="1:10" x14ac:dyDescent="0.35">
      <c r="A33250" s="1" t="s">
        <v>115676</v>
      </c>
      <c r="B33250" s="1" t="s">
        <v>115221</v>
      </c>
      <c r="C33250" s="1" t="s">
        <v>95</v>
      </c>
      <c r="D33250" s="1" t="s">
        <v>115734</v>
      </c>
      <c r="E33250" s="1" t="s">
        <v>115735</v>
      </c>
      <c r="F33250" s="1" t="s">
        <v>115736</v>
      </c>
      <c r="G33250" s="1" t="s">
        <v>115679</v>
      </c>
      <c r="H33250" s="1" t="s">
        <v>115680</v>
      </c>
      <c r="I33250" s="1" t="s">
        <v>115226</v>
      </c>
      <c r="J33250" s="1" t="s">
        <v>115737</v>
      </c>
    </row>
    <row r="33251" spans="1:10" x14ac:dyDescent="0.35">
      <c r="A33251" s="1" t="s">
        <v>115676</v>
      </c>
      <c r="B33251" s="1" t="s">
        <v>115221</v>
      </c>
      <c r="C33251" s="1" t="s">
        <v>100</v>
      </c>
      <c r="D33251" s="1" t="s">
        <v>2568</v>
      </c>
      <c r="E33251" s="1" t="s">
        <v>115738</v>
      </c>
      <c r="F33251" s="1" t="s">
        <v>115739</v>
      </c>
      <c r="G33251" s="1" t="s">
        <v>115679</v>
      </c>
      <c r="H33251" s="1" t="s">
        <v>115680</v>
      </c>
      <c r="I33251" s="1" t="s">
        <v>115226</v>
      </c>
      <c r="J33251" s="1" t="s">
        <v>115740</v>
      </c>
    </row>
    <row r="33252" spans="1:10" x14ac:dyDescent="0.35">
      <c r="A33252" s="1" t="s">
        <v>115676</v>
      </c>
      <c r="B33252" s="1" t="s">
        <v>115221</v>
      </c>
      <c r="C33252" s="1" t="s">
        <v>105</v>
      </c>
      <c r="D33252" s="1" t="s">
        <v>111693</v>
      </c>
      <c r="E33252" s="1" t="s">
        <v>115741</v>
      </c>
      <c r="F33252" s="1" t="s">
        <v>115742</v>
      </c>
      <c r="G33252" s="1" t="s">
        <v>115679</v>
      </c>
      <c r="H33252" s="1" t="s">
        <v>115680</v>
      </c>
      <c r="I33252" s="1" t="s">
        <v>115226</v>
      </c>
      <c r="J33252" s="1" t="s">
        <v>115743</v>
      </c>
    </row>
    <row r="33253" spans="1:10" x14ac:dyDescent="0.35">
      <c r="A33253" s="1" t="s">
        <v>115676</v>
      </c>
      <c r="B33253" s="1" t="s">
        <v>115221</v>
      </c>
      <c r="C33253" s="1" t="s">
        <v>110</v>
      </c>
      <c r="D33253" s="1" t="s">
        <v>2347</v>
      </c>
      <c r="E33253" s="1" t="s">
        <v>115744</v>
      </c>
      <c r="F33253" s="1" t="s">
        <v>115745</v>
      </c>
      <c r="G33253" s="1" t="s">
        <v>115679</v>
      </c>
      <c r="H33253" s="1" t="s">
        <v>115680</v>
      </c>
      <c r="I33253" s="1" t="s">
        <v>115226</v>
      </c>
      <c r="J33253" s="1" t="s">
        <v>115746</v>
      </c>
    </row>
    <row r="33254" spans="1:10" x14ac:dyDescent="0.35">
      <c r="A33254" s="1" t="s">
        <v>115676</v>
      </c>
      <c r="B33254" s="1" t="s">
        <v>115221</v>
      </c>
      <c r="C33254" s="1" t="s">
        <v>115</v>
      </c>
      <c r="D33254" s="1" t="s">
        <v>14236</v>
      </c>
      <c r="E33254" s="1" t="s">
        <v>115747</v>
      </c>
      <c r="F33254" s="1" t="s">
        <v>115748</v>
      </c>
      <c r="G33254" s="1" t="s">
        <v>115679</v>
      </c>
      <c r="H33254" s="1" t="s">
        <v>115680</v>
      </c>
      <c r="I33254" s="1" t="s">
        <v>115226</v>
      </c>
      <c r="J33254" s="1" t="s">
        <v>45130</v>
      </c>
    </row>
    <row r="33255" spans="1:10" x14ac:dyDescent="0.35">
      <c r="A33255" s="1" t="s">
        <v>115676</v>
      </c>
      <c r="B33255" s="1" t="s">
        <v>115221</v>
      </c>
      <c r="C33255" s="1" t="s">
        <v>120</v>
      </c>
      <c r="D33255" s="1" t="s">
        <v>10895</v>
      </c>
      <c r="E33255" s="1" t="s">
        <v>115749</v>
      </c>
      <c r="F33255" s="1" t="s">
        <v>115750</v>
      </c>
      <c r="G33255" s="1" t="s">
        <v>115679</v>
      </c>
      <c r="H33255" s="1" t="s">
        <v>115680</v>
      </c>
      <c r="I33255" s="1" t="s">
        <v>115226</v>
      </c>
      <c r="J33255" s="1" t="s">
        <v>115751</v>
      </c>
    </row>
    <row r="33256" spans="1:10" x14ac:dyDescent="0.35">
      <c r="A33256" s="1" t="s">
        <v>115676</v>
      </c>
      <c r="B33256" s="1" t="s">
        <v>115221</v>
      </c>
      <c r="C33256" s="1" t="s">
        <v>125</v>
      </c>
      <c r="D33256" s="1" t="s">
        <v>115752</v>
      </c>
      <c r="E33256" s="1" t="s">
        <v>115753</v>
      </c>
      <c r="F33256" s="1" t="s">
        <v>115754</v>
      </c>
      <c r="G33256" s="1" t="s">
        <v>115679</v>
      </c>
      <c r="H33256" s="1" t="s">
        <v>115680</v>
      </c>
      <c r="I33256" s="1" t="s">
        <v>115226</v>
      </c>
      <c r="J33256" s="1" t="s">
        <v>115755</v>
      </c>
    </row>
    <row r="33257" spans="1:10" x14ac:dyDescent="0.35">
      <c r="A33257" s="1" t="s">
        <v>115676</v>
      </c>
      <c r="B33257" s="1" t="s">
        <v>115221</v>
      </c>
      <c r="C33257" s="1" t="s">
        <v>130</v>
      </c>
      <c r="D33257" s="1" t="s">
        <v>72483</v>
      </c>
      <c r="E33257" s="1" t="s">
        <v>115756</v>
      </c>
      <c r="F33257" s="1" t="s">
        <v>115757</v>
      </c>
      <c r="G33257" s="1" t="s">
        <v>115679</v>
      </c>
      <c r="H33257" s="1" t="s">
        <v>115680</v>
      </c>
      <c r="I33257" s="1" t="s">
        <v>115226</v>
      </c>
      <c r="J33257" s="1" t="s">
        <v>115758</v>
      </c>
    </row>
    <row r="33258" spans="1:10" x14ac:dyDescent="0.35">
      <c r="A33258" s="1" t="s">
        <v>115676</v>
      </c>
      <c r="B33258" s="1" t="s">
        <v>115221</v>
      </c>
      <c r="C33258" s="1" t="s">
        <v>135</v>
      </c>
      <c r="D33258" s="1" t="s">
        <v>115759</v>
      </c>
      <c r="E33258" s="1" t="s">
        <v>115760</v>
      </c>
      <c r="F33258" s="1" t="s">
        <v>115761</v>
      </c>
      <c r="G33258" s="1" t="s">
        <v>115679</v>
      </c>
      <c r="H33258" s="1" t="s">
        <v>115680</v>
      </c>
      <c r="I33258" s="1" t="s">
        <v>115226</v>
      </c>
      <c r="J33258" s="1" t="s">
        <v>115762</v>
      </c>
    </row>
    <row r="33259" spans="1:10" x14ac:dyDescent="0.35">
      <c r="A33259" s="1" t="s">
        <v>115676</v>
      </c>
      <c r="B33259" s="1" t="s">
        <v>115221</v>
      </c>
      <c r="C33259" s="1" t="s">
        <v>140</v>
      </c>
      <c r="D33259" s="1" t="s">
        <v>71142</v>
      </c>
      <c r="E33259" s="1" t="s">
        <v>115763</v>
      </c>
      <c r="F33259" s="1" t="s">
        <v>115764</v>
      </c>
      <c r="G33259" s="1" t="s">
        <v>115679</v>
      </c>
      <c r="H33259" s="1" t="s">
        <v>115680</v>
      </c>
      <c r="I33259" s="1" t="s">
        <v>115226</v>
      </c>
      <c r="J33259" s="1" t="s">
        <v>115765</v>
      </c>
    </row>
    <row r="33260" spans="1:10" x14ac:dyDescent="0.35">
      <c r="A33260" s="1" t="s">
        <v>115676</v>
      </c>
      <c r="B33260" s="1" t="s">
        <v>115221</v>
      </c>
      <c r="C33260" s="1" t="s">
        <v>145</v>
      </c>
      <c r="D33260" s="1" t="s">
        <v>35322</v>
      </c>
      <c r="E33260" s="1" t="s">
        <v>115766</v>
      </c>
      <c r="F33260" s="1" t="s">
        <v>115767</v>
      </c>
      <c r="G33260" s="1" t="s">
        <v>115679</v>
      </c>
      <c r="H33260" s="1" t="s">
        <v>115680</v>
      </c>
      <c r="I33260" s="1" t="s">
        <v>115226</v>
      </c>
      <c r="J33260" s="1" t="s">
        <v>115768</v>
      </c>
    </row>
    <row r="33261" spans="1:10" x14ac:dyDescent="0.35">
      <c r="A33261" s="1" t="s">
        <v>115676</v>
      </c>
      <c r="B33261" s="1" t="s">
        <v>115221</v>
      </c>
      <c r="C33261" s="1" t="s">
        <v>150</v>
      </c>
      <c r="D33261" s="1" t="s">
        <v>115769</v>
      </c>
      <c r="E33261" s="1" t="s">
        <v>115770</v>
      </c>
      <c r="F33261" s="1" t="s">
        <v>115771</v>
      </c>
      <c r="G33261" s="1" t="s">
        <v>115679</v>
      </c>
      <c r="H33261" s="1" t="s">
        <v>115680</v>
      </c>
      <c r="I33261" s="1" t="s">
        <v>115226</v>
      </c>
      <c r="J33261" s="1" t="s">
        <v>115772</v>
      </c>
    </row>
    <row r="33262" spans="1:10" x14ac:dyDescent="0.35">
      <c r="A33262" s="1" t="s">
        <v>115676</v>
      </c>
      <c r="B33262" s="1" t="s">
        <v>115221</v>
      </c>
      <c r="C33262" s="1" t="s">
        <v>155</v>
      </c>
      <c r="D33262" s="1" t="s">
        <v>372</v>
      </c>
      <c r="E33262" s="1" t="s">
        <v>115773</v>
      </c>
      <c r="F33262" s="1" t="s">
        <v>115774</v>
      </c>
      <c r="G33262" s="1" t="s">
        <v>115679</v>
      </c>
      <c r="H33262" s="1" t="s">
        <v>115680</v>
      </c>
      <c r="I33262" s="1" t="s">
        <v>115226</v>
      </c>
      <c r="J33262" s="1" t="s">
        <v>115775</v>
      </c>
    </row>
    <row r="33263" spans="1:10" x14ac:dyDescent="0.35">
      <c r="A33263" s="1" t="s">
        <v>115676</v>
      </c>
      <c r="B33263" s="1" t="s">
        <v>115221</v>
      </c>
      <c r="C33263" s="1" t="s">
        <v>160</v>
      </c>
      <c r="D33263" s="1" t="s">
        <v>71177</v>
      </c>
      <c r="E33263" s="1" t="s">
        <v>115776</v>
      </c>
      <c r="F33263" s="1" t="s">
        <v>115777</v>
      </c>
      <c r="G33263" s="1" t="s">
        <v>115679</v>
      </c>
      <c r="H33263" s="1" t="s">
        <v>115680</v>
      </c>
      <c r="I33263" s="1" t="s">
        <v>115226</v>
      </c>
      <c r="J33263" s="1" t="s">
        <v>115778</v>
      </c>
    </row>
    <row r="33264" spans="1:10" x14ac:dyDescent="0.35">
      <c r="A33264" s="1" t="s">
        <v>115676</v>
      </c>
      <c r="B33264" s="1" t="s">
        <v>115221</v>
      </c>
      <c r="C33264" s="1" t="s">
        <v>165</v>
      </c>
      <c r="D33264" s="1" t="s">
        <v>16034</v>
      </c>
      <c r="E33264" s="1" t="s">
        <v>115779</v>
      </c>
      <c r="F33264" s="1" t="s">
        <v>115780</v>
      </c>
      <c r="G33264" s="1" t="s">
        <v>115679</v>
      </c>
      <c r="H33264" s="1" t="s">
        <v>115680</v>
      </c>
      <c r="I33264" s="1" t="s">
        <v>115226</v>
      </c>
      <c r="J33264" s="1" t="s">
        <v>115781</v>
      </c>
    </row>
    <row r="33265" spans="1:10" x14ac:dyDescent="0.35">
      <c r="A33265" s="1" t="s">
        <v>115676</v>
      </c>
      <c r="B33265" s="1" t="s">
        <v>115221</v>
      </c>
      <c r="C33265" s="1" t="s">
        <v>170</v>
      </c>
      <c r="D33265" s="1" t="s">
        <v>7155</v>
      </c>
      <c r="E33265" s="1" t="s">
        <v>115782</v>
      </c>
      <c r="F33265" s="1" t="s">
        <v>115783</v>
      </c>
      <c r="G33265" s="1" t="s">
        <v>115679</v>
      </c>
      <c r="H33265" s="1" t="s">
        <v>115680</v>
      </c>
      <c r="I33265" s="1" t="s">
        <v>115226</v>
      </c>
      <c r="J33265" s="1" t="s">
        <v>115784</v>
      </c>
    </row>
    <row r="33266" spans="1:10" x14ac:dyDescent="0.35">
      <c r="A33266" s="1" t="s">
        <v>115785</v>
      </c>
      <c r="B33266" s="1" t="s">
        <v>115221</v>
      </c>
      <c r="C33266" s="1" t="s">
        <v>8</v>
      </c>
      <c r="D33266" s="1" t="s">
        <v>112925</v>
      </c>
      <c r="E33266" s="1" t="s">
        <v>115786</v>
      </c>
      <c r="F33266" s="1" t="s">
        <v>115787</v>
      </c>
      <c r="G33266" s="1" t="s">
        <v>115788</v>
      </c>
      <c r="H33266" s="1" t="s">
        <v>115789</v>
      </c>
      <c r="I33266" s="1" t="s">
        <v>115226</v>
      </c>
      <c r="J33266" s="1" t="s">
        <v>13</v>
      </c>
    </row>
    <row r="33267" spans="1:10" x14ac:dyDescent="0.35">
      <c r="A33267" s="1" t="s">
        <v>115785</v>
      </c>
      <c r="B33267" s="1" t="s">
        <v>115221</v>
      </c>
      <c r="C33267" s="1" t="s">
        <v>15</v>
      </c>
      <c r="D33267" s="1" t="s">
        <v>1532</v>
      </c>
      <c r="E33267" s="1" t="s">
        <v>115790</v>
      </c>
      <c r="F33267" s="1" t="s">
        <v>115791</v>
      </c>
      <c r="G33267" s="1" t="s">
        <v>115788</v>
      </c>
      <c r="H33267" s="1" t="s">
        <v>115789</v>
      </c>
      <c r="I33267" s="1" t="s">
        <v>115226</v>
      </c>
      <c r="J33267" s="1" t="s">
        <v>115792</v>
      </c>
    </row>
    <row r="33268" spans="1:10" x14ac:dyDescent="0.35">
      <c r="A33268" s="1" t="s">
        <v>115785</v>
      </c>
      <c r="B33268" s="1" t="s">
        <v>115221</v>
      </c>
      <c r="C33268" s="1" t="s">
        <v>20</v>
      </c>
      <c r="D33268" s="1" t="s">
        <v>115793</v>
      </c>
      <c r="E33268" s="1" t="s">
        <v>115794</v>
      </c>
      <c r="F33268" s="1" t="s">
        <v>115795</v>
      </c>
      <c r="G33268" s="1" t="s">
        <v>115788</v>
      </c>
      <c r="H33268" s="1" t="s">
        <v>115789</v>
      </c>
      <c r="I33268" s="1" t="s">
        <v>115226</v>
      </c>
      <c r="J33268" s="1" t="s">
        <v>115796</v>
      </c>
    </row>
    <row r="33269" spans="1:10" x14ac:dyDescent="0.35">
      <c r="A33269" s="1" t="s">
        <v>115785</v>
      </c>
      <c r="B33269" s="1" t="s">
        <v>115221</v>
      </c>
      <c r="C33269" s="1" t="s">
        <v>25</v>
      </c>
      <c r="D33269" s="1" t="s">
        <v>3577</v>
      </c>
      <c r="E33269" s="1" t="s">
        <v>115797</v>
      </c>
      <c r="F33269" s="1" t="s">
        <v>115798</v>
      </c>
      <c r="G33269" s="1" t="s">
        <v>115788</v>
      </c>
      <c r="H33269" s="1" t="s">
        <v>115789</v>
      </c>
      <c r="I33269" s="1" t="s">
        <v>115226</v>
      </c>
      <c r="J33269" s="1" t="s">
        <v>115799</v>
      </c>
    </row>
    <row r="33270" spans="1:10" x14ac:dyDescent="0.35">
      <c r="A33270" s="1" t="s">
        <v>115785</v>
      </c>
      <c r="B33270" s="1" t="s">
        <v>115221</v>
      </c>
      <c r="C33270" s="1" t="s">
        <v>30</v>
      </c>
      <c r="D33270" s="1" t="s">
        <v>4321</v>
      </c>
      <c r="E33270" s="1" t="s">
        <v>115800</v>
      </c>
      <c r="F33270" s="1" t="s">
        <v>115801</v>
      </c>
      <c r="G33270" s="1" t="s">
        <v>115788</v>
      </c>
      <c r="H33270" s="1" t="s">
        <v>115789</v>
      </c>
      <c r="I33270" s="1" t="s">
        <v>115226</v>
      </c>
      <c r="J33270" s="1" t="s">
        <v>115802</v>
      </c>
    </row>
    <row r="33271" spans="1:10" x14ac:dyDescent="0.35">
      <c r="A33271" s="1" t="s">
        <v>115785</v>
      </c>
      <c r="B33271" s="1" t="s">
        <v>115221</v>
      </c>
      <c r="C33271" s="1" t="s">
        <v>35</v>
      </c>
      <c r="D33271" s="1" t="s">
        <v>13877</v>
      </c>
      <c r="E33271" s="1" t="s">
        <v>115803</v>
      </c>
      <c r="F33271" s="1" t="s">
        <v>115804</v>
      </c>
      <c r="G33271" s="1" t="s">
        <v>115788</v>
      </c>
      <c r="H33271" s="1" t="s">
        <v>115789</v>
      </c>
      <c r="I33271" s="1" t="s">
        <v>115226</v>
      </c>
      <c r="J33271" s="1" t="s">
        <v>115805</v>
      </c>
    </row>
    <row r="33272" spans="1:10" x14ac:dyDescent="0.35">
      <c r="A33272" s="1" t="s">
        <v>115785</v>
      </c>
      <c r="B33272" s="1" t="s">
        <v>115221</v>
      </c>
      <c r="C33272" s="1" t="s">
        <v>40</v>
      </c>
      <c r="D33272" s="1" t="s">
        <v>46093</v>
      </c>
      <c r="E33272" s="1" t="s">
        <v>115806</v>
      </c>
      <c r="F33272" s="1" t="s">
        <v>115807</v>
      </c>
      <c r="G33272" s="1" t="s">
        <v>115788</v>
      </c>
      <c r="H33272" s="1" t="s">
        <v>115789</v>
      </c>
      <c r="I33272" s="1" t="s">
        <v>115226</v>
      </c>
      <c r="J33272" s="1" t="s">
        <v>115808</v>
      </c>
    </row>
    <row r="33273" spans="1:10" x14ac:dyDescent="0.35">
      <c r="A33273" s="1" t="s">
        <v>115785</v>
      </c>
      <c r="B33273" s="1" t="s">
        <v>115221</v>
      </c>
      <c r="C33273" s="1" t="s">
        <v>45</v>
      </c>
      <c r="D33273" s="1" t="s">
        <v>75</v>
      </c>
      <c r="E33273" s="1" t="s">
        <v>115809</v>
      </c>
      <c r="F33273" s="1" t="s">
        <v>115810</v>
      </c>
      <c r="G33273" s="1" t="s">
        <v>115788</v>
      </c>
      <c r="H33273" s="1" t="s">
        <v>115789</v>
      </c>
      <c r="I33273" s="1" t="s">
        <v>115226</v>
      </c>
      <c r="J33273" s="1" t="s">
        <v>115811</v>
      </c>
    </row>
    <row r="33274" spans="1:10" x14ac:dyDescent="0.35">
      <c r="A33274" s="1" t="s">
        <v>115785</v>
      </c>
      <c r="B33274" s="1" t="s">
        <v>115221</v>
      </c>
      <c r="C33274" s="1" t="s">
        <v>50</v>
      </c>
      <c r="D33274" s="1" t="s">
        <v>115812</v>
      </c>
      <c r="E33274" s="1" t="s">
        <v>115813</v>
      </c>
      <c r="F33274" s="1" t="s">
        <v>115814</v>
      </c>
      <c r="G33274" s="1" t="s">
        <v>115788</v>
      </c>
      <c r="H33274" s="1" t="s">
        <v>115789</v>
      </c>
      <c r="I33274" s="1" t="s">
        <v>115226</v>
      </c>
      <c r="J33274" s="1" t="s">
        <v>115815</v>
      </c>
    </row>
    <row r="33275" spans="1:10" x14ac:dyDescent="0.35">
      <c r="A33275" s="1" t="s">
        <v>115785</v>
      </c>
      <c r="B33275" s="1" t="s">
        <v>115221</v>
      </c>
      <c r="C33275" s="1" t="s">
        <v>55</v>
      </c>
      <c r="D33275" s="1" t="s">
        <v>28728</v>
      </c>
      <c r="E33275" s="1" t="s">
        <v>115816</v>
      </c>
      <c r="F33275" s="1" t="s">
        <v>115817</v>
      </c>
      <c r="G33275" s="1" t="s">
        <v>115788</v>
      </c>
      <c r="H33275" s="1" t="s">
        <v>115789</v>
      </c>
      <c r="I33275" s="1" t="s">
        <v>115226</v>
      </c>
      <c r="J33275" s="1" t="s">
        <v>115818</v>
      </c>
    </row>
    <row r="33276" spans="1:10" x14ac:dyDescent="0.35">
      <c r="A33276" s="1" t="s">
        <v>115785</v>
      </c>
      <c r="B33276" s="1" t="s">
        <v>115221</v>
      </c>
      <c r="C33276" s="1" t="s">
        <v>60</v>
      </c>
      <c r="D33276" s="1" t="s">
        <v>115819</v>
      </c>
      <c r="E33276" s="1" t="s">
        <v>115820</v>
      </c>
      <c r="F33276" s="1" t="s">
        <v>115821</v>
      </c>
      <c r="G33276" s="1" t="s">
        <v>115788</v>
      </c>
      <c r="H33276" s="1" t="s">
        <v>115789</v>
      </c>
      <c r="I33276" s="1" t="s">
        <v>115226</v>
      </c>
      <c r="J33276" s="1" t="s">
        <v>115822</v>
      </c>
    </row>
    <row r="33277" spans="1:10" x14ac:dyDescent="0.35">
      <c r="A33277" s="1" t="s">
        <v>115785</v>
      </c>
      <c r="B33277" s="1" t="s">
        <v>115221</v>
      </c>
      <c r="C33277" s="1" t="s">
        <v>65</v>
      </c>
      <c r="D33277" s="1" t="s">
        <v>30106</v>
      </c>
      <c r="E33277" s="1" t="s">
        <v>115823</v>
      </c>
      <c r="F33277" s="1" t="s">
        <v>115824</v>
      </c>
      <c r="G33277" s="1" t="s">
        <v>115788</v>
      </c>
      <c r="H33277" s="1" t="s">
        <v>115789</v>
      </c>
      <c r="I33277" s="1" t="s">
        <v>115226</v>
      </c>
      <c r="J33277" s="1" t="s">
        <v>115825</v>
      </c>
    </row>
    <row r="33278" spans="1:10" x14ac:dyDescent="0.35">
      <c r="A33278" s="1" t="s">
        <v>115785</v>
      </c>
      <c r="B33278" s="1" t="s">
        <v>115221</v>
      </c>
      <c r="C33278" s="1" t="s">
        <v>70</v>
      </c>
      <c r="D33278" s="1" t="s">
        <v>115826</v>
      </c>
      <c r="E33278" s="1" t="s">
        <v>115827</v>
      </c>
      <c r="F33278" s="1" t="s">
        <v>115828</v>
      </c>
      <c r="G33278" s="1" t="s">
        <v>115788</v>
      </c>
      <c r="H33278" s="1" t="s">
        <v>115789</v>
      </c>
      <c r="I33278" s="1" t="s">
        <v>115226</v>
      </c>
      <c r="J33278" s="1" t="s">
        <v>115829</v>
      </c>
    </row>
    <row r="33279" spans="1:10" x14ac:dyDescent="0.35">
      <c r="A33279" s="1" t="s">
        <v>115785</v>
      </c>
      <c r="B33279" s="1" t="s">
        <v>115221</v>
      </c>
      <c r="C33279" s="1" t="s">
        <v>75</v>
      </c>
      <c r="D33279" s="1" t="s">
        <v>5521</v>
      </c>
      <c r="E33279" s="1" t="s">
        <v>115830</v>
      </c>
      <c r="F33279" s="1" t="s">
        <v>115831</v>
      </c>
      <c r="G33279" s="1" t="s">
        <v>115788</v>
      </c>
      <c r="H33279" s="1" t="s">
        <v>115789</v>
      </c>
      <c r="I33279" s="1" t="s">
        <v>115226</v>
      </c>
      <c r="J33279" s="1" t="s">
        <v>115832</v>
      </c>
    </row>
    <row r="33280" spans="1:10" x14ac:dyDescent="0.35">
      <c r="A33280" s="1" t="s">
        <v>115785</v>
      </c>
      <c r="B33280" s="1" t="s">
        <v>115221</v>
      </c>
      <c r="C33280" s="1" t="s">
        <v>80</v>
      </c>
      <c r="D33280" s="1" t="s">
        <v>12077</v>
      </c>
      <c r="E33280" s="1" t="s">
        <v>115833</v>
      </c>
      <c r="F33280" s="1" t="s">
        <v>115834</v>
      </c>
      <c r="G33280" s="1" t="s">
        <v>115788</v>
      </c>
      <c r="H33280" s="1" t="s">
        <v>115789</v>
      </c>
      <c r="I33280" s="1" t="s">
        <v>115226</v>
      </c>
      <c r="J33280" s="1" t="s">
        <v>115835</v>
      </c>
    </row>
    <row r="33281" spans="1:10" x14ac:dyDescent="0.35">
      <c r="A33281" s="1" t="s">
        <v>115785</v>
      </c>
      <c r="B33281" s="1" t="s">
        <v>115221</v>
      </c>
      <c r="C33281" s="1" t="s">
        <v>85</v>
      </c>
      <c r="D33281" s="1" t="s">
        <v>5502</v>
      </c>
      <c r="E33281" s="1" t="s">
        <v>115836</v>
      </c>
      <c r="F33281" s="1" t="s">
        <v>115837</v>
      </c>
      <c r="G33281" s="1" t="s">
        <v>115788</v>
      </c>
      <c r="H33281" s="1" t="s">
        <v>115789</v>
      </c>
      <c r="I33281" s="1" t="s">
        <v>115226</v>
      </c>
      <c r="J33281" s="1" t="s">
        <v>115838</v>
      </c>
    </row>
    <row r="33282" spans="1:10" x14ac:dyDescent="0.35">
      <c r="A33282" s="1" t="s">
        <v>115785</v>
      </c>
      <c r="B33282" s="1" t="s">
        <v>115221</v>
      </c>
      <c r="C33282" s="1" t="s">
        <v>90</v>
      </c>
      <c r="D33282" s="1" t="s">
        <v>110501</v>
      </c>
      <c r="E33282" s="1" t="s">
        <v>115839</v>
      </c>
      <c r="F33282" s="1" t="s">
        <v>115840</v>
      </c>
      <c r="G33282" s="1" t="s">
        <v>115788</v>
      </c>
      <c r="H33282" s="1" t="s">
        <v>115789</v>
      </c>
      <c r="I33282" s="1" t="s">
        <v>115226</v>
      </c>
      <c r="J33282" s="1" t="s">
        <v>115841</v>
      </c>
    </row>
    <row r="33283" spans="1:10" x14ac:dyDescent="0.35">
      <c r="A33283" s="1" t="s">
        <v>115785</v>
      </c>
      <c r="B33283" s="1" t="s">
        <v>115221</v>
      </c>
      <c r="C33283" s="1" t="s">
        <v>95</v>
      </c>
      <c r="D33283" s="1" t="s">
        <v>4013</v>
      </c>
      <c r="E33283" s="1" t="s">
        <v>115842</v>
      </c>
      <c r="F33283" s="1" t="s">
        <v>115843</v>
      </c>
      <c r="G33283" s="1" t="s">
        <v>115788</v>
      </c>
      <c r="H33283" s="1" t="s">
        <v>115789</v>
      </c>
      <c r="I33283" s="1" t="s">
        <v>115226</v>
      </c>
      <c r="J33283" s="1" t="s">
        <v>115844</v>
      </c>
    </row>
    <row r="33284" spans="1:10" x14ac:dyDescent="0.35">
      <c r="A33284" s="1" t="s">
        <v>115785</v>
      </c>
      <c r="B33284" s="1" t="s">
        <v>115221</v>
      </c>
      <c r="C33284" s="1" t="s">
        <v>100</v>
      </c>
      <c r="D33284" s="1" t="s">
        <v>25996</v>
      </c>
      <c r="E33284" s="1" t="s">
        <v>115845</v>
      </c>
      <c r="F33284" s="1" t="s">
        <v>115846</v>
      </c>
      <c r="G33284" s="1" t="s">
        <v>115788</v>
      </c>
      <c r="H33284" s="1" t="s">
        <v>115789</v>
      </c>
      <c r="I33284" s="1" t="s">
        <v>115226</v>
      </c>
      <c r="J33284" s="1" t="s">
        <v>115847</v>
      </c>
    </row>
    <row r="33285" spans="1:10" x14ac:dyDescent="0.35">
      <c r="A33285" s="1" t="s">
        <v>115785</v>
      </c>
      <c r="B33285" s="1" t="s">
        <v>115221</v>
      </c>
      <c r="C33285" s="1" t="s">
        <v>105</v>
      </c>
      <c r="D33285" s="1" t="s">
        <v>4062</v>
      </c>
      <c r="E33285" s="1" t="s">
        <v>115848</v>
      </c>
      <c r="F33285" s="1" t="s">
        <v>115849</v>
      </c>
      <c r="G33285" s="1" t="s">
        <v>115788</v>
      </c>
      <c r="H33285" s="1" t="s">
        <v>115789</v>
      </c>
      <c r="I33285" s="1" t="s">
        <v>115226</v>
      </c>
      <c r="J33285" s="1" t="s">
        <v>115850</v>
      </c>
    </row>
    <row r="33286" spans="1:10" x14ac:dyDescent="0.35">
      <c r="A33286" s="1" t="s">
        <v>115785</v>
      </c>
      <c r="B33286" s="1" t="s">
        <v>115221</v>
      </c>
      <c r="C33286" s="1" t="s">
        <v>110</v>
      </c>
      <c r="D33286" s="1" t="s">
        <v>112464</v>
      </c>
      <c r="E33286" s="1" t="s">
        <v>115851</v>
      </c>
      <c r="F33286" s="1" t="s">
        <v>115852</v>
      </c>
      <c r="G33286" s="1" t="s">
        <v>115788</v>
      </c>
      <c r="H33286" s="1" t="s">
        <v>115789</v>
      </c>
      <c r="I33286" s="1" t="s">
        <v>115226</v>
      </c>
      <c r="J33286" s="1" t="s">
        <v>115853</v>
      </c>
    </row>
    <row r="33287" spans="1:10" x14ac:dyDescent="0.35">
      <c r="A33287" s="1" t="s">
        <v>115785</v>
      </c>
      <c r="B33287" s="1" t="s">
        <v>115221</v>
      </c>
      <c r="C33287" s="1" t="s">
        <v>115</v>
      </c>
      <c r="D33287" s="1" t="s">
        <v>28641</v>
      </c>
      <c r="E33287" s="1" t="s">
        <v>115854</v>
      </c>
      <c r="F33287" s="1" t="s">
        <v>115855</v>
      </c>
      <c r="G33287" s="1" t="s">
        <v>115788</v>
      </c>
      <c r="H33287" s="1" t="s">
        <v>115789</v>
      </c>
      <c r="I33287" s="1" t="s">
        <v>115226</v>
      </c>
      <c r="J33287" s="1" t="s">
        <v>115856</v>
      </c>
    </row>
    <row r="33288" spans="1:10" x14ac:dyDescent="0.35">
      <c r="A33288" s="1" t="s">
        <v>115785</v>
      </c>
      <c r="B33288" s="1" t="s">
        <v>115221</v>
      </c>
      <c r="C33288" s="1" t="s">
        <v>120</v>
      </c>
      <c r="D33288" s="1" t="s">
        <v>34597</v>
      </c>
      <c r="E33288" s="1" t="s">
        <v>115857</v>
      </c>
      <c r="F33288" s="1" t="s">
        <v>115858</v>
      </c>
      <c r="G33288" s="1" t="s">
        <v>115788</v>
      </c>
      <c r="H33288" s="1" t="s">
        <v>115789</v>
      </c>
      <c r="I33288" s="1" t="s">
        <v>115226</v>
      </c>
      <c r="J33288" s="1" t="s">
        <v>115859</v>
      </c>
    </row>
    <row r="33289" spans="1:10" x14ac:dyDescent="0.35">
      <c r="A33289" s="1" t="s">
        <v>115785</v>
      </c>
      <c r="B33289" s="1" t="s">
        <v>115221</v>
      </c>
      <c r="C33289" s="1" t="s">
        <v>125</v>
      </c>
      <c r="D33289" s="1" t="s">
        <v>115860</v>
      </c>
      <c r="E33289" s="1" t="s">
        <v>115861</v>
      </c>
      <c r="F33289" s="1" t="s">
        <v>115862</v>
      </c>
      <c r="G33289" s="1" t="s">
        <v>115788</v>
      </c>
      <c r="H33289" s="1" t="s">
        <v>115789</v>
      </c>
      <c r="I33289" s="1" t="s">
        <v>115226</v>
      </c>
      <c r="J33289" s="1" t="s">
        <v>115863</v>
      </c>
    </row>
    <row r="33290" spans="1:10" x14ac:dyDescent="0.35">
      <c r="A33290" s="1" t="s">
        <v>115785</v>
      </c>
      <c r="B33290" s="1" t="s">
        <v>115221</v>
      </c>
      <c r="C33290" s="1" t="s">
        <v>130</v>
      </c>
      <c r="D33290" s="1" t="s">
        <v>115864</v>
      </c>
      <c r="E33290" s="1" t="s">
        <v>115865</v>
      </c>
      <c r="F33290" s="1" t="s">
        <v>115866</v>
      </c>
      <c r="G33290" s="1" t="s">
        <v>115788</v>
      </c>
      <c r="H33290" s="1" t="s">
        <v>115789</v>
      </c>
      <c r="I33290" s="1" t="s">
        <v>115226</v>
      </c>
      <c r="J33290" s="1" t="s">
        <v>115867</v>
      </c>
    </row>
    <row r="33291" spans="1:10" x14ac:dyDescent="0.35">
      <c r="A33291" s="1" t="s">
        <v>115785</v>
      </c>
      <c r="B33291" s="1" t="s">
        <v>115221</v>
      </c>
      <c r="C33291" s="1" t="s">
        <v>135</v>
      </c>
      <c r="D33291" s="1" t="s">
        <v>115868</v>
      </c>
      <c r="E33291" s="1" t="s">
        <v>115869</v>
      </c>
      <c r="F33291" s="1" t="s">
        <v>115870</v>
      </c>
      <c r="G33291" s="1" t="s">
        <v>115788</v>
      </c>
      <c r="H33291" s="1" t="s">
        <v>115789</v>
      </c>
      <c r="I33291" s="1" t="s">
        <v>115226</v>
      </c>
      <c r="J33291" s="1" t="s">
        <v>115871</v>
      </c>
    </row>
    <row r="33292" spans="1:10" x14ac:dyDescent="0.35">
      <c r="A33292" s="1" t="s">
        <v>115785</v>
      </c>
      <c r="B33292" s="1" t="s">
        <v>115221</v>
      </c>
      <c r="C33292" s="1" t="s">
        <v>140</v>
      </c>
      <c r="D33292" s="1" t="s">
        <v>13015</v>
      </c>
      <c r="E33292" s="1" t="s">
        <v>115872</v>
      </c>
      <c r="F33292" s="1" t="s">
        <v>115873</v>
      </c>
      <c r="G33292" s="1" t="s">
        <v>115788</v>
      </c>
      <c r="H33292" s="1" t="s">
        <v>115789</v>
      </c>
      <c r="I33292" s="1" t="s">
        <v>115226</v>
      </c>
      <c r="J33292" s="1" t="s">
        <v>115874</v>
      </c>
    </row>
    <row r="33293" spans="1:10" x14ac:dyDescent="0.35">
      <c r="A33293" s="1" t="s">
        <v>115785</v>
      </c>
      <c r="B33293" s="1" t="s">
        <v>115221</v>
      </c>
      <c r="C33293" s="1" t="s">
        <v>145</v>
      </c>
      <c r="D33293" s="1" t="s">
        <v>73838</v>
      </c>
      <c r="E33293" s="1" t="s">
        <v>115875</v>
      </c>
      <c r="F33293" s="1" t="s">
        <v>115876</v>
      </c>
      <c r="G33293" s="1" t="s">
        <v>115788</v>
      </c>
      <c r="H33293" s="1" t="s">
        <v>115789</v>
      </c>
      <c r="I33293" s="1" t="s">
        <v>115226</v>
      </c>
      <c r="J33293" s="1" t="s">
        <v>115877</v>
      </c>
    </row>
    <row r="33294" spans="1:10" x14ac:dyDescent="0.35">
      <c r="A33294" s="1" t="s">
        <v>115785</v>
      </c>
      <c r="B33294" s="1" t="s">
        <v>115221</v>
      </c>
      <c r="C33294" s="1" t="s">
        <v>150</v>
      </c>
      <c r="D33294" s="1" t="s">
        <v>115878</v>
      </c>
      <c r="E33294" s="1" t="s">
        <v>115879</v>
      </c>
      <c r="F33294" s="1" t="s">
        <v>115880</v>
      </c>
      <c r="G33294" s="1" t="s">
        <v>115788</v>
      </c>
      <c r="H33294" s="1" t="s">
        <v>115789</v>
      </c>
      <c r="I33294" s="1" t="s">
        <v>115226</v>
      </c>
      <c r="J33294" s="1" t="s">
        <v>115881</v>
      </c>
    </row>
    <row r="33295" spans="1:10" x14ac:dyDescent="0.35">
      <c r="A33295" s="1" t="s">
        <v>115785</v>
      </c>
      <c r="B33295" s="1" t="s">
        <v>115221</v>
      </c>
      <c r="C33295" s="1" t="s">
        <v>155</v>
      </c>
      <c r="D33295" s="1" t="s">
        <v>115882</v>
      </c>
      <c r="E33295" s="1" t="s">
        <v>115883</v>
      </c>
      <c r="F33295" s="1" t="s">
        <v>115884</v>
      </c>
      <c r="G33295" s="1" t="s">
        <v>115788</v>
      </c>
      <c r="H33295" s="1" t="s">
        <v>115789</v>
      </c>
      <c r="I33295" s="1" t="s">
        <v>115226</v>
      </c>
      <c r="J33295" s="1" t="s">
        <v>115885</v>
      </c>
    </row>
    <row r="33296" spans="1:10" x14ac:dyDescent="0.35">
      <c r="A33296" s="1" t="s">
        <v>115785</v>
      </c>
      <c r="B33296" s="1" t="s">
        <v>115221</v>
      </c>
      <c r="C33296" s="1" t="s">
        <v>160</v>
      </c>
      <c r="D33296" s="1" t="s">
        <v>115886</v>
      </c>
      <c r="E33296" s="1" t="s">
        <v>115887</v>
      </c>
      <c r="F33296" s="1" t="s">
        <v>115888</v>
      </c>
      <c r="G33296" s="1" t="s">
        <v>115788</v>
      </c>
      <c r="H33296" s="1" t="s">
        <v>115789</v>
      </c>
      <c r="I33296" s="1" t="s">
        <v>115226</v>
      </c>
      <c r="J33296" s="1" t="s">
        <v>115889</v>
      </c>
    </row>
    <row r="33297" spans="1:10" x14ac:dyDescent="0.35">
      <c r="A33297" s="1" t="s">
        <v>115785</v>
      </c>
      <c r="B33297" s="1" t="s">
        <v>115221</v>
      </c>
      <c r="C33297" s="1" t="s">
        <v>165</v>
      </c>
      <c r="D33297" s="1" t="s">
        <v>115890</v>
      </c>
      <c r="E33297" s="1" t="s">
        <v>115891</v>
      </c>
      <c r="F33297" s="1" t="s">
        <v>115892</v>
      </c>
      <c r="G33297" s="1" t="s">
        <v>115788</v>
      </c>
      <c r="H33297" s="1" t="s">
        <v>115789</v>
      </c>
      <c r="I33297" s="1" t="s">
        <v>115226</v>
      </c>
      <c r="J33297" s="1" t="s">
        <v>115893</v>
      </c>
    </row>
    <row r="33298" spans="1:10" x14ac:dyDescent="0.35">
      <c r="A33298" s="1" t="s">
        <v>115785</v>
      </c>
      <c r="B33298" s="1" t="s">
        <v>115221</v>
      </c>
      <c r="C33298" s="1" t="s">
        <v>170</v>
      </c>
      <c r="D33298" s="1" t="s">
        <v>19525</v>
      </c>
      <c r="E33298" s="1" t="s">
        <v>115894</v>
      </c>
      <c r="F33298" s="1" t="s">
        <v>115895</v>
      </c>
      <c r="G33298" s="1" t="s">
        <v>115788</v>
      </c>
      <c r="H33298" s="1" t="s">
        <v>115789</v>
      </c>
      <c r="I33298" s="1" t="s">
        <v>115226</v>
      </c>
      <c r="J33298" s="1" t="s">
        <v>115896</v>
      </c>
    </row>
    <row r="33299" spans="1:10" x14ac:dyDescent="0.35">
      <c r="A33299" s="1" t="s">
        <v>44856</v>
      </c>
      <c r="B33299" s="1" t="s">
        <v>115221</v>
      </c>
      <c r="C33299" s="1" t="s">
        <v>8</v>
      </c>
      <c r="D33299" s="1" t="s">
        <v>29466</v>
      </c>
      <c r="E33299" s="1" t="s">
        <v>115897</v>
      </c>
      <c r="F33299" s="1" t="s">
        <v>115898</v>
      </c>
      <c r="G33299" s="1" t="s">
        <v>115899</v>
      </c>
      <c r="H33299" s="1" t="s">
        <v>115900</v>
      </c>
      <c r="I33299" s="1" t="s">
        <v>115226</v>
      </c>
      <c r="J33299" s="1" t="s">
        <v>13</v>
      </c>
    </row>
    <row r="33300" spans="1:10" x14ac:dyDescent="0.35">
      <c r="A33300" s="1" t="s">
        <v>44856</v>
      </c>
      <c r="B33300" s="1" t="s">
        <v>115221</v>
      </c>
      <c r="C33300" s="1" t="s">
        <v>15</v>
      </c>
      <c r="D33300" s="1" t="s">
        <v>5083</v>
      </c>
      <c r="E33300" s="1" t="s">
        <v>115901</v>
      </c>
      <c r="F33300" s="1" t="s">
        <v>115902</v>
      </c>
      <c r="G33300" s="1" t="s">
        <v>115899</v>
      </c>
      <c r="H33300" s="1" t="s">
        <v>115900</v>
      </c>
      <c r="I33300" s="1" t="s">
        <v>115226</v>
      </c>
      <c r="J33300" s="1" t="s">
        <v>115903</v>
      </c>
    </row>
    <row r="33301" spans="1:10" x14ac:dyDescent="0.35">
      <c r="A33301" s="1" t="s">
        <v>44856</v>
      </c>
      <c r="B33301" s="1" t="s">
        <v>115221</v>
      </c>
      <c r="C33301" s="1" t="s">
        <v>20</v>
      </c>
      <c r="D33301" s="1" t="s">
        <v>9025</v>
      </c>
      <c r="E33301" s="1" t="s">
        <v>115904</v>
      </c>
      <c r="F33301" s="1" t="s">
        <v>115905</v>
      </c>
      <c r="G33301" s="1" t="s">
        <v>115899</v>
      </c>
      <c r="H33301" s="1" t="s">
        <v>115900</v>
      </c>
      <c r="I33301" s="1" t="s">
        <v>115226</v>
      </c>
      <c r="J33301" s="1" t="s">
        <v>115906</v>
      </c>
    </row>
    <row r="33302" spans="1:10" x14ac:dyDescent="0.35">
      <c r="A33302" s="1" t="s">
        <v>44856</v>
      </c>
      <c r="B33302" s="1" t="s">
        <v>115221</v>
      </c>
      <c r="C33302" s="1" t="s">
        <v>25</v>
      </c>
      <c r="D33302" s="1" t="s">
        <v>14210</v>
      </c>
      <c r="E33302" s="1" t="s">
        <v>115907</v>
      </c>
      <c r="F33302" s="1" t="s">
        <v>115908</v>
      </c>
      <c r="G33302" s="1" t="s">
        <v>115899</v>
      </c>
      <c r="H33302" s="1" t="s">
        <v>115900</v>
      </c>
      <c r="I33302" s="1" t="s">
        <v>115226</v>
      </c>
      <c r="J33302" s="1" t="s">
        <v>115909</v>
      </c>
    </row>
    <row r="33303" spans="1:10" x14ac:dyDescent="0.35">
      <c r="A33303" s="1" t="s">
        <v>44856</v>
      </c>
      <c r="B33303" s="1" t="s">
        <v>115221</v>
      </c>
      <c r="C33303" s="1" t="s">
        <v>30</v>
      </c>
      <c r="D33303" s="1" t="s">
        <v>115910</v>
      </c>
      <c r="E33303" s="1" t="s">
        <v>115911</v>
      </c>
      <c r="F33303" s="1" t="s">
        <v>115912</v>
      </c>
      <c r="G33303" s="1" t="s">
        <v>115899</v>
      </c>
      <c r="H33303" s="1" t="s">
        <v>115900</v>
      </c>
      <c r="I33303" s="1" t="s">
        <v>115226</v>
      </c>
      <c r="J33303" s="1" t="s">
        <v>115913</v>
      </c>
    </row>
    <row r="33304" spans="1:10" x14ac:dyDescent="0.35">
      <c r="A33304" s="1" t="s">
        <v>44856</v>
      </c>
      <c r="B33304" s="1" t="s">
        <v>115221</v>
      </c>
      <c r="C33304" s="1" t="s">
        <v>35</v>
      </c>
      <c r="D33304" s="1" t="s">
        <v>115914</v>
      </c>
      <c r="E33304" s="1" t="s">
        <v>115915</v>
      </c>
      <c r="F33304" s="1" t="s">
        <v>115916</v>
      </c>
      <c r="G33304" s="1" t="s">
        <v>115899</v>
      </c>
      <c r="H33304" s="1" t="s">
        <v>115900</v>
      </c>
      <c r="I33304" s="1" t="s">
        <v>115226</v>
      </c>
      <c r="J33304" s="1" t="s">
        <v>115917</v>
      </c>
    </row>
    <row r="33305" spans="1:10" x14ac:dyDescent="0.35">
      <c r="A33305" s="1" t="s">
        <v>44856</v>
      </c>
      <c r="B33305" s="1" t="s">
        <v>115221</v>
      </c>
      <c r="C33305" s="1" t="s">
        <v>40</v>
      </c>
      <c r="D33305" s="1" t="s">
        <v>10834</v>
      </c>
      <c r="E33305" s="1" t="s">
        <v>115918</v>
      </c>
      <c r="F33305" s="1" t="s">
        <v>115919</v>
      </c>
      <c r="G33305" s="1" t="s">
        <v>115899</v>
      </c>
      <c r="H33305" s="1" t="s">
        <v>115900</v>
      </c>
      <c r="I33305" s="1" t="s">
        <v>115226</v>
      </c>
      <c r="J33305" s="1" t="s">
        <v>115920</v>
      </c>
    </row>
    <row r="33306" spans="1:10" x14ac:dyDescent="0.35">
      <c r="A33306" s="1" t="s">
        <v>44856</v>
      </c>
      <c r="B33306" s="1" t="s">
        <v>115221</v>
      </c>
      <c r="C33306" s="1" t="s">
        <v>45</v>
      </c>
      <c r="D33306" s="1" t="s">
        <v>36156</v>
      </c>
      <c r="E33306" s="1" t="s">
        <v>115921</v>
      </c>
      <c r="F33306" s="1" t="s">
        <v>115922</v>
      </c>
      <c r="G33306" s="1" t="s">
        <v>115899</v>
      </c>
      <c r="H33306" s="1" t="s">
        <v>115900</v>
      </c>
      <c r="I33306" s="1" t="s">
        <v>115226</v>
      </c>
      <c r="J33306" s="1" t="s">
        <v>115923</v>
      </c>
    </row>
    <row r="33307" spans="1:10" x14ac:dyDescent="0.35">
      <c r="A33307" s="1" t="s">
        <v>44856</v>
      </c>
      <c r="B33307" s="1" t="s">
        <v>115221</v>
      </c>
      <c r="C33307" s="1" t="s">
        <v>50</v>
      </c>
      <c r="D33307" s="1" t="s">
        <v>115924</v>
      </c>
      <c r="E33307" s="1" t="s">
        <v>115925</v>
      </c>
      <c r="F33307" s="1" t="s">
        <v>115926</v>
      </c>
      <c r="G33307" s="1" t="s">
        <v>115899</v>
      </c>
      <c r="H33307" s="1" t="s">
        <v>115900</v>
      </c>
      <c r="I33307" s="1" t="s">
        <v>115226</v>
      </c>
      <c r="J33307" s="1" t="s">
        <v>115927</v>
      </c>
    </row>
    <row r="33308" spans="1:10" x14ac:dyDescent="0.35">
      <c r="A33308" s="1" t="s">
        <v>44856</v>
      </c>
      <c r="B33308" s="1" t="s">
        <v>115221</v>
      </c>
      <c r="C33308" s="1" t="s">
        <v>55</v>
      </c>
      <c r="D33308" s="1" t="s">
        <v>2572</v>
      </c>
      <c r="E33308" s="1" t="s">
        <v>115928</v>
      </c>
      <c r="F33308" s="1" t="s">
        <v>115929</v>
      </c>
      <c r="G33308" s="1" t="s">
        <v>115899</v>
      </c>
      <c r="H33308" s="1" t="s">
        <v>115900</v>
      </c>
      <c r="I33308" s="1" t="s">
        <v>115226</v>
      </c>
      <c r="J33308" s="1" t="s">
        <v>115930</v>
      </c>
    </row>
    <row r="33309" spans="1:10" x14ac:dyDescent="0.35">
      <c r="A33309" s="1" t="s">
        <v>44856</v>
      </c>
      <c r="B33309" s="1" t="s">
        <v>115221</v>
      </c>
      <c r="C33309" s="1" t="s">
        <v>60</v>
      </c>
      <c r="D33309" s="1" t="s">
        <v>2560</v>
      </c>
      <c r="E33309" s="1" t="s">
        <v>115931</v>
      </c>
      <c r="F33309" s="1" t="s">
        <v>115932</v>
      </c>
      <c r="G33309" s="1" t="s">
        <v>115899</v>
      </c>
      <c r="H33309" s="1" t="s">
        <v>115900</v>
      </c>
      <c r="I33309" s="1" t="s">
        <v>115226</v>
      </c>
      <c r="J33309" s="1" t="s">
        <v>115933</v>
      </c>
    </row>
    <row r="33310" spans="1:10" x14ac:dyDescent="0.35">
      <c r="A33310" s="1" t="s">
        <v>44856</v>
      </c>
      <c r="B33310" s="1" t="s">
        <v>115221</v>
      </c>
      <c r="C33310" s="1" t="s">
        <v>65</v>
      </c>
      <c r="D33310" s="1" t="s">
        <v>115934</v>
      </c>
      <c r="E33310" s="1" t="s">
        <v>115935</v>
      </c>
      <c r="F33310" s="1" t="s">
        <v>115936</v>
      </c>
      <c r="G33310" s="1" t="s">
        <v>115899</v>
      </c>
      <c r="H33310" s="1" t="s">
        <v>115900</v>
      </c>
      <c r="I33310" s="1" t="s">
        <v>115226</v>
      </c>
      <c r="J33310" s="1" t="s">
        <v>50673</v>
      </c>
    </row>
    <row r="33311" spans="1:10" x14ac:dyDescent="0.35">
      <c r="A33311" s="1" t="s">
        <v>44856</v>
      </c>
      <c r="B33311" s="1" t="s">
        <v>115221</v>
      </c>
      <c r="C33311" s="1" t="s">
        <v>70</v>
      </c>
      <c r="D33311" s="1" t="s">
        <v>28465</v>
      </c>
      <c r="E33311" s="1" t="s">
        <v>115937</v>
      </c>
      <c r="F33311" s="1" t="s">
        <v>115938</v>
      </c>
      <c r="G33311" s="1" t="s">
        <v>115899</v>
      </c>
      <c r="H33311" s="1" t="s">
        <v>115900</v>
      </c>
      <c r="I33311" s="1" t="s">
        <v>115226</v>
      </c>
      <c r="J33311" s="1" t="s">
        <v>115939</v>
      </c>
    </row>
    <row r="33312" spans="1:10" x14ac:dyDescent="0.35">
      <c r="A33312" s="1" t="s">
        <v>44856</v>
      </c>
      <c r="B33312" s="1" t="s">
        <v>115221</v>
      </c>
      <c r="C33312" s="1" t="s">
        <v>75</v>
      </c>
      <c r="D33312" s="1" t="s">
        <v>111627</v>
      </c>
      <c r="E33312" s="1" t="s">
        <v>115940</v>
      </c>
      <c r="F33312" s="1" t="s">
        <v>115941</v>
      </c>
      <c r="G33312" s="1" t="s">
        <v>115899</v>
      </c>
      <c r="H33312" s="1" t="s">
        <v>115900</v>
      </c>
      <c r="I33312" s="1" t="s">
        <v>115226</v>
      </c>
      <c r="J33312" s="1" t="s">
        <v>115942</v>
      </c>
    </row>
    <row r="33313" spans="1:10" x14ac:dyDescent="0.35">
      <c r="A33313" s="1" t="s">
        <v>44856</v>
      </c>
      <c r="B33313" s="1" t="s">
        <v>115221</v>
      </c>
      <c r="C33313" s="1" t="s">
        <v>80</v>
      </c>
      <c r="D33313" s="1" t="s">
        <v>29941</v>
      </c>
      <c r="E33313" s="1" t="s">
        <v>115943</v>
      </c>
      <c r="F33313" s="1" t="s">
        <v>115944</v>
      </c>
      <c r="G33313" s="1" t="s">
        <v>115899</v>
      </c>
      <c r="H33313" s="1" t="s">
        <v>115900</v>
      </c>
      <c r="I33313" s="1" t="s">
        <v>115226</v>
      </c>
      <c r="J33313" s="1" t="s">
        <v>115945</v>
      </c>
    </row>
    <row r="33314" spans="1:10" x14ac:dyDescent="0.35">
      <c r="A33314" s="1" t="s">
        <v>44856</v>
      </c>
      <c r="B33314" s="1" t="s">
        <v>115221</v>
      </c>
      <c r="C33314" s="1" t="s">
        <v>85</v>
      </c>
      <c r="D33314" s="1" t="s">
        <v>28232</v>
      </c>
      <c r="E33314" s="1" t="s">
        <v>115946</v>
      </c>
      <c r="F33314" s="1" t="s">
        <v>115947</v>
      </c>
      <c r="G33314" s="1" t="s">
        <v>115899</v>
      </c>
      <c r="H33314" s="1" t="s">
        <v>115900</v>
      </c>
      <c r="I33314" s="1" t="s">
        <v>115226</v>
      </c>
      <c r="J33314" s="1" t="s">
        <v>115948</v>
      </c>
    </row>
    <row r="33315" spans="1:10" x14ac:dyDescent="0.35">
      <c r="A33315" s="1" t="s">
        <v>44856</v>
      </c>
      <c r="B33315" s="1" t="s">
        <v>115221</v>
      </c>
      <c r="C33315" s="1" t="s">
        <v>90</v>
      </c>
      <c r="D33315" s="1" t="s">
        <v>48213</v>
      </c>
      <c r="E33315" s="1" t="s">
        <v>115949</v>
      </c>
      <c r="F33315" s="1" t="s">
        <v>115950</v>
      </c>
      <c r="G33315" s="1" t="s">
        <v>115899</v>
      </c>
      <c r="H33315" s="1" t="s">
        <v>115900</v>
      </c>
      <c r="I33315" s="1" t="s">
        <v>115226</v>
      </c>
      <c r="J33315" s="1" t="s">
        <v>115951</v>
      </c>
    </row>
    <row r="33316" spans="1:10" x14ac:dyDescent="0.35">
      <c r="A33316" s="1" t="s">
        <v>44856</v>
      </c>
      <c r="B33316" s="1" t="s">
        <v>115221</v>
      </c>
      <c r="C33316" s="1" t="s">
        <v>95</v>
      </c>
      <c r="D33316" s="1" t="s">
        <v>115952</v>
      </c>
      <c r="E33316" s="1" t="s">
        <v>115953</v>
      </c>
      <c r="F33316" s="1" t="s">
        <v>115954</v>
      </c>
      <c r="G33316" s="1" t="s">
        <v>115899</v>
      </c>
      <c r="H33316" s="1" t="s">
        <v>115900</v>
      </c>
      <c r="I33316" s="1" t="s">
        <v>115226</v>
      </c>
      <c r="J33316" s="1" t="s">
        <v>115955</v>
      </c>
    </row>
    <row r="33317" spans="1:10" x14ac:dyDescent="0.35">
      <c r="A33317" s="1" t="s">
        <v>44856</v>
      </c>
      <c r="B33317" s="1" t="s">
        <v>115221</v>
      </c>
      <c r="C33317" s="1" t="s">
        <v>100</v>
      </c>
      <c r="D33317" s="1" t="s">
        <v>115956</v>
      </c>
      <c r="E33317" s="1" t="s">
        <v>115957</v>
      </c>
      <c r="F33317" s="1" t="s">
        <v>115958</v>
      </c>
      <c r="G33317" s="1" t="s">
        <v>115899</v>
      </c>
      <c r="H33317" s="1" t="s">
        <v>115900</v>
      </c>
      <c r="I33317" s="1" t="s">
        <v>115226</v>
      </c>
      <c r="J33317" s="1" t="s">
        <v>115959</v>
      </c>
    </row>
    <row r="33318" spans="1:10" x14ac:dyDescent="0.35">
      <c r="A33318" s="1" t="s">
        <v>44856</v>
      </c>
      <c r="B33318" s="1" t="s">
        <v>115221</v>
      </c>
      <c r="C33318" s="1" t="s">
        <v>105</v>
      </c>
      <c r="D33318" s="1" t="s">
        <v>115960</v>
      </c>
      <c r="E33318" s="1" t="s">
        <v>115961</v>
      </c>
      <c r="F33318" s="1" t="s">
        <v>115962</v>
      </c>
      <c r="G33318" s="1" t="s">
        <v>115899</v>
      </c>
      <c r="H33318" s="1" t="s">
        <v>115900</v>
      </c>
      <c r="I33318" s="1" t="s">
        <v>115226</v>
      </c>
      <c r="J33318" s="1" t="s">
        <v>115963</v>
      </c>
    </row>
    <row r="33319" spans="1:10" x14ac:dyDescent="0.35">
      <c r="A33319" s="1" t="s">
        <v>44856</v>
      </c>
      <c r="B33319" s="1" t="s">
        <v>115221</v>
      </c>
      <c r="C33319" s="1" t="s">
        <v>110</v>
      </c>
      <c r="D33319" s="1" t="s">
        <v>15787</v>
      </c>
      <c r="E33319" s="1" t="s">
        <v>115964</v>
      </c>
      <c r="F33319" s="1" t="s">
        <v>115965</v>
      </c>
      <c r="G33319" s="1" t="s">
        <v>115899</v>
      </c>
      <c r="H33319" s="1" t="s">
        <v>115900</v>
      </c>
      <c r="I33319" s="1" t="s">
        <v>115226</v>
      </c>
      <c r="J33319" s="1" t="s">
        <v>115966</v>
      </c>
    </row>
    <row r="33320" spans="1:10" x14ac:dyDescent="0.35">
      <c r="A33320" s="1" t="s">
        <v>44856</v>
      </c>
      <c r="B33320" s="1" t="s">
        <v>115221</v>
      </c>
      <c r="C33320" s="1" t="s">
        <v>115</v>
      </c>
      <c r="D33320" s="1" t="s">
        <v>115967</v>
      </c>
      <c r="E33320" s="1" t="s">
        <v>115968</v>
      </c>
      <c r="F33320" s="1" t="s">
        <v>115969</v>
      </c>
      <c r="G33320" s="1" t="s">
        <v>115899</v>
      </c>
      <c r="H33320" s="1" t="s">
        <v>115900</v>
      </c>
      <c r="I33320" s="1" t="s">
        <v>115226</v>
      </c>
      <c r="J33320" s="1" t="s">
        <v>115970</v>
      </c>
    </row>
    <row r="33321" spans="1:10" x14ac:dyDescent="0.35">
      <c r="A33321" s="1" t="s">
        <v>44856</v>
      </c>
      <c r="B33321" s="1" t="s">
        <v>115221</v>
      </c>
      <c r="C33321" s="1" t="s">
        <v>120</v>
      </c>
      <c r="D33321" s="1" t="s">
        <v>104790</v>
      </c>
      <c r="E33321" s="1" t="s">
        <v>115971</v>
      </c>
      <c r="F33321" s="1" t="s">
        <v>115972</v>
      </c>
      <c r="G33321" s="1" t="s">
        <v>115899</v>
      </c>
      <c r="H33321" s="1" t="s">
        <v>115900</v>
      </c>
      <c r="I33321" s="1" t="s">
        <v>115226</v>
      </c>
      <c r="J33321" s="1" t="s">
        <v>115973</v>
      </c>
    </row>
    <row r="33322" spans="1:10" x14ac:dyDescent="0.35">
      <c r="A33322" s="1" t="s">
        <v>44856</v>
      </c>
      <c r="B33322" s="1" t="s">
        <v>115221</v>
      </c>
      <c r="C33322" s="1" t="s">
        <v>125</v>
      </c>
      <c r="D33322" s="1" t="s">
        <v>47736</v>
      </c>
      <c r="E33322" s="1" t="s">
        <v>115974</v>
      </c>
      <c r="F33322" s="1" t="s">
        <v>115975</v>
      </c>
      <c r="G33322" s="1" t="s">
        <v>115899</v>
      </c>
      <c r="H33322" s="1" t="s">
        <v>115900</v>
      </c>
      <c r="I33322" s="1" t="s">
        <v>115226</v>
      </c>
      <c r="J33322" s="1" t="s">
        <v>115976</v>
      </c>
    </row>
    <row r="33323" spans="1:10" x14ac:dyDescent="0.35">
      <c r="A33323" s="1" t="s">
        <v>44856</v>
      </c>
      <c r="B33323" s="1" t="s">
        <v>115221</v>
      </c>
      <c r="C33323" s="1" t="s">
        <v>130</v>
      </c>
      <c r="D33323" s="1" t="s">
        <v>115977</v>
      </c>
      <c r="E33323" s="1" t="s">
        <v>115978</v>
      </c>
      <c r="F33323" s="1" t="s">
        <v>115979</v>
      </c>
      <c r="G33323" s="1" t="s">
        <v>115899</v>
      </c>
      <c r="H33323" s="1" t="s">
        <v>115900</v>
      </c>
      <c r="I33323" s="1" t="s">
        <v>115226</v>
      </c>
      <c r="J33323" s="1" t="s">
        <v>115980</v>
      </c>
    </row>
    <row r="33324" spans="1:10" x14ac:dyDescent="0.35">
      <c r="A33324" s="1" t="s">
        <v>44856</v>
      </c>
      <c r="B33324" s="1" t="s">
        <v>115221</v>
      </c>
      <c r="C33324" s="1" t="s">
        <v>135</v>
      </c>
      <c r="D33324" s="1" t="s">
        <v>115981</v>
      </c>
      <c r="E33324" s="1" t="s">
        <v>115982</v>
      </c>
      <c r="F33324" s="1" t="s">
        <v>115983</v>
      </c>
      <c r="G33324" s="1" t="s">
        <v>115899</v>
      </c>
      <c r="H33324" s="1" t="s">
        <v>115900</v>
      </c>
      <c r="I33324" s="1" t="s">
        <v>115226</v>
      </c>
      <c r="J33324" s="1" t="s">
        <v>115984</v>
      </c>
    </row>
    <row r="33325" spans="1:10" x14ac:dyDescent="0.35">
      <c r="A33325" s="1" t="s">
        <v>44856</v>
      </c>
      <c r="B33325" s="1" t="s">
        <v>115221</v>
      </c>
      <c r="C33325" s="1" t="s">
        <v>140</v>
      </c>
      <c r="D33325" s="1" t="s">
        <v>115985</v>
      </c>
      <c r="E33325" s="1" t="s">
        <v>115986</v>
      </c>
      <c r="F33325" s="1" t="s">
        <v>115987</v>
      </c>
      <c r="G33325" s="1" t="s">
        <v>115899</v>
      </c>
      <c r="H33325" s="1" t="s">
        <v>115900</v>
      </c>
      <c r="I33325" s="1" t="s">
        <v>115226</v>
      </c>
      <c r="J33325" s="1" t="s">
        <v>115988</v>
      </c>
    </row>
    <row r="33326" spans="1:10" x14ac:dyDescent="0.35">
      <c r="A33326" s="1" t="s">
        <v>44856</v>
      </c>
      <c r="B33326" s="1" t="s">
        <v>115221</v>
      </c>
      <c r="C33326" s="1" t="s">
        <v>145</v>
      </c>
      <c r="D33326" s="1" t="s">
        <v>11844</v>
      </c>
      <c r="E33326" s="1" t="s">
        <v>115989</v>
      </c>
      <c r="F33326" s="1" t="s">
        <v>115990</v>
      </c>
      <c r="G33326" s="1" t="s">
        <v>115899</v>
      </c>
      <c r="H33326" s="1" t="s">
        <v>115900</v>
      </c>
      <c r="I33326" s="1" t="s">
        <v>115226</v>
      </c>
      <c r="J33326" s="1" t="s">
        <v>115991</v>
      </c>
    </row>
    <row r="33327" spans="1:10" x14ac:dyDescent="0.35">
      <c r="A33327" s="1" t="s">
        <v>44856</v>
      </c>
      <c r="B33327" s="1" t="s">
        <v>115221</v>
      </c>
      <c r="C33327" s="1" t="s">
        <v>150</v>
      </c>
      <c r="D33327" s="1" t="s">
        <v>115992</v>
      </c>
      <c r="E33327" s="1" t="s">
        <v>115993</v>
      </c>
      <c r="F33327" s="1" t="s">
        <v>115994</v>
      </c>
      <c r="G33327" s="1" t="s">
        <v>115899</v>
      </c>
      <c r="H33327" s="1" t="s">
        <v>115900</v>
      </c>
      <c r="I33327" s="1" t="s">
        <v>115226</v>
      </c>
      <c r="J33327" s="1" t="s">
        <v>115995</v>
      </c>
    </row>
    <row r="33328" spans="1:10" x14ac:dyDescent="0.35">
      <c r="A33328" s="1" t="s">
        <v>44856</v>
      </c>
      <c r="B33328" s="1" t="s">
        <v>115221</v>
      </c>
      <c r="C33328" s="1" t="s">
        <v>155</v>
      </c>
      <c r="D33328" s="1" t="s">
        <v>114619</v>
      </c>
      <c r="E33328" s="1" t="s">
        <v>115996</v>
      </c>
      <c r="F33328" s="1" t="s">
        <v>115997</v>
      </c>
      <c r="G33328" s="1" t="s">
        <v>115899</v>
      </c>
      <c r="H33328" s="1" t="s">
        <v>115900</v>
      </c>
      <c r="I33328" s="1" t="s">
        <v>115226</v>
      </c>
      <c r="J33328" s="1" t="s">
        <v>115998</v>
      </c>
    </row>
    <row r="33329" spans="1:10" x14ac:dyDescent="0.35">
      <c r="A33329" s="1" t="s">
        <v>44856</v>
      </c>
      <c r="B33329" s="1" t="s">
        <v>115221</v>
      </c>
      <c r="C33329" s="1" t="s">
        <v>160</v>
      </c>
      <c r="D33329" s="1" t="s">
        <v>18962</v>
      </c>
      <c r="E33329" s="1" t="s">
        <v>115999</v>
      </c>
      <c r="F33329" s="1" t="s">
        <v>116000</v>
      </c>
      <c r="G33329" s="1" t="s">
        <v>115899</v>
      </c>
      <c r="H33329" s="1" t="s">
        <v>115900</v>
      </c>
      <c r="I33329" s="1" t="s">
        <v>115226</v>
      </c>
      <c r="J33329" s="1" t="s">
        <v>116001</v>
      </c>
    </row>
    <row r="33330" spans="1:10" x14ac:dyDescent="0.35">
      <c r="A33330" s="1" t="s">
        <v>44856</v>
      </c>
      <c r="B33330" s="1" t="s">
        <v>115221</v>
      </c>
      <c r="C33330" s="1" t="s">
        <v>165</v>
      </c>
      <c r="D33330" s="1" t="s">
        <v>116002</v>
      </c>
      <c r="E33330" s="1" t="s">
        <v>116003</v>
      </c>
      <c r="F33330" s="1" t="s">
        <v>116004</v>
      </c>
      <c r="G33330" s="1" t="s">
        <v>115899</v>
      </c>
      <c r="H33330" s="1" t="s">
        <v>115900</v>
      </c>
      <c r="I33330" s="1" t="s">
        <v>115226</v>
      </c>
      <c r="J33330" s="1" t="s">
        <v>116005</v>
      </c>
    </row>
    <row r="33331" spans="1:10" x14ac:dyDescent="0.35">
      <c r="A33331" s="1" t="s">
        <v>44856</v>
      </c>
      <c r="B33331" s="1" t="s">
        <v>115221</v>
      </c>
      <c r="C33331" s="1" t="s">
        <v>170</v>
      </c>
      <c r="D33331" s="1" t="s">
        <v>18891</v>
      </c>
      <c r="E33331" s="1" t="s">
        <v>116006</v>
      </c>
      <c r="F33331" s="1" t="s">
        <v>116007</v>
      </c>
      <c r="G33331" s="1" t="s">
        <v>115899</v>
      </c>
      <c r="H33331" s="1" t="s">
        <v>115900</v>
      </c>
      <c r="I33331" s="1" t="s">
        <v>115226</v>
      </c>
      <c r="J33331" s="1" t="s">
        <v>116008</v>
      </c>
    </row>
    <row r="33332" spans="1:10" x14ac:dyDescent="0.35">
      <c r="A33332" s="1" t="s">
        <v>8491</v>
      </c>
      <c r="B33332" s="1" t="s">
        <v>115221</v>
      </c>
      <c r="C33332" s="1" t="s">
        <v>8</v>
      </c>
      <c r="D33332" s="1" t="s">
        <v>44390</v>
      </c>
      <c r="E33332" s="1" t="s">
        <v>116009</v>
      </c>
      <c r="F33332" s="1" t="s">
        <v>116010</v>
      </c>
      <c r="G33332" s="1" t="s">
        <v>116011</v>
      </c>
      <c r="H33332" s="1" t="s">
        <v>116012</v>
      </c>
      <c r="I33332" s="1" t="s">
        <v>115226</v>
      </c>
      <c r="J33332" s="1" t="s">
        <v>13</v>
      </c>
    </row>
    <row r="33333" spans="1:10" x14ac:dyDescent="0.35">
      <c r="A33333" s="1" t="s">
        <v>8491</v>
      </c>
      <c r="B33333" s="1" t="s">
        <v>115221</v>
      </c>
      <c r="C33333" s="1" t="s">
        <v>15</v>
      </c>
      <c r="D33333" s="1" t="s">
        <v>116013</v>
      </c>
      <c r="E33333" s="1" t="s">
        <v>116014</v>
      </c>
      <c r="F33333" s="1" t="s">
        <v>116015</v>
      </c>
      <c r="G33333" s="1" t="s">
        <v>116011</v>
      </c>
      <c r="H33333" s="1" t="s">
        <v>116012</v>
      </c>
      <c r="I33333" s="1" t="s">
        <v>115226</v>
      </c>
      <c r="J33333" s="1" t="s">
        <v>116016</v>
      </c>
    </row>
    <row r="33334" spans="1:10" x14ac:dyDescent="0.35">
      <c r="A33334" s="1" t="s">
        <v>8491</v>
      </c>
      <c r="B33334" s="1" t="s">
        <v>115221</v>
      </c>
      <c r="C33334" s="1" t="s">
        <v>20</v>
      </c>
      <c r="D33334" s="1" t="s">
        <v>44902</v>
      </c>
      <c r="E33334" s="1" t="s">
        <v>116017</v>
      </c>
      <c r="F33334" s="1" t="s">
        <v>116018</v>
      </c>
      <c r="G33334" s="1" t="s">
        <v>116011</v>
      </c>
      <c r="H33334" s="1" t="s">
        <v>116012</v>
      </c>
      <c r="I33334" s="1" t="s">
        <v>115226</v>
      </c>
      <c r="J33334" s="1" t="s">
        <v>116019</v>
      </c>
    </row>
    <row r="33335" spans="1:10" x14ac:dyDescent="0.35">
      <c r="A33335" s="1" t="s">
        <v>8491</v>
      </c>
      <c r="B33335" s="1" t="s">
        <v>115221</v>
      </c>
      <c r="C33335" s="1" t="s">
        <v>25</v>
      </c>
      <c r="D33335" s="1" t="s">
        <v>116020</v>
      </c>
      <c r="E33335" s="1" t="s">
        <v>116021</v>
      </c>
      <c r="F33335" s="1" t="s">
        <v>116022</v>
      </c>
      <c r="G33335" s="1" t="s">
        <v>116011</v>
      </c>
      <c r="H33335" s="1" t="s">
        <v>116012</v>
      </c>
      <c r="I33335" s="1" t="s">
        <v>115226</v>
      </c>
      <c r="J33335" s="1" t="s">
        <v>116023</v>
      </c>
    </row>
    <row r="33336" spans="1:10" x14ac:dyDescent="0.35">
      <c r="A33336" s="1" t="s">
        <v>8491</v>
      </c>
      <c r="B33336" s="1" t="s">
        <v>115221</v>
      </c>
      <c r="C33336" s="1" t="s">
        <v>30</v>
      </c>
      <c r="D33336" s="1" t="s">
        <v>27526</v>
      </c>
      <c r="E33336" s="1" t="s">
        <v>116024</v>
      </c>
      <c r="F33336" s="1" t="s">
        <v>116025</v>
      </c>
      <c r="G33336" s="1" t="s">
        <v>116011</v>
      </c>
      <c r="H33336" s="1" t="s">
        <v>116012</v>
      </c>
      <c r="I33336" s="1" t="s">
        <v>115226</v>
      </c>
      <c r="J33336" s="1" t="s">
        <v>116026</v>
      </c>
    </row>
    <row r="33337" spans="1:10" x14ac:dyDescent="0.35">
      <c r="A33337" s="1" t="s">
        <v>8491</v>
      </c>
      <c r="B33337" s="1" t="s">
        <v>115221</v>
      </c>
      <c r="C33337" s="1" t="s">
        <v>35</v>
      </c>
      <c r="D33337" s="1" t="s">
        <v>28235</v>
      </c>
      <c r="E33337" s="1" t="s">
        <v>116027</v>
      </c>
      <c r="F33337" s="1" t="s">
        <v>116028</v>
      </c>
      <c r="G33337" s="1" t="s">
        <v>116011</v>
      </c>
      <c r="H33337" s="1" t="s">
        <v>116012</v>
      </c>
      <c r="I33337" s="1" t="s">
        <v>115226</v>
      </c>
      <c r="J33337" s="1" t="s">
        <v>116029</v>
      </c>
    </row>
    <row r="33338" spans="1:10" x14ac:dyDescent="0.35">
      <c r="A33338" s="1" t="s">
        <v>8491</v>
      </c>
      <c r="B33338" s="1" t="s">
        <v>115221</v>
      </c>
      <c r="C33338" s="1" t="s">
        <v>40</v>
      </c>
      <c r="D33338" s="1" t="s">
        <v>116030</v>
      </c>
      <c r="E33338" s="1" t="s">
        <v>116031</v>
      </c>
      <c r="F33338" s="1" t="s">
        <v>116032</v>
      </c>
      <c r="G33338" s="1" t="s">
        <v>116011</v>
      </c>
      <c r="H33338" s="1" t="s">
        <v>116012</v>
      </c>
      <c r="I33338" s="1" t="s">
        <v>115226</v>
      </c>
      <c r="J33338" s="1" t="s">
        <v>116033</v>
      </c>
    </row>
    <row r="33339" spans="1:10" x14ac:dyDescent="0.35">
      <c r="A33339" s="1" t="s">
        <v>8491</v>
      </c>
      <c r="B33339" s="1" t="s">
        <v>115221</v>
      </c>
      <c r="C33339" s="1" t="s">
        <v>45</v>
      </c>
      <c r="D33339" s="1" t="s">
        <v>116034</v>
      </c>
      <c r="E33339" s="1" t="s">
        <v>116035</v>
      </c>
      <c r="F33339" s="1" t="s">
        <v>116036</v>
      </c>
      <c r="G33339" s="1" t="s">
        <v>116011</v>
      </c>
      <c r="H33339" s="1" t="s">
        <v>116012</v>
      </c>
      <c r="I33339" s="1" t="s">
        <v>115226</v>
      </c>
      <c r="J33339" s="1" t="s">
        <v>116037</v>
      </c>
    </row>
    <row r="33340" spans="1:10" x14ac:dyDescent="0.35">
      <c r="A33340" s="1" t="s">
        <v>8491</v>
      </c>
      <c r="B33340" s="1" t="s">
        <v>115221</v>
      </c>
      <c r="C33340" s="1" t="s">
        <v>50</v>
      </c>
      <c r="D33340" s="1" t="s">
        <v>48290</v>
      </c>
      <c r="E33340" s="1" t="s">
        <v>116038</v>
      </c>
      <c r="F33340" s="1" t="s">
        <v>116039</v>
      </c>
      <c r="G33340" s="1" t="s">
        <v>116011</v>
      </c>
      <c r="H33340" s="1" t="s">
        <v>116012</v>
      </c>
      <c r="I33340" s="1" t="s">
        <v>115226</v>
      </c>
      <c r="J33340" s="1" t="s">
        <v>116040</v>
      </c>
    </row>
    <row r="33341" spans="1:10" x14ac:dyDescent="0.35">
      <c r="A33341" s="1" t="s">
        <v>8491</v>
      </c>
      <c r="B33341" s="1" t="s">
        <v>115221</v>
      </c>
      <c r="C33341" s="1" t="s">
        <v>55</v>
      </c>
      <c r="D33341" s="1" t="s">
        <v>116041</v>
      </c>
      <c r="E33341" s="1" t="s">
        <v>116042</v>
      </c>
      <c r="F33341" s="1" t="s">
        <v>116043</v>
      </c>
      <c r="G33341" s="1" t="s">
        <v>116011</v>
      </c>
      <c r="H33341" s="1" t="s">
        <v>116012</v>
      </c>
      <c r="I33341" s="1" t="s">
        <v>115226</v>
      </c>
      <c r="J33341" s="1" t="s">
        <v>116044</v>
      </c>
    </row>
    <row r="33342" spans="1:10" x14ac:dyDescent="0.35">
      <c r="A33342" s="1" t="s">
        <v>8491</v>
      </c>
      <c r="B33342" s="1" t="s">
        <v>115221</v>
      </c>
      <c r="C33342" s="1" t="s">
        <v>60</v>
      </c>
      <c r="D33342" s="1" t="s">
        <v>214</v>
      </c>
      <c r="E33342" s="1" t="s">
        <v>116045</v>
      </c>
      <c r="F33342" s="1" t="s">
        <v>116046</v>
      </c>
      <c r="G33342" s="1" t="s">
        <v>116011</v>
      </c>
      <c r="H33342" s="1" t="s">
        <v>116012</v>
      </c>
      <c r="I33342" s="1" t="s">
        <v>115226</v>
      </c>
      <c r="J33342" s="1" t="s">
        <v>116047</v>
      </c>
    </row>
    <row r="33343" spans="1:10" x14ac:dyDescent="0.35">
      <c r="A33343" s="1" t="s">
        <v>8491</v>
      </c>
      <c r="B33343" s="1" t="s">
        <v>115221</v>
      </c>
      <c r="C33343" s="1" t="s">
        <v>65</v>
      </c>
      <c r="D33343" s="1" t="s">
        <v>50166</v>
      </c>
      <c r="E33343" s="1" t="s">
        <v>116048</v>
      </c>
      <c r="F33343" s="1" t="s">
        <v>116049</v>
      </c>
      <c r="G33343" s="1" t="s">
        <v>116011</v>
      </c>
      <c r="H33343" s="1" t="s">
        <v>116012</v>
      </c>
      <c r="I33343" s="1" t="s">
        <v>115226</v>
      </c>
      <c r="J33343" s="1" t="s">
        <v>116050</v>
      </c>
    </row>
    <row r="33344" spans="1:10" x14ac:dyDescent="0.35">
      <c r="A33344" s="1" t="s">
        <v>8491</v>
      </c>
      <c r="B33344" s="1" t="s">
        <v>115221</v>
      </c>
      <c r="C33344" s="1" t="s">
        <v>70</v>
      </c>
      <c r="D33344" s="1" t="s">
        <v>360</v>
      </c>
      <c r="E33344" s="1" t="s">
        <v>116051</v>
      </c>
      <c r="F33344" s="1" t="s">
        <v>116052</v>
      </c>
      <c r="G33344" s="1" t="s">
        <v>116011</v>
      </c>
      <c r="H33344" s="1" t="s">
        <v>116012</v>
      </c>
      <c r="I33344" s="1" t="s">
        <v>115226</v>
      </c>
      <c r="J33344" s="1" t="s">
        <v>116053</v>
      </c>
    </row>
    <row r="33345" spans="1:10" x14ac:dyDescent="0.35">
      <c r="A33345" s="1" t="s">
        <v>8491</v>
      </c>
      <c r="B33345" s="1" t="s">
        <v>115221</v>
      </c>
      <c r="C33345" s="1" t="s">
        <v>75</v>
      </c>
      <c r="D33345" s="1" t="s">
        <v>116054</v>
      </c>
      <c r="E33345" s="1" t="s">
        <v>116055</v>
      </c>
      <c r="F33345" s="1" t="s">
        <v>116056</v>
      </c>
      <c r="G33345" s="1" t="s">
        <v>116011</v>
      </c>
      <c r="H33345" s="1" t="s">
        <v>116012</v>
      </c>
      <c r="I33345" s="1" t="s">
        <v>115226</v>
      </c>
      <c r="J33345" s="1" t="s">
        <v>116057</v>
      </c>
    </row>
    <row r="33346" spans="1:10" x14ac:dyDescent="0.35">
      <c r="A33346" s="1" t="s">
        <v>8491</v>
      </c>
      <c r="B33346" s="1" t="s">
        <v>115221</v>
      </c>
      <c r="C33346" s="1" t="s">
        <v>80</v>
      </c>
      <c r="D33346" s="1" t="s">
        <v>116058</v>
      </c>
      <c r="E33346" s="1" t="s">
        <v>116059</v>
      </c>
      <c r="F33346" s="1" t="s">
        <v>116060</v>
      </c>
      <c r="G33346" s="1" t="s">
        <v>116011</v>
      </c>
      <c r="H33346" s="1" t="s">
        <v>116012</v>
      </c>
      <c r="I33346" s="1" t="s">
        <v>115226</v>
      </c>
      <c r="J33346" s="1" t="s">
        <v>116061</v>
      </c>
    </row>
    <row r="33347" spans="1:10" x14ac:dyDescent="0.35">
      <c r="A33347" s="1" t="s">
        <v>8491</v>
      </c>
      <c r="B33347" s="1" t="s">
        <v>115221</v>
      </c>
      <c r="C33347" s="1" t="s">
        <v>85</v>
      </c>
      <c r="D33347" s="1" t="s">
        <v>34690</v>
      </c>
      <c r="E33347" s="1" t="s">
        <v>116062</v>
      </c>
      <c r="F33347" s="1" t="s">
        <v>116063</v>
      </c>
      <c r="G33347" s="1" t="s">
        <v>116011</v>
      </c>
      <c r="H33347" s="1" t="s">
        <v>116012</v>
      </c>
      <c r="I33347" s="1" t="s">
        <v>115226</v>
      </c>
      <c r="J33347" s="1" t="s">
        <v>116064</v>
      </c>
    </row>
    <row r="33348" spans="1:10" x14ac:dyDescent="0.35">
      <c r="A33348" s="1" t="s">
        <v>8491</v>
      </c>
      <c r="B33348" s="1" t="s">
        <v>115221</v>
      </c>
      <c r="C33348" s="1" t="s">
        <v>90</v>
      </c>
      <c r="D33348" s="1" t="s">
        <v>116065</v>
      </c>
      <c r="E33348" s="1" t="s">
        <v>116066</v>
      </c>
      <c r="F33348" s="1" t="s">
        <v>116067</v>
      </c>
      <c r="G33348" s="1" t="s">
        <v>116011</v>
      </c>
      <c r="H33348" s="1" t="s">
        <v>116012</v>
      </c>
      <c r="I33348" s="1" t="s">
        <v>115226</v>
      </c>
      <c r="J33348" s="1" t="s">
        <v>116068</v>
      </c>
    </row>
    <row r="33349" spans="1:10" x14ac:dyDescent="0.35">
      <c r="A33349" s="1" t="s">
        <v>8491</v>
      </c>
      <c r="B33349" s="1" t="s">
        <v>115221</v>
      </c>
      <c r="C33349" s="1" t="s">
        <v>95</v>
      </c>
      <c r="D33349" s="1" t="s">
        <v>49098</v>
      </c>
      <c r="E33349" s="1" t="s">
        <v>116069</v>
      </c>
      <c r="F33349" s="1" t="s">
        <v>116070</v>
      </c>
      <c r="G33349" s="1" t="s">
        <v>116011</v>
      </c>
      <c r="H33349" s="1" t="s">
        <v>116012</v>
      </c>
      <c r="I33349" s="1" t="s">
        <v>115226</v>
      </c>
      <c r="J33349" s="1" t="s">
        <v>116071</v>
      </c>
    </row>
    <row r="33350" spans="1:10" x14ac:dyDescent="0.35">
      <c r="A33350" s="1" t="s">
        <v>8491</v>
      </c>
      <c r="B33350" s="1" t="s">
        <v>115221</v>
      </c>
      <c r="C33350" s="1" t="s">
        <v>100</v>
      </c>
      <c r="D33350" s="1" t="s">
        <v>7112</v>
      </c>
      <c r="E33350" s="1" t="s">
        <v>116072</v>
      </c>
      <c r="F33350" s="1" t="s">
        <v>116073</v>
      </c>
      <c r="G33350" s="1" t="s">
        <v>116011</v>
      </c>
      <c r="H33350" s="1" t="s">
        <v>116012</v>
      </c>
      <c r="I33350" s="1" t="s">
        <v>115226</v>
      </c>
      <c r="J33350" s="1" t="s">
        <v>116074</v>
      </c>
    </row>
    <row r="33351" spans="1:10" x14ac:dyDescent="0.35">
      <c r="A33351" s="1" t="s">
        <v>8491</v>
      </c>
      <c r="B33351" s="1" t="s">
        <v>115221</v>
      </c>
      <c r="C33351" s="1" t="s">
        <v>105</v>
      </c>
      <c r="D33351" s="1" t="s">
        <v>33937</v>
      </c>
      <c r="E33351" s="1" t="s">
        <v>116075</v>
      </c>
      <c r="F33351" s="1" t="s">
        <v>116076</v>
      </c>
      <c r="G33351" s="1" t="s">
        <v>116011</v>
      </c>
      <c r="H33351" s="1" t="s">
        <v>116012</v>
      </c>
      <c r="I33351" s="1" t="s">
        <v>115226</v>
      </c>
      <c r="J33351" s="1" t="s">
        <v>116077</v>
      </c>
    </row>
    <row r="33352" spans="1:10" x14ac:dyDescent="0.35">
      <c r="A33352" s="1" t="s">
        <v>8491</v>
      </c>
      <c r="B33352" s="1" t="s">
        <v>115221</v>
      </c>
      <c r="C33352" s="1" t="s">
        <v>110</v>
      </c>
      <c r="D33352" s="1" t="s">
        <v>115319</v>
      </c>
      <c r="E33352" s="1" t="s">
        <v>116078</v>
      </c>
      <c r="F33352" s="1" t="s">
        <v>116079</v>
      </c>
      <c r="G33352" s="1" t="s">
        <v>116011</v>
      </c>
      <c r="H33352" s="1" t="s">
        <v>116012</v>
      </c>
      <c r="I33352" s="1" t="s">
        <v>115226</v>
      </c>
      <c r="J33352" s="1" t="s">
        <v>116080</v>
      </c>
    </row>
    <row r="33353" spans="1:10" x14ac:dyDescent="0.35">
      <c r="A33353" s="1" t="s">
        <v>8491</v>
      </c>
      <c r="B33353" s="1" t="s">
        <v>115221</v>
      </c>
      <c r="C33353" s="1" t="s">
        <v>115</v>
      </c>
      <c r="D33353" s="1" t="s">
        <v>116081</v>
      </c>
      <c r="E33353" s="1" t="s">
        <v>116082</v>
      </c>
      <c r="F33353" s="1" t="s">
        <v>116083</v>
      </c>
      <c r="G33353" s="1" t="s">
        <v>116011</v>
      </c>
      <c r="H33353" s="1" t="s">
        <v>116012</v>
      </c>
      <c r="I33353" s="1" t="s">
        <v>115226</v>
      </c>
      <c r="J33353" s="1" t="s">
        <v>116084</v>
      </c>
    </row>
    <row r="33354" spans="1:10" x14ac:dyDescent="0.35">
      <c r="A33354" s="1" t="s">
        <v>8491</v>
      </c>
      <c r="B33354" s="1" t="s">
        <v>115221</v>
      </c>
      <c r="C33354" s="1" t="s">
        <v>120</v>
      </c>
      <c r="D33354" s="1" t="s">
        <v>9678</v>
      </c>
      <c r="E33354" s="1" t="s">
        <v>116085</v>
      </c>
      <c r="F33354" s="1" t="s">
        <v>116086</v>
      </c>
      <c r="G33354" s="1" t="s">
        <v>116011</v>
      </c>
      <c r="H33354" s="1" t="s">
        <v>116012</v>
      </c>
      <c r="I33354" s="1" t="s">
        <v>115226</v>
      </c>
      <c r="J33354" s="1" t="s">
        <v>116087</v>
      </c>
    </row>
    <row r="33355" spans="1:10" x14ac:dyDescent="0.35">
      <c r="A33355" s="1" t="s">
        <v>8491</v>
      </c>
      <c r="B33355" s="1" t="s">
        <v>115221</v>
      </c>
      <c r="C33355" s="1" t="s">
        <v>125</v>
      </c>
      <c r="D33355" s="1" t="s">
        <v>115886</v>
      </c>
      <c r="E33355" s="1" t="s">
        <v>116088</v>
      </c>
      <c r="F33355" s="1" t="s">
        <v>116089</v>
      </c>
      <c r="G33355" s="1" t="s">
        <v>116011</v>
      </c>
      <c r="H33355" s="1" t="s">
        <v>116012</v>
      </c>
      <c r="I33355" s="1" t="s">
        <v>115226</v>
      </c>
      <c r="J33355" s="1" t="s">
        <v>116090</v>
      </c>
    </row>
    <row r="33356" spans="1:10" x14ac:dyDescent="0.35">
      <c r="A33356" s="1" t="s">
        <v>8491</v>
      </c>
      <c r="B33356" s="1" t="s">
        <v>115221</v>
      </c>
      <c r="C33356" s="1" t="s">
        <v>130</v>
      </c>
      <c r="D33356" s="1" t="s">
        <v>116091</v>
      </c>
      <c r="E33356" s="1" t="s">
        <v>116092</v>
      </c>
      <c r="F33356" s="1" t="s">
        <v>116093</v>
      </c>
      <c r="G33356" s="1" t="s">
        <v>116011</v>
      </c>
      <c r="H33356" s="1" t="s">
        <v>116012</v>
      </c>
      <c r="I33356" s="1" t="s">
        <v>115226</v>
      </c>
      <c r="J33356" s="1" t="s">
        <v>116094</v>
      </c>
    </row>
    <row r="33357" spans="1:10" x14ac:dyDescent="0.35">
      <c r="A33357" s="1" t="s">
        <v>8491</v>
      </c>
      <c r="B33357" s="1" t="s">
        <v>115221</v>
      </c>
      <c r="C33357" s="1" t="s">
        <v>135</v>
      </c>
      <c r="D33357" s="1" t="s">
        <v>82415</v>
      </c>
      <c r="E33357" s="1" t="s">
        <v>116095</v>
      </c>
      <c r="F33357" s="1" t="s">
        <v>116096</v>
      </c>
      <c r="G33357" s="1" t="s">
        <v>116011</v>
      </c>
      <c r="H33357" s="1" t="s">
        <v>116012</v>
      </c>
      <c r="I33357" s="1" t="s">
        <v>115226</v>
      </c>
      <c r="J33357" s="1" t="s">
        <v>116097</v>
      </c>
    </row>
    <row r="33358" spans="1:10" x14ac:dyDescent="0.35">
      <c r="A33358" s="1" t="s">
        <v>8491</v>
      </c>
      <c r="B33358" s="1" t="s">
        <v>115221</v>
      </c>
      <c r="C33358" s="1" t="s">
        <v>140</v>
      </c>
      <c r="D33358" s="1" t="s">
        <v>116098</v>
      </c>
      <c r="E33358" s="1" t="s">
        <v>116099</v>
      </c>
      <c r="F33358" s="1" t="s">
        <v>116100</v>
      </c>
      <c r="G33358" s="1" t="s">
        <v>116011</v>
      </c>
      <c r="H33358" s="1" t="s">
        <v>116012</v>
      </c>
      <c r="I33358" s="1" t="s">
        <v>115226</v>
      </c>
      <c r="J33358" s="1" t="s">
        <v>116101</v>
      </c>
    </row>
    <row r="33359" spans="1:10" x14ac:dyDescent="0.35">
      <c r="A33359" s="1" t="s">
        <v>8491</v>
      </c>
      <c r="B33359" s="1" t="s">
        <v>115221</v>
      </c>
      <c r="C33359" s="1" t="s">
        <v>145</v>
      </c>
      <c r="D33359" s="1" t="s">
        <v>50220</v>
      </c>
      <c r="E33359" s="1" t="s">
        <v>116102</v>
      </c>
      <c r="F33359" s="1" t="s">
        <v>116103</v>
      </c>
      <c r="G33359" s="1" t="s">
        <v>116011</v>
      </c>
      <c r="H33359" s="1" t="s">
        <v>116012</v>
      </c>
      <c r="I33359" s="1" t="s">
        <v>115226</v>
      </c>
      <c r="J33359" s="1" t="s">
        <v>116104</v>
      </c>
    </row>
    <row r="33360" spans="1:10" x14ac:dyDescent="0.35">
      <c r="A33360" s="1" t="s">
        <v>8491</v>
      </c>
      <c r="B33360" s="1" t="s">
        <v>115221</v>
      </c>
      <c r="C33360" s="1" t="s">
        <v>150</v>
      </c>
      <c r="D33360" s="1" t="s">
        <v>116105</v>
      </c>
      <c r="E33360" s="1" t="s">
        <v>116106</v>
      </c>
      <c r="F33360" s="1" t="s">
        <v>116107</v>
      </c>
      <c r="G33360" s="1" t="s">
        <v>116011</v>
      </c>
      <c r="H33360" s="1" t="s">
        <v>116012</v>
      </c>
      <c r="I33360" s="1" t="s">
        <v>115226</v>
      </c>
      <c r="J33360" s="1" t="s">
        <v>116108</v>
      </c>
    </row>
    <row r="33361" spans="1:10" x14ac:dyDescent="0.35">
      <c r="A33361" s="1" t="s">
        <v>8491</v>
      </c>
      <c r="B33361" s="1" t="s">
        <v>115221</v>
      </c>
      <c r="C33361" s="1" t="s">
        <v>155</v>
      </c>
      <c r="D33361" s="1" t="s">
        <v>30593</v>
      </c>
      <c r="E33361" s="1" t="s">
        <v>116109</v>
      </c>
      <c r="F33361" s="1" t="s">
        <v>116110</v>
      </c>
      <c r="G33361" s="1" t="s">
        <v>116011</v>
      </c>
      <c r="H33361" s="1" t="s">
        <v>116012</v>
      </c>
      <c r="I33361" s="1" t="s">
        <v>115226</v>
      </c>
      <c r="J33361" s="1" t="s">
        <v>116111</v>
      </c>
    </row>
    <row r="33362" spans="1:10" x14ac:dyDescent="0.35">
      <c r="A33362" s="1" t="s">
        <v>8491</v>
      </c>
      <c r="B33362" s="1" t="s">
        <v>115221</v>
      </c>
      <c r="C33362" s="1" t="s">
        <v>160</v>
      </c>
      <c r="D33362" s="1" t="s">
        <v>34761</v>
      </c>
      <c r="E33362" s="1" t="s">
        <v>116112</v>
      </c>
      <c r="F33362" s="1" t="s">
        <v>116113</v>
      </c>
      <c r="G33362" s="1" t="s">
        <v>116011</v>
      </c>
      <c r="H33362" s="1" t="s">
        <v>116012</v>
      </c>
      <c r="I33362" s="1" t="s">
        <v>115226</v>
      </c>
      <c r="J33362" s="1" t="s">
        <v>116114</v>
      </c>
    </row>
    <row r="33363" spans="1:10" x14ac:dyDescent="0.35">
      <c r="A33363" s="1" t="s">
        <v>8491</v>
      </c>
      <c r="B33363" s="1" t="s">
        <v>115221</v>
      </c>
      <c r="C33363" s="1" t="s">
        <v>165</v>
      </c>
      <c r="D33363" s="1" t="s">
        <v>83627</v>
      </c>
      <c r="E33363" s="1" t="s">
        <v>116115</v>
      </c>
      <c r="F33363" s="1" t="s">
        <v>116116</v>
      </c>
      <c r="G33363" s="1" t="s">
        <v>116011</v>
      </c>
      <c r="H33363" s="1" t="s">
        <v>116012</v>
      </c>
      <c r="I33363" s="1" t="s">
        <v>115226</v>
      </c>
      <c r="J33363" s="1" t="s">
        <v>116117</v>
      </c>
    </row>
    <row r="33364" spans="1:10" x14ac:dyDescent="0.35">
      <c r="A33364" s="1" t="s">
        <v>8491</v>
      </c>
      <c r="B33364" s="1" t="s">
        <v>115221</v>
      </c>
      <c r="C33364" s="1" t="s">
        <v>170</v>
      </c>
      <c r="D33364" s="1" t="s">
        <v>116118</v>
      </c>
      <c r="E33364" s="1" t="s">
        <v>116119</v>
      </c>
      <c r="F33364" s="1" t="s">
        <v>116120</v>
      </c>
      <c r="G33364" s="1" t="s">
        <v>116011</v>
      </c>
      <c r="H33364" s="1" t="s">
        <v>116012</v>
      </c>
      <c r="I33364" s="1" t="s">
        <v>115226</v>
      </c>
      <c r="J33364" s="1" t="s">
        <v>116121</v>
      </c>
    </row>
    <row r="33365" spans="1:10" x14ac:dyDescent="0.35">
      <c r="A33365" s="1" t="s">
        <v>116122</v>
      </c>
      <c r="B33365" s="1" t="s">
        <v>115221</v>
      </c>
      <c r="C33365" s="1" t="s">
        <v>8</v>
      </c>
      <c r="D33365" s="1" t="s">
        <v>27429</v>
      </c>
      <c r="E33365" s="1" t="s">
        <v>116123</v>
      </c>
      <c r="F33365" s="1" t="s">
        <v>116124</v>
      </c>
      <c r="G33365" s="1" t="s">
        <v>116125</v>
      </c>
      <c r="H33365" s="1" t="s">
        <v>116126</v>
      </c>
      <c r="I33365" s="1" t="s">
        <v>115226</v>
      </c>
      <c r="J33365" s="1" t="s">
        <v>13</v>
      </c>
    </row>
    <row r="33366" spans="1:10" x14ac:dyDescent="0.35">
      <c r="A33366" s="1" t="s">
        <v>116122</v>
      </c>
      <c r="B33366" s="1" t="s">
        <v>115221</v>
      </c>
      <c r="C33366" s="1" t="s">
        <v>15</v>
      </c>
      <c r="D33366" s="1" t="s">
        <v>44769</v>
      </c>
      <c r="E33366" s="1" t="s">
        <v>116127</v>
      </c>
      <c r="F33366" s="1" t="s">
        <v>116128</v>
      </c>
      <c r="G33366" s="1" t="s">
        <v>116125</v>
      </c>
      <c r="H33366" s="1" t="s">
        <v>116126</v>
      </c>
      <c r="I33366" s="1" t="s">
        <v>115226</v>
      </c>
      <c r="J33366" s="1" t="s">
        <v>116129</v>
      </c>
    </row>
    <row r="33367" spans="1:10" x14ac:dyDescent="0.35">
      <c r="A33367" s="1" t="s">
        <v>116122</v>
      </c>
      <c r="B33367" s="1" t="s">
        <v>115221</v>
      </c>
      <c r="C33367" s="1" t="s">
        <v>20</v>
      </c>
      <c r="D33367" s="1" t="s">
        <v>116130</v>
      </c>
      <c r="E33367" s="1" t="s">
        <v>116131</v>
      </c>
      <c r="F33367" s="1" t="s">
        <v>116132</v>
      </c>
      <c r="G33367" s="1" t="s">
        <v>116125</v>
      </c>
      <c r="H33367" s="1" t="s">
        <v>116126</v>
      </c>
      <c r="I33367" s="1" t="s">
        <v>115226</v>
      </c>
      <c r="J33367" s="1" t="s">
        <v>116133</v>
      </c>
    </row>
    <row r="33368" spans="1:10" x14ac:dyDescent="0.35">
      <c r="A33368" s="1" t="s">
        <v>116122</v>
      </c>
      <c r="B33368" s="1" t="s">
        <v>115221</v>
      </c>
      <c r="C33368" s="1" t="s">
        <v>25</v>
      </c>
      <c r="D33368" s="1" t="s">
        <v>116134</v>
      </c>
      <c r="E33368" s="1" t="s">
        <v>116135</v>
      </c>
      <c r="F33368" s="1" t="s">
        <v>116136</v>
      </c>
      <c r="G33368" s="1" t="s">
        <v>116125</v>
      </c>
      <c r="H33368" s="1" t="s">
        <v>116126</v>
      </c>
      <c r="I33368" s="1" t="s">
        <v>115226</v>
      </c>
      <c r="J33368" s="1" t="s">
        <v>116137</v>
      </c>
    </row>
    <row r="33369" spans="1:10" x14ac:dyDescent="0.35">
      <c r="A33369" s="1" t="s">
        <v>116122</v>
      </c>
      <c r="B33369" s="1" t="s">
        <v>115221</v>
      </c>
      <c r="C33369" s="1" t="s">
        <v>30</v>
      </c>
      <c r="D33369" s="1" t="s">
        <v>112374</v>
      </c>
      <c r="E33369" s="1" t="s">
        <v>116138</v>
      </c>
      <c r="F33369" s="1" t="s">
        <v>116139</v>
      </c>
      <c r="G33369" s="1" t="s">
        <v>116125</v>
      </c>
      <c r="H33369" s="1" t="s">
        <v>116126</v>
      </c>
      <c r="I33369" s="1" t="s">
        <v>115226</v>
      </c>
      <c r="J33369" s="1" t="s">
        <v>116140</v>
      </c>
    </row>
    <row r="33370" spans="1:10" x14ac:dyDescent="0.35">
      <c r="A33370" s="1" t="s">
        <v>116122</v>
      </c>
      <c r="B33370" s="1" t="s">
        <v>115221</v>
      </c>
      <c r="C33370" s="1" t="s">
        <v>35</v>
      </c>
      <c r="D33370" s="1" t="s">
        <v>112691</v>
      </c>
      <c r="E33370" s="1" t="s">
        <v>116141</v>
      </c>
      <c r="F33370" s="1" t="s">
        <v>116142</v>
      </c>
      <c r="G33370" s="1" t="s">
        <v>116125</v>
      </c>
      <c r="H33370" s="1" t="s">
        <v>116126</v>
      </c>
      <c r="I33370" s="1" t="s">
        <v>115226</v>
      </c>
      <c r="J33370" s="1" t="s">
        <v>116143</v>
      </c>
    </row>
    <row r="33371" spans="1:10" x14ac:dyDescent="0.35">
      <c r="A33371" s="1" t="s">
        <v>116122</v>
      </c>
      <c r="B33371" s="1" t="s">
        <v>115221</v>
      </c>
      <c r="C33371" s="1" t="s">
        <v>40</v>
      </c>
      <c r="D33371" s="1" t="s">
        <v>116144</v>
      </c>
      <c r="E33371" s="1" t="s">
        <v>116145</v>
      </c>
      <c r="F33371" s="1" t="s">
        <v>116146</v>
      </c>
      <c r="G33371" s="1" t="s">
        <v>116125</v>
      </c>
      <c r="H33371" s="1" t="s">
        <v>116126</v>
      </c>
      <c r="I33371" s="1" t="s">
        <v>115226</v>
      </c>
      <c r="J33371" s="1" t="s">
        <v>116147</v>
      </c>
    </row>
    <row r="33372" spans="1:10" x14ac:dyDescent="0.35">
      <c r="A33372" s="1" t="s">
        <v>116122</v>
      </c>
      <c r="B33372" s="1" t="s">
        <v>115221</v>
      </c>
      <c r="C33372" s="1" t="s">
        <v>45</v>
      </c>
      <c r="D33372" s="1" t="s">
        <v>14068</v>
      </c>
      <c r="E33372" s="1" t="s">
        <v>116148</v>
      </c>
      <c r="F33372" s="1" t="s">
        <v>116149</v>
      </c>
      <c r="G33372" s="1" t="s">
        <v>116125</v>
      </c>
      <c r="H33372" s="1" t="s">
        <v>116126</v>
      </c>
      <c r="I33372" s="1" t="s">
        <v>115226</v>
      </c>
      <c r="J33372" s="1" t="s">
        <v>116150</v>
      </c>
    </row>
    <row r="33373" spans="1:10" x14ac:dyDescent="0.35">
      <c r="A33373" s="1" t="s">
        <v>116122</v>
      </c>
      <c r="B33373" s="1" t="s">
        <v>115221</v>
      </c>
      <c r="C33373" s="1" t="s">
        <v>50</v>
      </c>
      <c r="D33373" s="1" t="s">
        <v>29200</v>
      </c>
      <c r="E33373" s="1" t="s">
        <v>116151</v>
      </c>
      <c r="F33373" s="1" t="s">
        <v>116152</v>
      </c>
      <c r="G33373" s="1" t="s">
        <v>116125</v>
      </c>
      <c r="H33373" s="1" t="s">
        <v>116126</v>
      </c>
      <c r="I33373" s="1" t="s">
        <v>115226</v>
      </c>
      <c r="J33373" s="1" t="s">
        <v>116153</v>
      </c>
    </row>
    <row r="33374" spans="1:10" x14ac:dyDescent="0.35">
      <c r="A33374" s="1" t="s">
        <v>116122</v>
      </c>
      <c r="B33374" s="1" t="s">
        <v>115221</v>
      </c>
      <c r="C33374" s="1" t="s">
        <v>55</v>
      </c>
      <c r="D33374" s="1" t="s">
        <v>116154</v>
      </c>
      <c r="E33374" s="1" t="s">
        <v>116155</v>
      </c>
      <c r="F33374" s="1" t="s">
        <v>116156</v>
      </c>
      <c r="G33374" s="1" t="s">
        <v>116125</v>
      </c>
      <c r="H33374" s="1" t="s">
        <v>116126</v>
      </c>
      <c r="I33374" s="1" t="s">
        <v>115226</v>
      </c>
      <c r="J33374" s="1" t="s">
        <v>116157</v>
      </c>
    </row>
    <row r="33375" spans="1:10" x14ac:dyDescent="0.35">
      <c r="A33375" s="1" t="s">
        <v>116122</v>
      </c>
      <c r="B33375" s="1" t="s">
        <v>115221</v>
      </c>
      <c r="C33375" s="1" t="s">
        <v>60</v>
      </c>
      <c r="D33375" s="1" t="s">
        <v>116158</v>
      </c>
      <c r="E33375" s="1" t="s">
        <v>116159</v>
      </c>
      <c r="F33375" s="1" t="s">
        <v>116160</v>
      </c>
      <c r="G33375" s="1" t="s">
        <v>116125</v>
      </c>
      <c r="H33375" s="1" t="s">
        <v>116126</v>
      </c>
      <c r="I33375" s="1" t="s">
        <v>115226</v>
      </c>
      <c r="J33375" s="1" t="s">
        <v>116161</v>
      </c>
    </row>
    <row r="33376" spans="1:10" x14ac:dyDescent="0.35">
      <c r="A33376" s="1" t="s">
        <v>116122</v>
      </c>
      <c r="B33376" s="1" t="s">
        <v>115221</v>
      </c>
      <c r="C33376" s="1" t="s">
        <v>65</v>
      </c>
      <c r="D33376" s="1" t="s">
        <v>2627</v>
      </c>
      <c r="E33376" s="1" t="s">
        <v>116162</v>
      </c>
      <c r="F33376" s="1" t="s">
        <v>116163</v>
      </c>
      <c r="G33376" s="1" t="s">
        <v>116125</v>
      </c>
      <c r="H33376" s="1" t="s">
        <v>116126</v>
      </c>
      <c r="I33376" s="1" t="s">
        <v>115226</v>
      </c>
      <c r="J33376" s="1" t="s">
        <v>116164</v>
      </c>
    </row>
    <row r="33377" spans="1:10" x14ac:dyDescent="0.35">
      <c r="A33377" s="1" t="s">
        <v>116122</v>
      </c>
      <c r="B33377" s="1" t="s">
        <v>115221</v>
      </c>
      <c r="C33377" s="1" t="s">
        <v>70</v>
      </c>
      <c r="D33377" s="1" t="s">
        <v>44689</v>
      </c>
      <c r="E33377" s="1" t="s">
        <v>116165</v>
      </c>
      <c r="F33377" s="1" t="s">
        <v>116166</v>
      </c>
      <c r="G33377" s="1" t="s">
        <v>116125</v>
      </c>
      <c r="H33377" s="1" t="s">
        <v>116126</v>
      </c>
      <c r="I33377" s="1" t="s">
        <v>115226</v>
      </c>
      <c r="J33377" s="1" t="s">
        <v>116167</v>
      </c>
    </row>
    <row r="33378" spans="1:10" x14ac:dyDescent="0.35">
      <c r="A33378" s="1" t="s">
        <v>116122</v>
      </c>
      <c r="B33378" s="1" t="s">
        <v>115221</v>
      </c>
      <c r="C33378" s="1" t="s">
        <v>75</v>
      </c>
      <c r="D33378" s="1" t="s">
        <v>28570</v>
      </c>
      <c r="E33378" s="1" t="s">
        <v>116168</v>
      </c>
      <c r="F33378" s="1" t="s">
        <v>116169</v>
      </c>
      <c r="G33378" s="1" t="s">
        <v>116125</v>
      </c>
      <c r="H33378" s="1" t="s">
        <v>116126</v>
      </c>
      <c r="I33378" s="1" t="s">
        <v>115226</v>
      </c>
      <c r="J33378" s="1" t="s">
        <v>116170</v>
      </c>
    </row>
    <row r="33379" spans="1:10" x14ac:dyDescent="0.35">
      <c r="A33379" s="1" t="s">
        <v>116122</v>
      </c>
      <c r="B33379" s="1" t="s">
        <v>115221</v>
      </c>
      <c r="C33379" s="1" t="s">
        <v>80</v>
      </c>
      <c r="D33379" s="1" t="s">
        <v>14514</v>
      </c>
      <c r="E33379" s="1" t="s">
        <v>116171</v>
      </c>
      <c r="F33379" s="1" t="s">
        <v>116172</v>
      </c>
      <c r="G33379" s="1" t="s">
        <v>116125</v>
      </c>
      <c r="H33379" s="1" t="s">
        <v>116126</v>
      </c>
      <c r="I33379" s="1" t="s">
        <v>115226</v>
      </c>
      <c r="J33379" s="1" t="s">
        <v>116173</v>
      </c>
    </row>
    <row r="33380" spans="1:10" x14ac:dyDescent="0.35">
      <c r="A33380" s="1" t="s">
        <v>116122</v>
      </c>
      <c r="B33380" s="1" t="s">
        <v>115221</v>
      </c>
      <c r="C33380" s="1" t="s">
        <v>85</v>
      </c>
      <c r="D33380" s="1" t="s">
        <v>11009</v>
      </c>
      <c r="E33380" s="1" t="s">
        <v>116174</v>
      </c>
      <c r="F33380" s="1" t="s">
        <v>116175</v>
      </c>
      <c r="G33380" s="1" t="s">
        <v>116125</v>
      </c>
      <c r="H33380" s="1" t="s">
        <v>116126</v>
      </c>
      <c r="I33380" s="1" t="s">
        <v>115226</v>
      </c>
      <c r="J33380" s="1" t="s">
        <v>116176</v>
      </c>
    </row>
    <row r="33381" spans="1:10" x14ac:dyDescent="0.35">
      <c r="A33381" s="1" t="s">
        <v>116122</v>
      </c>
      <c r="B33381" s="1" t="s">
        <v>115221</v>
      </c>
      <c r="C33381" s="1" t="s">
        <v>90</v>
      </c>
      <c r="D33381" s="1" t="s">
        <v>116177</v>
      </c>
      <c r="E33381" s="1" t="s">
        <v>116178</v>
      </c>
      <c r="F33381" s="1" t="s">
        <v>116179</v>
      </c>
      <c r="G33381" s="1" t="s">
        <v>116125</v>
      </c>
      <c r="H33381" s="1" t="s">
        <v>116126</v>
      </c>
      <c r="I33381" s="1" t="s">
        <v>115226</v>
      </c>
      <c r="J33381" s="1" t="s">
        <v>116180</v>
      </c>
    </row>
    <row r="33382" spans="1:10" x14ac:dyDescent="0.35">
      <c r="A33382" s="1" t="s">
        <v>116122</v>
      </c>
      <c r="B33382" s="1" t="s">
        <v>115221</v>
      </c>
      <c r="C33382" s="1" t="s">
        <v>95</v>
      </c>
      <c r="D33382" s="1" t="s">
        <v>28812</v>
      </c>
      <c r="E33382" s="1" t="s">
        <v>116181</v>
      </c>
      <c r="F33382" s="1" t="s">
        <v>116182</v>
      </c>
      <c r="G33382" s="1" t="s">
        <v>116125</v>
      </c>
      <c r="H33382" s="1" t="s">
        <v>116126</v>
      </c>
      <c r="I33382" s="1" t="s">
        <v>115226</v>
      </c>
      <c r="J33382" s="1" t="s">
        <v>116183</v>
      </c>
    </row>
    <row r="33383" spans="1:10" x14ac:dyDescent="0.35">
      <c r="A33383" s="1" t="s">
        <v>116122</v>
      </c>
      <c r="B33383" s="1" t="s">
        <v>115221</v>
      </c>
      <c r="C33383" s="1" t="s">
        <v>100</v>
      </c>
      <c r="D33383" s="1" t="s">
        <v>116184</v>
      </c>
      <c r="E33383" s="1" t="s">
        <v>116185</v>
      </c>
      <c r="F33383" s="1" t="s">
        <v>116186</v>
      </c>
      <c r="G33383" s="1" t="s">
        <v>116125</v>
      </c>
      <c r="H33383" s="1" t="s">
        <v>116126</v>
      </c>
      <c r="I33383" s="1" t="s">
        <v>115226</v>
      </c>
      <c r="J33383" s="1" t="s">
        <v>116187</v>
      </c>
    </row>
    <row r="33384" spans="1:10" x14ac:dyDescent="0.35">
      <c r="A33384" s="1" t="s">
        <v>116122</v>
      </c>
      <c r="B33384" s="1" t="s">
        <v>115221</v>
      </c>
      <c r="C33384" s="1" t="s">
        <v>105</v>
      </c>
      <c r="D33384" s="1" t="s">
        <v>116188</v>
      </c>
      <c r="E33384" s="1" t="s">
        <v>116189</v>
      </c>
      <c r="F33384" s="1" t="s">
        <v>116190</v>
      </c>
      <c r="G33384" s="1" t="s">
        <v>116125</v>
      </c>
      <c r="H33384" s="1" t="s">
        <v>116126</v>
      </c>
      <c r="I33384" s="1" t="s">
        <v>115226</v>
      </c>
      <c r="J33384" s="1" t="s">
        <v>116191</v>
      </c>
    </row>
    <row r="33385" spans="1:10" x14ac:dyDescent="0.35">
      <c r="A33385" s="1" t="s">
        <v>116122</v>
      </c>
      <c r="B33385" s="1" t="s">
        <v>115221</v>
      </c>
      <c r="C33385" s="1" t="s">
        <v>110</v>
      </c>
      <c r="D33385" s="1" t="s">
        <v>72527</v>
      </c>
      <c r="E33385" s="1" t="s">
        <v>116192</v>
      </c>
      <c r="F33385" s="1" t="s">
        <v>116193</v>
      </c>
      <c r="G33385" s="1" t="s">
        <v>116125</v>
      </c>
      <c r="H33385" s="1" t="s">
        <v>116126</v>
      </c>
      <c r="I33385" s="1" t="s">
        <v>115226</v>
      </c>
      <c r="J33385" s="1" t="s">
        <v>116194</v>
      </c>
    </row>
    <row r="33386" spans="1:10" x14ac:dyDescent="0.35">
      <c r="A33386" s="1" t="s">
        <v>116122</v>
      </c>
      <c r="B33386" s="1" t="s">
        <v>115221</v>
      </c>
      <c r="C33386" s="1" t="s">
        <v>115</v>
      </c>
      <c r="D33386" s="1" t="s">
        <v>7988</v>
      </c>
      <c r="E33386" s="1" t="s">
        <v>116195</v>
      </c>
      <c r="F33386" s="1" t="s">
        <v>116196</v>
      </c>
      <c r="G33386" s="1" t="s">
        <v>116125</v>
      </c>
      <c r="H33386" s="1" t="s">
        <v>116126</v>
      </c>
      <c r="I33386" s="1" t="s">
        <v>115226</v>
      </c>
      <c r="J33386" s="1" t="s">
        <v>116197</v>
      </c>
    </row>
    <row r="33387" spans="1:10" x14ac:dyDescent="0.35">
      <c r="A33387" s="1" t="s">
        <v>116122</v>
      </c>
      <c r="B33387" s="1" t="s">
        <v>115221</v>
      </c>
      <c r="C33387" s="1" t="s">
        <v>120</v>
      </c>
      <c r="D33387" s="1" t="s">
        <v>116198</v>
      </c>
      <c r="E33387" s="1" t="s">
        <v>116199</v>
      </c>
      <c r="F33387" s="1" t="s">
        <v>116200</v>
      </c>
      <c r="G33387" s="1" t="s">
        <v>116125</v>
      </c>
      <c r="H33387" s="1" t="s">
        <v>116126</v>
      </c>
      <c r="I33387" s="1" t="s">
        <v>115226</v>
      </c>
      <c r="J33387" s="1" t="s">
        <v>116201</v>
      </c>
    </row>
    <row r="33388" spans="1:10" x14ac:dyDescent="0.35">
      <c r="A33388" s="1" t="s">
        <v>116122</v>
      </c>
      <c r="B33388" s="1" t="s">
        <v>115221</v>
      </c>
      <c r="C33388" s="1" t="s">
        <v>125</v>
      </c>
      <c r="D33388" s="1" t="s">
        <v>116202</v>
      </c>
      <c r="E33388" s="1" t="s">
        <v>116203</v>
      </c>
      <c r="F33388" s="1" t="s">
        <v>116204</v>
      </c>
      <c r="G33388" s="1" t="s">
        <v>116125</v>
      </c>
      <c r="H33388" s="1" t="s">
        <v>116126</v>
      </c>
      <c r="I33388" s="1" t="s">
        <v>115226</v>
      </c>
      <c r="J33388" s="1" t="s">
        <v>116205</v>
      </c>
    </row>
    <row r="33389" spans="1:10" x14ac:dyDescent="0.35">
      <c r="A33389" s="1" t="s">
        <v>116122</v>
      </c>
      <c r="B33389" s="1" t="s">
        <v>115221</v>
      </c>
      <c r="C33389" s="1" t="s">
        <v>130</v>
      </c>
      <c r="D33389" s="1" t="s">
        <v>44346</v>
      </c>
      <c r="E33389" s="1" t="s">
        <v>116206</v>
      </c>
      <c r="F33389" s="1" t="s">
        <v>116207</v>
      </c>
      <c r="G33389" s="1" t="s">
        <v>116125</v>
      </c>
      <c r="H33389" s="1" t="s">
        <v>116126</v>
      </c>
      <c r="I33389" s="1" t="s">
        <v>115226</v>
      </c>
      <c r="J33389" s="1" t="s">
        <v>116208</v>
      </c>
    </row>
    <row r="33390" spans="1:10" x14ac:dyDescent="0.35">
      <c r="A33390" s="1" t="s">
        <v>116122</v>
      </c>
      <c r="B33390" s="1" t="s">
        <v>115221</v>
      </c>
      <c r="C33390" s="1" t="s">
        <v>135</v>
      </c>
      <c r="D33390" s="1" t="s">
        <v>34946</v>
      </c>
      <c r="E33390" s="1" t="s">
        <v>116209</v>
      </c>
      <c r="F33390" s="1" t="s">
        <v>116210</v>
      </c>
      <c r="G33390" s="1" t="s">
        <v>116125</v>
      </c>
      <c r="H33390" s="1" t="s">
        <v>116126</v>
      </c>
      <c r="I33390" s="1" t="s">
        <v>115226</v>
      </c>
      <c r="J33390" s="1" t="s">
        <v>116211</v>
      </c>
    </row>
    <row r="33391" spans="1:10" x14ac:dyDescent="0.35">
      <c r="A33391" s="1" t="s">
        <v>116122</v>
      </c>
      <c r="B33391" s="1" t="s">
        <v>115221</v>
      </c>
      <c r="C33391" s="1" t="s">
        <v>140</v>
      </c>
      <c r="D33391" s="1" t="s">
        <v>73117</v>
      </c>
      <c r="E33391" s="1" t="s">
        <v>116212</v>
      </c>
      <c r="F33391" s="1" t="s">
        <v>116213</v>
      </c>
      <c r="G33391" s="1" t="s">
        <v>116125</v>
      </c>
      <c r="H33391" s="1" t="s">
        <v>116126</v>
      </c>
      <c r="I33391" s="1" t="s">
        <v>115226</v>
      </c>
      <c r="J33391" s="1" t="s">
        <v>116214</v>
      </c>
    </row>
    <row r="33392" spans="1:10" x14ac:dyDescent="0.35">
      <c r="A33392" s="1" t="s">
        <v>116122</v>
      </c>
      <c r="B33392" s="1" t="s">
        <v>115221</v>
      </c>
      <c r="C33392" s="1" t="s">
        <v>145</v>
      </c>
      <c r="D33392" s="1" t="s">
        <v>116215</v>
      </c>
      <c r="E33392" s="1" t="s">
        <v>116216</v>
      </c>
      <c r="F33392" s="1" t="s">
        <v>116217</v>
      </c>
      <c r="G33392" s="1" t="s">
        <v>116125</v>
      </c>
      <c r="H33392" s="1" t="s">
        <v>116126</v>
      </c>
      <c r="I33392" s="1" t="s">
        <v>115226</v>
      </c>
      <c r="J33392" s="1" t="s">
        <v>116218</v>
      </c>
    </row>
    <row r="33393" spans="1:10" x14ac:dyDescent="0.35">
      <c r="A33393" s="1" t="s">
        <v>116122</v>
      </c>
      <c r="B33393" s="1" t="s">
        <v>115221</v>
      </c>
      <c r="C33393" s="1" t="s">
        <v>150</v>
      </c>
      <c r="D33393" s="1" t="s">
        <v>19525</v>
      </c>
      <c r="E33393" s="1" t="s">
        <v>116219</v>
      </c>
      <c r="F33393" s="1" t="s">
        <v>116220</v>
      </c>
      <c r="G33393" s="1" t="s">
        <v>116125</v>
      </c>
      <c r="H33393" s="1" t="s">
        <v>116126</v>
      </c>
      <c r="I33393" s="1" t="s">
        <v>115226</v>
      </c>
      <c r="J33393" s="1" t="s">
        <v>116221</v>
      </c>
    </row>
    <row r="33394" spans="1:10" x14ac:dyDescent="0.35">
      <c r="A33394" s="1" t="s">
        <v>116122</v>
      </c>
      <c r="B33394" s="1" t="s">
        <v>115221</v>
      </c>
      <c r="C33394" s="1" t="s">
        <v>155</v>
      </c>
      <c r="D33394" s="1" t="s">
        <v>38203</v>
      </c>
      <c r="E33394" s="1" t="s">
        <v>116222</v>
      </c>
      <c r="F33394" s="1" t="s">
        <v>116223</v>
      </c>
      <c r="G33394" s="1" t="s">
        <v>116125</v>
      </c>
      <c r="H33394" s="1" t="s">
        <v>116126</v>
      </c>
      <c r="I33394" s="1" t="s">
        <v>115226</v>
      </c>
      <c r="J33394" s="1" t="s">
        <v>116224</v>
      </c>
    </row>
    <row r="33395" spans="1:10" x14ac:dyDescent="0.35">
      <c r="A33395" s="1" t="s">
        <v>116122</v>
      </c>
      <c r="B33395" s="1" t="s">
        <v>115221</v>
      </c>
      <c r="C33395" s="1" t="s">
        <v>160</v>
      </c>
      <c r="D33395" s="1" t="s">
        <v>74818</v>
      </c>
      <c r="E33395" s="1" t="s">
        <v>116225</v>
      </c>
      <c r="F33395" s="1" t="s">
        <v>116226</v>
      </c>
      <c r="G33395" s="1" t="s">
        <v>116125</v>
      </c>
      <c r="H33395" s="1" t="s">
        <v>116126</v>
      </c>
      <c r="I33395" s="1" t="s">
        <v>115226</v>
      </c>
      <c r="J33395" s="1" t="s">
        <v>116227</v>
      </c>
    </row>
    <row r="33396" spans="1:10" x14ac:dyDescent="0.35">
      <c r="A33396" s="1" t="s">
        <v>116122</v>
      </c>
      <c r="B33396" s="1" t="s">
        <v>115221</v>
      </c>
      <c r="C33396" s="1" t="s">
        <v>165</v>
      </c>
      <c r="D33396" s="1" t="s">
        <v>116228</v>
      </c>
      <c r="E33396" s="1" t="s">
        <v>116229</v>
      </c>
      <c r="F33396" s="1" t="s">
        <v>116230</v>
      </c>
      <c r="G33396" s="1" t="s">
        <v>116125</v>
      </c>
      <c r="H33396" s="1" t="s">
        <v>116126</v>
      </c>
      <c r="I33396" s="1" t="s">
        <v>115226</v>
      </c>
      <c r="J33396" s="1" t="s">
        <v>116231</v>
      </c>
    </row>
    <row r="33397" spans="1:10" x14ac:dyDescent="0.35">
      <c r="A33397" s="1" t="s">
        <v>116122</v>
      </c>
      <c r="B33397" s="1" t="s">
        <v>115221</v>
      </c>
      <c r="C33397" s="1" t="s">
        <v>170</v>
      </c>
      <c r="D33397" s="1" t="s">
        <v>4165</v>
      </c>
      <c r="E33397" s="1" t="s">
        <v>116232</v>
      </c>
      <c r="F33397" s="1" t="s">
        <v>116233</v>
      </c>
      <c r="G33397" s="1" t="s">
        <v>116125</v>
      </c>
      <c r="H33397" s="1" t="s">
        <v>116126</v>
      </c>
      <c r="I33397" s="1" t="s">
        <v>115226</v>
      </c>
      <c r="J33397" s="1" t="s">
        <v>116234</v>
      </c>
    </row>
    <row r="33398" spans="1:10" x14ac:dyDescent="0.35">
      <c r="A33398" s="1" t="s">
        <v>1946</v>
      </c>
      <c r="B33398" s="1" t="s">
        <v>115221</v>
      </c>
      <c r="C33398" s="1" t="s">
        <v>8</v>
      </c>
      <c r="D33398" s="1" t="s">
        <v>25422</v>
      </c>
      <c r="E33398" s="1" t="s">
        <v>116235</v>
      </c>
      <c r="F33398" s="1" t="s">
        <v>116236</v>
      </c>
      <c r="G33398" s="1" t="s">
        <v>116237</v>
      </c>
      <c r="H33398" s="1" t="s">
        <v>116238</v>
      </c>
      <c r="I33398" s="1" t="s">
        <v>115226</v>
      </c>
      <c r="J33398" s="1" t="s">
        <v>13</v>
      </c>
    </row>
    <row r="33399" spans="1:10" x14ac:dyDescent="0.35">
      <c r="A33399" s="1" t="s">
        <v>1946</v>
      </c>
      <c r="B33399" s="1" t="s">
        <v>115221</v>
      </c>
      <c r="C33399" s="1" t="s">
        <v>15</v>
      </c>
      <c r="D33399" s="1" t="s">
        <v>1608</v>
      </c>
      <c r="E33399" s="1" t="s">
        <v>116239</v>
      </c>
      <c r="F33399" s="1" t="s">
        <v>116240</v>
      </c>
      <c r="G33399" s="1" t="s">
        <v>116237</v>
      </c>
      <c r="H33399" s="1" t="s">
        <v>116238</v>
      </c>
      <c r="I33399" s="1" t="s">
        <v>115226</v>
      </c>
      <c r="J33399" s="1" t="s">
        <v>116241</v>
      </c>
    </row>
    <row r="33400" spans="1:10" x14ac:dyDescent="0.35">
      <c r="A33400" s="1" t="s">
        <v>1946</v>
      </c>
      <c r="B33400" s="1" t="s">
        <v>115221</v>
      </c>
      <c r="C33400" s="1" t="s">
        <v>20</v>
      </c>
      <c r="D33400" s="1" t="s">
        <v>51115</v>
      </c>
      <c r="E33400" s="1" t="s">
        <v>116242</v>
      </c>
      <c r="F33400" s="1" t="s">
        <v>116243</v>
      </c>
      <c r="G33400" s="1" t="s">
        <v>116237</v>
      </c>
      <c r="H33400" s="1" t="s">
        <v>116238</v>
      </c>
      <c r="I33400" s="1" t="s">
        <v>115226</v>
      </c>
      <c r="J33400" s="1" t="s">
        <v>116244</v>
      </c>
    </row>
    <row r="33401" spans="1:10" x14ac:dyDescent="0.35">
      <c r="A33401" s="1" t="s">
        <v>1946</v>
      </c>
      <c r="B33401" s="1" t="s">
        <v>115221</v>
      </c>
      <c r="C33401" s="1" t="s">
        <v>25</v>
      </c>
      <c r="D33401" s="1" t="s">
        <v>16108</v>
      </c>
      <c r="E33401" s="1" t="s">
        <v>116245</v>
      </c>
      <c r="F33401" s="1" t="s">
        <v>116246</v>
      </c>
      <c r="G33401" s="1" t="s">
        <v>116237</v>
      </c>
      <c r="H33401" s="1" t="s">
        <v>116238</v>
      </c>
      <c r="I33401" s="1" t="s">
        <v>115226</v>
      </c>
      <c r="J33401" s="1" t="s">
        <v>116247</v>
      </c>
    </row>
    <row r="33402" spans="1:10" x14ac:dyDescent="0.35">
      <c r="A33402" s="1" t="s">
        <v>1946</v>
      </c>
      <c r="B33402" s="1" t="s">
        <v>115221</v>
      </c>
      <c r="C33402" s="1" t="s">
        <v>30</v>
      </c>
      <c r="D33402" s="1" t="s">
        <v>116248</v>
      </c>
      <c r="E33402" s="1" t="s">
        <v>116249</v>
      </c>
      <c r="F33402" s="1" t="s">
        <v>116250</v>
      </c>
      <c r="G33402" s="1" t="s">
        <v>116237</v>
      </c>
      <c r="H33402" s="1" t="s">
        <v>116238</v>
      </c>
      <c r="I33402" s="1" t="s">
        <v>115226</v>
      </c>
      <c r="J33402" s="1" t="s">
        <v>116251</v>
      </c>
    </row>
    <row r="33403" spans="1:10" x14ac:dyDescent="0.35">
      <c r="A33403" s="1" t="s">
        <v>1946</v>
      </c>
      <c r="B33403" s="1" t="s">
        <v>115221</v>
      </c>
      <c r="C33403" s="1" t="s">
        <v>35</v>
      </c>
      <c r="D33403" s="1" t="s">
        <v>116252</v>
      </c>
      <c r="E33403" s="1" t="s">
        <v>116253</v>
      </c>
      <c r="F33403" s="1" t="s">
        <v>116254</v>
      </c>
      <c r="G33403" s="1" t="s">
        <v>116237</v>
      </c>
      <c r="H33403" s="1" t="s">
        <v>116238</v>
      </c>
      <c r="I33403" s="1" t="s">
        <v>115226</v>
      </c>
      <c r="J33403" s="1" t="s">
        <v>116255</v>
      </c>
    </row>
    <row r="33404" spans="1:10" x14ac:dyDescent="0.35">
      <c r="A33404" s="1" t="s">
        <v>1946</v>
      </c>
      <c r="B33404" s="1" t="s">
        <v>115221</v>
      </c>
      <c r="C33404" s="1" t="s">
        <v>40</v>
      </c>
      <c r="D33404" s="1" t="s">
        <v>116256</v>
      </c>
      <c r="E33404" s="1" t="s">
        <v>116257</v>
      </c>
      <c r="F33404" s="1" t="s">
        <v>116258</v>
      </c>
      <c r="G33404" s="1" t="s">
        <v>116237</v>
      </c>
      <c r="H33404" s="1" t="s">
        <v>116238</v>
      </c>
      <c r="I33404" s="1" t="s">
        <v>115226</v>
      </c>
      <c r="J33404" s="1" t="s">
        <v>116259</v>
      </c>
    </row>
    <row r="33405" spans="1:10" x14ac:dyDescent="0.35">
      <c r="A33405" s="1" t="s">
        <v>1946</v>
      </c>
      <c r="B33405" s="1" t="s">
        <v>115221</v>
      </c>
      <c r="C33405" s="1" t="s">
        <v>45</v>
      </c>
      <c r="D33405" s="1" t="s">
        <v>71103</v>
      </c>
      <c r="E33405" s="1" t="s">
        <v>116260</v>
      </c>
      <c r="F33405" s="1" t="s">
        <v>116261</v>
      </c>
      <c r="G33405" s="1" t="s">
        <v>116237</v>
      </c>
      <c r="H33405" s="1" t="s">
        <v>116238</v>
      </c>
      <c r="I33405" s="1" t="s">
        <v>115226</v>
      </c>
      <c r="J33405" s="1" t="s">
        <v>116262</v>
      </c>
    </row>
    <row r="33406" spans="1:10" x14ac:dyDescent="0.35">
      <c r="A33406" s="1" t="s">
        <v>1946</v>
      </c>
      <c r="B33406" s="1" t="s">
        <v>115221</v>
      </c>
      <c r="C33406" s="1" t="s">
        <v>50</v>
      </c>
      <c r="D33406" s="1" t="s">
        <v>6712</v>
      </c>
      <c r="E33406" s="1" t="s">
        <v>116263</v>
      </c>
      <c r="F33406" s="1" t="s">
        <v>116264</v>
      </c>
      <c r="G33406" s="1" t="s">
        <v>116237</v>
      </c>
      <c r="H33406" s="1" t="s">
        <v>116238</v>
      </c>
      <c r="I33406" s="1" t="s">
        <v>115226</v>
      </c>
      <c r="J33406" s="1" t="s">
        <v>116265</v>
      </c>
    </row>
    <row r="33407" spans="1:10" x14ac:dyDescent="0.35">
      <c r="A33407" s="1" t="s">
        <v>1946</v>
      </c>
      <c r="B33407" s="1" t="s">
        <v>115221</v>
      </c>
      <c r="C33407" s="1" t="s">
        <v>55</v>
      </c>
      <c r="D33407" s="1" t="s">
        <v>72670</v>
      </c>
      <c r="E33407" s="1" t="s">
        <v>116266</v>
      </c>
      <c r="F33407" s="1" t="s">
        <v>116267</v>
      </c>
      <c r="G33407" s="1" t="s">
        <v>116237</v>
      </c>
      <c r="H33407" s="1" t="s">
        <v>116238</v>
      </c>
      <c r="I33407" s="1" t="s">
        <v>115226</v>
      </c>
      <c r="J33407" s="1" t="s">
        <v>116268</v>
      </c>
    </row>
    <row r="33408" spans="1:10" x14ac:dyDescent="0.35">
      <c r="A33408" s="1" t="s">
        <v>1946</v>
      </c>
      <c r="B33408" s="1" t="s">
        <v>115221</v>
      </c>
      <c r="C33408" s="1" t="s">
        <v>60</v>
      </c>
      <c r="D33408" s="1" t="s">
        <v>116269</v>
      </c>
      <c r="E33408" s="1" t="s">
        <v>116270</v>
      </c>
      <c r="F33408" s="1" t="s">
        <v>116271</v>
      </c>
      <c r="G33408" s="1" t="s">
        <v>116237</v>
      </c>
      <c r="H33408" s="1" t="s">
        <v>116238</v>
      </c>
      <c r="I33408" s="1" t="s">
        <v>115226</v>
      </c>
      <c r="J33408" s="1" t="s">
        <v>116272</v>
      </c>
    </row>
    <row r="33409" spans="1:10" x14ac:dyDescent="0.35">
      <c r="A33409" s="1" t="s">
        <v>1946</v>
      </c>
      <c r="B33409" s="1" t="s">
        <v>115221</v>
      </c>
      <c r="C33409" s="1" t="s">
        <v>65</v>
      </c>
      <c r="D33409" s="1" t="s">
        <v>116273</v>
      </c>
      <c r="E33409" s="1" t="s">
        <v>116274</v>
      </c>
      <c r="F33409" s="1" t="s">
        <v>116275</v>
      </c>
      <c r="G33409" s="1" t="s">
        <v>116237</v>
      </c>
      <c r="H33409" s="1" t="s">
        <v>116238</v>
      </c>
      <c r="I33409" s="1" t="s">
        <v>115226</v>
      </c>
      <c r="J33409" s="1" t="s">
        <v>116276</v>
      </c>
    </row>
    <row r="33410" spans="1:10" x14ac:dyDescent="0.35">
      <c r="A33410" s="1" t="s">
        <v>1946</v>
      </c>
      <c r="B33410" s="1" t="s">
        <v>115221</v>
      </c>
      <c r="C33410" s="1" t="s">
        <v>70</v>
      </c>
      <c r="D33410" s="1" t="s">
        <v>48606</v>
      </c>
      <c r="E33410" s="1" t="s">
        <v>116277</v>
      </c>
      <c r="F33410" s="1" t="s">
        <v>116278</v>
      </c>
      <c r="G33410" s="1" t="s">
        <v>116237</v>
      </c>
      <c r="H33410" s="1" t="s">
        <v>116238</v>
      </c>
      <c r="I33410" s="1" t="s">
        <v>115226</v>
      </c>
      <c r="J33410" s="1" t="s">
        <v>116279</v>
      </c>
    </row>
    <row r="33411" spans="1:10" x14ac:dyDescent="0.35">
      <c r="A33411" s="1" t="s">
        <v>1946</v>
      </c>
      <c r="B33411" s="1" t="s">
        <v>115221</v>
      </c>
      <c r="C33411" s="1" t="s">
        <v>75</v>
      </c>
      <c r="D33411" s="1" t="s">
        <v>34044</v>
      </c>
      <c r="E33411" s="1" t="s">
        <v>116280</v>
      </c>
      <c r="F33411" s="1" t="s">
        <v>116281</v>
      </c>
      <c r="G33411" s="1" t="s">
        <v>116237</v>
      </c>
      <c r="H33411" s="1" t="s">
        <v>116238</v>
      </c>
      <c r="I33411" s="1" t="s">
        <v>115226</v>
      </c>
      <c r="J33411" s="1" t="s">
        <v>116282</v>
      </c>
    </row>
    <row r="33412" spans="1:10" x14ac:dyDescent="0.35">
      <c r="A33412" s="1" t="s">
        <v>1946</v>
      </c>
      <c r="B33412" s="1" t="s">
        <v>115221</v>
      </c>
      <c r="C33412" s="1" t="s">
        <v>80</v>
      </c>
      <c r="D33412" s="1" t="s">
        <v>44574</v>
      </c>
      <c r="E33412" s="1" t="s">
        <v>116283</v>
      </c>
      <c r="F33412" s="1" t="s">
        <v>116284</v>
      </c>
      <c r="G33412" s="1" t="s">
        <v>116237</v>
      </c>
      <c r="H33412" s="1" t="s">
        <v>116238</v>
      </c>
      <c r="I33412" s="1" t="s">
        <v>115226</v>
      </c>
      <c r="J33412" s="1" t="s">
        <v>116285</v>
      </c>
    </row>
    <row r="33413" spans="1:10" x14ac:dyDescent="0.35">
      <c r="A33413" s="1" t="s">
        <v>1946</v>
      </c>
      <c r="B33413" s="1" t="s">
        <v>115221</v>
      </c>
      <c r="C33413" s="1" t="s">
        <v>85</v>
      </c>
      <c r="D33413" s="1" t="s">
        <v>105099</v>
      </c>
      <c r="E33413" s="1" t="s">
        <v>116286</v>
      </c>
      <c r="F33413" s="1" t="s">
        <v>116287</v>
      </c>
      <c r="G33413" s="1" t="s">
        <v>116237</v>
      </c>
      <c r="H33413" s="1" t="s">
        <v>116238</v>
      </c>
      <c r="I33413" s="1" t="s">
        <v>115226</v>
      </c>
      <c r="J33413" s="1" t="s">
        <v>116288</v>
      </c>
    </row>
    <row r="33414" spans="1:10" x14ac:dyDescent="0.35">
      <c r="A33414" s="1" t="s">
        <v>1946</v>
      </c>
      <c r="B33414" s="1" t="s">
        <v>115221</v>
      </c>
      <c r="C33414" s="1" t="s">
        <v>90</v>
      </c>
      <c r="D33414" s="1" t="s">
        <v>116289</v>
      </c>
      <c r="E33414" s="1" t="s">
        <v>116290</v>
      </c>
      <c r="F33414" s="1" t="s">
        <v>116291</v>
      </c>
      <c r="G33414" s="1" t="s">
        <v>116237</v>
      </c>
      <c r="H33414" s="1" t="s">
        <v>116238</v>
      </c>
      <c r="I33414" s="1" t="s">
        <v>115226</v>
      </c>
      <c r="J33414" s="1" t="s">
        <v>116292</v>
      </c>
    </row>
    <row r="33415" spans="1:10" x14ac:dyDescent="0.35">
      <c r="A33415" s="1" t="s">
        <v>1946</v>
      </c>
      <c r="B33415" s="1" t="s">
        <v>115221</v>
      </c>
      <c r="C33415" s="1" t="s">
        <v>95</v>
      </c>
      <c r="D33415" s="1" t="s">
        <v>116293</v>
      </c>
      <c r="E33415" s="1" t="s">
        <v>116294</v>
      </c>
      <c r="F33415" s="1" t="s">
        <v>116295</v>
      </c>
      <c r="G33415" s="1" t="s">
        <v>116237</v>
      </c>
      <c r="H33415" s="1" t="s">
        <v>116238</v>
      </c>
      <c r="I33415" s="1" t="s">
        <v>115226</v>
      </c>
      <c r="J33415" s="1" t="s">
        <v>116296</v>
      </c>
    </row>
    <row r="33416" spans="1:10" x14ac:dyDescent="0.35">
      <c r="A33416" s="1" t="s">
        <v>1946</v>
      </c>
      <c r="B33416" s="1" t="s">
        <v>115221</v>
      </c>
      <c r="C33416" s="1" t="s">
        <v>100</v>
      </c>
      <c r="D33416" s="1" t="s">
        <v>32089</v>
      </c>
      <c r="E33416" s="1" t="s">
        <v>5644</v>
      </c>
      <c r="F33416" s="1" t="s">
        <v>116297</v>
      </c>
      <c r="G33416" s="1" t="s">
        <v>116237</v>
      </c>
      <c r="H33416" s="1" t="s">
        <v>116238</v>
      </c>
      <c r="I33416" s="1" t="s">
        <v>115226</v>
      </c>
      <c r="J33416" s="1" t="s">
        <v>116298</v>
      </c>
    </row>
    <row r="33417" spans="1:10" x14ac:dyDescent="0.35">
      <c r="A33417" s="1" t="s">
        <v>1946</v>
      </c>
      <c r="B33417" s="1" t="s">
        <v>115221</v>
      </c>
      <c r="C33417" s="1" t="s">
        <v>105</v>
      </c>
      <c r="D33417" s="1" t="s">
        <v>82415</v>
      </c>
      <c r="E33417" s="1" t="s">
        <v>116299</v>
      </c>
      <c r="F33417" s="1" t="s">
        <v>116300</v>
      </c>
      <c r="G33417" s="1" t="s">
        <v>116237</v>
      </c>
      <c r="H33417" s="1" t="s">
        <v>116238</v>
      </c>
      <c r="I33417" s="1" t="s">
        <v>115226</v>
      </c>
      <c r="J33417" s="1" t="s">
        <v>116301</v>
      </c>
    </row>
    <row r="33418" spans="1:10" x14ac:dyDescent="0.35">
      <c r="A33418" s="1" t="s">
        <v>1946</v>
      </c>
      <c r="B33418" s="1" t="s">
        <v>115221</v>
      </c>
      <c r="C33418" s="1" t="s">
        <v>110</v>
      </c>
      <c r="D33418" s="1" t="s">
        <v>38642</v>
      </c>
      <c r="E33418" s="1" t="s">
        <v>116302</v>
      </c>
      <c r="F33418" s="1" t="s">
        <v>116303</v>
      </c>
      <c r="G33418" s="1" t="s">
        <v>116237</v>
      </c>
      <c r="H33418" s="1" t="s">
        <v>116238</v>
      </c>
      <c r="I33418" s="1" t="s">
        <v>115226</v>
      </c>
      <c r="J33418" s="1" t="s">
        <v>116304</v>
      </c>
    </row>
    <row r="33419" spans="1:10" x14ac:dyDescent="0.35">
      <c r="A33419" s="1" t="s">
        <v>1946</v>
      </c>
      <c r="B33419" s="1" t="s">
        <v>115221</v>
      </c>
      <c r="C33419" s="1" t="s">
        <v>115</v>
      </c>
      <c r="D33419" s="1" t="s">
        <v>116305</v>
      </c>
      <c r="E33419" s="1" t="s">
        <v>116306</v>
      </c>
      <c r="F33419" s="1" t="s">
        <v>116307</v>
      </c>
      <c r="G33419" s="1" t="s">
        <v>116237</v>
      </c>
      <c r="H33419" s="1" t="s">
        <v>116238</v>
      </c>
      <c r="I33419" s="1" t="s">
        <v>115226</v>
      </c>
      <c r="J33419" s="1" t="s">
        <v>116308</v>
      </c>
    </row>
    <row r="33420" spans="1:10" x14ac:dyDescent="0.35">
      <c r="A33420" s="1" t="s">
        <v>1946</v>
      </c>
      <c r="B33420" s="1" t="s">
        <v>115221</v>
      </c>
      <c r="C33420" s="1" t="s">
        <v>120</v>
      </c>
      <c r="D33420" s="1" t="s">
        <v>116309</v>
      </c>
      <c r="E33420" s="1" t="s">
        <v>116310</v>
      </c>
      <c r="F33420" s="1" t="s">
        <v>116311</v>
      </c>
      <c r="G33420" s="1" t="s">
        <v>116237</v>
      </c>
      <c r="H33420" s="1" t="s">
        <v>116238</v>
      </c>
      <c r="I33420" s="1" t="s">
        <v>115226</v>
      </c>
      <c r="J33420" s="1" t="s">
        <v>116312</v>
      </c>
    </row>
    <row r="33421" spans="1:10" x14ac:dyDescent="0.35">
      <c r="A33421" s="1" t="s">
        <v>1946</v>
      </c>
      <c r="B33421" s="1" t="s">
        <v>115221</v>
      </c>
      <c r="C33421" s="1" t="s">
        <v>125</v>
      </c>
      <c r="D33421" s="1" t="s">
        <v>116313</v>
      </c>
      <c r="E33421" s="1" t="s">
        <v>116314</v>
      </c>
      <c r="F33421" s="1" t="s">
        <v>116315</v>
      </c>
      <c r="G33421" s="1" t="s">
        <v>116237</v>
      </c>
      <c r="H33421" s="1" t="s">
        <v>116238</v>
      </c>
      <c r="I33421" s="1" t="s">
        <v>115226</v>
      </c>
      <c r="J33421" s="1" t="s">
        <v>116316</v>
      </c>
    </row>
    <row r="33422" spans="1:10" x14ac:dyDescent="0.35">
      <c r="A33422" s="1" t="s">
        <v>1946</v>
      </c>
      <c r="B33422" s="1" t="s">
        <v>115221</v>
      </c>
      <c r="C33422" s="1" t="s">
        <v>130</v>
      </c>
      <c r="D33422" s="1" t="s">
        <v>18849</v>
      </c>
      <c r="E33422" s="1" t="s">
        <v>116317</v>
      </c>
      <c r="F33422" s="1" t="s">
        <v>116318</v>
      </c>
      <c r="G33422" s="1" t="s">
        <v>116237</v>
      </c>
      <c r="H33422" s="1" t="s">
        <v>116238</v>
      </c>
      <c r="I33422" s="1" t="s">
        <v>115226</v>
      </c>
      <c r="J33422" s="1" t="s">
        <v>116319</v>
      </c>
    </row>
    <row r="33423" spans="1:10" x14ac:dyDescent="0.35">
      <c r="A33423" s="1" t="s">
        <v>1946</v>
      </c>
      <c r="B33423" s="1" t="s">
        <v>115221</v>
      </c>
      <c r="C33423" s="1" t="s">
        <v>135</v>
      </c>
      <c r="D33423" s="1" t="s">
        <v>70635</v>
      </c>
      <c r="E33423" s="1" t="s">
        <v>116320</v>
      </c>
      <c r="F33423" s="1" t="s">
        <v>116321</v>
      </c>
      <c r="G33423" s="1" t="s">
        <v>116237</v>
      </c>
      <c r="H33423" s="1" t="s">
        <v>116238</v>
      </c>
      <c r="I33423" s="1" t="s">
        <v>115226</v>
      </c>
      <c r="J33423" s="1" t="s">
        <v>116322</v>
      </c>
    </row>
    <row r="33424" spans="1:10" x14ac:dyDescent="0.35">
      <c r="A33424" s="1" t="s">
        <v>1946</v>
      </c>
      <c r="B33424" s="1" t="s">
        <v>115221</v>
      </c>
      <c r="C33424" s="1" t="s">
        <v>140</v>
      </c>
      <c r="D33424" s="1" t="s">
        <v>116323</v>
      </c>
      <c r="E33424" s="1" t="s">
        <v>116324</v>
      </c>
      <c r="F33424" s="1" t="s">
        <v>116325</v>
      </c>
      <c r="G33424" s="1" t="s">
        <v>116237</v>
      </c>
      <c r="H33424" s="1" t="s">
        <v>116238</v>
      </c>
      <c r="I33424" s="1" t="s">
        <v>115226</v>
      </c>
      <c r="J33424" s="1" t="s">
        <v>116326</v>
      </c>
    </row>
    <row r="33425" spans="1:10" x14ac:dyDescent="0.35">
      <c r="A33425" s="1" t="s">
        <v>1946</v>
      </c>
      <c r="B33425" s="1" t="s">
        <v>115221</v>
      </c>
      <c r="C33425" s="1" t="s">
        <v>145</v>
      </c>
      <c r="D33425" s="1" t="s">
        <v>30925</v>
      </c>
      <c r="E33425" s="1" t="s">
        <v>116327</v>
      </c>
      <c r="F33425" s="1" t="s">
        <v>116328</v>
      </c>
      <c r="G33425" s="1" t="s">
        <v>116237</v>
      </c>
      <c r="H33425" s="1" t="s">
        <v>116238</v>
      </c>
      <c r="I33425" s="1" t="s">
        <v>115226</v>
      </c>
      <c r="J33425" s="1" t="s">
        <v>116329</v>
      </c>
    </row>
    <row r="33426" spans="1:10" x14ac:dyDescent="0.35">
      <c r="A33426" s="1" t="s">
        <v>1946</v>
      </c>
      <c r="B33426" s="1" t="s">
        <v>115221</v>
      </c>
      <c r="C33426" s="1" t="s">
        <v>150</v>
      </c>
      <c r="D33426" s="1" t="s">
        <v>116330</v>
      </c>
      <c r="E33426" s="1" t="s">
        <v>116331</v>
      </c>
      <c r="F33426" s="1" t="s">
        <v>116332</v>
      </c>
      <c r="G33426" s="1" t="s">
        <v>116237</v>
      </c>
      <c r="H33426" s="1" t="s">
        <v>116238</v>
      </c>
      <c r="I33426" s="1" t="s">
        <v>115226</v>
      </c>
      <c r="J33426" s="1" t="s">
        <v>116333</v>
      </c>
    </row>
    <row r="33427" spans="1:10" x14ac:dyDescent="0.35">
      <c r="A33427" s="1" t="s">
        <v>1946</v>
      </c>
      <c r="B33427" s="1" t="s">
        <v>115221</v>
      </c>
      <c r="C33427" s="1" t="s">
        <v>155</v>
      </c>
      <c r="D33427" s="1" t="s">
        <v>30889</v>
      </c>
      <c r="E33427" s="1" t="s">
        <v>116334</v>
      </c>
      <c r="F33427" s="1" t="s">
        <v>116335</v>
      </c>
      <c r="G33427" s="1" t="s">
        <v>116237</v>
      </c>
      <c r="H33427" s="1" t="s">
        <v>116238</v>
      </c>
      <c r="I33427" s="1" t="s">
        <v>115226</v>
      </c>
      <c r="J33427" s="1" t="s">
        <v>116336</v>
      </c>
    </row>
    <row r="33428" spans="1:10" x14ac:dyDescent="0.35">
      <c r="A33428" s="1" t="s">
        <v>1946</v>
      </c>
      <c r="B33428" s="1" t="s">
        <v>115221</v>
      </c>
      <c r="C33428" s="1" t="s">
        <v>160</v>
      </c>
      <c r="D33428" s="1" t="s">
        <v>30905</v>
      </c>
      <c r="E33428" s="1" t="s">
        <v>116337</v>
      </c>
      <c r="F33428" s="1" t="s">
        <v>116338</v>
      </c>
      <c r="G33428" s="1" t="s">
        <v>116237</v>
      </c>
      <c r="H33428" s="1" t="s">
        <v>116238</v>
      </c>
      <c r="I33428" s="1" t="s">
        <v>115226</v>
      </c>
      <c r="J33428" s="1" t="s">
        <v>116339</v>
      </c>
    </row>
    <row r="33429" spans="1:10" x14ac:dyDescent="0.35">
      <c r="A33429" s="1" t="s">
        <v>1946</v>
      </c>
      <c r="B33429" s="1" t="s">
        <v>115221</v>
      </c>
      <c r="C33429" s="1" t="s">
        <v>165</v>
      </c>
      <c r="D33429" s="1" t="s">
        <v>116340</v>
      </c>
      <c r="E33429" s="1" t="s">
        <v>116341</v>
      </c>
      <c r="F33429" s="1" t="s">
        <v>116342</v>
      </c>
      <c r="G33429" s="1" t="s">
        <v>116237</v>
      </c>
      <c r="H33429" s="1" t="s">
        <v>116238</v>
      </c>
      <c r="I33429" s="1" t="s">
        <v>115226</v>
      </c>
      <c r="J33429" s="1" t="s">
        <v>116343</v>
      </c>
    </row>
    <row r="33430" spans="1:10" x14ac:dyDescent="0.35">
      <c r="A33430" s="1" t="s">
        <v>1946</v>
      </c>
      <c r="B33430" s="1" t="s">
        <v>115221</v>
      </c>
      <c r="C33430" s="1" t="s">
        <v>170</v>
      </c>
      <c r="D33430" s="1" t="s">
        <v>47587</v>
      </c>
      <c r="E33430" s="1" t="s">
        <v>116344</v>
      </c>
      <c r="F33430" s="1" t="s">
        <v>116345</v>
      </c>
      <c r="G33430" s="1" t="s">
        <v>116237</v>
      </c>
      <c r="H33430" s="1" t="s">
        <v>116238</v>
      </c>
      <c r="I33430" s="1" t="s">
        <v>115226</v>
      </c>
      <c r="J33430" s="1" t="s">
        <v>116346</v>
      </c>
    </row>
    <row r="33431" spans="1:10" x14ac:dyDescent="0.35">
      <c r="A33431" s="1" t="s">
        <v>8414</v>
      </c>
      <c r="B33431" s="1" t="s">
        <v>115221</v>
      </c>
      <c r="C33431" s="1" t="s">
        <v>8</v>
      </c>
      <c r="D33431" s="1" t="s">
        <v>116347</v>
      </c>
      <c r="E33431" s="1" t="s">
        <v>116348</v>
      </c>
      <c r="F33431" s="1" t="s">
        <v>116349</v>
      </c>
      <c r="G33431" s="1" t="s">
        <v>116350</v>
      </c>
      <c r="H33431" s="1" t="s">
        <v>116351</v>
      </c>
      <c r="I33431" s="1" t="s">
        <v>115226</v>
      </c>
      <c r="J33431" s="1" t="s">
        <v>13</v>
      </c>
    </row>
    <row r="33432" spans="1:10" x14ac:dyDescent="0.35">
      <c r="A33432" s="1" t="s">
        <v>8414</v>
      </c>
      <c r="B33432" s="1" t="s">
        <v>115221</v>
      </c>
      <c r="C33432" s="1" t="s">
        <v>15</v>
      </c>
      <c r="D33432" s="1" t="s">
        <v>25513</v>
      </c>
      <c r="E33432" s="1" t="s">
        <v>116352</v>
      </c>
      <c r="F33432" s="1" t="s">
        <v>116353</v>
      </c>
      <c r="G33432" s="1" t="s">
        <v>116350</v>
      </c>
      <c r="H33432" s="1" t="s">
        <v>116351</v>
      </c>
      <c r="I33432" s="1" t="s">
        <v>115226</v>
      </c>
      <c r="J33432" s="1" t="s">
        <v>116354</v>
      </c>
    </row>
    <row r="33433" spans="1:10" x14ac:dyDescent="0.35">
      <c r="A33433" s="1" t="s">
        <v>8414</v>
      </c>
      <c r="B33433" s="1" t="s">
        <v>115221</v>
      </c>
      <c r="C33433" s="1" t="s">
        <v>20</v>
      </c>
      <c r="D33433" s="1" t="s">
        <v>28284</v>
      </c>
      <c r="E33433" s="1" t="s">
        <v>116355</v>
      </c>
      <c r="F33433" s="1" t="s">
        <v>116356</v>
      </c>
      <c r="G33433" s="1" t="s">
        <v>116350</v>
      </c>
      <c r="H33433" s="1" t="s">
        <v>116351</v>
      </c>
      <c r="I33433" s="1" t="s">
        <v>115226</v>
      </c>
      <c r="J33433" s="1" t="s">
        <v>116357</v>
      </c>
    </row>
    <row r="33434" spans="1:10" x14ac:dyDescent="0.35">
      <c r="A33434" s="1" t="s">
        <v>8414</v>
      </c>
      <c r="B33434" s="1" t="s">
        <v>115221</v>
      </c>
      <c r="C33434" s="1" t="s">
        <v>25</v>
      </c>
      <c r="D33434" s="1" t="s">
        <v>112756</v>
      </c>
      <c r="E33434" s="1" t="s">
        <v>116358</v>
      </c>
      <c r="F33434" s="1" t="s">
        <v>116359</v>
      </c>
      <c r="G33434" s="1" t="s">
        <v>116350</v>
      </c>
      <c r="H33434" s="1" t="s">
        <v>116351</v>
      </c>
      <c r="I33434" s="1" t="s">
        <v>115226</v>
      </c>
      <c r="J33434" s="1" t="s">
        <v>116360</v>
      </c>
    </row>
    <row r="33435" spans="1:10" x14ac:dyDescent="0.35">
      <c r="A33435" s="1" t="s">
        <v>8414</v>
      </c>
      <c r="B33435" s="1" t="s">
        <v>115221</v>
      </c>
      <c r="C33435" s="1" t="s">
        <v>30</v>
      </c>
      <c r="D33435" s="1" t="s">
        <v>7920</v>
      </c>
      <c r="E33435" s="1" t="s">
        <v>116361</v>
      </c>
      <c r="F33435" s="1" t="s">
        <v>116362</v>
      </c>
      <c r="G33435" s="1" t="s">
        <v>116350</v>
      </c>
      <c r="H33435" s="1" t="s">
        <v>116351</v>
      </c>
      <c r="I33435" s="1" t="s">
        <v>115226</v>
      </c>
      <c r="J33435" s="1" t="s">
        <v>116363</v>
      </c>
    </row>
    <row r="33436" spans="1:10" x14ac:dyDescent="0.35">
      <c r="A33436" s="1" t="s">
        <v>8414</v>
      </c>
      <c r="B33436" s="1" t="s">
        <v>115221</v>
      </c>
      <c r="C33436" s="1" t="s">
        <v>35</v>
      </c>
      <c r="D33436" s="1" t="s">
        <v>104104</v>
      </c>
      <c r="E33436" s="1" t="s">
        <v>116364</v>
      </c>
      <c r="F33436" s="1" t="s">
        <v>116365</v>
      </c>
      <c r="G33436" s="1" t="s">
        <v>116350</v>
      </c>
      <c r="H33436" s="1" t="s">
        <v>116351</v>
      </c>
      <c r="I33436" s="1" t="s">
        <v>115226</v>
      </c>
      <c r="J33436" s="1" t="s">
        <v>116366</v>
      </c>
    </row>
    <row r="33437" spans="1:10" x14ac:dyDescent="0.35">
      <c r="A33437" s="1" t="s">
        <v>8414</v>
      </c>
      <c r="B33437" s="1" t="s">
        <v>115221</v>
      </c>
      <c r="C33437" s="1" t="s">
        <v>40</v>
      </c>
      <c r="D33437" s="1" t="s">
        <v>2651</v>
      </c>
      <c r="E33437" s="1" t="s">
        <v>116367</v>
      </c>
      <c r="F33437" s="1" t="s">
        <v>116368</v>
      </c>
      <c r="G33437" s="1" t="s">
        <v>116350</v>
      </c>
      <c r="H33437" s="1" t="s">
        <v>116351</v>
      </c>
      <c r="I33437" s="1" t="s">
        <v>115226</v>
      </c>
      <c r="J33437" s="1" t="s">
        <v>116369</v>
      </c>
    </row>
    <row r="33438" spans="1:10" x14ac:dyDescent="0.35">
      <c r="A33438" s="1" t="s">
        <v>8414</v>
      </c>
      <c r="B33438" s="1" t="s">
        <v>115221</v>
      </c>
      <c r="C33438" s="1" t="s">
        <v>45</v>
      </c>
      <c r="D33438" s="1" t="s">
        <v>116370</v>
      </c>
      <c r="E33438" s="1" t="s">
        <v>116371</v>
      </c>
      <c r="F33438" s="1" t="s">
        <v>116372</v>
      </c>
      <c r="G33438" s="1" t="s">
        <v>116350</v>
      </c>
      <c r="H33438" s="1" t="s">
        <v>116351</v>
      </c>
      <c r="I33438" s="1" t="s">
        <v>115226</v>
      </c>
      <c r="J33438" s="1" t="s">
        <v>116373</v>
      </c>
    </row>
    <row r="33439" spans="1:10" x14ac:dyDescent="0.35">
      <c r="A33439" s="1" t="s">
        <v>8414</v>
      </c>
      <c r="B33439" s="1" t="s">
        <v>115221</v>
      </c>
      <c r="C33439" s="1" t="s">
        <v>50</v>
      </c>
      <c r="D33439" s="1" t="s">
        <v>116374</v>
      </c>
      <c r="E33439" s="1" t="s">
        <v>116375</v>
      </c>
      <c r="F33439" s="1" t="s">
        <v>116376</v>
      </c>
      <c r="G33439" s="1" t="s">
        <v>116350</v>
      </c>
      <c r="H33439" s="1" t="s">
        <v>116351</v>
      </c>
      <c r="I33439" s="1" t="s">
        <v>115226</v>
      </c>
      <c r="J33439" s="1" t="s">
        <v>116377</v>
      </c>
    </row>
    <row r="33440" spans="1:10" x14ac:dyDescent="0.35">
      <c r="A33440" s="1" t="s">
        <v>8414</v>
      </c>
      <c r="B33440" s="1" t="s">
        <v>115221</v>
      </c>
      <c r="C33440" s="1" t="s">
        <v>55</v>
      </c>
      <c r="D33440" s="1" t="s">
        <v>116378</v>
      </c>
      <c r="E33440" s="1" t="s">
        <v>116379</v>
      </c>
      <c r="F33440" s="1" t="s">
        <v>116380</v>
      </c>
      <c r="G33440" s="1" t="s">
        <v>116350</v>
      </c>
      <c r="H33440" s="1" t="s">
        <v>116351</v>
      </c>
      <c r="I33440" s="1" t="s">
        <v>115226</v>
      </c>
      <c r="J33440" s="1" t="s">
        <v>116381</v>
      </c>
    </row>
    <row r="33441" spans="1:10" x14ac:dyDescent="0.35">
      <c r="A33441" s="1" t="s">
        <v>8414</v>
      </c>
      <c r="B33441" s="1" t="s">
        <v>115221</v>
      </c>
      <c r="C33441" s="1" t="s">
        <v>60</v>
      </c>
      <c r="D33441" s="1" t="s">
        <v>71863</v>
      </c>
      <c r="E33441" s="1" t="s">
        <v>116382</v>
      </c>
      <c r="F33441" s="1" t="s">
        <v>116383</v>
      </c>
      <c r="G33441" s="1" t="s">
        <v>116350</v>
      </c>
      <c r="H33441" s="1" t="s">
        <v>116351</v>
      </c>
      <c r="I33441" s="1" t="s">
        <v>115226</v>
      </c>
      <c r="J33441" s="1" t="s">
        <v>116384</v>
      </c>
    </row>
    <row r="33442" spans="1:10" x14ac:dyDescent="0.35">
      <c r="A33442" s="1" t="s">
        <v>8414</v>
      </c>
      <c r="B33442" s="1" t="s">
        <v>115221</v>
      </c>
      <c r="C33442" s="1" t="s">
        <v>65</v>
      </c>
      <c r="D33442" s="1" t="s">
        <v>116385</v>
      </c>
      <c r="E33442" s="1" t="s">
        <v>116386</v>
      </c>
      <c r="F33442" s="1" t="s">
        <v>116387</v>
      </c>
      <c r="G33442" s="1" t="s">
        <v>116350</v>
      </c>
      <c r="H33442" s="1" t="s">
        <v>116351</v>
      </c>
      <c r="I33442" s="1" t="s">
        <v>115226</v>
      </c>
      <c r="J33442" s="1" t="s">
        <v>116388</v>
      </c>
    </row>
    <row r="33443" spans="1:10" x14ac:dyDescent="0.35">
      <c r="A33443" s="1" t="s">
        <v>8414</v>
      </c>
      <c r="B33443" s="1" t="s">
        <v>115221</v>
      </c>
      <c r="C33443" s="1" t="s">
        <v>70</v>
      </c>
      <c r="D33443" s="1" t="s">
        <v>116389</v>
      </c>
      <c r="E33443" s="1" t="s">
        <v>116390</v>
      </c>
      <c r="F33443" s="1" t="s">
        <v>116391</v>
      </c>
      <c r="G33443" s="1" t="s">
        <v>116350</v>
      </c>
      <c r="H33443" s="1" t="s">
        <v>116351</v>
      </c>
      <c r="I33443" s="1" t="s">
        <v>115226</v>
      </c>
      <c r="J33443" s="1" t="s">
        <v>116392</v>
      </c>
    </row>
    <row r="33444" spans="1:10" x14ac:dyDescent="0.35">
      <c r="A33444" s="1" t="s">
        <v>8414</v>
      </c>
      <c r="B33444" s="1" t="s">
        <v>115221</v>
      </c>
      <c r="C33444" s="1" t="s">
        <v>75</v>
      </c>
      <c r="D33444" s="1" t="s">
        <v>15871</v>
      </c>
      <c r="E33444" s="1" t="s">
        <v>116393</v>
      </c>
      <c r="F33444" s="1" t="s">
        <v>116394</v>
      </c>
      <c r="G33444" s="1" t="s">
        <v>116350</v>
      </c>
      <c r="H33444" s="1" t="s">
        <v>116351</v>
      </c>
      <c r="I33444" s="1" t="s">
        <v>115226</v>
      </c>
      <c r="J33444" s="1" t="s">
        <v>116395</v>
      </c>
    </row>
    <row r="33445" spans="1:10" x14ac:dyDescent="0.35">
      <c r="A33445" s="1" t="s">
        <v>8414</v>
      </c>
      <c r="B33445" s="1" t="s">
        <v>115221</v>
      </c>
      <c r="C33445" s="1" t="s">
        <v>80</v>
      </c>
      <c r="D33445" s="1" t="s">
        <v>116396</v>
      </c>
      <c r="E33445" s="1" t="s">
        <v>116397</v>
      </c>
      <c r="F33445" s="1" t="s">
        <v>116398</v>
      </c>
      <c r="G33445" s="1" t="s">
        <v>116350</v>
      </c>
      <c r="H33445" s="1" t="s">
        <v>116351</v>
      </c>
      <c r="I33445" s="1" t="s">
        <v>115226</v>
      </c>
      <c r="J33445" s="1" t="s">
        <v>116399</v>
      </c>
    </row>
    <row r="33446" spans="1:10" x14ac:dyDescent="0.35">
      <c r="A33446" s="1" t="s">
        <v>8414</v>
      </c>
      <c r="B33446" s="1" t="s">
        <v>115221</v>
      </c>
      <c r="C33446" s="1" t="s">
        <v>85</v>
      </c>
      <c r="D33446" s="1" t="s">
        <v>115583</v>
      </c>
      <c r="E33446" s="1" t="s">
        <v>116400</v>
      </c>
      <c r="F33446" s="1" t="s">
        <v>116401</v>
      </c>
      <c r="G33446" s="1" t="s">
        <v>116350</v>
      </c>
      <c r="H33446" s="1" t="s">
        <v>116351</v>
      </c>
      <c r="I33446" s="1" t="s">
        <v>115226</v>
      </c>
      <c r="J33446" s="1" t="s">
        <v>116402</v>
      </c>
    </row>
    <row r="33447" spans="1:10" x14ac:dyDescent="0.35">
      <c r="A33447" s="1" t="s">
        <v>8414</v>
      </c>
      <c r="B33447" s="1" t="s">
        <v>115221</v>
      </c>
      <c r="C33447" s="1" t="s">
        <v>90</v>
      </c>
      <c r="D33447" s="1" t="s">
        <v>75369</v>
      </c>
      <c r="E33447" s="1" t="s">
        <v>116403</v>
      </c>
      <c r="F33447" s="1" t="s">
        <v>116404</v>
      </c>
      <c r="G33447" s="1" t="s">
        <v>116350</v>
      </c>
      <c r="H33447" s="1" t="s">
        <v>116351</v>
      </c>
      <c r="I33447" s="1" t="s">
        <v>115226</v>
      </c>
      <c r="J33447" s="1" t="s">
        <v>116405</v>
      </c>
    </row>
    <row r="33448" spans="1:10" x14ac:dyDescent="0.35">
      <c r="A33448" s="1" t="s">
        <v>8414</v>
      </c>
      <c r="B33448" s="1" t="s">
        <v>115221</v>
      </c>
      <c r="C33448" s="1" t="s">
        <v>95</v>
      </c>
      <c r="D33448" s="1" t="s">
        <v>111841</v>
      </c>
      <c r="E33448" s="1" t="s">
        <v>116406</v>
      </c>
      <c r="F33448" s="1" t="s">
        <v>116407</v>
      </c>
      <c r="G33448" s="1" t="s">
        <v>116350</v>
      </c>
      <c r="H33448" s="1" t="s">
        <v>116351</v>
      </c>
      <c r="I33448" s="1" t="s">
        <v>115226</v>
      </c>
      <c r="J33448" s="1" t="s">
        <v>116408</v>
      </c>
    </row>
    <row r="33449" spans="1:10" x14ac:dyDescent="0.35">
      <c r="A33449" s="1" t="s">
        <v>8414</v>
      </c>
      <c r="B33449" s="1" t="s">
        <v>115221</v>
      </c>
      <c r="C33449" s="1" t="s">
        <v>100</v>
      </c>
      <c r="D33449" s="1" t="s">
        <v>36715</v>
      </c>
      <c r="E33449" s="1" t="s">
        <v>116409</v>
      </c>
      <c r="F33449" s="1" t="s">
        <v>116410</v>
      </c>
      <c r="G33449" s="1" t="s">
        <v>116350</v>
      </c>
      <c r="H33449" s="1" t="s">
        <v>116351</v>
      </c>
      <c r="I33449" s="1" t="s">
        <v>115226</v>
      </c>
      <c r="J33449" s="1" t="s">
        <v>116411</v>
      </c>
    </row>
    <row r="33450" spans="1:10" x14ac:dyDescent="0.35">
      <c r="A33450" s="1" t="s">
        <v>8414</v>
      </c>
      <c r="B33450" s="1" t="s">
        <v>115221</v>
      </c>
      <c r="C33450" s="1" t="s">
        <v>105</v>
      </c>
      <c r="D33450" s="1" t="s">
        <v>116412</v>
      </c>
      <c r="E33450" s="1" t="s">
        <v>116413</v>
      </c>
      <c r="F33450" s="1" t="s">
        <v>116414</v>
      </c>
      <c r="G33450" s="1" t="s">
        <v>116350</v>
      </c>
      <c r="H33450" s="1" t="s">
        <v>116351</v>
      </c>
      <c r="I33450" s="1" t="s">
        <v>115226</v>
      </c>
      <c r="J33450" s="1" t="s">
        <v>116415</v>
      </c>
    </row>
    <row r="33451" spans="1:10" x14ac:dyDescent="0.35">
      <c r="A33451" s="1" t="s">
        <v>8414</v>
      </c>
      <c r="B33451" s="1" t="s">
        <v>115221</v>
      </c>
      <c r="C33451" s="1" t="s">
        <v>110</v>
      </c>
      <c r="D33451" s="1" t="s">
        <v>364</v>
      </c>
      <c r="E33451" s="1" t="s">
        <v>116416</v>
      </c>
      <c r="F33451" s="1" t="s">
        <v>116417</v>
      </c>
      <c r="G33451" s="1" t="s">
        <v>116350</v>
      </c>
      <c r="H33451" s="1" t="s">
        <v>116351</v>
      </c>
      <c r="I33451" s="1" t="s">
        <v>115226</v>
      </c>
      <c r="J33451" s="1" t="s">
        <v>12811</v>
      </c>
    </row>
    <row r="33452" spans="1:10" x14ac:dyDescent="0.35">
      <c r="A33452" s="1" t="s">
        <v>8414</v>
      </c>
      <c r="B33452" s="1" t="s">
        <v>115221</v>
      </c>
      <c r="C33452" s="1" t="s">
        <v>115</v>
      </c>
      <c r="D33452" s="1" t="s">
        <v>116418</v>
      </c>
      <c r="E33452" s="1" t="s">
        <v>116419</v>
      </c>
      <c r="F33452" s="1" t="s">
        <v>116420</v>
      </c>
      <c r="G33452" s="1" t="s">
        <v>116350</v>
      </c>
      <c r="H33452" s="1" t="s">
        <v>116351</v>
      </c>
      <c r="I33452" s="1" t="s">
        <v>115226</v>
      </c>
      <c r="J33452" s="1" t="s">
        <v>116421</v>
      </c>
    </row>
    <row r="33453" spans="1:10" x14ac:dyDescent="0.35">
      <c r="A33453" s="1" t="s">
        <v>8414</v>
      </c>
      <c r="B33453" s="1" t="s">
        <v>115221</v>
      </c>
      <c r="C33453" s="1" t="s">
        <v>120</v>
      </c>
      <c r="D33453" s="1" t="s">
        <v>3088</v>
      </c>
      <c r="E33453" s="1" t="s">
        <v>116422</v>
      </c>
      <c r="F33453" s="1" t="s">
        <v>116423</v>
      </c>
      <c r="G33453" s="1" t="s">
        <v>116350</v>
      </c>
      <c r="H33453" s="1" t="s">
        <v>116351</v>
      </c>
      <c r="I33453" s="1" t="s">
        <v>115226</v>
      </c>
      <c r="J33453" s="1" t="s">
        <v>116424</v>
      </c>
    </row>
    <row r="33454" spans="1:10" x14ac:dyDescent="0.35">
      <c r="A33454" s="1" t="s">
        <v>8414</v>
      </c>
      <c r="B33454" s="1" t="s">
        <v>115221</v>
      </c>
      <c r="C33454" s="1" t="s">
        <v>125</v>
      </c>
      <c r="D33454" s="1" t="s">
        <v>15990</v>
      </c>
      <c r="E33454" s="1" t="s">
        <v>116425</v>
      </c>
      <c r="F33454" s="1" t="s">
        <v>116426</v>
      </c>
      <c r="G33454" s="1" t="s">
        <v>116350</v>
      </c>
      <c r="H33454" s="1" t="s">
        <v>116351</v>
      </c>
      <c r="I33454" s="1" t="s">
        <v>115226</v>
      </c>
      <c r="J33454" s="1" t="s">
        <v>116427</v>
      </c>
    </row>
    <row r="33455" spans="1:10" x14ac:dyDescent="0.35">
      <c r="A33455" s="1" t="s">
        <v>8414</v>
      </c>
      <c r="B33455" s="1" t="s">
        <v>115221</v>
      </c>
      <c r="C33455" s="1" t="s">
        <v>130</v>
      </c>
      <c r="D33455" s="1" t="s">
        <v>45778</v>
      </c>
      <c r="E33455" s="1" t="s">
        <v>116428</v>
      </c>
      <c r="F33455" s="1" t="s">
        <v>116429</v>
      </c>
      <c r="G33455" s="1" t="s">
        <v>116350</v>
      </c>
      <c r="H33455" s="1" t="s">
        <v>116351</v>
      </c>
      <c r="I33455" s="1" t="s">
        <v>115226</v>
      </c>
      <c r="J33455" s="1" t="s">
        <v>116430</v>
      </c>
    </row>
    <row r="33456" spans="1:10" x14ac:dyDescent="0.35">
      <c r="A33456" s="1" t="s">
        <v>8414</v>
      </c>
      <c r="B33456" s="1" t="s">
        <v>115221</v>
      </c>
      <c r="C33456" s="1" t="s">
        <v>135</v>
      </c>
      <c r="D33456" s="1" t="s">
        <v>116431</v>
      </c>
      <c r="E33456" s="1" t="s">
        <v>116432</v>
      </c>
      <c r="F33456" s="1" t="s">
        <v>116433</v>
      </c>
      <c r="G33456" s="1" t="s">
        <v>116350</v>
      </c>
      <c r="H33456" s="1" t="s">
        <v>116351</v>
      </c>
      <c r="I33456" s="1" t="s">
        <v>115226</v>
      </c>
      <c r="J33456" s="1" t="s">
        <v>116434</v>
      </c>
    </row>
    <row r="33457" spans="1:10" x14ac:dyDescent="0.35">
      <c r="A33457" s="1" t="s">
        <v>8414</v>
      </c>
      <c r="B33457" s="1" t="s">
        <v>115221</v>
      </c>
      <c r="C33457" s="1" t="s">
        <v>140</v>
      </c>
      <c r="D33457" s="1" t="s">
        <v>31124</v>
      </c>
      <c r="E33457" s="1" t="s">
        <v>116435</v>
      </c>
      <c r="F33457" s="1" t="s">
        <v>116436</v>
      </c>
      <c r="G33457" s="1" t="s">
        <v>116350</v>
      </c>
      <c r="H33457" s="1" t="s">
        <v>116351</v>
      </c>
      <c r="I33457" s="1" t="s">
        <v>115226</v>
      </c>
      <c r="J33457" s="1" t="s">
        <v>116437</v>
      </c>
    </row>
    <row r="33458" spans="1:10" x14ac:dyDescent="0.35">
      <c r="A33458" s="1" t="s">
        <v>8414</v>
      </c>
      <c r="B33458" s="1" t="s">
        <v>115221</v>
      </c>
      <c r="C33458" s="1" t="s">
        <v>145</v>
      </c>
      <c r="D33458" s="1" t="s">
        <v>116438</v>
      </c>
      <c r="E33458" s="1" t="s">
        <v>116439</v>
      </c>
      <c r="F33458" s="1" t="s">
        <v>116440</v>
      </c>
      <c r="G33458" s="1" t="s">
        <v>116350</v>
      </c>
      <c r="H33458" s="1" t="s">
        <v>116351</v>
      </c>
      <c r="I33458" s="1" t="s">
        <v>115226</v>
      </c>
      <c r="J33458" s="1" t="s">
        <v>116441</v>
      </c>
    </row>
    <row r="33459" spans="1:10" x14ac:dyDescent="0.35">
      <c r="A33459" s="1" t="s">
        <v>8414</v>
      </c>
      <c r="B33459" s="1" t="s">
        <v>115221</v>
      </c>
      <c r="C33459" s="1" t="s">
        <v>150</v>
      </c>
      <c r="D33459" s="1" t="s">
        <v>116442</v>
      </c>
      <c r="E33459" s="1" t="s">
        <v>116443</v>
      </c>
      <c r="F33459" s="1" t="s">
        <v>116444</v>
      </c>
      <c r="G33459" s="1" t="s">
        <v>116350</v>
      </c>
      <c r="H33459" s="1" t="s">
        <v>116351</v>
      </c>
      <c r="I33459" s="1" t="s">
        <v>115226</v>
      </c>
      <c r="J33459" s="1" t="s">
        <v>116445</v>
      </c>
    </row>
    <row r="33460" spans="1:10" x14ac:dyDescent="0.35">
      <c r="A33460" s="1" t="s">
        <v>8414</v>
      </c>
      <c r="B33460" s="1" t="s">
        <v>115221</v>
      </c>
      <c r="C33460" s="1" t="s">
        <v>155</v>
      </c>
      <c r="D33460" s="1" t="s">
        <v>30205</v>
      </c>
      <c r="E33460" s="1" t="s">
        <v>116446</v>
      </c>
      <c r="F33460" s="1" t="s">
        <v>116447</v>
      </c>
      <c r="G33460" s="1" t="s">
        <v>116350</v>
      </c>
      <c r="H33460" s="1" t="s">
        <v>116351</v>
      </c>
      <c r="I33460" s="1" t="s">
        <v>115226</v>
      </c>
      <c r="J33460" s="1" t="s">
        <v>116448</v>
      </c>
    </row>
    <row r="33461" spans="1:10" x14ac:dyDescent="0.35">
      <c r="A33461" s="1" t="s">
        <v>8414</v>
      </c>
      <c r="B33461" s="1" t="s">
        <v>115221</v>
      </c>
      <c r="C33461" s="1" t="s">
        <v>160</v>
      </c>
      <c r="D33461" s="1" t="s">
        <v>42773</v>
      </c>
      <c r="E33461" s="1" t="s">
        <v>116449</v>
      </c>
      <c r="F33461" s="1" t="s">
        <v>116450</v>
      </c>
      <c r="G33461" s="1" t="s">
        <v>116350</v>
      </c>
      <c r="H33461" s="1" t="s">
        <v>116351</v>
      </c>
      <c r="I33461" s="1" t="s">
        <v>115226</v>
      </c>
      <c r="J33461" s="1" t="s">
        <v>116451</v>
      </c>
    </row>
    <row r="33462" spans="1:10" x14ac:dyDescent="0.35">
      <c r="A33462" s="1" t="s">
        <v>8414</v>
      </c>
      <c r="B33462" s="1" t="s">
        <v>115221</v>
      </c>
      <c r="C33462" s="1" t="s">
        <v>165</v>
      </c>
      <c r="D33462" s="1" t="s">
        <v>116452</v>
      </c>
      <c r="E33462" s="1" t="s">
        <v>116453</v>
      </c>
      <c r="F33462" s="1" t="s">
        <v>116454</v>
      </c>
      <c r="G33462" s="1" t="s">
        <v>116350</v>
      </c>
      <c r="H33462" s="1" t="s">
        <v>116351</v>
      </c>
      <c r="I33462" s="1" t="s">
        <v>115226</v>
      </c>
      <c r="J33462" s="1" t="s">
        <v>116455</v>
      </c>
    </row>
    <row r="33463" spans="1:10" x14ac:dyDescent="0.35">
      <c r="A33463" s="1" t="s">
        <v>8414</v>
      </c>
      <c r="B33463" s="1" t="s">
        <v>115221</v>
      </c>
      <c r="C33463" s="1" t="s">
        <v>170</v>
      </c>
      <c r="D33463" s="1" t="s">
        <v>116456</v>
      </c>
      <c r="E33463" s="1" t="s">
        <v>116457</v>
      </c>
      <c r="F33463" s="1" t="s">
        <v>116458</v>
      </c>
      <c r="G33463" s="1" t="s">
        <v>116350</v>
      </c>
      <c r="H33463" s="1" t="s">
        <v>116351</v>
      </c>
      <c r="I33463" s="1" t="s">
        <v>115226</v>
      </c>
      <c r="J33463" s="1" t="s">
        <v>116459</v>
      </c>
    </row>
    <row r="33464" spans="1:10" x14ac:dyDescent="0.35">
      <c r="A33464" s="1" t="s">
        <v>116460</v>
      </c>
      <c r="B33464" s="1" t="s">
        <v>115221</v>
      </c>
      <c r="C33464" s="1" t="s">
        <v>8</v>
      </c>
      <c r="D33464" s="1" t="s">
        <v>4094</v>
      </c>
      <c r="E33464" s="1" t="s">
        <v>116461</v>
      </c>
      <c r="F33464" s="1" t="s">
        <v>116462</v>
      </c>
      <c r="G33464" s="1" t="s">
        <v>116463</v>
      </c>
      <c r="H33464" s="1" t="s">
        <v>116464</v>
      </c>
      <c r="I33464" s="1" t="s">
        <v>115226</v>
      </c>
      <c r="J33464" s="1" t="s">
        <v>13</v>
      </c>
    </row>
    <row r="33465" spans="1:10" x14ac:dyDescent="0.35">
      <c r="A33465" s="1" t="s">
        <v>116460</v>
      </c>
      <c r="B33465" s="1" t="s">
        <v>115221</v>
      </c>
      <c r="C33465" s="1" t="s">
        <v>15</v>
      </c>
      <c r="D33465" s="1" t="s">
        <v>116465</v>
      </c>
      <c r="E33465" s="1" t="s">
        <v>116466</v>
      </c>
      <c r="F33465" s="1" t="s">
        <v>116467</v>
      </c>
      <c r="G33465" s="1" t="s">
        <v>116463</v>
      </c>
      <c r="H33465" s="1" t="s">
        <v>116464</v>
      </c>
      <c r="I33465" s="1" t="s">
        <v>115226</v>
      </c>
      <c r="J33465" s="1" t="s">
        <v>116468</v>
      </c>
    </row>
    <row r="33466" spans="1:10" x14ac:dyDescent="0.35">
      <c r="A33466" s="1" t="s">
        <v>116460</v>
      </c>
      <c r="B33466" s="1" t="s">
        <v>115221</v>
      </c>
      <c r="C33466" s="1" t="s">
        <v>20</v>
      </c>
      <c r="D33466" s="1" t="s">
        <v>2921</v>
      </c>
      <c r="E33466" s="1" t="s">
        <v>116469</v>
      </c>
      <c r="F33466" s="1" t="s">
        <v>116470</v>
      </c>
      <c r="G33466" s="1" t="s">
        <v>116463</v>
      </c>
      <c r="H33466" s="1" t="s">
        <v>116464</v>
      </c>
      <c r="I33466" s="1" t="s">
        <v>115226</v>
      </c>
      <c r="J33466" s="1" t="s">
        <v>116471</v>
      </c>
    </row>
    <row r="33467" spans="1:10" x14ac:dyDescent="0.35">
      <c r="A33467" s="1" t="s">
        <v>116460</v>
      </c>
      <c r="B33467" s="1" t="s">
        <v>115221</v>
      </c>
      <c r="C33467" s="1" t="s">
        <v>25</v>
      </c>
      <c r="D33467" s="1" t="s">
        <v>27507</v>
      </c>
      <c r="E33467" s="1" t="s">
        <v>116472</v>
      </c>
      <c r="F33467" s="1" t="s">
        <v>116473</v>
      </c>
      <c r="G33467" s="1" t="s">
        <v>116463</v>
      </c>
      <c r="H33467" s="1" t="s">
        <v>116464</v>
      </c>
      <c r="I33467" s="1" t="s">
        <v>115226</v>
      </c>
      <c r="J33467" s="1" t="s">
        <v>116474</v>
      </c>
    </row>
    <row r="33468" spans="1:10" x14ac:dyDescent="0.35">
      <c r="A33468" s="1" t="s">
        <v>116460</v>
      </c>
      <c r="B33468" s="1" t="s">
        <v>115221</v>
      </c>
      <c r="C33468" s="1" t="s">
        <v>30</v>
      </c>
      <c r="D33468" s="1" t="s">
        <v>116475</v>
      </c>
      <c r="E33468" s="1" t="s">
        <v>116476</v>
      </c>
      <c r="F33468" s="1" t="s">
        <v>116477</v>
      </c>
      <c r="G33468" s="1" t="s">
        <v>116463</v>
      </c>
      <c r="H33468" s="1" t="s">
        <v>116464</v>
      </c>
      <c r="I33468" s="1" t="s">
        <v>115226</v>
      </c>
      <c r="J33468" s="1" t="s">
        <v>116478</v>
      </c>
    </row>
    <row r="33469" spans="1:10" x14ac:dyDescent="0.35">
      <c r="A33469" s="1" t="s">
        <v>116460</v>
      </c>
      <c r="B33469" s="1" t="s">
        <v>115221</v>
      </c>
      <c r="C33469" s="1" t="s">
        <v>35</v>
      </c>
      <c r="D33469" s="1" t="s">
        <v>116479</v>
      </c>
      <c r="E33469" s="1" t="s">
        <v>116480</v>
      </c>
      <c r="F33469" s="1" t="s">
        <v>116481</v>
      </c>
      <c r="G33469" s="1" t="s">
        <v>116463</v>
      </c>
      <c r="H33469" s="1" t="s">
        <v>116464</v>
      </c>
      <c r="I33469" s="1" t="s">
        <v>115226</v>
      </c>
      <c r="J33469" s="1" t="s">
        <v>116482</v>
      </c>
    </row>
    <row r="33470" spans="1:10" x14ac:dyDescent="0.35">
      <c r="A33470" s="1" t="s">
        <v>116460</v>
      </c>
      <c r="B33470" s="1" t="s">
        <v>115221</v>
      </c>
      <c r="C33470" s="1" t="s">
        <v>40</v>
      </c>
      <c r="D33470" s="1" t="s">
        <v>72674</v>
      </c>
      <c r="E33470" s="1" t="s">
        <v>116483</v>
      </c>
      <c r="F33470" s="1" t="s">
        <v>116484</v>
      </c>
      <c r="G33470" s="1" t="s">
        <v>116463</v>
      </c>
      <c r="H33470" s="1" t="s">
        <v>116464</v>
      </c>
      <c r="I33470" s="1" t="s">
        <v>115226</v>
      </c>
      <c r="J33470" s="1" t="s">
        <v>116485</v>
      </c>
    </row>
    <row r="33471" spans="1:10" x14ac:dyDescent="0.35">
      <c r="A33471" s="1" t="s">
        <v>116460</v>
      </c>
      <c r="B33471" s="1" t="s">
        <v>115221</v>
      </c>
      <c r="C33471" s="1" t="s">
        <v>45</v>
      </c>
      <c r="D33471" s="1" t="s">
        <v>104560</v>
      </c>
      <c r="E33471" s="1" t="s">
        <v>116486</v>
      </c>
      <c r="F33471" s="1" t="s">
        <v>116487</v>
      </c>
      <c r="G33471" s="1" t="s">
        <v>116463</v>
      </c>
      <c r="H33471" s="1" t="s">
        <v>116464</v>
      </c>
      <c r="I33471" s="1" t="s">
        <v>115226</v>
      </c>
      <c r="J33471" s="1" t="s">
        <v>116488</v>
      </c>
    </row>
    <row r="33472" spans="1:10" x14ac:dyDescent="0.35">
      <c r="A33472" s="1" t="s">
        <v>116460</v>
      </c>
      <c r="B33472" s="1" t="s">
        <v>115221</v>
      </c>
      <c r="C33472" s="1" t="s">
        <v>50</v>
      </c>
      <c r="D33472" s="1" t="s">
        <v>34811</v>
      </c>
      <c r="E33472" s="1" t="s">
        <v>116489</v>
      </c>
      <c r="F33472" s="1" t="s">
        <v>116490</v>
      </c>
      <c r="G33472" s="1" t="s">
        <v>116463</v>
      </c>
      <c r="H33472" s="1" t="s">
        <v>116464</v>
      </c>
      <c r="I33472" s="1" t="s">
        <v>115226</v>
      </c>
      <c r="J33472" s="1" t="s">
        <v>116491</v>
      </c>
    </row>
    <row r="33473" spans="1:10" x14ac:dyDescent="0.35">
      <c r="A33473" s="1" t="s">
        <v>116460</v>
      </c>
      <c r="B33473" s="1" t="s">
        <v>115221</v>
      </c>
      <c r="C33473" s="1" t="s">
        <v>55</v>
      </c>
      <c r="D33473" s="1" t="s">
        <v>116492</v>
      </c>
      <c r="E33473" s="1" t="s">
        <v>116493</v>
      </c>
      <c r="F33473" s="1" t="s">
        <v>116494</v>
      </c>
      <c r="G33473" s="1" t="s">
        <v>116463</v>
      </c>
      <c r="H33473" s="1" t="s">
        <v>116464</v>
      </c>
      <c r="I33473" s="1" t="s">
        <v>115226</v>
      </c>
      <c r="J33473" s="1" t="s">
        <v>116495</v>
      </c>
    </row>
    <row r="33474" spans="1:10" x14ac:dyDescent="0.35">
      <c r="A33474" s="1" t="s">
        <v>116460</v>
      </c>
      <c r="B33474" s="1" t="s">
        <v>115221</v>
      </c>
      <c r="C33474" s="1" t="s">
        <v>60</v>
      </c>
      <c r="D33474" s="1" t="s">
        <v>36156</v>
      </c>
      <c r="E33474" s="1" t="s">
        <v>116496</v>
      </c>
      <c r="F33474" s="1" t="s">
        <v>116497</v>
      </c>
      <c r="G33474" s="1" t="s">
        <v>116463</v>
      </c>
      <c r="H33474" s="1" t="s">
        <v>116464</v>
      </c>
      <c r="I33474" s="1" t="s">
        <v>115226</v>
      </c>
      <c r="J33474" s="1" t="s">
        <v>116498</v>
      </c>
    </row>
    <row r="33475" spans="1:10" x14ac:dyDescent="0.35">
      <c r="A33475" s="1" t="s">
        <v>116460</v>
      </c>
      <c r="B33475" s="1" t="s">
        <v>115221</v>
      </c>
      <c r="C33475" s="1" t="s">
        <v>65</v>
      </c>
      <c r="D33475" s="1" t="s">
        <v>116499</v>
      </c>
      <c r="E33475" s="1" t="s">
        <v>51105</v>
      </c>
      <c r="F33475" s="1" t="s">
        <v>116500</v>
      </c>
      <c r="G33475" s="1" t="s">
        <v>116463</v>
      </c>
      <c r="H33475" s="1" t="s">
        <v>116464</v>
      </c>
      <c r="I33475" s="1" t="s">
        <v>115226</v>
      </c>
      <c r="J33475" s="1" t="s">
        <v>116501</v>
      </c>
    </row>
    <row r="33476" spans="1:10" x14ac:dyDescent="0.35">
      <c r="A33476" s="1" t="s">
        <v>116460</v>
      </c>
      <c r="B33476" s="1" t="s">
        <v>115221</v>
      </c>
      <c r="C33476" s="1" t="s">
        <v>70</v>
      </c>
      <c r="D33476" s="1" t="s">
        <v>116502</v>
      </c>
      <c r="E33476" s="1" t="s">
        <v>116503</v>
      </c>
      <c r="F33476" s="1" t="s">
        <v>116504</v>
      </c>
      <c r="G33476" s="1" t="s">
        <v>116463</v>
      </c>
      <c r="H33476" s="1" t="s">
        <v>116464</v>
      </c>
      <c r="I33476" s="1" t="s">
        <v>115226</v>
      </c>
      <c r="J33476" s="1" t="s">
        <v>116505</v>
      </c>
    </row>
    <row r="33477" spans="1:10" x14ac:dyDescent="0.35">
      <c r="A33477" s="1" t="s">
        <v>116460</v>
      </c>
      <c r="B33477" s="1" t="s">
        <v>115221</v>
      </c>
      <c r="C33477" s="1" t="s">
        <v>75</v>
      </c>
      <c r="D33477" s="1" t="s">
        <v>360</v>
      </c>
      <c r="E33477" s="1" t="s">
        <v>116506</v>
      </c>
      <c r="F33477" s="1" t="s">
        <v>116507</v>
      </c>
      <c r="G33477" s="1" t="s">
        <v>116463</v>
      </c>
      <c r="H33477" s="1" t="s">
        <v>116464</v>
      </c>
      <c r="I33477" s="1" t="s">
        <v>115226</v>
      </c>
      <c r="J33477" s="1" t="s">
        <v>116508</v>
      </c>
    </row>
    <row r="33478" spans="1:10" x14ac:dyDescent="0.35">
      <c r="A33478" s="1" t="s">
        <v>116460</v>
      </c>
      <c r="B33478" s="1" t="s">
        <v>115221</v>
      </c>
      <c r="C33478" s="1" t="s">
        <v>80</v>
      </c>
      <c r="D33478" s="1" t="s">
        <v>51521</v>
      </c>
      <c r="E33478" s="1" t="s">
        <v>116509</v>
      </c>
      <c r="F33478" s="1" t="s">
        <v>116510</v>
      </c>
      <c r="G33478" s="1" t="s">
        <v>116463</v>
      </c>
      <c r="H33478" s="1" t="s">
        <v>116464</v>
      </c>
      <c r="I33478" s="1" t="s">
        <v>115226</v>
      </c>
      <c r="J33478" s="1" t="s">
        <v>116511</v>
      </c>
    </row>
    <row r="33479" spans="1:10" x14ac:dyDescent="0.35">
      <c r="A33479" s="1" t="s">
        <v>116460</v>
      </c>
      <c r="B33479" s="1" t="s">
        <v>115221</v>
      </c>
      <c r="C33479" s="1" t="s">
        <v>85</v>
      </c>
      <c r="D33479" s="1" t="s">
        <v>15744</v>
      </c>
      <c r="E33479" s="1" t="s">
        <v>116512</v>
      </c>
      <c r="F33479" s="1" t="s">
        <v>116513</v>
      </c>
      <c r="G33479" s="1" t="s">
        <v>116463</v>
      </c>
      <c r="H33479" s="1" t="s">
        <v>116464</v>
      </c>
      <c r="I33479" s="1" t="s">
        <v>115226</v>
      </c>
      <c r="J33479" s="1" t="s">
        <v>116514</v>
      </c>
    </row>
    <row r="33480" spans="1:10" x14ac:dyDescent="0.35">
      <c r="A33480" s="1" t="s">
        <v>116460</v>
      </c>
      <c r="B33480" s="1" t="s">
        <v>115221</v>
      </c>
      <c r="C33480" s="1" t="s">
        <v>90</v>
      </c>
      <c r="D33480" s="1" t="s">
        <v>16207</v>
      </c>
      <c r="E33480" s="1" t="s">
        <v>116515</v>
      </c>
      <c r="F33480" s="1" t="s">
        <v>116516</v>
      </c>
      <c r="G33480" s="1" t="s">
        <v>116463</v>
      </c>
      <c r="H33480" s="1" t="s">
        <v>116464</v>
      </c>
      <c r="I33480" s="1" t="s">
        <v>115226</v>
      </c>
      <c r="J33480" s="1" t="s">
        <v>116517</v>
      </c>
    </row>
    <row r="33481" spans="1:10" x14ac:dyDescent="0.35">
      <c r="A33481" s="1" t="s">
        <v>116460</v>
      </c>
      <c r="B33481" s="1" t="s">
        <v>115221</v>
      </c>
      <c r="C33481" s="1" t="s">
        <v>95</v>
      </c>
      <c r="D33481" s="1" t="s">
        <v>116518</v>
      </c>
      <c r="E33481" s="1" t="s">
        <v>116519</v>
      </c>
      <c r="F33481" s="1" t="s">
        <v>116520</v>
      </c>
      <c r="G33481" s="1" t="s">
        <v>116463</v>
      </c>
      <c r="H33481" s="1" t="s">
        <v>116464</v>
      </c>
      <c r="I33481" s="1" t="s">
        <v>115226</v>
      </c>
      <c r="J33481" s="1" t="s">
        <v>116521</v>
      </c>
    </row>
    <row r="33482" spans="1:10" x14ac:dyDescent="0.35">
      <c r="A33482" s="1" t="s">
        <v>116460</v>
      </c>
      <c r="B33482" s="1" t="s">
        <v>115221</v>
      </c>
      <c r="C33482" s="1" t="s">
        <v>100</v>
      </c>
      <c r="D33482" s="1" t="s">
        <v>116522</v>
      </c>
      <c r="E33482" s="1" t="s">
        <v>116523</v>
      </c>
      <c r="F33482" s="1" t="s">
        <v>116524</v>
      </c>
      <c r="G33482" s="1" t="s">
        <v>116463</v>
      </c>
      <c r="H33482" s="1" t="s">
        <v>116464</v>
      </c>
      <c r="I33482" s="1" t="s">
        <v>115226</v>
      </c>
      <c r="J33482" s="1" t="s">
        <v>116525</v>
      </c>
    </row>
    <row r="33483" spans="1:10" x14ac:dyDescent="0.35">
      <c r="A33483" s="1" t="s">
        <v>116460</v>
      </c>
      <c r="B33483" s="1" t="s">
        <v>115221</v>
      </c>
      <c r="C33483" s="1" t="s">
        <v>105</v>
      </c>
      <c r="D33483" s="1" t="s">
        <v>13011</v>
      </c>
      <c r="E33483" s="1" t="s">
        <v>116526</v>
      </c>
      <c r="F33483" s="1" t="s">
        <v>116527</v>
      </c>
      <c r="G33483" s="1" t="s">
        <v>116463</v>
      </c>
      <c r="H33483" s="1" t="s">
        <v>116464</v>
      </c>
      <c r="I33483" s="1" t="s">
        <v>115226</v>
      </c>
      <c r="J33483" s="1" t="s">
        <v>116528</v>
      </c>
    </row>
    <row r="33484" spans="1:10" x14ac:dyDescent="0.35">
      <c r="A33484" s="1" t="s">
        <v>116460</v>
      </c>
      <c r="B33484" s="1" t="s">
        <v>115221</v>
      </c>
      <c r="C33484" s="1" t="s">
        <v>110</v>
      </c>
      <c r="D33484" s="1" t="s">
        <v>35330</v>
      </c>
      <c r="E33484" s="1" t="s">
        <v>116529</v>
      </c>
      <c r="F33484" s="1" t="s">
        <v>116530</v>
      </c>
      <c r="G33484" s="1" t="s">
        <v>116463</v>
      </c>
      <c r="H33484" s="1" t="s">
        <v>116464</v>
      </c>
      <c r="I33484" s="1" t="s">
        <v>115226</v>
      </c>
      <c r="J33484" s="1" t="s">
        <v>116531</v>
      </c>
    </row>
    <row r="33485" spans="1:10" x14ac:dyDescent="0.35">
      <c r="A33485" s="1" t="s">
        <v>116460</v>
      </c>
      <c r="B33485" s="1" t="s">
        <v>115221</v>
      </c>
      <c r="C33485" s="1" t="s">
        <v>115</v>
      </c>
      <c r="D33485" s="1" t="s">
        <v>35021</v>
      </c>
      <c r="E33485" s="1" t="s">
        <v>116532</v>
      </c>
      <c r="F33485" s="1" t="s">
        <v>116533</v>
      </c>
      <c r="G33485" s="1" t="s">
        <v>116463</v>
      </c>
      <c r="H33485" s="1" t="s">
        <v>116464</v>
      </c>
      <c r="I33485" s="1" t="s">
        <v>115226</v>
      </c>
      <c r="J33485" s="1" t="s">
        <v>116534</v>
      </c>
    </row>
    <row r="33486" spans="1:10" x14ac:dyDescent="0.35">
      <c r="A33486" s="1" t="s">
        <v>116460</v>
      </c>
      <c r="B33486" s="1" t="s">
        <v>115221</v>
      </c>
      <c r="C33486" s="1" t="s">
        <v>120</v>
      </c>
      <c r="D33486" s="1" t="s">
        <v>116535</v>
      </c>
      <c r="E33486" s="1" t="s">
        <v>116536</v>
      </c>
      <c r="F33486" s="1" t="s">
        <v>116537</v>
      </c>
      <c r="G33486" s="1" t="s">
        <v>116463</v>
      </c>
      <c r="H33486" s="1" t="s">
        <v>116464</v>
      </c>
      <c r="I33486" s="1" t="s">
        <v>115226</v>
      </c>
      <c r="J33486" s="1" t="s">
        <v>116538</v>
      </c>
    </row>
    <row r="33487" spans="1:10" x14ac:dyDescent="0.35">
      <c r="A33487" s="1" t="s">
        <v>116460</v>
      </c>
      <c r="B33487" s="1" t="s">
        <v>115221</v>
      </c>
      <c r="C33487" s="1" t="s">
        <v>125</v>
      </c>
      <c r="D33487" s="1" t="s">
        <v>28682</v>
      </c>
      <c r="E33487" s="1" t="s">
        <v>116539</v>
      </c>
      <c r="F33487" s="1" t="s">
        <v>116540</v>
      </c>
      <c r="G33487" s="1" t="s">
        <v>116463</v>
      </c>
      <c r="H33487" s="1" t="s">
        <v>116464</v>
      </c>
      <c r="I33487" s="1" t="s">
        <v>115226</v>
      </c>
      <c r="J33487" s="1" t="s">
        <v>116541</v>
      </c>
    </row>
    <row r="33488" spans="1:10" x14ac:dyDescent="0.35">
      <c r="A33488" s="1" t="s">
        <v>116460</v>
      </c>
      <c r="B33488" s="1" t="s">
        <v>115221</v>
      </c>
      <c r="C33488" s="1" t="s">
        <v>130</v>
      </c>
      <c r="D33488" s="1" t="s">
        <v>116542</v>
      </c>
      <c r="E33488" s="1" t="s">
        <v>116543</v>
      </c>
      <c r="F33488" s="1" t="s">
        <v>116544</v>
      </c>
      <c r="G33488" s="1" t="s">
        <v>116463</v>
      </c>
      <c r="H33488" s="1" t="s">
        <v>116464</v>
      </c>
      <c r="I33488" s="1" t="s">
        <v>115226</v>
      </c>
      <c r="J33488" s="1" t="s">
        <v>116545</v>
      </c>
    </row>
    <row r="33489" spans="1:10" x14ac:dyDescent="0.35">
      <c r="A33489" s="1" t="s">
        <v>116460</v>
      </c>
      <c r="B33489" s="1" t="s">
        <v>115221</v>
      </c>
      <c r="C33489" s="1" t="s">
        <v>135</v>
      </c>
      <c r="D33489" s="1" t="s">
        <v>10753</v>
      </c>
      <c r="E33489" s="1" t="s">
        <v>116546</v>
      </c>
      <c r="F33489" s="1" t="s">
        <v>116547</v>
      </c>
      <c r="G33489" s="1" t="s">
        <v>116463</v>
      </c>
      <c r="H33489" s="1" t="s">
        <v>116464</v>
      </c>
      <c r="I33489" s="1" t="s">
        <v>115226</v>
      </c>
      <c r="J33489" s="1" t="s">
        <v>116548</v>
      </c>
    </row>
    <row r="33490" spans="1:10" x14ac:dyDescent="0.35">
      <c r="A33490" s="1" t="s">
        <v>116460</v>
      </c>
      <c r="B33490" s="1" t="s">
        <v>115221</v>
      </c>
      <c r="C33490" s="1" t="s">
        <v>140</v>
      </c>
      <c r="D33490" s="1" t="s">
        <v>116549</v>
      </c>
      <c r="E33490" s="1" t="s">
        <v>116550</v>
      </c>
      <c r="F33490" s="1" t="s">
        <v>116551</v>
      </c>
      <c r="G33490" s="1" t="s">
        <v>116463</v>
      </c>
      <c r="H33490" s="1" t="s">
        <v>116464</v>
      </c>
      <c r="I33490" s="1" t="s">
        <v>115226</v>
      </c>
      <c r="J33490" s="1" t="s">
        <v>116552</v>
      </c>
    </row>
    <row r="33491" spans="1:10" x14ac:dyDescent="0.35">
      <c r="A33491" s="1" t="s">
        <v>116460</v>
      </c>
      <c r="B33491" s="1" t="s">
        <v>115221</v>
      </c>
      <c r="C33491" s="1" t="s">
        <v>145</v>
      </c>
      <c r="D33491" s="1" t="s">
        <v>16160</v>
      </c>
      <c r="E33491" s="1" t="s">
        <v>116553</v>
      </c>
      <c r="F33491" s="1" t="s">
        <v>116554</v>
      </c>
      <c r="G33491" s="1" t="s">
        <v>116463</v>
      </c>
      <c r="H33491" s="1" t="s">
        <v>116464</v>
      </c>
      <c r="I33491" s="1" t="s">
        <v>115226</v>
      </c>
      <c r="J33491" s="1" t="s">
        <v>116555</v>
      </c>
    </row>
    <row r="33492" spans="1:10" x14ac:dyDescent="0.35">
      <c r="A33492" s="1" t="s">
        <v>116460</v>
      </c>
      <c r="B33492" s="1" t="s">
        <v>115221</v>
      </c>
      <c r="C33492" s="1" t="s">
        <v>150</v>
      </c>
      <c r="D33492" s="1" t="s">
        <v>116556</v>
      </c>
      <c r="E33492" s="1" t="s">
        <v>116557</v>
      </c>
      <c r="F33492" s="1" t="s">
        <v>116558</v>
      </c>
      <c r="G33492" s="1" t="s">
        <v>116463</v>
      </c>
      <c r="H33492" s="1" t="s">
        <v>116464</v>
      </c>
      <c r="I33492" s="1" t="s">
        <v>115226</v>
      </c>
      <c r="J33492" s="1" t="s">
        <v>116559</v>
      </c>
    </row>
    <row r="33493" spans="1:10" x14ac:dyDescent="0.35">
      <c r="A33493" s="1" t="s">
        <v>116460</v>
      </c>
      <c r="B33493" s="1" t="s">
        <v>115221</v>
      </c>
      <c r="C33493" s="1" t="s">
        <v>155</v>
      </c>
      <c r="D33493" s="1" t="s">
        <v>116560</v>
      </c>
      <c r="E33493" s="1" t="s">
        <v>116561</v>
      </c>
      <c r="F33493" s="1" t="s">
        <v>116562</v>
      </c>
      <c r="G33493" s="1" t="s">
        <v>116463</v>
      </c>
      <c r="H33493" s="1" t="s">
        <v>116464</v>
      </c>
      <c r="I33493" s="1" t="s">
        <v>115226</v>
      </c>
      <c r="J33493" s="1" t="s">
        <v>116563</v>
      </c>
    </row>
    <row r="33494" spans="1:10" x14ac:dyDescent="0.35">
      <c r="A33494" s="1" t="s">
        <v>116460</v>
      </c>
      <c r="B33494" s="1" t="s">
        <v>115221</v>
      </c>
      <c r="C33494" s="1" t="s">
        <v>160</v>
      </c>
      <c r="D33494" s="1" t="s">
        <v>33450</v>
      </c>
      <c r="E33494" s="1" t="s">
        <v>116564</v>
      </c>
      <c r="F33494" s="1" t="s">
        <v>116565</v>
      </c>
      <c r="G33494" s="1" t="s">
        <v>116463</v>
      </c>
      <c r="H33494" s="1" t="s">
        <v>116464</v>
      </c>
      <c r="I33494" s="1" t="s">
        <v>115226</v>
      </c>
      <c r="J33494" s="1" t="s">
        <v>116566</v>
      </c>
    </row>
    <row r="33495" spans="1:10" x14ac:dyDescent="0.35">
      <c r="A33495" s="1" t="s">
        <v>116460</v>
      </c>
      <c r="B33495" s="1" t="s">
        <v>115221</v>
      </c>
      <c r="C33495" s="1" t="s">
        <v>165</v>
      </c>
      <c r="D33495" s="1" t="s">
        <v>33454</v>
      </c>
      <c r="E33495" s="1" t="s">
        <v>116567</v>
      </c>
      <c r="F33495" s="1" t="s">
        <v>116568</v>
      </c>
      <c r="G33495" s="1" t="s">
        <v>116463</v>
      </c>
      <c r="H33495" s="1" t="s">
        <v>116464</v>
      </c>
      <c r="I33495" s="1" t="s">
        <v>115226</v>
      </c>
      <c r="J33495" s="1" t="s">
        <v>33457</v>
      </c>
    </row>
    <row r="33496" spans="1:10" x14ac:dyDescent="0.35">
      <c r="A33496" s="1" t="s">
        <v>116460</v>
      </c>
      <c r="B33496" s="1" t="s">
        <v>115221</v>
      </c>
      <c r="C33496" s="1" t="s">
        <v>170</v>
      </c>
      <c r="D33496" s="1" t="s">
        <v>116569</v>
      </c>
      <c r="E33496" s="1" t="s">
        <v>116570</v>
      </c>
      <c r="F33496" s="1" t="s">
        <v>116571</v>
      </c>
      <c r="G33496" s="1" t="s">
        <v>116463</v>
      </c>
      <c r="H33496" s="1" t="s">
        <v>116464</v>
      </c>
      <c r="I33496" s="1" t="s">
        <v>115226</v>
      </c>
      <c r="J33496" s="1" t="s">
        <v>116572</v>
      </c>
    </row>
    <row r="33497" spans="1:10" x14ac:dyDescent="0.35">
      <c r="A33497" s="1" t="s">
        <v>116573</v>
      </c>
      <c r="B33497" s="1" t="s">
        <v>115221</v>
      </c>
      <c r="C33497" s="1" t="s">
        <v>8</v>
      </c>
      <c r="D33497" s="1" t="s">
        <v>28933</v>
      </c>
      <c r="E33497" s="1" t="s">
        <v>116574</v>
      </c>
      <c r="F33497" s="1" t="s">
        <v>116575</v>
      </c>
      <c r="G33497" s="1" t="s">
        <v>116576</v>
      </c>
      <c r="H33497" s="1" t="s">
        <v>116577</v>
      </c>
      <c r="I33497" s="1" t="s">
        <v>115226</v>
      </c>
      <c r="J33497" s="1" t="s">
        <v>13</v>
      </c>
    </row>
    <row r="33498" spans="1:10" x14ac:dyDescent="0.35">
      <c r="A33498" s="1" t="s">
        <v>116573</v>
      </c>
      <c r="B33498" s="1" t="s">
        <v>115221</v>
      </c>
      <c r="C33498" s="1" t="s">
        <v>15</v>
      </c>
      <c r="D33498" s="1" t="s">
        <v>25177</v>
      </c>
      <c r="E33498" s="1" t="s">
        <v>116578</v>
      </c>
      <c r="F33498" s="1" t="s">
        <v>116579</v>
      </c>
      <c r="G33498" s="1" t="s">
        <v>116576</v>
      </c>
      <c r="H33498" s="1" t="s">
        <v>116577</v>
      </c>
      <c r="I33498" s="1" t="s">
        <v>115226</v>
      </c>
      <c r="J33498" s="1" t="s">
        <v>116580</v>
      </c>
    </row>
    <row r="33499" spans="1:10" x14ac:dyDescent="0.35">
      <c r="A33499" s="1" t="s">
        <v>116573</v>
      </c>
      <c r="B33499" s="1" t="s">
        <v>115221</v>
      </c>
      <c r="C33499" s="1" t="s">
        <v>20</v>
      </c>
      <c r="D33499" s="1" t="s">
        <v>116581</v>
      </c>
      <c r="E33499" s="1" t="s">
        <v>116582</v>
      </c>
      <c r="F33499" s="1" t="s">
        <v>116583</v>
      </c>
      <c r="G33499" s="1" t="s">
        <v>116576</v>
      </c>
      <c r="H33499" s="1" t="s">
        <v>116577</v>
      </c>
      <c r="I33499" s="1" t="s">
        <v>115226</v>
      </c>
      <c r="J33499" s="1" t="s">
        <v>116584</v>
      </c>
    </row>
    <row r="33500" spans="1:10" x14ac:dyDescent="0.35">
      <c r="A33500" s="1" t="s">
        <v>116573</v>
      </c>
      <c r="B33500" s="1" t="s">
        <v>115221</v>
      </c>
      <c r="C33500" s="1" t="s">
        <v>25</v>
      </c>
      <c r="D33500" s="1" t="s">
        <v>71874</v>
      </c>
      <c r="E33500" s="1" t="s">
        <v>116585</v>
      </c>
      <c r="F33500" s="1" t="s">
        <v>116586</v>
      </c>
      <c r="G33500" s="1" t="s">
        <v>116576</v>
      </c>
      <c r="H33500" s="1" t="s">
        <v>116577</v>
      </c>
      <c r="I33500" s="1" t="s">
        <v>115226</v>
      </c>
      <c r="J33500" s="1" t="s">
        <v>116587</v>
      </c>
    </row>
    <row r="33501" spans="1:10" x14ac:dyDescent="0.35">
      <c r="A33501" s="1" t="s">
        <v>116573</v>
      </c>
      <c r="B33501" s="1" t="s">
        <v>115221</v>
      </c>
      <c r="C33501" s="1" t="s">
        <v>30</v>
      </c>
      <c r="D33501" s="1" t="s">
        <v>8967</v>
      </c>
      <c r="E33501" s="1" t="s">
        <v>116588</v>
      </c>
      <c r="F33501" s="1" t="s">
        <v>116589</v>
      </c>
      <c r="G33501" s="1" t="s">
        <v>116576</v>
      </c>
      <c r="H33501" s="1" t="s">
        <v>116577</v>
      </c>
      <c r="I33501" s="1" t="s">
        <v>115226</v>
      </c>
      <c r="J33501" s="1" t="s">
        <v>116590</v>
      </c>
    </row>
    <row r="33502" spans="1:10" x14ac:dyDescent="0.35">
      <c r="A33502" s="1" t="s">
        <v>116573</v>
      </c>
      <c r="B33502" s="1" t="s">
        <v>115221</v>
      </c>
      <c r="C33502" s="1" t="s">
        <v>35</v>
      </c>
      <c r="D33502" s="1" t="s">
        <v>116591</v>
      </c>
      <c r="E33502" s="1" t="s">
        <v>116592</v>
      </c>
      <c r="F33502" s="1" t="s">
        <v>116593</v>
      </c>
      <c r="G33502" s="1" t="s">
        <v>116576</v>
      </c>
      <c r="H33502" s="1" t="s">
        <v>116577</v>
      </c>
      <c r="I33502" s="1" t="s">
        <v>115226</v>
      </c>
      <c r="J33502" s="1" t="s">
        <v>116594</v>
      </c>
    </row>
    <row r="33503" spans="1:10" x14ac:dyDescent="0.35">
      <c r="A33503" s="1" t="s">
        <v>116573</v>
      </c>
      <c r="B33503" s="1" t="s">
        <v>115221</v>
      </c>
      <c r="C33503" s="1" t="s">
        <v>40</v>
      </c>
      <c r="D33503" s="1" t="s">
        <v>116595</v>
      </c>
      <c r="E33503" s="1" t="s">
        <v>116596</v>
      </c>
      <c r="F33503" s="1" t="s">
        <v>116597</v>
      </c>
      <c r="G33503" s="1" t="s">
        <v>116576</v>
      </c>
      <c r="H33503" s="1" t="s">
        <v>116577</v>
      </c>
      <c r="I33503" s="1" t="s">
        <v>115226</v>
      </c>
      <c r="J33503" s="1" t="s">
        <v>116598</v>
      </c>
    </row>
    <row r="33504" spans="1:10" x14ac:dyDescent="0.35">
      <c r="A33504" s="1" t="s">
        <v>116573</v>
      </c>
      <c r="B33504" s="1" t="s">
        <v>115221</v>
      </c>
      <c r="C33504" s="1" t="s">
        <v>45</v>
      </c>
      <c r="D33504" s="1" t="s">
        <v>34387</v>
      </c>
      <c r="E33504" s="1" t="s">
        <v>116599</v>
      </c>
      <c r="F33504" s="1" t="s">
        <v>116600</v>
      </c>
      <c r="G33504" s="1" t="s">
        <v>116576</v>
      </c>
      <c r="H33504" s="1" t="s">
        <v>116577</v>
      </c>
      <c r="I33504" s="1" t="s">
        <v>115226</v>
      </c>
      <c r="J33504" s="1" t="s">
        <v>116601</v>
      </c>
    </row>
    <row r="33505" spans="1:10" x14ac:dyDescent="0.35">
      <c r="A33505" s="1" t="s">
        <v>116573</v>
      </c>
      <c r="B33505" s="1" t="s">
        <v>115221</v>
      </c>
      <c r="C33505" s="1" t="s">
        <v>50</v>
      </c>
      <c r="D33505" s="1" t="s">
        <v>4122</v>
      </c>
      <c r="E33505" s="1" t="s">
        <v>116602</v>
      </c>
      <c r="F33505" s="1" t="s">
        <v>116603</v>
      </c>
      <c r="G33505" s="1" t="s">
        <v>116576</v>
      </c>
      <c r="H33505" s="1" t="s">
        <v>116577</v>
      </c>
      <c r="I33505" s="1" t="s">
        <v>115226</v>
      </c>
      <c r="J33505" s="1" t="s">
        <v>116604</v>
      </c>
    </row>
    <row r="33506" spans="1:10" x14ac:dyDescent="0.35">
      <c r="A33506" s="1" t="s">
        <v>116573</v>
      </c>
      <c r="B33506" s="1" t="s">
        <v>115221</v>
      </c>
      <c r="C33506" s="1" t="s">
        <v>55</v>
      </c>
      <c r="D33506" s="1" t="s">
        <v>7942</v>
      </c>
      <c r="E33506" s="1" t="s">
        <v>116605</v>
      </c>
      <c r="F33506" s="1" t="s">
        <v>116606</v>
      </c>
      <c r="G33506" s="1" t="s">
        <v>116576</v>
      </c>
      <c r="H33506" s="1" t="s">
        <v>116577</v>
      </c>
      <c r="I33506" s="1" t="s">
        <v>115226</v>
      </c>
      <c r="J33506" s="1" t="s">
        <v>116607</v>
      </c>
    </row>
    <row r="33507" spans="1:10" x14ac:dyDescent="0.35">
      <c r="A33507" s="1" t="s">
        <v>116573</v>
      </c>
      <c r="B33507" s="1" t="s">
        <v>115221</v>
      </c>
      <c r="C33507" s="1" t="s">
        <v>60</v>
      </c>
      <c r="D33507" s="1" t="s">
        <v>6657</v>
      </c>
      <c r="E33507" s="1" t="s">
        <v>116608</v>
      </c>
      <c r="F33507" s="1" t="s">
        <v>116609</v>
      </c>
      <c r="G33507" s="1" t="s">
        <v>116576</v>
      </c>
      <c r="H33507" s="1" t="s">
        <v>116577</v>
      </c>
      <c r="I33507" s="1" t="s">
        <v>115226</v>
      </c>
      <c r="J33507" s="1" t="s">
        <v>116610</v>
      </c>
    </row>
    <row r="33508" spans="1:10" x14ac:dyDescent="0.35">
      <c r="A33508" s="1" t="s">
        <v>116573</v>
      </c>
      <c r="B33508" s="1" t="s">
        <v>115221</v>
      </c>
      <c r="C33508" s="1" t="s">
        <v>65</v>
      </c>
      <c r="D33508" s="1" t="s">
        <v>6689</v>
      </c>
      <c r="E33508" s="1" t="s">
        <v>116611</v>
      </c>
      <c r="F33508" s="1" t="s">
        <v>116612</v>
      </c>
      <c r="G33508" s="1" t="s">
        <v>116576</v>
      </c>
      <c r="H33508" s="1" t="s">
        <v>116577</v>
      </c>
      <c r="I33508" s="1" t="s">
        <v>115226</v>
      </c>
      <c r="J33508" s="1" t="s">
        <v>116050</v>
      </c>
    </row>
    <row r="33509" spans="1:10" x14ac:dyDescent="0.35">
      <c r="A33509" s="1" t="s">
        <v>116573</v>
      </c>
      <c r="B33509" s="1" t="s">
        <v>115221</v>
      </c>
      <c r="C33509" s="1" t="s">
        <v>70</v>
      </c>
      <c r="D33509" s="1" t="s">
        <v>116613</v>
      </c>
      <c r="E33509" s="1" t="s">
        <v>116614</v>
      </c>
      <c r="F33509" s="1" t="s">
        <v>116615</v>
      </c>
      <c r="G33509" s="1" t="s">
        <v>116576</v>
      </c>
      <c r="H33509" s="1" t="s">
        <v>116577</v>
      </c>
      <c r="I33509" s="1" t="s">
        <v>115226</v>
      </c>
      <c r="J33509" s="1" t="s">
        <v>116053</v>
      </c>
    </row>
    <row r="33510" spans="1:10" x14ac:dyDescent="0.35">
      <c r="A33510" s="1" t="s">
        <v>116573</v>
      </c>
      <c r="B33510" s="1" t="s">
        <v>115221</v>
      </c>
      <c r="C33510" s="1" t="s">
        <v>75</v>
      </c>
      <c r="D33510" s="1" t="s">
        <v>116616</v>
      </c>
      <c r="E33510" s="1" t="s">
        <v>116617</v>
      </c>
      <c r="F33510" s="1" t="s">
        <v>116618</v>
      </c>
      <c r="G33510" s="1" t="s">
        <v>116576</v>
      </c>
      <c r="H33510" s="1" t="s">
        <v>116577</v>
      </c>
      <c r="I33510" s="1" t="s">
        <v>115226</v>
      </c>
      <c r="J33510" s="1" t="s">
        <v>116619</v>
      </c>
    </row>
    <row r="33511" spans="1:10" x14ac:dyDescent="0.35">
      <c r="A33511" s="1" t="s">
        <v>116573</v>
      </c>
      <c r="B33511" s="1" t="s">
        <v>115221</v>
      </c>
      <c r="C33511" s="1" t="s">
        <v>80</v>
      </c>
      <c r="D33511" s="1" t="s">
        <v>116620</v>
      </c>
      <c r="E33511" s="1" t="s">
        <v>116621</v>
      </c>
      <c r="F33511" s="1" t="s">
        <v>116622</v>
      </c>
      <c r="G33511" s="1" t="s">
        <v>116576</v>
      </c>
      <c r="H33511" s="1" t="s">
        <v>116577</v>
      </c>
      <c r="I33511" s="1" t="s">
        <v>115226</v>
      </c>
      <c r="J33511" s="1" t="s">
        <v>116623</v>
      </c>
    </row>
    <row r="33512" spans="1:10" x14ac:dyDescent="0.35">
      <c r="A33512" s="1" t="s">
        <v>116573</v>
      </c>
      <c r="B33512" s="1" t="s">
        <v>115221</v>
      </c>
      <c r="C33512" s="1" t="s">
        <v>85</v>
      </c>
      <c r="D33512" s="1" t="s">
        <v>47435</v>
      </c>
      <c r="E33512" s="1" t="s">
        <v>116624</v>
      </c>
      <c r="F33512" s="1" t="s">
        <v>116625</v>
      </c>
      <c r="G33512" s="1" t="s">
        <v>116576</v>
      </c>
      <c r="H33512" s="1" t="s">
        <v>116577</v>
      </c>
      <c r="I33512" s="1" t="s">
        <v>115226</v>
      </c>
      <c r="J33512" s="1" t="s">
        <v>116626</v>
      </c>
    </row>
    <row r="33513" spans="1:10" x14ac:dyDescent="0.35">
      <c r="A33513" s="1" t="s">
        <v>116573</v>
      </c>
      <c r="B33513" s="1" t="s">
        <v>115221</v>
      </c>
      <c r="C33513" s="1" t="s">
        <v>90</v>
      </c>
      <c r="D33513" s="1" t="s">
        <v>33433</v>
      </c>
      <c r="E33513" s="1" t="s">
        <v>116627</v>
      </c>
      <c r="F33513" s="1" t="s">
        <v>116628</v>
      </c>
      <c r="G33513" s="1" t="s">
        <v>116576</v>
      </c>
      <c r="H33513" s="1" t="s">
        <v>116577</v>
      </c>
      <c r="I33513" s="1" t="s">
        <v>115226</v>
      </c>
      <c r="J33513" s="1" t="s">
        <v>116629</v>
      </c>
    </row>
    <row r="33514" spans="1:10" x14ac:dyDescent="0.35">
      <c r="A33514" s="1" t="s">
        <v>116573</v>
      </c>
      <c r="B33514" s="1" t="s">
        <v>115221</v>
      </c>
      <c r="C33514" s="1" t="s">
        <v>95</v>
      </c>
      <c r="D33514" s="1" t="s">
        <v>104846</v>
      </c>
      <c r="E33514" s="1" t="s">
        <v>116630</v>
      </c>
      <c r="F33514" s="1" t="s">
        <v>116631</v>
      </c>
      <c r="G33514" s="1" t="s">
        <v>116576</v>
      </c>
      <c r="H33514" s="1" t="s">
        <v>116577</v>
      </c>
      <c r="I33514" s="1" t="s">
        <v>115226</v>
      </c>
      <c r="J33514" s="1" t="s">
        <v>116632</v>
      </c>
    </row>
    <row r="33515" spans="1:10" x14ac:dyDescent="0.35">
      <c r="A33515" s="1" t="s">
        <v>116573</v>
      </c>
      <c r="B33515" s="1" t="s">
        <v>115221</v>
      </c>
      <c r="C33515" s="1" t="s">
        <v>100</v>
      </c>
      <c r="D33515" s="1" t="s">
        <v>116633</v>
      </c>
      <c r="E33515" s="1" t="s">
        <v>116634</v>
      </c>
      <c r="F33515" s="1" t="s">
        <v>116635</v>
      </c>
      <c r="G33515" s="1" t="s">
        <v>116576</v>
      </c>
      <c r="H33515" s="1" t="s">
        <v>116577</v>
      </c>
      <c r="I33515" s="1" t="s">
        <v>115226</v>
      </c>
      <c r="J33515" s="1" t="s">
        <v>116636</v>
      </c>
    </row>
    <row r="33516" spans="1:10" x14ac:dyDescent="0.35">
      <c r="A33516" s="1" t="s">
        <v>116573</v>
      </c>
      <c r="B33516" s="1" t="s">
        <v>115221</v>
      </c>
      <c r="C33516" s="1" t="s">
        <v>105</v>
      </c>
      <c r="D33516" s="1" t="s">
        <v>116637</v>
      </c>
      <c r="E33516" s="1" t="s">
        <v>116638</v>
      </c>
      <c r="F33516" s="1" t="s">
        <v>116639</v>
      </c>
      <c r="G33516" s="1" t="s">
        <v>116576</v>
      </c>
      <c r="H33516" s="1" t="s">
        <v>116577</v>
      </c>
      <c r="I33516" s="1" t="s">
        <v>115226</v>
      </c>
      <c r="J33516" s="1" t="s">
        <v>116640</v>
      </c>
    </row>
    <row r="33517" spans="1:10" x14ac:dyDescent="0.35">
      <c r="A33517" s="1" t="s">
        <v>116573</v>
      </c>
      <c r="B33517" s="1" t="s">
        <v>115221</v>
      </c>
      <c r="C33517" s="1" t="s">
        <v>110</v>
      </c>
      <c r="D33517" s="1" t="s">
        <v>116641</v>
      </c>
      <c r="E33517" s="1" t="s">
        <v>116642</v>
      </c>
      <c r="F33517" s="1" t="s">
        <v>116643</v>
      </c>
      <c r="G33517" s="1" t="s">
        <v>116576</v>
      </c>
      <c r="H33517" s="1" t="s">
        <v>116577</v>
      </c>
      <c r="I33517" s="1" t="s">
        <v>115226</v>
      </c>
      <c r="J33517" s="1" t="s">
        <v>116644</v>
      </c>
    </row>
    <row r="33518" spans="1:10" x14ac:dyDescent="0.35">
      <c r="A33518" s="1" t="s">
        <v>116573</v>
      </c>
      <c r="B33518" s="1" t="s">
        <v>115221</v>
      </c>
      <c r="C33518" s="1" t="s">
        <v>115</v>
      </c>
      <c r="D33518" s="1" t="s">
        <v>116442</v>
      </c>
      <c r="E33518" s="1" t="s">
        <v>116645</v>
      </c>
      <c r="F33518" s="1" t="s">
        <v>116646</v>
      </c>
      <c r="G33518" s="1" t="s">
        <v>116576</v>
      </c>
      <c r="H33518" s="1" t="s">
        <v>116577</v>
      </c>
      <c r="I33518" s="1" t="s">
        <v>115226</v>
      </c>
      <c r="J33518" s="1" t="s">
        <v>116647</v>
      </c>
    </row>
    <row r="33519" spans="1:10" x14ac:dyDescent="0.35">
      <c r="A33519" s="1" t="s">
        <v>116573</v>
      </c>
      <c r="B33519" s="1" t="s">
        <v>115221</v>
      </c>
      <c r="C33519" s="1" t="s">
        <v>120</v>
      </c>
      <c r="D33519" s="1" t="s">
        <v>104865</v>
      </c>
      <c r="E33519" s="1" t="s">
        <v>116648</v>
      </c>
      <c r="F33519" s="1" t="s">
        <v>116649</v>
      </c>
      <c r="G33519" s="1" t="s">
        <v>116576</v>
      </c>
      <c r="H33519" s="1" t="s">
        <v>116577</v>
      </c>
      <c r="I33519" s="1" t="s">
        <v>115226</v>
      </c>
      <c r="J33519" s="1" t="s">
        <v>116650</v>
      </c>
    </row>
    <row r="33520" spans="1:10" x14ac:dyDescent="0.35">
      <c r="A33520" s="1" t="s">
        <v>116573</v>
      </c>
      <c r="B33520" s="1" t="s">
        <v>115221</v>
      </c>
      <c r="C33520" s="1" t="s">
        <v>125</v>
      </c>
      <c r="D33520" s="1" t="s">
        <v>15791</v>
      </c>
      <c r="E33520" s="1" t="s">
        <v>116651</v>
      </c>
      <c r="F33520" s="1" t="s">
        <v>116652</v>
      </c>
      <c r="G33520" s="1" t="s">
        <v>116576</v>
      </c>
      <c r="H33520" s="1" t="s">
        <v>116577</v>
      </c>
      <c r="I33520" s="1" t="s">
        <v>115226</v>
      </c>
      <c r="J33520" s="1" t="s">
        <v>116653</v>
      </c>
    </row>
    <row r="33521" spans="1:10" x14ac:dyDescent="0.35">
      <c r="A33521" s="1" t="s">
        <v>116573</v>
      </c>
      <c r="B33521" s="1" t="s">
        <v>115221</v>
      </c>
      <c r="C33521" s="1" t="s">
        <v>130</v>
      </c>
      <c r="D33521" s="1" t="s">
        <v>47679</v>
      </c>
      <c r="E33521" s="1" t="s">
        <v>116654</v>
      </c>
      <c r="F33521" s="1" t="s">
        <v>116655</v>
      </c>
      <c r="G33521" s="1" t="s">
        <v>116576</v>
      </c>
      <c r="H33521" s="1" t="s">
        <v>116577</v>
      </c>
      <c r="I33521" s="1" t="s">
        <v>115226</v>
      </c>
      <c r="J33521" s="1" t="s">
        <v>116656</v>
      </c>
    </row>
    <row r="33522" spans="1:10" x14ac:dyDescent="0.35">
      <c r="A33522" s="1" t="s">
        <v>116573</v>
      </c>
      <c r="B33522" s="1" t="s">
        <v>115221</v>
      </c>
      <c r="C33522" s="1" t="s">
        <v>135</v>
      </c>
      <c r="D33522" s="1" t="s">
        <v>33458</v>
      </c>
      <c r="E33522" s="1" t="s">
        <v>116657</v>
      </c>
      <c r="F33522" s="1" t="s">
        <v>116658</v>
      </c>
      <c r="G33522" s="1" t="s">
        <v>116576</v>
      </c>
      <c r="H33522" s="1" t="s">
        <v>116577</v>
      </c>
      <c r="I33522" s="1" t="s">
        <v>115226</v>
      </c>
      <c r="J33522" s="1" t="s">
        <v>116659</v>
      </c>
    </row>
    <row r="33523" spans="1:10" x14ac:dyDescent="0.35">
      <c r="A33523" s="1" t="s">
        <v>116573</v>
      </c>
      <c r="B33523" s="1" t="s">
        <v>115221</v>
      </c>
      <c r="C33523" s="1" t="s">
        <v>140</v>
      </c>
      <c r="D33523" s="1" t="s">
        <v>70972</v>
      </c>
      <c r="E33523" s="1" t="s">
        <v>116660</v>
      </c>
      <c r="F33523" s="1" t="s">
        <v>116661</v>
      </c>
      <c r="G33523" s="1" t="s">
        <v>116576</v>
      </c>
      <c r="H33523" s="1" t="s">
        <v>116577</v>
      </c>
      <c r="I33523" s="1" t="s">
        <v>115226</v>
      </c>
      <c r="J33523" s="1" t="s">
        <v>116662</v>
      </c>
    </row>
    <row r="33524" spans="1:10" x14ac:dyDescent="0.35">
      <c r="A33524" s="1" t="s">
        <v>116573</v>
      </c>
      <c r="B33524" s="1" t="s">
        <v>115221</v>
      </c>
      <c r="C33524" s="1" t="s">
        <v>145</v>
      </c>
      <c r="D33524" s="1" t="s">
        <v>30795</v>
      </c>
      <c r="E33524" s="1" t="s">
        <v>116663</v>
      </c>
      <c r="F33524" s="1" t="s">
        <v>116664</v>
      </c>
      <c r="G33524" s="1" t="s">
        <v>116576</v>
      </c>
      <c r="H33524" s="1" t="s">
        <v>116577</v>
      </c>
      <c r="I33524" s="1" t="s">
        <v>115226</v>
      </c>
      <c r="J33524" s="1" t="s">
        <v>116665</v>
      </c>
    </row>
    <row r="33525" spans="1:10" x14ac:dyDescent="0.35">
      <c r="A33525" s="1" t="s">
        <v>116573</v>
      </c>
      <c r="B33525" s="1" t="s">
        <v>115221</v>
      </c>
      <c r="C33525" s="1" t="s">
        <v>150</v>
      </c>
      <c r="D33525" s="1" t="s">
        <v>30522</v>
      </c>
      <c r="E33525" s="1" t="s">
        <v>116666</v>
      </c>
      <c r="F33525" s="1" t="s">
        <v>116667</v>
      </c>
      <c r="G33525" s="1" t="s">
        <v>116576</v>
      </c>
      <c r="H33525" s="1" t="s">
        <v>116577</v>
      </c>
      <c r="I33525" s="1" t="s">
        <v>115226</v>
      </c>
      <c r="J33525" s="1" t="s">
        <v>116668</v>
      </c>
    </row>
    <row r="33526" spans="1:10" x14ac:dyDescent="0.35">
      <c r="A33526" s="1" t="s">
        <v>116573</v>
      </c>
      <c r="B33526" s="1" t="s">
        <v>115221</v>
      </c>
      <c r="C33526" s="1" t="s">
        <v>155</v>
      </c>
      <c r="D33526" s="1" t="s">
        <v>116669</v>
      </c>
      <c r="E33526" s="1" t="s">
        <v>116670</v>
      </c>
      <c r="F33526" s="1" t="s">
        <v>116671</v>
      </c>
      <c r="G33526" s="1" t="s">
        <v>116576</v>
      </c>
      <c r="H33526" s="1" t="s">
        <v>116577</v>
      </c>
      <c r="I33526" s="1" t="s">
        <v>115226</v>
      </c>
      <c r="J33526" s="1" t="s">
        <v>116672</v>
      </c>
    </row>
    <row r="33527" spans="1:10" x14ac:dyDescent="0.35">
      <c r="A33527" s="1" t="s">
        <v>116573</v>
      </c>
      <c r="B33527" s="1" t="s">
        <v>115221</v>
      </c>
      <c r="C33527" s="1" t="s">
        <v>160</v>
      </c>
      <c r="D33527" s="1" t="s">
        <v>116673</v>
      </c>
      <c r="E33527" s="1" t="s">
        <v>116674</v>
      </c>
      <c r="F33527" s="1" t="s">
        <v>116675</v>
      </c>
      <c r="G33527" s="1" t="s">
        <v>116576</v>
      </c>
      <c r="H33527" s="1" t="s">
        <v>116577</v>
      </c>
      <c r="I33527" s="1" t="s">
        <v>115226</v>
      </c>
      <c r="J33527" s="1" t="s">
        <v>116676</v>
      </c>
    </row>
    <row r="33528" spans="1:10" x14ac:dyDescent="0.35">
      <c r="A33528" s="1" t="s">
        <v>116573</v>
      </c>
      <c r="B33528" s="1" t="s">
        <v>115221</v>
      </c>
      <c r="C33528" s="1" t="s">
        <v>165</v>
      </c>
      <c r="D33528" s="1" t="s">
        <v>2445</v>
      </c>
      <c r="E33528" s="1" t="s">
        <v>116677</v>
      </c>
      <c r="F33528" s="1" t="s">
        <v>116678</v>
      </c>
      <c r="G33528" s="1" t="s">
        <v>116576</v>
      </c>
      <c r="H33528" s="1" t="s">
        <v>116577</v>
      </c>
      <c r="I33528" s="1" t="s">
        <v>115226</v>
      </c>
      <c r="J33528" s="1" t="s">
        <v>116679</v>
      </c>
    </row>
    <row r="33529" spans="1:10" x14ac:dyDescent="0.35">
      <c r="A33529" s="1" t="s">
        <v>116573</v>
      </c>
      <c r="B33529" s="1" t="s">
        <v>115221</v>
      </c>
      <c r="C33529" s="1" t="s">
        <v>170</v>
      </c>
      <c r="D33529" s="1" t="s">
        <v>42821</v>
      </c>
      <c r="E33529" s="1" t="s">
        <v>116680</v>
      </c>
      <c r="F33529" s="1" t="s">
        <v>116681</v>
      </c>
      <c r="G33529" s="1" t="s">
        <v>116576</v>
      </c>
      <c r="H33529" s="1" t="s">
        <v>116577</v>
      </c>
      <c r="I33529" s="1" t="s">
        <v>115226</v>
      </c>
      <c r="J33529" s="1" t="s">
        <v>116682</v>
      </c>
    </row>
    <row r="33530" spans="1:10" x14ac:dyDescent="0.35">
      <c r="A33530" s="1" t="s">
        <v>116683</v>
      </c>
      <c r="B33530" s="1" t="s">
        <v>115221</v>
      </c>
      <c r="C33530" s="1" t="s">
        <v>8</v>
      </c>
      <c r="D33530" s="1" t="s">
        <v>116684</v>
      </c>
      <c r="E33530" s="1" t="s">
        <v>116685</v>
      </c>
      <c r="F33530" s="1" t="s">
        <v>116686</v>
      </c>
      <c r="G33530" s="1" t="s">
        <v>116687</v>
      </c>
      <c r="H33530" s="1" t="s">
        <v>116688</v>
      </c>
      <c r="I33530" s="1" t="s">
        <v>115226</v>
      </c>
      <c r="J33530" s="1" t="s">
        <v>13</v>
      </c>
    </row>
    <row r="33531" spans="1:10" x14ac:dyDescent="0.35">
      <c r="A33531" s="1" t="s">
        <v>116683</v>
      </c>
      <c r="B33531" s="1" t="s">
        <v>115221</v>
      </c>
      <c r="C33531" s="1" t="s">
        <v>15</v>
      </c>
      <c r="D33531" s="1" t="s">
        <v>116689</v>
      </c>
      <c r="E33531" s="1" t="s">
        <v>116690</v>
      </c>
      <c r="F33531" s="1" t="s">
        <v>116691</v>
      </c>
      <c r="G33531" s="1" t="s">
        <v>116687</v>
      </c>
      <c r="H33531" s="1" t="s">
        <v>116688</v>
      </c>
      <c r="I33531" s="1" t="s">
        <v>115226</v>
      </c>
      <c r="J33531" s="1" t="s">
        <v>116692</v>
      </c>
    </row>
    <row r="33532" spans="1:10" x14ac:dyDescent="0.35">
      <c r="A33532" s="1" t="s">
        <v>116683</v>
      </c>
      <c r="B33532" s="1" t="s">
        <v>115221</v>
      </c>
      <c r="C33532" s="1" t="s">
        <v>20</v>
      </c>
      <c r="D33532" s="1" t="s">
        <v>116693</v>
      </c>
      <c r="E33532" s="1" t="s">
        <v>116694</v>
      </c>
      <c r="F33532" s="1" t="s">
        <v>116695</v>
      </c>
      <c r="G33532" s="1" t="s">
        <v>116687</v>
      </c>
      <c r="H33532" s="1" t="s">
        <v>116688</v>
      </c>
      <c r="I33532" s="1" t="s">
        <v>115226</v>
      </c>
      <c r="J33532" s="1" t="s">
        <v>116696</v>
      </c>
    </row>
    <row r="33533" spans="1:10" x14ac:dyDescent="0.35">
      <c r="A33533" s="1" t="s">
        <v>116683</v>
      </c>
      <c r="B33533" s="1" t="s">
        <v>115221</v>
      </c>
      <c r="C33533" s="1" t="s">
        <v>25</v>
      </c>
      <c r="D33533" s="1" t="s">
        <v>116697</v>
      </c>
      <c r="E33533" s="1" t="s">
        <v>116698</v>
      </c>
      <c r="F33533" s="1" t="s">
        <v>116699</v>
      </c>
      <c r="G33533" s="1" t="s">
        <v>116687</v>
      </c>
      <c r="H33533" s="1" t="s">
        <v>116688</v>
      </c>
      <c r="I33533" s="1" t="s">
        <v>115226</v>
      </c>
      <c r="J33533" s="1" t="s">
        <v>116700</v>
      </c>
    </row>
    <row r="33534" spans="1:10" x14ac:dyDescent="0.35">
      <c r="A33534" s="1" t="s">
        <v>116683</v>
      </c>
      <c r="B33534" s="1" t="s">
        <v>115221</v>
      </c>
      <c r="C33534" s="1" t="s">
        <v>30</v>
      </c>
      <c r="D33534" s="1" t="s">
        <v>63687</v>
      </c>
      <c r="E33534" s="1" t="s">
        <v>116701</v>
      </c>
      <c r="F33534" s="1" t="s">
        <v>116702</v>
      </c>
      <c r="G33534" s="1" t="s">
        <v>116687</v>
      </c>
      <c r="H33534" s="1" t="s">
        <v>116688</v>
      </c>
      <c r="I33534" s="1" t="s">
        <v>115226</v>
      </c>
      <c r="J33534" s="1" t="s">
        <v>116703</v>
      </c>
    </row>
    <row r="33535" spans="1:10" x14ac:dyDescent="0.35">
      <c r="A33535" s="1" t="s">
        <v>116683</v>
      </c>
      <c r="B33535" s="1" t="s">
        <v>115221</v>
      </c>
      <c r="C33535" s="1" t="s">
        <v>35</v>
      </c>
      <c r="D33535" s="1" t="s">
        <v>116704</v>
      </c>
      <c r="E33535" s="1" t="s">
        <v>116705</v>
      </c>
      <c r="F33535" s="1" t="s">
        <v>116706</v>
      </c>
      <c r="G33535" s="1" t="s">
        <v>116687</v>
      </c>
      <c r="H33535" s="1" t="s">
        <v>116688</v>
      </c>
      <c r="I33535" s="1" t="s">
        <v>115226</v>
      </c>
      <c r="J33535" s="1" t="s">
        <v>116707</v>
      </c>
    </row>
    <row r="33536" spans="1:10" x14ac:dyDescent="0.35">
      <c r="A33536" s="1" t="s">
        <v>116683</v>
      </c>
      <c r="B33536" s="1" t="s">
        <v>115221</v>
      </c>
      <c r="C33536" s="1" t="s">
        <v>40</v>
      </c>
      <c r="D33536" s="1" t="s">
        <v>116708</v>
      </c>
      <c r="E33536" s="1" t="s">
        <v>116709</v>
      </c>
      <c r="F33536" s="1" t="s">
        <v>116710</v>
      </c>
      <c r="G33536" s="1" t="s">
        <v>116687</v>
      </c>
      <c r="H33536" s="1" t="s">
        <v>116688</v>
      </c>
      <c r="I33536" s="1" t="s">
        <v>115226</v>
      </c>
      <c r="J33536" s="1" t="s">
        <v>116711</v>
      </c>
    </row>
    <row r="33537" spans="1:10" x14ac:dyDescent="0.35">
      <c r="A33537" s="1" t="s">
        <v>116683</v>
      </c>
      <c r="B33537" s="1" t="s">
        <v>115221</v>
      </c>
      <c r="C33537" s="1" t="s">
        <v>45</v>
      </c>
      <c r="D33537" s="1" t="s">
        <v>87496</v>
      </c>
      <c r="E33537" s="1" t="s">
        <v>116712</v>
      </c>
      <c r="F33537" s="1" t="s">
        <v>116713</v>
      </c>
      <c r="G33537" s="1" t="s">
        <v>116687</v>
      </c>
      <c r="H33537" s="1" t="s">
        <v>116688</v>
      </c>
      <c r="I33537" s="1" t="s">
        <v>115226</v>
      </c>
      <c r="J33537" s="1" t="s">
        <v>72182</v>
      </c>
    </row>
    <row r="33538" spans="1:10" x14ac:dyDescent="0.35">
      <c r="A33538" s="1" t="s">
        <v>116683</v>
      </c>
      <c r="B33538" s="1" t="s">
        <v>115221</v>
      </c>
      <c r="C33538" s="1" t="s">
        <v>50</v>
      </c>
      <c r="D33538" s="1" t="s">
        <v>116714</v>
      </c>
      <c r="E33538" s="1" t="s">
        <v>116715</v>
      </c>
      <c r="F33538" s="1" t="s">
        <v>116716</v>
      </c>
      <c r="G33538" s="1" t="s">
        <v>116687</v>
      </c>
      <c r="H33538" s="1" t="s">
        <v>116688</v>
      </c>
      <c r="I33538" s="1" t="s">
        <v>115226</v>
      </c>
      <c r="J33538" s="1" t="s">
        <v>116717</v>
      </c>
    </row>
    <row r="33539" spans="1:10" x14ac:dyDescent="0.35">
      <c r="A33539" s="1" t="s">
        <v>116683</v>
      </c>
      <c r="B33539" s="1" t="s">
        <v>115221</v>
      </c>
      <c r="C33539" s="1" t="s">
        <v>55</v>
      </c>
      <c r="D33539" s="1" t="s">
        <v>116718</v>
      </c>
      <c r="E33539" s="1" t="s">
        <v>116719</v>
      </c>
      <c r="F33539" s="1" t="s">
        <v>116720</v>
      </c>
      <c r="G33539" s="1" t="s">
        <v>116687</v>
      </c>
      <c r="H33539" s="1" t="s">
        <v>116688</v>
      </c>
      <c r="I33539" s="1" t="s">
        <v>115226</v>
      </c>
      <c r="J33539" s="1" t="s">
        <v>116721</v>
      </c>
    </row>
    <row r="33540" spans="1:10" x14ac:dyDescent="0.35">
      <c r="A33540" s="1" t="s">
        <v>116683</v>
      </c>
      <c r="B33540" s="1" t="s">
        <v>115221</v>
      </c>
      <c r="C33540" s="1" t="s">
        <v>60</v>
      </c>
      <c r="D33540" s="1" t="s">
        <v>116722</v>
      </c>
      <c r="E33540" s="1" t="s">
        <v>116723</v>
      </c>
      <c r="F33540" s="1" t="s">
        <v>116724</v>
      </c>
      <c r="G33540" s="1" t="s">
        <v>116687</v>
      </c>
      <c r="H33540" s="1" t="s">
        <v>116688</v>
      </c>
      <c r="I33540" s="1" t="s">
        <v>115226</v>
      </c>
      <c r="J33540" s="1" t="s">
        <v>116725</v>
      </c>
    </row>
    <row r="33541" spans="1:10" x14ac:dyDescent="0.35">
      <c r="A33541" s="1" t="s">
        <v>116683</v>
      </c>
      <c r="B33541" s="1" t="s">
        <v>115221</v>
      </c>
      <c r="C33541" s="1" t="s">
        <v>65</v>
      </c>
      <c r="D33541" s="1" t="s">
        <v>116726</v>
      </c>
      <c r="E33541" s="1" t="s">
        <v>116727</v>
      </c>
      <c r="F33541" s="1" t="s">
        <v>116728</v>
      </c>
      <c r="G33541" s="1" t="s">
        <v>116687</v>
      </c>
      <c r="H33541" s="1" t="s">
        <v>116688</v>
      </c>
      <c r="I33541" s="1" t="s">
        <v>115226</v>
      </c>
      <c r="J33541" s="1" t="s">
        <v>116729</v>
      </c>
    </row>
    <row r="33542" spans="1:10" x14ac:dyDescent="0.35">
      <c r="A33542" s="1" t="s">
        <v>116683</v>
      </c>
      <c r="B33542" s="1" t="s">
        <v>115221</v>
      </c>
      <c r="C33542" s="1" t="s">
        <v>70</v>
      </c>
      <c r="D33542" s="1" t="s">
        <v>116730</v>
      </c>
      <c r="E33542" s="1" t="s">
        <v>116731</v>
      </c>
      <c r="F33542" s="1" t="s">
        <v>116732</v>
      </c>
      <c r="G33542" s="1" t="s">
        <v>116687</v>
      </c>
      <c r="H33542" s="1" t="s">
        <v>116688</v>
      </c>
      <c r="I33542" s="1" t="s">
        <v>115226</v>
      </c>
      <c r="J33542" s="1" t="s">
        <v>116733</v>
      </c>
    </row>
    <row r="33543" spans="1:10" x14ac:dyDescent="0.35">
      <c r="A33543" s="1" t="s">
        <v>116683</v>
      </c>
      <c r="B33543" s="1" t="s">
        <v>115221</v>
      </c>
      <c r="C33543" s="1" t="s">
        <v>75</v>
      </c>
      <c r="D33543" s="1" t="s">
        <v>60128</v>
      </c>
      <c r="E33543" s="1" t="s">
        <v>116734</v>
      </c>
      <c r="F33543" s="1" t="s">
        <v>116735</v>
      </c>
      <c r="G33543" s="1" t="s">
        <v>116687</v>
      </c>
      <c r="H33543" s="1" t="s">
        <v>116688</v>
      </c>
      <c r="I33543" s="1" t="s">
        <v>115226</v>
      </c>
      <c r="J33543" s="1" t="s">
        <v>116736</v>
      </c>
    </row>
    <row r="33544" spans="1:10" x14ac:dyDescent="0.35">
      <c r="A33544" s="1" t="s">
        <v>116683</v>
      </c>
      <c r="B33544" s="1" t="s">
        <v>115221</v>
      </c>
      <c r="C33544" s="1" t="s">
        <v>80</v>
      </c>
      <c r="D33544" s="1" t="s">
        <v>116737</v>
      </c>
      <c r="E33544" s="1" t="s">
        <v>116738</v>
      </c>
      <c r="F33544" s="1" t="s">
        <v>116739</v>
      </c>
      <c r="G33544" s="1" t="s">
        <v>116687</v>
      </c>
      <c r="H33544" s="1" t="s">
        <v>116688</v>
      </c>
      <c r="I33544" s="1" t="s">
        <v>115226</v>
      </c>
      <c r="J33544" s="1" t="s">
        <v>116740</v>
      </c>
    </row>
    <row r="33545" spans="1:10" x14ac:dyDescent="0.35">
      <c r="A33545" s="1" t="s">
        <v>116683</v>
      </c>
      <c r="B33545" s="1" t="s">
        <v>115221</v>
      </c>
      <c r="C33545" s="1" t="s">
        <v>85</v>
      </c>
      <c r="D33545" s="1" t="s">
        <v>116741</v>
      </c>
      <c r="E33545" s="1" t="s">
        <v>116742</v>
      </c>
      <c r="F33545" s="1" t="s">
        <v>116743</v>
      </c>
      <c r="G33545" s="1" t="s">
        <v>116687</v>
      </c>
      <c r="H33545" s="1" t="s">
        <v>116688</v>
      </c>
      <c r="I33545" s="1" t="s">
        <v>115226</v>
      </c>
      <c r="J33545" s="1" t="s">
        <v>116744</v>
      </c>
    </row>
    <row r="33546" spans="1:10" x14ac:dyDescent="0.35">
      <c r="A33546" s="1" t="s">
        <v>116683</v>
      </c>
      <c r="B33546" s="1" t="s">
        <v>115221</v>
      </c>
      <c r="C33546" s="1" t="s">
        <v>90</v>
      </c>
      <c r="D33546" s="1" t="s">
        <v>116745</v>
      </c>
      <c r="E33546" s="1" t="s">
        <v>116746</v>
      </c>
      <c r="F33546" s="1" t="s">
        <v>116747</v>
      </c>
      <c r="G33546" s="1" t="s">
        <v>116687</v>
      </c>
      <c r="H33546" s="1" t="s">
        <v>116688</v>
      </c>
      <c r="I33546" s="1" t="s">
        <v>115226</v>
      </c>
      <c r="J33546" s="1" t="s">
        <v>116748</v>
      </c>
    </row>
    <row r="33547" spans="1:10" x14ac:dyDescent="0.35">
      <c r="A33547" s="1" t="s">
        <v>116683</v>
      </c>
      <c r="B33547" s="1" t="s">
        <v>115221</v>
      </c>
      <c r="C33547" s="1" t="s">
        <v>95</v>
      </c>
      <c r="D33547" s="1" t="s">
        <v>116749</v>
      </c>
      <c r="E33547" s="1" t="s">
        <v>116750</v>
      </c>
      <c r="F33547" s="1" t="s">
        <v>116751</v>
      </c>
      <c r="G33547" s="1" t="s">
        <v>116687</v>
      </c>
      <c r="H33547" s="1" t="s">
        <v>116688</v>
      </c>
      <c r="I33547" s="1" t="s">
        <v>115226</v>
      </c>
      <c r="J33547" s="1" t="s">
        <v>116752</v>
      </c>
    </row>
    <row r="33548" spans="1:10" x14ac:dyDescent="0.35">
      <c r="A33548" s="1" t="s">
        <v>116683</v>
      </c>
      <c r="B33548" s="1" t="s">
        <v>115221</v>
      </c>
      <c r="C33548" s="1" t="s">
        <v>100</v>
      </c>
      <c r="D33548" s="1" t="s">
        <v>116753</v>
      </c>
      <c r="E33548" s="1" t="s">
        <v>116754</v>
      </c>
      <c r="F33548" s="1" t="s">
        <v>116755</v>
      </c>
      <c r="G33548" s="1" t="s">
        <v>116687</v>
      </c>
      <c r="H33548" s="1" t="s">
        <v>116688</v>
      </c>
      <c r="I33548" s="1" t="s">
        <v>115226</v>
      </c>
      <c r="J33548" s="1" t="s">
        <v>116756</v>
      </c>
    </row>
    <row r="33549" spans="1:10" x14ac:dyDescent="0.35">
      <c r="A33549" s="1" t="s">
        <v>116683</v>
      </c>
      <c r="B33549" s="1" t="s">
        <v>115221</v>
      </c>
      <c r="C33549" s="1" t="s">
        <v>105</v>
      </c>
      <c r="D33549" s="1" t="s">
        <v>86433</v>
      </c>
      <c r="E33549" s="1" t="s">
        <v>116757</v>
      </c>
      <c r="F33549" s="1" t="s">
        <v>116758</v>
      </c>
      <c r="G33549" s="1" t="s">
        <v>116687</v>
      </c>
      <c r="H33549" s="1" t="s">
        <v>116688</v>
      </c>
      <c r="I33549" s="1" t="s">
        <v>115226</v>
      </c>
      <c r="J33549" s="1" t="s">
        <v>116759</v>
      </c>
    </row>
    <row r="33550" spans="1:10" x14ac:dyDescent="0.35">
      <c r="A33550" s="1" t="s">
        <v>116683</v>
      </c>
      <c r="B33550" s="1" t="s">
        <v>115221</v>
      </c>
      <c r="C33550" s="1" t="s">
        <v>110</v>
      </c>
      <c r="D33550" s="1" t="s">
        <v>116760</v>
      </c>
      <c r="E33550" s="1" t="s">
        <v>116761</v>
      </c>
      <c r="F33550" s="1" t="s">
        <v>116762</v>
      </c>
      <c r="G33550" s="1" t="s">
        <v>116687</v>
      </c>
      <c r="H33550" s="1" t="s">
        <v>116688</v>
      </c>
      <c r="I33550" s="1" t="s">
        <v>115226</v>
      </c>
      <c r="J33550" s="1" t="s">
        <v>116763</v>
      </c>
    </row>
    <row r="33551" spans="1:10" x14ac:dyDescent="0.35">
      <c r="A33551" s="1" t="s">
        <v>116683</v>
      </c>
      <c r="B33551" s="1" t="s">
        <v>115221</v>
      </c>
      <c r="C33551" s="1" t="s">
        <v>115</v>
      </c>
      <c r="D33551" s="1" t="s">
        <v>116764</v>
      </c>
      <c r="E33551" s="1" t="s">
        <v>116765</v>
      </c>
      <c r="F33551" s="1" t="s">
        <v>116766</v>
      </c>
      <c r="G33551" s="1" t="s">
        <v>116687</v>
      </c>
      <c r="H33551" s="1" t="s">
        <v>116688</v>
      </c>
      <c r="I33551" s="1" t="s">
        <v>115226</v>
      </c>
      <c r="J33551" s="1" t="s">
        <v>116767</v>
      </c>
    </row>
    <row r="33552" spans="1:10" x14ac:dyDescent="0.35">
      <c r="A33552" s="1" t="s">
        <v>116683</v>
      </c>
      <c r="B33552" s="1" t="s">
        <v>115221</v>
      </c>
      <c r="C33552" s="1" t="s">
        <v>120</v>
      </c>
      <c r="D33552" s="1" t="s">
        <v>116768</v>
      </c>
      <c r="E33552" s="1" t="s">
        <v>116769</v>
      </c>
      <c r="F33552" s="1" t="s">
        <v>116770</v>
      </c>
      <c r="G33552" s="1" t="s">
        <v>116687</v>
      </c>
      <c r="H33552" s="1" t="s">
        <v>116688</v>
      </c>
      <c r="I33552" s="1" t="s">
        <v>115226</v>
      </c>
      <c r="J33552" s="1" t="s">
        <v>116771</v>
      </c>
    </row>
    <row r="33553" spans="1:10" x14ac:dyDescent="0.35">
      <c r="A33553" s="1" t="s">
        <v>116683</v>
      </c>
      <c r="B33553" s="1" t="s">
        <v>115221</v>
      </c>
      <c r="C33553" s="1" t="s">
        <v>125</v>
      </c>
      <c r="D33553" s="1" t="s">
        <v>84994</v>
      </c>
      <c r="E33553" s="1" t="s">
        <v>116772</v>
      </c>
      <c r="F33553" s="1" t="s">
        <v>116773</v>
      </c>
      <c r="G33553" s="1" t="s">
        <v>116687</v>
      </c>
      <c r="H33553" s="1" t="s">
        <v>116688</v>
      </c>
      <c r="I33553" s="1" t="s">
        <v>115226</v>
      </c>
      <c r="J33553" s="1" t="s">
        <v>116774</v>
      </c>
    </row>
    <row r="33554" spans="1:10" x14ac:dyDescent="0.35">
      <c r="A33554" s="1" t="s">
        <v>116683</v>
      </c>
      <c r="B33554" s="1" t="s">
        <v>115221</v>
      </c>
      <c r="C33554" s="1" t="s">
        <v>130</v>
      </c>
      <c r="D33554" s="1" t="s">
        <v>97133</v>
      </c>
      <c r="E33554" s="1" t="s">
        <v>116775</v>
      </c>
      <c r="F33554" s="1" t="s">
        <v>116776</v>
      </c>
      <c r="G33554" s="1" t="s">
        <v>116687</v>
      </c>
      <c r="H33554" s="1" t="s">
        <v>116688</v>
      </c>
      <c r="I33554" s="1" t="s">
        <v>115226</v>
      </c>
      <c r="J33554" s="1" t="s">
        <v>116777</v>
      </c>
    </row>
    <row r="33555" spans="1:10" x14ac:dyDescent="0.35">
      <c r="A33555" s="1" t="s">
        <v>116683</v>
      </c>
      <c r="B33555" s="1" t="s">
        <v>115221</v>
      </c>
      <c r="C33555" s="1" t="s">
        <v>135</v>
      </c>
      <c r="D33555" s="1" t="s">
        <v>116778</v>
      </c>
      <c r="E33555" s="1" t="s">
        <v>116779</v>
      </c>
      <c r="F33555" s="1" t="s">
        <v>116780</v>
      </c>
      <c r="G33555" s="1" t="s">
        <v>116687</v>
      </c>
      <c r="H33555" s="1" t="s">
        <v>116688</v>
      </c>
      <c r="I33555" s="1" t="s">
        <v>115226</v>
      </c>
      <c r="J33555" s="1" t="s">
        <v>116781</v>
      </c>
    </row>
    <row r="33556" spans="1:10" x14ac:dyDescent="0.35">
      <c r="A33556" s="1" t="s">
        <v>116683</v>
      </c>
      <c r="B33556" s="1" t="s">
        <v>115221</v>
      </c>
      <c r="C33556" s="1" t="s">
        <v>140</v>
      </c>
      <c r="D33556" s="1" t="s">
        <v>96496</v>
      </c>
      <c r="E33556" s="1" t="s">
        <v>116782</v>
      </c>
      <c r="F33556" s="1" t="s">
        <v>116783</v>
      </c>
      <c r="G33556" s="1" t="s">
        <v>116687</v>
      </c>
      <c r="H33556" s="1" t="s">
        <v>116688</v>
      </c>
      <c r="I33556" s="1" t="s">
        <v>115226</v>
      </c>
      <c r="J33556" s="1" t="s">
        <v>116784</v>
      </c>
    </row>
    <row r="33557" spans="1:10" x14ac:dyDescent="0.35">
      <c r="A33557" s="1" t="s">
        <v>116683</v>
      </c>
      <c r="B33557" s="1" t="s">
        <v>115221</v>
      </c>
      <c r="C33557" s="1" t="s">
        <v>145</v>
      </c>
      <c r="D33557" s="1" t="s">
        <v>54313</v>
      </c>
      <c r="E33557" s="1" t="s">
        <v>116785</v>
      </c>
      <c r="F33557" s="1" t="s">
        <v>116786</v>
      </c>
      <c r="G33557" s="1" t="s">
        <v>116687</v>
      </c>
      <c r="H33557" s="1" t="s">
        <v>116688</v>
      </c>
      <c r="I33557" s="1" t="s">
        <v>115226</v>
      </c>
      <c r="J33557" s="1" t="s">
        <v>116787</v>
      </c>
    </row>
    <row r="33558" spans="1:10" x14ac:dyDescent="0.35">
      <c r="A33558" s="1" t="s">
        <v>116683</v>
      </c>
      <c r="B33558" s="1" t="s">
        <v>115221</v>
      </c>
      <c r="C33558" s="1" t="s">
        <v>150</v>
      </c>
      <c r="D33558" s="1" t="s">
        <v>116788</v>
      </c>
      <c r="E33558" s="1" t="s">
        <v>116789</v>
      </c>
      <c r="F33558" s="1" t="s">
        <v>116790</v>
      </c>
      <c r="G33558" s="1" t="s">
        <v>116687</v>
      </c>
      <c r="H33558" s="1" t="s">
        <v>116688</v>
      </c>
      <c r="I33558" s="1" t="s">
        <v>115226</v>
      </c>
      <c r="J33558" s="1" t="s">
        <v>116791</v>
      </c>
    </row>
    <row r="33559" spans="1:10" x14ac:dyDescent="0.35">
      <c r="A33559" s="1" t="s">
        <v>116683</v>
      </c>
      <c r="B33559" s="1" t="s">
        <v>115221</v>
      </c>
      <c r="C33559" s="1" t="s">
        <v>155</v>
      </c>
      <c r="D33559" s="1" t="s">
        <v>68530</v>
      </c>
      <c r="E33559" s="1" t="s">
        <v>116792</v>
      </c>
      <c r="F33559" s="1" t="s">
        <v>116793</v>
      </c>
      <c r="G33559" s="1" t="s">
        <v>116687</v>
      </c>
      <c r="H33559" s="1" t="s">
        <v>116688</v>
      </c>
      <c r="I33559" s="1" t="s">
        <v>115226</v>
      </c>
      <c r="J33559" s="1" t="s">
        <v>116794</v>
      </c>
    </row>
    <row r="33560" spans="1:10" x14ac:dyDescent="0.35">
      <c r="A33560" s="1" t="s">
        <v>116683</v>
      </c>
      <c r="B33560" s="1" t="s">
        <v>115221</v>
      </c>
      <c r="C33560" s="1" t="s">
        <v>160</v>
      </c>
      <c r="D33560" s="1" t="s">
        <v>92636</v>
      </c>
      <c r="E33560" s="1" t="s">
        <v>116795</v>
      </c>
      <c r="F33560" s="1" t="s">
        <v>116796</v>
      </c>
      <c r="G33560" s="1" t="s">
        <v>116687</v>
      </c>
      <c r="H33560" s="1" t="s">
        <v>116688</v>
      </c>
      <c r="I33560" s="1" t="s">
        <v>115226</v>
      </c>
      <c r="J33560" s="1" t="s">
        <v>116797</v>
      </c>
    </row>
    <row r="33561" spans="1:10" x14ac:dyDescent="0.35">
      <c r="A33561" s="1" t="s">
        <v>116683</v>
      </c>
      <c r="B33561" s="1" t="s">
        <v>115221</v>
      </c>
      <c r="C33561" s="1" t="s">
        <v>165</v>
      </c>
      <c r="D33561" s="1" t="s">
        <v>116798</v>
      </c>
      <c r="E33561" s="1" t="s">
        <v>116799</v>
      </c>
      <c r="F33561" s="1" t="s">
        <v>116800</v>
      </c>
      <c r="G33561" s="1" t="s">
        <v>116687</v>
      </c>
      <c r="H33561" s="1" t="s">
        <v>116688</v>
      </c>
      <c r="I33561" s="1" t="s">
        <v>115226</v>
      </c>
      <c r="J33561" s="1" t="s">
        <v>116801</v>
      </c>
    </row>
    <row r="33562" spans="1:10" x14ac:dyDescent="0.35">
      <c r="A33562" s="1" t="s">
        <v>116683</v>
      </c>
      <c r="B33562" s="1" t="s">
        <v>115221</v>
      </c>
      <c r="C33562" s="1" t="s">
        <v>170</v>
      </c>
      <c r="D33562" s="1" t="s">
        <v>116802</v>
      </c>
      <c r="E33562" s="1" t="s">
        <v>116803</v>
      </c>
      <c r="F33562" s="1" t="s">
        <v>116804</v>
      </c>
      <c r="G33562" s="1" t="s">
        <v>116687</v>
      </c>
      <c r="H33562" s="1" t="s">
        <v>116688</v>
      </c>
      <c r="I33562" s="1" t="s">
        <v>115226</v>
      </c>
      <c r="J33562" s="1" t="s">
        <v>116805</v>
      </c>
    </row>
    <row r="33563" spans="1:10" x14ac:dyDescent="0.35">
      <c r="A33563" s="1" t="s">
        <v>116806</v>
      </c>
      <c r="B33563" s="1" t="s">
        <v>115221</v>
      </c>
      <c r="C33563" s="1" t="s">
        <v>8</v>
      </c>
      <c r="D33563" s="1" t="s">
        <v>116684</v>
      </c>
      <c r="E33563" s="1" t="s">
        <v>116807</v>
      </c>
      <c r="F33563" s="1" t="s">
        <v>116808</v>
      </c>
      <c r="G33563" s="1" t="s">
        <v>116809</v>
      </c>
      <c r="H33563" s="1" t="s">
        <v>116810</v>
      </c>
      <c r="I33563" s="1" t="s">
        <v>115226</v>
      </c>
      <c r="J33563" s="1" t="s">
        <v>13</v>
      </c>
    </row>
    <row r="33564" spans="1:10" x14ac:dyDescent="0.35">
      <c r="A33564" s="1" t="s">
        <v>116806</v>
      </c>
      <c r="B33564" s="1" t="s">
        <v>115221</v>
      </c>
      <c r="C33564" s="1" t="s">
        <v>15</v>
      </c>
      <c r="D33564" s="1" t="s">
        <v>116689</v>
      </c>
      <c r="E33564" s="1" t="s">
        <v>116811</v>
      </c>
      <c r="F33564" s="1" t="s">
        <v>116812</v>
      </c>
      <c r="G33564" s="1" t="s">
        <v>116809</v>
      </c>
      <c r="H33564" s="1" t="s">
        <v>116810</v>
      </c>
      <c r="I33564" s="1" t="s">
        <v>115226</v>
      </c>
      <c r="J33564" s="1" t="s">
        <v>116692</v>
      </c>
    </row>
    <row r="33565" spans="1:10" x14ac:dyDescent="0.35">
      <c r="A33565" s="1" t="s">
        <v>116806</v>
      </c>
      <c r="B33565" s="1" t="s">
        <v>115221</v>
      </c>
      <c r="C33565" s="1" t="s">
        <v>20</v>
      </c>
      <c r="D33565" s="1" t="s">
        <v>116693</v>
      </c>
      <c r="E33565" s="1" t="s">
        <v>116813</v>
      </c>
      <c r="F33565" s="1" t="s">
        <v>116814</v>
      </c>
      <c r="G33565" s="1" t="s">
        <v>116809</v>
      </c>
      <c r="H33565" s="1" t="s">
        <v>116810</v>
      </c>
      <c r="I33565" s="1" t="s">
        <v>115226</v>
      </c>
      <c r="J33565" s="1" t="s">
        <v>116696</v>
      </c>
    </row>
    <row r="33566" spans="1:10" x14ac:dyDescent="0.35">
      <c r="A33566" s="1" t="s">
        <v>116806</v>
      </c>
      <c r="B33566" s="1" t="s">
        <v>115221</v>
      </c>
      <c r="C33566" s="1" t="s">
        <v>25</v>
      </c>
      <c r="D33566" s="1" t="s">
        <v>116697</v>
      </c>
      <c r="E33566" s="1" t="s">
        <v>116815</v>
      </c>
      <c r="F33566" s="1" t="s">
        <v>116816</v>
      </c>
      <c r="G33566" s="1" t="s">
        <v>116809</v>
      </c>
      <c r="H33566" s="1" t="s">
        <v>116810</v>
      </c>
      <c r="I33566" s="1" t="s">
        <v>115226</v>
      </c>
      <c r="J33566" s="1" t="s">
        <v>116700</v>
      </c>
    </row>
    <row r="33567" spans="1:10" x14ac:dyDescent="0.35">
      <c r="A33567" s="1" t="s">
        <v>116806</v>
      </c>
      <c r="B33567" s="1" t="s">
        <v>115221</v>
      </c>
      <c r="C33567" s="1" t="s">
        <v>30</v>
      </c>
      <c r="D33567" s="1" t="s">
        <v>63687</v>
      </c>
      <c r="E33567" s="1" t="s">
        <v>116817</v>
      </c>
      <c r="F33567" s="1" t="s">
        <v>116818</v>
      </c>
      <c r="G33567" s="1" t="s">
        <v>116809</v>
      </c>
      <c r="H33567" s="1" t="s">
        <v>116810</v>
      </c>
      <c r="I33567" s="1" t="s">
        <v>115226</v>
      </c>
      <c r="J33567" s="1" t="s">
        <v>116703</v>
      </c>
    </row>
    <row r="33568" spans="1:10" x14ac:dyDescent="0.35">
      <c r="A33568" s="1" t="s">
        <v>116806</v>
      </c>
      <c r="B33568" s="1" t="s">
        <v>115221</v>
      </c>
      <c r="C33568" s="1" t="s">
        <v>35</v>
      </c>
      <c r="D33568" s="1" t="s">
        <v>116704</v>
      </c>
      <c r="E33568" s="1" t="s">
        <v>116819</v>
      </c>
      <c r="F33568" s="1" t="s">
        <v>116820</v>
      </c>
      <c r="G33568" s="1" t="s">
        <v>116809</v>
      </c>
      <c r="H33568" s="1" t="s">
        <v>116810</v>
      </c>
      <c r="I33568" s="1" t="s">
        <v>115226</v>
      </c>
      <c r="J33568" s="1" t="s">
        <v>116707</v>
      </c>
    </row>
    <row r="33569" spans="1:10" x14ac:dyDescent="0.35">
      <c r="A33569" s="1" t="s">
        <v>116806</v>
      </c>
      <c r="B33569" s="1" t="s">
        <v>115221</v>
      </c>
      <c r="C33569" s="1" t="s">
        <v>40</v>
      </c>
      <c r="D33569" s="1" t="s">
        <v>116708</v>
      </c>
      <c r="E33569" s="1" t="s">
        <v>116821</v>
      </c>
      <c r="F33569" s="1" t="s">
        <v>116822</v>
      </c>
      <c r="G33569" s="1" t="s">
        <v>116809</v>
      </c>
      <c r="H33569" s="1" t="s">
        <v>116810</v>
      </c>
      <c r="I33569" s="1" t="s">
        <v>115226</v>
      </c>
      <c r="J33569" s="1" t="s">
        <v>116711</v>
      </c>
    </row>
    <row r="33570" spans="1:10" x14ac:dyDescent="0.35">
      <c r="A33570" s="1" t="s">
        <v>116806</v>
      </c>
      <c r="B33570" s="1" t="s">
        <v>115221</v>
      </c>
      <c r="C33570" s="1" t="s">
        <v>45</v>
      </c>
      <c r="D33570" s="1" t="s">
        <v>87496</v>
      </c>
      <c r="E33570" s="1" t="s">
        <v>116823</v>
      </c>
      <c r="F33570" s="1" t="s">
        <v>20369</v>
      </c>
      <c r="G33570" s="1" t="s">
        <v>116809</v>
      </c>
      <c r="H33570" s="1" t="s">
        <v>116810</v>
      </c>
      <c r="I33570" s="1" t="s">
        <v>115226</v>
      </c>
      <c r="J33570" s="1" t="s">
        <v>72182</v>
      </c>
    </row>
    <row r="33571" spans="1:10" x14ac:dyDescent="0.35">
      <c r="A33571" s="1" t="s">
        <v>116806</v>
      </c>
      <c r="B33571" s="1" t="s">
        <v>115221</v>
      </c>
      <c r="C33571" s="1" t="s">
        <v>50</v>
      </c>
      <c r="D33571" s="1" t="s">
        <v>116714</v>
      </c>
      <c r="E33571" s="1" t="s">
        <v>116824</v>
      </c>
      <c r="F33571" s="1" t="s">
        <v>116825</v>
      </c>
      <c r="G33571" s="1" t="s">
        <v>116809</v>
      </c>
      <c r="H33571" s="1" t="s">
        <v>116810</v>
      </c>
      <c r="I33571" s="1" t="s">
        <v>115226</v>
      </c>
      <c r="J33571" s="1" t="s">
        <v>116717</v>
      </c>
    </row>
    <row r="33572" spans="1:10" x14ac:dyDescent="0.35">
      <c r="A33572" s="1" t="s">
        <v>116806</v>
      </c>
      <c r="B33572" s="1" t="s">
        <v>115221</v>
      </c>
      <c r="C33572" s="1" t="s">
        <v>55</v>
      </c>
      <c r="D33572" s="1" t="s">
        <v>116718</v>
      </c>
      <c r="E33572" s="1" t="s">
        <v>116826</v>
      </c>
      <c r="F33572" s="1" t="s">
        <v>116827</v>
      </c>
      <c r="G33572" s="1" t="s">
        <v>116809</v>
      </c>
      <c r="H33572" s="1" t="s">
        <v>116810</v>
      </c>
      <c r="I33572" s="1" t="s">
        <v>115226</v>
      </c>
      <c r="J33572" s="1" t="s">
        <v>116721</v>
      </c>
    </row>
    <row r="33573" spans="1:10" x14ac:dyDescent="0.35">
      <c r="A33573" s="1" t="s">
        <v>116806</v>
      </c>
      <c r="B33573" s="1" t="s">
        <v>115221</v>
      </c>
      <c r="C33573" s="1" t="s">
        <v>60</v>
      </c>
      <c r="D33573" s="1" t="s">
        <v>116722</v>
      </c>
      <c r="E33573" s="1" t="s">
        <v>116828</v>
      </c>
      <c r="F33573" s="1" t="s">
        <v>116829</v>
      </c>
      <c r="G33573" s="1" t="s">
        <v>116809</v>
      </c>
      <c r="H33573" s="1" t="s">
        <v>116810</v>
      </c>
      <c r="I33573" s="1" t="s">
        <v>115226</v>
      </c>
      <c r="J33573" s="1" t="s">
        <v>116725</v>
      </c>
    </row>
    <row r="33574" spans="1:10" x14ac:dyDescent="0.35">
      <c r="A33574" s="1" t="s">
        <v>116806</v>
      </c>
      <c r="B33574" s="1" t="s">
        <v>115221</v>
      </c>
      <c r="C33574" s="1" t="s">
        <v>65</v>
      </c>
      <c r="D33574" s="1" t="s">
        <v>116726</v>
      </c>
      <c r="E33574" s="1" t="s">
        <v>116830</v>
      </c>
      <c r="F33574" s="1" t="s">
        <v>116831</v>
      </c>
      <c r="G33574" s="1" t="s">
        <v>116809</v>
      </c>
      <c r="H33574" s="1" t="s">
        <v>116810</v>
      </c>
      <c r="I33574" s="1" t="s">
        <v>115226</v>
      </c>
      <c r="J33574" s="1" t="s">
        <v>116729</v>
      </c>
    </row>
    <row r="33575" spans="1:10" x14ac:dyDescent="0.35">
      <c r="A33575" s="1" t="s">
        <v>116806</v>
      </c>
      <c r="B33575" s="1" t="s">
        <v>115221</v>
      </c>
      <c r="C33575" s="1" t="s">
        <v>70</v>
      </c>
      <c r="D33575" s="1" t="s">
        <v>116730</v>
      </c>
      <c r="E33575" s="1" t="s">
        <v>1044</v>
      </c>
      <c r="F33575" s="1" t="s">
        <v>116832</v>
      </c>
      <c r="G33575" s="1" t="s">
        <v>116809</v>
      </c>
      <c r="H33575" s="1" t="s">
        <v>116810</v>
      </c>
      <c r="I33575" s="1" t="s">
        <v>115226</v>
      </c>
      <c r="J33575" s="1" t="s">
        <v>116733</v>
      </c>
    </row>
    <row r="33576" spans="1:10" x14ac:dyDescent="0.35">
      <c r="A33576" s="1" t="s">
        <v>116806</v>
      </c>
      <c r="B33576" s="1" t="s">
        <v>115221</v>
      </c>
      <c r="C33576" s="1" t="s">
        <v>75</v>
      </c>
      <c r="D33576" s="1" t="s">
        <v>60128</v>
      </c>
      <c r="E33576" s="1" t="s">
        <v>116833</v>
      </c>
      <c r="F33576" s="1" t="s">
        <v>116834</v>
      </c>
      <c r="G33576" s="1" t="s">
        <v>116809</v>
      </c>
      <c r="H33576" s="1" t="s">
        <v>116810</v>
      </c>
      <c r="I33576" s="1" t="s">
        <v>115226</v>
      </c>
      <c r="J33576" s="1" t="s">
        <v>116736</v>
      </c>
    </row>
    <row r="33577" spans="1:10" x14ac:dyDescent="0.35">
      <c r="A33577" s="1" t="s">
        <v>116806</v>
      </c>
      <c r="B33577" s="1" t="s">
        <v>115221</v>
      </c>
      <c r="C33577" s="1" t="s">
        <v>80</v>
      </c>
      <c r="D33577" s="1" t="s">
        <v>116737</v>
      </c>
      <c r="E33577" s="1" t="s">
        <v>116835</v>
      </c>
      <c r="F33577" s="1" t="s">
        <v>116836</v>
      </c>
      <c r="G33577" s="1" t="s">
        <v>116809</v>
      </c>
      <c r="H33577" s="1" t="s">
        <v>116810</v>
      </c>
      <c r="I33577" s="1" t="s">
        <v>115226</v>
      </c>
      <c r="J33577" s="1" t="s">
        <v>116740</v>
      </c>
    </row>
    <row r="33578" spans="1:10" x14ac:dyDescent="0.35">
      <c r="A33578" s="1" t="s">
        <v>116806</v>
      </c>
      <c r="B33578" s="1" t="s">
        <v>115221</v>
      </c>
      <c r="C33578" s="1" t="s">
        <v>85</v>
      </c>
      <c r="D33578" s="1" t="s">
        <v>116741</v>
      </c>
      <c r="E33578" s="1" t="s">
        <v>116837</v>
      </c>
      <c r="F33578" s="1" t="s">
        <v>116838</v>
      </c>
      <c r="G33578" s="1" t="s">
        <v>116809</v>
      </c>
      <c r="H33578" s="1" t="s">
        <v>116810</v>
      </c>
      <c r="I33578" s="1" t="s">
        <v>115226</v>
      </c>
      <c r="J33578" s="1" t="s">
        <v>116744</v>
      </c>
    </row>
    <row r="33579" spans="1:10" x14ac:dyDescent="0.35">
      <c r="A33579" s="1" t="s">
        <v>116806</v>
      </c>
      <c r="B33579" s="1" t="s">
        <v>115221</v>
      </c>
      <c r="C33579" s="1" t="s">
        <v>90</v>
      </c>
      <c r="D33579" s="1" t="s">
        <v>116745</v>
      </c>
      <c r="E33579" s="1" t="s">
        <v>116839</v>
      </c>
      <c r="F33579" s="1" t="s">
        <v>116840</v>
      </c>
      <c r="G33579" s="1" t="s">
        <v>116809</v>
      </c>
      <c r="H33579" s="1" t="s">
        <v>116810</v>
      </c>
      <c r="I33579" s="1" t="s">
        <v>115226</v>
      </c>
      <c r="J33579" s="1" t="s">
        <v>116748</v>
      </c>
    </row>
    <row r="33580" spans="1:10" x14ac:dyDescent="0.35">
      <c r="A33580" s="1" t="s">
        <v>116806</v>
      </c>
      <c r="B33580" s="1" t="s">
        <v>115221</v>
      </c>
      <c r="C33580" s="1" t="s">
        <v>95</v>
      </c>
      <c r="D33580" s="1" t="s">
        <v>116749</v>
      </c>
      <c r="E33580" s="1" t="s">
        <v>116841</v>
      </c>
      <c r="F33580" s="1" t="s">
        <v>116842</v>
      </c>
      <c r="G33580" s="1" t="s">
        <v>116809</v>
      </c>
      <c r="H33580" s="1" t="s">
        <v>116810</v>
      </c>
      <c r="I33580" s="1" t="s">
        <v>115226</v>
      </c>
      <c r="J33580" s="1" t="s">
        <v>116752</v>
      </c>
    </row>
    <row r="33581" spans="1:10" x14ac:dyDescent="0.35">
      <c r="A33581" s="1" t="s">
        <v>116806</v>
      </c>
      <c r="B33581" s="1" t="s">
        <v>115221</v>
      </c>
      <c r="C33581" s="1" t="s">
        <v>100</v>
      </c>
      <c r="D33581" s="1" t="s">
        <v>116753</v>
      </c>
      <c r="E33581" s="1" t="s">
        <v>116843</v>
      </c>
      <c r="F33581" s="1" t="s">
        <v>116844</v>
      </c>
      <c r="G33581" s="1" t="s">
        <v>116809</v>
      </c>
      <c r="H33581" s="1" t="s">
        <v>116810</v>
      </c>
      <c r="I33581" s="1" t="s">
        <v>115226</v>
      </c>
      <c r="J33581" s="1" t="s">
        <v>116756</v>
      </c>
    </row>
    <row r="33582" spans="1:10" x14ac:dyDescent="0.35">
      <c r="A33582" s="1" t="s">
        <v>116806</v>
      </c>
      <c r="B33582" s="1" t="s">
        <v>115221</v>
      </c>
      <c r="C33582" s="1" t="s">
        <v>105</v>
      </c>
      <c r="D33582" s="1" t="s">
        <v>86433</v>
      </c>
      <c r="E33582" s="1" t="s">
        <v>116845</v>
      </c>
      <c r="F33582" s="1" t="s">
        <v>116846</v>
      </c>
      <c r="G33582" s="1" t="s">
        <v>116809</v>
      </c>
      <c r="H33582" s="1" t="s">
        <v>116810</v>
      </c>
      <c r="I33582" s="1" t="s">
        <v>115226</v>
      </c>
      <c r="J33582" s="1" t="s">
        <v>116759</v>
      </c>
    </row>
    <row r="33583" spans="1:10" x14ac:dyDescent="0.35">
      <c r="A33583" s="1" t="s">
        <v>116806</v>
      </c>
      <c r="B33583" s="1" t="s">
        <v>115221</v>
      </c>
      <c r="C33583" s="1" t="s">
        <v>110</v>
      </c>
      <c r="D33583" s="1" t="s">
        <v>116760</v>
      </c>
      <c r="E33583" s="1" t="s">
        <v>116847</v>
      </c>
      <c r="F33583" s="1" t="s">
        <v>116848</v>
      </c>
      <c r="G33583" s="1" t="s">
        <v>116809</v>
      </c>
      <c r="H33583" s="1" t="s">
        <v>116810</v>
      </c>
      <c r="I33583" s="1" t="s">
        <v>115226</v>
      </c>
      <c r="J33583" s="1" t="s">
        <v>116763</v>
      </c>
    </row>
    <row r="33584" spans="1:10" x14ac:dyDescent="0.35">
      <c r="A33584" s="1" t="s">
        <v>116806</v>
      </c>
      <c r="B33584" s="1" t="s">
        <v>115221</v>
      </c>
      <c r="C33584" s="1" t="s">
        <v>115</v>
      </c>
      <c r="D33584" s="1" t="s">
        <v>116764</v>
      </c>
      <c r="E33584" s="1" t="s">
        <v>116849</v>
      </c>
      <c r="F33584" s="1" t="s">
        <v>116850</v>
      </c>
      <c r="G33584" s="1" t="s">
        <v>116809</v>
      </c>
      <c r="H33584" s="1" t="s">
        <v>116810</v>
      </c>
      <c r="I33584" s="1" t="s">
        <v>115226</v>
      </c>
      <c r="J33584" s="1" t="s">
        <v>116767</v>
      </c>
    </row>
    <row r="33585" spans="1:10" x14ac:dyDescent="0.35">
      <c r="A33585" s="1" t="s">
        <v>116806</v>
      </c>
      <c r="B33585" s="1" t="s">
        <v>115221</v>
      </c>
      <c r="C33585" s="1" t="s">
        <v>120</v>
      </c>
      <c r="D33585" s="1" t="s">
        <v>116768</v>
      </c>
      <c r="E33585" s="1" t="s">
        <v>116851</v>
      </c>
      <c r="F33585" s="1" t="s">
        <v>116852</v>
      </c>
      <c r="G33585" s="1" t="s">
        <v>116809</v>
      </c>
      <c r="H33585" s="1" t="s">
        <v>116810</v>
      </c>
      <c r="I33585" s="1" t="s">
        <v>115226</v>
      </c>
      <c r="J33585" s="1" t="s">
        <v>116771</v>
      </c>
    </row>
    <row r="33586" spans="1:10" x14ac:dyDescent="0.35">
      <c r="A33586" s="1" t="s">
        <v>116806</v>
      </c>
      <c r="B33586" s="1" t="s">
        <v>115221</v>
      </c>
      <c r="C33586" s="1" t="s">
        <v>125</v>
      </c>
      <c r="D33586" s="1" t="s">
        <v>84994</v>
      </c>
      <c r="E33586" s="1" t="s">
        <v>116853</v>
      </c>
      <c r="F33586" s="1" t="s">
        <v>116854</v>
      </c>
      <c r="G33586" s="1" t="s">
        <v>116809</v>
      </c>
      <c r="H33586" s="1" t="s">
        <v>116810</v>
      </c>
      <c r="I33586" s="1" t="s">
        <v>115226</v>
      </c>
      <c r="J33586" s="1" t="s">
        <v>116774</v>
      </c>
    </row>
    <row r="33587" spans="1:10" x14ac:dyDescent="0.35">
      <c r="A33587" s="1" t="s">
        <v>116806</v>
      </c>
      <c r="B33587" s="1" t="s">
        <v>115221</v>
      </c>
      <c r="C33587" s="1" t="s">
        <v>130</v>
      </c>
      <c r="D33587" s="1" t="s">
        <v>97133</v>
      </c>
      <c r="E33587" s="1" t="s">
        <v>116855</v>
      </c>
      <c r="F33587" s="1" t="s">
        <v>116856</v>
      </c>
      <c r="G33587" s="1" t="s">
        <v>116809</v>
      </c>
      <c r="H33587" s="1" t="s">
        <v>116810</v>
      </c>
      <c r="I33587" s="1" t="s">
        <v>115226</v>
      </c>
      <c r="J33587" s="1" t="s">
        <v>116777</v>
      </c>
    </row>
    <row r="33588" spans="1:10" x14ac:dyDescent="0.35">
      <c r="A33588" s="1" t="s">
        <v>116806</v>
      </c>
      <c r="B33588" s="1" t="s">
        <v>115221</v>
      </c>
      <c r="C33588" s="1" t="s">
        <v>135</v>
      </c>
      <c r="D33588" s="1" t="s">
        <v>116778</v>
      </c>
      <c r="E33588" s="1" t="s">
        <v>116857</v>
      </c>
      <c r="F33588" s="1" t="s">
        <v>116858</v>
      </c>
      <c r="G33588" s="1" t="s">
        <v>116809</v>
      </c>
      <c r="H33588" s="1" t="s">
        <v>116810</v>
      </c>
      <c r="I33588" s="1" t="s">
        <v>115226</v>
      </c>
      <c r="J33588" s="1" t="s">
        <v>116781</v>
      </c>
    </row>
    <row r="33589" spans="1:10" x14ac:dyDescent="0.35">
      <c r="A33589" s="1" t="s">
        <v>116806</v>
      </c>
      <c r="B33589" s="1" t="s">
        <v>115221</v>
      </c>
      <c r="C33589" s="1" t="s">
        <v>140</v>
      </c>
      <c r="D33589" s="1" t="s">
        <v>96496</v>
      </c>
      <c r="E33589" s="1" t="s">
        <v>116859</v>
      </c>
      <c r="F33589" s="1" t="s">
        <v>116860</v>
      </c>
      <c r="G33589" s="1" t="s">
        <v>116809</v>
      </c>
      <c r="H33589" s="1" t="s">
        <v>116810</v>
      </c>
      <c r="I33589" s="1" t="s">
        <v>115226</v>
      </c>
      <c r="J33589" s="1" t="s">
        <v>116784</v>
      </c>
    </row>
    <row r="33590" spans="1:10" x14ac:dyDescent="0.35">
      <c r="A33590" s="1" t="s">
        <v>116806</v>
      </c>
      <c r="B33590" s="1" t="s">
        <v>115221</v>
      </c>
      <c r="C33590" s="1" t="s">
        <v>145</v>
      </c>
      <c r="D33590" s="1" t="s">
        <v>54313</v>
      </c>
      <c r="E33590" s="1" t="s">
        <v>116861</v>
      </c>
      <c r="F33590" s="1" t="s">
        <v>116862</v>
      </c>
      <c r="G33590" s="1" t="s">
        <v>116809</v>
      </c>
      <c r="H33590" s="1" t="s">
        <v>116810</v>
      </c>
      <c r="I33590" s="1" t="s">
        <v>115226</v>
      </c>
      <c r="J33590" s="1" t="s">
        <v>116787</v>
      </c>
    </row>
    <row r="33591" spans="1:10" x14ac:dyDescent="0.35">
      <c r="A33591" s="1" t="s">
        <v>116806</v>
      </c>
      <c r="B33591" s="1" t="s">
        <v>115221</v>
      </c>
      <c r="C33591" s="1" t="s">
        <v>150</v>
      </c>
      <c r="D33591" s="1" t="s">
        <v>116788</v>
      </c>
      <c r="E33591" s="1" t="s">
        <v>116863</v>
      </c>
      <c r="F33591" s="1" t="s">
        <v>116864</v>
      </c>
      <c r="G33591" s="1" t="s">
        <v>116809</v>
      </c>
      <c r="H33591" s="1" t="s">
        <v>116810</v>
      </c>
      <c r="I33591" s="1" t="s">
        <v>115226</v>
      </c>
      <c r="J33591" s="1" t="s">
        <v>116791</v>
      </c>
    </row>
    <row r="33592" spans="1:10" x14ac:dyDescent="0.35">
      <c r="A33592" s="1" t="s">
        <v>116806</v>
      </c>
      <c r="B33592" s="1" t="s">
        <v>115221</v>
      </c>
      <c r="C33592" s="1" t="s">
        <v>155</v>
      </c>
      <c r="D33592" s="1" t="s">
        <v>68530</v>
      </c>
      <c r="E33592" s="1" t="s">
        <v>116865</v>
      </c>
      <c r="F33592" s="1" t="s">
        <v>116866</v>
      </c>
      <c r="G33592" s="1" t="s">
        <v>116809</v>
      </c>
      <c r="H33592" s="1" t="s">
        <v>116810</v>
      </c>
      <c r="I33592" s="1" t="s">
        <v>115226</v>
      </c>
      <c r="J33592" s="1" t="s">
        <v>116794</v>
      </c>
    </row>
    <row r="33593" spans="1:10" x14ac:dyDescent="0.35">
      <c r="A33593" s="1" t="s">
        <v>116806</v>
      </c>
      <c r="B33593" s="1" t="s">
        <v>115221</v>
      </c>
      <c r="C33593" s="1" t="s">
        <v>160</v>
      </c>
      <c r="D33593" s="1" t="s">
        <v>92636</v>
      </c>
      <c r="E33593" s="1" t="s">
        <v>116867</v>
      </c>
      <c r="F33593" s="1" t="s">
        <v>116868</v>
      </c>
      <c r="G33593" s="1" t="s">
        <v>116809</v>
      </c>
      <c r="H33593" s="1" t="s">
        <v>116810</v>
      </c>
      <c r="I33593" s="1" t="s">
        <v>115226</v>
      </c>
      <c r="J33593" s="1" t="s">
        <v>116797</v>
      </c>
    </row>
    <row r="33594" spans="1:10" x14ac:dyDescent="0.35">
      <c r="A33594" s="1" t="s">
        <v>116806</v>
      </c>
      <c r="B33594" s="1" t="s">
        <v>115221</v>
      </c>
      <c r="C33594" s="1" t="s">
        <v>165</v>
      </c>
      <c r="D33594" s="1" t="s">
        <v>116798</v>
      </c>
      <c r="E33594" s="1" t="s">
        <v>116869</v>
      </c>
      <c r="F33594" s="1" t="s">
        <v>116870</v>
      </c>
      <c r="G33594" s="1" t="s">
        <v>116809</v>
      </c>
      <c r="H33594" s="1" t="s">
        <v>116810</v>
      </c>
      <c r="I33594" s="1" t="s">
        <v>115226</v>
      </c>
      <c r="J33594" s="1" t="s">
        <v>116801</v>
      </c>
    </row>
    <row r="33595" spans="1:10" x14ac:dyDescent="0.35">
      <c r="A33595" s="1" t="s">
        <v>116806</v>
      </c>
      <c r="B33595" s="1" t="s">
        <v>115221</v>
      </c>
      <c r="C33595" s="1" t="s">
        <v>170</v>
      </c>
      <c r="D33595" s="1" t="s">
        <v>116802</v>
      </c>
      <c r="E33595" s="1" t="s">
        <v>116871</v>
      </c>
      <c r="F33595" s="1" t="s">
        <v>116872</v>
      </c>
      <c r="G33595" s="1" t="s">
        <v>116809</v>
      </c>
      <c r="H33595" s="1" t="s">
        <v>116810</v>
      </c>
      <c r="I33595" s="1" t="s">
        <v>115226</v>
      </c>
      <c r="J33595" s="1" t="s">
        <v>116805</v>
      </c>
    </row>
    <row r="33596" spans="1:10" x14ac:dyDescent="0.35">
      <c r="A33596" s="1" t="s">
        <v>44285</v>
      </c>
      <c r="B33596" s="1" t="s">
        <v>115221</v>
      </c>
      <c r="C33596" s="1" t="s">
        <v>8</v>
      </c>
      <c r="D33596" s="1" t="s">
        <v>116873</v>
      </c>
      <c r="E33596" s="1" t="s">
        <v>116874</v>
      </c>
      <c r="F33596" s="1" t="s">
        <v>116875</v>
      </c>
      <c r="G33596" s="1" t="s">
        <v>116876</v>
      </c>
      <c r="H33596" s="1" t="s">
        <v>116877</v>
      </c>
      <c r="I33596" s="1" t="s">
        <v>115226</v>
      </c>
      <c r="J33596" s="1" t="s">
        <v>13</v>
      </c>
    </row>
    <row r="33597" spans="1:10" x14ac:dyDescent="0.35">
      <c r="A33597" s="1" t="s">
        <v>44285</v>
      </c>
      <c r="B33597" s="1" t="s">
        <v>115221</v>
      </c>
      <c r="C33597" s="1" t="s">
        <v>15</v>
      </c>
      <c r="D33597" s="1" t="s">
        <v>37894</v>
      </c>
      <c r="E33597" s="1" t="s">
        <v>116878</v>
      </c>
      <c r="F33597" s="1" t="s">
        <v>116879</v>
      </c>
      <c r="G33597" s="1" t="s">
        <v>116876</v>
      </c>
      <c r="H33597" s="1" t="s">
        <v>116877</v>
      </c>
      <c r="I33597" s="1" t="s">
        <v>115226</v>
      </c>
      <c r="J33597" s="1" t="s">
        <v>116880</v>
      </c>
    </row>
    <row r="33598" spans="1:10" x14ac:dyDescent="0.35">
      <c r="A33598" s="1" t="s">
        <v>44285</v>
      </c>
      <c r="B33598" s="1" t="s">
        <v>115221</v>
      </c>
      <c r="C33598" s="1" t="s">
        <v>20</v>
      </c>
      <c r="D33598" s="1" t="s">
        <v>42546</v>
      </c>
      <c r="E33598" s="1" t="s">
        <v>116881</v>
      </c>
      <c r="F33598" s="1" t="s">
        <v>116882</v>
      </c>
      <c r="G33598" s="1" t="s">
        <v>116876</v>
      </c>
      <c r="H33598" s="1" t="s">
        <v>116877</v>
      </c>
      <c r="I33598" s="1" t="s">
        <v>115226</v>
      </c>
      <c r="J33598" s="1" t="s">
        <v>116883</v>
      </c>
    </row>
    <row r="33599" spans="1:10" x14ac:dyDescent="0.35">
      <c r="A33599" s="1" t="s">
        <v>44285</v>
      </c>
      <c r="B33599" s="1" t="s">
        <v>115221</v>
      </c>
      <c r="C33599" s="1" t="s">
        <v>25</v>
      </c>
      <c r="D33599" s="1" t="s">
        <v>116884</v>
      </c>
      <c r="E33599" s="1" t="s">
        <v>116885</v>
      </c>
      <c r="F33599" s="1" t="s">
        <v>116886</v>
      </c>
      <c r="G33599" s="1" t="s">
        <v>116876</v>
      </c>
      <c r="H33599" s="1" t="s">
        <v>116877</v>
      </c>
      <c r="I33599" s="1" t="s">
        <v>115226</v>
      </c>
      <c r="J33599" s="1" t="s">
        <v>116887</v>
      </c>
    </row>
    <row r="33600" spans="1:10" x14ac:dyDescent="0.35">
      <c r="A33600" s="1" t="s">
        <v>44285</v>
      </c>
      <c r="B33600" s="1" t="s">
        <v>115221</v>
      </c>
      <c r="C33600" s="1" t="s">
        <v>30</v>
      </c>
      <c r="D33600" s="1" t="s">
        <v>116888</v>
      </c>
      <c r="E33600" s="1" t="s">
        <v>116889</v>
      </c>
      <c r="F33600" s="1" t="s">
        <v>116890</v>
      </c>
      <c r="G33600" s="1" t="s">
        <v>116876</v>
      </c>
      <c r="H33600" s="1" t="s">
        <v>116877</v>
      </c>
      <c r="I33600" s="1" t="s">
        <v>115226</v>
      </c>
      <c r="J33600" s="1" t="s">
        <v>116891</v>
      </c>
    </row>
    <row r="33601" spans="1:10" x14ac:dyDescent="0.35">
      <c r="A33601" s="1" t="s">
        <v>44285</v>
      </c>
      <c r="B33601" s="1" t="s">
        <v>115221</v>
      </c>
      <c r="C33601" s="1" t="s">
        <v>35</v>
      </c>
      <c r="D33601" s="1" t="s">
        <v>114497</v>
      </c>
      <c r="E33601" s="1" t="s">
        <v>116892</v>
      </c>
      <c r="F33601" s="1" t="s">
        <v>116893</v>
      </c>
      <c r="G33601" s="1" t="s">
        <v>116876</v>
      </c>
      <c r="H33601" s="1" t="s">
        <v>116877</v>
      </c>
      <c r="I33601" s="1" t="s">
        <v>115226</v>
      </c>
      <c r="J33601" s="1" t="s">
        <v>116894</v>
      </c>
    </row>
    <row r="33602" spans="1:10" x14ac:dyDescent="0.35">
      <c r="A33602" s="1" t="s">
        <v>44285</v>
      </c>
      <c r="B33602" s="1" t="s">
        <v>115221</v>
      </c>
      <c r="C33602" s="1" t="s">
        <v>40</v>
      </c>
      <c r="D33602" s="1" t="s">
        <v>43879</v>
      </c>
      <c r="E33602" s="1" t="s">
        <v>116895</v>
      </c>
      <c r="F33602" s="1" t="s">
        <v>116896</v>
      </c>
      <c r="G33602" s="1" t="s">
        <v>116876</v>
      </c>
      <c r="H33602" s="1" t="s">
        <v>116877</v>
      </c>
      <c r="I33602" s="1" t="s">
        <v>115226</v>
      </c>
      <c r="J33602" s="1" t="s">
        <v>116897</v>
      </c>
    </row>
    <row r="33603" spans="1:10" x14ac:dyDescent="0.35">
      <c r="A33603" s="1" t="s">
        <v>44285</v>
      </c>
      <c r="B33603" s="1" t="s">
        <v>115221</v>
      </c>
      <c r="C33603" s="1" t="s">
        <v>45</v>
      </c>
      <c r="D33603" s="1" t="s">
        <v>116898</v>
      </c>
      <c r="E33603" s="1" t="s">
        <v>116899</v>
      </c>
      <c r="F33603" s="1" t="s">
        <v>116900</v>
      </c>
      <c r="G33603" s="1" t="s">
        <v>116876</v>
      </c>
      <c r="H33603" s="1" t="s">
        <v>116877</v>
      </c>
      <c r="I33603" s="1" t="s">
        <v>115226</v>
      </c>
      <c r="J33603" s="1" t="s">
        <v>116901</v>
      </c>
    </row>
    <row r="33604" spans="1:10" x14ac:dyDescent="0.35">
      <c r="A33604" s="1" t="s">
        <v>44285</v>
      </c>
      <c r="B33604" s="1" t="s">
        <v>115221</v>
      </c>
      <c r="C33604" s="1" t="s">
        <v>50</v>
      </c>
      <c r="D33604" s="1" t="s">
        <v>116902</v>
      </c>
      <c r="E33604" s="1" t="s">
        <v>116903</v>
      </c>
      <c r="F33604" s="1" t="s">
        <v>116904</v>
      </c>
      <c r="G33604" s="1" t="s">
        <v>116876</v>
      </c>
      <c r="H33604" s="1" t="s">
        <v>116877</v>
      </c>
      <c r="I33604" s="1" t="s">
        <v>115226</v>
      </c>
      <c r="J33604" s="1" t="s">
        <v>116905</v>
      </c>
    </row>
    <row r="33605" spans="1:10" x14ac:dyDescent="0.35">
      <c r="A33605" s="1" t="s">
        <v>44285</v>
      </c>
      <c r="B33605" s="1" t="s">
        <v>115221</v>
      </c>
      <c r="C33605" s="1" t="s">
        <v>55</v>
      </c>
      <c r="D33605" s="1" t="s">
        <v>16852</v>
      </c>
      <c r="E33605" s="1" t="s">
        <v>116906</v>
      </c>
      <c r="F33605" s="1" t="s">
        <v>116907</v>
      </c>
      <c r="G33605" s="1" t="s">
        <v>116876</v>
      </c>
      <c r="H33605" s="1" t="s">
        <v>116877</v>
      </c>
      <c r="I33605" s="1" t="s">
        <v>115226</v>
      </c>
      <c r="J33605" s="1" t="s">
        <v>116908</v>
      </c>
    </row>
    <row r="33606" spans="1:10" x14ac:dyDescent="0.35">
      <c r="A33606" s="1" t="s">
        <v>44285</v>
      </c>
      <c r="B33606" s="1" t="s">
        <v>115221</v>
      </c>
      <c r="C33606" s="1" t="s">
        <v>60</v>
      </c>
      <c r="D33606" s="1" t="s">
        <v>116909</v>
      </c>
      <c r="E33606" s="1" t="s">
        <v>116910</v>
      </c>
      <c r="F33606" s="1" t="s">
        <v>116911</v>
      </c>
      <c r="G33606" s="1" t="s">
        <v>116876</v>
      </c>
      <c r="H33606" s="1" t="s">
        <v>116877</v>
      </c>
      <c r="I33606" s="1" t="s">
        <v>115226</v>
      </c>
      <c r="J33606" s="1" t="s">
        <v>116912</v>
      </c>
    </row>
    <row r="33607" spans="1:10" x14ac:dyDescent="0.35">
      <c r="A33607" s="1" t="s">
        <v>44285</v>
      </c>
      <c r="B33607" s="1" t="s">
        <v>115221</v>
      </c>
      <c r="C33607" s="1" t="s">
        <v>65</v>
      </c>
      <c r="D33607" s="1" t="s">
        <v>116913</v>
      </c>
      <c r="E33607" s="1" t="s">
        <v>116914</v>
      </c>
      <c r="F33607" s="1" t="s">
        <v>116915</v>
      </c>
      <c r="G33607" s="1" t="s">
        <v>116876</v>
      </c>
      <c r="H33607" s="1" t="s">
        <v>116877</v>
      </c>
      <c r="I33607" s="1" t="s">
        <v>115226</v>
      </c>
      <c r="J33607" s="1" t="s">
        <v>116916</v>
      </c>
    </row>
    <row r="33608" spans="1:10" x14ac:dyDescent="0.35">
      <c r="A33608" s="1" t="s">
        <v>44285</v>
      </c>
      <c r="B33608" s="1" t="s">
        <v>115221</v>
      </c>
      <c r="C33608" s="1" t="s">
        <v>70</v>
      </c>
      <c r="D33608" s="1" t="s">
        <v>116917</v>
      </c>
      <c r="E33608" s="1" t="s">
        <v>116918</v>
      </c>
      <c r="F33608" s="1" t="s">
        <v>116919</v>
      </c>
      <c r="G33608" s="1" t="s">
        <v>116876</v>
      </c>
      <c r="H33608" s="1" t="s">
        <v>116877</v>
      </c>
      <c r="I33608" s="1" t="s">
        <v>115226</v>
      </c>
      <c r="J33608" s="1" t="s">
        <v>116920</v>
      </c>
    </row>
    <row r="33609" spans="1:10" x14ac:dyDescent="0.35">
      <c r="A33609" s="1" t="s">
        <v>44285</v>
      </c>
      <c r="B33609" s="1" t="s">
        <v>115221</v>
      </c>
      <c r="C33609" s="1" t="s">
        <v>75</v>
      </c>
      <c r="D33609" s="1" t="s">
        <v>34368</v>
      </c>
      <c r="E33609" s="1" t="s">
        <v>116921</v>
      </c>
      <c r="F33609" s="1" t="s">
        <v>116922</v>
      </c>
      <c r="G33609" s="1" t="s">
        <v>116876</v>
      </c>
      <c r="H33609" s="1" t="s">
        <v>116877</v>
      </c>
      <c r="I33609" s="1" t="s">
        <v>115226</v>
      </c>
      <c r="J33609" s="1" t="s">
        <v>116923</v>
      </c>
    </row>
    <row r="33610" spans="1:10" x14ac:dyDescent="0.35">
      <c r="A33610" s="1" t="s">
        <v>44285</v>
      </c>
      <c r="B33610" s="1" t="s">
        <v>115221</v>
      </c>
      <c r="C33610" s="1" t="s">
        <v>80</v>
      </c>
      <c r="D33610" s="1" t="s">
        <v>116924</v>
      </c>
      <c r="E33610" s="1" t="s">
        <v>116925</v>
      </c>
      <c r="F33610" s="1" t="s">
        <v>116926</v>
      </c>
      <c r="G33610" s="1" t="s">
        <v>116876</v>
      </c>
      <c r="H33610" s="1" t="s">
        <v>116877</v>
      </c>
      <c r="I33610" s="1" t="s">
        <v>115226</v>
      </c>
      <c r="J33610" s="1" t="s">
        <v>116927</v>
      </c>
    </row>
    <row r="33611" spans="1:10" x14ac:dyDescent="0.35">
      <c r="A33611" s="1" t="s">
        <v>44285</v>
      </c>
      <c r="B33611" s="1" t="s">
        <v>115221</v>
      </c>
      <c r="C33611" s="1" t="s">
        <v>85</v>
      </c>
      <c r="D33611" s="1" t="s">
        <v>83550</v>
      </c>
      <c r="E33611" s="1" t="s">
        <v>116928</v>
      </c>
      <c r="F33611" s="1" t="s">
        <v>116929</v>
      </c>
      <c r="G33611" s="1" t="s">
        <v>116876</v>
      </c>
      <c r="H33611" s="1" t="s">
        <v>116877</v>
      </c>
      <c r="I33611" s="1" t="s">
        <v>115226</v>
      </c>
      <c r="J33611" s="1" t="s">
        <v>116930</v>
      </c>
    </row>
    <row r="33612" spans="1:10" x14ac:dyDescent="0.35">
      <c r="A33612" s="1" t="s">
        <v>44285</v>
      </c>
      <c r="B33612" s="1" t="s">
        <v>115221</v>
      </c>
      <c r="C33612" s="1" t="s">
        <v>90</v>
      </c>
      <c r="D33612" s="1" t="s">
        <v>9106</v>
      </c>
      <c r="E33612" s="1" t="s">
        <v>116931</v>
      </c>
      <c r="F33612" s="1" t="s">
        <v>116932</v>
      </c>
      <c r="G33612" s="1" t="s">
        <v>116876</v>
      </c>
      <c r="H33612" s="1" t="s">
        <v>116877</v>
      </c>
      <c r="I33612" s="1" t="s">
        <v>115226</v>
      </c>
      <c r="J33612" s="1" t="s">
        <v>116933</v>
      </c>
    </row>
    <row r="33613" spans="1:10" x14ac:dyDescent="0.35">
      <c r="A33613" s="1" t="s">
        <v>44285</v>
      </c>
      <c r="B33613" s="1" t="s">
        <v>115221</v>
      </c>
      <c r="C33613" s="1" t="s">
        <v>95</v>
      </c>
      <c r="D33613" s="1" t="s">
        <v>116934</v>
      </c>
      <c r="E33613" s="1" t="s">
        <v>116935</v>
      </c>
      <c r="F33613" s="1" t="s">
        <v>116936</v>
      </c>
      <c r="G33613" s="1" t="s">
        <v>116876</v>
      </c>
      <c r="H33613" s="1" t="s">
        <v>116877</v>
      </c>
      <c r="I33613" s="1" t="s">
        <v>115226</v>
      </c>
      <c r="J33613" s="1" t="s">
        <v>116937</v>
      </c>
    </row>
    <row r="33614" spans="1:10" x14ac:dyDescent="0.35">
      <c r="A33614" s="1" t="s">
        <v>44285</v>
      </c>
      <c r="B33614" s="1" t="s">
        <v>115221</v>
      </c>
      <c r="C33614" s="1" t="s">
        <v>100</v>
      </c>
      <c r="D33614" s="1" t="s">
        <v>116938</v>
      </c>
      <c r="E33614" s="1" t="s">
        <v>116939</v>
      </c>
      <c r="F33614" s="1" t="s">
        <v>116940</v>
      </c>
      <c r="G33614" s="1" t="s">
        <v>116876</v>
      </c>
      <c r="H33614" s="1" t="s">
        <v>116877</v>
      </c>
      <c r="I33614" s="1" t="s">
        <v>115226</v>
      </c>
      <c r="J33614" s="1" t="s">
        <v>116941</v>
      </c>
    </row>
    <row r="33615" spans="1:10" x14ac:dyDescent="0.35">
      <c r="A33615" s="1" t="s">
        <v>44285</v>
      </c>
      <c r="B33615" s="1" t="s">
        <v>115221</v>
      </c>
      <c r="C33615" s="1" t="s">
        <v>105</v>
      </c>
      <c r="D33615" s="1" t="s">
        <v>58698</v>
      </c>
      <c r="E33615" s="1" t="s">
        <v>116942</v>
      </c>
      <c r="F33615" s="1" t="s">
        <v>116943</v>
      </c>
      <c r="G33615" s="1" t="s">
        <v>116876</v>
      </c>
      <c r="H33615" s="1" t="s">
        <v>116877</v>
      </c>
      <c r="I33615" s="1" t="s">
        <v>115226</v>
      </c>
      <c r="J33615" s="1" t="s">
        <v>116944</v>
      </c>
    </row>
    <row r="33616" spans="1:10" x14ac:dyDescent="0.35">
      <c r="A33616" s="1" t="s">
        <v>44285</v>
      </c>
      <c r="B33616" s="1" t="s">
        <v>115221</v>
      </c>
      <c r="C33616" s="1" t="s">
        <v>110</v>
      </c>
      <c r="D33616" s="1" t="s">
        <v>116945</v>
      </c>
      <c r="E33616" s="1" t="s">
        <v>116946</v>
      </c>
      <c r="F33616" s="1" t="s">
        <v>116947</v>
      </c>
      <c r="G33616" s="1" t="s">
        <v>116876</v>
      </c>
      <c r="H33616" s="1" t="s">
        <v>116877</v>
      </c>
      <c r="I33616" s="1" t="s">
        <v>115226</v>
      </c>
      <c r="J33616" s="1" t="s">
        <v>116948</v>
      </c>
    </row>
    <row r="33617" spans="1:10" x14ac:dyDescent="0.35">
      <c r="A33617" s="1" t="s">
        <v>44285</v>
      </c>
      <c r="B33617" s="1" t="s">
        <v>115221</v>
      </c>
      <c r="C33617" s="1" t="s">
        <v>115</v>
      </c>
      <c r="D33617" s="1" t="s">
        <v>116949</v>
      </c>
      <c r="E33617" s="1" t="s">
        <v>116950</v>
      </c>
      <c r="F33617" s="1" t="s">
        <v>116951</v>
      </c>
      <c r="G33617" s="1" t="s">
        <v>116876</v>
      </c>
      <c r="H33617" s="1" t="s">
        <v>116877</v>
      </c>
      <c r="I33617" s="1" t="s">
        <v>115226</v>
      </c>
      <c r="J33617" s="1" t="s">
        <v>116952</v>
      </c>
    </row>
    <row r="33618" spans="1:10" x14ac:dyDescent="0.35">
      <c r="A33618" s="1" t="s">
        <v>44285</v>
      </c>
      <c r="B33618" s="1" t="s">
        <v>115221</v>
      </c>
      <c r="C33618" s="1" t="s">
        <v>120</v>
      </c>
      <c r="D33618" s="1" t="s">
        <v>116953</v>
      </c>
      <c r="E33618" s="1" t="s">
        <v>116954</v>
      </c>
      <c r="F33618" s="1" t="s">
        <v>116955</v>
      </c>
      <c r="G33618" s="1" t="s">
        <v>116876</v>
      </c>
      <c r="H33618" s="1" t="s">
        <v>116877</v>
      </c>
      <c r="I33618" s="1" t="s">
        <v>115226</v>
      </c>
      <c r="J33618" s="1" t="s">
        <v>116956</v>
      </c>
    </row>
    <row r="33619" spans="1:10" x14ac:dyDescent="0.35">
      <c r="A33619" s="1" t="s">
        <v>44285</v>
      </c>
      <c r="B33619" s="1" t="s">
        <v>115221</v>
      </c>
      <c r="C33619" s="1" t="s">
        <v>125</v>
      </c>
      <c r="D33619" s="1" t="s">
        <v>84723</v>
      </c>
      <c r="E33619" s="1" t="s">
        <v>116957</v>
      </c>
      <c r="F33619" s="1" t="s">
        <v>116958</v>
      </c>
      <c r="G33619" s="1" t="s">
        <v>116876</v>
      </c>
      <c r="H33619" s="1" t="s">
        <v>116877</v>
      </c>
      <c r="I33619" s="1" t="s">
        <v>115226</v>
      </c>
      <c r="J33619" s="1" t="s">
        <v>116959</v>
      </c>
    </row>
    <row r="33620" spans="1:10" x14ac:dyDescent="0.35">
      <c r="A33620" s="1" t="s">
        <v>44285</v>
      </c>
      <c r="B33620" s="1" t="s">
        <v>115221</v>
      </c>
      <c r="C33620" s="1" t="s">
        <v>130</v>
      </c>
      <c r="D33620" s="1" t="s">
        <v>92654</v>
      </c>
      <c r="E33620" s="1" t="s">
        <v>116960</v>
      </c>
      <c r="F33620" s="1" t="s">
        <v>116961</v>
      </c>
      <c r="G33620" s="1" t="s">
        <v>116876</v>
      </c>
      <c r="H33620" s="1" t="s">
        <v>116877</v>
      </c>
      <c r="I33620" s="1" t="s">
        <v>115226</v>
      </c>
      <c r="J33620" s="1" t="s">
        <v>116962</v>
      </c>
    </row>
    <row r="33621" spans="1:10" x14ac:dyDescent="0.35">
      <c r="A33621" s="1" t="s">
        <v>44285</v>
      </c>
      <c r="B33621" s="1" t="s">
        <v>115221</v>
      </c>
      <c r="C33621" s="1" t="s">
        <v>135</v>
      </c>
      <c r="D33621" s="1" t="s">
        <v>100181</v>
      </c>
      <c r="E33621" s="1" t="s">
        <v>116963</v>
      </c>
      <c r="F33621" s="1" t="s">
        <v>116964</v>
      </c>
      <c r="G33621" s="1" t="s">
        <v>116876</v>
      </c>
      <c r="H33621" s="1" t="s">
        <v>116877</v>
      </c>
      <c r="I33621" s="1" t="s">
        <v>115226</v>
      </c>
      <c r="J33621" s="1" t="s">
        <v>116965</v>
      </c>
    </row>
    <row r="33622" spans="1:10" x14ac:dyDescent="0.35">
      <c r="A33622" s="1" t="s">
        <v>44285</v>
      </c>
      <c r="B33622" s="1" t="s">
        <v>115221</v>
      </c>
      <c r="C33622" s="1" t="s">
        <v>140</v>
      </c>
      <c r="D33622" s="1" t="s">
        <v>116966</v>
      </c>
      <c r="E33622" s="1" t="s">
        <v>116967</v>
      </c>
      <c r="F33622" s="1" t="s">
        <v>116968</v>
      </c>
      <c r="G33622" s="1" t="s">
        <v>116876</v>
      </c>
      <c r="H33622" s="1" t="s">
        <v>116877</v>
      </c>
      <c r="I33622" s="1" t="s">
        <v>115226</v>
      </c>
      <c r="J33622" s="1" t="s">
        <v>116969</v>
      </c>
    </row>
    <row r="33623" spans="1:10" x14ac:dyDescent="0.35">
      <c r="A33623" s="1" t="s">
        <v>44285</v>
      </c>
      <c r="B33623" s="1" t="s">
        <v>115221</v>
      </c>
      <c r="C33623" s="1" t="s">
        <v>145</v>
      </c>
      <c r="D33623" s="1" t="s">
        <v>116970</v>
      </c>
      <c r="E33623" s="1" t="s">
        <v>116971</v>
      </c>
      <c r="F33623" s="1" t="s">
        <v>116972</v>
      </c>
      <c r="G33623" s="1" t="s">
        <v>116876</v>
      </c>
      <c r="H33623" s="1" t="s">
        <v>116877</v>
      </c>
      <c r="I33623" s="1" t="s">
        <v>115226</v>
      </c>
      <c r="J33623" s="1" t="s">
        <v>116973</v>
      </c>
    </row>
    <row r="33624" spans="1:10" x14ac:dyDescent="0.35">
      <c r="A33624" s="1" t="s">
        <v>44285</v>
      </c>
      <c r="B33624" s="1" t="s">
        <v>115221</v>
      </c>
      <c r="C33624" s="1" t="s">
        <v>150</v>
      </c>
      <c r="D33624" s="1" t="s">
        <v>43362</v>
      </c>
      <c r="E33624" s="1" t="s">
        <v>116974</v>
      </c>
      <c r="F33624" s="1" t="s">
        <v>116975</v>
      </c>
      <c r="G33624" s="1" t="s">
        <v>116876</v>
      </c>
      <c r="H33624" s="1" t="s">
        <v>116877</v>
      </c>
      <c r="I33624" s="1" t="s">
        <v>115226</v>
      </c>
      <c r="J33624" s="1" t="s">
        <v>116976</v>
      </c>
    </row>
    <row r="33625" spans="1:10" x14ac:dyDescent="0.35">
      <c r="A33625" s="1" t="s">
        <v>44285</v>
      </c>
      <c r="B33625" s="1" t="s">
        <v>115221</v>
      </c>
      <c r="C33625" s="1" t="s">
        <v>155</v>
      </c>
      <c r="D33625" s="1" t="s">
        <v>116977</v>
      </c>
      <c r="E33625" s="1" t="s">
        <v>116978</v>
      </c>
      <c r="F33625" s="1" t="s">
        <v>116979</v>
      </c>
      <c r="G33625" s="1" t="s">
        <v>116876</v>
      </c>
      <c r="H33625" s="1" t="s">
        <v>116877</v>
      </c>
      <c r="I33625" s="1" t="s">
        <v>115226</v>
      </c>
      <c r="J33625" s="1" t="s">
        <v>116980</v>
      </c>
    </row>
    <row r="33626" spans="1:10" x14ac:dyDescent="0.35">
      <c r="A33626" s="1" t="s">
        <v>44285</v>
      </c>
      <c r="B33626" s="1" t="s">
        <v>115221</v>
      </c>
      <c r="C33626" s="1" t="s">
        <v>160</v>
      </c>
      <c r="D33626" s="1" t="s">
        <v>116981</v>
      </c>
      <c r="E33626" s="1" t="s">
        <v>116982</v>
      </c>
      <c r="F33626" s="1" t="s">
        <v>116983</v>
      </c>
      <c r="G33626" s="1" t="s">
        <v>116876</v>
      </c>
      <c r="H33626" s="1" t="s">
        <v>116877</v>
      </c>
      <c r="I33626" s="1" t="s">
        <v>115226</v>
      </c>
      <c r="J33626" s="1" t="s">
        <v>116984</v>
      </c>
    </row>
    <row r="33627" spans="1:10" x14ac:dyDescent="0.35">
      <c r="A33627" s="1" t="s">
        <v>44285</v>
      </c>
      <c r="B33627" s="1" t="s">
        <v>115221</v>
      </c>
      <c r="C33627" s="1" t="s">
        <v>165</v>
      </c>
      <c r="D33627" s="1" t="s">
        <v>116985</v>
      </c>
      <c r="E33627" s="1" t="s">
        <v>116986</v>
      </c>
      <c r="F33627" s="1" t="s">
        <v>116987</v>
      </c>
      <c r="G33627" s="1" t="s">
        <v>116876</v>
      </c>
      <c r="H33627" s="1" t="s">
        <v>116877</v>
      </c>
      <c r="I33627" s="1" t="s">
        <v>115226</v>
      </c>
      <c r="J33627" s="1" t="s">
        <v>116988</v>
      </c>
    </row>
    <row r="33628" spans="1:10" x14ac:dyDescent="0.35">
      <c r="A33628" s="1" t="s">
        <v>44285</v>
      </c>
      <c r="B33628" s="1" t="s">
        <v>115221</v>
      </c>
      <c r="C33628" s="1" t="s">
        <v>170</v>
      </c>
      <c r="D33628" s="1" t="s">
        <v>116989</v>
      </c>
      <c r="E33628" s="1" t="s">
        <v>116990</v>
      </c>
      <c r="F33628" s="1" t="s">
        <v>116991</v>
      </c>
      <c r="G33628" s="1" t="s">
        <v>116876</v>
      </c>
      <c r="H33628" s="1" t="s">
        <v>116877</v>
      </c>
      <c r="I33628" s="1" t="s">
        <v>115226</v>
      </c>
      <c r="J33628" s="1" t="s">
        <v>116992</v>
      </c>
    </row>
    <row r="33629" spans="1:10" x14ac:dyDescent="0.35">
      <c r="A33629" s="1" t="s">
        <v>6312</v>
      </c>
      <c r="B33629" s="1" t="s">
        <v>115221</v>
      </c>
      <c r="C33629" s="1" t="s">
        <v>8</v>
      </c>
      <c r="D33629" s="1" t="s">
        <v>27977</v>
      </c>
      <c r="E33629" s="1" t="s">
        <v>116993</v>
      </c>
      <c r="F33629" s="1" t="s">
        <v>116994</v>
      </c>
      <c r="G33629" s="1" t="s">
        <v>116995</v>
      </c>
      <c r="H33629" s="1" t="s">
        <v>116996</v>
      </c>
      <c r="I33629" s="1" t="s">
        <v>115226</v>
      </c>
      <c r="J33629" s="1" t="s">
        <v>13</v>
      </c>
    </row>
    <row r="33630" spans="1:10" x14ac:dyDescent="0.35">
      <c r="A33630" s="1" t="s">
        <v>6312</v>
      </c>
      <c r="B33630" s="1" t="s">
        <v>115221</v>
      </c>
      <c r="C33630" s="1" t="s">
        <v>15</v>
      </c>
      <c r="D33630" s="1" t="s">
        <v>10274</v>
      </c>
      <c r="E33630" s="1" t="s">
        <v>116997</v>
      </c>
      <c r="F33630" s="1" t="s">
        <v>116998</v>
      </c>
      <c r="G33630" s="1" t="s">
        <v>116995</v>
      </c>
      <c r="H33630" s="1" t="s">
        <v>116996</v>
      </c>
      <c r="I33630" s="1" t="s">
        <v>115226</v>
      </c>
      <c r="J33630" s="1" t="s">
        <v>116999</v>
      </c>
    </row>
    <row r="33631" spans="1:10" x14ac:dyDescent="0.35">
      <c r="A33631" s="1" t="s">
        <v>6312</v>
      </c>
      <c r="B33631" s="1" t="s">
        <v>115221</v>
      </c>
      <c r="C33631" s="1" t="s">
        <v>20</v>
      </c>
      <c r="D33631" s="1" t="s">
        <v>44146</v>
      </c>
      <c r="E33631" s="1" t="s">
        <v>117000</v>
      </c>
      <c r="F33631" s="1" t="s">
        <v>117001</v>
      </c>
      <c r="G33631" s="1" t="s">
        <v>116995</v>
      </c>
      <c r="H33631" s="1" t="s">
        <v>116996</v>
      </c>
      <c r="I33631" s="1" t="s">
        <v>115226</v>
      </c>
      <c r="J33631" s="1" t="s">
        <v>117002</v>
      </c>
    </row>
    <row r="33632" spans="1:10" x14ac:dyDescent="0.35">
      <c r="A33632" s="1" t="s">
        <v>6312</v>
      </c>
      <c r="B33632" s="1" t="s">
        <v>115221</v>
      </c>
      <c r="C33632" s="1" t="s">
        <v>25</v>
      </c>
      <c r="D33632" s="1" t="s">
        <v>5712</v>
      </c>
      <c r="E33632" s="1" t="s">
        <v>117003</v>
      </c>
      <c r="F33632" s="1" t="s">
        <v>117004</v>
      </c>
      <c r="G33632" s="1" t="s">
        <v>116995</v>
      </c>
      <c r="H33632" s="1" t="s">
        <v>116996</v>
      </c>
      <c r="I33632" s="1" t="s">
        <v>115226</v>
      </c>
      <c r="J33632" s="1" t="s">
        <v>117005</v>
      </c>
    </row>
    <row r="33633" spans="1:10" x14ac:dyDescent="0.35">
      <c r="A33633" s="1" t="s">
        <v>6312</v>
      </c>
      <c r="B33633" s="1" t="s">
        <v>115221</v>
      </c>
      <c r="C33633" s="1" t="s">
        <v>30</v>
      </c>
      <c r="D33633" s="1" t="s">
        <v>10172</v>
      </c>
      <c r="E33633" s="1" t="s">
        <v>117006</v>
      </c>
      <c r="F33633" s="1" t="s">
        <v>117007</v>
      </c>
      <c r="G33633" s="1" t="s">
        <v>116995</v>
      </c>
      <c r="H33633" s="1" t="s">
        <v>116996</v>
      </c>
      <c r="I33633" s="1" t="s">
        <v>115226</v>
      </c>
      <c r="J33633" s="1" t="s">
        <v>117008</v>
      </c>
    </row>
    <row r="33634" spans="1:10" x14ac:dyDescent="0.35">
      <c r="A33634" s="1" t="s">
        <v>6312</v>
      </c>
      <c r="B33634" s="1" t="s">
        <v>115221</v>
      </c>
      <c r="C33634" s="1" t="s">
        <v>35</v>
      </c>
      <c r="D33634" s="1" t="s">
        <v>30037</v>
      </c>
      <c r="E33634" s="1" t="s">
        <v>117009</v>
      </c>
      <c r="F33634" s="1" t="s">
        <v>117010</v>
      </c>
      <c r="G33634" s="1" t="s">
        <v>116995</v>
      </c>
      <c r="H33634" s="1" t="s">
        <v>116996</v>
      </c>
      <c r="I33634" s="1" t="s">
        <v>115226</v>
      </c>
      <c r="J33634" s="1" t="s">
        <v>117011</v>
      </c>
    </row>
    <row r="33635" spans="1:10" x14ac:dyDescent="0.35">
      <c r="A33635" s="1" t="s">
        <v>6312</v>
      </c>
      <c r="B33635" s="1" t="s">
        <v>115221</v>
      </c>
      <c r="C33635" s="1" t="s">
        <v>40</v>
      </c>
      <c r="D33635" s="1" t="s">
        <v>8909</v>
      </c>
      <c r="E33635" s="1" t="s">
        <v>117012</v>
      </c>
      <c r="F33635" s="1" t="s">
        <v>117013</v>
      </c>
      <c r="G33635" s="1" t="s">
        <v>116995</v>
      </c>
      <c r="H33635" s="1" t="s">
        <v>116996</v>
      </c>
      <c r="I33635" s="1" t="s">
        <v>115226</v>
      </c>
      <c r="J33635" s="1" t="s">
        <v>117014</v>
      </c>
    </row>
    <row r="33636" spans="1:10" x14ac:dyDescent="0.35">
      <c r="A33636" s="1" t="s">
        <v>6312</v>
      </c>
      <c r="B33636" s="1" t="s">
        <v>115221</v>
      </c>
      <c r="C33636" s="1" t="s">
        <v>45</v>
      </c>
      <c r="D33636" s="1" t="s">
        <v>14203</v>
      </c>
      <c r="E33636" s="1" t="s">
        <v>117015</v>
      </c>
      <c r="F33636" s="1" t="s">
        <v>117016</v>
      </c>
      <c r="G33636" s="1" t="s">
        <v>116995</v>
      </c>
      <c r="H33636" s="1" t="s">
        <v>116996</v>
      </c>
      <c r="I33636" s="1" t="s">
        <v>115226</v>
      </c>
      <c r="J33636" s="1" t="s">
        <v>117017</v>
      </c>
    </row>
    <row r="33637" spans="1:10" x14ac:dyDescent="0.35">
      <c r="A33637" s="1" t="s">
        <v>6312</v>
      </c>
      <c r="B33637" s="1" t="s">
        <v>115221</v>
      </c>
      <c r="C33637" s="1" t="s">
        <v>50</v>
      </c>
      <c r="D33637" s="1" t="s">
        <v>8329</v>
      </c>
      <c r="E33637" s="1" t="s">
        <v>117018</v>
      </c>
      <c r="F33637" s="1" t="s">
        <v>117019</v>
      </c>
      <c r="G33637" s="1" t="s">
        <v>116995</v>
      </c>
      <c r="H33637" s="1" t="s">
        <v>116996</v>
      </c>
      <c r="I33637" s="1" t="s">
        <v>115226</v>
      </c>
      <c r="J33637" s="1" t="s">
        <v>117020</v>
      </c>
    </row>
    <row r="33638" spans="1:10" x14ac:dyDescent="0.35">
      <c r="A33638" s="1" t="s">
        <v>6312</v>
      </c>
      <c r="B33638" s="1" t="s">
        <v>115221</v>
      </c>
      <c r="C33638" s="1" t="s">
        <v>55</v>
      </c>
      <c r="D33638" s="1" t="s">
        <v>2039</v>
      </c>
      <c r="E33638" s="1" t="s">
        <v>117021</v>
      </c>
      <c r="F33638" s="1" t="s">
        <v>117022</v>
      </c>
      <c r="G33638" s="1" t="s">
        <v>116995</v>
      </c>
      <c r="H33638" s="1" t="s">
        <v>116996</v>
      </c>
      <c r="I33638" s="1" t="s">
        <v>115226</v>
      </c>
      <c r="J33638" s="1" t="s">
        <v>117023</v>
      </c>
    </row>
    <row r="33639" spans="1:10" x14ac:dyDescent="0.35">
      <c r="A33639" s="1" t="s">
        <v>6312</v>
      </c>
      <c r="B33639" s="1" t="s">
        <v>115221</v>
      </c>
      <c r="C33639" s="1" t="s">
        <v>60</v>
      </c>
      <c r="D33639" s="1" t="s">
        <v>117024</v>
      </c>
      <c r="E33639" s="1" t="s">
        <v>117025</v>
      </c>
      <c r="F33639" s="1" t="s">
        <v>117026</v>
      </c>
      <c r="G33639" s="1" t="s">
        <v>116995</v>
      </c>
      <c r="H33639" s="1" t="s">
        <v>116996</v>
      </c>
      <c r="I33639" s="1" t="s">
        <v>115226</v>
      </c>
      <c r="J33639" s="1" t="s">
        <v>117027</v>
      </c>
    </row>
    <row r="33640" spans="1:10" x14ac:dyDescent="0.35">
      <c r="A33640" s="1" t="s">
        <v>6312</v>
      </c>
      <c r="B33640" s="1" t="s">
        <v>115221</v>
      </c>
      <c r="C33640" s="1" t="s">
        <v>65</v>
      </c>
      <c r="D33640" s="1" t="s">
        <v>117028</v>
      </c>
      <c r="E33640" s="1" t="s">
        <v>117029</v>
      </c>
      <c r="F33640" s="1" t="s">
        <v>117030</v>
      </c>
      <c r="G33640" s="1" t="s">
        <v>116995</v>
      </c>
      <c r="H33640" s="1" t="s">
        <v>116996</v>
      </c>
      <c r="I33640" s="1" t="s">
        <v>115226</v>
      </c>
      <c r="J33640" s="1" t="s">
        <v>117031</v>
      </c>
    </row>
    <row r="33641" spans="1:10" x14ac:dyDescent="0.35">
      <c r="A33641" s="1" t="s">
        <v>6312</v>
      </c>
      <c r="B33641" s="1" t="s">
        <v>115221</v>
      </c>
      <c r="C33641" s="1" t="s">
        <v>70</v>
      </c>
      <c r="D33641" s="1" t="s">
        <v>117032</v>
      </c>
      <c r="E33641" s="1" t="s">
        <v>117033</v>
      </c>
      <c r="F33641" s="1" t="s">
        <v>117034</v>
      </c>
      <c r="G33641" s="1" t="s">
        <v>116995</v>
      </c>
      <c r="H33641" s="1" t="s">
        <v>116996</v>
      </c>
      <c r="I33641" s="1" t="s">
        <v>115226</v>
      </c>
      <c r="J33641" s="1" t="s">
        <v>117035</v>
      </c>
    </row>
    <row r="33642" spans="1:10" x14ac:dyDescent="0.35">
      <c r="A33642" s="1" t="s">
        <v>6312</v>
      </c>
      <c r="B33642" s="1" t="s">
        <v>115221</v>
      </c>
      <c r="C33642" s="1" t="s">
        <v>75</v>
      </c>
      <c r="D33642" s="1" t="s">
        <v>117036</v>
      </c>
      <c r="E33642" s="1" t="s">
        <v>117037</v>
      </c>
      <c r="F33642" s="1" t="s">
        <v>117038</v>
      </c>
      <c r="G33642" s="1" t="s">
        <v>116995</v>
      </c>
      <c r="H33642" s="1" t="s">
        <v>116996</v>
      </c>
      <c r="I33642" s="1" t="s">
        <v>115226</v>
      </c>
      <c r="J33642" s="1" t="s">
        <v>117039</v>
      </c>
    </row>
    <row r="33643" spans="1:10" x14ac:dyDescent="0.35">
      <c r="A33643" s="1" t="s">
        <v>6312</v>
      </c>
      <c r="B33643" s="1" t="s">
        <v>115221</v>
      </c>
      <c r="C33643" s="1" t="s">
        <v>80</v>
      </c>
      <c r="D33643" s="1" t="s">
        <v>109884</v>
      </c>
      <c r="E33643" s="1" t="s">
        <v>117040</v>
      </c>
      <c r="F33643" s="1" t="s">
        <v>117041</v>
      </c>
      <c r="G33643" s="1" t="s">
        <v>116995</v>
      </c>
      <c r="H33643" s="1" t="s">
        <v>116996</v>
      </c>
      <c r="I33643" s="1" t="s">
        <v>115226</v>
      </c>
      <c r="J33643" s="1" t="s">
        <v>117042</v>
      </c>
    </row>
    <row r="33644" spans="1:10" x14ac:dyDescent="0.35">
      <c r="A33644" s="1" t="s">
        <v>6312</v>
      </c>
      <c r="B33644" s="1" t="s">
        <v>115221</v>
      </c>
      <c r="C33644" s="1" t="s">
        <v>85</v>
      </c>
      <c r="D33644" s="1" t="s">
        <v>25863</v>
      </c>
      <c r="E33644" s="1" t="s">
        <v>117043</v>
      </c>
      <c r="F33644" s="1" t="s">
        <v>117044</v>
      </c>
      <c r="G33644" s="1" t="s">
        <v>116995</v>
      </c>
      <c r="H33644" s="1" t="s">
        <v>116996</v>
      </c>
      <c r="I33644" s="1" t="s">
        <v>115226</v>
      </c>
      <c r="J33644" s="1" t="s">
        <v>117045</v>
      </c>
    </row>
    <row r="33645" spans="1:10" x14ac:dyDescent="0.35">
      <c r="A33645" s="1" t="s">
        <v>6312</v>
      </c>
      <c r="B33645" s="1" t="s">
        <v>115221</v>
      </c>
      <c r="C33645" s="1" t="s">
        <v>90</v>
      </c>
      <c r="D33645" s="1" t="s">
        <v>117046</v>
      </c>
      <c r="E33645" s="1" t="s">
        <v>117047</v>
      </c>
      <c r="F33645" s="1" t="s">
        <v>117048</v>
      </c>
      <c r="G33645" s="1" t="s">
        <v>116995</v>
      </c>
      <c r="H33645" s="1" t="s">
        <v>116996</v>
      </c>
      <c r="I33645" s="1" t="s">
        <v>115226</v>
      </c>
      <c r="J33645" s="1" t="s">
        <v>117049</v>
      </c>
    </row>
    <row r="33646" spans="1:10" x14ac:dyDescent="0.35">
      <c r="A33646" s="1" t="s">
        <v>6312</v>
      </c>
      <c r="B33646" s="1" t="s">
        <v>115221</v>
      </c>
      <c r="C33646" s="1" t="s">
        <v>95</v>
      </c>
      <c r="D33646" s="1" t="s">
        <v>15868</v>
      </c>
      <c r="E33646" s="1" t="s">
        <v>117050</v>
      </c>
      <c r="F33646" s="1" t="s">
        <v>117051</v>
      </c>
      <c r="G33646" s="1" t="s">
        <v>116995</v>
      </c>
      <c r="H33646" s="1" t="s">
        <v>116996</v>
      </c>
      <c r="I33646" s="1" t="s">
        <v>115226</v>
      </c>
      <c r="J33646" s="1" t="s">
        <v>117052</v>
      </c>
    </row>
    <row r="33647" spans="1:10" x14ac:dyDescent="0.35">
      <c r="A33647" s="1" t="s">
        <v>6312</v>
      </c>
      <c r="B33647" s="1" t="s">
        <v>115221</v>
      </c>
      <c r="C33647" s="1" t="s">
        <v>100</v>
      </c>
      <c r="D33647" s="1" t="s">
        <v>117053</v>
      </c>
      <c r="E33647" s="1" t="s">
        <v>117054</v>
      </c>
      <c r="F33647" s="1" t="s">
        <v>117055</v>
      </c>
      <c r="G33647" s="1" t="s">
        <v>116995</v>
      </c>
      <c r="H33647" s="1" t="s">
        <v>116996</v>
      </c>
      <c r="I33647" s="1" t="s">
        <v>115226</v>
      </c>
      <c r="J33647" s="1" t="s">
        <v>117056</v>
      </c>
    </row>
    <row r="33648" spans="1:10" x14ac:dyDescent="0.35">
      <c r="A33648" s="1" t="s">
        <v>6312</v>
      </c>
      <c r="B33648" s="1" t="s">
        <v>115221</v>
      </c>
      <c r="C33648" s="1" t="s">
        <v>105</v>
      </c>
      <c r="D33648" s="1" t="s">
        <v>117057</v>
      </c>
      <c r="E33648" s="1" t="s">
        <v>117058</v>
      </c>
      <c r="F33648" s="1" t="s">
        <v>117059</v>
      </c>
      <c r="G33648" s="1" t="s">
        <v>116995</v>
      </c>
      <c r="H33648" s="1" t="s">
        <v>116996</v>
      </c>
      <c r="I33648" s="1" t="s">
        <v>115226</v>
      </c>
      <c r="J33648" s="1" t="s">
        <v>117060</v>
      </c>
    </row>
    <row r="33649" spans="1:10" x14ac:dyDescent="0.35">
      <c r="A33649" s="1" t="s">
        <v>6312</v>
      </c>
      <c r="B33649" s="1" t="s">
        <v>115221</v>
      </c>
      <c r="C33649" s="1" t="s">
        <v>110</v>
      </c>
      <c r="D33649" s="1" t="s">
        <v>117061</v>
      </c>
      <c r="E33649" s="1" t="s">
        <v>117062</v>
      </c>
      <c r="F33649" s="1" t="s">
        <v>117063</v>
      </c>
      <c r="G33649" s="1" t="s">
        <v>116995</v>
      </c>
      <c r="H33649" s="1" t="s">
        <v>116996</v>
      </c>
      <c r="I33649" s="1" t="s">
        <v>115226</v>
      </c>
      <c r="J33649" s="1" t="s">
        <v>117064</v>
      </c>
    </row>
    <row r="33650" spans="1:10" x14ac:dyDescent="0.35">
      <c r="A33650" s="1" t="s">
        <v>6312</v>
      </c>
      <c r="B33650" s="1" t="s">
        <v>115221</v>
      </c>
      <c r="C33650" s="1" t="s">
        <v>115</v>
      </c>
      <c r="D33650" s="1" t="s">
        <v>71096</v>
      </c>
      <c r="E33650" s="1" t="s">
        <v>117065</v>
      </c>
      <c r="F33650" s="1" t="s">
        <v>117066</v>
      </c>
      <c r="G33650" s="1" t="s">
        <v>116995</v>
      </c>
      <c r="H33650" s="1" t="s">
        <v>116996</v>
      </c>
      <c r="I33650" s="1" t="s">
        <v>115226</v>
      </c>
      <c r="J33650" s="1" t="s">
        <v>117067</v>
      </c>
    </row>
    <row r="33651" spans="1:10" x14ac:dyDescent="0.35">
      <c r="A33651" s="1" t="s">
        <v>6312</v>
      </c>
      <c r="B33651" s="1" t="s">
        <v>115221</v>
      </c>
      <c r="C33651" s="1" t="s">
        <v>120</v>
      </c>
      <c r="D33651" s="1" t="s">
        <v>116202</v>
      </c>
      <c r="E33651" s="1" t="s">
        <v>117068</v>
      </c>
      <c r="F33651" s="1" t="s">
        <v>117069</v>
      </c>
      <c r="G33651" s="1" t="s">
        <v>116995</v>
      </c>
      <c r="H33651" s="1" t="s">
        <v>116996</v>
      </c>
      <c r="I33651" s="1" t="s">
        <v>115226</v>
      </c>
      <c r="J33651" s="1" t="s">
        <v>117070</v>
      </c>
    </row>
    <row r="33652" spans="1:10" x14ac:dyDescent="0.35">
      <c r="A33652" s="1" t="s">
        <v>6312</v>
      </c>
      <c r="B33652" s="1" t="s">
        <v>115221</v>
      </c>
      <c r="C33652" s="1" t="s">
        <v>125</v>
      </c>
      <c r="D33652" s="1" t="s">
        <v>35537</v>
      </c>
      <c r="E33652" s="1" t="s">
        <v>117071</v>
      </c>
      <c r="F33652" s="1" t="s">
        <v>117072</v>
      </c>
      <c r="G33652" s="1" t="s">
        <v>116995</v>
      </c>
      <c r="H33652" s="1" t="s">
        <v>116996</v>
      </c>
      <c r="I33652" s="1" t="s">
        <v>115226</v>
      </c>
      <c r="J33652" s="1" t="s">
        <v>117073</v>
      </c>
    </row>
    <row r="33653" spans="1:10" x14ac:dyDescent="0.35">
      <c r="A33653" s="1" t="s">
        <v>6312</v>
      </c>
      <c r="B33653" s="1" t="s">
        <v>115221</v>
      </c>
      <c r="C33653" s="1" t="s">
        <v>130</v>
      </c>
      <c r="D33653" s="1" t="s">
        <v>117074</v>
      </c>
      <c r="E33653" s="1" t="s">
        <v>117075</v>
      </c>
      <c r="F33653" s="1" t="s">
        <v>117076</v>
      </c>
      <c r="G33653" s="1" t="s">
        <v>116995</v>
      </c>
      <c r="H33653" s="1" t="s">
        <v>116996</v>
      </c>
      <c r="I33653" s="1" t="s">
        <v>115226</v>
      </c>
      <c r="J33653" s="1" t="s">
        <v>117077</v>
      </c>
    </row>
    <row r="33654" spans="1:10" x14ac:dyDescent="0.35">
      <c r="A33654" s="1" t="s">
        <v>6312</v>
      </c>
      <c r="B33654" s="1" t="s">
        <v>115221</v>
      </c>
      <c r="C33654" s="1" t="s">
        <v>135</v>
      </c>
      <c r="D33654" s="1" t="s">
        <v>47930</v>
      </c>
      <c r="E33654" s="1" t="s">
        <v>117078</v>
      </c>
      <c r="F33654" s="1" t="s">
        <v>117079</v>
      </c>
      <c r="G33654" s="1" t="s">
        <v>116995</v>
      </c>
      <c r="H33654" s="1" t="s">
        <v>116996</v>
      </c>
      <c r="I33654" s="1" t="s">
        <v>115226</v>
      </c>
      <c r="J33654" s="1" t="s">
        <v>117080</v>
      </c>
    </row>
    <row r="33655" spans="1:10" x14ac:dyDescent="0.35">
      <c r="A33655" s="1" t="s">
        <v>6312</v>
      </c>
      <c r="B33655" s="1" t="s">
        <v>115221</v>
      </c>
      <c r="C33655" s="1" t="s">
        <v>140</v>
      </c>
      <c r="D33655" s="1" t="s">
        <v>28335</v>
      </c>
      <c r="E33655" s="1" t="s">
        <v>117081</v>
      </c>
      <c r="F33655" s="1" t="s">
        <v>117082</v>
      </c>
      <c r="G33655" s="1" t="s">
        <v>116995</v>
      </c>
      <c r="H33655" s="1" t="s">
        <v>116996</v>
      </c>
      <c r="I33655" s="1" t="s">
        <v>115226</v>
      </c>
      <c r="J33655" s="1" t="s">
        <v>117083</v>
      </c>
    </row>
    <row r="33656" spans="1:10" x14ac:dyDescent="0.35">
      <c r="A33656" s="1" t="s">
        <v>6312</v>
      </c>
      <c r="B33656" s="1" t="s">
        <v>115221</v>
      </c>
      <c r="C33656" s="1" t="s">
        <v>145</v>
      </c>
      <c r="D33656" s="1" t="s">
        <v>117084</v>
      </c>
      <c r="E33656" s="1" t="s">
        <v>117085</v>
      </c>
      <c r="F33656" s="1" t="s">
        <v>117086</v>
      </c>
      <c r="G33656" s="1" t="s">
        <v>116995</v>
      </c>
      <c r="H33656" s="1" t="s">
        <v>116996</v>
      </c>
      <c r="I33656" s="1" t="s">
        <v>115226</v>
      </c>
      <c r="J33656" s="1" t="s">
        <v>117087</v>
      </c>
    </row>
    <row r="33657" spans="1:10" x14ac:dyDescent="0.35">
      <c r="A33657" s="1" t="s">
        <v>6312</v>
      </c>
      <c r="B33657" s="1" t="s">
        <v>115221</v>
      </c>
      <c r="C33657" s="1" t="s">
        <v>150</v>
      </c>
      <c r="D33657" s="1" t="s">
        <v>117088</v>
      </c>
      <c r="E33657" s="1" t="s">
        <v>117089</v>
      </c>
      <c r="F33657" s="1" t="s">
        <v>117090</v>
      </c>
      <c r="G33657" s="1" t="s">
        <v>116995</v>
      </c>
      <c r="H33657" s="1" t="s">
        <v>116996</v>
      </c>
      <c r="I33657" s="1" t="s">
        <v>115226</v>
      </c>
      <c r="J33657" s="1" t="s">
        <v>117091</v>
      </c>
    </row>
    <row r="33658" spans="1:10" x14ac:dyDescent="0.35">
      <c r="A33658" s="1" t="s">
        <v>6312</v>
      </c>
      <c r="B33658" s="1" t="s">
        <v>115221</v>
      </c>
      <c r="C33658" s="1" t="s">
        <v>155</v>
      </c>
      <c r="D33658" s="1" t="s">
        <v>72034</v>
      </c>
      <c r="E33658" s="1" t="s">
        <v>117092</v>
      </c>
      <c r="F33658" s="1" t="s">
        <v>117093</v>
      </c>
      <c r="G33658" s="1" t="s">
        <v>116995</v>
      </c>
      <c r="H33658" s="1" t="s">
        <v>116996</v>
      </c>
      <c r="I33658" s="1" t="s">
        <v>115226</v>
      </c>
      <c r="J33658" s="1" t="s">
        <v>117094</v>
      </c>
    </row>
    <row r="33659" spans="1:10" x14ac:dyDescent="0.35">
      <c r="A33659" s="1" t="s">
        <v>6312</v>
      </c>
      <c r="B33659" s="1" t="s">
        <v>115221</v>
      </c>
      <c r="C33659" s="1" t="s">
        <v>160</v>
      </c>
      <c r="D33659" s="1" t="s">
        <v>117095</v>
      </c>
      <c r="E33659" s="1" t="s">
        <v>117096</v>
      </c>
      <c r="F33659" s="1" t="s">
        <v>117097</v>
      </c>
      <c r="G33659" s="1" t="s">
        <v>116995</v>
      </c>
      <c r="H33659" s="1" t="s">
        <v>116996</v>
      </c>
      <c r="I33659" s="1" t="s">
        <v>115226</v>
      </c>
      <c r="J33659" s="1" t="s">
        <v>117098</v>
      </c>
    </row>
    <row r="33660" spans="1:10" x14ac:dyDescent="0.35">
      <c r="A33660" s="1" t="s">
        <v>6312</v>
      </c>
      <c r="B33660" s="1" t="s">
        <v>115221</v>
      </c>
      <c r="C33660" s="1" t="s">
        <v>165</v>
      </c>
      <c r="D33660" s="1" t="s">
        <v>117099</v>
      </c>
      <c r="E33660" s="1" t="s">
        <v>117100</v>
      </c>
      <c r="F33660" s="1" t="s">
        <v>117101</v>
      </c>
      <c r="G33660" s="1" t="s">
        <v>116995</v>
      </c>
      <c r="H33660" s="1" t="s">
        <v>116996</v>
      </c>
      <c r="I33660" s="1" t="s">
        <v>115226</v>
      </c>
      <c r="J33660" s="1" t="s">
        <v>117102</v>
      </c>
    </row>
    <row r="33661" spans="1:10" x14ac:dyDescent="0.35">
      <c r="A33661" s="1" t="s">
        <v>6312</v>
      </c>
      <c r="B33661" s="1" t="s">
        <v>115221</v>
      </c>
      <c r="C33661" s="1" t="s">
        <v>170</v>
      </c>
      <c r="D33661" s="1" t="s">
        <v>115527</v>
      </c>
      <c r="E33661" s="1" t="s">
        <v>117103</v>
      </c>
      <c r="F33661" s="1" t="s">
        <v>117104</v>
      </c>
      <c r="G33661" s="1" t="s">
        <v>116995</v>
      </c>
      <c r="H33661" s="1" t="s">
        <v>116996</v>
      </c>
      <c r="I33661" s="1" t="s">
        <v>115226</v>
      </c>
      <c r="J33661" s="1" t="s">
        <v>117105</v>
      </c>
    </row>
    <row r="33662" spans="1:10" x14ac:dyDescent="0.35">
      <c r="A33662" s="1" t="s">
        <v>13225</v>
      </c>
      <c r="B33662" s="1" t="s">
        <v>115221</v>
      </c>
      <c r="C33662" s="1" t="s">
        <v>8</v>
      </c>
      <c r="D33662" s="1" t="s">
        <v>43784</v>
      </c>
      <c r="E33662" s="1" t="s">
        <v>117106</v>
      </c>
      <c r="F33662" s="1" t="s">
        <v>117107</v>
      </c>
      <c r="G33662" s="1" t="s">
        <v>117108</v>
      </c>
      <c r="H33662" s="1" t="s">
        <v>117109</v>
      </c>
      <c r="I33662" s="1" t="s">
        <v>115226</v>
      </c>
      <c r="J33662" s="1" t="s">
        <v>13</v>
      </c>
    </row>
    <row r="33663" spans="1:10" x14ac:dyDescent="0.35">
      <c r="A33663" s="1" t="s">
        <v>13225</v>
      </c>
      <c r="B33663" s="1" t="s">
        <v>115221</v>
      </c>
      <c r="C33663" s="1" t="s">
        <v>15</v>
      </c>
      <c r="D33663" s="1" t="s">
        <v>116122</v>
      </c>
      <c r="E33663" s="1" t="s">
        <v>117110</v>
      </c>
      <c r="F33663" s="1" t="s">
        <v>117111</v>
      </c>
      <c r="G33663" s="1" t="s">
        <v>117108</v>
      </c>
      <c r="H33663" s="1" t="s">
        <v>117109</v>
      </c>
      <c r="I33663" s="1" t="s">
        <v>115226</v>
      </c>
      <c r="J33663" s="1" t="s">
        <v>117112</v>
      </c>
    </row>
    <row r="33664" spans="1:10" x14ac:dyDescent="0.35">
      <c r="A33664" s="1" t="s">
        <v>13225</v>
      </c>
      <c r="B33664" s="1" t="s">
        <v>115221</v>
      </c>
      <c r="C33664" s="1" t="s">
        <v>20</v>
      </c>
      <c r="D33664" s="1" t="s">
        <v>6109</v>
      </c>
      <c r="E33664" s="1" t="s">
        <v>117113</v>
      </c>
      <c r="F33664" s="1" t="s">
        <v>117114</v>
      </c>
      <c r="G33664" s="1" t="s">
        <v>117108</v>
      </c>
      <c r="H33664" s="1" t="s">
        <v>117109</v>
      </c>
      <c r="I33664" s="1" t="s">
        <v>115226</v>
      </c>
      <c r="J33664" s="1" t="s">
        <v>117115</v>
      </c>
    </row>
    <row r="33665" spans="1:10" x14ac:dyDescent="0.35">
      <c r="A33665" s="1" t="s">
        <v>13225</v>
      </c>
      <c r="B33665" s="1" t="s">
        <v>115221</v>
      </c>
      <c r="C33665" s="1" t="s">
        <v>25</v>
      </c>
      <c r="D33665" s="1" t="s">
        <v>1954</v>
      </c>
      <c r="E33665" s="1" t="s">
        <v>117116</v>
      </c>
      <c r="F33665" s="1" t="s">
        <v>117117</v>
      </c>
      <c r="G33665" s="1" t="s">
        <v>117108</v>
      </c>
      <c r="H33665" s="1" t="s">
        <v>117109</v>
      </c>
      <c r="I33665" s="1" t="s">
        <v>115226</v>
      </c>
      <c r="J33665" s="1" t="s">
        <v>117118</v>
      </c>
    </row>
    <row r="33666" spans="1:10" x14ac:dyDescent="0.35">
      <c r="A33666" s="1" t="s">
        <v>13225</v>
      </c>
      <c r="B33666" s="1" t="s">
        <v>115221</v>
      </c>
      <c r="C33666" s="1" t="s">
        <v>30</v>
      </c>
      <c r="D33666" s="1" t="s">
        <v>29991</v>
      </c>
      <c r="E33666" s="1" t="s">
        <v>117119</v>
      </c>
      <c r="F33666" s="1" t="s">
        <v>117120</v>
      </c>
      <c r="G33666" s="1" t="s">
        <v>117108</v>
      </c>
      <c r="H33666" s="1" t="s">
        <v>117109</v>
      </c>
      <c r="I33666" s="1" t="s">
        <v>115226</v>
      </c>
      <c r="J33666" s="1" t="s">
        <v>117121</v>
      </c>
    </row>
    <row r="33667" spans="1:10" x14ac:dyDescent="0.35">
      <c r="A33667" s="1" t="s">
        <v>13225</v>
      </c>
      <c r="B33667" s="1" t="s">
        <v>115221</v>
      </c>
      <c r="C33667" s="1" t="s">
        <v>35</v>
      </c>
      <c r="D33667" s="1" t="s">
        <v>4325</v>
      </c>
      <c r="E33667" s="1" t="s">
        <v>117122</v>
      </c>
      <c r="F33667" s="1" t="s">
        <v>117123</v>
      </c>
      <c r="G33667" s="1" t="s">
        <v>117108</v>
      </c>
      <c r="H33667" s="1" t="s">
        <v>117109</v>
      </c>
      <c r="I33667" s="1" t="s">
        <v>115226</v>
      </c>
      <c r="J33667" s="1" t="s">
        <v>117124</v>
      </c>
    </row>
    <row r="33668" spans="1:10" x14ac:dyDescent="0.35">
      <c r="A33668" s="1" t="s">
        <v>13225</v>
      </c>
      <c r="B33668" s="1" t="s">
        <v>115221</v>
      </c>
      <c r="C33668" s="1" t="s">
        <v>40</v>
      </c>
      <c r="D33668" s="1" t="s">
        <v>12974</v>
      </c>
      <c r="E33668" s="1" t="s">
        <v>117125</v>
      </c>
      <c r="F33668" s="1" t="s">
        <v>117126</v>
      </c>
      <c r="G33668" s="1" t="s">
        <v>117108</v>
      </c>
      <c r="H33668" s="1" t="s">
        <v>117109</v>
      </c>
      <c r="I33668" s="1" t="s">
        <v>115226</v>
      </c>
      <c r="J33668" s="1" t="s">
        <v>117127</v>
      </c>
    </row>
    <row r="33669" spans="1:10" x14ac:dyDescent="0.35">
      <c r="A33669" s="1" t="s">
        <v>13225</v>
      </c>
      <c r="B33669" s="1" t="s">
        <v>115221</v>
      </c>
      <c r="C33669" s="1" t="s">
        <v>45</v>
      </c>
      <c r="D33669" s="1" t="s">
        <v>1379</v>
      </c>
      <c r="E33669" s="1" t="s">
        <v>117128</v>
      </c>
      <c r="F33669" s="1" t="s">
        <v>117129</v>
      </c>
      <c r="G33669" s="1" t="s">
        <v>117108</v>
      </c>
      <c r="H33669" s="1" t="s">
        <v>117109</v>
      </c>
      <c r="I33669" s="1" t="s">
        <v>115226</v>
      </c>
      <c r="J33669" s="1" t="s">
        <v>117130</v>
      </c>
    </row>
    <row r="33670" spans="1:10" x14ac:dyDescent="0.35">
      <c r="A33670" s="1" t="s">
        <v>13225</v>
      </c>
      <c r="B33670" s="1" t="s">
        <v>115221</v>
      </c>
      <c r="C33670" s="1" t="s">
        <v>50</v>
      </c>
      <c r="D33670" s="1" t="s">
        <v>10444</v>
      </c>
      <c r="E33670" s="1" t="s">
        <v>117131</v>
      </c>
      <c r="F33670" s="1" t="s">
        <v>117132</v>
      </c>
      <c r="G33670" s="1" t="s">
        <v>117108</v>
      </c>
      <c r="H33670" s="1" t="s">
        <v>117109</v>
      </c>
      <c r="I33670" s="1" t="s">
        <v>115226</v>
      </c>
      <c r="J33670" s="1" t="s">
        <v>117133</v>
      </c>
    </row>
    <row r="33671" spans="1:10" x14ac:dyDescent="0.35">
      <c r="A33671" s="1" t="s">
        <v>13225</v>
      </c>
      <c r="B33671" s="1" t="s">
        <v>115221</v>
      </c>
      <c r="C33671" s="1" t="s">
        <v>55</v>
      </c>
      <c r="D33671" s="1" t="s">
        <v>117134</v>
      </c>
      <c r="E33671" s="1" t="s">
        <v>117135</v>
      </c>
      <c r="F33671" s="1" t="s">
        <v>117136</v>
      </c>
      <c r="G33671" s="1" t="s">
        <v>117108</v>
      </c>
      <c r="H33671" s="1" t="s">
        <v>117109</v>
      </c>
      <c r="I33671" s="1" t="s">
        <v>115226</v>
      </c>
      <c r="J33671" s="1" t="s">
        <v>117137</v>
      </c>
    </row>
    <row r="33672" spans="1:10" x14ac:dyDescent="0.35">
      <c r="A33672" s="1" t="s">
        <v>13225</v>
      </c>
      <c r="B33672" s="1" t="s">
        <v>115221</v>
      </c>
      <c r="C33672" s="1" t="s">
        <v>60</v>
      </c>
      <c r="D33672" s="1" t="s">
        <v>28041</v>
      </c>
      <c r="E33672" s="1" t="s">
        <v>117138</v>
      </c>
      <c r="F33672" s="1" t="s">
        <v>117139</v>
      </c>
      <c r="G33672" s="1" t="s">
        <v>117108</v>
      </c>
      <c r="H33672" s="1" t="s">
        <v>117109</v>
      </c>
      <c r="I33672" s="1" t="s">
        <v>115226</v>
      </c>
      <c r="J33672" s="1" t="s">
        <v>117140</v>
      </c>
    </row>
    <row r="33673" spans="1:10" x14ac:dyDescent="0.35">
      <c r="A33673" s="1" t="s">
        <v>13225</v>
      </c>
      <c r="B33673" s="1" t="s">
        <v>115221</v>
      </c>
      <c r="C33673" s="1" t="s">
        <v>65</v>
      </c>
      <c r="D33673" s="1" t="s">
        <v>117141</v>
      </c>
      <c r="E33673" s="1" t="s">
        <v>117142</v>
      </c>
      <c r="F33673" s="1" t="s">
        <v>117143</v>
      </c>
      <c r="G33673" s="1" t="s">
        <v>117108</v>
      </c>
      <c r="H33673" s="1" t="s">
        <v>117109</v>
      </c>
      <c r="I33673" s="1" t="s">
        <v>115226</v>
      </c>
      <c r="J33673" s="1" t="s">
        <v>117144</v>
      </c>
    </row>
    <row r="33674" spans="1:10" x14ac:dyDescent="0.35">
      <c r="A33674" s="1" t="s">
        <v>13225</v>
      </c>
      <c r="B33674" s="1" t="s">
        <v>115221</v>
      </c>
      <c r="C33674" s="1" t="s">
        <v>70</v>
      </c>
      <c r="D33674" s="1" t="s">
        <v>25710</v>
      </c>
      <c r="E33674" s="1" t="s">
        <v>117145</v>
      </c>
      <c r="F33674" s="1" t="s">
        <v>117146</v>
      </c>
      <c r="G33674" s="1" t="s">
        <v>117108</v>
      </c>
      <c r="H33674" s="1" t="s">
        <v>117109</v>
      </c>
      <c r="I33674" s="1" t="s">
        <v>115226</v>
      </c>
      <c r="J33674" s="1" t="s">
        <v>117147</v>
      </c>
    </row>
    <row r="33675" spans="1:10" x14ac:dyDescent="0.35">
      <c r="A33675" s="1" t="s">
        <v>13225</v>
      </c>
      <c r="B33675" s="1" t="s">
        <v>115221</v>
      </c>
      <c r="C33675" s="1" t="s">
        <v>75</v>
      </c>
      <c r="D33675" s="1" t="s">
        <v>51861</v>
      </c>
      <c r="E33675" s="1" t="s">
        <v>117148</v>
      </c>
      <c r="F33675" s="1" t="s">
        <v>117149</v>
      </c>
      <c r="G33675" s="1" t="s">
        <v>117108</v>
      </c>
      <c r="H33675" s="1" t="s">
        <v>117109</v>
      </c>
      <c r="I33675" s="1" t="s">
        <v>115226</v>
      </c>
      <c r="J33675" s="1" t="s">
        <v>117150</v>
      </c>
    </row>
    <row r="33676" spans="1:10" x14ac:dyDescent="0.35">
      <c r="A33676" s="1" t="s">
        <v>13225</v>
      </c>
      <c r="B33676" s="1" t="s">
        <v>115221</v>
      </c>
      <c r="C33676" s="1" t="s">
        <v>80</v>
      </c>
      <c r="D33676" s="1" t="s">
        <v>1548</v>
      </c>
      <c r="E33676" s="1" t="s">
        <v>117151</v>
      </c>
      <c r="F33676" s="1" t="s">
        <v>117152</v>
      </c>
      <c r="G33676" s="1" t="s">
        <v>117108</v>
      </c>
      <c r="H33676" s="1" t="s">
        <v>117109</v>
      </c>
      <c r="I33676" s="1" t="s">
        <v>115226</v>
      </c>
      <c r="J33676" s="1" t="s">
        <v>117153</v>
      </c>
    </row>
    <row r="33677" spans="1:10" x14ac:dyDescent="0.35">
      <c r="A33677" s="1" t="s">
        <v>13225</v>
      </c>
      <c r="B33677" s="1" t="s">
        <v>115221</v>
      </c>
      <c r="C33677" s="1" t="s">
        <v>85</v>
      </c>
      <c r="D33677" s="1" t="s">
        <v>3589</v>
      </c>
      <c r="E33677" s="1" t="s">
        <v>117154</v>
      </c>
      <c r="F33677" s="1" t="s">
        <v>117155</v>
      </c>
      <c r="G33677" s="1" t="s">
        <v>117108</v>
      </c>
      <c r="H33677" s="1" t="s">
        <v>117109</v>
      </c>
      <c r="I33677" s="1" t="s">
        <v>115226</v>
      </c>
      <c r="J33677" s="1" t="s">
        <v>117156</v>
      </c>
    </row>
    <row r="33678" spans="1:10" x14ac:dyDescent="0.35">
      <c r="A33678" s="1" t="s">
        <v>13225</v>
      </c>
      <c r="B33678" s="1" t="s">
        <v>115221</v>
      </c>
      <c r="C33678" s="1" t="s">
        <v>90</v>
      </c>
      <c r="D33678" s="1" t="s">
        <v>75</v>
      </c>
      <c r="E33678" s="1" t="s">
        <v>117157</v>
      </c>
      <c r="F33678" s="1" t="s">
        <v>117158</v>
      </c>
      <c r="G33678" s="1" t="s">
        <v>117108</v>
      </c>
      <c r="H33678" s="1" t="s">
        <v>117109</v>
      </c>
      <c r="I33678" s="1" t="s">
        <v>115226</v>
      </c>
      <c r="J33678" s="1" t="s">
        <v>117159</v>
      </c>
    </row>
    <row r="33679" spans="1:10" x14ac:dyDescent="0.35">
      <c r="A33679" s="1" t="s">
        <v>13225</v>
      </c>
      <c r="B33679" s="1" t="s">
        <v>115221</v>
      </c>
      <c r="C33679" s="1" t="s">
        <v>95</v>
      </c>
      <c r="D33679" s="1" t="s">
        <v>5502</v>
      </c>
      <c r="E33679" s="1" t="s">
        <v>117160</v>
      </c>
      <c r="F33679" s="1" t="s">
        <v>117161</v>
      </c>
      <c r="G33679" s="1" t="s">
        <v>117108</v>
      </c>
      <c r="H33679" s="1" t="s">
        <v>117109</v>
      </c>
      <c r="I33679" s="1" t="s">
        <v>115226</v>
      </c>
      <c r="J33679" s="1" t="s">
        <v>117162</v>
      </c>
    </row>
    <row r="33680" spans="1:10" x14ac:dyDescent="0.35">
      <c r="A33680" s="1" t="s">
        <v>13225</v>
      </c>
      <c r="B33680" s="1" t="s">
        <v>115221</v>
      </c>
      <c r="C33680" s="1" t="s">
        <v>100</v>
      </c>
      <c r="D33680" s="1" t="s">
        <v>117163</v>
      </c>
      <c r="E33680" s="1" t="s">
        <v>117164</v>
      </c>
      <c r="F33680" s="1" t="s">
        <v>117165</v>
      </c>
      <c r="G33680" s="1" t="s">
        <v>117108</v>
      </c>
      <c r="H33680" s="1" t="s">
        <v>117109</v>
      </c>
      <c r="I33680" s="1" t="s">
        <v>115226</v>
      </c>
      <c r="J33680" s="1" t="s">
        <v>117166</v>
      </c>
    </row>
    <row r="33681" spans="1:10" x14ac:dyDescent="0.35">
      <c r="A33681" s="1" t="s">
        <v>13225</v>
      </c>
      <c r="B33681" s="1" t="s">
        <v>115221</v>
      </c>
      <c r="C33681" s="1" t="s">
        <v>105</v>
      </c>
      <c r="D33681" s="1" t="s">
        <v>117167</v>
      </c>
      <c r="E33681" s="1" t="s">
        <v>117168</v>
      </c>
      <c r="F33681" s="1" t="s">
        <v>117169</v>
      </c>
      <c r="G33681" s="1" t="s">
        <v>117108</v>
      </c>
      <c r="H33681" s="1" t="s">
        <v>117109</v>
      </c>
      <c r="I33681" s="1" t="s">
        <v>115226</v>
      </c>
      <c r="J33681" s="1" t="s">
        <v>117170</v>
      </c>
    </row>
    <row r="33682" spans="1:10" x14ac:dyDescent="0.35">
      <c r="A33682" s="1" t="s">
        <v>13225</v>
      </c>
      <c r="B33682" s="1" t="s">
        <v>115221</v>
      </c>
      <c r="C33682" s="1" t="s">
        <v>110</v>
      </c>
      <c r="D33682" s="1" t="s">
        <v>117171</v>
      </c>
      <c r="E33682" s="1" t="s">
        <v>117172</v>
      </c>
      <c r="F33682" s="1" t="s">
        <v>117173</v>
      </c>
      <c r="G33682" s="1" t="s">
        <v>117108</v>
      </c>
      <c r="H33682" s="1" t="s">
        <v>117109</v>
      </c>
      <c r="I33682" s="1" t="s">
        <v>115226</v>
      </c>
      <c r="J33682" s="1" t="s">
        <v>117174</v>
      </c>
    </row>
    <row r="33683" spans="1:10" x14ac:dyDescent="0.35">
      <c r="A33683" s="1" t="s">
        <v>13225</v>
      </c>
      <c r="B33683" s="1" t="s">
        <v>115221</v>
      </c>
      <c r="C33683" s="1" t="s">
        <v>115</v>
      </c>
      <c r="D33683" s="1" t="s">
        <v>117175</v>
      </c>
      <c r="E33683" s="1" t="s">
        <v>117176</v>
      </c>
      <c r="F33683" s="1" t="s">
        <v>117177</v>
      </c>
      <c r="G33683" s="1" t="s">
        <v>117108</v>
      </c>
      <c r="H33683" s="1" t="s">
        <v>117109</v>
      </c>
      <c r="I33683" s="1" t="s">
        <v>115226</v>
      </c>
      <c r="J33683" s="1" t="s">
        <v>117178</v>
      </c>
    </row>
    <row r="33684" spans="1:10" x14ac:dyDescent="0.35">
      <c r="A33684" s="1" t="s">
        <v>13225</v>
      </c>
      <c r="B33684" s="1" t="s">
        <v>115221</v>
      </c>
      <c r="C33684" s="1" t="s">
        <v>120</v>
      </c>
      <c r="D33684" s="1" t="s">
        <v>111046</v>
      </c>
      <c r="E33684" s="1" t="s">
        <v>117179</v>
      </c>
      <c r="F33684" s="1" t="s">
        <v>117180</v>
      </c>
      <c r="G33684" s="1" t="s">
        <v>117108</v>
      </c>
      <c r="H33684" s="1" t="s">
        <v>117109</v>
      </c>
      <c r="I33684" s="1" t="s">
        <v>115226</v>
      </c>
      <c r="J33684" s="1" t="s">
        <v>117181</v>
      </c>
    </row>
    <row r="33685" spans="1:10" x14ac:dyDescent="0.35">
      <c r="A33685" s="1" t="s">
        <v>13225</v>
      </c>
      <c r="B33685" s="1" t="s">
        <v>115221</v>
      </c>
      <c r="C33685" s="1" t="s">
        <v>125</v>
      </c>
      <c r="D33685" s="1" t="s">
        <v>52000</v>
      </c>
      <c r="E33685" s="1" t="s">
        <v>117182</v>
      </c>
      <c r="F33685" s="1" t="s">
        <v>117183</v>
      </c>
      <c r="G33685" s="1" t="s">
        <v>117108</v>
      </c>
      <c r="H33685" s="1" t="s">
        <v>117109</v>
      </c>
      <c r="I33685" s="1" t="s">
        <v>115226</v>
      </c>
      <c r="J33685" s="1" t="s">
        <v>117184</v>
      </c>
    </row>
    <row r="33686" spans="1:10" x14ac:dyDescent="0.35">
      <c r="A33686" s="1" t="s">
        <v>13225</v>
      </c>
      <c r="B33686" s="1" t="s">
        <v>115221</v>
      </c>
      <c r="C33686" s="1" t="s">
        <v>130</v>
      </c>
      <c r="D33686" s="1" t="s">
        <v>117185</v>
      </c>
      <c r="E33686" s="1" t="s">
        <v>117186</v>
      </c>
      <c r="F33686" s="1" t="s">
        <v>117187</v>
      </c>
      <c r="G33686" s="1" t="s">
        <v>117108</v>
      </c>
      <c r="H33686" s="1" t="s">
        <v>117109</v>
      </c>
      <c r="I33686" s="1" t="s">
        <v>115226</v>
      </c>
      <c r="J33686" s="1" t="s">
        <v>117188</v>
      </c>
    </row>
    <row r="33687" spans="1:10" x14ac:dyDescent="0.35">
      <c r="A33687" s="1" t="s">
        <v>13225</v>
      </c>
      <c r="B33687" s="1" t="s">
        <v>115221</v>
      </c>
      <c r="C33687" s="1" t="s">
        <v>135</v>
      </c>
      <c r="D33687" s="1" t="s">
        <v>112572</v>
      </c>
      <c r="E33687" s="1" t="s">
        <v>117189</v>
      </c>
      <c r="F33687" s="1" t="s">
        <v>117190</v>
      </c>
      <c r="G33687" s="1" t="s">
        <v>117108</v>
      </c>
      <c r="H33687" s="1" t="s">
        <v>117109</v>
      </c>
      <c r="I33687" s="1" t="s">
        <v>115226</v>
      </c>
      <c r="J33687" s="1" t="s">
        <v>117191</v>
      </c>
    </row>
    <row r="33688" spans="1:10" x14ac:dyDescent="0.35">
      <c r="A33688" s="1" t="s">
        <v>13225</v>
      </c>
      <c r="B33688" s="1" t="s">
        <v>115221</v>
      </c>
      <c r="C33688" s="1" t="s">
        <v>140</v>
      </c>
      <c r="D33688" s="1" t="s">
        <v>117192</v>
      </c>
      <c r="E33688" s="1" t="s">
        <v>117193</v>
      </c>
      <c r="F33688" s="1" t="s">
        <v>117194</v>
      </c>
      <c r="G33688" s="1" t="s">
        <v>117108</v>
      </c>
      <c r="H33688" s="1" t="s">
        <v>117109</v>
      </c>
      <c r="I33688" s="1" t="s">
        <v>115226</v>
      </c>
      <c r="J33688" s="1" t="s">
        <v>117195</v>
      </c>
    </row>
    <row r="33689" spans="1:10" x14ac:dyDescent="0.35">
      <c r="A33689" s="1" t="s">
        <v>13225</v>
      </c>
      <c r="B33689" s="1" t="s">
        <v>115221</v>
      </c>
      <c r="C33689" s="1" t="s">
        <v>145</v>
      </c>
      <c r="D33689" s="1" t="s">
        <v>117196</v>
      </c>
      <c r="E33689" s="1" t="s">
        <v>117197</v>
      </c>
      <c r="F33689" s="1" t="s">
        <v>117198</v>
      </c>
      <c r="G33689" s="1" t="s">
        <v>117108</v>
      </c>
      <c r="H33689" s="1" t="s">
        <v>117109</v>
      </c>
      <c r="I33689" s="1" t="s">
        <v>115226</v>
      </c>
      <c r="J33689" s="1" t="s">
        <v>117199</v>
      </c>
    </row>
    <row r="33690" spans="1:10" x14ac:dyDescent="0.35">
      <c r="A33690" s="1" t="s">
        <v>13225</v>
      </c>
      <c r="B33690" s="1" t="s">
        <v>115221</v>
      </c>
      <c r="C33690" s="1" t="s">
        <v>150</v>
      </c>
      <c r="D33690" s="1" t="s">
        <v>117200</v>
      </c>
      <c r="E33690" s="1" t="s">
        <v>117201</v>
      </c>
      <c r="F33690" s="1" t="s">
        <v>117202</v>
      </c>
      <c r="G33690" s="1" t="s">
        <v>117108</v>
      </c>
      <c r="H33690" s="1" t="s">
        <v>117109</v>
      </c>
      <c r="I33690" s="1" t="s">
        <v>115226</v>
      </c>
      <c r="J33690" s="1" t="s">
        <v>117203</v>
      </c>
    </row>
    <row r="33691" spans="1:10" x14ac:dyDescent="0.35">
      <c r="A33691" s="1" t="s">
        <v>13225</v>
      </c>
      <c r="B33691" s="1" t="s">
        <v>115221</v>
      </c>
      <c r="C33691" s="1" t="s">
        <v>155</v>
      </c>
      <c r="D33691" s="1" t="s">
        <v>37725</v>
      </c>
      <c r="E33691" s="1" t="s">
        <v>117204</v>
      </c>
      <c r="F33691" s="1" t="s">
        <v>117205</v>
      </c>
      <c r="G33691" s="1" t="s">
        <v>117108</v>
      </c>
      <c r="H33691" s="1" t="s">
        <v>117109</v>
      </c>
      <c r="I33691" s="1" t="s">
        <v>115226</v>
      </c>
      <c r="J33691" s="1" t="s">
        <v>117206</v>
      </c>
    </row>
    <row r="33692" spans="1:10" x14ac:dyDescent="0.35">
      <c r="A33692" s="1" t="s">
        <v>13225</v>
      </c>
      <c r="B33692" s="1" t="s">
        <v>115221</v>
      </c>
      <c r="C33692" s="1" t="s">
        <v>160</v>
      </c>
      <c r="D33692" s="1" t="s">
        <v>117207</v>
      </c>
      <c r="E33692" s="1" t="s">
        <v>117208</v>
      </c>
      <c r="F33692" s="1" t="s">
        <v>117209</v>
      </c>
      <c r="G33692" s="1" t="s">
        <v>117108</v>
      </c>
      <c r="H33692" s="1" t="s">
        <v>117109</v>
      </c>
      <c r="I33692" s="1" t="s">
        <v>115226</v>
      </c>
      <c r="J33692" s="1" t="s">
        <v>117210</v>
      </c>
    </row>
    <row r="33693" spans="1:10" x14ac:dyDescent="0.35">
      <c r="A33693" s="1" t="s">
        <v>13225</v>
      </c>
      <c r="B33693" s="1" t="s">
        <v>115221</v>
      </c>
      <c r="C33693" s="1" t="s">
        <v>165</v>
      </c>
      <c r="D33693" s="1" t="s">
        <v>51011</v>
      </c>
      <c r="E33693" s="1" t="s">
        <v>117211</v>
      </c>
      <c r="F33693" s="1" t="s">
        <v>117212</v>
      </c>
      <c r="G33693" s="1" t="s">
        <v>117108</v>
      </c>
      <c r="H33693" s="1" t="s">
        <v>117109</v>
      </c>
      <c r="I33693" s="1" t="s">
        <v>115226</v>
      </c>
      <c r="J33693" s="1" t="s">
        <v>117213</v>
      </c>
    </row>
    <row r="33694" spans="1:10" x14ac:dyDescent="0.35">
      <c r="A33694" s="1" t="s">
        <v>13225</v>
      </c>
      <c r="B33694" s="1" t="s">
        <v>115221</v>
      </c>
      <c r="C33694" s="1" t="s">
        <v>170</v>
      </c>
      <c r="D33694" s="1" t="s">
        <v>49131</v>
      </c>
      <c r="E33694" s="1" t="s">
        <v>117214</v>
      </c>
      <c r="F33694" s="1" t="s">
        <v>117215</v>
      </c>
      <c r="G33694" s="1" t="s">
        <v>117108</v>
      </c>
      <c r="H33694" s="1" t="s">
        <v>117109</v>
      </c>
      <c r="I33694" s="1" t="s">
        <v>115226</v>
      </c>
      <c r="J33694" s="1" t="s">
        <v>117216</v>
      </c>
    </row>
    <row r="33695" spans="1:10" x14ac:dyDescent="0.35">
      <c r="A33695" s="1" t="s">
        <v>13844</v>
      </c>
      <c r="B33695" s="1" t="s">
        <v>115221</v>
      </c>
      <c r="C33695" s="1" t="s">
        <v>8</v>
      </c>
      <c r="D33695" s="1" t="s">
        <v>9826</v>
      </c>
      <c r="E33695" s="1" t="s">
        <v>117217</v>
      </c>
      <c r="F33695" s="1" t="s">
        <v>117218</v>
      </c>
      <c r="G33695" s="1" t="s">
        <v>117219</v>
      </c>
      <c r="H33695" s="1" t="s">
        <v>117220</v>
      </c>
      <c r="I33695" s="1" t="s">
        <v>115226</v>
      </c>
      <c r="J33695" s="1" t="s">
        <v>13</v>
      </c>
    </row>
    <row r="33696" spans="1:10" x14ac:dyDescent="0.35">
      <c r="A33696" s="1" t="s">
        <v>13844</v>
      </c>
      <c r="B33696" s="1" t="s">
        <v>115221</v>
      </c>
      <c r="C33696" s="1" t="s">
        <v>15</v>
      </c>
      <c r="D33696" s="1" t="s">
        <v>2168</v>
      </c>
      <c r="E33696" s="1" t="s">
        <v>117221</v>
      </c>
      <c r="F33696" s="1" t="s">
        <v>117222</v>
      </c>
      <c r="G33696" s="1" t="s">
        <v>117219</v>
      </c>
      <c r="H33696" s="1" t="s">
        <v>117220</v>
      </c>
      <c r="I33696" s="1" t="s">
        <v>115226</v>
      </c>
      <c r="J33696" s="1" t="s">
        <v>117223</v>
      </c>
    </row>
    <row r="33697" spans="1:10" x14ac:dyDescent="0.35">
      <c r="A33697" s="1" t="s">
        <v>13844</v>
      </c>
      <c r="B33697" s="1" t="s">
        <v>115221</v>
      </c>
      <c r="C33697" s="1" t="s">
        <v>20</v>
      </c>
      <c r="D33697" s="1" t="s">
        <v>98652</v>
      </c>
      <c r="E33697" s="1" t="s">
        <v>117224</v>
      </c>
      <c r="F33697" s="1" t="s">
        <v>117225</v>
      </c>
      <c r="G33697" s="1" t="s">
        <v>117219</v>
      </c>
      <c r="H33697" s="1" t="s">
        <v>117220</v>
      </c>
      <c r="I33697" s="1" t="s">
        <v>115226</v>
      </c>
      <c r="J33697" s="1" t="s">
        <v>117226</v>
      </c>
    </row>
    <row r="33698" spans="1:10" x14ac:dyDescent="0.35">
      <c r="A33698" s="1" t="s">
        <v>13844</v>
      </c>
      <c r="B33698" s="1" t="s">
        <v>115221</v>
      </c>
      <c r="C33698" s="1" t="s">
        <v>25</v>
      </c>
      <c r="D33698" s="1" t="s">
        <v>100973</v>
      </c>
      <c r="E33698" s="1" t="s">
        <v>117227</v>
      </c>
      <c r="F33698" s="1" t="s">
        <v>117228</v>
      </c>
      <c r="G33698" s="1" t="s">
        <v>117219</v>
      </c>
      <c r="H33698" s="1" t="s">
        <v>117220</v>
      </c>
      <c r="I33698" s="1" t="s">
        <v>115226</v>
      </c>
      <c r="J33698" s="1" t="s">
        <v>117229</v>
      </c>
    </row>
    <row r="33699" spans="1:10" x14ac:dyDescent="0.35">
      <c r="A33699" s="1" t="s">
        <v>13844</v>
      </c>
      <c r="B33699" s="1" t="s">
        <v>115221</v>
      </c>
      <c r="C33699" s="1" t="s">
        <v>30</v>
      </c>
      <c r="D33699" s="1" t="s">
        <v>1146</v>
      </c>
      <c r="E33699" s="1" t="s">
        <v>117230</v>
      </c>
      <c r="F33699" s="1" t="s">
        <v>117231</v>
      </c>
      <c r="G33699" s="1" t="s">
        <v>117219</v>
      </c>
      <c r="H33699" s="1" t="s">
        <v>117220</v>
      </c>
      <c r="I33699" s="1" t="s">
        <v>115226</v>
      </c>
      <c r="J33699" s="1" t="s">
        <v>117232</v>
      </c>
    </row>
    <row r="33700" spans="1:10" x14ac:dyDescent="0.35">
      <c r="A33700" s="1" t="s">
        <v>13844</v>
      </c>
      <c r="B33700" s="1" t="s">
        <v>115221</v>
      </c>
      <c r="C33700" s="1" t="s">
        <v>35</v>
      </c>
      <c r="D33700" s="1" t="s">
        <v>29623</v>
      </c>
      <c r="E33700" s="1" t="s">
        <v>117233</v>
      </c>
      <c r="F33700" s="1" t="s">
        <v>117234</v>
      </c>
      <c r="G33700" s="1" t="s">
        <v>117219</v>
      </c>
      <c r="H33700" s="1" t="s">
        <v>117220</v>
      </c>
      <c r="I33700" s="1" t="s">
        <v>115226</v>
      </c>
      <c r="J33700" s="1" t="s">
        <v>117235</v>
      </c>
    </row>
    <row r="33701" spans="1:10" x14ac:dyDescent="0.35">
      <c r="A33701" s="1" t="s">
        <v>13844</v>
      </c>
      <c r="B33701" s="1" t="s">
        <v>115221</v>
      </c>
      <c r="C33701" s="1" t="s">
        <v>40</v>
      </c>
      <c r="D33701" s="1" t="s">
        <v>6316</v>
      </c>
      <c r="E33701" s="1" t="s">
        <v>117236</v>
      </c>
      <c r="F33701" s="1" t="s">
        <v>117237</v>
      </c>
      <c r="G33701" s="1" t="s">
        <v>117219</v>
      </c>
      <c r="H33701" s="1" t="s">
        <v>117220</v>
      </c>
      <c r="I33701" s="1" t="s">
        <v>115226</v>
      </c>
      <c r="J33701" s="1" t="s">
        <v>117238</v>
      </c>
    </row>
    <row r="33702" spans="1:10" x14ac:dyDescent="0.35">
      <c r="A33702" s="1" t="s">
        <v>13844</v>
      </c>
      <c r="B33702" s="1" t="s">
        <v>115221</v>
      </c>
      <c r="C33702" s="1" t="s">
        <v>45</v>
      </c>
      <c r="D33702" s="1" t="s">
        <v>6139</v>
      </c>
      <c r="E33702" s="1" t="s">
        <v>117239</v>
      </c>
      <c r="F33702" s="1" t="s">
        <v>117240</v>
      </c>
      <c r="G33702" s="1" t="s">
        <v>117219</v>
      </c>
      <c r="H33702" s="1" t="s">
        <v>117220</v>
      </c>
      <c r="I33702" s="1" t="s">
        <v>115226</v>
      </c>
      <c r="J33702" s="1" t="s">
        <v>117241</v>
      </c>
    </row>
    <row r="33703" spans="1:10" x14ac:dyDescent="0.35">
      <c r="A33703" s="1" t="s">
        <v>13844</v>
      </c>
      <c r="B33703" s="1" t="s">
        <v>115221</v>
      </c>
      <c r="C33703" s="1" t="s">
        <v>50</v>
      </c>
      <c r="D33703" s="1" t="s">
        <v>103738</v>
      </c>
      <c r="E33703" s="1" t="s">
        <v>117242</v>
      </c>
      <c r="F33703" s="1" t="s">
        <v>117243</v>
      </c>
      <c r="G33703" s="1" t="s">
        <v>117219</v>
      </c>
      <c r="H33703" s="1" t="s">
        <v>117220</v>
      </c>
      <c r="I33703" s="1" t="s">
        <v>115226</v>
      </c>
      <c r="J33703" s="1" t="s">
        <v>117244</v>
      </c>
    </row>
    <row r="33704" spans="1:10" x14ac:dyDescent="0.35">
      <c r="A33704" s="1" t="s">
        <v>13844</v>
      </c>
      <c r="B33704" s="1" t="s">
        <v>115221</v>
      </c>
      <c r="C33704" s="1" t="s">
        <v>55</v>
      </c>
      <c r="D33704" s="1" t="s">
        <v>25365</v>
      </c>
      <c r="E33704" s="1" t="s">
        <v>117245</v>
      </c>
      <c r="F33704" s="1" t="s">
        <v>117246</v>
      </c>
      <c r="G33704" s="1" t="s">
        <v>117219</v>
      </c>
      <c r="H33704" s="1" t="s">
        <v>117220</v>
      </c>
      <c r="I33704" s="1" t="s">
        <v>115226</v>
      </c>
      <c r="J33704" s="1" t="s">
        <v>117247</v>
      </c>
    </row>
    <row r="33705" spans="1:10" x14ac:dyDescent="0.35">
      <c r="A33705" s="1" t="s">
        <v>13844</v>
      </c>
      <c r="B33705" s="1" t="s">
        <v>115221</v>
      </c>
      <c r="C33705" s="1" t="s">
        <v>60</v>
      </c>
      <c r="D33705" s="1" t="s">
        <v>106347</v>
      </c>
      <c r="E33705" s="1" t="s">
        <v>117248</v>
      </c>
      <c r="F33705" s="1" t="s">
        <v>117249</v>
      </c>
      <c r="G33705" s="1" t="s">
        <v>117219</v>
      </c>
      <c r="H33705" s="1" t="s">
        <v>117220</v>
      </c>
      <c r="I33705" s="1" t="s">
        <v>115226</v>
      </c>
      <c r="J33705" s="1" t="s">
        <v>117250</v>
      </c>
    </row>
    <row r="33706" spans="1:10" x14ac:dyDescent="0.35">
      <c r="A33706" s="1" t="s">
        <v>13844</v>
      </c>
      <c r="B33706" s="1" t="s">
        <v>115221</v>
      </c>
      <c r="C33706" s="1" t="s">
        <v>65</v>
      </c>
      <c r="D33706" s="1" t="s">
        <v>117251</v>
      </c>
      <c r="E33706" s="1" t="s">
        <v>117252</v>
      </c>
      <c r="F33706" s="1" t="s">
        <v>117253</v>
      </c>
      <c r="G33706" s="1" t="s">
        <v>117219</v>
      </c>
      <c r="H33706" s="1" t="s">
        <v>117220</v>
      </c>
      <c r="I33706" s="1" t="s">
        <v>115226</v>
      </c>
      <c r="J33706" s="1" t="s">
        <v>117254</v>
      </c>
    </row>
    <row r="33707" spans="1:10" x14ac:dyDescent="0.35">
      <c r="A33707" s="1" t="s">
        <v>13844</v>
      </c>
      <c r="B33707" s="1" t="s">
        <v>115221</v>
      </c>
      <c r="C33707" s="1" t="s">
        <v>70</v>
      </c>
      <c r="D33707" s="1" t="s">
        <v>111460</v>
      </c>
      <c r="E33707" s="1" t="s">
        <v>117255</v>
      </c>
      <c r="F33707" s="1" t="s">
        <v>117256</v>
      </c>
      <c r="G33707" s="1" t="s">
        <v>117219</v>
      </c>
      <c r="H33707" s="1" t="s">
        <v>117220</v>
      </c>
      <c r="I33707" s="1" t="s">
        <v>115226</v>
      </c>
      <c r="J33707" s="1" t="s">
        <v>117257</v>
      </c>
    </row>
    <row r="33708" spans="1:10" x14ac:dyDescent="0.35">
      <c r="A33708" s="1" t="s">
        <v>13844</v>
      </c>
      <c r="B33708" s="1" t="s">
        <v>115221</v>
      </c>
      <c r="C33708" s="1" t="s">
        <v>75</v>
      </c>
      <c r="D33708" s="1" t="s">
        <v>6302</v>
      </c>
      <c r="E33708" s="1" t="s">
        <v>117258</v>
      </c>
      <c r="F33708" s="1" t="s">
        <v>117259</v>
      </c>
      <c r="G33708" s="1" t="s">
        <v>117219</v>
      </c>
      <c r="H33708" s="1" t="s">
        <v>117220</v>
      </c>
      <c r="I33708" s="1" t="s">
        <v>115226</v>
      </c>
      <c r="J33708" s="1" t="s">
        <v>117260</v>
      </c>
    </row>
    <row r="33709" spans="1:10" x14ac:dyDescent="0.35">
      <c r="A33709" s="1" t="s">
        <v>13844</v>
      </c>
      <c r="B33709" s="1" t="s">
        <v>115221</v>
      </c>
      <c r="C33709" s="1" t="s">
        <v>80</v>
      </c>
      <c r="D33709" s="1" t="s">
        <v>6323</v>
      </c>
      <c r="E33709" s="1" t="s">
        <v>117261</v>
      </c>
      <c r="F33709" s="1" t="s">
        <v>117262</v>
      </c>
      <c r="G33709" s="1" t="s">
        <v>117219</v>
      </c>
      <c r="H33709" s="1" t="s">
        <v>117220</v>
      </c>
      <c r="I33709" s="1" t="s">
        <v>115226</v>
      </c>
      <c r="J33709" s="1" t="s">
        <v>117263</v>
      </c>
    </row>
    <row r="33710" spans="1:10" x14ac:dyDescent="0.35">
      <c r="A33710" s="1" t="s">
        <v>13844</v>
      </c>
      <c r="B33710" s="1" t="s">
        <v>115221</v>
      </c>
      <c r="C33710" s="1" t="s">
        <v>85</v>
      </c>
      <c r="D33710" s="1" t="s">
        <v>4297</v>
      </c>
      <c r="E33710" s="1" t="s">
        <v>117264</v>
      </c>
      <c r="F33710" s="1" t="s">
        <v>117265</v>
      </c>
      <c r="G33710" s="1" t="s">
        <v>117219</v>
      </c>
      <c r="H33710" s="1" t="s">
        <v>117220</v>
      </c>
      <c r="I33710" s="1" t="s">
        <v>115226</v>
      </c>
      <c r="J33710" s="1" t="s">
        <v>117266</v>
      </c>
    </row>
    <row r="33711" spans="1:10" x14ac:dyDescent="0.35">
      <c r="A33711" s="1" t="s">
        <v>13844</v>
      </c>
      <c r="B33711" s="1" t="s">
        <v>115221</v>
      </c>
      <c r="C33711" s="1" t="s">
        <v>90</v>
      </c>
      <c r="D33711" s="1" t="s">
        <v>117267</v>
      </c>
      <c r="E33711" s="1" t="s">
        <v>117268</v>
      </c>
      <c r="F33711" s="1" t="s">
        <v>117269</v>
      </c>
      <c r="G33711" s="1" t="s">
        <v>117219</v>
      </c>
      <c r="H33711" s="1" t="s">
        <v>117220</v>
      </c>
      <c r="I33711" s="1" t="s">
        <v>115226</v>
      </c>
      <c r="J33711" s="1" t="s">
        <v>117270</v>
      </c>
    </row>
    <row r="33712" spans="1:10" x14ac:dyDescent="0.35">
      <c r="A33712" s="1" t="s">
        <v>13844</v>
      </c>
      <c r="B33712" s="1" t="s">
        <v>115221</v>
      </c>
      <c r="C33712" s="1" t="s">
        <v>95</v>
      </c>
      <c r="D33712" s="1" t="s">
        <v>2004</v>
      </c>
      <c r="E33712" s="1" t="s">
        <v>117271</v>
      </c>
      <c r="F33712" s="1" t="s">
        <v>117272</v>
      </c>
      <c r="G33712" s="1" t="s">
        <v>117219</v>
      </c>
      <c r="H33712" s="1" t="s">
        <v>117220</v>
      </c>
      <c r="I33712" s="1" t="s">
        <v>115226</v>
      </c>
      <c r="J33712" s="1" t="s">
        <v>117273</v>
      </c>
    </row>
    <row r="33713" spans="1:10" x14ac:dyDescent="0.35">
      <c r="A33713" s="1" t="s">
        <v>13844</v>
      </c>
      <c r="B33713" s="1" t="s">
        <v>115221</v>
      </c>
      <c r="C33713" s="1" t="s">
        <v>100</v>
      </c>
      <c r="D33713" s="1" t="s">
        <v>29268</v>
      </c>
      <c r="E33713" s="1" t="s">
        <v>117274</v>
      </c>
      <c r="F33713" s="1" t="s">
        <v>117275</v>
      </c>
      <c r="G33713" s="1" t="s">
        <v>117219</v>
      </c>
      <c r="H33713" s="1" t="s">
        <v>117220</v>
      </c>
      <c r="I33713" s="1" t="s">
        <v>115226</v>
      </c>
      <c r="J33713" s="1" t="s">
        <v>117276</v>
      </c>
    </row>
    <row r="33714" spans="1:10" x14ac:dyDescent="0.35">
      <c r="A33714" s="1" t="s">
        <v>13844</v>
      </c>
      <c r="B33714" s="1" t="s">
        <v>115221</v>
      </c>
      <c r="C33714" s="1" t="s">
        <v>105</v>
      </c>
      <c r="D33714" s="1" t="s">
        <v>6396</v>
      </c>
      <c r="E33714" s="1" t="s">
        <v>117277</v>
      </c>
      <c r="F33714" s="1" t="s">
        <v>117278</v>
      </c>
      <c r="G33714" s="1" t="s">
        <v>117219</v>
      </c>
      <c r="H33714" s="1" t="s">
        <v>117220</v>
      </c>
      <c r="I33714" s="1" t="s">
        <v>115226</v>
      </c>
      <c r="J33714" s="1" t="s">
        <v>117279</v>
      </c>
    </row>
    <row r="33715" spans="1:10" x14ac:dyDescent="0.35">
      <c r="A33715" s="1" t="s">
        <v>13844</v>
      </c>
      <c r="B33715" s="1" t="s">
        <v>115221</v>
      </c>
      <c r="C33715" s="1" t="s">
        <v>110</v>
      </c>
      <c r="D33715" s="1" t="s">
        <v>104104</v>
      </c>
      <c r="E33715" s="1" t="s">
        <v>117280</v>
      </c>
      <c r="F33715" s="1" t="s">
        <v>117281</v>
      </c>
      <c r="G33715" s="1" t="s">
        <v>117219</v>
      </c>
      <c r="H33715" s="1" t="s">
        <v>117220</v>
      </c>
      <c r="I33715" s="1" t="s">
        <v>115226</v>
      </c>
      <c r="J33715" s="1" t="s">
        <v>117282</v>
      </c>
    </row>
    <row r="33716" spans="1:10" x14ac:dyDescent="0.35">
      <c r="A33716" s="1" t="s">
        <v>13844</v>
      </c>
      <c r="B33716" s="1" t="s">
        <v>115221</v>
      </c>
      <c r="C33716" s="1" t="s">
        <v>115</v>
      </c>
      <c r="D33716" s="1" t="s">
        <v>28582</v>
      </c>
      <c r="E33716" s="1" t="s">
        <v>117283</v>
      </c>
      <c r="F33716" s="1" t="s">
        <v>117284</v>
      </c>
      <c r="G33716" s="1" t="s">
        <v>117219</v>
      </c>
      <c r="H33716" s="1" t="s">
        <v>117220</v>
      </c>
      <c r="I33716" s="1" t="s">
        <v>115226</v>
      </c>
      <c r="J33716" s="1" t="s">
        <v>117285</v>
      </c>
    </row>
    <row r="33717" spans="1:10" x14ac:dyDescent="0.35">
      <c r="A33717" s="1" t="s">
        <v>13844</v>
      </c>
      <c r="B33717" s="1" t="s">
        <v>115221</v>
      </c>
      <c r="C33717" s="1" t="s">
        <v>120</v>
      </c>
      <c r="D33717" s="1" t="s">
        <v>2343</v>
      </c>
      <c r="E33717" s="1" t="s">
        <v>117286</v>
      </c>
      <c r="F33717" s="1" t="s">
        <v>117287</v>
      </c>
      <c r="G33717" s="1" t="s">
        <v>117219</v>
      </c>
      <c r="H33717" s="1" t="s">
        <v>117220</v>
      </c>
      <c r="I33717" s="1" t="s">
        <v>115226</v>
      </c>
      <c r="J33717" s="1" t="s">
        <v>117288</v>
      </c>
    </row>
    <row r="33718" spans="1:10" x14ac:dyDescent="0.35">
      <c r="A33718" s="1" t="s">
        <v>13844</v>
      </c>
      <c r="B33718" s="1" t="s">
        <v>115221</v>
      </c>
      <c r="C33718" s="1" t="s">
        <v>125</v>
      </c>
      <c r="D33718" s="1" t="s">
        <v>111673</v>
      </c>
      <c r="E33718" s="1" t="s">
        <v>117289</v>
      </c>
      <c r="F33718" s="1" t="s">
        <v>117290</v>
      </c>
      <c r="G33718" s="1" t="s">
        <v>117219</v>
      </c>
      <c r="H33718" s="1" t="s">
        <v>117220</v>
      </c>
      <c r="I33718" s="1" t="s">
        <v>115226</v>
      </c>
      <c r="J33718" s="1" t="s">
        <v>117291</v>
      </c>
    </row>
    <row r="33719" spans="1:10" x14ac:dyDescent="0.35">
      <c r="A33719" s="1" t="s">
        <v>13844</v>
      </c>
      <c r="B33719" s="1" t="s">
        <v>115221</v>
      </c>
      <c r="C33719" s="1" t="s">
        <v>130</v>
      </c>
      <c r="D33719" s="1" t="s">
        <v>117292</v>
      </c>
      <c r="E33719" s="1" t="s">
        <v>117293</v>
      </c>
      <c r="F33719" s="1" t="s">
        <v>117294</v>
      </c>
      <c r="G33719" s="1" t="s">
        <v>117219</v>
      </c>
      <c r="H33719" s="1" t="s">
        <v>117220</v>
      </c>
      <c r="I33719" s="1" t="s">
        <v>115226</v>
      </c>
      <c r="J33719" s="1" t="s">
        <v>117295</v>
      </c>
    </row>
    <row r="33720" spans="1:10" x14ac:dyDescent="0.35">
      <c r="A33720" s="1" t="s">
        <v>13844</v>
      </c>
      <c r="B33720" s="1" t="s">
        <v>115221</v>
      </c>
      <c r="C33720" s="1" t="s">
        <v>135</v>
      </c>
      <c r="D33720" s="1" t="s">
        <v>117296</v>
      </c>
      <c r="E33720" s="1" t="s">
        <v>117297</v>
      </c>
      <c r="F33720" s="1" t="s">
        <v>117298</v>
      </c>
      <c r="G33720" s="1" t="s">
        <v>117219</v>
      </c>
      <c r="H33720" s="1" t="s">
        <v>117220</v>
      </c>
      <c r="I33720" s="1" t="s">
        <v>115226</v>
      </c>
      <c r="J33720" s="1" t="s">
        <v>117299</v>
      </c>
    </row>
    <row r="33721" spans="1:10" x14ac:dyDescent="0.35">
      <c r="A33721" s="1" t="s">
        <v>13844</v>
      </c>
      <c r="B33721" s="1" t="s">
        <v>115221</v>
      </c>
      <c r="C33721" s="1" t="s">
        <v>140</v>
      </c>
      <c r="D33721" s="1" t="s">
        <v>48324</v>
      </c>
      <c r="E33721" s="1" t="s">
        <v>117300</v>
      </c>
      <c r="F33721" s="1" t="s">
        <v>117301</v>
      </c>
      <c r="G33721" s="1" t="s">
        <v>117219</v>
      </c>
      <c r="H33721" s="1" t="s">
        <v>117220</v>
      </c>
      <c r="I33721" s="1" t="s">
        <v>115226</v>
      </c>
      <c r="J33721" s="1" t="s">
        <v>117302</v>
      </c>
    </row>
    <row r="33722" spans="1:10" x14ac:dyDescent="0.35">
      <c r="A33722" s="1" t="s">
        <v>13844</v>
      </c>
      <c r="B33722" s="1" t="s">
        <v>115221</v>
      </c>
      <c r="C33722" s="1" t="s">
        <v>145</v>
      </c>
      <c r="D33722" s="1" t="s">
        <v>10354</v>
      </c>
      <c r="E33722" s="1" t="s">
        <v>117303</v>
      </c>
      <c r="F33722" s="1" t="s">
        <v>117304</v>
      </c>
      <c r="G33722" s="1" t="s">
        <v>117219</v>
      </c>
      <c r="H33722" s="1" t="s">
        <v>117220</v>
      </c>
      <c r="I33722" s="1" t="s">
        <v>115226</v>
      </c>
      <c r="J33722" s="1" t="s">
        <v>117305</v>
      </c>
    </row>
    <row r="33723" spans="1:10" x14ac:dyDescent="0.35">
      <c r="A33723" s="1" t="s">
        <v>13844</v>
      </c>
      <c r="B33723" s="1" t="s">
        <v>115221</v>
      </c>
      <c r="C33723" s="1" t="s">
        <v>150</v>
      </c>
      <c r="D33723" s="1" t="s">
        <v>34953</v>
      </c>
      <c r="E33723" s="1" t="s">
        <v>117306</v>
      </c>
      <c r="F33723" s="1" t="s">
        <v>117307</v>
      </c>
      <c r="G33723" s="1" t="s">
        <v>117219</v>
      </c>
      <c r="H33723" s="1" t="s">
        <v>117220</v>
      </c>
      <c r="I33723" s="1" t="s">
        <v>115226</v>
      </c>
      <c r="J33723" s="1" t="s">
        <v>117308</v>
      </c>
    </row>
    <row r="33724" spans="1:10" x14ac:dyDescent="0.35">
      <c r="A33724" s="1" t="s">
        <v>13844</v>
      </c>
      <c r="B33724" s="1" t="s">
        <v>115221</v>
      </c>
      <c r="C33724" s="1" t="s">
        <v>155</v>
      </c>
      <c r="D33724" s="1" t="s">
        <v>117309</v>
      </c>
      <c r="E33724" s="1" t="s">
        <v>117310</v>
      </c>
      <c r="F33724" s="1" t="s">
        <v>117311</v>
      </c>
      <c r="G33724" s="1" t="s">
        <v>117219</v>
      </c>
      <c r="H33724" s="1" t="s">
        <v>117220</v>
      </c>
      <c r="I33724" s="1" t="s">
        <v>115226</v>
      </c>
      <c r="J33724" s="1" t="s">
        <v>117312</v>
      </c>
    </row>
    <row r="33725" spans="1:10" x14ac:dyDescent="0.35">
      <c r="A33725" s="1" t="s">
        <v>13844</v>
      </c>
      <c r="B33725" s="1" t="s">
        <v>115221</v>
      </c>
      <c r="C33725" s="1" t="s">
        <v>160</v>
      </c>
      <c r="D33725" s="1" t="s">
        <v>117313</v>
      </c>
      <c r="E33725" s="1" t="s">
        <v>117314</v>
      </c>
      <c r="F33725" s="1" t="s">
        <v>117315</v>
      </c>
      <c r="G33725" s="1" t="s">
        <v>117219</v>
      </c>
      <c r="H33725" s="1" t="s">
        <v>117220</v>
      </c>
      <c r="I33725" s="1" t="s">
        <v>115226</v>
      </c>
      <c r="J33725" s="1" t="s">
        <v>117316</v>
      </c>
    </row>
    <row r="33726" spans="1:10" x14ac:dyDescent="0.35">
      <c r="A33726" s="1" t="s">
        <v>13844</v>
      </c>
      <c r="B33726" s="1" t="s">
        <v>115221</v>
      </c>
      <c r="C33726" s="1" t="s">
        <v>165</v>
      </c>
      <c r="D33726" s="1" t="s">
        <v>289</v>
      </c>
      <c r="E33726" s="1" t="s">
        <v>117317</v>
      </c>
      <c r="F33726" s="1" t="s">
        <v>117318</v>
      </c>
      <c r="G33726" s="1" t="s">
        <v>117219</v>
      </c>
      <c r="H33726" s="1" t="s">
        <v>117220</v>
      </c>
      <c r="I33726" s="1" t="s">
        <v>115226</v>
      </c>
      <c r="J33726" s="1" t="s">
        <v>117319</v>
      </c>
    </row>
    <row r="33727" spans="1:10" x14ac:dyDescent="0.35">
      <c r="A33727" s="1" t="s">
        <v>13844</v>
      </c>
      <c r="B33727" s="1" t="s">
        <v>115221</v>
      </c>
      <c r="C33727" s="1" t="s">
        <v>170</v>
      </c>
      <c r="D33727" s="1" t="s">
        <v>117320</v>
      </c>
      <c r="E33727" s="1" t="s">
        <v>117321</v>
      </c>
      <c r="F33727" s="1" t="s">
        <v>117322</v>
      </c>
      <c r="G33727" s="1" t="s">
        <v>117219</v>
      </c>
      <c r="H33727" s="1" t="s">
        <v>117220</v>
      </c>
      <c r="I33727" s="1" t="s">
        <v>115226</v>
      </c>
      <c r="J33727" s="1" t="s">
        <v>117323</v>
      </c>
    </row>
    <row r="33728" spans="1:10" x14ac:dyDescent="0.35">
      <c r="A33728" s="1" t="s">
        <v>13848</v>
      </c>
      <c r="B33728" s="1" t="s">
        <v>115221</v>
      </c>
      <c r="C33728" s="1" t="s">
        <v>8</v>
      </c>
      <c r="D33728" s="1" t="s">
        <v>25065</v>
      </c>
      <c r="E33728" s="1" t="s">
        <v>117324</v>
      </c>
      <c r="F33728" s="1" t="s">
        <v>117325</v>
      </c>
      <c r="G33728" s="1" t="s">
        <v>117326</v>
      </c>
      <c r="H33728" s="1" t="s">
        <v>117327</v>
      </c>
      <c r="I33728" s="1" t="s">
        <v>115226</v>
      </c>
      <c r="J33728" s="1" t="s">
        <v>13</v>
      </c>
    </row>
    <row r="33729" spans="1:10" x14ac:dyDescent="0.35">
      <c r="A33729" s="1" t="s">
        <v>13848</v>
      </c>
      <c r="B33729" s="1" t="s">
        <v>115221</v>
      </c>
      <c r="C33729" s="1" t="s">
        <v>15</v>
      </c>
      <c r="D33729" s="1" t="s">
        <v>117328</v>
      </c>
      <c r="E33729" s="1" t="s">
        <v>117329</v>
      </c>
      <c r="F33729" s="1" t="s">
        <v>117330</v>
      </c>
      <c r="G33729" s="1" t="s">
        <v>117326</v>
      </c>
      <c r="H33729" s="1" t="s">
        <v>117327</v>
      </c>
      <c r="I33729" s="1" t="s">
        <v>115226</v>
      </c>
      <c r="J33729" s="1" t="s">
        <v>117331</v>
      </c>
    </row>
    <row r="33730" spans="1:10" x14ac:dyDescent="0.35">
      <c r="A33730" s="1" t="s">
        <v>13848</v>
      </c>
      <c r="B33730" s="1" t="s">
        <v>115221</v>
      </c>
      <c r="C33730" s="1" t="s">
        <v>20</v>
      </c>
      <c r="D33730" s="1" t="s">
        <v>2047</v>
      </c>
      <c r="E33730" s="1" t="s">
        <v>117332</v>
      </c>
      <c r="F33730" s="1" t="s">
        <v>117333</v>
      </c>
      <c r="G33730" s="1" t="s">
        <v>117326</v>
      </c>
      <c r="H33730" s="1" t="s">
        <v>117327</v>
      </c>
      <c r="I33730" s="1" t="s">
        <v>115226</v>
      </c>
      <c r="J33730" s="1" t="s">
        <v>117334</v>
      </c>
    </row>
    <row r="33731" spans="1:10" x14ac:dyDescent="0.35">
      <c r="A33731" s="1" t="s">
        <v>13848</v>
      </c>
      <c r="B33731" s="1" t="s">
        <v>115221</v>
      </c>
      <c r="C33731" s="1" t="s">
        <v>25</v>
      </c>
      <c r="D33731" s="1" t="s">
        <v>1639</v>
      </c>
      <c r="E33731" s="1" t="s">
        <v>117335</v>
      </c>
      <c r="F33731" s="1" t="s">
        <v>117336</v>
      </c>
      <c r="G33731" s="1" t="s">
        <v>117326</v>
      </c>
      <c r="H33731" s="1" t="s">
        <v>117327</v>
      </c>
      <c r="I33731" s="1" t="s">
        <v>115226</v>
      </c>
      <c r="J33731" s="1" t="s">
        <v>117337</v>
      </c>
    </row>
    <row r="33732" spans="1:10" x14ac:dyDescent="0.35">
      <c r="A33732" s="1" t="s">
        <v>13848</v>
      </c>
      <c r="B33732" s="1" t="s">
        <v>115221</v>
      </c>
      <c r="C33732" s="1" t="s">
        <v>30</v>
      </c>
      <c r="D33732" s="1" t="s">
        <v>27581</v>
      </c>
      <c r="E33732" s="1" t="s">
        <v>117338</v>
      </c>
      <c r="F33732" s="1" t="s">
        <v>117339</v>
      </c>
      <c r="G33732" s="1" t="s">
        <v>117326</v>
      </c>
      <c r="H33732" s="1" t="s">
        <v>117327</v>
      </c>
      <c r="I33732" s="1" t="s">
        <v>115226</v>
      </c>
      <c r="J33732" s="1" t="s">
        <v>117340</v>
      </c>
    </row>
    <row r="33733" spans="1:10" x14ac:dyDescent="0.35">
      <c r="A33733" s="1" t="s">
        <v>13848</v>
      </c>
      <c r="B33733" s="1" t="s">
        <v>115221</v>
      </c>
      <c r="C33733" s="1" t="s">
        <v>35</v>
      </c>
      <c r="D33733" s="1" t="s">
        <v>109723</v>
      </c>
      <c r="E33733" s="1" t="s">
        <v>117341</v>
      </c>
      <c r="F33733" s="1" t="s">
        <v>117342</v>
      </c>
      <c r="G33733" s="1" t="s">
        <v>117326</v>
      </c>
      <c r="H33733" s="1" t="s">
        <v>117327</v>
      </c>
      <c r="I33733" s="1" t="s">
        <v>115226</v>
      </c>
      <c r="J33733" s="1" t="s">
        <v>117343</v>
      </c>
    </row>
    <row r="33734" spans="1:10" x14ac:dyDescent="0.35">
      <c r="A33734" s="1" t="s">
        <v>13848</v>
      </c>
      <c r="B33734" s="1" t="s">
        <v>115221</v>
      </c>
      <c r="C33734" s="1" t="s">
        <v>40</v>
      </c>
      <c r="D33734" s="1" t="s">
        <v>117344</v>
      </c>
      <c r="E33734" s="1" t="s">
        <v>117345</v>
      </c>
      <c r="F33734" s="1" t="s">
        <v>117346</v>
      </c>
      <c r="G33734" s="1" t="s">
        <v>117326</v>
      </c>
      <c r="H33734" s="1" t="s">
        <v>117327</v>
      </c>
      <c r="I33734" s="1" t="s">
        <v>115226</v>
      </c>
      <c r="J33734" s="1" t="s">
        <v>117347</v>
      </c>
    </row>
    <row r="33735" spans="1:10" x14ac:dyDescent="0.35">
      <c r="A33735" s="1" t="s">
        <v>13848</v>
      </c>
      <c r="B33735" s="1" t="s">
        <v>115221</v>
      </c>
      <c r="C33735" s="1" t="s">
        <v>45</v>
      </c>
      <c r="D33735" s="1" t="s">
        <v>6873</v>
      </c>
      <c r="E33735" s="1" t="s">
        <v>117348</v>
      </c>
      <c r="F33735" s="1" t="s">
        <v>117349</v>
      </c>
      <c r="G33735" s="1" t="s">
        <v>117326</v>
      </c>
      <c r="H33735" s="1" t="s">
        <v>117327</v>
      </c>
      <c r="I33735" s="1" t="s">
        <v>115226</v>
      </c>
      <c r="J33735" s="1" t="s">
        <v>117350</v>
      </c>
    </row>
    <row r="33736" spans="1:10" x14ac:dyDescent="0.35">
      <c r="A33736" s="1" t="s">
        <v>13848</v>
      </c>
      <c r="B33736" s="1" t="s">
        <v>115221</v>
      </c>
      <c r="C33736" s="1" t="s">
        <v>50</v>
      </c>
      <c r="D33736" s="1" t="s">
        <v>28249</v>
      </c>
      <c r="E33736" s="1" t="s">
        <v>117351</v>
      </c>
      <c r="F33736" s="1" t="s">
        <v>117352</v>
      </c>
      <c r="G33736" s="1" t="s">
        <v>117326</v>
      </c>
      <c r="H33736" s="1" t="s">
        <v>117327</v>
      </c>
      <c r="I33736" s="1" t="s">
        <v>115226</v>
      </c>
      <c r="J33736" s="1" t="s">
        <v>117353</v>
      </c>
    </row>
    <row r="33737" spans="1:10" x14ac:dyDescent="0.35">
      <c r="A33737" s="1" t="s">
        <v>13848</v>
      </c>
      <c r="B33737" s="1" t="s">
        <v>115221</v>
      </c>
      <c r="C33737" s="1" t="s">
        <v>55</v>
      </c>
      <c r="D33737" s="1" t="s">
        <v>27437</v>
      </c>
      <c r="E33737" s="1" t="s">
        <v>117354</v>
      </c>
      <c r="F33737" s="1" t="s">
        <v>117355</v>
      </c>
      <c r="G33737" s="1" t="s">
        <v>117326</v>
      </c>
      <c r="H33737" s="1" t="s">
        <v>117327</v>
      </c>
      <c r="I33737" s="1" t="s">
        <v>115226</v>
      </c>
      <c r="J33737" s="1" t="s">
        <v>117356</v>
      </c>
    </row>
    <row r="33738" spans="1:10" x14ac:dyDescent="0.35">
      <c r="A33738" s="1" t="s">
        <v>13848</v>
      </c>
      <c r="B33738" s="1" t="s">
        <v>115221</v>
      </c>
      <c r="C33738" s="1" t="s">
        <v>60</v>
      </c>
      <c r="D33738" s="1" t="s">
        <v>112649</v>
      </c>
      <c r="E33738" s="1" t="s">
        <v>117357</v>
      </c>
      <c r="F33738" s="1" t="s">
        <v>117358</v>
      </c>
      <c r="G33738" s="1" t="s">
        <v>117326</v>
      </c>
      <c r="H33738" s="1" t="s">
        <v>117327</v>
      </c>
      <c r="I33738" s="1" t="s">
        <v>115226</v>
      </c>
      <c r="J33738" s="1" t="s">
        <v>117359</v>
      </c>
    </row>
    <row r="33739" spans="1:10" x14ac:dyDescent="0.35">
      <c r="A33739" s="1" t="s">
        <v>13848</v>
      </c>
      <c r="B33739" s="1" t="s">
        <v>115221</v>
      </c>
      <c r="C33739" s="1" t="s">
        <v>65</v>
      </c>
      <c r="D33739" s="1" t="s">
        <v>28003</v>
      </c>
      <c r="E33739" s="1" t="s">
        <v>117360</v>
      </c>
      <c r="F33739" s="1" t="s">
        <v>117361</v>
      </c>
      <c r="G33739" s="1" t="s">
        <v>117326</v>
      </c>
      <c r="H33739" s="1" t="s">
        <v>117327</v>
      </c>
      <c r="I33739" s="1" t="s">
        <v>115226</v>
      </c>
      <c r="J33739" s="1" t="s">
        <v>117362</v>
      </c>
    </row>
    <row r="33740" spans="1:10" x14ac:dyDescent="0.35">
      <c r="A33740" s="1" t="s">
        <v>13848</v>
      </c>
      <c r="B33740" s="1" t="s">
        <v>115221</v>
      </c>
      <c r="C33740" s="1" t="s">
        <v>70</v>
      </c>
      <c r="D33740" s="1" t="s">
        <v>110395</v>
      </c>
      <c r="E33740" s="1" t="s">
        <v>117363</v>
      </c>
      <c r="F33740" s="1" t="s">
        <v>117364</v>
      </c>
      <c r="G33740" s="1" t="s">
        <v>117326</v>
      </c>
      <c r="H33740" s="1" t="s">
        <v>117327</v>
      </c>
      <c r="I33740" s="1" t="s">
        <v>115226</v>
      </c>
      <c r="J33740" s="1" t="s">
        <v>35242</v>
      </c>
    </row>
    <row r="33741" spans="1:10" x14ac:dyDescent="0.35">
      <c r="A33741" s="1" t="s">
        <v>13848</v>
      </c>
      <c r="B33741" s="1" t="s">
        <v>115221</v>
      </c>
      <c r="C33741" s="1" t="s">
        <v>75</v>
      </c>
      <c r="D33741" s="1" t="s">
        <v>2117</v>
      </c>
      <c r="E33741" s="1" t="s">
        <v>117365</v>
      </c>
      <c r="F33741" s="1" t="s">
        <v>117366</v>
      </c>
      <c r="G33741" s="1" t="s">
        <v>117326</v>
      </c>
      <c r="H33741" s="1" t="s">
        <v>117327</v>
      </c>
      <c r="I33741" s="1" t="s">
        <v>115226</v>
      </c>
      <c r="J33741" s="1" t="s">
        <v>117367</v>
      </c>
    </row>
    <row r="33742" spans="1:10" x14ac:dyDescent="0.35">
      <c r="A33742" s="1" t="s">
        <v>13848</v>
      </c>
      <c r="B33742" s="1" t="s">
        <v>115221</v>
      </c>
      <c r="C33742" s="1" t="s">
        <v>80</v>
      </c>
      <c r="D33742" s="1" t="s">
        <v>117368</v>
      </c>
      <c r="E33742" s="1" t="s">
        <v>117369</v>
      </c>
      <c r="F33742" s="1" t="s">
        <v>117370</v>
      </c>
      <c r="G33742" s="1" t="s">
        <v>117326</v>
      </c>
      <c r="H33742" s="1" t="s">
        <v>117327</v>
      </c>
      <c r="I33742" s="1" t="s">
        <v>115226</v>
      </c>
      <c r="J33742" s="1" t="s">
        <v>117371</v>
      </c>
    </row>
    <row r="33743" spans="1:10" x14ac:dyDescent="0.35">
      <c r="A33743" s="1" t="s">
        <v>13848</v>
      </c>
      <c r="B33743" s="1" t="s">
        <v>115221</v>
      </c>
      <c r="C33743" s="1" t="s">
        <v>85</v>
      </c>
      <c r="D33743" s="1" t="s">
        <v>117372</v>
      </c>
      <c r="E33743" s="1" t="s">
        <v>117373</v>
      </c>
      <c r="F33743" s="1" t="s">
        <v>117374</v>
      </c>
      <c r="G33743" s="1" t="s">
        <v>117326</v>
      </c>
      <c r="H33743" s="1" t="s">
        <v>117327</v>
      </c>
      <c r="I33743" s="1" t="s">
        <v>115226</v>
      </c>
      <c r="J33743" s="1" t="s">
        <v>117375</v>
      </c>
    </row>
    <row r="33744" spans="1:10" x14ac:dyDescent="0.35">
      <c r="A33744" s="1" t="s">
        <v>13848</v>
      </c>
      <c r="B33744" s="1" t="s">
        <v>115221</v>
      </c>
      <c r="C33744" s="1" t="s">
        <v>90</v>
      </c>
      <c r="D33744" s="1" t="s">
        <v>117376</v>
      </c>
      <c r="E33744" s="1" t="s">
        <v>117377</v>
      </c>
      <c r="F33744" s="1" t="s">
        <v>117378</v>
      </c>
      <c r="G33744" s="1" t="s">
        <v>117326</v>
      </c>
      <c r="H33744" s="1" t="s">
        <v>117327</v>
      </c>
      <c r="I33744" s="1" t="s">
        <v>115226</v>
      </c>
      <c r="J33744" s="1" t="s">
        <v>117379</v>
      </c>
    </row>
    <row r="33745" spans="1:10" x14ac:dyDescent="0.35">
      <c r="A33745" s="1" t="s">
        <v>13848</v>
      </c>
      <c r="B33745" s="1" t="s">
        <v>115221</v>
      </c>
      <c r="C33745" s="1" t="s">
        <v>95</v>
      </c>
      <c r="D33745" s="1" t="s">
        <v>112691</v>
      </c>
      <c r="E33745" s="1" t="s">
        <v>117380</v>
      </c>
      <c r="F33745" s="1" t="s">
        <v>117381</v>
      </c>
      <c r="G33745" s="1" t="s">
        <v>117326</v>
      </c>
      <c r="H33745" s="1" t="s">
        <v>117327</v>
      </c>
      <c r="I33745" s="1" t="s">
        <v>115226</v>
      </c>
      <c r="J33745" s="1" t="s">
        <v>117382</v>
      </c>
    </row>
    <row r="33746" spans="1:10" x14ac:dyDescent="0.35">
      <c r="A33746" s="1" t="s">
        <v>13848</v>
      </c>
      <c r="B33746" s="1" t="s">
        <v>115221</v>
      </c>
      <c r="C33746" s="1" t="s">
        <v>100</v>
      </c>
      <c r="D33746" s="1" t="s">
        <v>117383</v>
      </c>
      <c r="E33746" s="1" t="s">
        <v>117384</v>
      </c>
      <c r="F33746" s="1" t="s">
        <v>117385</v>
      </c>
      <c r="G33746" s="1" t="s">
        <v>117326</v>
      </c>
      <c r="H33746" s="1" t="s">
        <v>117327</v>
      </c>
      <c r="I33746" s="1" t="s">
        <v>115226</v>
      </c>
      <c r="J33746" s="1" t="s">
        <v>117386</v>
      </c>
    </row>
    <row r="33747" spans="1:10" x14ac:dyDescent="0.35">
      <c r="A33747" s="1" t="s">
        <v>13848</v>
      </c>
      <c r="B33747" s="1" t="s">
        <v>115221</v>
      </c>
      <c r="C33747" s="1" t="s">
        <v>105</v>
      </c>
      <c r="D33747" s="1" t="s">
        <v>24996</v>
      </c>
      <c r="E33747" s="1" t="s">
        <v>117387</v>
      </c>
      <c r="F33747" s="1" t="s">
        <v>117388</v>
      </c>
      <c r="G33747" s="1" t="s">
        <v>117326</v>
      </c>
      <c r="H33747" s="1" t="s">
        <v>117327</v>
      </c>
      <c r="I33747" s="1" t="s">
        <v>115226</v>
      </c>
      <c r="J33747" s="1" t="s">
        <v>117389</v>
      </c>
    </row>
    <row r="33748" spans="1:10" x14ac:dyDescent="0.35">
      <c r="A33748" s="1" t="s">
        <v>13848</v>
      </c>
      <c r="B33748" s="1" t="s">
        <v>115221</v>
      </c>
      <c r="C33748" s="1" t="s">
        <v>110</v>
      </c>
      <c r="D33748" s="1" t="s">
        <v>48203</v>
      </c>
      <c r="E33748" s="1" t="s">
        <v>117390</v>
      </c>
      <c r="F33748" s="1" t="s">
        <v>117391</v>
      </c>
      <c r="G33748" s="1" t="s">
        <v>117326</v>
      </c>
      <c r="H33748" s="1" t="s">
        <v>117327</v>
      </c>
      <c r="I33748" s="1" t="s">
        <v>115226</v>
      </c>
      <c r="J33748" s="1" t="s">
        <v>117392</v>
      </c>
    </row>
    <row r="33749" spans="1:10" x14ac:dyDescent="0.35">
      <c r="A33749" s="1" t="s">
        <v>13848</v>
      </c>
      <c r="B33749" s="1" t="s">
        <v>115221</v>
      </c>
      <c r="C33749" s="1" t="s">
        <v>115</v>
      </c>
      <c r="D33749" s="1" t="s">
        <v>29700</v>
      </c>
      <c r="E33749" s="1" t="s">
        <v>117393</v>
      </c>
      <c r="F33749" s="1" t="s">
        <v>117394</v>
      </c>
      <c r="G33749" s="1" t="s">
        <v>117326</v>
      </c>
      <c r="H33749" s="1" t="s">
        <v>117327</v>
      </c>
      <c r="I33749" s="1" t="s">
        <v>115226</v>
      </c>
      <c r="J33749" s="1" t="s">
        <v>117395</v>
      </c>
    </row>
    <row r="33750" spans="1:10" x14ac:dyDescent="0.35">
      <c r="A33750" s="1" t="s">
        <v>13848</v>
      </c>
      <c r="B33750" s="1" t="s">
        <v>115221</v>
      </c>
      <c r="C33750" s="1" t="s">
        <v>120</v>
      </c>
      <c r="D33750" s="1" t="s">
        <v>47214</v>
      </c>
      <c r="E33750" s="1" t="s">
        <v>117396</v>
      </c>
      <c r="F33750" s="1" t="s">
        <v>117397</v>
      </c>
      <c r="G33750" s="1" t="s">
        <v>117326</v>
      </c>
      <c r="H33750" s="1" t="s">
        <v>117327</v>
      </c>
      <c r="I33750" s="1" t="s">
        <v>115226</v>
      </c>
      <c r="J33750" s="1" t="s">
        <v>117398</v>
      </c>
    </row>
    <row r="33751" spans="1:10" x14ac:dyDescent="0.35">
      <c r="A33751" s="1" t="s">
        <v>13848</v>
      </c>
      <c r="B33751" s="1" t="s">
        <v>115221</v>
      </c>
      <c r="C33751" s="1" t="s">
        <v>125</v>
      </c>
      <c r="D33751" s="1" t="s">
        <v>49371</v>
      </c>
      <c r="E33751" s="1" t="s">
        <v>117399</v>
      </c>
      <c r="F33751" s="1" t="s">
        <v>117400</v>
      </c>
      <c r="G33751" s="1" t="s">
        <v>117326</v>
      </c>
      <c r="H33751" s="1" t="s">
        <v>117327</v>
      </c>
      <c r="I33751" s="1" t="s">
        <v>115226</v>
      </c>
      <c r="J33751" s="1" t="s">
        <v>117401</v>
      </c>
    </row>
    <row r="33752" spans="1:10" x14ac:dyDescent="0.35">
      <c r="A33752" s="1" t="s">
        <v>13848</v>
      </c>
      <c r="B33752" s="1" t="s">
        <v>115221</v>
      </c>
      <c r="C33752" s="1" t="s">
        <v>130</v>
      </c>
      <c r="D33752" s="1" t="s">
        <v>109812</v>
      </c>
      <c r="E33752" s="1" t="s">
        <v>117402</v>
      </c>
      <c r="F33752" s="1" t="s">
        <v>117403</v>
      </c>
      <c r="G33752" s="1" t="s">
        <v>117326</v>
      </c>
      <c r="H33752" s="1" t="s">
        <v>117327</v>
      </c>
      <c r="I33752" s="1" t="s">
        <v>115226</v>
      </c>
      <c r="J33752" s="1" t="s">
        <v>117404</v>
      </c>
    </row>
    <row r="33753" spans="1:10" x14ac:dyDescent="0.35">
      <c r="A33753" s="1" t="s">
        <v>13848</v>
      </c>
      <c r="B33753" s="1" t="s">
        <v>115221</v>
      </c>
      <c r="C33753" s="1" t="s">
        <v>135</v>
      </c>
      <c r="D33753" s="1" t="s">
        <v>11779</v>
      </c>
      <c r="E33753" s="1" t="s">
        <v>117405</v>
      </c>
      <c r="F33753" s="1" t="s">
        <v>117406</v>
      </c>
      <c r="G33753" s="1" t="s">
        <v>117326</v>
      </c>
      <c r="H33753" s="1" t="s">
        <v>117327</v>
      </c>
      <c r="I33753" s="1" t="s">
        <v>115226</v>
      </c>
      <c r="J33753" s="1" t="s">
        <v>117407</v>
      </c>
    </row>
    <row r="33754" spans="1:10" x14ac:dyDescent="0.35">
      <c r="A33754" s="1" t="s">
        <v>13848</v>
      </c>
      <c r="B33754" s="1" t="s">
        <v>115221</v>
      </c>
      <c r="C33754" s="1" t="s">
        <v>140</v>
      </c>
      <c r="D33754" s="1" t="s">
        <v>8014</v>
      </c>
      <c r="E33754" s="1" t="s">
        <v>117408</v>
      </c>
      <c r="F33754" s="1" t="s">
        <v>117409</v>
      </c>
      <c r="G33754" s="1" t="s">
        <v>117326</v>
      </c>
      <c r="H33754" s="1" t="s">
        <v>117327</v>
      </c>
      <c r="I33754" s="1" t="s">
        <v>115226</v>
      </c>
      <c r="J33754" s="1" t="s">
        <v>117410</v>
      </c>
    </row>
    <row r="33755" spans="1:10" x14ac:dyDescent="0.35">
      <c r="A33755" s="1" t="s">
        <v>13848</v>
      </c>
      <c r="B33755" s="1" t="s">
        <v>115221</v>
      </c>
      <c r="C33755" s="1" t="s">
        <v>145</v>
      </c>
      <c r="D33755" s="1" t="s">
        <v>35251</v>
      </c>
      <c r="E33755" s="1" t="s">
        <v>117411</v>
      </c>
      <c r="F33755" s="1" t="s">
        <v>117412</v>
      </c>
      <c r="G33755" s="1" t="s">
        <v>117326</v>
      </c>
      <c r="H33755" s="1" t="s">
        <v>117327</v>
      </c>
      <c r="I33755" s="1" t="s">
        <v>115226</v>
      </c>
      <c r="J33755" s="1" t="s">
        <v>117413</v>
      </c>
    </row>
    <row r="33756" spans="1:10" x14ac:dyDescent="0.35">
      <c r="A33756" s="1" t="s">
        <v>13848</v>
      </c>
      <c r="B33756" s="1" t="s">
        <v>115221</v>
      </c>
      <c r="C33756" s="1" t="s">
        <v>150</v>
      </c>
      <c r="D33756" s="1" t="s">
        <v>117414</v>
      </c>
      <c r="E33756" s="1" t="s">
        <v>117415</v>
      </c>
      <c r="F33756" s="1" t="s">
        <v>117416</v>
      </c>
      <c r="G33756" s="1" t="s">
        <v>117326</v>
      </c>
      <c r="H33756" s="1" t="s">
        <v>117327</v>
      </c>
      <c r="I33756" s="1" t="s">
        <v>115226</v>
      </c>
      <c r="J33756" s="1" t="s">
        <v>117417</v>
      </c>
    </row>
    <row r="33757" spans="1:10" x14ac:dyDescent="0.35">
      <c r="A33757" s="1" t="s">
        <v>13848</v>
      </c>
      <c r="B33757" s="1" t="s">
        <v>115221</v>
      </c>
      <c r="C33757" s="1" t="s">
        <v>155</v>
      </c>
      <c r="D33757" s="1" t="s">
        <v>15740</v>
      </c>
      <c r="E33757" s="1" t="s">
        <v>117418</v>
      </c>
      <c r="F33757" s="1" t="s">
        <v>117419</v>
      </c>
      <c r="G33757" s="1" t="s">
        <v>117326</v>
      </c>
      <c r="H33757" s="1" t="s">
        <v>117327</v>
      </c>
      <c r="I33757" s="1" t="s">
        <v>115226</v>
      </c>
      <c r="J33757" s="1" t="s">
        <v>117420</v>
      </c>
    </row>
    <row r="33758" spans="1:10" x14ac:dyDescent="0.35">
      <c r="A33758" s="1" t="s">
        <v>13848</v>
      </c>
      <c r="B33758" s="1" t="s">
        <v>115221</v>
      </c>
      <c r="C33758" s="1" t="s">
        <v>160</v>
      </c>
      <c r="D33758" s="1" t="s">
        <v>117421</v>
      </c>
      <c r="E33758" s="1" t="s">
        <v>117422</v>
      </c>
      <c r="F33758" s="1" t="s">
        <v>117423</v>
      </c>
      <c r="G33758" s="1" t="s">
        <v>117326</v>
      </c>
      <c r="H33758" s="1" t="s">
        <v>117327</v>
      </c>
      <c r="I33758" s="1" t="s">
        <v>115226</v>
      </c>
      <c r="J33758" s="1" t="s">
        <v>117424</v>
      </c>
    </row>
    <row r="33759" spans="1:10" x14ac:dyDescent="0.35">
      <c r="A33759" s="1" t="s">
        <v>13848</v>
      </c>
      <c r="B33759" s="1" t="s">
        <v>115221</v>
      </c>
      <c r="C33759" s="1" t="s">
        <v>165</v>
      </c>
      <c r="D33759" s="1" t="s">
        <v>117425</v>
      </c>
      <c r="E33759" s="1" t="s">
        <v>117426</v>
      </c>
      <c r="F33759" s="1" t="s">
        <v>117427</v>
      </c>
      <c r="G33759" s="1" t="s">
        <v>117326</v>
      </c>
      <c r="H33759" s="1" t="s">
        <v>117327</v>
      </c>
      <c r="I33759" s="1" t="s">
        <v>115226</v>
      </c>
      <c r="J33759" s="1" t="s">
        <v>117428</v>
      </c>
    </row>
    <row r="33760" spans="1:10" x14ac:dyDescent="0.35">
      <c r="A33760" s="1" t="s">
        <v>13848</v>
      </c>
      <c r="B33760" s="1" t="s">
        <v>115221</v>
      </c>
      <c r="C33760" s="1" t="s">
        <v>170</v>
      </c>
      <c r="D33760" s="1" t="s">
        <v>5766</v>
      </c>
      <c r="E33760" s="1" t="s">
        <v>117429</v>
      </c>
      <c r="F33760" s="1" t="s">
        <v>117430</v>
      </c>
      <c r="G33760" s="1" t="s">
        <v>117326</v>
      </c>
      <c r="H33760" s="1" t="s">
        <v>117327</v>
      </c>
      <c r="I33760" s="1" t="s">
        <v>115226</v>
      </c>
      <c r="J33760" s="1" t="s">
        <v>117431</v>
      </c>
    </row>
    <row r="33761" spans="1:10" x14ac:dyDescent="0.35">
      <c r="A33761" s="1" t="s">
        <v>29977</v>
      </c>
      <c r="B33761" s="1" t="s">
        <v>115221</v>
      </c>
      <c r="C33761" s="1" t="s">
        <v>8</v>
      </c>
      <c r="D33761" s="1" t="s">
        <v>105915</v>
      </c>
      <c r="E33761" s="1" t="s">
        <v>117432</v>
      </c>
      <c r="F33761" s="1" t="s">
        <v>117433</v>
      </c>
      <c r="G33761" s="1" t="s">
        <v>117434</v>
      </c>
      <c r="H33761" s="1" t="s">
        <v>117435</v>
      </c>
      <c r="I33761" s="1" t="s">
        <v>115226</v>
      </c>
      <c r="J33761" s="1" t="s">
        <v>13</v>
      </c>
    </row>
    <row r="33762" spans="1:10" x14ac:dyDescent="0.35">
      <c r="A33762" s="1" t="s">
        <v>29977</v>
      </c>
      <c r="B33762" s="1" t="s">
        <v>115221</v>
      </c>
      <c r="C33762" s="1" t="s">
        <v>15</v>
      </c>
      <c r="D33762" s="1" t="s">
        <v>29623</v>
      </c>
      <c r="E33762" s="1" t="s">
        <v>117436</v>
      </c>
      <c r="F33762" s="1" t="s">
        <v>117437</v>
      </c>
      <c r="G33762" s="1" t="s">
        <v>117434</v>
      </c>
      <c r="H33762" s="1" t="s">
        <v>117435</v>
      </c>
      <c r="I33762" s="1" t="s">
        <v>115226</v>
      </c>
      <c r="J33762" s="1" t="s">
        <v>117438</v>
      </c>
    </row>
    <row r="33763" spans="1:10" x14ac:dyDescent="0.35">
      <c r="A33763" s="1" t="s">
        <v>29977</v>
      </c>
      <c r="B33763" s="1" t="s">
        <v>115221</v>
      </c>
      <c r="C33763" s="1" t="s">
        <v>20</v>
      </c>
      <c r="D33763" s="1" t="s">
        <v>29977</v>
      </c>
      <c r="E33763" s="1" t="s">
        <v>117439</v>
      </c>
      <c r="F33763" s="1" t="s">
        <v>117440</v>
      </c>
      <c r="G33763" s="1" t="s">
        <v>117434</v>
      </c>
      <c r="H33763" s="1" t="s">
        <v>117435</v>
      </c>
      <c r="I33763" s="1" t="s">
        <v>115226</v>
      </c>
      <c r="J33763" s="1" t="s">
        <v>117441</v>
      </c>
    </row>
    <row r="33764" spans="1:10" x14ac:dyDescent="0.35">
      <c r="A33764" s="1" t="s">
        <v>29977</v>
      </c>
      <c r="B33764" s="1" t="s">
        <v>115221</v>
      </c>
      <c r="C33764" s="1" t="s">
        <v>25</v>
      </c>
      <c r="D33764" s="1" t="s">
        <v>9208</v>
      </c>
      <c r="E33764" s="1" t="s">
        <v>117442</v>
      </c>
      <c r="F33764" s="1" t="s">
        <v>117443</v>
      </c>
      <c r="G33764" s="1" t="s">
        <v>117434</v>
      </c>
      <c r="H33764" s="1" t="s">
        <v>117435</v>
      </c>
      <c r="I33764" s="1" t="s">
        <v>115226</v>
      </c>
      <c r="J33764" s="1" t="s">
        <v>117444</v>
      </c>
    </row>
    <row r="33765" spans="1:10" x14ac:dyDescent="0.35">
      <c r="A33765" s="1" t="s">
        <v>29977</v>
      </c>
      <c r="B33765" s="1" t="s">
        <v>115221</v>
      </c>
      <c r="C33765" s="1" t="s">
        <v>30</v>
      </c>
      <c r="D33765" s="1" t="s">
        <v>9179</v>
      </c>
      <c r="E33765" s="1" t="s">
        <v>117445</v>
      </c>
      <c r="F33765" s="1" t="s">
        <v>117446</v>
      </c>
      <c r="G33765" s="1" t="s">
        <v>117434</v>
      </c>
      <c r="H33765" s="1" t="s">
        <v>117435</v>
      </c>
      <c r="I33765" s="1" t="s">
        <v>115226</v>
      </c>
      <c r="J33765" s="1" t="s">
        <v>117447</v>
      </c>
    </row>
    <row r="33766" spans="1:10" x14ac:dyDescent="0.35">
      <c r="A33766" s="1" t="s">
        <v>29977</v>
      </c>
      <c r="B33766" s="1" t="s">
        <v>115221</v>
      </c>
      <c r="C33766" s="1" t="s">
        <v>35</v>
      </c>
      <c r="D33766" s="1" t="s">
        <v>117448</v>
      </c>
      <c r="E33766" s="1" t="s">
        <v>117449</v>
      </c>
      <c r="F33766" s="1" t="s">
        <v>117450</v>
      </c>
      <c r="G33766" s="1" t="s">
        <v>117434</v>
      </c>
      <c r="H33766" s="1" t="s">
        <v>117435</v>
      </c>
      <c r="I33766" s="1" t="s">
        <v>115226</v>
      </c>
      <c r="J33766" s="1" t="s">
        <v>117451</v>
      </c>
    </row>
    <row r="33767" spans="1:10" x14ac:dyDescent="0.35">
      <c r="A33767" s="1" t="s">
        <v>29977</v>
      </c>
      <c r="B33767" s="1" t="s">
        <v>115221</v>
      </c>
      <c r="C33767" s="1" t="s">
        <v>40</v>
      </c>
      <c r="D33767" s="1" t="s">
        <v>117452</v>
      </c>
      <c r="E33767" s="1" t="s">
        <v>117453</v>
      </c>
      <c r="F33767" s="1" t="s">
        <v>117454</v>
      </c>
      <c r="G33767" s="1" t="s">
        <v>117434</v>
      </c>
      <c r="H33767" s="1" t="s">
        <v>117435</v>
      </c>
      <c r="I33767" s="1" t="s">
        <v>115226</v>
      </c>
      <c r="J33767" s="1" t="s">
        <v>117455</v>
      </c>
    </row>
    <row r="33768" spans="1:10" x14ac:dyDescent="0.35">
      <c r="A33768" s="1" t="s">
        <v>29977</v>
      </c>
      <c r="B33768" s="1" t="s">
        <v>115221</v>
      </c>
      <c r="C33768" s="1" t="s">
        <v>45</v>
      </c>
      <c r="D33768" s="1" t="s">
        <v>9879</v>
      </c>
      <c r="E33768" s="1" t="s">
        <v>117456</v>
      </c>
      <c r="F33768" s="1" t="s">
        <v>117457</v>
      </c>
      <c r="G33768" s="1" t="s">
        <v>117434</v>
      </c>
      <c r="H33768" s="1" t="s">
        <v>117435</v>
      </c>
      <c r="I33768" s="1" t="s">
        <v>115226</v>
      </c>
      <c r="J33768" s="1" t="s">
        <v>117458</v>
      </c>
    </row>
    <row r="33769" spans="1:10" x14ac:dyDescent="0.35">
      <c r="A33769" s="1" t="s">
        <v>29977</v>
      </c>
      <c r="B33769" s="1" t="s">
        <v>115221</v>
      </c>
      <c r="C33769" s="1" t="s">
        <v>50</v>
      </c>
      <c r="D33769" s="1" t="s">
        <v>117459</v>
      </c>
      <c r="E33769" s="1" t="s">
        <v>117460</v>
      </c>
      <c r="F33769" s="1" t="s">
        <v>117461</v>
      </c>
      <c r="G33769" s="1" t="s">
        <v>117434</v>
      </c>
      <c r="H33769" s="1" t="s">
        <v>117435</v>
      </c>
      <c r="I33769" s="1" t="s">
        <v>115226</v>
      </c>
      <c r="J33769" s="1" t="s">
        <v>117462</v>
      </c>
    </row>
    <row r="33770" spans="1:10" x14ac:dyDescent="0.35">
      <c r="A33770" s="1" t="s">
        <v>29977</v>
      </c>
      <c r="B33770" s="1" t="s">
        <v>115221</v>
      </c>
      <c r="C33770" s="1" t="s">
        <v>55</v>
      </c>
      <c r="D33770" s="1" t="s">
        <v>117463</v>
      </c>
      <c r="E33770" s="1" t="s">
        <v>117464</v>
      </c>
      <c r="F33770" s="1" t="s">
        <v>117465</v>
      </c>
      <c r="G33770" s="1" t="s">
        <v>117434</v>
      </c>
      <c r="H33770" s="1" t="s">
        <v>117435</v>
      </c>
      <c r="I33770" s="1" t="s">
        <v>115226</v>
      </c>
      <c r="J33770" s="1" t="s">
        <v>117466</v>
      </c>
    </row>
    <row r="33771" spans="1:10" x14ac:dyDescent="0.35">
      <c r="A33771" s="1" t="s">
        <v>29977</v>
      </c>
      <c r="B33771" s="1" t="s">
        <v>115221</v>
      </c>
      <c r="C33771" s="1" t="s">
        <v>60</v>
      </c>
      <c r="D33771" s="1" t="s">
        <v>110080</v>
      </c>
      <c r="E33771" s="1" t="s">
        <v>117467</v>
      </c>
      <c r="F33771" s="1" t="s">
        <v>117468</v>
      </c>
      <c r="G33771" s="1" t="s">
        <v>117434</v>
      </c>
      <c r="H33771" s="1" t="s">
        <v>117435</v>
      </c>
      <c r="I33771" s="1" t="s">
        <v>115226</v>
      </c>
      <c r="J33771" s="1" t="s">
        <v>117469</v>
      </c>
    </row>
    <row r="33772" spans="1:10" x14ac:dyDescent="0.35">
      <c r="A33772" s="1" t="s">
        <v>29977</v>
      </c>
      <c r="B33772" s="1" t="s">
        <v>115221</v>
      </c>
      <c r="C33772" s="1" t="s">
        <v>65</v>
      </c>
      <c r="D33772" s="1" t="s">
        <v>29991</v>
      </c>
      <c r="E33772" s="1" t="s">
        <v>117470</v>
      </c>
      <c r="F33772" s="1" t="s">
        <v>117471</v>
      </c>
      <c r="G33772" s="1" t="s">
        <v>117434</v>
      </c>
      <c r="H33772" s="1" t="s">
        <v>117435</v>
      </c>
      <c r="I33772" s="1" t="s">
        <v>115226</v>
      </c>
      <c r="J33772" s="1" t="s">
        <v>117472</v>
      </c>
    </row>
    <row r="33773" spans="1:10" x14ac:dyDescent="0.35">
      <c r="A33773" s="1" t="s">
        <v>29977</v>
      </c>
      <c r="B33773" s="1" t="s">
        <v>115221</v>
      </c>
      <c r="C33773" s="1" t="s">
        <v>70</v>
      </c>
      <c r="D33773" s="1" t="s">
        <v>13155</v>
      </c>
      <c r="E33773" s="1" t="s">
        <v>117473</v>
      </c>
      <c r="F33773" s="1" t="s">
        <v>117474</v>
      </c>
      <c r="G33773" s="1" t="s">
        <v>117434</v>
      </c>
      <c r="H33773" s="1" t="s">
        <v>117435</v>
      </c>
      <c r="I33773" s="1" t="s">
        <v>115226</v>
      </c>
      <c r="J33773" s="1" t="s">
        <v>29997</v>
      </c>
    </row>
    <row r="33774" spans="1:10" x14ac:dyDescent="0.35">
      <c r="A33774" s="1" t="s">
        <v>29977</v>
      </c>
      <c r="B33774" s="1" t="s">
        <v>115221</v>
      </c>
      <c r="C33774" s="1" t="s">
        <v>75</v>
      </c>
      <c r="D33774" s="1" t="s">
        <v>11054</v>
      </c>
      <c r="E33774" s="1" t="s">
        <v>117475</v>
      </c>
      <c r="F33774" s="1" t="s">
        <v>117476</v>
      </c>
      <c r="G33774" s="1" t="s">
        <v>117434</v>
      </c>
      <c r="H33774" s="1" t="s">
        <v>117435</v>
      </c>
      <c r="I33774" s="1" t="s">
        <v>115226</v>
      </c>
      <c r="J33774" s="1" t="s">
        <v>117477</v>
      </c>
    </row>
    <row r="33775" spans="1:10" x14ac:dyDescent="0.35">
      <c r="A33775" s="1" t="s">
        <v>29977</v>
      </c>
      <c r="B33775" s="1" t="s">
        <v>115221</v>
      </c>
      <c r="C33775" s="1" t="s">
        <v>80</v>
      </c>
      <c r="D33775" s="1" t="s">
        <v>29291</v>
      </c>
      <c r="E33775" s="1" t="s">
        <v>117478</v>
      </c>
      <c r="F33775" s="1" t="s">
        <v>117479</v>
      </c>
      <c r="G33775" s="1" t="s">
        <v>117434</v>
      </c>
      <c r="H33775" s="1" t="s">
        <v>117435</v>
      </c>
      <c r="I33775" s="1" t="s">
        <v>115226</v>
      </c>
      <c r="J33775" s="1" t="s">
        <v>117480</v>
      </c>
    </row>
    <row r="33776" spans="1:10" x14ac:dyDescent="0.35">
      <c r="A33776" s="1" t="s">
        <v>29977</v>
      </c>
      <c r="B33776" s="1" t="s">
        <v>115221</v>
      </c>
      <c r="C33776" s="1" t="s">
        <v>85</v>
      </c>
      <c r="D33776" s="1" t="s">
        <v>8499</v>
      </c>
      <c r="E33776" s="1" t="s">
        <v>117481</v>
      </c>
      <c r="F33776" s="1" t="s">
        <v>117482</v>
      </c>
      <c r="G33776" s="1" t="s">
        <v>117434</v>
      </c>
      <c r="H33776" s="1" t="s">
        <v>117435</v>
      </c>
      <c r="I33776" s="1" t="s">
        <v>115226</v>
      </c>
      <c r="J33776" s="1" t="s">
        <v>117483</v>
      </c>
    </row>
    <row r="33777" spans="1:10" x14ac:dyDescent="0.35">
      <c r="A33777" s="1" t="s">
        <v>29977</v>
      </c>
      <c r="B33777" s="1" t="s">
        <v>115221</v>
      </c>
      <c r="C33777" s="1" t="s">
        <v>90</v>
      </c>
      <c r="D33777" s="1" t="s">
        <v>5681</v>
      </c>
      <c r="E33777" s="1" t="s">
        <v>117484</v>
      </c>
      <c r="F33777" s="1" t="s">
        <v>117485</v>
      </c>
      <c r="G33777" s="1" t="s">
        <v>117434</v>
      </c>
      <c r="H33777" s="1" t="s">
        <v>117435</v>
      </c>
      <c r="I33777" s="1" t="s">
        <v>115226</v>
      </c>
      <c r="J33777" s="1" t="s">
        <v>117486</v>
      </c>
    </row>
    <row r="33778" spans="1:10" x14ac:dyDescent="0.35">
      <c r="A33778" s="1" t="s">
        <v>29977</v>
      </c>
      <c r="B33778" s="1" t="s">
        <v>115221</v>
      </c>
      <c r="C33778" s="1" t="s">
        <v>95</v>
      </c>
      <c r="D33778" s="1" t="s">
        <v>155</v>
      </c>
      <c r="E33778" s="1" t="s">
        <v>117487</v>
      </c>
      <c r="F33778" s="1" t="s">
        <v>117488</v>
      </c>
      <c r="G33778" s="1" t="s">
        <v>117434</v>
      </c>
      <c r="H33778" s="1" t="s">
        <v>117435</v>
      </c>
      <c r="I33778" s="1" t="s">
        <v>115226</v>
      </c>
      <c r="J33778" s="1" t="s">
        <v>117489</v>
      </c>
    </row>
    <row r="33779" spans="1:10" x14ac:dyDescent="0.35">
      <c r="A33779" s="1" t="s">
        <v>29977</v>
      </c>
      <c r="B33779" s="1" t="s">
        <v>115221</v>
      </c>
      <c r="C33779" s="1" t="s">
        <v>100</v>
      </c>
      <c r="D33779" s="1" t="s">
        <v>20</v>
      </c>
      <c r="E33779" s="1" t="s">
        <v>117490</v>
      </c>
      <c r="F33779" s="1" t="s">
        <v>117491</v>
      </c>
      <c r="G33779" s="1" t="s">
        <v>117434</v>
      </c>
      <c r="H33779" s="1" t="s">
        <v>117435</v>
      </c>
      <c r="I33779" s="1" t="s">
        <v>115226</v>
      </c>
      <c r="J33779" s="1" t="s">
        <v>117492</v>
      </c>
    </row>
    <row r="33780" spans="1:10" x14ac:dyDescent="0.35">
      <c r="A33780" s="1" t="s">
        <v>29977</v>
      </c>
      <c r="B33780" s="1" t="s">
        <v>115221</v>
      </c>
      <c r="C33780" s="1" t="s">
        <v>105</v>
      </c>
      <c r="D33780" s="1" t="s">
        <v>3995</v>
      </c>
      <c r="E33780" s="1" t="s">
        <v>117493</v>
      </c>
      <c r="F33780" s="1" t="s">
        <v>117494</v>
      </c>
      <c r="G33780" s="1" t="s">
        <v>117434</v>
      </c>
      <c r="H33780" s="1" t="s">
        <v>117435</v>
      </c>
      <c r="I33780" s="1" t="s">
        <v>115226</v>
      </c>
      <c r="J33780" s="1" t="s">
        <v>117495</v>
      </c>
    </row>
    <row r="33781" spans="1:10" x14ac:dyDescent="0.35">
      <c r="A33781" s="1" t="s">
        <v>29977</v>
      </c>
      <c r="B33781" s="1" t="s">
        <v>115221</v>
      </c>
      <c r="C33781" s="1" t="s">
        <v>110</v>
      </c>
      <c r="D33781" s="1" t="s">
        <v>9987</v>
      </c>
      <c r="E33781" s="1" t="s">
        <v>117496</v>
      </c>
      <c r="F33781" s="1" t="s">
        <v>117497</v>
      </c>
      <c r="G33781" s="1" t="s">
        <v>117434</v>
      </c>
      <c r="H33781" s="1" t="s">
        <v>117435</v>
      </c>
      <c r="I33781" s="1" t="s">
        <v>115226</v>
      </c>
      <c r="J33781" s="1" t="s">
        <v>117498</v>
      </c>
    </row>
    <row r="33782" spans="1:10" x14ac:dyDescent="0.35">
      <c r="A33782" s="1" t="s">
        <v>29977</v>
      </c>
      <c r="B33782" s="1" t="s">
        <v>115221</v>
      </c>
      <c r="C33782" s="1" t="s">
        <v>115</v>
      </c>
      <c r="D33782" s="1" t="s">
        <v>117499</v>
      </c>
      <c r="E33782" s="1" t="s">
        <v>117500</v>
      </c>
      <c r="F33782" s="1" t="s">
        <v>117501</v>
      </c>
      <c r="G33782" s="1" t="s">
        <v>117434</v>
      </c>
      <c r="H33782" s="1" t="s">
        <v>117435</v>
      </c>
      <c r="I33782" s="1" t="s">
        <v>115226</v>
      </c>
      <c r="J33782" s="1" t="s">
        <v>117502</v>
      </c>
    </row>
    <row r="33783" spans="1:10" x14ac:dyDescent="0.35">
      <c r="A33783" s="1" t="s">
        <v>29977</v>
      </c>
      <c r="B33783" s="1" t="s">
        <v>115221</v>
      </c>
      <c r="C33783" s="1" t="s">
        <v>120</v>
      </c>
      <c r="D33783" s="1" t="s">
        <v>29458</v>
      </c>
      <c r="E33783" s="1" t="s">
        <v>117503</v>
      </c>
      <c r="F33783" s="1" t="s">
        <v>117504</v>
      </c>
      <c r="G33783" s="1" t="s">
        <v>117434</v>
      </c>
      <c r="H33783" s="1" t="s">
        <v>117435</v>
      </c>
      <c r="I33783" s="1" t="s">
        <v>115226</v>
      </c>
      <c r="J33783" s="1" t="s">
        <v>117505</v>
      </c>
    </row>
    <row r="33784" spans="1:10" x14ac:dyDescent="0.35">
      <c r="A33784" s="1" t="s">
        <v>29977</v>
      </c>
      <c r="B33784" s="1" t="s">
        <v>115221</v>
      </c>
      <c r="C33784" s="1" t="s">
        <v>125</v>
      </c>
      <c r="D33784" s="1" t="s">
        <v>116130</v>
      </c>
      <c r="E33784" s="1" t="s">
        <v>117506</v>
      </c>
      <c r="F33784" s="1" t="s">
        <v>117507</v>
      </c>
      <c r="G33784" s="1" t="s">
        <v>117434</v>
      </c>
      <c r="H33784" s="1" t="s">
        <v>117435</v>
      </c>
      <c r="I33784" s="1" t="s">
        <v>115226</v>
      </c>
      <c r="J33784" s="1" t="s">
        <v>117508</v>
      </c>
    </row>
    <row r="33785" spans="1:10" x14ac:dyDescent="0.35">
      <c r="A33785" s="1" t="s">
        <v>29977</v>
      </c>
      <c r="B33785" s="1" t="s">
        <v>115221</v>
      </c>
      <c r="C33785" s="1" t="s">
        <v>130</v>
      </c>
      <c r="D33785" s="1" t="s">
        <v>110700</v>
      </c>
      <c r="E33785" s="1" t="s">
        <v>117509</v>
      </c>
      <c r="F33785" s="1" t="s">
        <v>117510</v>
      </c>
      <c r="G33785" s="1" t="s">
        <v>117434</v>
      </c>
      <c r="H33785" s="1" t="s">
        <v>117435</v>
      </c>
      <c r="I33785" s="1" t="s">
        <v>115226</v>
      </c>
      <c r="J33785" s="1" t="s">
        <v>117511</v>
      </c>
    </row>
    <row r="33786" spans="1:10" x14ac:dyDescent="0.35">
      <c r="A33786" s="1" t="s">
        <v>29977</v>
      </c>
      <c r="B33786" s="1" t="s">
        <v>115221</v>
      </c>
      <c r="C33786" s="1" t="s">
        <v>135</v>
      </c>
      <c r="D33786" s="1" t="s">
        <v>46117</v>
      </c>
      <c r="E33786" s="1" t="s">
        <v>117512</v>
      </c>
      <c r="F33786" s="1" t="s">
        <v>117513</v>
      </c>
      <c r="G33786" s="1" t="s">
        <v>117434</v>
      </c>
      <c r="H33786" s="1" t="s">
        <v>117435</v>
      </c>
      <c r="I33786" s="1" t="s">
        <v>115226</v>
      </c>
      <c r="J33786" s="1" t="s">
        <v>117514</v>
      </c>
    </row>
    <row r="33787" spans="1:10" x14ac:dyDescent="0.35">
      <c r="A33787" s="1" t="s">
        <v>29977</v>
      </c>
      <c r="B33787" s="1" t="s">
        <v>115221</v>
      </c>
      <c r="C33787" s="1" t="s">
        <v>140</v>
      </c>
      <c r="D33787" s="1" t="s">
        <v>117515</v>
      </c>
      <c r="E33787" s="1" t="s">
        <v>117516</v>
      </c>
      <c r="F33787" s="1" t="s">
        <v>117517</v>
      </c>
      <c r="G33787" s="1" t="s">
        <v>117434</v>
      </c>
      <c r="H33787" s="1" t="s">
        <v>117435</v>
      </c>
      <c r="I33787" s="1" t="s">
        <v>115226</v>
      </c>
      <c r="J33787" s="1" t="s">
        <v>117518</v>
      </c>
    </row>
    <row r="33788" spans="1:10" x14ac:dyDescent="0.35">
      <c r="A33788" s="1" t="s">
        <v>29977</v>
      </c>
      <c r="B33788" s="1" t="s">
        <v>115221</v>
      </c>
      <c r="C33788" s="1" t="s">
        <v>145</v>
      </c>
      <c r="D33788" s="1" t="s">
        <v>117519</v>
      </c>
      <c r="E33788" s="1" t="s">
        <v>117520</v>
      </c>
      <c r="F33788" s="1" t="s">
        <v>117521</v>
      </c>
      <c r="G33788" s="1" t="s">
        <v>117434</v>
      </c>
      <c r="H33788" s="1" t="s">
        <v>117435</v>
      </c>
      <c r="I33788" s="1" t="s">
        <v>115226</v>
      </c>
      <c r="J33788" s="1" t="s">
        <v>117522</v>
      </c>
    </row>
    <row r="33789" spans="1:10" x14ac:dyDescent="0.35">
      <c r="A33789" s="1" t="s">
        <v>29977</v>
      </c>
      <c r="B33789" s="1" t="s">
        <v>115221</v>
      </c>
      <c r="C33789" s="1" t="s">
        <v>150</v>
      </c>
      <c r="D33789" s="1" t="s">
        <v>117523</v>
      </c>
      <c r="E33789" s="1" t="s">
        <v>117524</v>
      </c>
      <c r="F33789" s="1" t="s">
        <v>117525</v>
      </c>
      <c r="G33789" s="1" t="s">
        <v>117434</v>
      </c>
      <c r="H33789" s="1" t="s">
        <v>117435</v>
      </c>
      <c r="I33789" s="1" t="s">
        <v>115226</v>
      </c>
      <c r="J33789" s="1" t="s">
        <v>117526</v>
      </c>
    </row>
    <row r="33790" spans="1:10" x14ac:dyDescent="0.35">
      <c r="A33790" s="1" t="s">
        <v>29977</v>
      </c>
      <c r="B33790" s="1" t="s">
        <v>115221</v>
      </c>
      <c r="C33790" s="1" t="s">
        <v>155</v>
      </c>
      <c r="D33790" s="1" t="s">
        <v>104820</v>
      </c>
      <c r="E33790" s="1" t="s">
        <v>117527</v>
      </c>
      <c r="F33790" s="1" t="s">
        <v>117528</v>
      </c>
      <c r="G33790" s="1" t="s">
        <v>117434</v>
      </c>
      <c r="H33790" s="1" t="s">
        <v>117435</v>
      </c>
      <c r="I33790" s="1" t="s">
        <v>115226</v>
      </c>
      <c r="J33790" s="1" t="s">
        <v>117529</v>
      </c>
    </row>
    <row r="33791" spans="1:10" x14ac:dyDescent="0.35">
      <c r="A33791" s="1" t="s">
        <v>29977</v>
      </c>
      <c r="B33791" s="1" t="s">
        <v>115221</v>
      </c>
      <c r="C33791" s="1" t="s">
        <v>160</v>
      </c>
      <c r="D33791" s="1" t="s">
        <v>117530</v>
      </c>
      <c r="E33791" s="1" t="s">
        <v>117531</v>
      </c>
      <c r="F33791" s="1" t="s">
        <v>117532</v>
      </c>
      <c r="G33791" s="1" t="s">
        <v>117434</v>
      </c>
      <c r="H33791" s="1" t="s">
        <v>117435</v>
      </c>
      <c r="I33791" s="1" t="s">
        <v>115226</v>
      </c>
      <c r="J33791" s="1" t="s">
        <v>117533</v>
      </c>
    </row>
    <row r="33792" spans="1:10" x14ac:dyDescent="0.35">
      <c r="A33792" s="1" t="s">
        <v>29977</v>
      </c>
      <c r="B33792" s="1" t="s">
        <v>115221</v>
      </c>
      <c r="C33792" s="1" t="s">
        <v>165</v>
      </c>
      <c r="D33792" s="1" t="s">
        <v>2596</v>
      </c>
      <c r="E33792" s="1" t="s">
        <v>117534</v>
      </c>
      <c r="F33792" s="1" t="s">
        <v>117535</v>
      </c>
      <c r="G33792" s="1" t="s">
        <v>117434</v>
      </c>
      <c r="H33792" s="1" t="s">
        <v>117435</v>
      </c>
      <c r="I33792" s="1" t="s">
        <v>115226</v>
      </c>
      <c r="J33792" s="1" t="s">
        <v>117536</v>
      </c>
    </row>
    <row r="33793" spans="1:10" x14ac:dyDescent="0.35">
      <c r="A33793" s="1" t="s">
        <v>29977</v>
      </c>
      <c r="B33793" s="1" t="s">
        <v>115221</v>
      </c>
      <c r="C33793" s="1" t="s">
        <v>170</v>
      </c>
      <c r="D33793" s="1" t="s">
        <v>112544</v>
      </c>
      <c r="E33793" s="1" t="s">
        <v>117537</v>
      </c>
      <c r="F33793" s="1" t="s">
        <v>117538</v>
      </c>
      <c r="G33793" s="1" t="s">
        <v>117434</v>
      </c>
      <c r="H33793" s="1" t="s">
        <v>117435</v>
      </c>
      <c r="I33793" s="1" t="s">
        <v>115226</v>
      </c>
      <c r="J33793" s="1" t="s">
        <v>117539</v>
      </c>
    </row>
    <row r="33794" spans="1:10" x14ac:dyDescent="0.35">
      <c r="A33794" s="1" t="s">
        <v>117540</v>
      </c>
      <c r="B33794" s="1" t="s">
        <v>115221</v>
      </c>
      <c r="C33794" s="1" t="s">
        <v>8</v>
      </c>
      <c r="D33794" s="1" t="s">
        <v>31492</v>
      </c>
      <c r="E33794" s="1" t="s">
        <v>117541</v>
      </c>
      <c r="F33794" s="1" t="s">
        <v>117542</v>
      </c>
      <c r="G33794" s="1" t="s">
        <v>117543</v>
      </c>
      <c r="H33794" s="1" t="s">
        <v>117544</v>
      </c>
      <c r="I33794" s="1" t="s">
        <v>115226</v>
      </c>
      <c r="J33794" s="1" t="s">
        <v>13</v>
      </c>
    </row>
    <row r="33795" spans="1:10" x14ac:dyDescent="0.35">
      <c r="A33795" s="1" t="s">
        <v>117540</v>
      </c>
      <c r="B33795" s="1" t="s">
        <v>115221</v>
      </c>
      <c r="C33795" s="1" t="s">
        <v>15</v>
      </c>
      <c r="D33795" s="1" t="s">
        <v>117545</v>
      </c>
      <c r="E33795" s="1" t="s">
        <v>117546</v>
      </c>
      <c r="F33795" s="1" t="s">
        <v>117547</v>
      </c>
      <c r="G33795" s="1" t="s">
        <v>117543</v>
      </c>
      <c r="H33795" s="1" t="s">
        <v>117544</v>
      </c>
      <c r="I33795" s="1" t="s">
        <v>115226</v>
      </c>
      <c r="J33795" s="1" t="s">
        <v>117548</v>
      </c>
    </row>
    <row r="33796" spans="1:10" x14ac:dyDescent="0.35">
      <c r="A33796" s="1" t="s">
        <v>117540</v>
      </c>
      <c r="B33796" s="1" t="s">
        <v>115221</v>
      </c>
      <c r="C33796" s="1" t="s">
        <v>20</v>
      </c>
      <c r="D33796" s="1" t="s">
        <v>43646</v>
      </c>
      <c r="E33796" s="1" t="s">
        <v>117549</v>
      </c>
      <c r="F33796" s="1" t="s">
        <v>117550</v>
      </c>
      <c r="G33796" s="1" t="s">
        <v>117543</v>
      </c>
      <c r="H33796" s="1" t="s">
        <v>117544</v>
      </c>
      <c r="I33796" s="1" t="s">
        <v>115226</v>
      </c>
      <c r="J33796" s="1" t="s">
        <v>117551</v>
      </c>
    </row>
    <row r="33797" spans="1:10" x14ac:dyDescent="0.35">
      <c r="A33797" s="1" t="s">
        <v>117540</v>
      </c>
      <c r="B33797" s="1" t="s">
        <v>115221</v>
      </c>
      <c r="C33797" s="1" t="s">
        <v>25</v>
      </c>
      <c r="D33797" s="1" t="s">
        <v>5183</v>
      </c>
      <c r="E33797" s="1" t="s">
        <v>117552</v>
      </c>
      <c r="F33797" s="1" t="s">
        <v>117553</v>
      </c>
      <c r="G33797" s="1" t="s">
        <v>117543</v>
      </c>
      <c r="H33797" s="1" t="s">
        <v>117544</v>
      </c>
      <c r="I33797" s="1" t="s">
        <v>115226</v>
      </c>
      <c r="J33797" s="1" t="s">
        <v>117554</v>
      </c>
    </row>
    <row r="33798" spans="1:10" x14ac:dyDescent="0.35">
      <c r="A33798" s="1" t="s">
        <v>117540</v>
      </c>
      <c r="B33798" s="1" t="s">
        <v>115221</v>
      </c>
      <c r="C33798" s="1" t="s">
        <v>30</v>
      </c>
      <c r="D33798" s="1" t="s">
        <v>117555</v>
      </c>
      <c r="E33798" s="1" t="s">
        <v>117556</v>
      </c>
      <c r="F33798" s="1" t="s">
        <v>117557</v>
      </c>
      <c r="G33798" s="1" t="s">
        <v>117543</v>
      </c>
      <c r="H33798" s="1" t="s">
        <v>117544</v>
      </c>
      <c r="I33798" s="1" t="s">
        <v>115226</v>
      </c>
      <c r="J33798" s="1" t="s">
        <v>117558</v>
      </c>
    </row>
    <row r="33799" spans="1:10" x14ac:dyDescent="0.35">
      <c r="A33799" s="1" t="s">
        <v>117540</v>
      </c>
      <c r="B33799" s="1" t="s">
        <v>115221</v>
      </c>
      <c r="C33799" s="1" t="s">
        <v>35</v>
      </c>
      <c r="D33799" s="1" t="s">
        <v>19818</v>
      </c>
      <c r="E33799" s="1" t="s">
        <v>117559</v>
      </c>
      <c r="F33799" s="1" t="s">
        <v>117560</v>
      </c>
      <c r="G33799" s="1" t="s">
        <v>117543</v>
      </c>
      <c r="H33799" s="1" t="s">
        <v>117544</v>
      </c>
      <c r="I33799" s="1" t="s">
        <v>115226</v>
      </c>
      <c r="J33799" s="1" t="s">
        <v>117561</v>
      </c>
    </row>
    <row r="33800" spans="1:10" x14ac:dyDescent="0.35">
      <c r="A33800" s="1" t="s">
        <v>117540</v>
      </c>
      <c r="B33800" s="1" t="s">
        <v>115221</v>
      </c>
      <c r="C33800" s="1" t="s">
        <v>40</v>
      </c>
      <c r="D33800" s="1" t="s">
        <v>117562</v>
      </c>
      <c r="E33800" s="1" t="s">
        <v>117563</v>
      </c>
      <c r="F33800" s="1" t="s">
        <v>117564</v>
      </c>
      <c r="G33800" s="1" t="s">
        <v>117543</v>
      </c>
      <c r="H33800" s="1" t="s">
        <v>117544</v>
      </c>
      <c r="I33800" s="1" t="s">
        <v>115226</v>
      </c>
      <c r="J33800" s="1" t="s">
        <v>117565</v>
      </c>
    </row>
    <row r="33801" spans="1:10" x14ac:dyDescent="0.35">
      <c r="A33801" s="1" t="s">
        <v>117540</v>
      </c>
      <c r="B33801" s="1" t="s">
        <v>115221</v>
      </c>
      <c r="C33801" s="1" t="s">
        <v>45</v>
      </c>
      <c r="D33801" s="1" t="s">
        <v>117566</v>
      </c>
      <c r="E33801" s="1" t="s">
        <v>117567</v>
      </c>
      <c r="F33801" s="1" t="s">
        <v>117568</v>
      </c>
      <c r="G33801" s="1" t="s">
        <v>117543</v>
      </c>
      <c r="H33801" s="1" t="s">
        <v>117544</v>
      </c>
      <c r="I33801" s="1" t="s">
        <v>115226</v>
      </c>
      <c r="J33801" s="1" t="s">
        <v>117569</v>
      </c>
    </row>
    <row r="33802" spans="1:10" x14ac:dyDescent="0.35">
      <c r="A33802" s="1" t="s">
        <v>117540</v>
      </c>
      <c r="B33802" s="1" t="s">
        <v>115221</v>
      </c>
      <c r="C33802" s="1" t="s">
        <v>50</v>
      </c>
      <c r="D33802" s="1" t="s">
        <v>117570</v>
      </c>
      <c r="E33802" s="1" t="s">
        <v>117571</v>
      </c>
      <c r="F33802" s="1" t="s">
        <v>117572</v>
      </c>
      <c r="G33802" s="1" t="s">
        <v>117543</v>
      </c>
      <c r="H33802" s="1" t="s">
        <v>117544</v>
      </c>
      <c r="I33802" s="1" t="s">
        <v>115226</v>
      </c>
      <c r="J33802" s="1" t="s">
        <v>117573</v>
      </c>
    </row>
    <row r="33803" spans="1:10" x14ac:dyDescent="0.35">
      <c r="A33803" s="1" t="s">
        <v>117540</v>
      </c>
      <c r="B33803" s="1" t="s">
        <v>115221</v>
      </c>
      <c r="C33803" s="1" t="s">
        <v>55</v>
      </c>
      <c r="D33803" s="1" t="s">
        <v>117574</v>
      </c>
      <c r="E33803" s="1" t="s">
        <v>117575</v>
      </c>
      <c r="F33803" s="1" t="s">
        <v>117576</v>
      </c>
      <c r="G33803" s="1" t="s">
        <v>117543</v>
      </c>
      <c r="H33803" s="1" t="s">
        <v>117544</v>
      </c>
      <c r="I33803" s="1" t="s">
        <v>115226</v>
      </c>
      <c r="J33803" s="1" t="s">
        <v>117577</v>
      </c>
    </row>
    <row r="33804" spans="1:10" x14ac:dyDescent="0.35">
      <c r="A33804" s="1" t="s">
        <v>117540</v>
      </c>
      <c r="B33804" s="1" t="s">
        <v>115221</v>
      </c>
      <c r="C33804" s="1" t="s">
        <v>60</v>
      </c>
      <c r="D33804" s="1" t="s">
        <v>43160</v>
      </c>
      <c r="E33804" s="1" t="s">
        <v>117578</v>
      </c>
      <c r="F33804" s="1" t="s">
        <v>117579</v>
      </c>
      <c r="G33804" s="1" t="s">
        <v>117543</v>
      </c>
      <c r="H33804" s="1" t="s">
        <v>117544</v>
      </c>
      <c r="I33804" s="1" t="s">
        <v>115226</v>
      </c>
      <c r="J33804" s="1" t="s">
        <v>117580</v>
      </c>
    </row>
    <row r="33805" spans="1:10" x14ac:dyDescent="0.35">
      <c r="A33805" s="1" t="s">
        <v>117540</v>
      </c>
      <c r="B33805" s="1" t="s">
        <v>115221</v>
      </c>
      <c r="C33805" s="1" t="s">
        <v>65</v>
      </c>
      <c r="D33805" s="1" t="s">
        <v>19852</v>
      </c>
      <c r="E33805" s="1" t="s">
        <v>117581</v>
      </c>
      <c r="F33805" s="1" t="s">
        <v>117582</v>
      </c>
      <c r="G33805" s="1" t="s">
        <v>117543</v>
      </c>
      <c r="H33805" s="1" t="s">
        <v>117544</v>
      </c>
      <c r="I33805" s="1" t="s">
        <v>115226</v>
      </c>
      <c r="J33805" s="1" t="s">
        <v>117583</v>
      </c>
    </row>
    <row r="33806" spans="1:10" x14ac:dyDescent="0.35">
      <c r="A33806" s="1" t="s">
        <v>117540</v>
      </c>
      <c r="B33806" s="1" t="s">
        <v>115221</v>
      </c>
      <c r="C33806" s="1" t="s">
        <v>70</v>
      </c>
      <c r="D33806" s="1" t="s">
        <v>117584</v>
      </c>
      <c r="E33806" s="1" t="s">
        <v>117585</v>
      </c>
      <c r="F33806" s="1" t="s">
        <v>117586</v>
      </c>
      <c r="G33806" s="1" t="s">
        <v>117543</v>
      </c>
      <c r="H33806" s="1" t="s">
        <v>117544</v>
      </c>
      <c r="I33806" s="1" t="s">
        <v>115226</v>
      </c>
      <c r="J33806" s="1" t="s">
        <v>117587</v>
      </c>
    </row>
    <row r="33807" spans="1:10" x14ac:dyDescent="0.35">
      <c r="A33807" s="1" t="s">
        <v>117540</v>
      </c>
      <c r="B33807" s="1" t="s">
        <v>115221</v>
      </c>
      <c r="C33807" s="1" t="s">
        <v>75</v>
      </c>
      <c r="D33807" s="1" t="s">
        <v>36015</v>
      </c>
      <c r="E33807" s="1" t="s">
        <v>117588</v>
      </c>
      <c r="F33807" s="1" t="s">
        <v>117589</v>
      </c>
      <c r="G33807" s="1" t="s">
        <v>117543</v>
      </c>
      <c r="H33807" s="1" t="s">
        <v>117544</v>
      </c>
      <c r="I33807" s="1" t="s">
        <v>115226</v>
      </c>
      <c r="J33807" s="1" t="s">
        <v>117590</v>
      </c>
    </row>
    <row r="33808" spans="1:10" x14ac:dyDescent="0.35">
      <c r="A33808" s="1" t="s">
        <v>117540</v>
      </c>
      <c r="B33808" s="1" t="s">
        <v>115221</v>
      </c>
      <c r="C33808" s="1" t="s">
        <v>80</v>
      </c>
      <c r="D33808" s="1" t="s">
        <v>117591</v>
      </c>
      <c r="E33808" s="1" t="s">
        <v>117592</v>
      </c>
      <c r="F33808" s="1" t="s">
        <v>117593</v>
      </c>
      <c r="G33808" s="1" t="s">
        <v>117543</v>
      </c>
      <c r="H33808" s="1" t="s">
        <v>117544</v>
      </c>
      <c r="I33808" s="1" t="s">
        <v>115226</v>
      </c>
      <c r="J33808" s="1" t="s">
        <v>117594</v>
      </c>
    </row>
    <row r="33809" spans="1:10" x14ac:dyDescent="0.35">
      <c r="A33809" s="1" t="s">
        <v>117540</v>
      </c>
      <c r="B33809" s="1" t="s">
        <v>115221</v>
      </c>
      <c r="C33809" s="1" t="s">
        <v>85</v>
      </c>
      <c r="D33809" s="1" t="s">
        <v>43674</v>
      </c>
      <c r="E33809" s="1" t="s">
        <v>117595</v>
      </c>
      <c r="F33809" s="1" t="s">
        <v>117596</v>
      </c>
      <c r="G33809" s="1" t="s">
        <v>117543</v>
      </c>
      <c r="H33809" s="1" t="s">
        <v>117544</v>
      </c>
      <c r="I33809" s="1" t="s">
        <v>115226</v>
      </c>
      <c r="J33809" s="1" t="s">
        <v>117597</v>
      </c>
    </row>
    <row r="33810" spans="1:10" x14ac:dyDescent="0.35">
      <c r="A33810" s="1" t="s">
        <v>117540</v>
      </c>
      <c r="B33810" s="1" t="s">
        <v>115221</v>
      </c>
      <c r="C33810" s="1" t="s">
        <v>90</v>
      </c>
      <c r="D33810" s="1" t="s">
        <v>3063</v>
      </c>
      <c r="E33810" s="1" t="s">
        <v>117598</v>
      </c>
      <c r="F33810" s="1" t="s">
        <v>117599</v>
      </c>
      <c r="G33810" s="1" t="s">
        <v>117543</v>
      </c>
      <c r="H33810" s="1" t="s">
        <v>117544</v>
      </c>
      <c r="I33810" s="1" t="s">
        <v>115226</v>
      </c>
      <c r="J33810" s="1" t="s">
        <v>117600</v>
      </c>
    </row>
    <row r="33811" spans="1:10" x14ac:dyDescent="0.35">
      <c r="A33811" s="1" t="s">
        <v>117540</v>
      </c>
      <c r="B33811" s="1" t="s">
        <v>115221</v>
      </c>
      <c r="C33811" s="1" t="s">
        <v>95</v>
      </c>
      <c r="D33811" s="1" t="s">
        <v>104628</v>
      </c>
      <c r="E33811" s="1" t="s">
        <v>117601</v>
      </c>
      <c r="F33811" s="1" t="s">
        <v>117602</v>
      </c>
      <c r="G33811" s="1" t="s">
        <v>117543</v>
      </c>
      <c r="H33811" s="1" t="s">
        <v>117544</v>
      </c>
      <c r="I33811" s="1" t="s">
        <v>115226</v>
      </c>
      <c r="J33811" s="1" t="s">
        <v>117603</v>
      </c>
    </row>
    <row r="33812" spans="1:10" x14ac:dyDescent="0.35">
      <c r="A33812" s="1" t="s">
        <v>117540</v>
      </c>
      <c r="B33812" s="1" t="s">
        <v>115221</v>
      </c>
      <c r="C33812" s="1" t="s">
        <v>100</v>
      </c>
      <c r="D33812" s="1" t="s">
        <v>117604</v>
      </c>
      <c r="E33812" s="1" t="s">
        <v>117605</v>
      </c>
      <c r="F33812" s="1" t="s">
        <v>117606</v>
      </c>
      <c r="G33812" s="1" t="s">
        <v>117543</v>
      </c>
      <c r="H33812" s="1" t="s">
        <v>117544</v>
      </c>
      <c r="I33812" s="1" t="s">
        <v>115226</v>
      </c>
      <c r="J33812" s="1" t="s">
        <v>117607</v>
      </c>
    </row>
    <row r="33813" spans="1:10" x14ac:dyDescent="0.35">
      <c r="A33813" s="1" t="s">
        <v>117540</v>
      </c>
      <c r="B33813" s="1" t="s">
        <v>115221</v>
      </c>
      <c r="C33813" s="1" t="s">
        <v>105</v>
      </c>
      <c r="D33813" s="1" t="s">
        <v>48010</v>
      </c>
      <c r="E33813" s="1" t="s">
        <v>117608</v>
      </c>
      <c r="F33813" s="1" t="s">
        <v>117609</v>
      </c>
      <c r="G33813" s="1" t="s">
        <v>117543</v>
      </c>
      <c r="H33813" s="1" t="s">
        <v>117544</v>
      </c>
      <c r="I33813" s="1" t="s">
        <v>115226</v>
      </c>
      <c r="J33813" s="1" t="s">
        <v>117610</v>
      </c>
    </row>
    <row r="33814" spans="1:10" x14ac:dyDescent="0.35">
      <c r="A33814" s="1" t="s">
        <v>117540</v>
      </c>
      <c r="B33814" s="1" t="s">
        <v>115221</v>
      </c>
      <c r="C33814" s="1" t="s">
        <v>110</v>
      </c>
      <c r="D33814" s="1" t="s">
        <v>117611</v>
      </c>
      <c r="E33814" s="1" t="s">
        <v>117612</v>
      </c>
      <c r="F33814" s="1" t="s">
        <v>117613</v>
      </c>
      <c r="G33814" s="1" t="s">
        <v>117543</v>
      </c>
      <c r="H33814" s="1" t="s">
        <v>117544</v>
      </c>
      <c r="I33814" s="1" t="s">
        <v>115226</v>
      </c>
      <c r="J33814" s="1" t="s">
        <v>117614</v>
      </c>
    </row>
    <row r="33815" spans="1:10" x14ac:dyDescent="0.35">
      <c r="A33815" s="1" t="s">
        <v>117540</v>
      </c>
      <c r="B33815" s="1" t="s">
        <v>115221</v>
      </c>
      <c r="C33815" s="1" t="s">
        <v>115</v>
      </c>
      <c r="D33815" s="1" t="s">
        <v>11201</v>
      </c>
      <c r="E33815" s="1" t="s">
        <v>117615</v>
      </c>
      <c r="F33815" s="1" t="s">
        <v>117616</v>
      </c>
      <c r="G33815" s="1" t="s">
        <v>117543</v>
      </c>
      <c r="H33815" s="1" t="s">
        <v>117544</v>
      </c>
      <c r="I33815" s="1" t="s">
        <v>115226</v>
      </c>
      <c r="J33815" s="1" t="s">
        <v>117617</v>
      </c>
    </row>
    <row r="33816" spans="1:10" x14ac:dyDescent="0.35">
      <c r="A33816" s="1" t="s">
        <v>117540</v>
      </c>
      <c r="B33816" s="1" t="s">
        <v>115221</v>
      </c>
      <c r="C33816" s="1" t="s">
        <v>120</v>
      </c>
      <c r="D33816" s="1" t="s">
        <v>75292</v>
      </c>
      <c r="E33816" s="1" t="s">
        <v>117618</v>
      </c>
      <c r="F33816" s="1" t="s">
        <v>117619</v>
      </c>
      <c r="G33816" s="1" t="s">
        <v>117543</v>
      </c>
      <c r="H33816" s="1" t="s">
        <v>117544</v>
      </c>
      <c r="I33816" s="1" t="s">
        <v>115226</v>
      </c>
      <c r="J33816" s="1" t="s">
        <v>117620</v>
      </c>
    </row>
    <row r="33817" spans="1:10" x14ac:dyDescent="0.35">
      <c r="A33817" s="1" t="s">
        <v>117540</v>
      </c>
      <c r="B33817" s="1" t="s">
        <v>115221</v>
      </c>
      <c r="C33817" s="1" t="s">
        <v>125</v>
      </c>
      <c r="D33817" s="1" t="s">
        <v>34094</v>
      </c>
      <c r="E33817" s="1" t="s">
        <v>117621</v>
      </c>
      <c r="F33817" s="1" t="s">
        <v>117622</v>
      </c>
      <c r="G33817" s="1" t="s">
        <v>117543</v>
      </c>
      <c r="H33817" s="1" t="s">
        <v>117544</v>
      </c>
      <c r="I33817" s="1" t="s">
        <v>115226</v>
      </c>
      <c r="J33817" s="1" t="s">
        <v>117623</v>
      </c>
    </row>
    <row r="33818" spans="1:10" x14ac:dyDescent="0.35">
      <c r="A33818" s="1" t="s">
        <v>117540</v>
      </c>
      <c r="B33818" s="1" t="s">
        <v>115221</v>
      </c>
      <c r="C33818" s="1" t="s">
        <v>130</v>
      </c>
      <c r="D33818" s="1" t="s">
        <v>117624</v>
      </c>
      <c r="E33818" s="1" t="s">
        <v>117625</v>
      </c>
      <c r="F33818" s="1" t="s">
        <v>117626</v>
      </c>
      <c r="G33818" s="1" t="s">
        <v>117543</v>
      </c>
      <c r="H33818" s="1" t="s">
        <v>117544</v>
      </c>
      <c r="I33818" s="1" t="s">
        <v>115226</v>
      </c>
      <c r="J33818" s="1" t="s">
        <v>117627</v>
      </c>
    </row>
    <row r="33819" spans="1:10" x14ac:dyDescent="0.35">
      <c r="A33819" s="1" t="s">
        <v>117540</v>
      </c>
      <c r="B33819" s="1" t="s">
        <v>115221</v>
      </c>
      <c r="C33819" s="1" t="s">
        <v>135</v>
      </c>
      <c r="D33819" s="1" t="s">
        <v>117628</v>
      </c>
      <c r="E33819" s="1" t="s">
        <v>117629</v>
      </c>
      <c r="F33819" s="1" t="s">
        <v>117630</v>
      </c>
      <c r="G33819" s="1" t="s">
        <v>117543</v>
      </c>
      <c r="H33819" s="1" t="s">
        <v>117544</v>
      </c>
      <c r="I33819" s="1" t="s">
        <v>115226</v>
      </c>
      <c r="J33819" s="1" t="s">
        <v>117631</v>
      </c>
    </row>
    <row r="33820" spans="1:10" x14ac:dyDescent="0.35">
      <c r="A33820" s="1" t="s">
        <v>117540</v>
      </c>
      <c r="B33820" s="1" t="s">
        <v>115221</v>
      </c>
      <c r="C33820" s="1" t="s">
        <v>140</v>
      </c>
      <c r="D33820" s="1" t="s">
        <v>10570</v>
      </c>
      <c r="E33820" s="1" t="s">
        <v>117632</v>
      </c>
      <c r="F33820" s="1" t="s">
        <v>117633</v>
      </c>
      <c r="G33820" s="1" t="s">
        <v>117543</v>
      </c>
      <c r="H33820" s="1" t="s">
        <v>117544</v>
      </c>
      <c r="I33820" s="1" t="s">
        <v>115226</v>
      </c>
      <c r="J33820" s="1" t="s">
        <v>117634</v>
      </c>
    </row>
    <row r="33821" spans="1:10" x14ac:dyDescent="0.35">
      <c r="A33821" s="1" t="s">
        <v>117540</v>
      </c>
      <c r="B33821" s="1" t="s">
        <v>115221</v>
      </c>
      <c r="C33821" s="1" t="s">
        <v>145</v>
      </c>
      <c r="D33821" s="1" t="s">
        <v>82209</v>
      </c>
      <c r="E33821" s="1" t="s">
        <v>117635</v>
      </c>
      <c r="F33821" s="1" t="s">
        <v>117636</v>
      </c>
      <c r="G33821" s="1" t="s">
        <v>117543</v>
      </c>
      <c r="H33821" s="1" t="s">
        <v>117544</v>
      </c>
      <c r="I33821" s="1" t="s">
        <v>115226</v>
      </c>
      <c r="J33821" s="1" t="s">
        <v>117637</v>
      </c>
    </row>
    <row r="33822" spans="1:10" x14ac:dyDescent="0.35">
      <c r="A33822" s="1" t="s">
        <v>117540</v>
      </c>
      <c r="B33822" s="1" t="s">
        <v>115221</v>
      </c>
      <c r="C33822" s="1" t="s">
        <v>150</v>
      </c>
      <c r="D33822" s="1" t="s">
        <v>117638</v>
      </c>
      <c r="E33822" s="1" t="s">
        <v>117639</v>
      </c>
      <c r="F33822" s="1" t="s">
        <v>117640</v>
      </c>
      <c r="G33822" s="1" t="s">
        <v>117543</v>
      </c>
      <c r="H33822" s="1" t="s">
        <v>117544</v>
      </c>
      <c r="I33822" s="1" t="s">
        <v>115226</v>
      </c>
      <c r="J33822" s="1" t="s">
        <v>117641</v>
      </c>
    </row>
    <row r="33823" spans="1:10" x14ac:dyDescent="0.35">
      <c r="A33823" s="1" t="s">
        <v>117540</v>
      </c>
      <c r="B33823" s="1" t="s">
        <v>115221</v>
      </c>
      <c r="C33823" s="1" t="s">
        <v>155</v>
      </c>
      <c r="D33823" s="1" t="s">
        <v>47860</v>
      </c>
      <c r="E33823" s="1" t="s">
        <v>117642</v>
      </c>
      <c r="F33823" s="1" t="s">
        <v>117643</v>
      </c>
      <c r="G33823" s="1" t="s">
        <v>117543</v>
      </c>
      <c r="H33823" s="1" t="s">
        <v>117544</v>
      </c>
      <c r="I33823" s="1" t="s">
        <v>115226</v>
      </c>
      <c r="J33823" s="1" t="s">
        <v>117644</v>
      </c>
    </row>
    <row r="33824" spans="1:10" x14ac:dyDescent="0.35">
      <c r="A33824" s="1" t="s">
        <v>117540</v>
      </c>
      <c r="B33824" s="1" t="s">
        <v>115221</v>
      </c>
      <c r="C33824" s="1" t="s">
        <v>160</v>
      </c>
      <c r="D33824" s="1" t="s">
        <v>117645</v>
      </c>
      <c r="E33824" s="1" t="s">
        <v>117646</v>
      </c>
      <c r="F33824" s="1" t="s">
        <v>117647</v>
      </c>
      <c r="G33824" s="1" t="s">
        <v>117543</v>
      </c>
      <c r="H33824" s="1" t="s">
        <v>117544</v>
      </c>
      <c r="I33824" s="1" t="s">
        <v>115226</v>
      </c>
      <c r="J33824" s="1" t="s">
        <v>117648</v>
      </c>
    </row>
    <row r="33825" spans="1:10" x14ac:dyDescent="0.35">
      <c r="A33825" s="1" t="s">
        <v>117540</v>
      </c>
      <c r="B33825" s="1" t="s">
        <v>115221</v>
      </c>
      <c r="C33825" s="1" t="s">
        <v>165</v>
      </c>
      <c r="D33825" s="1" t="s">
        <v>117649</v>
      </c>
      <c r="E33825" s="1" t="s">
        <v>117650</v>
      </c>
      <c r="F33825" s="1" t="s">
        <v>117651</v>
      </c>
      <c r="G33825" s="1" t="s">
        <v>117543</v>
      </c>
      <c r="H33825" s="1" t="s">
        <v>117544</v>
      </c>
      <c r="I33825" s="1" t="s">
        <v>115226</v>
      </c>
      <c r="J33825" s="1" t="s">
        <v>117652</v>
      </c>
    </row>
    <row r="33826" spans="1:10" x14ac:dyDescent="0.35">
      <c r="A33826" s="1" t="s">
        <v>117540</v>
      </c>
      <c r="B33826" s="1" t="s">
        <v>115221</v>
      </c>
      <c r="C33826" s="1" t="s">
        <v>170</v>
      </c>
      <c r="D33826" s="1" t="s">
        <v>32856</v>
      </c>
      <c r="E33826" s="1" t="s">
        <v>117653</v>
      </c>
      <c r="F33826" s="1" t="s">
        <v>117654</v>
      </c>
      <c r="G33826" s="1" t="s">
        <v>117543</v>
      </c>
      <c r="H33826" s="1" t="s">
        <v>117544</v>
      </c>
      <c r="I33826" s="1" t="s">
        <v>115226</v>
      </c>
      <c r="J33826" s="1" t="s">
        <v>117655</v>
      </c>
    </row>
    <row r="33827" spans="1:10" x14ac:dyDescent="0.35">
      <c r="A33827" s="1" t="s">
        <v>13236</v>
      </c>
      <c r="B33827" s="1" t="s">
        <v>115221</v>
      </c>
      <c r="C33827" s="1" t="s">
        <v>8</v>
      </c>
      <c r="D33827" s="1" t="s">
        <v>44567</v>
      </c>
      <c r="E33827" s="1" t="s">
        <v>117656</v>
      </c>
      <c r="F33827" s="1" t="s">
        <v>117657</v>
      </c>
      <c r="G33827" s="1" t="s">
        <v>117658</v>
      </c>
      <c r="H33827" s="1" t="s">
        <v>117659</v>
      </c>
      <c r="I33827" s="1" t="s">
        <v>115226</v>
      </c>
      <c r="J33827" s="1" t="s">
        <v>13</v>
      </c>
    </row>
    <row r="33828" spans="1:10" x14ac:dyDescent="0.35">
      <c r="A33828" s="1" t="s">
        <v>13236</v>
      </c>
      <c r="B33828" s="1" t="s">
        <v>115221</v>
      </c>
      <c r="C33828" s="1" t="s">
        <v>15</v>
      </c>
      <c r="D33828" s="1" t="s">
        <v>28303</v>
      </c>
      <c r="E33828" s="1" t="s">
        <v>117660</v>
      </c>
      <c r="F33828" s="1" t="s">
        <v>117661</v>
      </c>
      <c r="G33828" s="1" t="s">
        <v>117658</v>
      </c>
      <c r="H33828" s="1" t="s">
        <v>117659</v>
      </c>
      <c r="I33828" s="1" t="s">
        <v>115226</v>
      </c>
      <c r="J33828" s="1" t="s">
        <v>117662</v>
      </c>
    </row>
    <row r="33829" spans="1:10" x14ac:dyDescent="0.35">
      <c r="A33829" s="1" t="s">
        <v>13236</v>
      </c>
      <c r="B33829" s="1" t="s">
        <v>115221</v>
      </c>
      <c r="C33829" s="1" t="s">
        <v>20</v>
      </c>
      <c r="D33829" s="1" t="s">
        <v>117663</v>
      </c>
      <c r="E33829" s="1" t="s">
        <v>117664</v>
      </c>
      <c r="F33829" s="1" t="s">
        <v>117665</v>
      </c>
      <c r="G33829" s="1" t="s">
        <v>117658</v>
      </c>
      <c r="H33829" s="1" t="s">
        <v>117659</v>
      </c>
      <c r="I33829" s="1" t="s">
        <v>115226</v>
      </c>
      <c r="J33829" s="1" t="s">
        <v>117666</v>
      </c>
    </row>
    <row r="33830" spans="1:10" x14ac:dyDescent="0.35">
      <c r="A33830" s="1" t="s">
        <v>13236</v>
      </c>
      <c r="B33830" s="1" t="s">
        <v>115221</v>
      </c>
      <c r="C33830" s="1" t="s">
        <v>25</v>
      </c>
      <c r="D33830" s="1" t="s">
        <v>6712</v>
      </c>
      <c r="E33830" s="1" t="s">
        <v>117667</v>
      </c>
      <c r="F33830" s="1" t="s">
        <v>117668</v>
      </c>
      <c r="G33830" s="1" t="s">
        <v>117658</v>
      </c>
      <c r="H33830" s="1" t="s">
        <v>117659</v>
      </c>
      <c r="I33830" s="1" t="s">
        <v>115226</v>
      </c>
      <c r="J33830" s="1" t="s">
        <v>117669</v>
      </c>
    </row>
    <row r="33831" spans="1:10" x14ac:dyDescent="0.35">
      <c r="A33831" s="1" t="s">
        <v>13236</v>
      </c>
      <c r="B33831" s="1" t="s">
        <v>115221</v>
      </c>
      <c r="C33831" s="1" t="s">
        <v>30</v>
      </c>
      <c r="D33831" s="1" t="s">
        <v>44180</v>
      </c>
      <c r="E33831" s="1" t="s">
        <v>117670</v>
      </c>
      <c r="F33831" s="1" t="s">
        <v>117671</v>
      </c>
      <c r="G33831" s="1" t="s">
        <v>117658</v>
      </c>
      <c r="H33831" s="1" t="s">
        <v>117659</v>
      </c>
      <c r="I33831" s="1" t="s">
        <v>115226</v>
      </c>
      <c r="J33831" s="1" t="s">
        <v>117672</v>
      </c>
    </row>
    <row r="33832" spans="1:10" x14ac:dyDescent="0.35">
      <c r="A33832" s="1" t="s">
        <v>13236</v>
      </c>
      <c r="B33832" s="1" t="s">
        <v>115221</v>
      </c>
      <c r="C33832" s="1" t="s">
        <v>35</v>
      </c>
      <c r="D33832" s="1" t="s">
        <v>117673</v>
      </c>
      <c r="E33832" s="1" t="s">
        <v>117674</v>
      </c>
      <c r="F33832" s="1" t="s">
        <v>117675</v>
      </c>
      <c r="G33832" s="1" t="s">
        <v>117658</v>
      </c>
      <c r="H33832" s="1" t="s">
        <v>117659</v>
      </c>
      <c r="I33832" s="1" t="s">
        <v>115226</v>
      </c>
      <c r="J33832" s="1" t="s">
        <v>117676</v>
      </c>
    </row>
    <row r="33833" spans="1:10" x14ac:dyDescent="0.35">
      <c r="A33833" s="1" t="s">
        <v>13236</v>
      </c>
      <c r="B33833" s="1" t="s">
        <v>115221</v>
      </c>
      <c r="C33833" s="1" t="s">
        <v>40</v>
      </c>
      <c r="D33833" s="1" t="s">
        <v>34321</v>
      </c>
      <c r="E33833" s="1" t="s">
        <v>117677</v>
      </c>
      <c r="F33833" s="1" t="s">
        <v>117678</v>
      </c>
      <c r="G33833" s="1" t="s">
        <v>117658</v>
      </c>
      <c r="H33833" s="1" t="s">
        <v>117659</v>
      </c>
      <c r="I33833" s="1" t="s">
        <v>115226</v>
      </c>
      <c r="J33833" s="1" t="s">
        <v>117679</v>
      </c>
    </row>
    <row r="33834" spans="1:10" x14ac:dyDescent="0.35">
      <c r="A33834" s="1" t="s">
        <v>13236</v>
      </c>
      <c r="B33834" s="1" t="s">
        <v>115221</v>
      </c>
      <c r="C33834" s="1" t="s">
        <v>45</v>
      </c>
      <c r="D33834" s="1" t="s">
        <v>117680</v>
      </c>
      <c r="E33834" s="1" t="s">
        <v>117681</v>
      </c>
      <c r="F33834" s="1" t="s">
        <v>117682</v>
      </c>
      <c r="G33834" s="1" t="s">
        <v>117658</v>
      </c>
      <c r="H33834" s="1" t="s">
        <v>117659</v>
      </c>
      <c r="I33834" s="1" t="s">
        <v>115226</v>
      </c>
      <c r="J33834" s="1" t="s">
        <v>117683</v>
      </c>
    </row>
    <row r="33835" spans="1:10" x14ac:dyDescent="0.35">
      <c r="A33835" s="1" t="s">
        <v>13236</v>
      </c>
      <c r="B33835" s="1" t="s">
        <v>115221</v>
      </c>
      <c r="C33835" s="1" t="s">
        <v>50</v>
      </c>
      <c r="D33835" s="1" t="s">
        <v>35686</v>
      </c>
      <c r="E33835" s="1" t="s">
        <v>117684</v>
      </c>
      <c r="F33835" s="1" t="s">
        <v>117685</v>
      </c>
      <c r="G33835" s="1" t="s">
        <v>117658</v>
      </c>
      <c r="H33835" s="1" t="s">
        <v>117659</v>
      </c>
      <c r="I33835" s="1" t="s">
        <v>115226</v>
      </c>
      <c r="J33835" s="1" t="s">
        <v>117686</v>
      </c>
    </row>
    <row r="33836" spans="1:10" x14ac:dyDescent="0.35">
      <c r="A33836" s="1" t="s">
        <v>13236</v>
      </c>
      <c r="B33836" s="1" t="s">
        <v>115221</v>
      </c>
      <c r="C33836" s="1" t="s">
        <v>55</v>
      </c>
      <c r="D33836" s="1" t="s">
        <v>117687</v>
      </c>
      <c r="E33836" s="1" t="s">
        <v>117688</v>
      </c>
      <c r="F33836" s="1" t="s">
        <v>117689</v>
      </c>
      <c r="G33836" s="1" t="s">
        <v>117658</v>
      </c>
      <c r="H33836" s="1" t="s">
        <v>117659</v>
      </c>
      <c r="I33836" s="1" t="s">
        <v>115226</v>
      </c>
      <c r="J33836" s="1" t="s">
        <v>117690</v>
      </c>
    </row>
    <row r="33837" spans="1:10" x14ac:dyDescent="0.35">
      <c r="A33837" s="1" t="s">
        <v>13236</v>
      </c>
      <c r="B33837" s="1" t="s">
        <v>115221</v>
      </c>
      <c r="C33837" s="1" t="s">
        <v>60</v>
      </c>
      <c r="D33837" s="1" t="s">
        <v>49135</v>
      </c>
      <c r="E33837" s="1" t="s">
        <v>117691</v>
      </c>
      <c r="F33837" s="1" t="s">
        <v>117692</v>
      </c>
      <c r="G33837" s="1" t="s">
        <v>117658</v>
      </c>
      <c r="H33837" s="1" t="s">
        <v>117659</v>
      </c>
      <c r="I33837" s="1" t="s">
        <v>115226</v>
      </c>
      <c r="J33837" s="1" t="s">
        <v>117693</v>
      </c>
    </row>
    <row r="33838" spans="1:10" x14ac:dyDescent="0.35">
      <c r="A33838" s="1" t="s">
        <v>13236</v>
      </c>
      <c r="B33838" s="1" t="s">
        <v>115221</v>
      </c>
      <c r="C33838" s="1" t="s">
        <v>65</v>
      </c>
      <c r="D33838" s="1" t="s">
        <v>10911</v>
      </c>
      <c r="E33838" s="1" t="s">
        <v>13175</v>
      </c>
      <c r="F33838" s="1" t="s">
        <v>117694</v>
      </c>
      <c r="G33838" s="1" t="s">
        <v>117658</v>
      </c>
      <c r="H33838" s="1" t="s">
        <v>117659</v>
      </c>
      <c r="I33838" s="1" t="s">
        <v>115226</v>
      </c>
      <c r="J33838" s="1" t="s">
        <v>117695</v>
      </c>
    </row>
    <row r="33839" spans="1:10" x14ac:dyDescent="0.35">
      <c r="A33839" s="1" t="s">
        <v>13236</v>
      </c>
      <c r="B33839" s="1" t="s">
        <v>115221</v>
      </c>
      <c r="C33839" s="1" t="s">
        <v>70</v>
      </c>
      <c r="D33839" s="1" t="s">
        <v>25032</v>
      </c>
      <c r="E33839" s="1" t="s">
        <v>117696</v>
      </c>
      <c r="F33839" s="1" t="s">
        <v>117697</v>
      </c>
      <c r="G33839" s="1" t="s">
        <v>117658</v>
      </c>
      <c r="H33839" s="1" t="s">
        <v>117659</v>
      </c>
      <c r="I33839" s="1" t="s">
        <v>115226</v>
      </c>
      <c r="J33839" s="1" t="s">
        <v>117698</v>
      </c>
    </row>
    <row r="33840" spans="1:10" x14ac:dyDescent="0.35">
      <c r="A33840" s="1" t="s">
        <v>13236</v>
      </c>
      <c r="B33840" s="1" t="s">
        <v>115221</v>
      </c>
      <c r="C33840" s="1" t="s">
        <v>75</v>
      </c>
      <c r="D33840" s="1" t="s">
        <v>117699</v>
      </c>
      <c r="E33840" s="1" t="s">
        <v>117700</v>
      </c>
      <c r="F33840" s="1" t="s">
        <v>117701</v>
      </c>
      <c r="G33840" s="1" t="s">
        <v>117658</v>
      </c>
      <c r="H33840" s="1" t="s">
        <v>117659</v>
      </c>
      <c r="I33840" s="1" t="s">
        <v>115226</v>
      </c>
      <c r="J33840" s="1" t="s">
        <v>117702</v>
      </c>
    </row>
    <row r="33841" spans="1:10" x14ac:dyDescent="0.35">
      <c r="A33841" s="1" t="s">
        <v>13236</v>
      </c>
      <c r="B33841" s="1" t="s">
        <v>115221</v>
      </c>
      <c r="C33841" s="1" t="s">
        <v>80</v>
      </c>
      <c r="D33841" s="1" t="s">
        <v>117703</v>
      </c>
      <c r="E33841" s="1" t="s">
        <v>117704</v>
      </c>
      <c r="F33841" s="1" t="s">
        <v>117705</v>
      </c>
      <c r="G33841" s="1" t="s">
        <v>117658</v>
      </c>
      <c r="H33841" s="1" t="s">
        <v>117659</v>
      </c>
      <c r="I33841" s="1" t="s">
        <v>115226</v>
      </c>
      <c r="J33841" s="1" t="s">
        <v>117706</v>
      </c>
    </row>
    <row r="33842" spans="1:10" x14ac:dyDescent="0.35">
      <c r="A33842" s="1" t="s">
        <v>13236</v>
      </c>
      <c r="B33842" s="1" t="s">
        <v>115221</v>
      </c>
      <c r="C33842" s="1" t="s">
        <v>85</v>
      </c>
      <c r="D33842" s="1" t="s">
        <v>117707</v>
      </c>
      <c r="E33842" s="1" t="s">
        <v>117708</v>
      </c>
      <c r="F33842" s="1" t="s">
        <v>117709</v>
      </c>
      <c r="G33842" s="1" t="s">
        <v>117658</v>
      </c>
      <c r="H33842" s="1" t="s">
        <v>117659</v>
      </c>
      <c r="I33842" s="1" t="s">
        <v>115226</v>
      </c>
      <c r="J33842" s="1" t="s">
        <v>117710</v>
      </c>
    </row>
    <row r="33843" spans="1:10" x14ac:dyDescent="0.35">
      <c r="A33843" s="1" t="s">
        <v>13236</v>
      </c>
      <c r="B33843" s="1" t="s">
        <v>115221</v>
      </c>
      <c r="C33843" s="1" t="s">
        <v>90</v>
      </c>
      <c r="D33843" s="1" t="s">
        <v>15605</v>
      </c>
      <c r="E33843" s="1" t="s">
        <v>117711</v>
      </c>
      <c r="F33843" s="1" t="s">
        <v>117712</v>
      </c>
      <c r="G33843" s="1" t="s">
        <v>117658</v>
      </c>
      <c r="H33843" s="1" t="s">
        <v>117659</v>
      </c>
      <c r="I33843" s="1" t="s">
        <v>115226</v>
      </c>
      <c r="J33843" s="1" t="s">
        <v>117713</v>
      </c>
    </row>
    <row r="33844" spans="1:10" x14ac:dyDescent="0.35">
      <c r="A33844" s="1" t="s">
        <v>13236</v>
      </c>
      <c r="B33844" s="1" t="s">
        <v>115221</v>
      </c>
      <c r="C33844" s="1" t="s">
        <v>95</v>
      </c>
      <c r="D33844" s="1" t="s">
        <v>117714</v>
      </c>
      <c r="E33844" s="1" t="s">
        <v>117715</v>
      </c>
      <c r="F33844" s="1" t="s">
        <v>117716</v>
      </c>
      <c r="G33844" s="1" t="s">
        <v>117658</v>
      </c>
      <c r="H33844" s="1" t="s">
        <v>117659</v>
      </c>
      <c r="I33844" s="1" t="s">
        <v>115226</v>
      </c>
      <c r="J33844" s="1" t="s">
        <v>117717</v>
      </c>
    </row>
    <row r="33845" spans="1:10" x14ac:dyDescent="0.35">
      <c r="A33845" s="1" t="s">
        <v>13236</v>
      </c>
      <c r="B33845" s="1" t="s">
        <v>115221</v>
      </c>
      <c r="C33845" s="1" t="s">
        <v>100</v>
      </c>
      <c r="D33845" s="1" t="s">
        <v>117718</v>
      </c>
      <c r="E33845" s="1" t="s">
        <v>117719</v>
      </c>
      <c r="F33845" s="1" t="s">
        <v>117720</v>
      </c>
      <c r="G33845" s="1" t="s">
        <v>117658</v>
      </c>
      <c r="H33845" s="1" t="s">
        <v>117659</v>
      </c>
      <c r="I33845" s="1" t="s">
        <v>115226</v>
      </c>
      <c r="J33845" s="1" t="s">
        <v>117721</v>
      </c>
    </row>
    <row r="33846" spans="1:10" x14ac:dyDescent="0.35">
      <c r="A33846" s="1" t="s">
        <v>13236</v>
      </c>
      <c r="B33846" s="1" t="s">
        <v>115221</v>
      </c>
      <c r="C33846" s="1" t="s">
        <v>105</v>
      </c>
      <c r="D33846" s="1" t="s">
        <v>117722</v>
      </c>
      <c r="E33846" s="1" t="s">
        <v>117723</v>
      </c>
      <c r="F33846" s="1" t="s">
        <v>117724</v>
      </c>
      <c r="G33846" s="1" t="s">
        <v>117658</v>
      </c>
      <c r="H33846" s="1" t="s">
        <v>117659</v>
      </c>
      <c r="I33846" s="1" t="s">
        <v>115226</v>
      </c>
      <c r="J33846" s="1" t="s">
        <v>117725</v>
      </c>
    </row>
    <row r="33847" spans="1:10" x14ac:dyDescent="0.35">
      <c r="A33847" s="1" t="s">
        <v>13236</v>
      </c>
      <c r="B33847" s="1" t="s">
        <v>115221</v>
      </c>
      <c r="C33847" s="1" t="s">
        <v>110</v>
      </c>
      <c r="D33847" s="1" t="s">
        <v>117726</v>
      </c>
      <c r="E33847" s="1" t="s">
        <v>117727</v>
      </c>
      <c r="F33847" s="1" t="s">
        <v>117728</v>
      </c>
      <c r="G33847" s="1" t="s">
        <v>117658</v>
      </c>
      <c r="H33847" s="1" t="s">
        <v>117659</v>
      </c>
      <c r="I33847" s="1" t="s">
        <v>115226</v>
      </c>
      <c r="J33847" s="1" t="s">
        <v>117729</v>
      </c>
    </row>
    <row r="33848" spans="1:10" x14ac:dyDescent="0.35">
      <c r="A33848" s="1" t="s">
        <v>13236</v>
      </c>
      <c r="B33848" s="1" t="s">
        <v>115221</v>
      </c>
      <c r="C33848" s="1" t="s">
        <v>115</v>
      </c>
      <c r="D33848" s="1" t="s">
        <v>117730</v>
      </c>
      <c r="E33848" s="1" t="s">
        <v>117731</v>
      </c>
      <c r="F33848" s="1" t="s">
        <v>117732</v>
      </c>
      <c r="G33848" s="1" t="s">
        <v>117658</v>
      </c>
      <c r="H33848" s="1" t="s">
        <v>117659</v>
      </c>
      <c r="I33848" s="1" t="s">
        <v>115226</v>
      </c>
      <c r="J33848" s="1" t="s">
        <v>117733</v>
      </c>
    </row>
    <row r="33849" spans="1:10" x14ac:dyDescent="0.35">
      <c r="A33849" s="1" t="s">
        <v>13236</v>
      </c>
      <c r="B33849" s="1" t="s">
        <v>115221</v>
      </c>
      <c r="C33849" s="1" t="s">
        <v>120</v>
      </c>
      <c r="D33849" s="1" t="s">
        <v>117734</v>
      </c>
      <c r="E33849" s="1" t="s">
        <v>117735</v>
      </c>
      <c r="F33849" s="1" t="s">
        <v>117736</v>
      </c>
      <c r="G33849" s="1" t="s">
        <v>117658</v>
      </c>
      <c r="H33849" s="1" t="s">
        <v>117659</v>
      </c>
      <c r="I33849" s="1" t="s">
        <v>115226</v>
      </c>
      <c r="J33849" s="1" t="s">
        <v>117737</v>
      </c>
    </row>
    <row r="33850" spans="1:10" x14ac:dyDescent="0.35">
      <c r="A33850" s="1" t="s">
        <v>13236</v>
      </c>
      <c r="B33850" s="1" t="s">
        <v>115221</v>
      </c>
      <c r="C33850" s="1" t="s">
        <v>125</v>
      </c>
      <c r="D33850" s="1" t="s">
        <v>12683</v>
      </c>
      <c r="E33850" s="1" t="s">
        <v>117738</v>
      </c>
      <c r="F33850" s="1" t="s">
        <v>117739</v>
      </c>
      <c r="G33850" s="1" t="s">
        <v>117658</v>
      </c>
      <c r="H33850" s="1" t="s">
        <v>117659</v>
      </c>
      <c r="I33850" s="1" t="s">
        <v>115226</v>
      </c>
      <c r="J33850" s="1" t="s">
        <v>117740</v>
      </c>
    </row>
    <row r="33851" spans="1:10" x14ac:dyDescent="0.35">
      <c r="A33851" s="1" t="s">
        <v>13236</v>
      </c>
      <c r="B33851" s="1" t="s">
        <v>115221</v>
      </c>
      <c r="C33851" s="1" t="s">
        <v>130</v>
      </c>
      <c r="D33851" s="1" t="s">
        <v>117741</v>
      </c>
      <c r="E33851" s="1" t="s">
        <v>117742</v>
      </c>
      <c r="F33851" s="1" t="s">
        <v>117743</v>
      </c>
      <c r="G33851" s="1" t="s">
        <v>117658</v>
      </c>
      <c r="H33851" s="1" t="s">
        <v>117659</v>
      </c>
      <c r="I33851" s="1" t="s">
        <v>115226</v>
      </c>
      <c r="J33851" s="1" t="s">
        <v>117744</v>
      </c>
    </row>
    <row r="33852" spans="1:10" x14ac:dyDescent="0.35">
      <c r="A33852" s="1" t="s">
        <v>13236</v>
      </c>
      <c r="B33852" s="1" t="s">
        <v>115221</v>
      </c>
      <c r="C33852" s="1" t="s">
        <v>135</v>
      </c>
      <c r="D33852" s="1" t="s">
        <v>42420</v>
      </c>
      <c r="E33852" s="1" t="s">
        <v>117745</v>
      </c>
      <c r="F33852" s="1" t="s">
        <v>117746</v>
      </c>
      <c r="G33852" s="1" t="s">
        <v>117658</v>
      </c>
      <c r="H33852" s="1" t="s">
        <v>117659</v>
      </c>
      <c r="I33852" s="1" t="s">
        <v>115226</v>
      </c>
      <c r="J33852" s="1" t="s">
        <v>117747</v>
      </c>
    </row>
    <row r="33853" spans="1:10" x14ac:dyDescent="0.35">
      <c r="A33853" s="1" t="s">
        <v>13236</v>
      </c>
      <c r="B33853" s="1" t="s">
        <v>115221</v>
      </c>
      <c r="C33853" s="1" t="s">
        <v>140</v>
      </c>
      <c r="D33853" s="1" t="s">
        <v>117748</v>
      </c>
      <c r="E33853" s="1" t="s">
        <v>117749</v>
      </c>
      <c r="F33853" s="1" t="s">
        <v>117750</v>
      </c>
      <c r="G33853" s="1" t="s">
        <v>117658</v>
      </c>
      <c r="H33853" s="1" t="s">
        <v>117659</v>
      </c>
      <c r="I33853" s="1" t="s">
        <v>115226</v>
      </c>
      <c r="J33853" s="1" t="s">
        <v>117751</v>
      </c>
    </row>
    <row r="33854" spans="1:10" x14ac:dyDescent="0.35">
      <c r="A33854" s="1" t="s">
        <v>13236</v>
      </c>
      <c r="B33854" s="1" t="s">
        <v>115221</v>
      </c>
      <c r="C33854" s="1" t="s">
        <v>145</v>
      </c>
      <c r="D33854" s="1" t="s">
        <v>117752</v>
      </c>
      <c r="E33854" s="1" t="s">
        <v>117753</v>
      </c>
      <c r="F33854" s="1" t="s">
        <v>117754</v>
      </c>
      <c r="G33854" s="1" t="s">
        <v>117658</v>
      </c>
      <c r="H33854" s="1" t="s">
        <v>117659</v>
      </c>
      <c r="I33854" s="1" t="s">
        <v>115226</v>
      </c>
      <c r="J33854" s="1" t="s">
        <v>117755</v>
      </c>
    </row>
    <row r="33855" spans="1:10" x14ac:dyDescent="0.35">
      <c r="A33855" s="1" t="s">
        <v>13236</v>
      </c>
      <c r="B33855" s="1" t="s">
        <v>115221</v>
      </c>
      <c r="C33855" s="1" t="s">
        <v>150</v>
      </c>
      <c r="D33855" s="1" t="s">
        <v>117756</v>
      </c>
      <c r="E33855" s="1" t="s">
        <v>117757</v>
      </c>
      <c r="F33855" s="1" t="s">
        <v>117758</v>
      </c>
      <c r="G33855" s="1" t="s">
        <v>117658</v>
      </c>
      <c r="H33855" s="1" t="s">
        <v>117659</v>
      </c>
      <c r="I33855" s="1" t="s">
        <v>115226</v>
      </c>
      <c r="J33855" s="1" t="s">
        <v>117759</v>
      </c>
    </row>
    <row r="33856" spans="1:10" x14ac:dyDescent="0.35">
      <c r="A33856" s="1" t="s">
        <v>13236</v>
      </c>
      <c r="B33856" s="1" t="s">
        <v>115221</v>
      </c>
      <c r="C33856" s="1" t="s">
        <v>155</v>
      </c>
      <c r="D33856" s="1" t="s">
        <v>17486</v>
      </c>
      <c r="E33856" s="1" t="s">
        <v>117760</v>
      </c>
      <c r="F33856" s="1" t="s">
        <v>117761</v>
      </c>
      <c r="G33856" s="1" t="s">
        <v>117658</v>
      </c>
      <c r="H33856" s="1" t="s">
        <v>117659</v>
      </c>
      <c r="I33856" s="1" t="s">
        <v>115226</v>
      </c>
      <c r="J33856" s="1" t="s">
        <v>117762</v>
      </c>
    </row>
    <row r="33857" spans="1:10" x14ac:dyDescent="0.35">
      <c r="A33857" s="1" t="s">
        <v>13236</v>
      </c>
      <c r="B33857" s="1" t="s">
        <v>115221</v>
      </c>
      <c r="C33857" s="1" t="s">
        <v>160</v>
      </c>
      <c r="D33857" s="1" t="s">
        <v>117763</v>
      </c>
      <c r="E33857" s="1" t="s">
        <v>117764</v>
      </c>
      <c r="F33857" s="1" t="s">
        <v>117765</v>
      </c>
      <c r="G33857" s="1" t="s">
        <v>117658</v>
      </c>
      <c r="H33857" s="1" t="s">
        <v>117659</v>
      </c>
      <c r="I33857" s="1" t="s">
        <v>115226</v>
      </c>
      <c r="J33857" s="1" t="s">
        <v>117766</v>
      </c>
    </row>
    <row r="33858" spans="1:10" x14ac:dyDescent="0.35">
      <c r="A33858" s="1" t="s">
        <v>13236</v>
      </c>
      <c r="B33858" s="1" t="s">
        <v>115221</v>
      </c>
      <c r="C33858" s="1" t="s">
        <v>165</v>
      </c>
      <c r="D33858" s="1" t="s">
        <v>117767</v>
      </c>
      <c r="E33858" s="1" t="s">
        <v>117768</v>
      </c>
      <c r="F33858" s="1" t="s">
        <v>117769</v>
      </c>
      <c r="G33858" s="1" t="s">
        <v>117658</v>
      </c>
      <c r="H33858" s="1" t="s">
        <v>117659</v>
      </c>
      <c r="I33858" s="1" t="s">
        <v>115226</v>
      </c>
      <c r="J33858" s="1" t="s">
        <v>117770</v>
      </c>
    </row>
    <row r="33859" spans="1:10" x14ac:dyDescent="0.35">
      <c r="A33859" s="1" t="s">
        <v>13236</v>
      </c>
      <c r="B33859" s="1" t="s">
        <v>115221</v>
      </c>
      <c r="C33859" s="1" t="s">
        <v>170</v>
      </c>
      <c r="D33859" s="1" t="s">
        <v>117771</v>
      </c>
      <c r="E33859" s="1" t="s">
        <v>117772</v>
      </c>
      <c r="F33859" s="1" t="s">
        <v>117773</v>
      </c>
      <c r="G33859" s="1" t="s">
        <v>117658</v>
      </c>
      <c r="H33859" s="1" t="s">
        <v>117659</v>
      </c>
      <c r="I33859" s="1" t="s">
        <v>115226</v>
      </c>
      <c r="J33859" s="1" t="s">
        <v>117774</v>
      </c>
    </row>
    <row r="33860" spans="1:10" x14ac:dyDescent="0.35">
      <c r="A33860" s="1" t="s">
        <v>117775</v>
      </c>
      <c r="B33860" s="1" t="s">
        <v>115221</v>
      </c>
      <c r="C33860" s="1" t="s">
        <v>8</v>
      </c>
      <c r="D33860" s="1" t="s">
        <v>117776</v>
      </c>
      <c r="E33860" s="1" t="s">
        <v>117777</v>
      </c>
      <c r="F33860" s="1" t="s">
        <v>117778</v>
      </c>
      <c r="G33860" s="1" t="s">
        <v>117779</v>
      </c>
      <c r="H33860" s="1" t="s">
        <v>117780</v>
      </c>
      <c r="I33860" s="1" t="s">
        <v>115226</v>
      </c>
      <c r="J33860" s="1" t="s">
        <v>13</v>
      </c>
    </row>
    <row r="33861" spans="1:10" x14ac:dyDescent="0.35">
      <c r="A33861" s="1" t="s">
        <v>117775</v>
      </c>
      <c r="B33861" s="1" t="s">
        <v>115221</v>
      </c>
      <c r="C33861" s="1" t="s">
        <v>15</v>
      </c>
      <c r="D33861" s="1" t="s">
        <v>117781</v>
      </c>
      <c r="E33861" s="1" t="s">
        <v>117782</v>
      </c>
      <c r="F33861" s="1" t="s">
        <v>117783</v>
      </c>
      <c r="G33861" s="1" t="s">
        <v>117779</v>
      </c>
      <c r="H33861" s="1" t="s">
        <v>117780</v>
      </c>
      <c r="I33861" s="1" t="s">
        <v>115226</v>
      </c>
      <c r="J33861" s="1" t="s">
        <v>117784</v>
      </c>
    </row>
    <row r="33862" spans="1:10" x14ac:dyDescent="0.35">
      <c r="A33862" s="1" t="s">
        <v>117775</v>
      </c>
      <c r="B33862" s="1" t="s">
        <v>115221</v>
      </c>
      <c r="C33862" s="1" t="s">
        <v>20</v>
      </c>
      <c r="D33862" s="1" t="s">
        <v>117785</v>
      </c>
      <c r="E33862" s="1" t="s">
        <v>117786</v>
      </c>
      <c r="F33862" s="1" t="s">
        <v>117787</v>
      </c>
      <c r="G33862" s="1" t="s">
        <v>117779</v>
      </c>
      <c r="H33862" s="1" t="s">
        <v>117780</v>
      </c>
      <c r="I33862" s="1" t="s">
        <v>115226</v>
      </c>
      <c r="J33862" s="1" t="s">
        <v>117788</v>
      </c>
    </row>
    <row r="33863" spans="1:10" x14ac:dyDescent="0.35">
      <c r="A33863" s="1" t="s">
        <v>117775</v>
      </c>
      <c r="B33863" s="1" t="s">
        <v>115221</v>
      </c>
      <c r="C33863" s="1" t="s">
        <v>25</v>
      </c>
      <c r="D33863" s="1" t="s">
        <v>117789</v>
      </c>
      <c r="E33863" s="1" t="s">
        <v>117790</v>
      </c>
      <c r="F33863" s="1" t="s">
        <v>117791</v>
      </c>
      <c r="G33863" s="1" t="s">
        <v>117779</v>
      </c>
      <c r="H33863" s="1" t="s">
        <v>117780</v>
      </c>
      <c r="I33863" s="1" t="s">
        <v>115226</v>
      </c>
      <c r="J33863" s="1" t="s">
        <v>117792</v>
      </c>
    </row>
    <row r="33864" spans="1:10" x14ac:dyDescent="0.35">
      <c r="A33864" s="1" t="s">
        <v>117775</v>
      </c>
      <c r="B33864" s="1" t="s">
        <v>115221</v>
      </c>
      <c r="C33864" s="1" t="s">
        <v>30</v>
      </c>
      <c r="D33864" s="1" t="s">
        <v>117793</v>
      </c>
      <c r="E33864" s="1" t="s">
        <v>117794</v>
      </c>
      <c r="F33864" s="1" t="s">
        <v>117795</v>
      </c>
      <c r="G33864" s="1" t="s">
        <v>117779</v>
      </c>
      <c r="H33864" s="1" t="s">
        <v>117780</v>
      </c>
      <c r="I33864" s="1" t="s">
        <v>115226</v>
      </c>
      <c r="J33864" s="1" t="s">
        <v>117796</v>
      </c>
    </row>
    <row r="33865" spans="1:10" x14ac:dyDescent="0.35">
      <c r="A33865" s="1" t="s">
        <v>117775</v>
      </c>
      <c r="B33865" s="1" t="s">
        <v>115221</v>
      </c>
      <c r="C33865" s="1" t="s">
        <v>35</v>
      </c>
      <c r="D33865" s="1" t="s">
        <v>117797</v>
      </c>
      <c r="E33865" s="1" t="s">
        <v>117798</v>
      </c>
      <c r="F33865" s="1" t="s">
        <v>117799</v>
      </c>
      <c r="G33865" s="1" t="s">
        <v>117779</v>
      </c>
      <c r="H33865" s="1" t="s">
        <v>117780</v>
      </c>
      <c r="I33865" s="1" t="s">
        <v>115226</v>
      </c>
      <c r="J33865" s="1" t="s">
        <v>117800</v>
      </c>
    </row>
    <row r="33866" spans="1:10" x14ac:dyDescent="0.35">
      <c r="A33866" s="1" t="s">
        <v>117775</v>
      </c>
      <c r="B33866" s="1" t="s">
        <v>115221</v>
      </c>
      <c r="C33866" s="1" t="s">
        <v>40</v>
      </c>
      <c r="D33866" s="1" t="s">
        <v>106987</v>
      </c>
      <c r="E33866" s="1" t="s">
        <v>117801</v>
      </c>
      <c r="F33866" s="1" t="s">
        <v>117802</v>
      </c>
      <c r="G33866" s="1" t="s">
        <v>117779</v>
      </c>
      <c r="H33866" s="1" t="s">
        <v>117780</v>
      </c>
      <c r="I33866" s="1" t="s">
        <v>115226</v>
      </c>
      <c r="J33866" s="1" t="s">
        <v>117803</v>
      </c>
    </row>
    <row r="33867" spans="1:10" x14ac:dyDescent="0.35">
      <c r="A33867" s="1" t="s">
        <v>117775</v>
      </c>
      <c r="B33867" s="1" t="s">
        <v>115221</v>
      </c>
      <c r="C33867" s="1" t="s">
        <v>45</v>
      </c>
      <c r="D33867" s="1" t="s">
        <v>12647</v>
      </c>
      <c r="E33867" s="1" t="s">
        <v>117804</v>
      </c>
      <c r="F33867" s="1" t="s">
        <v>117805</v>
      </c>
      <c r="G33867" s="1" t="s">
        <v>117779</v>
      </c>
      <c r="H33867" s="1" t="s">
        <v>117780</v>
      </c>
      <c r="I33867" s="1" t="s">
        <v>115226</v>
      </c>
      <c r="J33867" s="1" t="s">
        <v>117806</v>
      </c>
    </row>
    <row r="33868" spans="1:10" x14ac:dyDescent="0.35">
      <c r="A33868" s="1" t="s">
        <v>117775</v>
      </c>
      <c r="B33868" s="1" t="s">
        <v>115221</v>
      </c>
      <c r="C33868" s="1" t="s">
        <v>50</v>
      </c>
      <c r="D33868" s="1" t="s">
        <v>82109</v>
      </c>
      <c r="E33868" s="1" t="s">
        <v>117807</v>
      </c>
      <c r="F33868" s="1" t="s">
        <v>117808</v>
      </c>
      <c r="G33868" s="1" t="s">
        <v>117779</v>
      </c>
      <c r="H33868" s="1" t="s">
        <v>117780</v>
      </c>
      <c r="I33868" s="1" t="s">
        <v>115226</v>
      </c>
      <c r="J33868" s="1" t="s">
        <v>117809</v>
      </c>
    </row>
    <row r="33869" spans="1:10" x14ac:dyDescent="0.35">
      <c r="A33869" s="1" t="s">
        <v>117775</v>
      </c>
      <c r="B33869" s="1" t="s">
        <v>115221</v>
      </c>
      <c r="C33869" s="1" t="s">
        <v>55</v>
      </c>
      <c r="D33869" s="1" t="s">
        <v>117810</v>
      </c>
      <c r="E33869" s="1" t="s">
        <v>117811</v>
      </c>
      <c r="F33869" s="1" t="s">
        <v>117812</v>
      </c>
      <c r="G33869" s="1" t="s">
        <v>117779</v>
      </c>
      <c r="H33869" s="1" t="s">
        <v>117780</v>
      </c>
      <c r="I33869" s="1" t="s">
        <v>115226</v>
      </c>
      <c r="J33869" s="1" t="s">
        <v>117813</v>
      </c>
    </row>
    <row r="33870" spans="1:10" x14ac:dyDescent="0.35">
      <c r="A33870" s="1" t="s">
        <v>117775</v>
      </c>
      <c r="B33870" s="1" t="s">
        <v>115221</v>
      </c>
      <c r="C33870" s="1" t="s">
        <v>60</v>
      </c>
      <c r="D33870" s="1" t="s">
        <v>117814</v>
      </c>
      <c r="E33870" s="1" t="s">
        <v>117815</v>
      </c>
      <c r="F33870" s="1" t="s">
        <v>117816</v>
      </c>
      <c r="G33870" s="1" t="s">
        <v>117779</v>
      </c>
      <c r="H33870" s="1" t="s">
        <v>117780</v>
      </c>
      <c r="I33870" s="1" t="s">
        <v>115226</v>
      </c>
      <c r="J33870" s="1" t="s">
        <v>117817</v>
      </c>
    </row>
    <row r="33871" spans="1:10" x14ac:dyDescent="0.35">
      <c r="A33871" s="1" t="s">
        <v>117775</v>
      </c>
      <c r="B33871" s="1" t="s">
        <v>115221</v>
      </c>
      <c r="C33871" s="1" t="s">
        <v>65</v>
      </c>
      <c r="D33871" s="1" t="s">
        <v>113469</v>
      </c>
      <c r="E33871" s="1" t="s">
        <v>117818</v>
      </c>
      <c r="F33871" s="1" t="s">
        <v>117819</v>
      </c>
      <c r="G33871" s="1" t="s">
        <v>117779</v>
      </c>
      <c r="H33871" s="1" t="s">
        <v>117780</v>
      </c>
      <c r="I33871" s="1" t="s">
        <v>115226</v>
      </c>
      <c r="J33871" s="1" t="s">
        <v>117820</v>
      </c>
    </row>
    <row r="33872" spans="1:10" x14ac:dyDescent="0.35">
      <c r="A33872" s="1" t="s">
        <v>117775</v>
      </c>
      <c r="B33872" s="1" t="s">
        <v>115221</v>
      </c>
      <c r="C33872" s="1" t="s">
        <v>70</v>
      </c>
      <c r="D33872" s="1" t="s">
        <v>117821</v>
      </c>
      <c r="E33872" s="1" t="s">
        <v>117822</v>
      </c>
      <c r="F33872" s="1" t="s">
        <v>117823</v>
      </c>
      <c r="G33872" s="1" t="s">
        <v>117779</v>
      </c>
      <c r="H33872" s="1" t="s">
        <v>117780</v>
      </c>
      <c r="I33872" s="1" t="s">
        <v>115226</v>
      </c>
      <c r="J33872" s="1" t="s">
        <v>117824</v>
      </c>
    </row>
    <row r="33873" spans="1:10" x14ac:dyDescent="0.35">
      <c r="A33873" s="1" t="s">
        <v>117775</v>
      </c>
      <c r="B33873" s="1" t="s">
        <v>115221</v>
      </c>
      <c r="C33873" s="1" t="s">
        <v>75</v>
      </c>
      <c r="D33873" s="1" t="s">
        <v>117825</v>
      </c>
      <c r="E33873" s="1" t="s">
        <v>117826</v>
      </c>
      <c r="F33873" s="1" t="s">
        <v>117827</v>
      </c>
      <c r="G33873" s="1" t="s">
        <v>117779</v>
      </c>
      <c r="H33873" s="1" t="s">
        <v>117780</v>
      </c>
      <c r="I33873" s="1" t="s">
        <v>115226</v>
      </c>
      <c r="J33873" s="1" t="s">
        <v>116508</v>
      </c>
    </row>
    <row r="33874" spans="1:10" x14ac:dyDescent="0.35">
      <c r="A33874" s="1" t="s">
        <v>117775</v>
      </c>
      <c r="B33874" s="1" t="s">
        <v>115221</v>
      </c>
      <c r="C33874" s="1" t="s">
        <v>80</v>
      </c>
      <c r="D33874" s="1" t="s">
        <v>117828</v>
      </c>
      <c r="E33874" s="1" t="s">
        <v>117829</v>
      </c>
      <c r="F33874" s="1" t="s">
        <v>117830</v>
      </c>
      <c r="G33874" s="1" t="s">
        <v>117779</v>
      </c>
      <c r="H33874" s="1" t="s">
        <v>117780</v>
      </c>
      <c r="I33874" s="1" t="s">
        <v>115226</v>
      </c>
      <c r="J33874" s="1" t="s">
        <v>117831</v>
      </c>
    </row>
    <row r="33875" spans="1:10" x14ac:dyDescent="0.35">
      <c r="A33875" s="1" t="s">
        <v>117775</v>
      </c>
      <c r="B33875" s="1" t="s">
        <v>115221</v>
      </c>
      <c r="C33875" s="1" t="s">
        <v>85</v>
      </c>
      <c r="D33875" s="1" t="s">
        <v>117832</v>
      </c>
      <c r="E33875" s="1" t="s">
        <v>117833</v>
      </c>
      <c r="F33875" s="1" t="s">
        <v>117834</v>
      </c>
      <c r="G33875" s="1" t="s">
        <v>117779</v>
      </c>
      <c r="H33875" s="1" t="s">
        <v>117780</v>
      </c>
      <c r="I33875" s="1" t="s">
        <v>115226</v>
      </c>
      <c r="J33875" s="1" t="s">
        <v>117835</v>
      </c>
    </row>
    <row r="33876" spans="1:10" x14ac:dyDescent="0.35">
      <c r="A33876" s="1" t="s">
        <v>117775</v>
      </c>
      <c r="B33876" s="1" t="s">
        <v>115221</v>
      </c>
      <c r="C33876" s="1" t="s">
        <v>90</v>
      </c>
      <c r="D33876" s="1" t="s">
        <v>117836</v>
      </c>
      <c r="E33876" s="1" t="s">
        <v>117837</v>
      </c>
      <c r="F33876" s="1" t="s">
        <v>117838</v>
      </c>
      <c r="G33876" s="1" t="s">
        <v>117779</v>
      </c>
      <c r="H33876" s="1" t="s">
        <v>117780</v>
      </c>
      <c r="I33876" s="1" t="s">
        <v>115226</v>
      </c>
      <c r="J33876" s="1" t="s">
        <v>117839</v>
      </c>
    </row>
    <row r="33877" spans="1:10" x14ac:dyDescent="0.35">
      <c r="A33877" s="1" t="s">
        <v>117775</v>
      </c>
      <c r="B33877" s="1" t="s">
        <v>115221</v>
      </c>
      <c r="C33877" s="1" t="s">
        <v>95</v>
      </c>
      <c r="D33877" s="1" t="s">
        <v>117840</v>
      </c>
      <c r="E33877" s="1" t="s">
        <v>117841</v>
      </c>
      <c r="F33877" s="1" t="s">
        <v>117842</v>
      </c>
      <c r="G33877" s="1" t="s">
        <v>117779</v>
      </c>
      <c r="H33877" s="1" t="s">
        <v>117780</v>
      </c>
      <c r="I33877" s="1" t="s">
        <v>115226</v>
      </c>
      <c r="J33877" s="1" t="s">
        <v>4708</v>
      </c>
    </row>
    <row r="33878" spans="1:10" x14ac:dyDescent="0.35">
      <c r="A33878" s="1" t="s">
        <v>117775</v>
      </c>
      <c r="B33878" s="1" t="s">
        <v>115221</v>
      </c>
      <c r="C33878" s="1" t="s">
        <v>100</v>
      </c>
      <c r="D33878" s="1" t="s">
        <v>117843</v>
      </c>
      <c r="E33878" s="1" t="s">
        <v>117844</v>
      </c>
      <c r="F33878" s="1" t="s">
        <v>117845</v>
      </c>
      <c r="G33878" s="1" t="s">
        <v>117779</v>
      </c>
      <c r="H33878" s="1" t="s">
        <v>117780</v>
      </c>
      <c r="I33878" s="1" t="s">
        <v>115226</v>
      </c>
      <c r="J33878" s="1" t="s">
        <v>117846</v>
      </c>
    </row>
    <row r="33879" spans="1:10" x14ac:dyDescent="0.35">
      <c r="A33879" s="1" t="s">
        <v>117775</v>
      </c>
      <c r="B33879" s="1" t="s">
        <v>115221</v>
      </c>
      <c r="C33879" s="1" t="s">
        <v>105</v>
      </c>
      <c r="D33879" s="1" t="s">
        <v>42424</v>
      </c>
      <c r="E33879" s="1" t="s">
        <v>117847</v>
      </c>
      <c r="F33879" s="1" t="s">
        <v>117848</v>
      </c>
      <c r="G33879" s="1" t="s">
        <v>117779</v>
      </c>
      <c r="H33879" s="1" t="s">
        <v>117780</v>
      </c>
      <c r="I33879" s="1" t="s">
        <v>115226</v>
      </c>
      <c r="J33879" s="1" t="s">
        <v>117849</v>
      </c>
    </row>
    <row r="33880" spans="1:10" x14ac:dyDescent="0.35">
      <c r="A33880" s="1" t="s">
        <v>117775</v>
      </c>
      <c r="B33880" s="1" t="s">
        <v>115221</v>
      </c>
      <c r="C33880" s="1" t="s">
        <v>110</v>
      </c>
      <c r="D33880" s="1" t="s">
        <v>11687</v>
      </c>
      <c r="E33880" s="1" t="s">
        <v>117850</v>
      </c>
      <c r="F33880" s="1" t="s">
        <v>117851</v>
      </c>
      <c r="G33880" s="1" t="s">
        <v>117779</v>
      </c>
      <c r="H33880" s="1" t="s">
        <v>117780</v>
      </c>
      <c r="I33880" s="1" t="s">
        <v>115226</v>
      </c>
      <c r="J33880" s="1" t="s">
        <v>117852</v>
      </c>
    </row>
    <row r="33881" spans="1:10" x14ac:dyDescent="0.35">
      <c r="A33881" s="1" t="s">
        <v>117775</v>
      </c>
      <c r="B33881" s="1" t="s">
        <v>115221</v>
      </c>
      <c r="C33881" s="1" t="s">
        <v>115</v>
      </c>
      <c r="D33881" s="1" t="s">
        <v>117853</v>
      </c>
      <c r="E33881" s="1" t="s">
        <v>117854</v>
      </c>
      <c r="F33881" s="1" t="s">
        <v>117855</v>
      </c>
      <c r="G33881" s="1" t="s">
        <v>117779</v>
      </c>
      <c r="H33881" s="1" t="s">
        <v>117780</v>
      </c>
      <c r="I33881" s="1" t="s">
        <v>115226</v>
      </c>
      <c r="J33881" s="1" t="s">
        <v>117856</v>
      </c>
    </row>
    <row r="33882" spans="1:10" x14ac:dyDescent="0.35">
      <c r="A33882" s="1" t="s">
        <v>117775</v>
      </c>
      <c r="B33882" s="1" t="s">
        <v>115221</v>
      </c>
      <c r="C33882" s="1" t="s">
        <v>120</v>
      </c>
      <c r="D33882" s="1" t="s">
        <v>38766</v>
      </c>
      <c r="E33882" s="1" t="s">
        <v>117857</v>
      </c>
      <c r="F33882" s="1" t="s">
        <v>117858</v>
      </c>
      <c r="G33882" s="1" t="s">
        <v>117779</v>
      </c>
      <c r="H33882" s="1" t="s">
        <v>117780</v>
      </c>
      <c r="I33882" s="1" t="s">
        <v>115226</v>
      </c>
      <c r="J33882" s="1" t="s">
        <v>117859</v>
      </c>
    </row>
    <row r="33883" spans="1:10" x14ac:dyDescent="0.35">
      <c r="A33883" s="1" t="s">
        <v>117775</v>
      </c>
      <c r="B33883" s="1" t="s">
        <v>115221</v>
      </c>
      <c r="C33883" s="1" t="s">
        <v>125</v>
      </c>
      <c r="D33883" s="1" t="s">
        <v>117860</v>
      </c>
      <c r="E33883" s="1" t="s">
        <v>117861</v>
      </c>
      <c r="F33883" s="1" t="s">
        <v>117862</v>
      </c>
      <c r="G33883" s="1" t="s">
        <v>117779</v>
      </c>
      <c r="H33883" s="1" t="s">
        <v>117780</v>
      </c>
      <c r="I33883" s="1" t="s">
        <v>115226</v>
      </c>
      <c r="J33883" s="1" t="s">
        <v>117863</v>
      </c>
    </row>
    <row r="33884" spans="1:10" x14ac:dyDescent="0.35">
      <c r="A33884" s="1" t="s">
        <v>117775</v>
      </c>
      <c r="B33884" s="1" t="s">
        <v>115221</v>
      </c>
      <c r="C33884" s="1" t="s">
        <v>130</v>
      </c>
      <c r="D33884" s="1" t="s">
        <v>117864</v>
      </c>
      <c r="E33884" s="1" t="s">
        <v>117865</v>
      </c>
      <c r="F33884" s="1" t="s">
        <v>117866</v>
      </c>
      <c r="G33884" s="1" t="s">
        <v>117779</v>
      </c>
      <c r="H33884" s="1" t="s">
        <v>117780</v>
      </c>
      <c r="I33884" s="1" t="s">
        <v>115226</v>
      </c>
      <c r="J33884" s="1" t="s">
        <v>117867</v>
      </c>
    </row>
    <row r="33885" spans="1:10" x14ac:dyDescent="0.35">
      <c r="A33885" s="1" t="s">
        <v>117775</v>
      </c>
      <c r="B33885" s="1" t="s">
        <v>115221</v>
      </c>
      <c r="C33885" s="1" t="s">
        <v>135</v>
      </c>
      <c r="D33885" s="1" t="s">
        <v>117868</v>
      </c>
      <c r="E33885" s="1" t="s">
        <v>117869</v>
      </c>
      <c r="F33885" s="1" t="s">
        <v>117870</v>
      </c>
      <c r="G33885" s="1" t="s">
        <v>117779</v>
      </c>
      <c r="H33885" s="1" t="s">
        <v>117780</v>
      </c>
      <c r="I33885" s="1" t="s">
        <v>115226</v>
      </c>
      <c r="J33885" s="1" t="s">
        <v>117871</v>
      </c>
    </row>
    <row r="33886" spans="1:10" x14ac:dyDescent="0.35">
      <c r="A33886" s="1" t="s">
        <v>117775</v>
      </c>
      <c r="B33886" s="1" t="s">
        <v>115221</v>
      </c>
      <c r="C33886" s="1" t="s">
        <v>140</v>
      </c>
      <c r="D33886" s="1" t="s">
        <v>117872</v>
      </c>
      <c r="E33886" s="1" t="s">
        <v>117873</v>
      </c>
      <c r="F33886" s="1" t="s">
        <v>117874</v>
      </c>
      <c r="G33886" s="1" t="s">
        <v>117779</v>
      </c>
      <c r="H33886" s="1" t="s">
        <v>117780</v>
      </c>
      <c r="I33886" s="1" t="s">
        <v>115226</v>
      </c>
      <c r="J33886" s="1" t="s">
        <v>117875</v>
      </c>
    </row>
    <row r="33887" spans="1:10" x14ac:dyDescent="0.35">
      <c r="A33887" s="1" t="s">
        <v>117775</v>
      </c>
      <c r="B33887" s="1" t="s">
        <v>115221</v>
      </c>
      <c r="C33887" s="1" t="s">
        <v>145</v>
      </c>
      <c r="D33887" s="1" t="s">
        <v>114993</v>
      </c>
      <c r="E33887" s="1" t="s">
        <v>117876</v>
      </c>
      <c r="F33887" s="1" t="s">
        <v>117877</v>
      </c>
      <c r="G33887" s="1" t="s">
        <v>117779</v>
      </c>
      <c r="H33887" s="1" t="s">
        <v>117780</v>
      </c>
      <c r="I33887" s="1" t="s">
        <v>115226</v>
      </c>
      <c r="J33887" s="1" t="s">
        <v>117878</v>
      </c>
    </row>
    <row r="33888" spans="1:10" x14ac:dyDescent="0.35">
      <c r="A33888" s="1" t="s">
        <v>117775</v>
      </c>
      <c r="B33888" s="1" t="s">
        <v>115221</v>
      </c>
      <c r="C33888" s="1" t="s">
        <v>150</v>
      </c>
      <c r="D33888" s="1" t="s">
        <v>117879</v>
      </c>
      <c r="E33888" s="1" t="s">
        <v>117880</v>
      </c>
      <c r="F33888" s="1" t="s">
        <v>117881</v>
      </c>
      <c r="G33888" s="1" t="s">
        <v>117779</v>
      </c>
      <c r="H33888" s="1" t="s">
        <v>117780</v>
      </c>
      <c r="I33888" s="1" t="s">
        <v>115226</v>
      </c>
      <c r="J33888" s="1" t="s">
        <v>117882</v>
      </c>
    </row>
    <row r="33889" spans="1:10" x14ac:dyDescent="0.35">
      <c r="A33889" s="1" t="s">
        <v>117775</v>
      </c>
      <c r="B33889" s="1" t="s">
        <v>115221</v>
      </c>
      <c r="C33889" s="1" t="s">
        <v>155</v>
      </c>
      <c r="D33889" s="1" t="s">
        <v>117883</v>
      </c>
      <c r="E33889" s="1" t="s">
        <v>117884</v>
      </c>
      <c r="F33889" s="1" t="s">
        <v>117885</v>
      </c>
      <c r="G33889" s="1" t="s">
        <v>117779</v>
      </c>
      <c r="H33889" s="1" t="s">
        <v>117780</v>
      </c>
      <c r="I33889" s="1" t="s">
        <v>115226</v>
      </c>
      <c r="J33889" s="1" t="s">
        <v>117886</v>
      </c>
    </row>
    <row r="33890" spans="1:10" x14ac:dyDescent="0.35">
      <c r="A33890" s="1" t="s">
        <v>117775</v>
      </c>
      <c r="B33890" s="1" t="s">
        <v>115221</v>
      </c>
      <c r="C33890" s="1" t="s">
        <v>160</v>
      </c>
      <c r="D33890" s="1" t="s">
        <v>114544</v>
      </c>
      <c r="E33890" s="1" t="s">
        <v>117887</v>
      </c>
      <c r="F33890" s="1" t="s">
        <v>117888</v>
      </c>
      <c r="G33890" s="1" t="s">
        <v>117779</v>
      </c>
      <c r="H33890" s="1" t="s">
        <v>117780</v>
      </c>
      <c r="I33890" s="1" t="s">
        <v>115226</v>
      </c>
      <c r="J33890" s="1" t="s">
        <v>117889</v>
      </c>
    </row>
    <row r="33891" spans="1:10" x14ac:dyDescent="0.35">
      <c r="A33891" s="1" t="s">
        <v>117775</v>
      </c>
      <c r="B33891" s="1" t="s">
        <v>115221</v>
      </c>
      <c r="C33891" s="1" t="s">
        <v>165</v>
      </c>
      <c r="D33891" s="1" t="s">
        <v>117890</v>
      </c>
      <c r="E33891" s="1" t="s">
        <v>117891</v>
      </c>
      <c r="F33891" s="1" t="s">
        <v>117892</v>
      </c>
      <c r="G33891" s="1" t="s">
        <v>117779</v>
      </c>
      <c r="H33891" s="1" t="s">
        <v>117780</v>
      </c>
      <c r="I33891" s="1" t="s">
        <v>115226</v>
      </c>
      <c r="J33891" s="1" t="s">
        <v>117893</v>
      </c>
    </row>
    <row r="33892" spans="1:10" x14ac:dyDescent="0.35">
      <c r="A33892" s="1" t="s">
        <v>117775</v>
      </c>
      <c r="B33892" s="1" t="s">
        <v>115221</v>
      </c>
      <c r="C33892" s="1" t="s">
        <v>170</v>
      </c>
      <c r="D33892" s="1" t="s">
        <v>117894</v>
      </c>
      <c r="E33892" s="1" t="s">
        <v>117895</v>
      </c>
      <c r="F33892" s="1" t="s">
        <v>117896</v>
      </c>
      <c r="G33892" s="1" t="s">
        <v>117779</v>
      </c>
      <c r="H33892" s="1" t="s">
        <v>117780</v>
      </c>
      <c r="I33892" s="1" t="s">
        <v>115226</v>
      </c>
      <c r="J33892" s="1" t="s">
        <v>117897</v>
      </c>
    </row>
    <row r="33893" spans="1:10" x14ac:dyDescent="0.35">
      <c r="A33893" s="1" t="s">
        <v>117898</v>
      </c>
      <c r="B33893" s="1" t="s">
        <v>115221</v>
      </c>
      <c r="C33893" s="1" t="s">
        <v>8</v>
      </c>
      <c r="D33893" s="1" t="s">
        <v>1185</v>
      </c>
      <c r="E33893" s="1" t="s">
        <v>117899</v>
      </c>
      <c r="F33893" s="1" t="s">
        <v>117900</v>
      </c>
      <c r="G33893" s="1" t="s">
        <v>117901</v>
      </c>
      <c r="H33893" s="1" t="s">
        <v>117902</v>
      </c>
      <c r="I33893" s="1" t="s">
        <v>115226</v>
      </c>
      <c r="J33893" s="1" t="s">
        <v>13</v>
      </c>
    </row>
    <row r="33894" spans="1:10" x14ac:dyDescent="0.35">
      <c r="A33894" s="1" t="s">
        <v>117898</v>
      </c>
      <c r="B33894" s="1" t="s">
        <v>115221</v>
      </c>
      <c r="C33894" s="1" t="s">
        <v>15</v>
      </c>
      <c r="D33894" s="1" t="s">
        <v>1981</v>
      </c>
      <c r="E33894" s="1" t="s">
        <v>117903</v>
      </c>
      <c r="F33894" s="1" t="s">
        <v>117904</v>
      </c>
      <c r="G33894" s="1" t="s">
        <v>117901</v>
      </c>
      <c r="H33894" s="1" t="s">
        <v>117902</v>
      </c>
      <c r="I33894" s="1" t="s">
        <v>115226</v>
      </c>
      <c r="J33894" s="1" t="s">
        <v>28199</v>
      </c>
    </row>
    <row r="33895" spans="1:10" x14ac:dyDescent="0.35">
      <c r="A33895" s="1" t="s">
        <v>117898</v>
      </c>
      <c r="B33895" s="1" t="s">
        <v>115221</v>
      </c>
      <c r="C33895" s="1" t="s">
        <v>20</v>
      </c>
      <c r="D33895" s="1" t="s">
        <v>3984</v>
      </c>
      <c r="E33895" s="1" t="s">
        <v>117905</v>
      </c>
      <c r="F33895" s="1" t="s">
        <v>117906</v>
      </c>
      <c r="G33895" s="1" t="s">
        <v>117901</v>
      </c>
      <c r="H33895" s="1" t="s">
        <v>117902</v>
      </c>
      <c r="I33895" s="1" t="s">
        <v>115226</v>
      </c>
      <c r="J33895" s="1" t="s">
        <v>117907</v>
      </c>
    </row>
    <row r="33896" spans="1:10" x14ac:dyDescent="0.35">
      <c r="A33896" s="1" t="s">
        <v>117898</v>
      </c>
      <c r="B33896" s="1" t="s">
        <v>115221</v>
      </c>
      <c r="C33896" s="1" t="s">
        <v>25</v>
      </c>
      <c r="D33896" s="1" t="s">
        <v>117908</v>
      </c>
      <c r="E33896" s="1" t="s">
        <v>117909</v>
      </c>
      <c r="F33896" s="1" t="s">
        <v>117910</v>
      </c>
      <c r="G33896" s="1" t="s">
        <v>117901</v>
      </c>
      <c r="H33896" s="1" t="s">
        <v>117902</v>
      </c>
      <c r="I33896" s="1" t="s">
        <v>115226</v>
      </c>
      <c r="J33896" s="1" t="s">
        <v>117911</v>
      </c>
    </row>
    <row r="33897" spans="1:10" x14ac:dyDescent="0.35">
      <c r="A33897" s="1" t="s">
        <v>117898</v>
      </c>
      <c r="B33897" s="1" t="s">
        <v>115221</v>
      </c>
      <c r="C33897" s="1" t="s">
        <v>30</v>
      </c>
      <c r="D33897" s="1" t="s">
        <v>117912</v>
      </c>
      <c r="E33897" s="1" t="s">
        <v>117913</v>
      </c>
      <c r="F33897" s="1" t="s">
        <v>117914</v>
      </c>
      <c r="G33897" s="1" t="s">
        <v>117901</v>
      </c>
      <c r="H33897" s="1" t="s">
        <v>117902</v>
      </c>
      <c r="I33897" s="1" t="s">
        <v>115226</v>
      </c>
      <c r="J33897" s="1" t="s">
        <v>117915</v>
      </c>
    </row>
    <row r="33898" spans="1:10" x14ac:dyDescent="0.35">
      <c r="A33898" s="1" t="s">
        <v>117898</v>
      </c>
      <c r="B33898" s="1" t="s">
        <v>115221</v>
      </c>
      <c r="C33898" s="1" t="s">
        <v>35</v>
      </c>
      <c r="D33898" s="1" t="s">
        <v>110504</v>
      </c>
      <c r="E33898" s="1" t="s">
        <v>117916</v>
      </c>
      <c r="F33898" s="1" t="s">
        <v>117917</v>
      </c>
      <c r="G33898" s="1" t="s">
        <v>117901</v>
      </c>
      <c r="H33898" s="1" t="s">
        <v>117902</v>
      </c>
      <c r="I33898" s="1" t="s">
        <v>115226</v>
      </c>
      <c r="J33898" s="1" t="s">
        <v>117918</v>
      </c>
    </row>
    <row r="33899" spans="1:10" x14ac:dyDescent="0.35">
      <c r="A33899" s="1" t="s">
        <v>117898</v>
      </c>
      <c r="B33899" s="1" t="s">
        <v>115221</v>
      </c>
      <c r="C33899" s="1" t="s">
        <v>40</v>
      </c>
      <c r="D33899" s="1" t="s">
        <v>117919</v>
      </c>
      <c r="E33899" s="1" t="s">
        <v>117920</v>
      </c>
      <c r="F33899" s="1" t="s">
        <v>117921</v>
      </c>
      <c r="G33899" s="1" t="s">
        <v>117901</v>
      </c>
      <c r="H33899" s="1" t="s">
        <v>117902</v>
      </c>
      <c r="I33899" s="1" t="s">
        <v>115226</v>
      </c>
      <c r="J33899" s="1" t="s">
        <v>117922</v>
      </c>
    </row>
    <row r="33900" spans="1:10" x14ac:dyDescent="0.35">
      <c r="A33900" s="1" t="s">
        <v>117898</v>
      </c>
      <c r="B33900" s="1" t="s">
        <v>115221</v>
      </c>
      <c r="C33900" s="1" t="s">
        <v>45</v>
      </c>
      <c r="D33900" s="1" t="s">
        <v>27763</v>
      </c>
      <c r="E33900" s="1" t="s">
        <v>117923</v>
      </c>
      <c r="F33900" s="1" t="s">
        <v>117924</v>
      </c>
      <c r="G33900" s="1" t="s">
        <v>117901</v>
      </c>
      <c r="H33900" s="1" t="s">
        <v>117902</v>
      </c>
      <c r="I33900" s="1" t="s">
        <v>115226</v>
      </c>
      <c r="J33900" s="1" t="s">
        <v>117925</v>
      </c>
    </row>
    <row r="33901" spans="1:10" x14ac:dyDescent="0.35">
      <c r="A33901" s="1" t="s">
        <v>117898</v>
      </c>
      <c r="B33901" s="1" t="s">
        <v>115221</v>
      </c>
      <c r="C33901" s="1" t="s">
        <v>50</v>
      </c>
      <c r="D33901" s="1" t="s">
        <v>25117</v>
      </c>
      <c r="E33901" s="1" t="s">
        <v>117926</v>
      </c>
      <c r="F33901" s="1" t="s">
        <v>117927</v>
      </c>
      <c r="G33901" s="1" t="s">
        <v>117901</v>
      </c>
      <c r="H33901" s="1" t="s">
        <v>117902</v>
      </c>
      <c r="I33901" s="1" t="s">
        <v>115226</v>
      </c>
      <c r="J33901" s="1" t="s">
        <v>117928</v>
      </c>
    </row>
    <row r="33902" spans="1:10" x14ac:dyDescent="0.35">
      <c r="A33902" s="1" t="s">
        <v>117898</v>
      </c>
      <c r="B33902" s="1" t="s">
        <v>115221</v>
      </c>
      <c r="C33902" s="1" t="s">
        <v>55</v>
      </c>
      <c r="D33902" s="1" t="s">
        <v>117929</v>
      </c>
      <c r="E33902" s="1" t="s">
        <v>117930</v>
      </c>
      <c r="F33902" s="1" t="s">
        <v>117931</v>
      </c>
      <c r="G33902" s="1" t="s">
        <v>117901</v>
      </c>
      <c r="H33902" s="1" t="s">
        <v>117902</v>
      </c>
      <c r="I33902" s="1" t="s">
        <v>115226</v>
      </c>
      <c r="J33902" s="1" t="s">
        <v>117932</v>
      </c>
    </row>
    <row r="33903" spans="1:10" x14ac:dyDescent="0.35">
      <c r="A33903" s="1" t="s">
        <v>117898</v>
      </c>
      <c r="B33903" s="1" t="s">
        <v>115221</v>
      </c>
      <c r="C33903" s="1" t="s">
        <v>60</v>
      </c>
      <c r="D33903" s="1" t="s">
        <v>117933</v>
      </c>
      <c r="E33903" s="1" t="s">
        <v>117934</v>
      </c>
      <c r="F33903" s="1" t="s">
        <v>117935</v>
      </c>
      <c r="G33903" s="1" t="s">
        <v>117901</v>
      </c>
      <c r="H33903" s="1" t="s">
        <v>117902</v>
      </c>
      <c r="I33903" s="1" t="s">
        <v>115226</v>
      </c>
      <c r="J33903" s="1" t="s">
        <v>117936</v>
      </c>
    </row>
    <row r="33904" spans="1:10" x14ac:dyDescent="0.35">
      <c r="A33904" s="1" t="s">
        <v>117898</v>
      </c>
      <c r="B33904" s="1" t="s">
        <v>115221</v>
      </c>
      <c r="C33904" s="1" t="s">
        <v>65</v>
      </c>
      <c r="D33904" s="1" t="s">
        <v>3961</v>
      </c>
      <c r="E33904" s="1" t="s">
        <v>117937</v>
      </c>
      <c r="F33904" s="1" t="s">
        <v>117938</v>
      </c>
      <c r="G33904" s="1" t="s">
        <v>117901</v>
      </c>
      <c r="H33904" s="1" t="s">
        <v>117902</v>
      </c>
      <c r="I33904" s="1" t="s">
        <v>115226</v>
      </c>
      <c r="J33904" s="1" t="s">
        <v>117939</v>
      </c>
    </row>
    <row r="33905" spans="1:10" x14ac:dyDescent="0.35">
      <c r="A33905" s="1" t="s">
        <v>117898</v>
      </c>
      <c r="B33905" s="1" t="s">
        <v>115221</v>
      </c>
      <c r="C33905" s="1" t="s">
        <v>70</v>
      </c>
      <c r="D33905" s="1" t="s">
        <v>10053</v>
      </c>
      <c r="E33905" s="1" t="s">
        <v>117940</v>
      </c>
      <c r="F33905" s="1" t="s">
        <v>117941</v>
      </c>
      <c r="G33905" s="1" t="s">
        <v>117901</v>
      </c>
      <c r="H33905" s="1" t="s">
        <v>117902</v>
      </c>
      <c r="I33905" s="1" t="s">
        <v>115226</v>
      </c>
      <c r="J33905" s="1" t="s">
        <v>117942</v>
      </c>
    </row>
    <row r="33906" spans="1:10" x14ac:dyDescent="0.35">
      <c r="A33906" s="1" t="s">
        <v>117898</v>
      </c>
      <c r="B33906" s="1" t="s">
        <v>115221</v>
      </c>
      <c r="C33906" s="1" t="s">
        <v>75</v>
      </c>
      <c r="D33906" s="1" t="s">
        <v>117943</v>
      </c>
      <c r="E33906" s="1" t="s">
        <v>117944</v>
      </c>
      <c r="F33906" s="1" t="s">
        <v>117945</v>
      </c>
      <c r="G33906" s="1" t="s">
        <v>117901</v>
      </c>
      <c r="H33906" s="1" t="s">
        <v>117902</v>
      </c>
      <c r="I33906" s="1" t="s">
        <v>115226</v>
      </c>
      <c r="J33906" s="1" t="s">
        <v>117946</v>
      </c>
    </row>
    <row r="33907" spans="1:10" x14ac:dyDescent="0.35">
      <c r="A33907" s="1" t="s">
        <v>117898</v>
      </c>
      <c r="B33907" s="1" t="s">
        <v>115221</v>
      </c>
      <c r="C33907" s="1" t="s">
        <v>80</v>
      </c>
      <c r="D33907" s="1" t="s">
        <v>51749</v>
      </c>
      <c r="E33907" s="1" t="s">
        <v>117947</v>
      </c>
      <c r="F33907" s="1" t="s">
        <v>117948</v>
      </c>
      <c r="G33907" s="1" t="s">
        <v>117901</v>
      </c>
      <c r="H33907" s="1" t="s">
        <v>117902</v>
      </c>
      <c r="I33907" s="1" t="s">
        <v>115226</v>
      </c>
      <c r="J33907" s="1" t="s">
        <v>117949</v>
      </c>
    </row>
    <row r="33908" spans="1:10" x14ac:dyDescent="0.35">
      <c r="A33908" s="1" t="s">
        <v>117898</v>
      </c>
      <c r="B33908" s="1" t="s">
        <v>115221</v>
      </c>
      <c r="C33908" s="1" t="s">
        <v>85</v>
      </c>
      <c r="D33908" s="1" t="s">
        <v>117950</v>
      </c>
      <c r="E33908" s="1" t="s">
        <v>117951</v>
      </c>
      <c r="F33908" s="1" t="s">
        <v>117952</v>
      </c>
      <c r="G33908" s="1" t="s">
        <v>117901</v>
      </c>
      <c r="H33908" s="1" t="s">
        <v>117902</v>
      </c>
      <c r="I33908" s="1" t="s">
        <v>115226</v>
      </c>
      <c r="J33908" s="1" t="s">
        <v>117953</v>
      </c>
    </row>
    <row r="33909" spans="1:10" x14ac:dyDescent="0.35">
      <c r="A33909" s="1" t="s">
        <v>117898</v>
      </c>
      <c r="B33909" s="1" t="s">
        <v>115221</v>
      </c>
      <c r="C33909" s="1" t="s">
        <v>90</v>
      </c>
      <c r="D33909" s="1" t="s">
        <v>29664</v>
      </c>
      <c r="E33909" s="1" t="s">
        <v>117954</v>
      </c>
      <c r="F33909" s="1" t="s">
        <v>117955</v>
      </c>
      <c r="G33909" s="1" t="s">
        <v>117901</v>
      </c>
      <c r="H33909" s="1" t="s">
        <v>117902</v>
      </c>
      <c r="I33909" s="1" t="s">
        <v>115226</v>
      </c>
      <c r="J33909" s="1" t="s">
        <v>117956</v>
      </c>
    </row>
    <row r="33910" spans="1:10" x14ac:dyDescent="0.35">
      <c r="A33910" s="1" t="s">
        <v>117898</v>
      </c>
      <c r="B33910" s="1" t="s">
        <v>115221</v>
      </c>
      <c r="C33910" s="1" t="s">
        <v>95</v>
      </c>
      <c r="D33910" s="1" t="s">
        <v>28780</v>
      </c>
      <c r="E33910" s="1" t="s">
        <v>117957</v>
      </c>
      <c r="F33910" s="1" t="s">
        <v>117958</v>
      </c>
      <c r="G33910" s="1" t="s">
        <v>117901</v>
      </c>
      <c r="H33910" s="1" t="s">
        <v>117902</v>
      </c>
      <c r="I33910" s="1" t="s">
        <v>115226</v>
      </c>
      <c r="J33910" s="1" t="s">
        <v>117959</v>
      </c>
    </row>
    <row r="33911" spans="1:10" x14ac:dyDescent="0.35">
      <c r="A33911" s="1" t="s">
        <v>117898</v>
      </c>
      <c r="B33911" s="1" t="s">
        <v>115221</v>
      </c>
      <c r="C33911" s="1" t="s">
        <v>100</v>
      </c>
      <c r="D33911" s="1" t="s">
        <v>117960</v>
      </c>
      <c r="E33911" s="1" t="s">
        <v>117961</v>
      </c>
      <c r="F33911" s="1" t="s">
        <v>117962</v>
      </c>
      <c r="G33911" s="1" t="s">
        <v>117901</v>
      </c>
      <c r="H33911" s="1" t="s">
        <v>117902</v>
      </c>
      <c r="I33911" s="1" t="s">
        <v>115226</v>
      </c>
      <c r="J33911" s="1" t="s">
        <v>117963</v>
      </c>
    </row>
    <row r="33912" spans="1:10" x14ac:dyDescent="0.35">
      <c r="A33912" s="1" t="s">
        <v>117898</v>
      </c>
      <c r="B33912" s="1" t="s">
        <v>115221</v>
      </c>
      <c r="C33912" s="1" t="s">
        <v>105</v>
      </c>
      <c r="D33912" s="1" t="s">
        <v>117964</v>
      </c>
      <c r="E33912" s="1" t="s">
        <v>117965</v>
      </c>
      <c r="F33912" s="1" t="s">
        <v>117966</v>
      </c>
      <c r="G33912" s="1" t="s">
        <v>117901</v>
      </c>
      <c r="H33912" s="1" t="s">
        <v>117902</v>
      </c>
      <c r="I33912" s="1" t="s">
        <v>115226</v>
      </c>
      <c r="J33912" s="1" t="s">
        <v>117967</v>
      </c>
    </row>
    <row r="33913" spans="1:10" x14ac:dyDescent="0.35">
      <c r="A33913" s="1" t="s">
        <v>117898</v>
      </c>
      <c r="B33913" s="1" t="s">
        <v>115221</v>
      </c>
      <c r="C33913" s="1" t="s">
        <v>110</v>
      </c>
      <c r="D33913" s="1" t="s">
        <v>117968</v>
      </c>
      <c r="E33913" s="1" t="s">
        <v>117969</v>
      </c>
      <c r="F33913" s="1" t="s">
        <v>117970</v>
      </c>
      <c r="G33913" s="1" t="s">
        <v>117901</v>
      </c>
      <c r="H33913" s="1" t="s">
        <v>117902</v>
      </c>
      <c r="I33913" s="1" t="s">
        <v>115226</v>
      </c>
      <c r="J33913" s="1" t="s">
        <v>117971</v>
      </c>
    </row>
    <row r="33914" spans="1:10" x14ac:dyDescent="0.35">
      <c r="A33914" s="1" t="s">
        <v>117898</v>
      </c>
      <c r="B33914" s="1" t="s">
        <v>115221</v>
      </c>
      <c r="C33914" s="1" t="s">
        <v>115</v>
      </c>
      <c r="D33914" s="1" t="s">
        <v>9005</v>
      </c>
      <c r="E33914" s="1" t="s">
        <v>117972</v>
      </c>
      <c r="F33914" s="1" t="s">
        <v>117973</v>
      </c>
      <c r="G33914" s="1" t="s">
        <v>117901</v>
      </c>
      <c r="H33914" s="1" t="s">
        <v>117902</v>
      </c>
      <c r="I33914" s="1" t="s">
        <v>115226</v>
      </c>
      <c r="J33914" s="1" t="s">
        <v>117974</v>
      </c>
    </row>
    <row r="33915" spans="1:10" x14ac:dyDescent="0.35">
      <c r="A33915" s="1" t="s">
        <v>117898</v>
      </c>
      <c r="B33915" s="1" t="s">
        <v>115221</v>
      </c>
      <c r="C33915" s="1" t="s">
        <v>120</v>
      </c>
      <c r="D33915" s="1" t="s">
        <v>25887</v>
      </c>
      <c r="E33915" s="1" t="s">
        <v>117975</v>
      </c>
      <c r="F33915" s="1" t="s">
        <v>117976</v>
      </c>
      <c r="G33915" s="1" t="s">
        <v>117901</v>
      </c>
      <c r="H33915" s="1" t="s">
        <v>117902</v>
      </c>
      <c r="I33915" s="1" t="s">
        <v>115226</v>
      </c>
      <c r="J33915" s="1" t="s">
        <v>117977</v>
      </c>
    </row>
    <row r="33916" spans="1:10" x14ac:dyDescent="0.35">
      <c r="A33916" s="1" t="s">
        <v>117898</v>
      </c>
      <c r="B33916" s="1" t="s">
        <v>115221</v>
      </c>
      <c r="C33916" s="1" t="s">
        <v>125</v>
      </c>
      <c r="D33916" s="1" t="s">
        <v>72674</v>
      </c>
      <c r="E33916" s="1" t="s">
        <v>117978</v>
      </c>
      <c r="F33916" s="1" t="s">
        <v>117979</v>
      </c>
      <c r="G33916" s="1" t="s">
        <v>117901</v>
      </c>
      <c r="H33916" s="1" t="s">
        <v>117902</v>
      </c>
      <c r="I33916" s="1" t="s">
        <v>115226</v>
      </c>
      <c r="J33916" s="1" t="s">
        <v>117980</v>
      </c>
    </row>
    <row r="33917" spans="1:10" x14ac:dyDescent="0.35">
      <c r="A33917" s="1" t="s">
        <v>117898</v>
      </c>
      <c r="B33917" s="1" t="s">
        <v>115221</v>
      </c>
      <c r="C33917" s="1" t="s">
        <v>130</v>
      </c>
      <c r="D33917" s="1" t="s">
        <v>48328</v>
      </c>
      <c r="E33917" s="1" t="s">
        <v>117981</v>
      </c>
      <c r="F33917" s="1" t="s">
        <v>117982</v>
      </c>
      <c r="G33917" s="1" t="s">
        <v>117901</v>
      </c>
      <c r="H33917" s="1" t="s">
        <v>117902</v>
      </c>
      <c r="I33917" s="1" t="s">
        <v>115226</v>
      </c>
      <c r="J33917" s="1" t="s">
        <v>117983</v>
      </c>
    </row>
    <row r="33918" spans="1:10" x14ac:dyDescent="0.35">
      <c r="A33918" s="1" t="s">
        <v>117898</v>
      </c>
      <c r="B33918" s="1" t="s">
        <v>115221</v>
      </c>
      <c r="C33918" s="1" t="s">
        <v>135</v>
      </c>
      <c r="D33918" s="1" t="s">
        <v>74435</v>
      </c>
      <c r="E33918" s="1" t="s">
        <v>117984</v>
      </c>
      <c r="F33918" s="1" t="s">
        <v>117985</v>
      </c>
      <c r="G33918" s="1" t="s">
        <v>117901</v>
      </c>
      <c r="H33918" s="1" t="s">
        <v>117902</v>
      </c>
      <c r="I33918" s="1" t="s">
        <v>115226</v>
      </c>
      <c r="J33918" s="1" t="s">
        <v>117986</v>
      </c>
    </row>
    <row r="33919" spans="1:10" x14ac:dyDescent="0.35">
      <c r="A33919" s="1" t="s">
        <v>117898</v>
      </c>
      <c r="B33919" s="1" t="s">
        <v>115221</v>
      </c>
      <c r="C33919" s="1" t="s">
        <v>140</v>
      </c>
      <c r="D33919" s="1" t="s">
        <v>71096</v>
      </c>
      <c r="E33919" s="1" t="s">
        <v>117987</v>
      </c>
      <c r="F33919" s="1" t="s">
        <v>117988</v>
      </c>
      <c r="G33919" s="1" t="s">
        <v>117901</v>
      </c>
      <c r="H33919" s="1" t="s">
        <v>117902</v>
      </c>
      <c r="I33919" s="1" t="s">
        <v>115226</v>
      </c>
      <c r="J33919" s="1" t="s">
        <v>117989</v>
      </c>
    </row>
    <row r="33920" spans="1:10" x14ac:dyDescent="0.35">
      <c r="A33920" s="1" t="s">
        <v>117898</v>
      </c>
      <c r="B33920" s="1" t="s">
        <v>115221</v>
      </c>
      <c r="C33920" s="1" t="s">
        <v>145</v>
      </c>
      <c r="D33920" s="1" t="s">
        <v>117990</v>
      </c>
      <c r="E33920" s="1" t="s">
        <v>117991</v>
      </c>
      <c r="F33920" s="1" t="s">
        <v>117992</v>
      </c>
      <c r="G33920" s="1" t="s">
        <v>117901</v>
      </c>
      <c r="H33920" s="1" t="s">
        <v>117902</v>
      </c>
      <c r="I33920" s="1" t="s">
        <v>115226</v>
      </c>
      <c r="J33920" s="1" t="s">
        <v>117993</v>
      </c>
    </row>
    <row r="33921" spans="1:10" x14ac:dyDescent="0.35">
      <c r="A33921" s="1" t="s">
        <v>117898</v>
      </c>
      <c r="B33921" s="1" t="s">
        <v>115221</v>
      </c>
      <c r="C33921" s="1" t="s">
        <v>150</v>
      </c>
      <c r="D33921" s="1" t="s">
        <v>50839</v>
      </c>
      <c r="E33921" s="1" t="s">
        <v>117994</v>
      </c>
      <c r="F33921" s="1" t="s">
        <v>117995</v>
      </c>
      <c r="G33921" s="1" t="s">
        <v>117901</v>
      </c>
      <c r="H33921" s="1" t="s">
        <v>117902</v>
      </c>
      <c r="I33921" s="1" t="s">
        <v>115226</v>
      </c>
      <c r="J33921" s="1" t="s">
        <v>117996</v>
      </c>
    </row>
    <row r="33922" spans="1:10" x14ac:dyDescent="0.35">
      <c r="A33922" s="1" t="s">
        <v>117898</v>
      </c>
      <c r="B33922" s="1" t="s">
        <v>115221</v>
      </c>
      <c r="C33922" s="1" t="s">
        <v>155</v>
      </c>
      <c r="D33922" s="1" t="s">
        <v>117997</v>
      </c>
      <c r="E33922" s="1" t="s">
        <v>117998</v>
      </c>
      <c r="F33922" s="1" t="s">
        <v>117999</v>
      </c>
      <c r="G33922" s="1" t="s">
        <v>117901</v>
      </c>
      <c r="H33922" s="1" t="s">
        <v>117902</v>
      </c>
      <c r="I33922" s="1" t="s">
        <v>115226</v>
      </c>
      <c r="J33922" s="1" t="s">
        <v>118000</v>
      </c>
    </row>
    <row r="33923" spans="1:10" x14ac:dyDescent="0.35">
      <c r="A33923" s="1" t="s">
        <v>117898</v>
      </c>
      <c r="B33923" s="1" t="s">
        <v>115221</v>
      </c>
      <c r="C33923" s="1" t="s">
        <v>160</v>
      </c>
      <c r="D33923" s="1" t="s">
        <v>118001</v>
      </c>
      <c r="E33923" s="1" t="s">
        <v>118002</v>
      </c>
      <c r="F33923" s="1" t="s">
        <v>118003</v>
      </c>
      <c r="G33923" s="1" t="s">
        <v>117901</v>
      </c>
      <c r="H33923" s="1" t="s">
        <v>117902</v>
      </c>
      <c r="I33923" s="1" t="s">
        <v>115226</v>
      </c>
      <c r="J33923" s="1" t="s">
        <v>118004</v>
      </c>
    </row>
    <row r="33924" spans="1:10" x14ac:dyDescent="0.35">
      <c r="A33924" s="1" t="s">
        <v>117898</v>
      </c>
      <c r="B33924" s="1" t="s">
        <v>115221</v>
      </c>
      <c r="C33924" s="1" t="s">
        <v>165</v>
      </c>
      <c r="D33924" s="1" t="s">
        <v>38545</v>
      </c>
      <c r="E33924" s="1" t="s">
        <v>118005</v>
      </c>
      <c r="F33924" s="1" t="s">
        <v>118006</v>
      </c>
      <c r="G33924" s="1" t="s">
        <v>117901</v>
      </c>
      <c r="H33924" s="1" t="s">
        <v>117902</v>
      </c>
      <c r="I33924" s="1" t="s">
        <v>115226</v>
      </c>
      <c r="J33924" s="1" t="s">
        <v>118007</v>
      </c>
    </row>
    <row r="33925" spans="1:10" x14ac:dyDescent="0.35">
      <c r="A33925" s="1" t="s">
        <v>117898</v>
      </c>
      <c r="B33925" s="1" t="s">
        <v>115221</v>
      </c>
      <c r="C33925" s="1" t="s">
        <v>170</v>
      </c>
      <c r="D33925" s="1" t="s">
        <v>115890</v>
      </c>
      <c r="E33925" s="1" t="s">
        <v>118008</v>
      </c>
      <c r="F33925" s="1" t="s">
        <v>118009</v>
      </c>
      <c r="G33925" s="1" t="s">
        <v>117901</v>
      </c>
      <c r="H33925" s="1" t="s">
        <v>117902</v>
      </c>
      <c r="I33925" s="1" t="s">
        <v>115226</v>
      </c>
      <c r="J33925" s="1" t="s">
        <v>118010</v>
      </c>
    </row>
    <row r="33926" spans="1:10" x14ac:dyDescent="0.35">
      <c r="A33926" s="1" t="s">
        <v>6131</v>
      </c>
      <c r="B33926" s="1" t="s">
        <v>115221</v>
      </c>
      <c r="C33926" s="1" t="s">
        <v>8</v>
      </c>
      <c r="D33926" s="1" t="s">
        <v>110663</v>
      </c>
      <c r="E33926" s="1" t="s">
        <v>118011</v>
      </c>
      <c r="F33926" s="1" t="s">
        <v>118012</v>
      </c>
      <c r="G33926" s="1" t="s">
        <v>118013</v>
      </c>
      <c r="H33926" s="1" t="s">
        <v>118014</v>
      </c>
      <c r="I33926" s="1" t="s">
        <v>115226</v>
      </c>
      <c r="J33926" s="1" t="s">
        <v>13</v>
      </c>
    </row>
    <row r="33927" spans="1:10" x14ac:dyDescent="0.35">
      <c r="A33927" s="1" t="s">
        <v>6131</v>
      </c>
      <c r="B33927" s="1" t="s">
        <v>115221</v>
      </c>
      <c r="C33927" s="1" t="s">
        <v>15</v>
      </c>
      <c r="D33927" s="1" t="s">
        <v>8337</v>
      </c>
      <c r="E33927" s="1" t="s">
        <v>118015</v>
      </c>
      <c r="F33927" s="1" t="s">
        <v>118016</v>
      </c>
      <c r="G33927" s="1" t="s">
        <v>118013</v>
      </c>
      <c r="H33927" s="1" t="s">
        <v>118014</v>
      </c>
      <c r="I33927" s="1" t="s">
        <v>115226</v>
      </c>
      <c r="J33927" s="1" t="s">
        <v>118017</v>
      </c>
    </row>
    <row r="33928" spans="1:10" x14ac:dyDescent="0.35">
      <c r="A33928" s="1" t="s">
        <v>6131</v>
      </c>
      <c r="B33928" s="1" t="s">
        <v>115221</v>
      </c>
      <c r="C33928" s="1" t="s">
        <v>20</v>
      </c>
      <c r="D33928" s="1" t="s">
        <v>118018</v>
      </c>
      <c r="E33928" s="1" t="s">
        <v>118019</v>
      </c>
      <c r="F33928" s="1" t="s">
        <v>118020</v>
      </c>
      <c r="G33928" s="1" t="s">
        <v>118013</v>
      </c>
      <c r="H33928" s="1" t="s">
        <v>118014</v>
      </c>
      <c r="I33928" s="1" t="s">
        <v>115226</v>
      </c>
      <c r="J33928" s="1" t="s">
        <v>118021</v>
      </c>
    </row>
    <row r="33929" spans="1:10" x14ac:dyDescent="0.35">
      <c r="A33929" s="1" t="s">
        <v>6131</v>
      </c>
      <c r="B33929" s="1" t="s">
        <v>115221</v>
      </c>
      <c r="C33929" s="1" t="s">
        <v>25</v>
      </c>
      <c r="D33929" s="1" t="s">
        <v>27820</v>
      </c>
      <c r="E33929" s="1" t="s">
        <v>118022</v>
      </c>
      <c r="F33929" s="1" t="s">
        <v>118023</v>
      </c>
      <c r="G33929" s="1" t="s">
        <v>118013</v>
      </c>
      <c r="H33929" s="1" t="s">
        <v>118014</v>
      </c>
      <c r="I33929" s="1" t="s">
        <v>115226</v>
      </c>
      <c r="J33929" s="1" t="s">
        <v>118024</v>
      </c>
    </row>
    <row r="33930" spans="1:10" x14ac:dyDescent="0.35">
      <c r="A33930" s="1" t="s">
        <v>6131</v>
      </c>
      <c r="B33930" s="1" t="s">
        <v>115221</v>
      </c>
      <c r="C33930" s="1" t="s">
        <v>30</v>
      </c>
      <c r="D33930" s="1" t="s">
        <v>118025</v>
      </c>
      <c r="E33930" s="1" t="s">
        <v>118026</v>
      </c>
      <c r="F33930" s="1" t="s">
        <v>118027</v>
      </c>
      <c r="G33930" s="1" t="s">
        <v>118013</v>
      </c>
      <c r="H33930" s="1" t="s">
        <v>118014</v>
      </c>
      <c r="I33930" s="1" t="s">
        <v>115226</v>
      </c>
      <c r="J33930" s="1" t="s">
        <v>118028</v>
      </c>
    </row>
    <row r="33931" spans="1:10" x14ac:dyDescent="0.35">
      <c r="A33931" s="1" t="s">
        <v>6131</v>
      </c>
      <c r="B33931" s="1" t="s">
        <v>115221</v>
      </c>
      <c r="C33931" s="1" t="s">
        <v>35</v>
      </c>
      <c r="D33931" s="1" t="s">
        <v>1719</v>
      </c>
      <c r="E33931" s="1" t="s">
        <v>118029</v>
      </c>
      <c r="F33931" s="1" t="s">
        <v>118030</v>
      </c>
      <c r="G33931" s="1" t="s">
        <v>118013</v>
      </c>
      <c r="H33931" s="1" t="s">
        <v>118014</v>
      </c>
      <c r="I33931" s="1" t="s">
        <v>115226</v>
      </c>
      <c r="J33931" s="1" t="s">
        <v>118031</v>
      </c>
    </row>
    <row r="33932" spans="1:10" x14ac:dyDescent="0.35">
      <c r="A33932" s="1" t="s">
        <v>6131</v>
      </c>
      <c r="B33932" s="1" t="s">
        <v>115221</v>
      </c>
      <c r="C33932" s="1" t="s">
        <v>40</v>
      </c>
      <c r="D33932" s="1" t="s">
        <v>104657</v>
      </c>
      <c r="E33932" s="1" t="s">
        <v>118032</v>
      </c>
      <c r="F33932" s="1" t="s">
        <v>118033</v>
      </c>
      <c r="G33932" s="1" t="s">
        <v>118013</v>
      </c>
      <c r="H33932" s="1" t="s">
        <v>118014</v>
      </c>
      <c r="I33932" s="1" t="s">
        <v>115226</v>
      </c>
      <c r="J33932" s="1" t="s">
        <v>118034</v>
      </c>
    </row>
    <row r="33933" spans="1:10" x14ac:dyDescent="0.35">
      <c r="A33933" s="1" t="s">
        <v>6131</v>
      </c>
      <c r="B33933" s="1" t="s">
        <v>115221</v>
      </c>
      <c r="C33933" s="1" t="s">
        <v>45</v>
      </c>
      <c r="D33933" s="1" t="s">
        <v>1743</v>
      </c>
      <c r="E33933" s="1" t="s">
        <v>118035</v>
      </c>
      <c r="F33933" s="1" t="s">
        <v>118036</v>
      </c>
      <c r="G33933" s="1" t="s">
        <v>118013</v>
      </c>
      <c r="H33933" s="1" t="s">
        <v>118014</v>
      </c>
      <c r="I33933" s="1" t="s">
        <v>115226</v>
      </c>
      <c r="J33933" s="1" t="s">
        <v>118037</v>
      </c>
    </row>
    <row r="33934" spans="1:10" x14ac:dyDescent="0.35">
      <c r="A33934" s="1" t="s">
        <v>6131</v>
      </c>
      <c r="B33934" s="1" t="s">
        <v>115221</v>
      </c>
      <c r="C33934" s="1" t="s">
        <v>50</v>
      </c>
      <c r="D33934" s="1" t="s">
        <v>46352</v>
      </c>
      <c r="E33934" s="1" t="s">
        <v>118038</v>
      </c>
      <c r="F33934" s="1" t="s">
        <v>118039</v>
      </c>
      <c r="G33934" s="1" t="s">
        <v>118013</v>
      </c>
      <c r="H33934" s="1" t="s">
        <v>118014</v>
      </c>
      <c r="I33934" s="1" t="s">
        <v>115226</v>
      </c>
      <c r="J33934" s="1" t="s">
        <v>118040</v>
      </c>
    </row>
    <row r="33935" spans="1:10" x14ac:dyDescent="0.35">
      <c r="A33935" s="1" t="s">
        <v>6131</v>
      </c>
      <c r="B33935" s="1" t="s">
        <v>115221</v>
      </c>
      <c r="C33935" s="1" t="s">
        <v>55</v>
      </c>
      <c r="D33935" s="1" t="s">
        <v>2125</v>
      </c>
      <c r="E33935" s="1" t="s">
        <v>118041</v>
      </c>
      <c r="F33935" s="1" t="s">
        <v>118042</v>
      </c>
      <c r="G33935" s="1" t="s">
        <v>118013</v>
      </c>
      <c r="H33935" s="1" t="s">
        <v>118014</v>
      </c>
      <c r="I33935" s="1" t="s">
        <v>115226</v>
      </c>
      <c r="J33935" s="1" t="s">
        <v>118043</v>
      </c>
    </row>
    <row r="33936" spans="1:10" x14ac:dyDescent="0.35">
      <c r="A33936" s="1" t="s">
        <v>6131</v>
      </c>
      <c r="B33936" s="1" t="s">
        <v>115221</v>
      </c>
      <c r="C33936" s="1" t="s">
        <v>60</v>
      </c>
      <c r="D33936" s="1" t="s">
        <v>117368</v>
      </c>
      <c r="E33936" s="1" t="s">
        <v>118044</v>
      </c>
      <c r="F33936" s="1" t="s">
        <v>118045</v>
      </c>
      <c r="G33936" s="1" t="s">
        <v>118013</v>
      </c>
      <c r="H33936" s="1" t="s">
        <v>118014</v>
      </c>
      <c r="I33936" s="1" t="s">
        <v>115226</v>
      </c>
      <c r="J33936" s="1" t="s">
        <v>118046</v>
      </c>
    </row>
    <row r="33937" spans="1:10" x14ac:dyDescent="0.35">
      <c r="A33937" s="1" t="s">
        <v>6131</v>
      </c>
      <c r="B33937" s="1" t="s">
        <v>115221</v>
      </c>
      <c r="C33937" s="1" t="s">
        <v>65</v>
      </c>
      <c r="D33937" s="1" t="s">
        <v>118047</v>
      </c>
      <c r="E33937" s="1" t="s">
        <v>118048</v>
      </c>
      <c r="F33937" s="1" t="s">
        <v>118049</v>
      </c>
      <c r="G33937" s="1" t="s">
        <v>118013</v>
      </c>
      <c r="H33937" s="1" t="s">
        <v>118014</v>
      </c>
      <c r="I33937" s="1" t="s">
        <v>115226</v>
      </c>
      <c r="J33937" s="1" t="s">
        <v>118050</v>
      </c>
    </row>
    <row r="33938" spans="1:10" x14ac:dyDescent="0.35">
      <c r="A33938" s="1" t="s">
        <v>6131</v>
      </c>
      <c r="B33938" s="1" t="s">
        <v>115221</v>
      </c>
      <c r="C33938" s="1" t="s">
        <v>70</v>
      </c>
      <c r="D33938" s="1" t="s">
        <v>14072</v>
      </c>
      <c r="E33938" s="1" t="s">
        <v>118051</v>
      </c>
      <c r="F33938" s="1" t="s">
        <v>118052</v>
      </c>
      <c r="G33938" s="1" t="s">
        <v>118013</v>
      </c>
      <c r="H33938" s="1" t="s">
        <v>118014</v>
      </c>
      <c r="I33938" s="1" t="s">
        <v>115226</v>
      </c>
      <c r="J33938" s="1" t="s">
        <v>118053</v>
      </c>
    </row>
    <row r="33939" spans="1:10" x14ac:dyDescent="0.35">
      <c r="A33939" s="1" t="s">
        <v>6131</v>
      </c>
      <c r="B33939" s="1" t="s">
        <v>115221</v>
      </c>
      <c r="C33939" s="1" t="s">
        <v>75</v>
      </c>
      <c r="D33939" s="1" t="s">
        <v>29689</v>
      </c>
      <c r="E33939" s="1" t="s">
        <v>118054</v>
      </c>
      <c r="F33939" s="1" t="s">
        <v>118055</v>
      </c>
      <c r="G33939" s="1" t="s">
        <v>118013</v>
      </c>
      <c r="H33939" s="1" t="s">
        <v>118014</v>
      </c>
      <c r="I33939" s="1" t="s">
        <v>115226</v>
      </c>
      <c r="J33939" s="1" t="s">
        <v>118056</v>
      </c>
    </row>
    <row r="33940" spans="1:10" x14ac:dyDescent="0.35">
      <c r="A33940" s="1" t="s">
        <v>6131</v>
      </c>
      <c r="B33940" s="1" t="s">
        <v>115221</v>
      </c>
      <c r="C33940" s="1" t="s">
        <v>80</v>
      </c>
      <c r="D33940" s="1" t="s">
        <v>118057</v>
      </c>
      <c r="E33940" s="1" t="s">
        <v>118058</v>
      </c>
      <c r="F33940" s="1" t="s">
        <v>118059</v>
      </c>
      <c r="G33940" s="1" t="s">
        <v>118013</v>
      </c>
      <c r="H33940" s="1" t="s">
        <v>118014</v>
      </c>
      <c r="I33940" s="1" t="s">
        <v>115226</v>
      </c>
      <c r="J33940" s="1" t="s">
        <v>118060</v>
      </c>
    </row>
    <row r="33941" spans="1:10" x14ac:dyDescent="0.35">
      <c r="A33941" s="1" t="s">
        <v>6131</v>
      </c>
      <c r="B33941" s="1" t="s">
        <v>115221</v>
      </c>
      <c r="C33941" s="1" t="s">
        <v>85</v>
      </c>
      <c r="D33941" s="1" t="s">
        <v>109598</v>
      </c>
      <c r="E33941" s="1" t="s">
        <v>118061</v>
      </c>
      <c r="F33941" s="1" t="s">
        <v>118062</v>
      </c>
      <c r="G33941" s="1" t="s">
        <v>118013</v>
      </c>
      <c r="H33941" s="1" t="s">
        <v>118014</v>
      </c>
      <c r="I33941" s="1" t="s">
        <v>115226</v>
      </c>
      <c r="J33941" s="1" t="s">
        <v>118063</v>
      </c>
    </row>
    <row r="33942" spans="1:10" x14ac:dyDescent="0.35">
      <c r="A33942" s="1" t="s">
        <v>6131</v>
      </c>
      <c r="B33942" s="1" t="s">
        <v>115221</v>
      </c>
      <c r="C33942" s="1" t="s">
        <v>90</v>
      </c>
      <c r="D33942" s="1" t="s">
        <v>71863</v>
      </c>
      <c r="E33942" s="1" t="s">
        <v>118064</v>
      </c>
      <c r="F33942" s="1" t="s">
        <v>118065</v>
      </c>
      <c r="G33942" s="1" t="s">
        <v>118013</v>
      </c>
      <c r="H33942" s="1" t="s">
        <v>118014</v>
      </c>
      <c r="I33942" s="1" t="s">
        <v>115226</v>
      </c>
      <c r="J33942" s="1" t="s">
        <v>118066</v>
      </c>
    </row>
    <row r="33943" spans="1:10" x14ac:dyDescent="0.35">
      <c r="A33943" s="1" t="s">
        <v>6131</v>
      </c>
      <c r="B33943" s="1" t="s">
        <v>115221</v>
      </c>
      <c r="C33943" s="1" t="s">
        <v>95</v>
      </c>
      <c r="D33943" s="1" t="s">
        <v>118067</v>
      </c>
      <c r="E33943" s="1" t="s">
        <v>118068</v>
      </c>
      <c r="F33943" s="1" t="s">
        <v>118069</v>
      </c>
      <c r="G33943" s="1" t="s">
        <v>118013</v>
      </c>
      <c r="H33943" s="1" t="s">
        <v>118014</v>
      </c>
      <c r="I33943" s="1" t="s">
        <v>115226</v>
      </c>
      <c r="J33943" s="1" t="s">
        <v>118070</v>
      </c>
    </row>
    <row r="33944" spans="1:10" x14ac:dyDescent="0.35">
      <c r="A33944" s="1" t="s">
        <v>6131</v>
      </c>
      <c r="B33944" s="1" t="s">
        <v>115221</v>
      </c>
      <c r="C33944" s="1" t="s">
        <v>100</v>
      </c>
      <c r="D33944" s="1" t="s">
        <v>1620</v>
      </c>
      <c r="E33944" s="1" t="s">
        <v>118071</v>
      </c>
      <c r="F33944" s="1" t="s">
        <v>118072</v>
      </c>
      <c r="G33944" s="1" t="s">
        <v>118013</v>
      </c>
      <c r="H33944" s="1" t="s">
        <v>118014</v>
      </c>
      <c r="I33944" s="1" t="s">
        <v>115226</v>
      </c>
      <c r="J33944" s="1" t="s">
        <v>118073</v>
      </c>
    </row>
    <row r="33945" spans="1:10" x14ac:dyDescent="0.35">
      <c r="A33945" s="1" t="s">
        <v>6131</v>
      </c>
      <c r="B33945" s="1" t="s">
        <v>115221</v>
      </c>
      <c r="C33945" s="1" t="s">
        <v>105</v>
      </c>
      <c r="D33945" s="1" t="s">
        <v>73183</v>
      </c>
      <c r="E33945" s="1" t="s">
        <v>118074</v>
      </c>
      <c r="F33945" s="1" t="s">
        <v>118075</v>
      </c>
      <c r="G33945" s="1" t="s">
        <v>118013</v>
      </c>
      <c r="H33945" s="1" t="s">
        <v>118014</v>
      </c>
      <c r="I33945" s="1" t="s">
        <v>115226</v>
      </c>
      <c r="J33945" s="1" t="s">
        <v>118076</v>
      </c>
    </row>
    <row r="33946" spans="1:10" x14ac:dyDescent="0.35">
      <c r="A33946" s="1" t="s">
        <v>6131</v>
      </c>
      <c r="B33946" s="1" t="s">
        <v>115221</v>
      </c>
      <c r="C33946" s="1" t="s">
        <v>110</v>
      </c>
      <c r="D33946" s="1" t="s">
        <v>25750</v>
      </c>
      <c r="E33946" s="1" t="s">
        <v>118077</v>
      </c>
      <c r="F33946" s="1" t="s">
        <v>118078</v>
      </c>
      <c r="G33946" s="1" t="s">
        <v>118013</v>
      </c>
      <c r="H33946" s="1" t="s">
        <v>118014</v>
      </c>
      <c r="I33946" s="1" t="s">
        <v>115226</v>
      </c>
      <c r="J33946" s="1" t="s">
        <v>118079</v>
      </c>
    </row>
    <row r="33947" spans="1:10" x14ac:dyDescent="0.35">
      <c r="A33947" s="1" t="s">
        <v>6131</v>
      </c>
      <c r="B33947" s="1" t="s">
        <v>115221</v>
      </c>
      <c r="C33947" s="1" t="s">
        <v>115</v>
      </c>
      <c r="D33947" s="1" t="s">
        <v>118080</v>
      </c>
      <c r="E33947" s="1" t="s">
        <v>118081</v>
      </c>
      <c r="F33947" s="1" t="s">
        <v>118082</v>
      </c>
      <c r="G33947" s="1" t="s">
        <v>118013</v>
      </c>
      <c r="H33947" s="1" t="s">
        <v>118014</v>
      </c>
      <c r="I33947" s="1" t="s">
        <v>115226</v>
      </c>
      <c r="J33947" s="1" t="s">
        <v>118083</v>
      </c>
    </row>
    <row r="33948" spans="1:10" x14ac:dyDescent="0.35">
      <c r="A33948" s="1" t="s">
        <v>6131</v>
      </c>
      <c r="B33948" s="1" t="s">
        <v>115221</v>
      </c>
      <c r="C33948" s="1" t="s">
        <v>120</v>
      </c>
      <c r="D33948" s="1" t="s">
        <v>3248</v>
      </c>
      <c r="E33948" s="1" t="s">
        <v>118084</v>
      </c>
      <c r="F33948" s="1" t="s">
        <v>118085</v>
      </c>
      <c r="G33948" s="1" t="s">
        <v>118013</v>
      </c>
      <c r="H33948" s="1" t="s">
        <v>118014</v>
      </c>
      <c r="I33948" s="1" t="s">
        <v>115226</v>
      </c>
      <c r="J33948" s="1" t="s">
        <v>118086</v>
      </c>
    </row>
    <row r="33949" spans="1:10" x14ac:dyDescent="0.35">
      <c r="A33949" s="1" t="s">
        <v>6131</v>
      </c>
      <c r="B33949" s="1" t="s">
        <v>115221</v>
      </c>
      <c r="C33949" s="1" t="s">
        <v>125</v>
      </c>
      <c r="D33949" s="1" t="s">
        <v>118087</v>
      </c>
      <c r="E33949" s="1" t="s">
        <v>118088</v>
      </c>
      <c r="F33949" s="1" t="s">
        <v>118089</v>
      </c>
      <c r="G33949" s="1" t="s">
        <v>118013</v>
      </c>
      <c r="H33949" s="1" t="s">
        <v>118014</v>
      </c>
      <c r="I33949" s="1" t="s">
        <v>115226</v>
      </c>
      <c r="J33949" s="1" t="s">
        <v>118090</v>
      </c>
    </row>
    <row r="33950" spans="1:10" x14ac:dyDescent="0.35">
      <c r="A33950" s="1" t="s">
        <v>6131</v>
      </c>
      <c r="B33950" s="1" t="s">
        <v>115221</v>
      </c>
      <c r="C33950" s="1" t="s">
        <v>130</v>
      </c>
      <c r="D33950" s="1" t="s">
        <v>118091</v>
      </c>
      <c r="E33950" s="1" t="s">
        <v>118092</v>
      </c>
      <c r="F33950" s="1" t="s">
        <v>118093</v>
      </c>
      <c r="G33950" s="1" t="s">
        <v>118013</v>
      </c>
      <c r="H33950" s="1" t="s">
        <v>118014</v>
      </c>
      <c r="I33950" s="1" t="s">
        <v>115226</v>
      </c>
      <c r="J33950" s="1" t="s">
        <v>118094</v>
      </c>
    </row>
    <row r="33951" spans="1:10" x14ac:dyDescent="0.35">
      <c r="A33951" s="1" t="s">
        <v>6131</v>
      </c>
      <c r="B33951" s="1" t="s">
        <v>115221</v>
      </c>
      <c r="C33951" s="1" t="s">
        <v>135</v>
      </c>
      <c r="D33951" s="1" t="s">
        <v>36780</v>
      </c>
      <c r="E33951" s="1" t="s">
        <v>118095</v>
      </c>
      <c r="F33951" s="1" t="s">
        <v>118096</v>
      </c>
      <c r="G33951" s="1" t="s">
        <v>118013</v>
      </c>
      <c r="H33951" s="1" t="s">
        <v>118014</v>
      </c>
      <c r="I33951" s="1" t="s">
        <v>115226</v>
      </c>
      <c r="J33951" s="1" t="s">
        <v>13423</v>
      </c>
    </row>
    <row r="33952" spans="1:10" x14ac:dyDescent="0.35">
      <c r="A33952" s="1" t="s">
        <v>6131</v>
      </c>
      <c r="B33952" s="1" t="s">
        <v>115221</v>
      </c>
      <c r="C33952" s="1" t="s">
        <v>140</v>
      </c>
      <c r="D33952" s="1" t="s">
        <v>118097</v>
      </c>
      <c r="E33952" s="1" t="s">
        <v>118098</v>
      </c>
      <c r="F33952" s="1" t="s">
        <v>118099</v>
      </c>
      <c r="G33952" s="1" t="s">
        <v>118013</v>
      </c>
      <c r="H33952" s="1" t="s">
        <v>118014</v>
      </c>
      <c r="I33952" s="1" t="s">
        <v>115226</v>
      </c>
      <c r="J33952" s="1" t="s">
        <v>118100</v>
      </c>
    </row>
    <row r="33953" spans="1:10" x14ac:dyDescent="0.35">
      <c r="A33953" s="1" t="s">
        <v>6131</v>
      </c>
      <c r="B33953" s="1" t="s">
        <v>115221</v>
      </c>
      <c r="C33953" s="1" t="s">
        <v>145</v>
      </c>
      <c r="D33953" s="1" t="s">
        <v>72450</v>
      </c>
      <c r="E33953" s="1" t="s">
        <v>118101</v>
      </c>
      <c r="F33953" s="1" t="s">
        <v>118102</v>
      </c>
      <c r="G33953" s="1" t="s">
        <v>118013</v>
      </c>
      <c r="H33953" s="1" t="s">
        <v>118014</v>
      </c>
      <c r="I33953" s="1" t="s">
        <v>115226</v>
      </c>
      <c r="J33953" s="1" t="s">
        <v>118103</v>
      </c>
    </row>
    <row r="33954" spans="1:10" x14ac:dyDescent="0.35">
      <c r="A33954" s="1" t="s">
        <v>6131</v>
      </c>
      <c r="B33954" s="1" t="s">
        <v>115221</v>
      </c>
      <c r="C33954" s="1" t="s">
        <v>150</v>
      </c>
      <c r="D33954" s="1" t="s">
        <v>118104</v>
      </c>
      <c r="E33954" s="1" t="s">
        <v>118105</v>
      </c>
      <c r="F33954" s="1" t="s">
        <v>118106</v>
      </c>
      <c r="G33954" s="1" t="s">
        <v>118013</v>
      </c>
      <c r="H33954" s="1" t="s">
        <v>118014</v>
      </c>
      <c r="I33954" s="1" t="s">
        <v>115226</v>
      </c>
      <c r="J33954" s="1" t="s">
        <v>118107</v>
      </c>
    </row>
    <row r="33955" spans="1:10" x14ac:dyDescent="0.35">
      <c r="A33955" s="1" t="s">
        <v>6131</v>
      </c>
      <c r="B33955" s="1" t="s">
        <v>115221</v>
      </c>
      <c r="C33955" s="1" t="s">
        <v>155</v>
      </c>
      <c r="D33955" s="1" t="s">
        <v>18526</v>
      </c>
      <c r="E33955" s="1" t="s">
        <v>118108</v>
      </c>
      <c r="F33955" s="1" t="s">
        <v>118109</v>
      </c>
      <c r="G33955" s="1" t="s">
        <v>118013</v>
      </c>
      <c r="H33955" s="1" t="s">
        <v>118014</v>
      </c>
      <c r="I33955" s="1" t="s">
        <v>115226</v>
      </c>
      <c r="J33955" s="1" t="s">
        <v>118110</v>
      </c>
    </row>
    <row r="33956" spans="1:10" x14ac:dyDescent="0.35">
      <c r="A33956" s="1" t="s">
        <v>6131</v>
      </c>
      <c r="B33956" s="1" t="s">
        <v>115221</v>
      </c>
      <c r="C33956" s="1" t="s">
        <v>160</v>
      </c>
      <c r="D33956" s="1" t="s">
        <v>30897</v>
      </c>
      <c r="E33956" s="1" t="s">
        <v>118111</v>
      </c>
      <c r="F33956" s="1" t="s">
        <v>118112</v>
      </c>
      <c r="G33956" s="1" t="s">
        <v>118013</v>
      </c>
      <c r="H33956" s="1" t="s">
        <v>118014</v>
      </c>
      <c r="I33956" s="1" t="s">
        <v>115226</v>
      </c>
      <c r="J33956" s="1" t="s">
        <v>118113</v>
      </c>
    </row>
    <row r="33957" spans="1:10" x14ac:dyDescent="0.35">
      <c r="A33957" s="1" t="s">
        <v>6131</v>
      </c>
      <c r="B33957" s="1" t="s">
        <v>115221</v>
      </c>
      <c r="C33957" s="1" t="s">
        <v>165</v>
      </c>
      <c r="D33957" s="1" t="s">
        <v>118114</v>
      </c>
      <c r="E33957" s="1" t="s">
        <v>118115</v>
      </c>
      <c r="F33957" s="1" t="s">
        <v>118116</v>
      </c>
      <c r="G33957" s="1" t="s">
        <v>118013</v>
      </c>
      <c r="H33957" s="1" t="s">
        <v>118014</v>
      </c>
      <c r="I33957" s="1" t="s">
        <v>115226</v>
      </c>
      <c r="J33957" s="1" t="s">
        <v>118117</v>
      </c>
    </row>
    <row r="33958" spans="1:10" x14ac:dyDescent="0.35">
      <c r="A33958" s="1" t="s">
        <v>6131</v>
      </c>
      <c r="B33958" s="1" t="s">
        <v>115221</v>
      </c>
      <c r="C33958" s="1" t="s">
        <v>170</v>
      </c>
      <c r="D33958" s="1" t="s">
        <v>118118</v>
      </c>
      <c r="E33958" s="1" t="s">
        <v>118119</v>
      </c>
      <c r="F33958" s="1" t="s">
        <v>118120</v>
      </c>
      <c r="G33958" s="1" t="s">
        <v>118013</v>
      </c>
      <c r="H33958" s="1" t="s">
        <v>118014</v>
      </c>
      <c r="I33958" s="1" t="s">
        <v>115226</v>
      </c>
      <c r="J33958" s="1" t="s">
        <v>118121</v>
      </c>
    </row>
    <row r="33959" spans="1:10" x14ac:dyDescent="0.35">
      <c r="A33959" s="1" t="s">
        <v>118122</v>
      </c>
      <c r="B33959" s="1" t="s">
        <v>115221</v>
      </c>
      <c r="C33959" s="1" t="s">
        <v>8</v>
      </c>
      <c r="D33959" s="1" t="s">
        <v>27437</v>
      </c>
      <c r="E33959" s="1" t="s">
        <v>118123</v>
      </c>
      <c r="F33959" s="1" t="s">
        <v>118124</v>
      </c>
      <c r="G33959" s="1" t="s">
        <v>118125</v>
      </c>
      <c r="H33959" s="1" t="s">
        <v>118126</v>
      </c>
      <c r="I33959" s="1" t="s">
        <v>115226</v>
      </c>
      <c r="J33959" s="1" t="s">
        <v>13</v>
      </c>
    </row>
    <row r="33960" spans="1:10" x14ac:dyDescent="0.35">
      <c r="A33960" s="1" t="s">
        <v>118122</v>
      </c>
      <c r="B33960" s="1" t="s">
        <v>115221</v>
      </c>
      <c r="C33960" s="1" t="s">
        <v>15</v>
      </c>
      <c r="D33960" s="1" t="s">
        <v>8095</v>
      </c>
      <c r="E33960" s="1" t="s">
        <v>118127</v>
      </c>
      <c r="F33960" s="1" t="s">
        <v>118128</v>
      </c>
      <c r="G33960" s="1" t="s">
        <v>118125</v>
      </c>
      <c r="H33960" s="1" t="s">
        <v>118126</v>
      </c>
      <c r="I33960" s="1" t="s">
        <v>115226</v>
      </c>
      <c r="J33960" s="1" t="s">
        <v>118129</v>
      </c>
    </row>
    <row r="33961" spans="1:10" x14ac:dyDescent="0.35">
      <c r="A33961" s="1" t="s">
        <v>118122</v>
      </c>
      <c r="B33961" s="1" t="s">
        <v>115221</v>
      </c>
      <c r="C33961" s="1" t="s">
        <v>20</v>
      </c>
      <c r="D33961" s="1" t="s">
        <v>45259</v>
      </c>
      <c r="E33961" s="1" t="s">
        <v>118130</v>
      </c>
      <c r="F33961" s="1" t="s">
        <v>118131</v>
      </c>
      <c r="G33961" s="1" t="s">
        <v>118125</v>
      </c>
      <c r="H33961" s="1" t="s">
        <v>118126</v>
      </c>
      <c r="I33961" s="1" t="s">
        <v>115226</v>
      </c>
      <c r="J33961" s="1" t="s">
        <v>118132</v>
      </c>
    </row>
    <row r="33962" spans="1:10" x14ac:dyDescent="0.35">
      <c r="A33962" s="1" t="s">
        <v>118122</v>
      </c>
      <c r="B33962" s="1" t="s">
        <v>115221</v>
      </c>
      <c r="C33962" s="1" t="s">
        <v>25</v>
      </c>
      <c r="D33962" s="1" t="s">
        <v>118133</v>
      </c>
      <c r="E33962" s="1" t="s">
        <v>118134</v>
      </c>
      <c r="F33962" s="1" t="s">
        <v>118135</v>
      </c>
      <c r="G33962" s="1" t="s">
        <v>118125</v>
      </c>
      <c r="H33962" s="1" t="s">
        <v>118126</v>
      </c>
      <c r="I33962" s="1" t="s">
        <v>115226</v>
      </c>
      <c r="J33962" s="1" t="s">
        <v>118136</v>
      </c>
    </row>
    <row r="33963" spans="1:10" x14ac:dyDescent="0.35">
      <c r="A33963" s="1" t="s">
        <v>118122</v>
      </c>
      <c r="B33963" s="1" t="s">
        <v>115221</v>
      </c>
      <c r="C33963" s="1" t="s">
        <v>30</v>
      </c>
      <c r="D33963" s="1" t="s">
        <v>118137</v>
      </c>
      <c r="E33963" s="1" t="s">
        <v>118138</v>
      </c>
      <c r="F33963" s="1" t="s">
        <v>118139</v>
      </c>
      <c r="G33963" s="1" t="s">
        <v>118125</v>
      </c>
      <c r="H33963" s="1" t="s">
        <v>118126</v>
      </c>
      <c r="I33963" s="1" t="s">
        <v>115226</v>
      </c>
      <c r="J33963" s="1" t="s">
        <v>118140</v>
      </c>
    </row>
    <row r="33964" spans="1:10" x14ac:dyDescent="0.35">
      <c r="A33964" s="1" t="s">
        <v>118122</v>
      </c>
      <c r="B33964" s="1" t="s">
        <v>115221</v>
      </c>
      <c r="C33964" s="1" t="s">
        <v>35</v>
      </c>
      <c r="D33964" s="1" t="s">
        <v>118141</v>
      </c>
      <c r="E33964" s="1" t="s">
        <v>118142</v>
      </c>
      <c r="F33964" s="1" t="s">
        <v>118143</v>
      </c>
      <c r="G33964" s="1" t="s">
        <v>118125</v>
      </c>
      <c r="H33964" s="1" t="s">
        <v>118126</v>
      </c>
      <c r="I33964" s="1" t="s">
        <v>115226</v>
      </c>
      <c r="J33964" s="1" t="s">
        <v>118144</v>
      </c>
    </row>
    <row r="33965" spans="1:10" x14ac:dyDescent="0.35">
      <c r="A33965" s="1" t="s">
        <v>118122</v>
      </c>
      <c r="B33965" s="1" t="s">
        <v>115221</v>
      </c>
      <c r="C33965" s="1" t="s">
        <v>40</v>
      </c>
      <c r="D33965" s="1" t="s">
        <v>14514</v>
      </c>
      <c r="E33965" s="1" t="s">
        <v>118145</v>
      </c>
      <c r="F33965" s="1" t="s">
        <v>118146</v>
      </c>
      <c r="G33965" s="1" t="s">
        <v>118125</v>
      </c>
      <c r="H33965" s="1" t="s">
        <v>118126</v>
      </c>
      <c r="I33965" s="1" t="s">
        <v>115226</v>
      </c>
      <c r="J33965" s="1" t="s">
        <v>118147</v>
      </c>
    </row>
    <row r="33966" spans="1:10" x14ac:dyDescent="0.35">
      <c r="A33966" s="1" t="s">
        <v>118122</v>
      </c>
      <c r="B33966" s="1" t="s">
        <v>115221</v>
      </c>
      <c r="C33966" s="1" t="s">
        <v>45</v>
      </c>
      <c r="D33966" s="1" t="s">
        <v>28574</v>
      </c>
      <c r="E33966" s="1" t="s">
        <v>118148</v>
      </c>
      <c r="F33966" s="1" t="s">
        <v>118149</v>
      </c>
      <c r="G33966" s="1" t="s">
        <v>118125</v>
      </c>
      <c r="H33966" s="1" t="s">
        <v>118126</v>
      </c>
      <c r="I33966" s="1" t="s">
        <v>115226</v>
      </c>
      <c r="J33966" s="1" t="s">
        <v>118150</v>
      </c>
    </row>
    <row r="33967" spans="1:10" x14ac:dyDescent="0.35">
      <c r="A33967" s="1" t="s">
        <v>118122</v>
      </c>
      <c r="B33967" s="1" t="s">
        <v>115221</v>
      </c>
      <c r="C33967" s="1" t="s">
        <v>50</v>
      </c>
      <c r="D33967" s="1" t="s">
        <v>4086</v>
      </c>
      <c r="E33967" s="1" t="s">
        <v>118151</v>
      </c>
      <c r="F33967" s="1" t="s">
        <v>118152</v>
      </c>
      <c r="G33967" s="1" t="s">
        <v>118125</v>
      </c>
      <c r="H33967" s="1" t="s">
        <v>118126</v>
      </c>
      <c r="I33967" s="1" t="s">
        <v>115226</v>
      </c>
      <c r="J33967" s="1" t="s">
        <v>118153</v>
      </c>
    </row>
    <row r="33968" spans="1:10" x14ac:dyDescent="0.35">
      <c r="A33968" s="1" t="s">
        <v>118122</v>
      </c>
      <c r="B33968" s="1" t="s">
        <v>115221</v>
      </c>
      <c r="C33968" s="1" t="s">
        <v>55</v>
      </c>
      <c r="D33968" s="1" t="s">
        <v>118154</v>
      </c>
      <c r="E33968" s="1" t="s">
        <v>118155</v>
      </c>
      <c r="F33968" s="1" t="s">
        <v>118156</v>
      </c>
      <c r="G33968" s="1" t="s">
        <v>118125</v>
      </c>
      <c r="H33968" s="1" t="s">
        <v>118126</v>
      </c>
      <c r="I33968" s="1" t="s">
        <v>115226</v>
      </c>
      <c r="J33968" s="1" t="s">
        <v>118157</v>
      </c>
    </row>
    <row r="33969" spans="1:10" x14ac:dyDescent="0.35">
      <c r="A33969" s="1" t="s">
        <v>118122</v>
      </c>
      <c r="B33969" s="1" t="s">
        <v>115221</v>
      </c>
      <c r="C33969" s="1" t="s">
        <v>60</v>
      </c>
      <c r="D33969" s="1" t="s">
        <v>118158</v>
      </c>
      <c r="E33969" s="1" t="s">
        <v>118159</v>
      </c>
      <c r="F33969" s="1" t="s">
        <v>118160</v>
      </c>
      <c r="G33969" s="1" t="s">
        <v>118125</v>
      </c>
      <c r="H33969" s="1" t="s">
        <v>118126</v>
      </c>
      <c r="I33969" s="1" t="s">
        <v>115226</v>
      </c>
      <c r="J33969" s="1" t="s">
        <v>118161</v>
      </c>
    </row>
    <row r="33970" spans="1:10" x14ac:dyDescent="0.35">
      <c r="A33970" s="1" t="s">
        <v>118122</v>
      </c>
      <c r="B33970" s="1" t="s">
        <v>115221</v>
      </c>
      <c r="C33970" s="1" t="s">
        <v>65</v>
      </c>
      <c r="D33970" s="1" t="s">
        <v>6928</v>
      </c>
      <c r="E33970" s="1" t="s">
        <v>118162</v>
      </c>
      <c r="F33970" s="1" t="s">
        <v>118163</v>
      </c>
      <c r="G33970" s="1" t="s">
        <v>118125</v>
      </c>
      <c r="H33970" s="1" t="s">
        <v>118126</v>
      </c>
      <c r="I33970" s="1" t="s">
        <v>115226</v>
      </c>
      <c r="J33970" s="1" t="s">
        <v>118164</v>
      </c>
    </row>
    <row r="33971" spans="1:10" x14ac:dyDescent="0.35">
      <c r="A33971" s="1" t="s">
        <v>118122</v>
      </c>
      <c r="B33971" s="1" t="s">
        <v>115221</v>
      </c>
      <c r="C33971" s="1" t="s">
        <v>70</v>
      </c>
      <c r="D33971" s="1" t="s">
        <v>118165</v>
      </c>
      <c r="E33971" s="1" t="s">
        <v>118166</v>
      </c>
      <c r="F33971" s="1" t="s">
        <v>118167</v>
      </c>
      <c r="G33971" s="1" t="s">
        <v>118125</v>
      </c>
      <c r="H33971" s="1" t="s">
        <v>118126</v>
      </c>
      <c r="I33971" s="1" t="s">
        <v>115226</v>
      </c>
      <c r="J33971" s="1" t="s">
        <v>118168</v>
      </c>
    </row>
    <row r="33972" spans="1:10" x14ac:dyDescent="0.35">
      <c r="A33972" s="1" t="s">
        <v>118122</v>
      </c>
      <c r="B33972" s="1" t="s">
        <v>115221</v>
      </c>
      <c r="C33972" s="1" t="s">
        <v>75</v>
      </c>
      <c r="D33972" s="1" t="s">
        <v>28801</v>
      </c>
      <c r="E33972" s="1" t="s">
        <v>118169</v>
      </c>
      <c r="F33972" s="1" t="s">
        <v>118170</v>
      </c>
      <c r="G33972" s="1" t="s">
        <v>118125</v>
      </c>
      <c r="H33972" s="1" t="s">
        <v>118126</v>
      </c>
      <c r="I33972" s="1" t="s">
        <v>115226</v>
      </c>
      <c r="J33972" s="1" t="s">
        <v>118171</v>
      </c>
    </row>
    <row r="33973" spans="1:10" x14ac:dyDescent="0.35">
      <c r="A33973" s="1" t="s">
        <v>118122</v>
      </c>
      <c r="B33973" s="1" t="s">
        <v>115221</v>
      </c>
      <c r="C33973" s="1" t="s">
        <v>80</v>
      </c>
      <c r="D33973" s="1" t="s">
        <v>24996</v>
      </c>
      <c r="E33973" s="1" t="s">
        <v>118172</v>
      </c>
      <c r="F33973" s="1" t="s">
        <v>118173</v>
      </c>
      <c r="G33973" s="1" t="s">
        <v>118125</v>
      </c>
      <c r="H33973" s="1" t="s">
        <v>118126</v>
      </c>
      <c r="I33973" s="1" t="s">
        <v>115226</v>
      </c>
      <c r="J33973" s="1" t="s">
        <v>118174</v>
      </c>
    </row>
    <row r="33974" spans="1:10" x14ac:dyDescent="0.35">
      <c r="A33974" s="1" t="s">
        <v>118122</v>
      </c>
      <c r="B33974" s="1" t="s">
        <v>115221</v>
      </c>
      <c r="C33974" s="1" t="s">
        <v>85</v>
      </c>
      <c r="D33974" s="1" t="s">
        <v>16100</v>
      </c>
      <c r="E33974" s="1" t="s">
        <v>118175</v>
      </c>
      <c r="F33974" s="1" t="s">
        <v>118176</v>
      </c>
      <c r="G33974" s="1" t="s">
        <v>118125</v>
      </c>
      <c r="H33974" s="1" t="s">
        <v>118126</v>
      </c>
      <c r="I33974" s="1" t="s">
        <v>115226</v>
      </c>
      <c r="J33974" s="1" t="s">
        <v>118177</v>
      </c>
    </row>
    <row r="33975" spans="1:10" x14ac:dyDescent="0.35">
      <c r="A33975" s="1" t="s">
        <v>118122</v>
      </c>
      <c r="B33975" s="1" t="s">
        <v>115221</v>
      </c>
      <c r="C33975" s="1" t="s">
        <v>90</v>
      </c>
      <c r="D33975" s="1" t="s">
        <v>34424</v>
      </c>
      <c r="E33975" s="1" t="s">
        <v>118178</v>
      </c>
      <c r="F33975" s="1" t="s">
        <v>118179</v>
      </c>
      <c r="G33975" s="1" t="s">
        <v>118125</v>
      </c>
      <c r="H33975" s="1" t="s">
        <v>118126</v>
      </c>
      <c r="I33975" s="1" t="s">
        <v>115226</v>
      </c>
      <c r="J33975" s="1" t="s">
        <v>118180</v>
      </c>
    </row>
    <row r="33976" spans="1:10" x14ac:dyDescent="0.35">
      <c r="A33976" s="1" t="s">
        <v>118122</v>
      </c>
      <c r="B33976" s="1" t="s">
        <v>115221</v>
      </c>
      <c r="C33976" s="1" t="s">
        <v>95</v>
      </c>
      <c r="D33976" s="1" t="s">
        <v>36149</v>
      </c>
      <c r="E33976" s="1" t="s">
        <v>118181</v>
      </c>
      <c r="F33976" s="1" t="s">
        <v>118182</v>
      </c>
      <c r="G33976" s="1" t="s">
        <v>118125</v>
      </c>
      <c r="H33976" s="1" t="s">
        <v>118126</v>
      </c>
      <c r="I33976" s="1" t="s">
        <v>115226</v>
      </c>
      <c r="J33976" s="1" t="s">
        <v>118183</v>
      </c>
    </row>
    <row r="33977" spans="1:10" x14ac:dyDescent="0.35">
      <c r="A33977" s="1" t="s">
        <v>118122</v>
      </c>
      <c r="B33977" s="1" t="s">
        <v>115221</v>
      </c>
      <c r="C33977" s="1" t="s">
        <v>100</v>
      </c>
      <c r="D33977" s="1" t="s">
        <v>111841</v>
      </c>
      <c r="E33977" s="1" t="s">
        <v>118184</v>
      </c>
      <c r="F33977" s="1" t="s">
        <v>118185</v>
      </c>
      <c r="G33977" s="1" t="s">
        <v>118125</v>
      </c>
      <c r="H33977" s="1" t="s">
        <v>118126</v>
      </c>
      <c r="I33977" s="1" t="s">
        <v>115226</v>
      </c>
      <c r="J33977" s="1" t="s">
        <v>118186</v>
      </c>
    </row>
    <row r="33978" spans="1:10" x14ac:dyDescent="0.35">
      <c r="A33978" s="1" t="s">
        <v>118122</v>
      </c>
      <c r="B33978" s="1" t="s">
        <v>115221</v>
      </c>
      <c r="C33978" s="1" t="s">
        <v>105</v>
      </c>
      <c r="D33978" s="1" t="s">
        <v>34492</v>
      </c>
      <c r="E33978" s="1" t="s">
        <v>118187</v>
      </c>
      <c r="F33978" s="1" t="s">
        <v>118188</v>
      </c>
      <c r="G33978" s="1" t="s">
        <v>118125</v>
      </c>
      <c r="H33978" s="1" t="s">
        <v>118126</v>
      </c>
      <c r="I33978" s="1" t="s">
        <v>115226</v>
      </c>
      <c r="J33978" s="1" t="s">
        <v>118189</v>
      </c>
    </row>
    <row r="33979" spans="1:10" x14ac:dyDescent="0.35">
      <c r="A33979" s="1" t="s">
        <v>118122</v>
      </c>
      <c r="B33979" s="1" t="s">
        <v>115221</v>
      </c>
      <c r="C33979" s="1" t="s">
        <v>110</v>
      </c>
      <c r="D33979" s="1" t="s">
        <v>118190</v>
      </c>
      <c r="E33979" s="1" t="s">
        <v>118191</v>
      </c>
      <c r="F33979" s="1" t="s">
        <v>118192</v>
      </c>
      <c r="G33979" s="1" t="s">
        <v>118125</v>
      </c>
      <c r="H33979" s="1" t="s">
        <v>118126</v>
      </c>
      <c r="I33979" s="1" t="s">
        <v>115226</v>
      </c>
      <c r="J33979" s="1" t="s">
        <v>118193</v>
      </c>
    </row>
    <row r="33980" spans="1:10" x14ac:dyDescent="0.35">
      <c r="A33980" s="1" t="s">
        <v>118122</v>
      </c>
      <c r="B33980" s="1" t="s">
        <v>115221</v>
      </c>
      <c r="C33980" s="1" t="s">
        <v>115</v>
      </c>
      <c r="D33980" s="1" t="s">
        <v>118194</v>
      </c>
      <c r="E33980" s="1" t="s">
        <v>118195</v>
      </c>
      <c r="F33980" s="1" t="s">
        <v>118196</v>
      </c>
      <c r="G33980" s="1" t="s">
        <v>118125</v>
      </c>
      <c r="H33980" s="1" t="s">
        <v>118126</v>
      </c>
      <c r="I33980" s="1" t="s">
        <v>115226</v>
      </c>
      <c r="J33980" s="1" t="s">
        <v>118197</v>
      </c>
    </row>
    <row r="33981" spans="1:10" x14ac:dyDescent="0.35">
      <c r="A33981" s="1" t="s">
        <v>118122</v>
      </c>
      <c r="B33981" s="1" t="s">
        <v>115221</v>
      </c>
      <c r="C33981" s="1" t="s">
        <v>120</v>
      </c>
      <c r="D33981" s="1" t="s">
        <v>118198</v>
      </c>
      <c r="E33981" s="1" t="s">
        <v>118199</v>
      </c>
      <c r="F33981" s="1" t="s">
        <v>118200</v>
      </c>
      <c r="G33981" s="1" t="s">
        <v>118125</v>
      </c>
      <c r="H33981" s="1" t="s">
        <v>118126</v>
      </c>
      <c r="I33981" s="1" t="s">
        <v>115226</v>
      </c>
      <c r="J33981" s="1" t="s">
        <v>118201</v>
      </c>
    </row>
    <row r="33982" spans="1:10" x14ac:dyDescent="0.35">
      <c r="A33982" s="1" t="s">
        <v>118122</v>
      </c>
      <c r="B33982" s="1" t="s">
        <v>115221</v>
      </c>
      <c r="C33982" s="1" t="s">
        <v>125</v>
      </c>
      <c r="D33982" s="1" t="s">
        <v>44707</v>
      </c>
      <c r="E33982" s="1" t="s">
        <v>118202</v>
      </c>
      <c r="F33982" s="1" t="s">
        <v>118203</v>
      </c>
      <c r="G33982" s="1" t="s">
        <v>118125</v>
      </c>
      <c r="H33982" s="1" t="s">
        <v>118126</v>
      </c>
      <c r="I33982" s="1" t="s">
        <v>115226</v>
      </c>
      <c r="J33982" s="1" t="s">
        <v>118204</v>
      </c>
    </row>
    <row r="33983" spans="1:10" x14ac:dyDescent="0.35">
      <c r="A33983" s="1" t="s">
        <v>118122</v>
      </c>
      <c r="B33983" s="1" t="s">
        <v>115221</v>
      </c>
      <c r="C33983" s="1" t="s">
        <v>130</v>
      </c>
      <c r="D33983" s="1" t="s">
        <v>30756</v>
      </c>
      <c r="E33983" s="1" t="s">
        <v>118205</v>
      </c>
      <c r="F33983" s="1" t="s">
        <v>118206</v>
      </c>
      <c r="G33983" s="1" t="s">
        <v>118125</v>
      </c>
      <c r="H33983" s="1" t="s">
        <v>118126</v>
      </c>
      <c r="I33983" s="1" t="s">
        <v>115226</v>
      </c>
      <c r="J33983" s="1" t="s">
        <v>118207</v>
      </c>
    </row>
    <row r="33984" spans="1:10" x14ac:dyDescent="0.35">
      <c r="A33984" s="1" t="s">
        <v>118122</v>
      </c>
      <c r="B33984" s="1" t="s">
        <v>115221</v>
      </c>
      <c r="C33984" s="1" t="s">
        <v>135</v>
      </c>
      <c r="D33984" s="1" t="s">
        <v>118208</v>
      </c>
      <c r="E33984" s="1" t="s">
        <v>118209</v>
      </c>
      <c r="F33984" s="1" t="s">
        <v>118210</v>
      </c>
      <c r="G33984" s="1" t="s">
        <v>118125</v>
      </c>
      <c r="H33984" s="1" t="s">
        <v>118126</v>
      </c>
      <c r="I33984" s="1" t="s">
        <v>115226</v>
      </c>
      <c r="J33984" s="1" t="s">
        <v>118211</v>
      </c>
    </row>
    <row r="33985" spans="1:10" x14ac:dyDescent="0.35">
      <c r="A33985" s="1" t="s">
        <v>118122</v>
      </c>
      <c r="B33985" s="1" t="s">
        <v>115221</v>
      </c>
      <c r="C33985" s="1" t="s">
        <v>140</v>
      </c>
      <c r="D33985" s="1" t="s">
        <v>118212</v>
      </c>
      <c r="E33985" s="1" t="s">
        <v>118213</v>
      </c>
      <c r="F33985" s="1" t="s">
        <v>118214</v>
      </c>
      <c r="G33985" s="1" t="s">
        <v>118125</v>
      </c>
      <c r="H33985" s="1" t="s">
        <v>118126</v>
      </c>
      <c r="I33985" s="1" t="s">
        <v>115226</v>
      </c>
      <c r="J33985" s="1" t="s">
        <v>118215</v>
      </c>
    </row>
    <row r="33986" spans="1:10" x14ac:dyDescent="0.35">
      <c r="A33986" s="1" t="s">
        <v>118122</v>
      </c>
      <c r="B33986" s="1" t="s">
        <v>115221</v>
      </c>
      <c r="C33986" s="1" t="s">
        <v>145</v>
      </c>
      <c r="D33986" s="1" t="s">
        <v>46497</v>
      </c>
      <c r="E33986" s="1" t="s">
        <v>118216</v>
      </c>
      <c r="F33986" s="1" t="s">
        <v>118217</v>
      </c>
      <c r="G33986" s="1" t="s">
        <v>118125</v>
      </c>
      <c r="H33986" s="1" t="s">
        <v>118126</v>
      </c>
      <c r="I33986" s="1" t="s">
        <v>115226</v>
      </c>
      <c r="J33986" s="1" t="s">
        <v>118218</v>
      </c>
    </row>
    <row r="33987" spans="1:10" x14ac:dyDescent="0.35">
      <c r="A33987" s="1" t="s">
        <v>118122</v>
      </c>
      <c r="B33987" s="1" t="s">
        <v>115221</v>
      </c>
      <c r="C33987" s="1" t="s">
        <v>150</v>
      </c>
      <c r="D33987" s="1" t="s">
        <v>118219</v>
      </c>
      <c r="E33987" s="1" t="s">
        <v>118220</v>
      </c>
      <c r="F33987" s="1" t="s">
        <v>118221</v>
      </c>
      <c r="G33987" s="1" t="s">
        <v>118125</v>
      </c>
      <c r="H33987" s="1" t="s">
        <v>118126</v>
      </c>
      <c r="I33987" s="1" t="s">
        <v>115226</v>
      </c>
      <c r="J33987" s="1" t="s">
        <v>118222</v>
      </c>
    </row>
    <row r="33988" spans="1:10" x14ac:dyDescent="0.35">
      <c r="A33988" s="1" t="s">
        <v>118122</v>
      </c>
      <c r="B33988" s="1" t="s">
        <v>115221</v>
      </c>
      <c r="C33988" s="1" t="s">
        <v>155</v>
      </c>
      <c r="D33988" s="1" t="s">
        <v>49947</v>
      </c>
      <c r="E33988" s="1" t="s">
        <v>118223</v>
      </c>
      <c r="F33988" s="1" t="s">
        <v>118224</v>
      </c>
      <c r="G33988" s="1" t="s">
        <v>118125</v>
      </c>
      <c r="H33988" s="1" t="s">
        <v>118126</v>
      </c>
      <c r="I33988" s="1" t="s">
        <v>115226</v>
      </c>
      <c r="J33988" s="1" t="s">
        <v>118225</v>
      </c>
    </row>
    <row r="33989" spans="1:10" x14ac:dyDescent="0.35">
      <c r="A33989" s="1" t="s">
        <v>118122</v>
      </c>
      <c r="B33989" s="1" t="s">
        <v>115221</v>
      </c>
      <c r="C33989" s="1" t="s">
        <v>160</v>
      </c>
      <c r="D33989" s="1" t="s">
        <v>118226</v>
      </c>
      <c r="E33989" s="1" t="s">
        <v>118227</v>
      </c>
      <c r="F33989" s="1" t="s">
        <v>118228</v>
      </c>
      <c r="G33989" s="1" t="s">
        <v>118125</v>
      </c>
      <c r="H33989" s="1" t="s">
        <v>118126</v>
      </c>
      <c r="I33989" s="1" t="s">
        <v>115226</v>
      </c>
      <c r="J33989" s="1" t="s">
        <v>118229</v>
      </c>
    </row>
    <row r="33990" spans="1:10" x14ac:dyDescent="0.35">
      <c r="A33990" s="1" t="s">
        <v>118122</v>
      </c>
      <c r="B33990" s="1" t="s">
        <v>115221</v>
      </c>
      <c r="C33990" s="1" t="s">
        <v>165</v>
      </c>
      <c r="D33990" s="1" t="s">
        <v>15539</v>
      </c>
      <c r="E33990" s="1" t="s">
        <v>118230</v>
      </c>
      <c r="F33990" s="1" t="s">
        <v>118231</v>
      </c>
      <c r="G33990" s="1" t="s">
        <v>118125</v>
      </c>
      <c r="H33990" s="1" t="s">
        <v>118126</v>
      </c>
      <c r="I33990" s="1" t="s">
        <v>115226</v>
      </c>
      <c r="J33990" s="1" t="s">
        <v>118232</v>
      </c>
    </row>
    <row r="33991" spans="1:10" x14ac:dyDescent="0.35">
      <c r="A33991" s="1" t="s">
        <v>118122</v>
      </c>
      <c r="B33991" s="1" t="s">
        <v>115221</v>
      </c>
      <c r="C33991" s="1" t="s">
        <v>170</v>
      </c>
      <c r="D33991" s="1" t="s">
        <v>118233</v>
      </c>
      <c r="E33991" s="1" t="s">
        <v>118234</v>
      </c>
      <c r="F33991" s="1" t="s">
        <v>118235</v>
      </c>
      <c r="G33991" s="1" t="s">
        <v>118125</v>
      </c>
      <c r="H33991" s="1" t="s">
        <v>118126</v>
      </c>
      <c r="I33991" s="1" t="s">
        <v>115226</v>
      </c>
      <c r="J33991" s="1" t="s">
        <v>118236</v>
      </c>
    </row>
    <row r="33992" spans="1:10" x14ac:dyDescent="0.35">
      <c r="A33992" s="1" t="s">
        <v>52096</v>
      </c>
      <c r="B33992" s="1" t="s">
        <v>115221</v>
      </c>
      <c r="C33992" s="1" t="s">
        <v>8</v>
      </c>
      <c r="D33992" s="1" t="s">
        <v>8072</v>
      </c>
      <c r="E33992" s="1" t="s">
        <v>118237</v>
      </c>
      <c r="F33992" s="1" t="s">
        <v>118238</v>
      </c>
      <c r="G33992" s="1" t="s">
        <v>118239</v>
      </c>
      <c r="H33992" s="1" t="s">
        <v>118240</v>
      </c>
      <c r="I33992" s="1" t="s">
        <v>115226</v>
      </c>
      <c r="J33992" s="1" t="s">
        <v>13</v>
      </c>
    </row>
    <row r="33993" spans="1:10" x14ac:dyDescent="0.35">
      <c r="A33993" s="1" t="s">
        <v>52096</v>
      </c>
      <c r="B33993" s="1" t="s">
        <v>115221</v>
      </c>
      <c r="C33993" s="1" t="s">
        <v>15</v>
      </c>
      <c r="D33993" s="1" t="s">
        <v>1643</v>
      </c>
      <c r="E33993" s="1" t="s">
        <v>118241</v>
      </c>
      <c r="F33993" s="1" t="s">
        <v>118242</v>
      </c>
      <c r="G33993" s="1" t="s">
        <v>118239</v>
      </c>
      <c r="H33993" s="1" t="s">
        <v>118240</v>
      </c>
      <c r="I33993" s="1" t="s">
        <v>115226</v>
      </c>
      <c r="J33993" s="1" t="s">
        <v>118243</v>
      </c>
    </row>
    <row r="33994" spans="1:10" x14ac:dyDescent="0.35">
      <c r="A33994" s="1" t="s">
        <v>52096</v>
      </c>
      <c r="B33994" s="1" t="s">
        <v>115221</v>
      </c>
      <c r="C33994" s="1" t="s">
        <v>20</v>
      </c>
      <c r="D33994" s="1" t="s">
        <v>47327</v>
      </c>
      <c r="E33994" s="1" t="s">
        <v>118244</v>
      </c>
      <c r="F33994" s="1" t="s">
        <v>118245</v>
      </c>
      <c r="G33994" s="1" t="s">
        <v>118239</v>
      </c>
      <c r="H33994" s="1" t="s">
        <v>118240</v>
      </c>
      <c r="I33994" s="1" t="s">
        <v>115226</v>
      </c>
      <c r="J33994" s="1" t="s">
        <v>118246</v>
      </c>
    </row>
    <row r="33995" spans="1:10" x14ac:dyDescent="0.35">
      <c r="A33995" s="1" t="s">
        <v>52096</v>
      </c>
      <c r="B33995" s="1" t="s">
        <v>115221</v>
      </c>
      <c r="C33995" s="1" t="s">
        <v>25</v>
      </c>
      <c r="D33995" s="1" t="s">
        <v>4793</v>
      </c>
      <c r="E33995" s="1" t="s">
        <v>118247</v>
      </c>
      <c r="F33995" s="1" t="s">
        <v>118248</v>
      </c>
      <c r="G33995" s="1" t="s">
        <v>118239</v>
      </c>
      <c r="H33995" s="1" t="s">
        <v>118240</v>
      </c>
      <c r="I33995" s="1" t="s">
        <v>115226</v>
      </c>
      <c r="J33995" s="1" t="s">
        <v>118249</v>
      </c>
    </row>
    <row r="33996" spans="1:10" x14ac:dyDescent="0.35">
      <c r="A33996" s="1" t="s">
        <v>52096</v>
      </c>
      <c r="B33996" s="1" t="s">
        <v>115221</v>
      </c>
      <c r="C33996" s="1" t="s">
        <v>30</v>
      </c>
      <c r="D33996" s="1" t="s">
        <v>118250</v>
      </c>
      <c r="E33996" s="1" t="s">
        <v>118251</v>
      </c>
      <c r="F33996" s="1" t="s">
        <v>118252</v>
      </c>
      <c r="G33996" s="1" t="s">
        <v>118239</v>
      </c>
      <c r="H33996" s="1" t="s">
        <v>118240</v>
      </c>
      <c r="I33996" s="1" t="s">
        <v>115226</v>
      </c>
      <c r="J33996" s="1" t="s">
        <v>118253</v>
      </c>
    </row>
    <row r="33997" spans="1:10" x14ac:dyDescent="0.35">
      <c r="A33997" s="1" t="s">
        <v>52096</v>
      </c>
      <c r="B33997" s="1" t="s">
        <v>115221</v>
      </c>
      <c r="C33997" s="1" t="s">
        <v>35</v>
      </c>
      <c r="D33997" s="1" t="s">
        <v>28102</v>
      </c>
      <c r="E33997" s="1" t="s">
        <v>118254</v>
      </c>
      <c r="F33997" s="1" t="s">
        <v>118255</v>
      </c>
      <c r="G33997" s="1" t="s">
        <v>118239</v>
      </c>
      <c r="H33997" s="1" t="s">
        <v>118240</v>
      </c>
      <c r="I33997" s="1" t="s">
        <v>115226</v>
      </c>
      <c r="J33997" s="1" t="s">
        <v>118256</v>
      </c>
    </row>
    <row r="33998" spans="1:10" x14ac:dyDescent="0.35">
      <c r="A33998" s="1" t="s">
        <v>52096</v>
      </c>
      <c r="B33998" s="1" t="s">
        <v>115221</v>
      </c>
      <c r="C33998" s="1" t="s">
        <v>40</v>
      </c>
      <c r="D33998" s="1" t="s">
        <v>118257</v>
      </c>
      <c r="E33998" s="1" t="s">
        <v>118258</v>
      </c>
      <c r="F33998" s="1" t="s">
        <v>118259</v>
      </c>
      <c r="G33998" s="1" t="s">
        <v>118239</v>
      </c>
      <c r="H33998" s="1" t="s">
        <v>118240</v>
      </c>
      <c r="I33998" s="1" t="s">
        <v>115226</v>
      </c>
      <c r="J33998" s="1" t="s">
        <v>118260</v>
      </c>
    </row>
    <row r="33999" spans="1:10" x14ac:dyDescent="0.35">
      <c r="A33999" s="1" t="s">
        <v>52096</v>
      </c>
      <c r="B33999" s="1" t="s">
        <v>115221</v>
      </c>
      <c r="C33999" s="1" t="s">
        <v>45</v>
      </c>
      <c r="D33999" s="1" t="s">
        <v>118261</v>
      </c>
      <c r="E33999" s="1" t="s">
        <v>118262</v>
      </c>
      <c r="F33999" s="1" t="s">
        <v>118263</v>
      </c>
      <c r="G33999" s="1" t="s">
        <v>118239</v>
      </c>
      <c r="H33999" s="1" t="s">
        <v>118240</v>
      </c>
      <c r="I33999" s="1" t="s">
        <v>115226</v>
      </c>
      <c r="J33999" s="1" t="s">
        <v>118264</v>
      </c>
    </row>
    <row r="34000" spans="1:10" x14ac:dyDescent="0.35">
      <c r="A34000" s="1" t="s">
        <v>52096</v>
      </c>
      <c r="B34000" s="1" t="s">
        <v>115221</v>
      </c>
      <c r="C34000" s="1" t="s">
        <v>50</v>
      </c>
      <c r="D34000" s="1" t="s">
        <v>118265</v>
      </c>
      <c r="E34000" s="1" t="s">
        <v>118266</v>
      </c>
      <c r="F34000" s="1" t="s">
        <v>118267</v>
      </c>
      <c r="G34000" s="1" t="s">
        <v>118239</v>
      </c>
      <c r="H34000" s="1" t="s">
        <v>118240</v>
      </c>
      <c r="I34000" s="1" t="s">
        <v>115226</v>
      </c>
      <c r="J34000" s="1" t="s">
        <v>118268</v>
      </c>
    </row>
    <row r="34001" spans="1:10" x14ac:dyDescent="0.35">
      <c r="A34001" s="1" t="s">
        <v>52096</v>
      </c>
      <c r="B34001" s="1" t="s">
        <v>115221</v>
      </c>
      <c r="C34001" s="1" t="s">
        <v>55</v>
      </c>
      <c r="D34001" s="1" t="s">
        <v>8917</v>
      </c>
      <c r="E34001" s="1" t="s">
        <v>118269</v>
      </c>
      <c r="F34001" s="1" t="s">
        <v>118270</v>
      </c>
      <c r="G34001" s="1" t="s">
        <v>118239</v>
      </c>
      <c r="H34001" s="1" t="s">
        <v>118240</v>
      </c>
      <c r="I34001" s="1" t="s">
        <v>115226</v>
      </c>
      <c r="J34001" s="1" t="s">
        <v>118271</v>
      </c>
    </row>
    <row r="34002" spans="1:10" x14ac:dyDescent="0.35">
      <c r="A34002" s="1" t="s">
        <v>52096</v>
      </c>
      <c r="B34002" s="1" t="s">
        <v>115221</v>
      </c>
      <c r="C34002" s="1" t="s">
        <v>60</v>
      </c>
      <c r="D34002" s="1" t="s">
        <v>118272</v>
      </c>
      <c r="E34002" s="1" t="s">
        <v>118273</v>
      </c>
      <c r="F34002" s="1" t="s">
        <v>118274</v>
      </c>
      <c r="G34002" s="1" t="s">
        <v>118239</v>
      </c>
      <c r="H34002" s="1" t="s">
        <v>118240</v>
      </c>
      <c r="I34002" s="1" t="s">
        <v>115226</v>
      </c>
      <c r="J34002" s="1" t="s">
        <v>118275</v>
      </c>
    </row>
    <row r="34003" spans="1:10" x14ac:dyDescent="0.35">
      <c r="A34003" s="1" t="s">
        <v>52096</v>
      </c>
      <c r="B34003" s="1" t="s">
        <v>115221</v>
      </c>
      <c r="C34003" s="1" t="s">
        <v>65</v>
      </c>
      <c r="D34003" s="1" t="s">
        <v>16078</v>
      </c>
      <c r="E34003" s="1" t="s">
        <v>118276</v>
      </c>
      <c r="F34003" s="1" t="s">
        <v>118277</v>
      </c>
      <c r="G34003" s="1" t="s">
        <v>118239</v>
      </c>
      <c r="H34003" s="1" t="s">
        <v>118240</v>
      </c>
      <c r="I34003" s="1" t="s">
        <v>115226</v>
      </c>
      <c r="J34003" s="1" t="s">
        <v>118278</v>
      </c>
    </row>
    <row r="34004" spans="1:10" x14ac:dyDescent="0.35">
      <c r="A34004" s="1" t="s">
        <v>52096</v>
      </c>
      <c r="B34004" s="1" t="s">
        <v>115221</v>
      </c>
      <c r="C34004" s="1" t="s">
        <v>70</v>
      </c>
      <c r="D34004" s="1" t="s">
        <v>6919</v>
      </c>
      <c r="E34004" s="1" t="s">
        <v>118279</v>
      </c>
      <c r="F34004" s="1" t="s">
        <v>118280</v>
      </c>
      <c r="G34004" s="1" t="s">
        <v>118239</v>
      </c>
      <c r="H34004" s="1" t="s">
        <v>118240</v>
      </c>
      <c r="I34004" s="1" t="s">
        <v>115226</v>
      </c>
      <c r="J34004" s="1" t="s">
        <v>118281</v>
      </c>
    </row>
    <row r="34005" spans="1:10" x14ac:dyDescent="0.35">
      <c r="A34005" s="1" t="s">
        <v>52096</v>
      </c>
      <c r="B34005" s="1" t="s">
        <v>115221</v>
      </c>
      <c r="C34005" s="1" t="s">
        <v>75</v>
      </c>
      <c r="D34005" s="1" t="s">
        <v>118282</v>
      </c>
      <c r="E34005" s="1" t="s">
        <v>118283</v>
      </c>
      <c r="F34005" s="1" t="s">
        <v>118284</v>
      </c>
      <c r="G34005" s="1" t="s">
        <v>118239</v>
      </c>
      <c r="H34005" s="1" t="s">
        <v>118240</v>
      </c>
      <c r="I34005" s="1" t="s">
        <v>115226</v>
      </c>
      <c r="J34005" s="1" t="s">
        <v>118285</v>
      </c>
    </row>
    <row r="34006" spans="1:10" x14ac:dyDescent="0.35">
      <c r="A34006" s="1" t="s">
        <v>52096</v>
      </c>
      <c r="B34006" s="1" t="s">
        <v>115221</v>
      </c>
      <c r="C34006" s="1" t="s">
        <v>80</v>
      </c>
      <c r="D34006" s="1" t="s">
        <v>45841</v>
      </c>
      <c r="E34006" s="1" t="s">
        <v>118286</v>
      </c>
      <c r="F34006" s="1" t="s">
        <v>118287</v>
      </c>
      <c r="G34006" s="1" t="s">
        <v>118239</v>
      </c>
      <c r="H34006" s="1" t="s">
        <v>118240</v>
      </c>
      <c r="I34006" s="1" t="s">
        <v>115226</v>
      </c>
      <c r="J34006" s="1" t="s">
        <v>118288</v>
      </c>
    </row>
    <row r="34007" spans="1:10" x14ac:dyDescent="0.35">
      <c r="A34007" s="1" t="s">
        <v>52096</v>
      </c>
      <c r="B34007" s="1" t="s">
        <v>115221</v>
      </c>
      <c r="C34007" s="1" t="s">
        <v>85</v>
      </c>
      <c r="D34007" s="1" t="s">
        <v>28109</v>
      </c>
      <c r="E34007" s="1" t="s">
        <v>118289</v>
      </c>
      <c r="F34007" s="1" t="s">
        <v>118290</v>
      </c>
      <c r="G34007" s="1" t="s">
        <v>118239</v>
      </c>
      <c r="H34007" s="1" t="s">
        <v>118240</v>
      </c>
      <c r="I34007" s="1" t="s">
        <v>115226</v>
      </c>
      <c r="J34007" s="1" t="s">
        <v>118291</v>
      </c>
    </row>
    <row r="34008" spans="1:10" x14ac:dyDescent="0.35">
      <c r="A34008" s="1" t="s">
        <v>52096</v>
      </c>
      <c r="B34008" s="1" t="s">
        <v>115221</v>
      </c>
      <c r="C34008" s="1" t="s">
        <v>90</v>
      </c>
      <c r="D34008" s="1" t="s">
        <v>118292</v>
      </c>
      <c r="E34008" s="1" t="s">
        <v>118293</v>
      </c>
      <c r="F34008" s="1" t="s">
        <v>118294</v>
      </c>
      <c r="G34008" s="1" t="s">
        <v>118239</v>
      </c>
      <c r="H34008" s="1" t="s">
        <v>118240</v>
      </c>
      <c r="I34008" s="1" t="s">
        <v>115226</v>
      </c>
      <c r="J34008" s="1" t="s">
        <v>118295</v>
      </c>
    </row>
    <row r="34009" spans="1:10" x14ac:dyDescent="0.35">
      <c r="A34009" s="1" t="s">
        <v>52096</v>
      </c>
      <c r="B34009" s="1" t="s">
        <v>115221</v>
      </c>
      <c r="C34009" s="1" t="s">
        <v>95</v>
      </c>
      <c r="D34009" s="1" t="s">
        <v>30178</v>
      </c>
      <c r="E34009" s="1" t="s">
        <v>118296</v>
      </c>
      <c r="F34009" s="1" t="s">
        <v>118297</v>
      </c>
      <c r="G34009" s="1" t="s">
        <v>118239</v>
      </c>
      <c r="H34009" s="1" t="s">
        <v>118240</v>
      </c>
      <c r="I34009" s="1" t="s">
        <v>115226</v>
      </c>
      <c r="J34009" s="1" t="s">
        <v>118298</v>
      </c>
    </row>
    <row r="34010" spans="1:10" x14ac:dyDescent="0.35">
      <c r="A34010" s="1" t="s">
        <v>52096</v>
      </c>
      <c r="B34010" s="1" t="s">
        <v>115221</v>
      </c>
      <c r="C34010" s="1" t="s">
        <v>100</v>
      </c>
      <c r="D34010" s="1" t="s">
        <v>118299</v>
      </c>
      <c r="E34010" s="1" t="s">
        <v>118300</v>
      </c>
      <c r="F34010" s="1" t="s">
        <v>118301</v>
      </c>
      <c r="G34010" s="1" t="s">
        <v>118239</v>
      </c>
      <c r="H34010" s="1" t="s">
        <v>118240</v>
      </c>
      <c r="I34010" s="1" t="s">
        <v>115226</v>
      </c>
      <c r="J34010" s="1" t="s">
        <v>118302</v>
      </c>
    </row>
    <row r="34011" spans="1:10" x14ac:dyDescent="0.35">
      <c r="A34011" s="1" t="s">
        <v>52096</v>
      </c>
      <c r="B34011" s="1" t="s">
        <v>115221</v>
      </c>
      <c r="C34011" s="1" t="s">
        <v>105</v>
      </c>
      <c r="D34011" s="1" t="s">
        <v>116479</v>
      </c>
      <c r="E34011" s="1" t="s">
        <v>118303</v>
      </c>
      <c r="F34011" s="1" t="s">
        <v>118304</v>
      </c>
      <c r="G34011" s="1" t="s">
        <v>118239</v>
      </c>
      <c r="H34011" s="1" t="s">
        <v>118240</v>
      </c>
      <c r="I34011" s="1" t="s">
        <v>115226</v>
      </c>
      <c r="J34011" s="1" t="s">
        <v>118305</v>
      </c>
    </row>
    <row r="34012" spans="1:10" x14ac:dyDescent="0.35">
      <c r="A34012" s="1" t="s">
        <v>52096</v>
      </c>
      <c r="B34012" s="1" t="s">
        <v>115221</v>
      </c>
      <c r="C34012" s="1" t="s">
        <v>110</v>
      </c>
      <c r="D34012" s="1" t="s">
        <v>13043</v>
      </c>
      <c r="E34012" s="1" t="s">
        <v>118306</v>
      </c>
      <c r="F34012" s="1" t="s">
        <v>118307</v>
      </c>
      <c r="G34012" s="1" t="s">
        <v>118239</v>
      </c>
      <c r="H34012" s="1" t="s">
        <v>118240</v>
      </c>
      <c r="I34012" s="1" t="s">
        <v>115226</v>
      </c>
      <c r="J34012" s="1" t="s">
        <v>118308</v>
      </c>
    </row>
    <row r="34013" spans="1:10" x14ac:dyDescent="0.35">
      <c r="A34013" s="1" t="s">
        <v>52096</v>
      </c>
      <c r="B34013" s="1" t="s">
        <v>115221</v>
      </c>
      <c r="C34013" s="1" t="s">
        <v>115</v>
      </c>
      <c r="D34013" s="1" t="s">
        <v>3413</v>
      </c>
      <c r="E34013" s="1" t="s">
        <v>118309</v>
      </c>
      <c r="F34013" s="1" t="s">
        <v>118310</v>
      </c>
      <c r="G34013" s="1" t="s">
        <v>118239</v>
      </c>
      <c r="H34013" s="1" t="s">
        <v>118240</v>
      </c>
      <c r="I34013" s="1" t="s">
        <v>115226</v>
      </c>
      <c r="J34013" s="1" t="s">
        <v>118311</v>
      </c>
    </row>
    <row r="34014" spans="1:10" x14ac:dyDescent="0.35">
      <c r="A34014" s="1" t="s">
        <v>52096</v>
      </c>
      <c r="B34014" s="1" t="s">
        <v>115221</v>
      </c>
      <c r="C34014" s="1" t="s">
        <v>120</v>
      </c>
      <c r="D34014" s="1" t="s">
        <v>42889</v>
      </c>
      <c r="E34014" s="1" t="s">
        <v>118312</v>
      </c>
      <c r="F34014" s="1" t="s">
        <v>118313</v>
      </c>
      <c r="G34014" s="1" t="s">
        <v>118239</v>
      </c>
      <c r="H34014" s="1" t="s">
        <v>118240</v>
      </c>
      <c r="I34014" s="1" t="s">
        <v>115226</v>
      </c>
      <c r="J34014" s="1" t="s">
        <v>118314</v>
      </c>
    </row>
    <row r="34015" spans="1:10" x14ac:dyDescent="0.35">
      <c r="A34015" s="1" t="s">
        <v>52096</v>
      </c>
      <c r="B34015" s="1" t="s">
        <v>115221</v>
      </c>
      <c r="C34015" s="1" t="s">
        <v>125</v>
      </c>
      <c r="D34015" s="1" t="s">
        <v>118315</v>
      </c>
      <c r="E34015" s="1" t="s">
        <v>118316</v>
      </c>
      <c r="F34015" s="1" t="s">
        <v>118317</v>
      </c>
      <c r="G34015" s="1" t="s">
        <v>118239</v>
      </c>
      <c r="H34015" s="1" t="s">
        <v>118240</v>
      </c>
      <c r="I34015" s="1" t="s">
        <v>115226</v>
      </c>
      <c r="J34015" s="1" t="s">
        <v>118318</v>
      </c>
    </row>
    <row r="34016" spans="1:10" x14ac:dyDescent="0.35">
      <c r="A34016" s="1" t="s">
        <v>52096</v>
      </c>
      <c r="B34016" s="1" t="s">
        <v>115221</v>
      </c>
      <c r="C34016" s="1" t="s">
        <v>130</v>
      </c>
      <c r="D34016" s="1" t="s">
        <v>115637</v>
      </c>
      <c r="E34016" s="1" t="s">
        <v>118319</v>
      </c>
      <c r="F34016" s="1" t="s">
        <v>118320</v>
      </c>
      <c r="G34016" s="1" t="s">
        <v>118239</v>
      </c>
      <c r="H34016" s="1" t="s">
        <v>118240</v>
      </c>
      <c r="I34016" s="1" t="s">
        <v>115226</v>
      </c>
      <c r="J34016" s="1" t="s">
        <v>118321</v>
      </c>
    </row>
    <row r="34017" spans="1:10" x14ac:dyDescent="0.35">
      <c r="A34017" s="1" t="s">
        <v>52096</v>
      </c>
      <c r="B34017" s="1" t="s">
        <v>115221</v>
      </c>
      <c r="C34017" s="1" t="s">
        <v>135</v>
      </c>
      <c r="D34017" s="1" t="s">
        <v>52146</v>
      </c>
      <c r="E34017" s="1" t="s">
        <v>118322</v>
      </c>
      <c r="F34017" s="1" t="s">
        <v>118323</v>
      </c>
      <c r="G34017" s="1" t="s">
        <v>118239</v>
      </c>
      <c r="H34017" s="1" t="s">
        <v>118240</v>
      </c>
      <c r="I34017" s="1" t="s">
        <v>115226</v>
      </c>
      <c r="J34017" s="1" t="s">
        <v>118324</v>
      </c>
    </row>
    <row r="34018" spans="1:10" x14ac:dyDescent="0.35">
      <c r="A34018" s="1" t="s">
        <v>52096</v>
      </c>
      <c r="B34018" s="1" t="s">
        <v>115221</v>
      </c>
      <c r="C34018" s="1" t="s">
        <v>140</v>
      </c>
      <c r="D34018" s="1" t="s">
        <v>118325</v>
      </c>
      <c r="E34018" s="1" t="s">
        <v>118326</v>
      </c>
      <c r="F34018" s="1" t="s">
        <v>118327</v>
      </c>
      <c r="G34018" s="1" t="s">
        <v>118239</v>
      </c>
      <c r="H34018" s="1" t="s">
        <v>118240</v>
      </c>
      <c r="I34018" s="1" t="s">
        <v>115226</v>
      </c>
      <c r="J34018" s="1" t="s">
        <v>118328</v>
      </c>
    </row>
    <row r="34019" spans="1:10" x14ac:dyDescent="0.35">
      <c r="A34019" s="1" t="s">
        <v>52096</v>
      </c>
      <c r="B34019" s="1" t="s">
        <v>115221</v>
      </c>
      <c r="C34019" s="1" t="s">
        <v>145</v>
      </c>
      <c r="D34019" s="1" t="s">
        <v>118329</v>
      </c>
      <c r="E34019" s="1" t="s">
        <v>118330</v>
      </c>
      <c r="F34019" s="1" t="s">
        <v>118331</v>
      </c>
      <c r="G34019" s="1" t="s">
        <v>118239</v>
      </c>
      <c r="H34019" s="1" t="s">
        <v>118240</v>
      </c>
      <c r="I34019" s="1" t="s">
        <v>115226</v>
      </c>
      <c r="J34019" s="1" t="s">
        <v>118332</v>
      </c>
    </row>
    <row r="34020" spans="1:10" x14ac:dyDescent="0.35">
      <c r="A34020" s="1" t="s">
        <v>52096</v>
      </c>
      <c r="B34020" s="1" t="s">
        <v>115221</v>
      </c>
      <c r="C34020" s="1" t="s">
        <v>150</v>
      </c>
      <c r="D34020" s="1" t="s">
        <v>36917</v>
      </c>
      <c r="E34020" s="1" t="s">
        <v>118333</v>
      </c>
      <c r="F34020" s="1" t="s">
        <v>118334</v>
      </c>
      <c r="G34020" s="1" t="s">
        <v>118239</v>
      </c>
      <c r="H34020" s="1" t="s">
        <v>118240</v>
      </c>
      <c r="I34020" s="1" t="s">
        <v>115226</v>
      </c>
      <c r="J34020" s="1" t="s">
        <v>118335</v>
      </c>
    </row>
    <row r="34021" spans="1:10" x14ac:dyDescent="0.35">
      <c r="A34021" s="1" t="s">
        <v>52096</v>
      </c>
      <c r="B34021" s="1" t="s">
        <v>115221</v>
      </c>
      <c r="C34021" s="1" t="s">
        <v>155</v>
      </c>
      <c r="D34021" s="1" t="s">
        <v>118336</v>
      </c>
      <c r="E34021" s="1" t="s">
        <v>118337</v>
      </c>
      <c r="F34021" s="1" t="s">
        <v>118338</v>
      </c>
      <c r="G34021" s="1" t="s">
        <v>118239</v>
      </c>
      <c r="H34021" s="1" t="s">
        <v>118240</v>
      </c>
      <c r="I34021" s="1" t="s">
        <v>115226</v>
      </c>
      <c r="J34021" s="1" t="s">
        <v>118339</v>
      </c>
    </row>
    <row r="34022" spans="1:10" x14ac:dyDescent="0.35">
      <c r="A34022" s="1" t="s">
        <v>52096</v>
      </c>
      <c r="B34022" s="1" t="s">
        <v>115221</v>
      </c>
      <c r="C34022" s="1" t="s">
        <v>160</v>
      </c>
      <c r="D34022" s="1" t="s">
        <v>118340</v>
      </c>
      <c r="E34022" s="1" t="s">
        <v>118341</v>
      </c>
      <c r="F34022" s="1" t="s">
        <v>118342</v>
      </c>
      <c r="G34022" s="1" t="s">
        <v>118239</v>
      </c>
      <c r="H34022" s="1" t="s">
        <v>118240</v>
      </c>
      <c r="I34022" s="1" t="s">
        <v>115226</v>
      </c>
      <c r="J34022" s="1" t="s">
        <v>118343</v>
      </c>
    </row>
    <row r="34023" spans="1:10" x14ac:dyDescent="0.35">
      <c r="A34023" s="1" t="s">
        <v>52096</v>
      </c>
      <c r="B34023" s="1" t="s">
        <v>115221</v>
      </c>
      <c r="C34023" s="1" t="s">
        <v>165</v>
      </c>
      <c r="D34023" s="1" t="s">
        <v>5445</v>
      </c>
      <c r="E34023" s="1" t="s">
        <v>118344</v>
      </c>
      <c r="F34023" s="1" t="s">
        <v>118345</v>
      </c>
      <c r="G34023" s="1" t="s">
        <v>118239</v>
      </c>
      <c r="H34023" s="1" t="s">
        <v>118240</v>
      </c>
      <c r="I34023" s="1" t="s">
        <v>115226</v>
      </c>
      <c r="J34023" s="1" t="s">
        <v>118346</v>
      </c>
    </row>
    <row r="34024" spans="1:10" x14ac:dyDescent="0.35">
      <c r="A34024" s="1" t="s">
        <v>52096</v>
      </c>
      <c r="B34024" s="1" t="s">
        <v>115221</v>
      </c>
      <c r="C34024" s="1" t="s">
        <v>170</v>
      </c>
      <c r="D34024" s="1" t="s">
        <v>13397</v>
      </c>
      <c r="E34024" s="1" t="s">
        <v>118347</v>
      </c>
      <c r="F34024" s="1" t="s">
        <v>118348</v>
      </c>
      <c r="G34024" s="1" t="s">
        <v>118239</v>
      </c>
      <c r="H34024" s="1" t="s">
        <v>118240</v>
      </c>
      <c r="I34024" s="1" t="s">
        <v>115226</v>
      </c>
      <c r="J34024" s="1" t="s">
        <v>118349</v>
      </c>
    </row>
    <row r="34025" spans="1:10" x14ac:dyDescent="0.35">
      <c r="A34025" s="1" t="s">
        <v>6330</v>
      </c>
      <c r="B34025" s="1" t="s">
        <v>115221</v>
      </c>
      <c r="C34025" s="1" t="s">
        <v>8</v>
      </c>
      <c r="D34025" s="1" t="s">
        <v>4681</v>
      </c>
      <c r="E34025" s="1" t="s">
        <v>118350</v>
      </c>
      <c r="F34025" s="1" t="s">
        <v>118351</v>
      </c>
      <c r="G34025" s="1" t="s">
        <v>118352</v>
      </c>
      <c r="H34025" s="1" t="s">
        <v>118353</v>
      </c>
      <c r="I34025" s="1" t="s">
        <v>115226</v>
      </c>
      <c r="J34025" s="1" t="s">
        <v>13</v>
      </c>
    </row>
    <row r="34026" spans="1:10" x14ac:dyDescent="0.35">
      <c r="A34026" s="1" t="s">
        <v>6330</v>
      </c>
      <c r="B34026" s="1" t="s">
        <v>115221</v>
      </c>
      <c r="C34026" s="1" t="s">
        <v>15</v>
      </c>
      <c r="D34026" s="1" t="s">
        <v>110704</v>
      </c>
      <c r="E34026" s="1" t="s">
        <v>118354</v>
      </c>
      <c r="F34026" s="1" t="s">
        <v>118355</v>
      </c>
      <c r="G34026" s="1" t="s">
        <v>118352</v>
      </c>
      <c r="H34026" s="1" t="s">
        <v>118353</v>
      </c>
      <c r="I34026" s="1" t="s">
        <v>115226</v>
      </c>
      <c r="J34026" s="1" t="s">
        <v>118356</v>
      </c>
    </row>
    <row r="34027" spans="1:10" x14ac:dyDescent="0.35">
      <c r="A34027" s="1" t="s">
        <v>6330</v>
      </c>
      <c r="B34027" s="1" t="s">
        <v>115221</v>
      </c>
      <c r="C34027" s="1" t="s">
        <v>20</v>
      </c>
      <c r="D34027" s="1" t="s">
        <v>45760</v>
      </c>
      <c r="E34027" s="1" t="s">
        <v>118357</v>
      </c>
      <c r="F34027" s="1" t="s">
        <v>118358</v>
      </c>
      <c r="G34027" s="1" t="s">
        <v>118352</v>
      </c>
      <c r="H34027" s="1" t="s">
        <v>118353</v>
      </c>
      <c r="I34027" s="1" t="s">
        <v>115226</v>
      </c>
      <c r="J34027" s="1" t="s">
        <v>118359</v>
      </c>
    </row>
    <row r="34028" spans="1:10" x14ac:dyDescent="0.35">
      <c r="A34028" s="1" t="s">
        <v>6330</v>
      </c>
      <c r="B34028" s="1" t="s">
        <v>115221</v>
      </c>
      <c r="C34028" s="1" t="s">
        <v>25</v>
      </c>
      <c r="D34028" s="1" t="s">
        <v>2917</v>
      </c>
      <c r="E34028" s="1" t="s">
        <v>118360</v>
      </c>
      <c r="F34028" s="1" t="s">
        <v>118361</v>
      </c>
      <c r="G34028" s="1" t="s">
        <v>118352</v>
      </c>
      <c r="H34028" s="1" t="s">
        <v>118353</v>
      </c>
      <c r="I34028" s="1" t="s">
        <v>115226</v>
      </c>
      <c r="J34028" s="1" t="s">
        <v>118362</v>
      </c>
    </row>
    <row r="34029" spans="1:10" x14ac:dyDescent="0.35">
      <c r="A34029" s="1" t="s">
        <v>6330</v>
      </c>
      <c r="B34029" s="1" t="s">
        <v>115221</v>
      </c>
      <c r="C34029" s="1" t="s">
        <v>30</v>
      </c>
      <c r="D34029" s="1" t="s">
        <v>45270</v>
      </c>
      <c r="E34029" s="1" t="s">
        <v>118363</v>
      </c>
      <c r="F34029" s="1" t="s">
        <v>118364</v>
      </c>
      <c r="G34029" s="1" t="s">
        <v>118352</v>
      </c>
      <c r="H34029" s="1" t="s">
        <v>118353</v>
      </c>
      <c r="I34029" s="1" t="s">
        <v>115226</v>
      </c>
      <c r="J34029" s="1" t="s">
        <v>118365</v>
      </c>
    </row>
    <row r="34030" spans="1:10" x14ac:dyDescent="0.35">
      <c r="A34030" s="1" t="s">
        <v>6330</v>
      </c>
      <c r="B34030" s="1" t="s">
        <v>115221</v>
      </c>
      <c r="C34030" s="1" t="s">
        <v>35</v>
      </c>
      <c r="D34030" s="1" t="s">
        <v>110100</v>
      </c>
      <c r="E34030" s="1" t="s">
        <v>118366</v>
      </c>
      <c r="F34030" s="1" t="s">
        <v>118367</v>
      </c>
      <c r="G34030" s="1" t="s">
        <v>118352</v>
      </c>
      <c r="H34030" s="1" t="s">
        <v>118353</v>
      </c>
      <c r="I34030" s="1" t="s">
        <v>115226</v>
      </c>
      <c r="J34030" s="1" t="s">
        <v>118368</v>
      </c>
    </row>
    <row r="34031" spans="1:10" x14ac:dyDescent="0.35">
      <c r="A34031" s="1" t="s">
        <v>6330</v>
      </c>
      <c r="B34031" s="1" t="s">
        <v>115221</v>
      </c>
      <c r="C34031" s="1" t="s">
        <v>40</v>
      </c>
      <c r="D34031" s="1" t="s">
        <v>118369</v>
      </c>
      <c r="E34031" s="1" t="s">
        <v>118370</v>
      </c>
      <c r="F34031" s="1" t="s">
        <v>118371</v>
      </c>
      <c r="G34031" s="1" t="s">
        <v>118352</v>
      </c>
      <c r="H34031" s="1" t="s">
        <v>118353</v>
      </c>
      <c r="I34031" s="1" t="s">
        <v>115226</v>
      </c>
      <c r="J34031" s="1" t="s">
        <v>118372</v>
      </c>
    </row>
    <row r="34032" spans="1:10" x14ac:dyDescent="0.35">
      <c r="A34032" s="1" t="s">
        <v>6330</v>
      </c>
      <c r="B34032" s="1" t="s">
        <v>115221</v>
      </c>
      <c r="C34032" s="1" t="s">
        <v>45</v>
      </c>
      <c r="D34032" s="1" t="s">
        <v>9726</v>
      </c>
      <c r="E34032" s="1" t="s">
        <v>118373</v>
      </c>
      <c r="F34032" s="1" t="s">
        <v>118374</v>
      </c>
      <c r="G34032" s="1" t="s">
        <v>118352</v>
      </c>
      <c r="H34032" s="1" t="s">
        <v>118353</v>
      </c>
      <c r="I34032" s="1" t="s">
        <v>115226</v>
      </c>
      <c r="J34032" s="1" t="s">
        <v>118375</v>
      </c>
    </row>
    <row r="34033" spans="1:10" x14ac:dyDescent="0.35">
      <c r="A34033" s="1" t="s">
        <v>6330</v>
      </c>
      <c r="B34033" s="1" t="s">
        <v>115221</v>
      </c>
      <c r="C34033" s="1" t="s">
        <v>50</v>
      </c>
      <c r="D34033" s="1" t="s">
        <v>104546</v>
      </c>
      <c r="E34033" s="1" t="s">
        <v>118376</v>
      </c>
      <c r="F34033" s="1" t="s">
        <v>118377</v>
      </c>
      <c r="G34033" s="1" t="s">
        <v>118352</v>
      </c>
      <c r="H34033" s="1" t="s">
        <v>118353</v>
      </c>
      <c r="I34033" s="1" t="s">
        <v>115226</v>
      </c>
      <c r="J34033" s="1" t="s">
        <v>118378</v>
      </c>
    </row>
    <row r="34034" spans="1:10" x14ac:dyDescent="0.35">
      <c r="A34034" s="1" t="s">
        <v>6330</v>
      </c>
      <c r="B34034" s="1" t="s">
        <v>115221</v>
      </c>
      <c r="C34034" s="1" t="s">
        <v>55</v>
      </c>
      <c r="D34034" s="1" t="s">
        <v>47339</v>
      </c>
      <c r="E34034" s="1" t="s">
        <v>118379</v>
      </c>
      <c r="F34034" s="1" t="s">
        <v>118380</v>
      </c>
      <c r="G34034" s="1" t="s">
        <v>118352</v>
      </c>
      <c r="H34034" s="1" t="s">
        <v>118353</v>
      </c>
      <c r="I34034" s="1" t="s">
        <v>115226</v>
      </c>
      <c r="J34034" s="1" t="s">
        <v>118381</v>
      </c>
    </row>
    <row r="34035" spans="1:10" x14ac:dyDescent="0.35">
      <c r="A34035" s="1" t="s">
        <v>6330</v>
      </c>
      <c r="B34035" s="1" t="s">
        <v>115221</v>
      </c>
      <c r="C34035" s="1" t="s">
        <v>60</v>
      </c>
      <c r="D34035" s="1" t="s">
        <v>51094</v>
      </c>
      <c r="E34035" s="1" t="s">
        <v>118382</v>
      </c>
      <c r="F34035" s="1" t="s">
        <v>118383</v>
      </c>
      <c r="G34035" s="1" t="s">
        <v>118352</v>
      </c>
      <c r="H34035" s="1" t="s">
        <v>118353</v>
      </c>
      <c r="I34035" s="1" t="s">
        <v>115226</v>
      </c>
      <c r="J34035" s="1" t="s">
        <v>118384</v>
      </c>
    </row>
    <row r="34036" spans="1:10" x14ac:dyDescent="0.35">
      <c r="A34036" s="1" t="s">
        <v>6330</v>
      </c>
      <c r="B34036" s="1" t="s">
        <v>115221</v>
      </c>
      <c r="C34036" s="1" t="s">
        <v>65</v>
      </c>
      <c r="D34036" s="1" t="s">
        <v>30182</v>
      </c>
      <c r="E34036" s="1" t="s">
        <v>118385</v>
      </c>
      <c r="F34036" s="1" t="s">
        <v>118386</v>
      </c>
      <c r="G34036" s="1" t="s">
        <v>118352</v>
      </c>
      <c r="H34036" s="1" t="s">
        <v>118353</v>
      </c>
      <c r="I34036" s="1" t="s">
        <v>115226</v>
      </c>
      <c r="J34036" s="1" t="s">
        <v>118387</v>
      </c>
    </row>
    <row r="34037" spans="1:10" x14ac:dyDescent="0.35">
      <c r="A34037" s="1" t="s">
        <v>6330</v>
      </c>
      <c r="B34037" s="1" t="s">
        <v>115221</v>
      </c>
      <c r="C34037" s="1" t="s">
        <v>70</v>
      </c>
      <c r="D34037" s="1" t="s">
        <v>71048</v>
      </c>
      <c r="E34037" s="1" t="s">
        <v>118388</v>
      </c>
      <c r="F34037" s="1" t="s">
        <v>118389</v>
      </c>
      <c r="G34037" s="1" t="s">
        <v>118352</v>
      </c>
      <c r="H34037" s="1" t="s">
        <v>118353</v>
      </c>
      <c r="I34037" s="1" t="s">
        <v>115226</v>
      </c>
      <c r="J34037" s="1" t="s">
        <v>118390</v>
      </c>
    </row>
    <row r="34038" spans="1:10" x14ac:dyDescent="0.35">
      <c r="A34038" s="1" t="s">
        <v>6330</v>
      </c>
      <c r="B34038" s="1" t="s">
        <v>115221</v>
      </c>
      <c r="C34038" s="1" t="s">
        <v>75</v>
      </c>
      <c r="D34038" s="1" t="s">
        <v>50117</v>
      </c>
      <c r="E34038" s="1" t="s">
        <v>118391</v>
      </c>
      <c r="F34038" s="1" t="s">
        <v>118392</v>
      </c>
      <c r="G34038" s="1" t="s">
        <v>118352</v>
      </c>
      <c r="H34038" s="1" t="s">
        <v>118353</v>
      </c>
      <c r="I34038" s="1" t="s">
        <v>115226</v>
      </c>
      <c r="J34038" s="1" t="s">
        <v>118393</v>
      </c>
    </row>
    <row r="34039" spans="1:10" x14ac:dyDescent="0.35">
      <c r="A34039" s="1" t="s">
        <v>6330</v>
      </c>
      <c r="B34039" s="1" t="s">
        <v>115221</v>
      </c>
      <c r="C34039" s="1" t="s">
        <v>80</v>
      </c>
      <c r="D34039" s="1" t="s">
        <v>118394</v>
      </c>
      <c r="E34039" s="1" t="s">
        <v>118395</v>
      </c>
      <c r="F34039" s="1" t="s">
        <v>118396</v>
      </c>
      <c r="G34039" s="1" t="s">
        <v>118352</v>
      </c>
      <c r="H34039" s="1" t="s">
        <v>118353</v>
      </c>
      <c r="I34039" s="1" t="s">
        <v>115226</v>
      </c>
      <c r="J34039" s="1" t="s">
        <v>118397</v>
      </c>
    </row>
    <row r="34040" spans="1:10" x14ac:dyDescent="0.35">
      <c r="A34040" s="1" t="s">
        <v>6330</v>
      </c>
      <c r="B34040" s="1" t="s">
        <v>115221</v>
      </c>
      <c r="C34040" s="1" t="s">
        <v>85</v>
      </c>
      <c r="D34040" s="1" t="s">
        <v>50166</v>
      </c>
      <c r="E34040" s="1" t="s">
        <v>118398</v>
      </c>
      <c r="F34040" s="1" t="s">
        <v>118399</v>
      </c>
      <c r="G34040" s="1" t="s">
        <v>118352</v>
      </c>
      <c r="H34040" s="1" t="s">
        <v>118353</v>
      </c>
      <c r="I34040" s="1" t="s">
        <v>115226</v>
      </c>
      <c r="J34040" s="1" t="s">
        <v>118400</v>
      </c>
    </row>
    <row r="34041" spans="1:10" x14ac:dyDescent="0.35">
      <c r="A34041" s="1" t="s">
        <v>6330</v>
      </c>
      <c r="B34041" s="1" t="s">
        <v>115221</v>
      </c>
      <c r="C34041" s="1" t="s">
        <v>90</v>
      </c>
      <c r="D34041" s="1" t="s">
        <v>118401</v>
      </c>
      <c r="E34041" s="1" t="s">
        <v>118402</v>
      </c>
      <c r="F34041" s="1" t="s">
        <v>118403</v>
      </c>
      <c r="G34041" s="1" t="s">
        <v>118352</v>
      </c>
      <c r="H34041" s="1" t="s">
        <v>118353</v>
      </c>
      <c r="I34041" s="1" t="s">
        <v>115226</v>
      </c>
      <c r="J34041" s="1" t="s">
        <v>118404</v>
      </c>
    </row>
    <row r="34042" spans="1:10" x14ac:dyDescent="0.35">
      <c r="A34042" s="1" t="s">
        <v>6330</v>
      </c>
      <c r="B34042" s="1" t="s">
        <v>115221</v>
      </c>
      <c r="C34042" s="1" t="s">
        <v>95</v>
      </c>
      <c r="D34042" s="1" t="s">
        <v>36723</v>
      </c>
      <c r="E34042" s="1" t="s">
        <v>118405</v>
      </c>
      <c r="F34042" s="1" t="s">
        <v>118406</v>
      </c>
      <c r="G34042" s="1" t="s">
        <v>118352</v>
      </c>
      <c r="H34042" s="1" t="s">
        <v>118353</v>
      </c>
      <c r="I34042" s="1" t="s">
        <v>115226</v>
      </c>
      <c r="J34042" s="1" t="s">
        <v>117662</v>
      </c>
    </row>
    <row r="34043" spans="1:10" x14ac:dyDescent="0.35">
      <c r="A34043" s="1" t="s">
        <v>6330</v>
      </c>
      <c r="B34043" s="1" t="s">
        <v>115221</v>
      </c>
      <c r="C34043" s="1" t="s">
        <v>100</v>
      </c>
      <c r="D34043" s="1" t="s">
        <v>38787</v>
      </c>
      <c r="E34043" s="1" t="s">
        <v>118407</v>
      </c>
      <c r="F34043" s="1" t="s">
        <v>118408</v>
      </c>
      <c r="G34043" s="1" t="s">
        <v>118352</v>
      </c>
      <c r="H34043" s="1" t="s">
        <v>118353</v>
      </c>
      <c r="I34043" s="1" t="s">
        <v>115226</v>
      </c>
      <c r="J34043" s="1" t="s">
        <v>118409</v>
      </c>
    </row>
    <row r="34044" spans="1:10" x14ac:dyDescent="0.35">
      <c r="A34044" s="1" t="s">
        <v>6330</v>
      </c>
      <c r="B34044" s="1" t="s">
        <v>115221</v>
      </c>
      <c r="C34044" s="1" t="s">
        <v>105</v>
      </c>
      <c r="D34044" s="1" t="s">
        <v>118410</v>
      </c>
      <c r="E34044" s="1" t="s">
        <v>118411</v>
      </c>
      <c r="F34044" s="1" t="s">
        <v>118412</v>
      </c>
      <c r="G34044" s="1" t="s">
        <v>118352</v>
      </c>
      <c r="H34044" s="1" t="s">
        <v>118353</v>
      </c>
      <c r="I34044" s="1" t="s">
        <v>115226</v>
      </c>
      <c r="J34044" s="1" t="s">
        <v>118413</v>
      </c>
    </row>
    <row r="34045" spans="1:10" x14ac:dyDescent="0.35">
      <c r="A34045" s="1" t="s">
        <v>6330</v>
      </c>
      <c r="B34045" s="1" t="s">
        <v>115221</v>
      </c>
      <c r="C34045" s="1" t="s">
        <v>110</v>
      </c>
      <c r="D34045" s="1" t="s">
        <v>37474</v>
      </c>
      <c r="E34045" s="1" t="s">
        <v>118414</v>
      </c>
      <c r="F34045" s="1" t="s">
        <v>118415</v>
      </c>
      <c r="G34045" s="1" t="s">
        <v>118352</v>
      </c>
      <c r="H34045" s="1" t="s">
        <v>118353</v>
      </c>
      <c r="I34045" s="1" t="s">
        <v>115226</v>
      </c>
      <c r="J34045" s="1" t="s">
        <v>118416</v>
      </c>
    </row>
    <row r="34046" spans="1:10" x14ac:dyDescent="0.35">
      <c r="A34046" s="1" t="s">
        <v>6330</v>
      </c>
      <c r="B34046" s="1" t="s">
        <v>115221</v>
      </c>
      <c r="C34046" s="1" t="s">
        <v>115</v>
      </c>
      <c r="D34046" s="1" t="s">
        <v>118417</v>
      </c>
      <c r="E34046" s="1" t="s">
        <v>118418</v>
      </c>
      <c r="F34046" s="1" t="s">
        <v>118419</v>
      </c>
      <c r="G34046" s="1" t="s">
        <v>118352</v>
      </c>
      <c r="H34046" s="1" t="s">
        <v>118353</v>
      </c>
      <c r="I34046" s="1" t="s">
        <v>115226</v>
      </c>
      <c r="J34046" s="1" t="s">
        <v>118420</v>
      </c>
    </row>
    <row r="34047" spans="1:10" x14ac:dyDescent="0.35">
      <c r="A34047" s="1" t="s">
        <v>6330</v>
      </c>
      <c r="B34047" s="1" t="s">
        <v>115221</v>
      </c>
      <c r="C34047" s="1" t="s">
        <v>120</v>
      </c>
      <c r="D34047" s="1" t="s">
        <v>118421</v>
      </c>
      <c r="E34047" s="1" t="s">
        <v>118422</v>
      </c>
      <c r="F34047" s="1" t="s">
        <v>118423</v>
      </c>
      <c r="G34047" s="1" t="s">
        <v>118352</v>
      </c>
      <c r="H34047" s="1" t="s">
        <v>118353</v>
      </c>
      <c r="I34047" s="1" t="s">
        <v>115226</v>
      </c>
      <c r="J34047" s="1" t="s">
        <v>118424</v>
      </c>
    </row>
    <row r="34048" spans="1:10" x14ac:dyDescent="0.35">
      <c r="A34048" s="1" t="s">
        <v>6330</v>
      </c>
      <c r="B34048" s="1" t="s">
        <v>115221</v>
      </c>
      <c r="C34048" s="1" t="s">
        <v>125</v>
      </c>
      <c r="D34048" s="1" t="s">
        <v>72913</v>
      </c>
      <c r="E34048" s="1" t="s">
        <v>118425</v>
      </c>
      <c r="F34048" s="1" t="s">
        <v>118426</v>
      </c>
      <c r="G34048" s="1" t="s">
        <v>118352</v>
      </c>
      <c r="H34048" s="1" t="s">
        <v>118353</v>
      </c>
      <c r="I34048" s="1" t="s">
        <v>115226</v>
      </c>
      <c r="J34048" s="1" t="s">
        <v>118427</v>
      </c>
    </row>
    <row r="34049" spans="1:10" x14ac:dyDescent="0.35">
      <c r="A34049" s="1" t="s">
        <v>6330</v>
      </c>
      <c r="B34049" s="1" t="s">
        <v>115221</v>
      </c>
      <c r="C34049" s="1" t="s">
        <v>130</v>
      </c>
      <c r="D34049" s="1" t="s">
        <v>30600</v>
      </c>
      <c r="E34049" s="1" t="s">
        <v>118428</v>
      </c>
      <c r="F34049" s="1" t="s">
        <v>118429</v>
      </c>
      <c r="G34049" s="1" t="s">
        <v>118352</v>
      </c>
      <c r="H34049" s="1" t="s">
        <v>118353</v>
      </c>
      <c r="I34049" s="1" t="s">
        <v>115226</v>
      </c>
      <c r="J34049" s="1" t="s">
        <v>118430</v>
      </c>
    </row>
    <row r="34050" spans="1:10" x14ac:dyDescent="0.35">
      <c r="A34050" s="1" t="s">
        <v>6330</v>
      </c>
      <c r="B34050" s="1" t="s">
        <v>115221</v>
      </c>
      <c r="C34050" s="1" t="s">
        <v>135</v>
      </c>
      <c r="D34050" s="1" t="s">
        <v>45892</v>
      </c>
      <c r="E34050" s="1" t="s">
        <v>118431</v>
      </c>
      <c r="F34050" s="1" t="s">
        <v>118432</v>
      </c>
      <c r="G34050" s="1" t="s">
        <v>118352</v>
      </c>
      <c r="H34050" s="1" t="s">
        <v>118353</v>
      </c>
      <c r="I34050" s="1" t="s">
        <v>115226</v>
      </c>
      <c r="J34050" s="1" t="s">
        <v>118433</v>
      </c>
    </row>
    <row r="34051" spans="1:10" x14ac:dyDescent="0.35">
      <c r="A34051" s="1" t="s">
        <v>6330</v>
      </c>
      <c r="B34051" s="1" t="s">
        <v>115221</v>
      </c>
      <c r="C34051" s="1" t="s">
        <v>140</v>
      </c>
      <c r="D34051" s="1" t="s">
        <v>118434</v>
      </c>
      <c r="E34051" s="1" t="s">
        <v>118435</v>
      </c>
      <c r="F34051" s="1" t="s">
        <v>118436</v>
      </c>
      <c r="G34051" s="1" t="s">
        <v>118352</v>
      </c>
      <c r="H34051" s="1" t="s">
        <v>118353</v>
      </c>
      <c r="I34051" s="1" t="s">
        <v>115226</v>
      </c>
      <c r="J34051" s="1" t="s">
        <v>118437</v>
      </c>
    </row>
    <row r="34052" spans="1:10" x14ac:dyDescent="0.35">
      <c r="A34052" s="1" t="s">
        <v>6330</v>
      </c>
      <c r="B34052" s="1" t="s">
        <v>115221</v>
      </c>
      <c r="C34052" s="1" t="s">
        <v>145</v>
      </c>
      <c r="D34052" s="1" t="s">
        <v>18845</v>
      </c>
      <c r="E34052" s="1" t="s">
        <v>118438</v>
      </c>
      <c r="F34052" s="1" t="s">
        <v>118439</v>
      </c>
      <c r="G34052" s="1" t="s">
        <v>118352</v>
      </c>
      <c r="H34052" s="1" t="s">
        <v>118353</v>
      </c>
      <c r="I34052" s="1" t="s">
        <v>115226</v>
      </c>
      <c r="J34052" s="1" t="s">
        <v>118440</v>
      </c>
    </row>
    <row r="34053" spans="1:10" x14ac:dyDescent="0.35">
      <c r="A34053" s="1" t="s">
        <v>6330</v>
      </c>
      <c r="B34053" s="1" t="s">
        <v>115221</v>
      </c>
      <c r="C34053" s="1" t="s">
        <v>150</v>
      </c>
      <c r="D34053" s="1" t="s">
        <v>118441</v>
      </c>
      <c r="E34053" s="1" t="s">
        <v>118442</v>
      </c>
      <c r="F34053" s="1" t="s">
        <v>118443</v>
      </c>
      <c r="G34053" s="1" t="s">
        <v>118352</v>
      </c>
      <c r="H34053" s="1" t="s">
        <v>118353</v>
      </c>
      <c r="I34053" s="1" t="s">
        <v>115226</v>
      </c>
      <c r="J34053" s="1" t="s">
        <v>118444</v>
      </c>
    </row>
    <row r="34054" spans="1:10" x14ac:dyDescent="0.35">
      <c r="A34054" s="1" t="s">
        <v>6330</v>
      </c>
      <c r="B34054" s="1" t="s">
        <v>115221</v>
      </c>
      <c r="C34054" s="1" t="s">
        <v>155</v>
      </c>
      <c r="D34054" s="1" t="s">
        <v>104909</v>
      </c>
      <c r="E34054" s="1" t="s">
        <v>118445</v>
      </c>
      <c r="F34054" s="1" t="s">
        <v>118446</v>
      </c>
      <c r="G34054" s="1" t="s">
        <v>118352</v>
      </c>
      <c r="H34054" s="1" t="s">
        <v>118353</v>
      </c>
      <c r="I34054" s="1" t="s">
        <v>115226</v>
      </c>
      <c r="J34054" s="1" t="s">
        <v>118447</v>
      </c>
    </row>
    <row r="34055" spans="1:10" x14ac:dyDescent="0.35">
      <c r="A34055" s="1" t="s">
        <v>6330</v>
      </c>
      <c r="B34055" s="1" t="s">
        <v>115221</v>
      </c>
      <c r="C34055" s="1" t="s">
        <v>160</v>
      </c>
      <c r="D34055" s="1" t="s">
        <v>118448</v>
      </c>
      <c r="E34055" s="1" t="s">
        <v>118449</v>
      </c>
      <c r="F34055" s="1" t="s">
        <v>118450</v>
      </c>
      <c r="G34055" s="1" t="s">
        <v>118352</v>
      </c>
      <c r="H34055" s="1" t="s">
        <v>118353</v>
      </c>
      <c r="I34055" s="1" t="s">
        <v>115226</v>
      </c>
      <c r="J34055" s="1" t="s">
        <v>118451</v>
      </c>
    </row>
    <row r="34056" spans="1:10" x14ac:dyDescent="0.35">
      <c r="A34056" s="1" t="s">
        <v>6330</v>
      </c>
      <c r="B34056" s="1" t="s">
        <v>115221</v>
      </c>
      <c r="C34056" s="1" t="s">
        <v>165</v>
      </c>
      <c r="D34056" s="1" t="s">
        <v>15651</v>
      </c>
      <c r="E34056" s="1" t="s">
        <v>118452</v>
      </c>
      <c r="F34056" s="1" t="s">
        <v>118453</v>
      </c>
      <c r="G34056" s="1" t="s">
        <v>118352</v>
      </c>
      <c r="H34056" s="1" t="s">
        <v>118353</v>
      </c>
      <c r="I34056" s="1" t="s">
        <v>115226</v>
      </c>
      <c r="J34056" s="1" t="s">
        <v>118454</v>
      </c>
    </row>
    <row r="34057" spans="1:10" x14ac:dyDescent="0.35">
      <c r="A34057" s="1" t="s">
        <v>6330</v>
      </c>
      <c r="B34057" s="1" t="s">
        <v>115221</v>
      </c>
      <c r="C34057" s="1" t="s">
        <v>170</v>
      </c>
      <c r="D34057" s="1" t="s">
        <v>118455</v>
      </c>
      <c r="E34057" s="1" t="s">
        <v>118456</v>
      </c>
      <c r="F34057" s="1" t="s">
        <v>118457</v>
      </c>
      <c r="G34057" s="1" t="s">
        <v>118352</v>
      </c>
      <c r="H34057" s="1" t="s">
        <v>118353</v>
      </c>
      <c r="I34057" s="1" t="s">
        <v>115226</v>
      </c>
      <c r="J34057" s="1" t="s">
        <v>118458</v>
      </c>
    </row>
    <row r="34058" spans="1:10" x14ac:dyDescent="0.35">
      <c r="A34058" s="1" t="s">
        <v>28958</v>
      </c>
      <c r="B34058" s="1" t="s">
        <v>115221</v>
      </c>
      <c r="C34058" s="1" t="s">
        <v>8</v>
      </c>
      <c r="D34058" s="1" t="s">
        <v>118459</v>
      </c>
      <c r="E34058" s="1" t="s">
        <v>118460</v>
      </c>
      <c r="F34058" s="1" t="s">
        <v>118461</v>
      </c>
      <c r="G34058" s="1" t="s">
        <v>118462</v>
      </c>
      <c r="H34058" s="1" t="s">
        <v>118463</v>
      </c>
      <c r="I34058" s="1" t="s">
        <v>115226</v>
      </c>
      <c r="J34058" s="1" t="s">
        <v>13</v>
      </c>
    </row>
    <row r="34059" spans="1:10" x14ac:dyDescent="0.35">
      <c r="A34059" s="1" t="s">
        <v>28958</v>
      </c>
      <c r="B34059" s="1" t="s">
        <v>115221</v>
      </c>
      <c r="C34059" s="1" t="s">
        <v>15</v>
      </c>
      <c r="D34059" s="1" t="s">
        <v>14221</v>
      </c>
      <c r="E34059" s="1" t="s">
        <v>118464</v>
      </c>
      <c r="F34059" s="1" t="s">
        <v>118465</v>
      </c>
      <c r="G34059" s="1" t="s">
        <v>118462</v>
      </c>
      <c r="H34059" s="1" t="s">
        <v>118463</v>
      </c>
      <c r="I34059" s="1" t="s">
        <v>115226</v>
      </c>
      <c r="J34059" s="1" t="s">
        <v>118466</v>
      </c>
    </row>
    <row r="34060" spans="1:10" x14ac:dyDescent="0.35">
      <c r="A34060" s="1" t="s">
        <v>28958</v>
      </c>
      <c r="B34060" s="1" t="s">
        <v>115221</v>
      </c>
      <c r="C34060" s="1" t="s">
        <v>20</v>
      </c>
      <c r="D34060" s="1" t="s">
        <v>29114</v>
      </c>
      <c r="E34060" s="1" t="s">
        <v>118467</v>
      </c>
      <c r="F34060" s="1" t="s">
        <v>118468</v>
      </c>
      <c r="G34060" s="1" t="s">
        <v>118462</v>
      </c>
      <c r="H34060" s="1" t="s">
        <v>118463</v>
      </c>
      <c r="I34060" s="1" t="s">
        <v>115226</v>
      </c>
      <c r="J34060" s="1" t="s">
        <v>118469</v>
      </c>
    </row>
    <row r="34061" spans="1:10" x14ac:dyDescent="0.35">
      <c r="A34061" s="1" t="s">
        <v>28958</v>
      </c>
      <c r="B34061" s="1" t="s">
        <v>115221</v>
      </c>
      <c r="C34061" s="1" t="s">
        <v>25</v>
      </c>
      <c r="D34061" s="1" t="s">
        <v>10334</v>
      </c>
      <c r="E34061" s="1" t="s">
        <v>118470</v>
      </c>
      <c r="F34061" s="1" t="s">
        <v>118471</v>
      </c>
      <c r="G34061" s="1" t="s">
        <v>118462</v>
      </c>
      <c r="H34061" s="1" t="s">
        <v>118463</v>
      </c>
      <c r="I34061" s="1" t="s">
        <v>115226</v>
      </c>
      <c r="J34061" s="1" t="s">
        <v>118472</v>
      </c>
    </row>
    <row r="34062" spans="1:10" x14ac:dyDescent="0.35">
      <c r="A34062" s="1" t="s">
        <v>28958</v>
      </c>
      <c r="B34062" s="1" t="s">
        <v>115221</v>
      </c>
      <c r="C34062" s="1" t="s">
        <v>30</v>
      </c>
      <c r="D34062" s="1" t="s">
        <v>34656</v>
      </c>
      <c r="E34062" s="1" t="s">
        <v>118473</v>
      </c>
      <c r="F34062" s="1" t="s">
        <v>118474</v>
      </c>
      <c r="G34062" s="1" t="s">
        <v>118462</v>
      </c>
      <c r="H34062" s="1" t="s">
        <v>118463</v>
      </c>
      <c r="I34062" s="1" t="s">
        <v>115226</v>
      </c>
      <c r="J34062" s="1" t="s">
        <v>118475</v>
      </c>
    </row>
    <row r="34063" spans="1:10" x14ac:dyDescent="0.35">
      <c r="A34063" s="1" t="s">
        <v>28958</v>
      </c>
      <c r="B34063" s="1" t="s">
        <v>115221</v>
      </c>
      <c r="C34063" s="1" t="s">
        <v>35</v>
      </c>
      <c r="D34063" s="1" t="s">
        <v>118476</v>
      </c>
      <c r="E34063" s="1" t="s">
        <v>118477</v>
      </c>
      <c r="F34063" s="1" t="s">
        <v>118478</v>
      </c>
      <c r="G34063" s="1" t="s">
        <v>118462</v>
      </c>
      <c r="H34063" s="1" t="s">
        <v>118463</v>
      </c>
      <c r="I34063" s="1" t="s">
        <v>115226</v>
      </c>
      <c r="J34063" s="1" t="s">
        <v>118479</v>
      </c>
    </row>
    <row r="34064" spans="1:10" x14ac:dyDescent="0.35">
      <c r="A34064" s="1" t="s">
        <v>28958</v>
      </c>
      <c r="B34064" s="1" t="s">
        <v>115221</v>
      </c>
      <c r="C34064" s="1" t="s">
        <v>40</v>
      </c>
      <c r="D34064" s="1" t="s">
        <v>49150</v>
      </c>
      <c r="E34064" s="1" t="s">
        <v>118480</v>
      </c>
      <c r="F34064" s="1" t="s">
        <v>118481</v>
      </c>
      <c r="G34064" s="1" t="s">
        <v>118462</v>
      </c>
      <c r="H34064" s="1" t="s">
        <v>118463</v>
      </c>
      <c r="I34064" s="1" t="s">
        <v>115226</v>
      </c>
      <c r="J34064" s="1" t="s">
        <v>118482</v>
      </c>
    </row>
    <row r="34065" spans="1:10" x14ac:dyDescent="0.35">
      <c r="A34065" s="1" t="s">
        <v>28958</v>
      </c>
      <c r="B34065" s="1" t="s">
        <v>115221</v>
      </c>
      <c r="C34065" s="1" t="s">
        <v>45</v>
      </c>
      <c r="D34065" s="1" t="s">
        <v>48160</v>
      </c>
      <c r="E34065" s="1" t="s">
        <v>118483</v>
      </c>
      <c r="F34065" s="1" t="s">
        <v>118484</v>
      </c>
      <c r="G34065" s="1" t="s">
        <v>118462</v>
      </c>
      <c r="H34065" s="1" t="s">
        <v>118463</v>
      </c>
      <c r="I34065" s="1" t="s">
        <v>115226</v>
      </c>
      <c r="J34065" s="1" t="s">
        <v>118485</v>
      </c>
    </row>
    <row r="34066" spans="1:10" x14ac:dyDescent="0.35">
      <c r="A34066" s="1" t="s">
        <v>28958</v>
      </c>
      <c r="B34066" s="1" t="s">
        <v>115221</v>
      </c>
      <c r="C34066" s="1" t="s">
        <v>50</v>
      </c>
      <c r="D34066" s="1" t="s">
        <v>118486</v>
      </c>
      <c r="E34066" s="1" t="s">
        <v>118487</v>
      </c>
      <c r="F34066" s="1" t="s">
        <v>118488</v>
      </c>
      <c r="G34066" s="1" t="s">
        <v>118462</v>
      </c>
      <c r="H34066" s="1" t="s">
        <v>118463</v>
      </c>
      <c r="I34066" s="1" t="s">
        <v>115226</v>
      </c>
      <c r="J34066" s="1" t="s">
        <v>118489</v>
      </c>
    </row>
    <row r="34067" spans="1:10" x14ac:dyDescent="0.35">
      <c r="A34067" s="1" t="s">
        <v>28958</v>
      </c>
      <c r="B34067" s="1" t="s">
        <v>115221</v>
      </c>
      <c r="C34067" s="1" t="s">
        <v>55</v>
      </c>
      <c r="D34067" s="1" t="s">
        <v>47420</v>
      </c>
      <c r="E34067" s="1" t="s">
        <v>118490</v>
      </c>
      <c r="F34067" s="1" t="s">
        <v>118491</v>
      </c>
      <c r="G34067" s="1" t="s">
        <v>118462</v>
      </c>
      <c r="H34067" s="1" t="s">
        <v>118463</v>
      </c>
      <c r="I34067" s="1" t="s">
        <v>115226</v>
      </c>
      <c r="J34067" s="1" t="s">
        <v>118492</v>
      </c>
    </row>
    <row r="34068" spans="1:10" x14ac:dyDescent="0.35">
      <c r="A34068" s="1" t="s">
        <v>28958</v>
      </c>
      <c r="B34068" s="1" t="s">
        <v>115221</v>
      </c>
      <c r="C34068" s="1" t="s">
        <v>60</v>
      </c>
      <c r="D34068" s="1" t="s">
        <v>111993</v>
      </c>
      <c r="E34068" s="1" t="s">
        <v>118493</v>
      </c>
      <c r="F34068" s="1" t="s">
        <v>118494</v>
      </c>
      <c r="G34068" s="1" t="s">
        <v>118462</v>
      </c>
      <c r="H34068" s="1" t="s">
        <v>118463</v>
      </c>
      <c r="I34068" s="1" t="s">
        <v>115226</v>
      </c>
      <c r="J34068" s="1" t="s">
        <v>118495</v>
      </c>
    </row>
    <row r="34069" spans="1:10" x14ac:dyDescent="0.35">
      <c r="A34069" s="1" t="s">
        <v>28958</v>
      </c>
      <c r="B34069" s="1" t="s">
        <v>115221</v>
      </c>
      <c r="C34069" s="1" t="s">
        <v>65</v>
      </c>
      <c r="D34069" s="1" t="s">
        <v>118496</v>
      </c>
      <c r="E34069" s="1" t="s">
        <v>118497</v>
      </c>
      <c r="F34069" s="1" t="s">
        <v>118498</v>
      </c>
      <c r="G34069" s="1" t="s">
        <v>118462</v>
      </c>
      <c r="H34069" s="1" t="s">
        <v>118463</v>
      </c>
      <c r="I34069" s="1" t="s">
        <v>115226</v>
      </c>
      <c r="J34069" s="1" t="s">
        <v>118499</v>
      </c>
    </row>
    <row r="34070" spans="1:10" x14ac:dyDescent="0.35">
      <c r="A34070" s="1" t="s">
        <v>28958</v>
      </c>
      <c r="B34070" s="1" t="s">
        <v>115221</v>
      </c>
      <c r="C34070" s="1" t="s">
        <v>70</v>
      </c>
      <c r="D34070" s="1" t="s">
        <v>44403</v>
      </c>
      <c r="E34070" s="1" t="s">
        <v>118500</v>
      </c>
      <c r="F34070" s="1" t="s">
        <v>118501</v>
      </c>
      <c r="G34070" s="1" t="s">
        <v>118462</v>
      </c>
      <c r="H34070" s="1" t="s">
        <v>118463</v>
      </c>
      <c r="I34070" s="1" t="s">
        <v>115226</v>
      </c>
      <c r="J34070" s="1" t="s">
        <v>116392</v>
      </c>
    </row>
    <row r="34071" spans="1:10" x14ac:dyDescent="0.35">
      <c r="A34071" s="1" t="s">
        <v>28958</v>
      </c>
      <c r="B34071" s="1" t="s">
        <v>115221</v>
      </c>
      <c r="C34071" s="1" t="s">
        <v>75</v>
      </c>
      <c r="D34071" s="1" t="s">
        <v>118502</v>
      </c>
      <c r="E34071" s="1" t="s">
        <v>118503</v>
      </c>
      <c r="F34071" s="1" t="s">
        <v>118504</v>
      </c>
      <c r="G34071" s="1" t="s">
        <v>118462</v>
      </c>
      <c r="H34071" s="1" t="s">
        <v>118463</v>
      </c>
      <c r="I34071" s="1" t="s">
        <v>115226</v>
      </c>
      <c r="J34071" s="1" t="s">
        <v>118505</v>
      </c>
    </row>
    <row r="34072" spans="1:10" x14ac:dyDescent="0.35">
      <c r="A34072" s="1" t="s">
        <v>28958</v>
      </c>
      <c r="B34072" s="1" t="s">
        <v>115221</v>
      </c>
      <c r="C34072" s="1" t="s">
        <v>80</v>
      </c>
      <c r="D34072" s="1" t="s">
        <v>35251</v>
      </c>
      <c r="E34072" s="1" t="s">
        <v>118506</v>
      </c>
      <c r="F34072" s="1" t="s">
        <v>118507</v>
      </c>
      <c r="G34072" s="1" t="s">
        <v>118462</v>
      </c>
      <c r="H34072" s="1" t="s">
        <v>118463</v>
      </c>
      <c r="I34072" s="1" t="s">
        <v>115226</v>
      </c>
      <c r="J34072" s="1" t="s">
        <v>19595</v>
      </c>
    </row>
    <row r="34073" spans="1:10" x14ac:dyDescent="0.35">
      <c r="A34073" s="1" t="s">
        <v>28958</v>
      </c>
      <c r="B34073" s="1" t="s">
        <v>115221</v>
      </c>
      <c r="C34073" s="1" t="s">
        <v>85</v>
      </c>
      <c r="D34073" s="1" t="s">
        <v>118508</v>
      </c>
      <c r="E34073" s="1" t="s">
        <v>118509</v>
      </c>
      <c r="F34073" s="1" t="s">
        <v>118510</v>
      </c>
      <c r="G34073" s="1" t="s">
        <v>118462</v>
      </c>
      <c r="H34073" s="1" t="s">
        <v>118463</v>
      </c>
      <c r="I34073" s="1" t="s">
        <v>115226</v>
      </c>
      <c r="J34073" s="1" t="s">
        <v>118511</v>
      </c>
    </row>
    <row r="34074" spans="1:10" x14ac:dyDescent="0.35">
      <c r="A34074" s="1" t="s">
        <v>28958</v>
      </c>
      <c r="B34074" s="1" t="s">
        <v>115221</v>
      </c>
      <c r="C34074" s="1" t="s">
        <v>90</v>
      </c>
      <c r="D34074" s="1" t="s">
        <v>44802</v>
      </c>
      <c r="E34074" s="1" t="s">
        <v>118512</v>
      </c>
      <c r="F34074" s="1" t="s">
        <v>118513</v>
      </c>
      <c r="G34074" s="1" t="s">
        <v>118462</v>
      </c>
      <c r="H34074" s="1" t="s">
        <v>118463</v>
      </c>
      <c r="I34074" s="1" t="s">
        <v>115226</v>
      </c>
      <c r="J34074" s="1" t="s">
        <v>118514</v>
      </c>
    </row>
    <row r="34075" spans="1:10" x14ac:dyDescent="0.35">
      <c r="A34075" s="1" t="s">
        <v>28958</v>
      </c>
      <c r="B34075" s="1" t="s">
        <v>115221</v>
      </c>
      <c r="C34075" s="1" t="s">
        <v>95</v>
      </c>
      <c r="D34075" s="1" t="s">
        <v>116198</v>
      </c>
      <c r="E34075" s="1" t="s">
        <v>118515</v>
      </c>
      <c r="F34075" s="1" t="s">
        <v>118516</v>
      </c>
      <c r="G34075" s="1" t="s">
        <v>118462</v>
      </c>
      <c r="H34075" s="1" t="s">
        <v>118463</v>
      </c>
      <c r="I34075" s="1" t="s">
        <v>115226</v>
      </c>
      <c r="J34075" s="1" t="s">
        <v>118517</v>
      </c>
    </row>
    <row r="34076" spans="1:10" x14ac:dyDescent="0.35">
      <c r="A34076" s="1" t="s">
        <v>28958</v>
      </c>
      <c r="B34076" s="1" t="s">
        <v>115221</v>
      </c>
      <c r="C34076" s="1" t="s">
        <v>100</v>
      </c>
      <c r="D34076" s="1" t="s">
        <v>112066</v>
      </c>
      <c r="E34076" s="1" t="s">
        <v>118518</v>
      </c>
      <c r="F34076" s="1" t="s">
        <v>118519</v>
      </c>
      <c r="G34076" s="1" t="s">
        <v>118462</v>
      </c>
      <c r="H34076" s="1" t="s">
        <v>118463</v>
      </c>
      <c r="I34076" s="1" t="s">
        <v>115226</v>
      </c>
      <c r="J34076" s="1" t="s">
        <v>118520</v>
      </c>
    </row>
    <row r="34077" spans="1:10" x14ac:dyDescent="0.35">
      <c r="A34077" s="1" t="s">
        <v>28958</v>
      </c>
      <c r="B34077" s="1" t="s">
        <v>115221</v>
      </c>
      <c r="C34077" s="1" t="s">
        <v>105</v>
      </c>
      <c r="D34077" s="1" t="s">
        <v>73846</v>
      </c>
      <c r="E34077" s="1" t="s">
        <v>118521</v>
      </c>
      <c r="F34077" s="1" t="s">
        <v>118522</v>
      </c>
      <c r="G34077" s="1" t="s">
        <v>118462</v>
      </c>
      <c r="H34077" s="1" t="s">
        <v>118463</v>
      </c>
      <c r="I34077" s="1" t="s">
        <v>115226</v>
      </c>
      <c r="J34077" s="1" t="s">
        <v>118523</v>
      </c>
    </row>
    <row r="34078" spans="1:10" x14ac:dyDescent="0.35">
      <c r="A34078" s="1" t="s">
        <v>28958</v>
      </c>
      <c r="B34078" s="1" t="s">
        <v>115221</v>
      </c>
      <c r="C34078" s="1" t="s">
        <v>110</v>
      </c>
      <c r="D34078" s="1" t="s">
        <v>51884</v>
      </c>
      <c r="E34078" s="1" t="s">
        <v>118524</v>
      </c>
      <c r="F34078" s="1" t="s">
        <v>118525</v>
      </c>
      <c r="G34078" s="1" t="s">
        <v>118462</v>
      </c>
      <c r="H34078" s="1" t="s">
        <v>118463</v>
      </c>
      <c r="I34078" s="1" t="s">
        <v>115226</v>
      </c>
      <c r="J34078" s="1" t="s">
        <v>118526</v>
      </c>
    </row>
    <row r="34079" spans="1:10" x14ac:dyDescent="0.35">
      <c r="A34079" s="1" t="s">
        <v>28958</v>
      </c>
      <c r="B34079" s="1" t="s">
        <v>115221</v>
      </c>
      <c r="C34079" s="1" t="s">
        <v>115</v>
      </c>
      <c r="D34079" s="1" t="s">
        <v>51300</v>
      </c>
      <c r="E34079" s="1" t="s">
        <v>118527</v>
      </c>
      <c r="F34079" s="1" t="s">
        <v>118528</v>
      </c>
      <c r="G34079" s="1" t="s">
        <v>118462</v>
      </c>
      <c r="H34079" s="1" t="s">
        <v>118463</v>
      </c>
      <c r="I34079" s="1" t="s">
        <v>115226</v>
      </c>
      <c r="J34079" s="1" t="s">
        <v>118529</v>
      </c>
    </row>
    <row r="34080" spans="1:10" x14ac:dyDescent="0.35">
      <c r="A34080" s="1" t="s">
        <v>28958</v>
      </c>
      <c r="B34080" s="1" t="s">
        <v>115221</v>
      </c>
      <c r="C34080" s="1" t="s">
        <v>120</v>
      </c>
      <c r="D34080" s="1" t="s">
        <v>111299</v>
      </c>
      <c r="E34080" s="1" t="s">
        <v>118530</v>
      </c>
      <c r="F34080" s="1" t="s">
        <v>118531</v>
      </c>
      <c r="G34080" s="1" t="s">
        <v>118462</v>
      </c>
      <c r="H34080" s="1" t="s">
        <v>118463</v>
      </c>
      <c r="I34080" s="1" t="s">
        <v>115226</v>
      </c>
      <c r="J34080" s="1" t="s">
        <v>118532</v>
      </c>
    </row>
    <row r="34081" spans="1:10" x14ac:dyDescent="0.35">
      <c r="A34081" s="1" t="s">
        <v>28958</v>
      </c>
      <c r="B34081" s="1" t="s">
        <v>115221</v>
      </c>
      <c r="C34081" s="1" t="s">
        <v>125</v>
      </c>
      <c r="D34081" s="1" t="s">
        <v>82309</v>
      </c>
      <c r="E34081" s="1" t="s">
        <v>118533</v>
      </c>
      <c r="F34081" s="1" t="s">
        <v>118534</v>
      </c>
      <c r="G34081" s="1" t="s">
        <v>118462</v>
      </c>
      <c r="H34081" s="1" t="s">
        <v>118463</v>
      </c>
      <c r="I34081" s="1" t="s">
        <v>115226</v>
      </c>
      <c r="J34081" s="1" t="s">
        <v>118535</v>
      </c>
    </row>
    <row r="34082" spans="1:10" x14ac:dyDescent="0.35">
      <c r="A34082" s="1" t="s">
        <v>28958</v>
      </c>
      <c r="B34082" s="1" t="s">
        <v>115221</v>
      </c>
      <c r="C34082" s="1" t="s">
        <v>130</v>
      </c>
      <c r="D34082" s="1" t="s">
        <v>70979</v>
      </c>
      <c r="E34082" s="1" t="s">
        <v>118536</v>
      </c>
      <c r="F34082" s="1" t="s">
        <v>118537</v>
      </c>
      <c r="G34082" s="1" t="s">
        <v>118462</v>
      </c>
      <c r="H34082" s="1" t="s">
        <v>118463</v>
      </c>
      <c r="I34082" s="1" t="s">
        <v>115226</v>
      </c>
      <c r="J34082" s="1" t="s">
        <v>118538</v>
      </c>
    </row>
    <row r="34083" spans="1:10" x14ac:dyDescent="0.35">
      <c r="A34083" s="1" t="s">
        <v>28958</v>
      </c>
      <c r="B34083" s="1" t="s">
        <v>115221</v>
      </c>
      <c r="C34083" s="1" t="s">
        <v>135</v>
      </c>
      <c r="D34083" s="1" t="s">
        <v>118539</v>
      </c>
      <c r="E34083" s="1" t="s">
        <v>118540</v>
      </c>
      <c r="F34083" s="1" t="s">
        <v>118541</v>
      </c>
      <c r="G34083" s="1" t="s">
        <v>118462</v>
      </c>
      <c r="H34083" s="1" t="s">
        <v>118463</v>
      </c>
      <c r="I34083" s="1" t="s">
        <v>115226</v>
      </c>
      <c r="J34083" s="1" t="s">
        <v>118542</v>
      </c>
    </row>
    <row r="34084" spans="1:10" x14ac:dyDescent="0.35">
      <c r="A34084" s="1" t="s">
        <v>28958</v>
      </c>
      <c r="B34084" s="1" t="s">
        <v>115221</v>
      </c>
      <c r="C34084" s="1" t="s">
        <v>140</v>
      </c>
      <c r="D34084" s="1" t="s">
        <v>118543</v>
      </c>
      <c r="E34084" s="1" t="s">
        <v>118544</v>
      </c>
      <c r="F34084" s="1" t="s">
        <v>118545</v>
      </c>
      <c r="G34084" s="1" t="s">
        <v>118462</v>
      </c>
      <c r="H34084" s="1" t="s">
        <v>118463</v>
      </c>
      <c r="I34084" s="1" t="s">
        <v>115226</v>
      </c>
      <c r="J34084" s="1" t="s">
        <v>118546</v>
      </c>
    </row>
    <row r="34085" spans="1:10" x14ac:dyDescent="0.35">
      <c r="A34085" s="1" t="s">
        <v>28958</v>
      </c>
      <c r="B34085" s="1" t="s">
        <v>115221</v>
      </c>
      <c r="C34085" s="1" t="s">
        <v>145</v>
      </c>
      <c r="D34085" s="1" t="s">
        <v>72326</v>
      </c>
      <c r="E34085" s="1" t="s">
        <v>118547</v>
      </c>
      <c r="F34085" s="1" t="s">
        <v>118548</v>
      </c>
      <c r="G34085" s="1" t="s">
        <v>118462</v>
      </c>
      <c r="H34085" s="1" t="s">
        <v>118463</v>
      </c>
      <c r="I34085" s="1" t="s">
        <v>115226</v>
      </c>
      <c r="J34085" s="1" t="s">
        <v>118549</v>
      </c>
    </row>
    <row r="34086" spans="1:10" x14ac:dyDescent="0.35">
      <c r="A34086" s="1" t="s">
        <v>28958</v>
      </c>
      <c r="B34086" s="1" t="s">
        <v>115221</v>
      </c>
      <c r="C34086" s="1" t="s">
        <v>150</v>
      </c>
      <c r="D34086" s="1" t="s">
        <v>45519</v>
      </c>
      <c r="E34086" s="1" t="s">
        <v>118550</v>
      </c>
      <c r="F34086" s="1" t="s">
        <v>118551</v>
      </c>
      <c r="G34086" s="1" t="s">
        <v>118462</v>
      </c>
      <c r="H34086" s="1" t="s">
        <v>118463</v>
      </c>
      <c r="I34086" s="1" t="s">
        <v>115226</v>
      </c>
      <c r="J34086" s="1" t="s">
        <v>118552</v>
      </c>
    </row>
    <row r="34087" spans="1:10" x14ac:dyDescent="0.35">
      <c r="A34087" s="1" t="s">
        <v>28958</v>
      </c>
      <c r="B34087" s="1" t="s">
        <v>115221</v>
      </c>
      <c r="C34087" s="1" t="s">
        <v>155</v>
      </c>
      <c r="D34087" s="1" t="s">
        <v>30201</v>
      </c>
      <c r="E34087" s="1" t="s">
        <v>118553</v>
      </c>
      <c r="F34087" s="1" t="s">
        <v>118554</v>
      </c>
      <c r="G34087" s="1" t="s">
        <v>118462</v>
      </c>
      <c r="H34087" s="1" t="s">
        <v>118463</v>
      </c>
      <c r="I34087" s="1" t="s">
        <v>115226</v>
      </c>
      <c r="J34087" s="1" t="s">
        <v>118555</v>
      </c>
    </row>
    <row r="34088" spans="1:10" x14ac:dyDescent="0.35">
      <c r="A34088" s="1" t="s">
        <v>28958</v>
      </c>
      <c r="B34088" s="1" t="s">
        <v>115221</v>
      </c>
      <c r="C34088" s="1" t="s">
        <v>160</v>
      </c>
      <c r="D34088" s="1" t="s">
        <v>15416</v>
      </c>
      <c r="E34088" s="1" t="s">
        <v>118556</v>
      </c>
      <c r="F34088" s="1" t="s">
        <v>118557</v>
      </c>
      <c r="G34088" s="1" t="s">
        <v>118462</v>
      </c>
      <c r="H34088" s="1" t="s">
        <v>118463</v>
      </c>
      <c r="I34088" s="1" t="s">
        <v>115226</v>
      </c>
      <c r="J34088" s="1" t="s">
        <v>118558</v>
      </c>
    </row>
    <row r="34089" spans="1:10" x14ac:dyDescent="0.35">
      <c r="A34089" s="1" t="s">
        <v>28958</v>
      </c>
      <c r="B34089" s="1" t="s">
        <v>115221</v>
      </c>
      <c r="C34089" s="1" t="s">
        <v>165</v>
      </c>
      <c r="D34089" s="1" t="s">
        <v>43143</v>
      </c>
      <c r="E34089" s="1" t="s">
        <v>118559</v>
      </c>
      <c r="F34089" s="1" t="s">
        <v>118560</v>
      </c>
      <c r="G34089" s="1" t="s">
        <v>118462</v>
      </c>
      <c r="H34089" s="1" t="s">
        <v>118463</v>
      </c>
      <c r="I34089" s="1" t="s">
        <v>115226</v>
      </c>
      <c r="J34089" s="1" t="s">
        <v>118561</v>
      </c>
    </row>
    <row r="34090" spans="1:10" x14ac:dyDescent="0.35">
      <c r="A34090" s="1" t="s">
        <v>28958</v>
      </c>
      <c r="B34090" s="1" t="s">
        <v>115221</v>
      </c>
      <c r="C34090" s="1" t="s">
        <v>170</v>
      </c>
      <c r="D34090" s="1" t="s">
        <v>118562</v>
      </c>
      <c r="E34090" s="1" t="s">
        <v>118563</v>
      </c>
      <c r="F34090" s="1" t="s">
        <v>118564</v>
      </c>
      <c r="G34090" s="1" t="s">
        <v>118462</v>
      </c>
      <c r="H34090" s="1" t="s">
        <v>118463</v>
      </c>
      <c r="I34090" s="1" t="s">
        <v>115226</v>
      </c>
      <c r="J34090" s="1" t="s">
        <v>118565</v>
      </c>
    </row>
    <row r="34091" spans="1:10" x14ac:dyDescent="0.35">
      <c r="A34091" s="1" t="s">
        <v>118566</v>
      </c>
      <c r="B34091" s="1" t="s">
        <v>115221</v>
      </c>
      <c r="C34091" s="1" t="s">
        <v>8</v>
      </c>
      <c r="D34091" s="1" t="s">
        <v>118567</v>
      </c>
      <c r="E34091" s="1" t="s">
        <v>118568</v>
      </c>
      <c r="F34091" s="1" t="s">
        <v>118569</v>
      </c>
      <c r="G34091" s="1" t="s">
        <v>118570</v>
      </c>
      <c r="H34091" s="1" t="s">
        <v>118571</v>
      </c>
      <c r="I34091" s="1" t="s">
        <v>115226</v>
      </c>
      <c r="J34091" s="1" t="s">
        <v>13</v>
      </c>
    </row>
    <row r="34092" spans="1:10" x14ac:dyDescent="0.35">
      <c r="A34092" s="1" t="s">
        <v>118566</v>
      </c>
      <c r="B34092" s="1" t="s">
        <v>115221</v>
      </c>
      <c r="C34092" s="1" t="s">
        <v>15</v>
      </c>
      <c r="D34092" s="1" t="s">
        <v>111661</v>
      </c>
      <c r="E34092" s="1" t="s">
        <v>118572</v>
      </c>
      <c r="F34092" s="1" t="s">
        <v>118573</v>
      </c>
      <c r="G34092" s="1" t="s">
        <v>118570</v>
      </c>
      <c r="H34092" s="1" t="s">
        <v>118571</v>
      </c>
      <c r="I34092" s="1" t="s">
        <v>115226</v>
      </c>
      <c r="J34092" s="1" t="s">
        <v>118574</v>
      </c>
    </row>
    <row r="34093" spans="1:10" x14ac:dyDescent="0.35">
      <c r="A34093" s="1" t="s">
        <v>118566</v>
      </c>
      <c r="B34093" s="1" t="s">
        <v>115221</v>
      </c>
      <c r="C34093" s="1" t="s">
        <v>20</v>
      </c>
      <c r="D34093" s="1" t="s">
        <v>34911</v>
      </c>
      <c r="E34093" s="1" t="s">
        <v>118575</v>
      </c>
      <c r="F34093" s="1" t="s">
        <v>118576</v>
      </c>
      <c r="G34093" s="1" t="s">
        <v>118570</v>
      </c>
      <c r="H34093" s="1" t="s">
        <v>118571</v>
      </c>
      <c r="I34093" s="1" t="s">
        <v>115226</v>
      </c>
      <c r="J34093" s="1" t="s">
        <v>118577</v>
      </c>
    </row>
    <row r="34094" spans="1:10" x14ac:dyDescent="0.35">
      <c r="A34094" s="1" t="s">
        <v>118566</v>
      </c>
      <c r="B34094" s="1" t="s">
        <v>115221</v>
      </c>
      <c r="C34094" s="1" t="s">
        <v>25</v>
      </c>
      <c r="D34094" s="1" t="s">
        <v>118578</v>
      </c>
      <c r="E34094" s="1" t="s">
        <v>118579</v>
      </c>
      <c r="F34094" s="1" t="s">
        <v>118580</v>
      </c>
      <c r="G34094" s="1" t="s">
        <v>118570</v>
      </c>
      <c r="H34094" s="1" t="s">
        <v>118571</v>
      </c>
      <c r="I34094" s="1" t="s">
        <v>115226</v>
      </c>
      <c r="J34094" s="1" t="s">
        <v>118581</v>
      </c>
    </row>
    <row r="34095" spans="1:10" x14ac:dyDescent="0.35">
      <c r="A34095" s="1" t="s">
        <v>118566</v>
      </c>
      <c r="B34095" s="1" t="s">
        <v>115221</v>
      </c>
      <c r="C34095" s="1" t="s">
        <v>30</v>
      </c>
      <c r="D34095" s="1" t="s">
        <v>118582</v>
      </c>
      <c r="E34095" s="1" t="s">
        <v>118583</v>
      </c>
      <c r="F34095" s="1" t="s">
        <v>118584</v>
      </c>
      <c r="G34095" s="1" t="s">
        <v>118570</v>
      </c>
      <c r="H34095" s="1" t="s">
        <v>118571</v>
      </c>
      <c r="I34095" s="1" t="s">
        <v>115226</v>
      </c>
      <c r="J34095" s="1" t="s">
        <v>118585</v>
      </c>
    </row>
    <row r="34096" spans="1:10" x14ac:dyDescent="0.35">
      <c r="A34096" s="1" t="s">
        <v>118566</v>
      </c>
      <c r="B34096" s="1" t="s">
        <v>115221</v>
      </c>
      <c r="C34096" s="1" t="s">
        <v>35</v>
      </c>
      <c r="D34096" s="1" t="s">
        <v>118586</v>
      </c>
      <c r="E34096" s="1" t="s">
        <v>118587</v>
      </c>
      <c r="F34096" s="1" t="s">
        <v>118588</v>
      </c>
      <c r="G34096" s="1" t="s">
        <v>118570</v>
      </c>
      <c r="H34096" s="1" t="s">
        <v>118571</v>
      </c>
      <c r="I34096" s="1" t="s">
        <v>115226</v>
      </c>
      <c r="J34096" s="1" t="s">
        <v>118589</v>
      </c>
    </row>
    <row r="34097" spans="1:10" x14ac:dyDescent="0.35">
      <c r="A34097" s="1" t="s">
        <v>118566</v>
      </c>
      <c r="B34097" s="1" t="s">
        <v>115221</v>
      </c>
      <c r="C34097" s="1" t="s">
        <v>40</v>
      </c>
      <c r="D34097" s="1" t="s">
        <v>117680</v>
      </c>
      <c r="E34097" s="1" t="s">
        <v>118590</v>
      </c>
      <c r="F34097" s="1" t="s">
        <v>118591</v>
      </c>
      <c r="G34097" s="1" t="s">
        <v>118570</v>
      </c>
      <c r="H34097" s="1" t="s">
        <v>118571</v>
      </c>
      <c r="I34097" s="1" t="s">
        <v>115226</v>
      </c>
      <c r="J34097" s="1" t="s">
        <v>118592</v>
      </c>
    </row>
    <row r="34098" spans="1:10" x14ac:dyDescent="0.35">
      <c r="A34098" s="1" t="s">
        <v>118566</v>
      </c>
      <c r="B34098" s="1" t="s">
        <v>115221</v>
      </c>
      <c r="C34098" s="1" t="s">
        <v>45</v>
      </c>
      <c r="D34098" s="1" t="s">
        <v>13027</v>
      </c>
      <c r="E34098" s="1" t="s">
        <v>118593</v>
      </c>
      <c r="F34098" s="1" t="s">
        <v>118594</v>
      </c>
      <c r="G34098" s="1" t="s">
        <v>118570</v>
      </c>
      <c r="H34098" s="1" t="s">
        <v>118571</v>
      </c>
      <c r="I34098" s="1" t="s">
        <v>115226</v>
      </c>
      <c r="J34098" s="1" t="s">
        <v>118595</v>
      </c>
    </row>
    <row r="34099" spans="1:10" x14ac:dyDescent="0.35">
      <c r="A34099" s="1" t="s">
        <v>118566</v>
      </c>
      <c r="B34099" s="1" t="s">
        <v>115221</v>
      </c>
      <c r="C34099" s="1" t="s">
        <v>50</v>
      </c>
      <c r="D34099" s="1" t="s">
        <v>104564</v>
      </c>
      <c r="E34099" s="1" t="s">
        <v>118596</v>
      </c>
      <c r="F34099" s="1" t="s">
        <v>118597</v>
      </c>
      <c r="G34099" s="1" t="s">
        <v>118570</v>
      </c>
      <c r="H34099" s="1" t="s">
        <v>118571</v>
      </c>
      <c r="I34099" s="1" t="s">
        <v>115226</v>
      </c>
      <c r="J34099" s="1" t="s">
        <v>118598</v>
      </c>
    </row>
    <row r="34100" spans="1:10" x14ac:dyDescent="0.35">
      <c r="A34100" s="1" t="s">
        <v>118566</v>
      </c>
      <c r="B34100" s="1" t="s">
        <v>115221</v>
      </c>
      <c r="C34100" s="1" t="s">
        <v>55</v>
      </c>
      <c r="D34100" s="1" t="s">
        <v>25770</v>
      </c>
      <c r="E34100" s="1" t="s">
        <v>118599</v>
      </c>
      <c r="F34100" s="1" t="s">
        <v>118600</v>
      </c>
      <c r="G34100" s="1" t="s">
        <v>118570</v>
      </c>
      <c r="H34100" s="1" t="s">
        <v>118571</v>
      </c>
      <c r="I34100" s="1" t="s">
        <v>115226</v>
      </c>
      <c r="J34100" s="1" t="s">
        <v>118601</v>
      </c>
    </row>
    <row r="34101" spans="1:10" x14ac:dyDescent="0.35">
      <c r="A34101" s="1" t="s">
        <v>118566</v>
      </c>
      <c r="B34101" s="1" t="s">
        <v>115221</v>
      </c>
      <c r="C34101" s="1" t="s">
        <v>60</v>
      </c>
      <c r="D34101" s="1" t="s">
        <v>13007</v>
      </c>
      <c r="E34101" s="1" t="s">
        <v>118602</v>
      </c>
      <c r="F34101" s="1" t="s">
        <v>118603</v>
      </c>
      <c r="G34101" s="1" t="s">
        <v>118570</v>
      </c>
      <c r="H34101" s="1" t="s">
        <v>118571</v>
      </c>
      <c r="I34101" s="1" t="s">
        <v>115226</v>
      </c>
      <c r="J34101" s="1" t="s">
        <v>118604</v>
      </c>
    </row>
    <row r="34102" spans="1:10" x14ac:dyDescent="0.35">
      <c r="A34102" s="1" t="s">
        <v>118566</v>
      </c>
      <c r="B34102" s="1" t="s">
        <v>115221</v>
      </c>
      <c r="C34102" s="1" t="s">
        <v>65</v>
      </c>
      <c r="D34102" s="1" t="s">
        <v>29725</v>
      </c>
      <c r="E34102" s="1" t="s">
        <v>118605</v>
      </c>
      <c r="F34102" s="1" t="s">
        <v>118606</v>
      </c>
      <c r="G34102" s="1" t="s">
        <v>118570</v>
      </c>
      <c r="H34102" s="1" t="s">
        <v>118571</v>
      </c>
      <c r="I34102" s="1" t="s">
        <v>115226</v>
      </c>
      <c r="J34102" s="1" t="s">
        <v>118607</v>
      </c>
    </row>
    <row r="34103" spans="1:10" x14ac:dyDescent="0.35">
      <c r="A34103" s="1" t="s">
        <v>118566</v>
      </c>
      <c r="B34103" s="1" t="s">
        <v>115221</v>
      </c>
      <c r="C34103" s="1" t="s">
        <v>70</v>
      </c>
      <c r="D34103" s="1" t="s">
        <v>15752</v>
      </c>
      <c r="E34103" s="1" t="s">
        <v>118608</v>
      </c>
      <c r="F34103" s="1" t="s">
        <v>118609</v>
      </c>
      <c r="G34103" s="1" t="s">
        <v>118570</v>
      </c>
      <c r="H34103" s="1" t="s">
        <v>118571</v>
      </c>
      <c r="I34103" s="1" t="s">
        <v>115226</v>
      </c>
      <c r="J34103" s="1" t="s">
        <v>118610</v>
      </c>
    </row>
    <row r="34104" spans="1:10" x14ac:dyDescent="0.35">
      <c r="A34104" s="1" t="s">
        <v>118566</v>
      </c>
      <c r="B34104" s="1" t="s">
        <v>115221</v>
      </c>
      <c r="C34104" s="1" t="s">
        <v>75</v>
      </c>
      <c r="D34104" s="1" t="s">
        <v>118194</v>
      </c>
      <c r="E34104" s="1" t="s">
        <v>118611</v>
      </c>
      <c r="F34104" s="1" t="s">
        <v>118612</v>
      </c>
      <c r="G34104" s="1" t="s">
        <v>118570</v>
      </c>
      <c r="H34104" s="1" t="s">
        <v>118571</v>
      </c>
      <c r="I34104" s="1" t="s">
        <v>115226</v>
      </c>
      <c r="J34104" s="1" t="s">
        <v>118613</v>
      </c>
    </row>
    <row r="34105" spans="1:10" x14ac:dyDescent="0.35">
      <c r="A34105" s="1" t="s">
        <v>118566</v>
      </c>
      <c r="B34105" s="1" t="s">
        <v>115221</v>
      </c>
      <c r="C34105" s="1" t="s">
        <v>80</v>
      </c>
      <c r="D34105" s="1" t="s">
        <v>38155</v>
      </c>
      <c r="E34105" s="1" t="s">
        <v>118614</v>
      </c>
      <c r="F34105" s="1" t="s">
        <v>118615</v>
      </c>
      <c r="G34105" s="1" t="s">
        <v>118570</v>
      </c>
      <c r="H34105" s="1" t="s">
        <v>118571</v>
      </c>
      <c r="I34105" s="1" t="s">
        <v>115226</v>
      </c>
      <c r="J34105" s="1" t="s">
        <v>118616</v>
      </c>
    </row>
    <row r="34106" spans="1:10" x14ac:dyDescent="0.35">
      <c r="A34106" s="1" t="s">
        <v>118566</v>
      </c>
      <c r="B34106" s="1" t="s">
        <v>115221</v>
      </c>
      <c r="C34106" s="1" t="s">
        <v>85</v>
      </c>
      <c r="D34106" s="1" t="s">
        <v>118617</v>
      </c>
      <c r="E34106" s="1" t="s">
        <v>118618</v>
      </c>
      <c r="F34106" s="1" t="s">
        <v>118619</v>
      </c>
      <c r="G34106" s="1" t="s">
        <v>118570</v>
      </c>
      <c r="H34106" s="1" t="s">
        <v>118571</v>
      </c>
      <c r="I34106" s="1" t="s">
        <v>115226</v>
      </c>
      <c r="J34106" s="1" t="s">
        <v>118620</v>
      </c>
    </row>
    <row r="34107" spans="1:10" x14ac:dyDescent="0.35">
      <c r="A34107" s="1" t="s">
        <v>118566</v>
      </c>
      <c r="B34107" s="1" t="s">
        <v>115221</v>
      </c>
      <c r="C34107" s="1" t="s">
        <v>90</v>
      </c>
      <c r="D34107" s="1" t="s">
        <v>34942</v>
      </c>
      <c r="E34107" s="1" t="s">
        <v>118621</v>
      </c>
      <c r="F34107" s="1" t="s">
        <v>118622</v>
      </c>
      <c r="G34107" s="1" t="s">
        <v>118570</v>
      </c>
      <c r="H34107" s="1" t="s">
        <v>118571</v>
      </c>
      <c r="I34107" s="1" t="s">
        <v>115226</v>
      </c>
      <c r="J34107" s="1" t="s">
        <v>118623</v>
      </c>
    </row>
    <row r="34108" spans="1:10" x14ac:dyDescent="0.35">
      <c r="A34108" s="1" t="s">
        <v>118566</v>
      </c>
      <c r="B34108" s="1" t="s">
        <v>115221</v>
      </c>
      <c r="C34108" s="1" t="s">
        <v>95</v>
      </c>
      <c r="D34108" s="1" t="s">
        <v>118624</v>
      </c>
      <c r="E34108" s="1" t="s">
        <v>118625</v>
      </c>
      <c r="F34108" s="1" t="s">
        <v>118626</v>
      </c>
      <c r="G34108" s="1" t="s">
        <v>118570</v>
      </c>
      <c r="H34108" s="1" t="s">
        <v>118571</v>
      </c>
      <c r="I34108" s="1" t="s">
        <v>115226</v>
      </c>
      <c r="J34108" s="1" t="s">
        <v>118627</v>
      </c>
    </row>
    <row r="34109" spans="1:10" x14ac:dyDescent="0.35">
      <c r="A34109" s="1" t="s">
        <v>118566</v>
      </c>
      <c r="B34109" s="1" t="s">
        <v>115221</v>
      </c>
      <c r="C34109" s="1" t="s">
        <v>100</v>
      </c>
      <c r="D34109" s="1" t="s">
        <v>35129</v>
      </c>
      <c r="E34109" s="1" t="s">
        <v>118628</v>
      </c>
      <c r="F34109" s="1" t="s">
        <v>118629</v>
      </c>
      <c r="G34109" s="1" t="s">
        <v>118570</v>
      </c>
      <c r="H34109" s="1" t="s">
        <v>118571</v>
      </c>
      <c r="I34109" s="1" t="s">
        <v>115226</v>
      </c>
      <c r="J34109" s="1" t="s">
        <v>118630</v>
      </c>
    </row>
    <row r="34110" spans="1:10" x14ac:dyDescent="0.35">
      <c r="A34110" s="1" t="s">
        <v>118566</v>
      </c>
      <c r="B34110" s="1" t="s">
        <v>115221</v>
      </c>
      <c r="C34110" s="1" t="s">
        <v>105</v>
      </c>
      <c r="D34110" s="1" t="s">
        <v>118631</v>
      </c>
      <c r="E34110" s="1" t="s">
        <v>118632</v>
      </c>
      <c r="F34110" s="1" t="s">
        <v>118633</v>
      </c>
      <c r="G34110" s="1" t="s">
        <v>118570</v>
      </c>
      <c r="H34110" s="1" t="s">
        <v>118571</v>
      </c>
      <c r="I34110" s="1" t="s">
        <v>115226</v>
      </c>
      <c r="J34110" s="1" t="s">
        <v>118634</v>
      </c>
    </row>
    <row r="34111" spans="1:10" x14ac:dyDescent="0.35">
      <c r="A34111" s="1" t="s">
        <v>118566</v>
      </c>
      <c r="B34111" s="1" t="s">
        <v>115221</v>
      </c>
      <c r="C34111" s="1" t="s">
        <v>110</v>
      </c>
      <c r="D34111" s="1" t="s">
        <v>50529</v>
      </c>
      <c r="E34111" s="1" t="s">
        <v>118635</v>
      </c>
      <c r="F34111" s="1" t="s">
        <v>118636</v>
      </c>
      <c r="G34111" s="1" t="s">
        <v>118570</v>
      </c>
      <c r="H34111" s="1" t="s">
        <v>118571</v>
      </c>
      <c r="I34111" s="1" t="s">
        <v>115226</v>
      </c>
      <c r="J34111" s="1" t="s">
        <v>118637</v>
      </c>
    </row>
    <row r="34112" spans="1:10" x14ac:dyDescent="0.35">
      <c r="A34112" s="1" t="s">
        <v>118566</v>
      </c>
      <c r="B34112" s="1" t="s">
        <v>115221</v>
      </c>
      <c r="C34112" s="1" t="s">
        <v>115</v>
      </c>
      <c r="D34112" s="1" t="s">
        <v>118638</v>
      </c>
      <c r="E34112" s="1" t="s">
        <v>118639</v>
      </c>
      <c r="F34112" s="1" t="s">
        <v>118640</v>
      </c>
      <c r="G34112" s="1" t="s">
        <v>118570</v>
      </c>
      <c r="H34112" s="1" t="s">
        <v>118571</v>
      </c>
      <c r="I34112" s="1" t="s">
        <v>115226</v>
      </c>
      <c r="J34112" s="1" t="s">
        <v>118641</v>
      </c>
    </row>
    <row r="34113" spans="1:10" x14ac:dyDescent="0.35">
      <c r="A34113" s="1" t="s">
        <v>118566</v>
      </c>
      <c r="B34113" s="1" t="s">
        <v>115221</v>
      </c>
      <c r="C34113" s="1" t="s">
        <v>120</v>
      </c>
      <c r="D34113" s="1" t="s">
        <v>37848</v>
      </c>
      <c r="E34113" s="1" t="s">
        <v>118642</v>
      </c>
      <c r="F34113" s="1" t="s">
        <v>118643</v>
      </c>
      <c r="G34113" s="1" t="s">
        <v>118570</v>
      </c>
      <c r="H34113" s="1" t="s">
        <v>118571</v>
      </c>
      <c r="I34113" s="1" t="s">
        <v>115226</v>
      </c>
      <c r="J34113" s="1" t="s">
        <v>118644</v>
      </c>
    </row>
    <row r="34114" spans="1:10" x14ac:dyDescent="0.35">
      <c r="A34114" s="1" t="s">
        <v>118566</v>
      </c>
      <c r="B34114" s="1" t="s">
        <v>115221</v>
      </c>
      <c r="C34114" s="1" t="s">
        <v>125</v>
      </c>
      <c r="D34114" s="1" t="s">
        <v>118645</v>
      </c>
      <c r="E34114" s="1" t="s">
        <v>118646</v>
      </c>
      <c r="F34114" s="1" t="s">
        <v>118647</v>
      </c>
      <c r="G34114" s="1" t="s">
        <v>118570</v>
      </c>
      <c r="H34114" s="1" t="s">
        <v>118571</v>
      </c>
      <c r="I34114" s="1" t="s">
        <v>115226</v>
      </c>
      <c r="J34114" s="1" t="s">
        <v>118648</v>
      </c>
    </row>
    <row r="34115" spans="1:10" x14ac:dyDescent="0.35">
      <c r="A34115" s="1" t="s">
        <v>118566</v>
      </c>
      <c r="B34115" s="1" t="s">
        <v>115221</v>
      </c>
      <c r="C34115" s="1" t="s">
        <v>130</v>
      </c>
      <c r="D34115" s="1" t="s">
        <v>48936</v>
      </c>
      <c r="E34115" s="1" t="s">
        <v>118649</v>
      </c>
      <c r="F34115" s="1" t="s">
        <v>118650</v>
      </c>
      <c r="G34115" s="1" t="s">
        <v>118570</v>
      </c>
      <c r="H34115" s="1" t="s">
        <v>118571</v>
      </c>
      <c r="I34115" s="1" t="s">
        <v>115226</v>
      </c>
      <c r="J34115" s="1" t="s">
        <v>118651</v>
      </c>
    </row>
    <row r="34116" spans="1:10" x14ac:dyDescent="0.35">
      <c r="A34116" s="1" t="s">
        <v>118566</v>
      </c>
      <c r="B34116" s="1" t="s">
        <v>115221</v>
      </c>
      <c r="C34116" s="1" t="s">
        <v>135</v>
      </c>
      <c r="D34116" s="1" t="s">
        <v>17913</v>
      </c>
      <c r="E34116" s="1" t="s">
        <v>118652</v>
      </c>
      <c r="F34116" s="1" t="s">
        <v>28422</v>
      </c>
      <c r="G34116" s="1" t="s">
        <v>118570</v>
      </c>
      <c r="H34116" s="1" t="s">
        <v>118571</v>
      </c>
      <c r="I34116" s="1" t="s">
        <v>115226</v>
      </c>
      <c r="J34116" s="1" t="s">
        <v>118653</v>
      </c>
    </row>
    <row r="34117" spans="1:10" x14ac:dyDescent="0.35">
      <c r="A34117" s="1" t="s">
        <v>118566</v>
      </c>
      <c r="B34117" s="1" t="s">
        <v>115221</v>
      </c>
      <c r="C34117" s="1" t="s">
        <v>140</v>
      </c>
      <c r="D34117" s="1" t="s">
        <v>118654</v>
      </c>
      <c r="E34117" s="1" t="s">
        <v>118655</v>
      </c>
      <c r="F34117" s="1" t="s">
        <v>118656</v>
      </c>
      <c r="G34117" s="1" t="s">
        <v>118570</v>
      </c>
      <c r="H34117" s="1" t="s">
        <v>118571</v>
      </c>
      <c r="I34117" s="1" t="s">
        <v>115226</v>
      </c>
      <c r="J34117" s="1" t="s">
        <v>118657</v>
      </c>
    </row>
    <row r="34118" spans="1:10" x14ac:dyDescent="0.35">
      <c r="A34118" s="1" t="s">
        <v>118566</v>
      </c>
      <c r="B34118" s="1" t="s">
        <v>115221</v>
      </c>
      <c r="C34118" s="1" t="s">
        <v>145</v>
      </c>
      <c r="D34118" s="1" t="s">
        <v>118658</v>
      </c>
      <c r="E34118" s="1" t="s">
        <v>118659</v>
      </c>
      <c r="F34118" s="1" t="s">
        <v>118660</v>
      </c>
      <c r="G34118" s="1" t="s">
        <v>118570</v>
      </c>
      <c r="H34118" s="1" t="s">
        <v>118571</v>
      </c>
      <c r="I34118" s="1" t="s">
        <v>115226</v>
      </c>
      <c r="J34118" s="1" t="s">
        <v>118661</v>
      </c>
    </row>
    <row r="34119" spans="1:10" x14ac:dyDescent="0.35">
      <c r="A34119" s="1" t="s">
        <v>118566</v>
      </c>
      <c r="B34119" s="1" t="s">
        <v>115221</v>
      </c>
      <c r="C34119" s="1" t="s">
        <v>150</v>
      </c>
      <c r="D34119" s="1" t="s">
        <v>118662</v>
      </c>
      <c r="E34119" s="1" t="s">
        <v>118663</v>
      </c>
      <c r="F34119" s="1" t="s">
        <v>118664</v>
      </c>
      <c r="G34119" s="1" t="s">
        <v>118570</v>
      </c>
      <c r="H34119" s="1" t="s">
        <v>118571</v>
      </c>
      <c r="I34119" s="1" t="s">
        <v>115226</v>
      </c>
      <c r="J34119" s="1" t="s">
        <v>118665</v>
      </c>
    </row>
    <row r="34120" spans="1:10" x14ac:dyDescent="0.35">
      <c r="A34120" s="1" t="s">
        <v>118566</v>
      </c>
      <c r="B34120" s="1" t="s">
        <v>115221</v>
      </c>
      <c r="C34120" s="1" t="s">
        <v>155</v>
      </c>
      <c r="D34120" s="1" t="s">
        <v>113555</v>
      </c>
      <c r="E34120" s="1" t="s">
        <v>118666</v>
      </c>
      <c r="F34120" s="1" t="s">
        <v>118667</v>
      </c>
      <c r="G34120" s="1" t="s">
        <v>118570</v>
      </c>
      <c r="H34120" s="1" t="s">
        <v>118571</v>
      </c>
      <c r="I34120" s="1" t="s">
        <v>115226</v>
      </c>
      <c r="J34120" s="1" t="s">
        <v>118668</v>
      </c>
    </row>
    <row r="34121" spans="1:10" x14ac:dyDescent="0.35">
      <c r="A34121" s="1" t="s">
        <v>118566</v>
      </c>
      <c r="B34121" s="1" t="s">
        <v>115221</v>
      </c>
      <c r="C34121" s="1" t="s">
        <v>160</v>
      </c>
      <c r="D34121" s="1" t="s">
        <v>47885</v>
      </c>
      <c r="E34121" s="1" t="s">
        <v>118669</v>
      </c>
      <c r="F34121" s="1" t="s">
        <v>118670</v>
      </c>
      <c r="G34121" s="1" t="s">
        <v>118570</v>
      </c>
      <c r="H34121" s="1" t="s">
        <v>118571</v>
      </c>
      <c r="I34121" s="1" t="s">
        <v>115226</v>
      </c>
      <c r="J34121" s="1" t="s">
        <v>118671</v>
      </c>
    </row>
    <row r="34122" spans="1:10" x14ac:dyDescent="0.35">
      <c r="A34122" s="1" t="s">
        <v>118566</v>
      </c>
      <c r="B34122" s="1" t="s">
        <v>115221</v>
      </c>
      <c r="C34122" s="1" t="s">
        <v>165</v>
      </c>
      <c r="D34122" s="1" t="s">
        <v>30779</v>
      </c>
      <c r="E34122" s="1" t="s">
        <v>118672</v>
      </c>
      <c r="F34122" s="1" t="s">
        <v>118673</v>
      </c>
      <c r="G34122" s="1" t="s">
        <v>118570</v>
      </c>
      <c r="H34122" s="1" t="s">
        <v>118571</v>
      </c>
      <c r="I34122" s="1" t="s">
        <v>115226</v>
      </c>
      <c r="J34122" s="1" t="s">
        <v>118674</v>
      </c>
    </row>
    <row r="34123" spans="1:10" x14ac:dyDescent="0.35">
      <c r="A34123" s="1" t="s">
        <v>118566</v>
      </c>
      <c r="B34123" s="1" t="s">
        <v>115221</v>
      </c>
      <c r="C34123" s="1" t="s">
        <v>170</v>
      </c>
      <c r="D34123" s="1" t="s">
        <v>118675</v>
      </c>
      <c r="E34123" s="1" t="s">
        <v>118676</v>
      </c>
      <c r="F34123" s="1" t="s">
        <v>118677</v>
      </c>
      <c r="G34123" s="1" t="s">
        <v>118570</v>
      </c>
      <c r="H34123" s="1" t="s">
        <v>118571</v>
      </c>
      <c r="I34123" s="1" t="s">
        <v>115226</v>
      </c>
      <c r="J34123" s="1" t="s">
        <v>118678</v>
      </c>
    </row>
    <row r="34124" spans="1:10" x14ac:dyDescent="0.35">
      <c r="A34124" s="1" t="s">
        <v>118679</v>
      </c>
      <c r="B34124" s="1" t="s">
        <v>115221</v>
      </c>
      <c r="C34124" s="1" t="s">
        <v>8</v>
      </c>
      <c r="D34124" s="1" t="s">
        <v>118680</v>
      </c>
      <c r="E34124" s="1" t="s">
        <v>118681</v>
      </c>
      <c r="F34124" s="1" t="s">
        <v>118682</v>
      </c>
      <c r="G34124" s="1" t="s">
        <v>118683</v>
      </c>
      <c r="H34124" s="1" t="s">
        <v>118684</v>
      </c>
      <c r="I34124" s="1" t="s">
        <v>115226</v>
      </c>
      <c r="J34124" s="1" t="s">
        <v>13</v>
      </c>
    </row>
    <row r="34125" spans="1:10" x14ac:dyDescent="0.35">
      <c r="A34125" s="1" t="s">
        <v>118679</v>
      </c>
      <c r="B34125" s="1" t="s">
        <v>115221</v>
      </c>
      <c r="C34125" s="1" t="s">
        <v>15</v>
      </c>
      <c r="D34125" s="1" t="s">
        <v>110408</v>
      </c>
      <c r="E34125" s="1" t="s">
        <v>118685</v>
      </c>
      <c r="F34125" s="1" t="s">
        <v>118686</v>
      </c>
      <c r="G34125" s="1" t="s">
        <v>118683</v>
      </c>
      <c r="H34125" s="1" t="s">
        <v>118684</v>
      </c>
      <c r="I34125" s="1" t="s">
        <v>115226</v>
      </c>
      <c r="J34125" s="1" t="s">
        <v>118687</v>
      </c>
    </row>
    <row r="34126" spans="1:10" x14ac:dyDescent="0.35">
      <c r="A34126" s="1" t="s">
        <v>118679</v>
      </c>
      <c r="B34126" s="1" t="s">
        <v>115221</v>
      </c>
      <c r="C34126" s="1" t="s">
        <v>20</v>
      </c>
      <c r="D34126" s="1" t="s">
        <v>71159</v>
      </c>
      <c r="E34126" s="1" t="s">
        <v>118688</v>
      </c>
      <c r="F34126" s="1" t="s">
        <v>118689</v>
      </c>
      <c r="G34126" s="1" t="s">
        <v>118683</v>
      </c>
      <c r="H34126" s="1" t="s">
        <v>118684</v>
      </c>
      <c r="I34126" s="1" t="s">
        <v>115226</v>
      </c>
      <c r="J34126" s="1" t="s">
        <v>118690</v>
      </c>
    </row>
    <row r="34127" spans="1:10" x14ac:dyDescent="0.35">
      <c r="A34127" s="1" t="s">
        <v>118679</v>
      </c>
      <c r="B34127" s="1" t="s">
        <v>115221</v>
      </c>
      <c r="C34127" s="1" t="s">
        <v>25</v>
      </c>
      <c r="D34127" s="1" t="s">
        <v>10888</v>
      </c>
      <c r="E34127" s="1" t="s">
        <v>118691</v>
      </c>
      <c r="F34127" s="1" t="s">
        <v>118692</v>
      </c>
      <c r="G34127" s="1" t="s">
        <v>118683</v>
      </c>
      <c r="H34127" s="1" t="s">
        <v>118684</v>
      </c>
      <c r="I34127" s="1" t="s">
        <v>115226</v>
      </c>
      <c r="J34127" s="1" t="s">
        <v>118693</v>
      </c>
    </row>
    <row r="34128" spans="1:10" x14ac:dyDescent="0.35">
      <c r="A34128" s="1" t="s">
        <v>118679</v>
      </c>
      <c r="B34128" s="1" t="s">
        <v>115221</v>
      </c>
      <c r="C34128" s="1" t="s">
        <v>30</v>
      </c>
      <c r="D34128" s="1" t="s">
        <v>34639</v>
      </c>
      <c r="E34128" s="1" t="s">
        <v>118694</v>
      </c>
      <c r="F34128" s="1" t="s">
        <v>118695</v>
      </c>
      <c r="G34128" s="1" t="s">
        <v>118683</v>
      </c>
      <c r="H34128" s="1" t="s">
        <v>118684</v>
      </c>
      <c r="I34128" s="1" t="s">
        <v>115226</v>
      </c>
      <c r="J34128" s="1" t="s">
        <v>118696</v>
      </c>
    </row>
    <row r="34129" spans="1:10" x14ac:dyDescent="0.35">
      <c r="A34129" s="1" t="s">
        <v>118679</v>
      </c>
      <c r="B34129" s="1" t="s">
        <v>115221</v>
      </c>
      <c r="C34129" s="1" t="s">
        <v>35</v>
      </c>
      <c r="D34129" s="1" t="s">
        <v>118697</v>
      </c>
      <c r="E34129" s="1" t="s">
        <v>118698</v>
      </c>
      <c r="F34129" s="1" t="s">
        <v>118699</v>
      </c>
      <c r="G34129" s="1" t="s">
        <v>118683</v>
      </c>
      <c r="H34129" s="1" t="s">
        <v>118684</v>
      </c>
      <c r="I34129" s="1" t="s">
        <v>115226</v>
      </c>
      <c r="J34129" s="1" t="s">
        <v>118700</v>
      </c>
    </row>
    <row r="34130" spans="1:10" x14ac:dyDescent="0.35">
      <c r="A34130" s="1" t="s">
        <v>118679</v>
      </c>
      <c r="B34130" s="1" t="s">
        <v>115221</v>
      </c>
      <c r="C34130" s="1" t="s">
        <v>40</v>
      </c>
      <c r="D34130" s="1" t="s">
        <v>111769</v>
      </c>
      <c r="E34130" s="1" t="s">
        <v>118701</v>
      </c>
      <c r="F34130" s="1" t="s">
        <v>118702</v>
      </c>
      <c r="G34130" s="1" t="s">
        <v>118683</v>
      </c>
      <c r="H34130" s="1" t="s">
        <v>118684</v>
      </c>
      <c r="I34130" s="1" t="s">
        <v>115226</v>
      </c>
      <c r="J34130" s="1" t="s">
        <v>118703</v>
      </c>
    </row>
    <row r="34131" spans="1:10" x14ac:dyDescent="0.35">
      <c r="A34131" s="1" t="s">
        <v>118679</v>
      </c>
      <c r="B34131" s="1" t="s">
        <v>115221</v>
      </c>
      <c r="C34131" s="1" t="s">
        <v>45</v>
      </c>
      <c r="D34131" s="1" t="s">
        <v>25615</v>
      </c>
      <c r="E34131" s="1" t="s">
        <v>118704</v>
      </c>
      <c r="F34131" s="1" t="s">
        <v>118705</v>
      </c>
      <c r="G34131" s="1" t="s">
        <v>118683</v>
      </c>
      <c r="H34131" s="1" t="s">
        <v>118684</v>
      </c>
      <c r="I34131" s="1" t="s">
        <v>115226</v>
      </c>
      <c r="J34131" s="1" t="s">
        <v>118706</v>
      </c>
    </row>
    <row r="34132" spans="1:10" x14ac:dyDescent="0.35">
      <c r="A34132" s="1" t="s">
        <v>118679</v>
      </c>
      <c r="B34132" s="1" t="s">
        <v>115221</v>
      </c>
      <c r="C34132" s="1" t="s">
        <v>50</v>
      </c>
      <c r="D34132" s="1" t="s">
        <v>48602</v>
      </c>
      <c r="E34132" s="1" t="s">
        <v>118707</v>
      </c>
      <c r="F34132" s="1" t="s">
        <v>118708</v>
      </c>
      <c r="G34132" s="1" t="s">
        <v>118683</v>
      </c>
      <c r="H34132" s="1" t="s">
        <v>118684</v>
      </c>
      <c r="I34132" s="1" t="s">
        <v>115226</v>
      </c>
      <c r="J34132" s="1" t="s">
        <v>118709</v>
      </c>
    </row>
    <row r="34133" spans="1:10" x14ac:dyDescent="0.35">
      <c r="A34133" s="1" t="s">
        <v>118679</v>
      </c>
      <c r="B34133" s="1" t="s">
        <v>115221</v>
      </c>
      <c r="C34133" s="1" t="s">
        <v>55</v>
      </c>
      <c r="D34133" s="1" t="s">
        <v>49154</v>
      </c>
      <c r="E34133" s="1" t="s">
        <v>118710</v>
      </c>
      <c r="F34133" s="1" t="s">
        <v>118711</v>
      </c>
      <c r="G34133" s="1" t="s">
        <v>118683</v>
      </c>
      <c r="H34133" s="1" t="s">
        <v>118684</v>
      </c>
      <c r="I34133" s="1" t="s">
        <v>115226</v>
      </c>
      <c r="J34133" s="1" t="s">
        <v>118712</v>
      </c>
    </row>
    <row r="34134" spans="1:10" x14ac:dyDescent="0.35">
      <c r="A34134" s="1" t="s">
        <v>118679</v>
      </c>
      <c r="B34134" s="1" t="s">
        <v>115221</v>
      </c>
      <c r="C34134" s="1" t="s">
        <v>60</v>
      </c>
      <c r="D34134" s="1" t="s">
        <v>13000</v>
      </c>
      <c r="E34134" s="1" t="s">
        <v>118713</v>
      </c>
      <c r="F34134" s="1" t="s">
        <v>118714</v>
      </c>
      <c r="G34134" s="1" t="s">
        <v>118683</v>
      </c>
      <c r="H34134" s="1" t="s">
        <v>118684</v>
      </c>
      <c r="I34134" s="1" t="s">
        <v>115226</v>
      </c>
      <c r="J34134" s="1" t="s">
        <v>118715</v>
      </c>
    </row>
    <row r="34135" spans="1:10" x14ac:dyDescent="0.35">
      <c r="A34135" s="1" t="s">
        <v>118679</v>
      </c>
      <c r="B34135" s="1" t="s">
        <v>115221</v>
      </c>
      <c r="C34135" s="1" t="s">
        <v>65</v>
      </c>
      <c r="D34135" s="1" t="s">
        <v>48658</v>
      </c>
      <c r="E34135" s="1" t="s">
        <v>118716</v>
      </c>
      <c r="F34135" s="1" t="s">
        <v>118717</v>
      </c>
      <c r="G34135" s="1" t="s">
        <v>118683</v>
      </c>
      <c r="H34135" s="1" t="s">
        <v>118684</v>
      </c>
      <c r="I34135" s="1" t="s">
        <v>115226</v>
      </c>
      <c r="J34135" s="1" t="s">
        <v>118718</v>
      </c>
    </row>
    <row r="34136" spans="1:10" x14ac:dyDescent="0.35">
      <c r="A34136" s="1" t="s">
        <v>118679</v>
      </c>
      <c r="B34136" s="1" t="s">
        <v>115221</v>
      </c>
      <c r="C34136" s="1" t="s">
        <v>70</v>
      </c>
      <c r="D34136" s="1" t="s">
        <v>118719</v>
      </c>
      <c r="E34136" s="1" t="s">
        <v>118720</v>
      </c>
      <c r="F34136" s="1" t="s">
        <v>118721</v>
      </c>
      <c r="G34136" s="1" t="s">
        <v>118683</v>
      </c>
      <c r="H34136" s="1" t="s">
        <v>118684</v>
      </c>
      <c r="I34136" s="1" t="s">
        <v>115226</v>
      </c>
      <c r="J34136" s="1" t="s">
        <v>118722</v>
      </c>
    </row>
    <row r="34137" spans="1:10" x14ac:dyDescent="0.35">
      <c r="A34137" s="1" t="s">
        <v>118679</v>
      </c>
      <c r="B34137" s="1" t="s">
        <v>115221</v>
      </c>
      <c r="C34137" s="1" t="s">
        <v>75</v>
      </c>
      <c r="D34137" s="1" t="s">
        <v>118723</v>
      </c>
      <c r="E34137" s="1" t="s">
        <v>118724</v>
      </c>
      <c r="F34137" s="1" t="s">
        <v>118725</v>
      </c>
      <c r="G34137" s="1" t="s">
        <v>118683</v>
      </c>
      <c r="H34137" s="1" t="s">
        <v>118684</v>
      </c>
      <c r="I34137" s="1" t="s">
        <v>115226</v>
      </c>
      <c r="J34137" s="1" t="s">
        <v>118726</v>
      </c>
    </row>
    <row r="34138" spans="1:10" x14ac:dyDescent="0.35">
      <c r="A34138" s="1" t="s">
        <v>118679</v>
      </c>
      <c r="B34138" s="1" t="s">
        <v>115221</v>
      </c>
      <c r="C34138" s="1" t="s">
        <v>80</v>
      </c>
      <c r="D34138" s="1" t="s">
        <v>74984</v>
      </c>
      <c r="E34138" s="1" t="s">
        <v>118727</v>
      </c>
      <c r="F34138" s="1" t="s">
        <v>118728</v>
      </c>
      <c r="G34138" s="1" t="s">
        <v>118683</v>
      </c>
      <c r="H34138" s="1" t="s">
        <v>118684</v>
      </c>
      <c r="I34138" s="1" t="s">
        <v>115226</v>
      </c>
      <c r="J34138" s="1" t="s">
        <v>118729</v>
      </c>
    </row>
    <row r="34139" spans="1:10" x14ac:dyDescent="0.35">
      <c r="A34139" s="1" t="s">
        <v>118679</v>
      </c>
      <c r="B34139" s="1" t="s">
        <v>115221</v>
      </c>
      <c r="C34139" s="1" t="s">
        <v>85</v>
      </c>
      <c r="D34139" s="1" t="s">
        <v>118730</v>
      </c>
      <c r="E34139" s="1" t="s">
        <v>118731</v>
      </c>
      <c r="F34139" s="1" t="s">
        <v>118732</v>
      </c>
      <c r="G34139" s="1" t="s">
        <v>118683</v>
      </c>
      <c r="H34139" s="1" t="s">
        <v>118684</v>
      </c>
      <c r="I34139" s="1" t="s">
        <v>115226</v>
      </c>
      <c r="J34139" s="1" t="s">
        <v>118733</v>
      </c>
    </row>
    <row r="34140" spans="1:10" x14ac:dyDescent="0.35">
      <c r="A34140" s="1" t="s">
        <v>118679</v>
      </c>
      <c r="B34140" s="1" t="s">
        <v>115221</v>
      </c>
      <c r="C34140" s="1" t="s">
        <v>90</v>
      </c>
      <c r="D34140" s="1" t="s">
        <v>75232</v>
      </c>
      <c r="E34140" s="1" t="s">
        <v>118734</v>
      </c>
      <c r="F34140" s="1" t="s">
        <v>118735</v>
      </c>
      <c r="G34140" s="1" t="s">
        <v>118683</v>
      </c>
      <c r="H34140" s="1" t="s">
        <v>118684</v>
      </c>
      <c r="I34140" s="1" t="s">
        <v>115226</v>
      </c>
      <c r="J34140" s="1" t="s">
        <v>118736</v>
      </c>
    </row>
    <row r="34141" spans="1:10" x14ac:dyDescent="0.35">
      <c r="A34141" s="1" t="s">
        <v>118679</v>
      </c>
      <c r="B34141" s="1" t="s">
        <v>115221</v>
      </c>
      <c r="C34141" s="1" t="s">
        <v>95</v>
      </c>
      <c r="D34141" s="1" t="s">
        <v>73529</v>
      </c>
      <c r="E34141" s="1" t="s">
        <v>118737</v>
      </c>
      <c r="F34141" s="1" t="s">
        <v>118738</v>
      </c>
      <c r="G34141" s="1" t="s">
        <v>118683</v>
      </c>
      <c r="H34141" s="1" t="s">
        <v>118684</v>
      </c>
      <c r="I34141" s="1" t="s">
        <v>115226</v>
      </c>
      <c r="J34141" s="1" t="s">
        <v>118739</v>
      </c>
    </row>
    <row r="34142" spans="1:10" x14ac:dyDescent="0.35">
      <c r="A34142" s="1" t="s">
        <v>118679</v>
      </c>
      <c r="B34142" s="1" t="s">
        <v>115221</v>
      </c>
      <c r="C34142" s="1" t="s">
        <v>100</v>
      </c>
      <c r="D34142" s="1" t="s">
        <v>118740</v>
      </c>
      <c r="E34142" s="1" t="s">
        <v>118741</v>
      </c>
      <c r="F34142" s="1" t="s">
        <v>118742</v>
      </c>
      <c r="G34142" s="1" t="s">
        <v>118683</v>
      </c>
      <c r="H34142" s="1" t="s">
        <v>118684</v>
      </c>
      <c r="I34142" s="1" t="s">
        <v>115226</v>
      </c>
      <c r="J34142" s="1" t="s">
        <v>118743</v>
      </c>
    </row>
    <row r="34143" spans="1:10" x14ac:dyDescent="0.35">
      <c r="A34143" s="1" t="s">
        <v>118679</v>
      </c>
      <c r="B34143" s="1" t="s">
        <v>115221</v>
      </c>
      <c r="C34143" s="1" t="s">
        <v>105</v>
      </c>
      <c r="D34143" s="1" t="s">
        <v>118744</v>
      </c>
      <c r="E34143" s="1" t="s">
        <v>118745</v>
      </c>
      <c r="F34143" s="1" t="s">
        <v>118746</v>
      </c>
      <c r="G34143" s="1" t="s">
        <v>118683</v>
      </c>
      <c r="H34143" s="1" t="s">
        <v>118684</v>
      </c>
      <c r="I34143" s="1" t="s">
        <v>115226</v>
      </c>
      <c r="J34143" s="1" t="s">
        <v>118747</v>
      </c>
    </row>
    <row r="34144" spans="1:10" x14ac:dyDescent="0.35">
      <c r="A34144" s="1" t="s">
        <v>118679</v>
      </c>
      <c r="B34144" s="1" t="s">
        <v>115221</v>
      </c>
      <c r="C34144" s="1" t="s">
        <v>110</v>
      </c>
      <c r="D34144" s="1" t="s">
        <v>118748</v>
      </c>
      <c r="E34144" s="1" t="s">
        <v>118749</v>
      </c>
      <c r="F34144" s="1" t="s">
        <v>118750</v>
      </c>
      <c r="G34144" s="1" t="s">
        <v>118683</v>
      </c>
      <c r="H34144" s="1" t="s">
        <v>118684</v>
      </c>
      <c r="I34144" s="1" t="s">
        <v>115226</v>
      </c>
      <c r="J34144" s="1" t="s">
        <v>118751</v>
      </c>
    </row>
    <row r="34145" spans="1:10" x14ac:dyDescent="0.35">
      <c r="A34145" s="1" t="s">
        <v>118679</v>
      </c>
      <c r="B34145" s="1" t="s">
        <v>115221</v>
      </c>
      <c r="C34145" s="1" t="s">
        <v>115</v>
      </c>
      <c r="D34145" s="1" t="s">
        <v>7155</v>
      </c>
      <c r="E34145" s="1" t="s">
        <v>118752</v>
      </c>
      <c r="F34145" s="1" t="s">
        <v>118753</v>
      </c>
      <c r="G34145" s="1" t="s">
        <v>118683</v>
      </c>
      <c r="H34145" s="1" t="s">
        <v>118684</v>
      </c>
      <c r="I34145" s="1" t="s">
        <v>115226</v>
      </c>
      <c r="J34145" s="1" t="s">
        <v>118754</v>
      </c>
    </row>
    <row r="34146" spans="1:10" x14ac:dyDescent="0.35">
      <c r="A34146" s="1" t="s">
        <v>118679</v>
      </c>
      <c r="B34146" s="1" t="s">
        <v>115221</v>
      </c>
      <c r="C34146" s="1" t="s">
        <v>120</v>
      </c>
      <c r="D34146" s="1" t="s">
        <v>72392</v>
      </c>
      <c r="E34146" s="1" t="s">
        <v>118755</v>
      </c>
      <c r="F34146" s="1" t="s">
        <v>118756</v>
      </c>
      <c r="G34146" s="1" t="s">
        <v>118683</v>
      </c>
      <c r="H34146" s="1" t="s">
        <v>118684</v>
      </c>
      <c r="I34146" s="1" t="s">
        <v>115226</v>
      </c>
      <c r="J34146" s="1" t="s">
        <v>118757</v>
      </c>
    </row>
    <row r="34147" spans="1:10" x14ac:dyDescent="0.35">
      <c r="A34147" s="1" t="s">
        <v>118679</v>
      </c>
      <c r="B34147" s="1" t="s">
        <v>115221</v>
      </c>
      <c r="C34147" s="1" t="s">
        <v>125</v>
      </c>
      <c r="D34147" s="1" t="s">
        <v>118758</v>
      </c>
      <c r="E34147" s="1" t="s">
        <v>118759</v>
      </c>
      <c r="F34147" s="1" t="s">
        <v>118760</v>
      </c>
      <c r="G34147" s="1" t="s">
        <v>118683</v>
      </c>
      <c r="H34147" s="1" t="s">
        <v>118684</v>
      </c>
      <c r="I34147" s="1" t="s">
        <v>115226</v>
      </c>
      <c r="J34147" s="1" t="s">
        <v>118761</v>
      </c>
    </row>
    <row r="34148" spans="1:10" x14ac:dyDescent="0.35">
      <c r="A34148" s="1" t="s">
        <v>118679</v>
      </c>
      <c r="B34148" s="1" t="s">
        <v>115221</v>
      </c>
      <c r="C34148" s="1" t="s">
        <v>130</v>
      </c>
      <c r="D34148" s="1" t="s">
        <v>36780</v>
      </c>
      <c r="E34148" s="1" t="s">
        <v>118762</v>
      </c>
      <c r="F34148" s="1" t="s">
        <v>118763</v>
      </c>
      <c r="G34148" s="1" t="s">
        <v>118683</v>
      </c>
      <c r="H34148" s="1" t="s">
        <v>118684</v>
      </c>
      <c r="I34148" s="1" t="s">
        <v>115226</v>
      </c>
      <c r="J34148" s="1" t="s">
        <v>118764</v>
      </c>
    </row>
    <row r="34149" spans="1:10" x14ac:dyDescent="0.35">
      <c r="A34149" s="1" t="s">
        <v>118679</v>
      </c>
      <c r="B34149" s="1" t="s">
        <v>115221</v>
      </c>
      <c r="C34149" s="1" t="s">
        <v>135</v>
      </c>
      <c r="D34149" s="1" t="s">
        <v>118765</v>
      </c>
      <c r="E34149" s="1" t="s">
        <v>118766</v>
      </c>
      <c r="F34149" s="1" t="s">
        <v>118767</v>
      </c>
      <c r="G34149" s="1" t="s">
        <v>118683</v>
      </c>
      <c r="H34149" s="1" t="s">
        <v>118684</v>
      </c>
      <c r="I34149" s="1" t="s">
        <v>115226</v>
      </c>
      <c r="J34149" s="1" t="s">
        <v>118768</v>
      </c>
    </row>
    <row r="34150" spans="1:10" x14ac:dyDescent="0.35">
      <c r="A34150" s="1" t="s">
        <v>118679</v>
      </c>
      <c r="B34150" s="1" t="s">
        <v>115221</v>
      </c>
      <c r="C34150" s="1" t="s">
        <v>140</v>
      </c>
      <c r="D34150" s="1" t="s">
        <v>45084</v>
      </c>
      <c r="E34150" s="1" t="s">
        <v>118769</v>
      </c>
      <c r="F34150" s="1" t="s">
        <v>118770</v>
      </c>
      <c r="G34150" s="1" t="s">
        <v>118683</v>
      </c>
      <c r="H34150" s="1" t="s">
        <v>118684</v>
      </c>
      <c r="I34150" s="1" t="s">
        <v>115226</v>
      </c>
      <c r="J34150" s="1" t="s">
        <v>118771</v>
      </c>
    </row>
    <row r="34151" spans="1:10" x14ac:dyDescent="0.35">
      <c r="A34151" s="1" t="s">
        <v>118679</v>
      </c>
      <c r="B34151" s="1" t="s">
        <v>115221</v>
      </c>
      <c r="C34151" s="1" t="s">
        <v>145</v>
      </c>
      <c r="D34151" s="1" t="s">
        <v>5365</v>
      </c>
      <c r="E34151" s="1" t="s">
        <v>118772</v>
      </c>
      <c r="F34151" s="1" t="s">
        <v>118773</v>
      </c>
      <c r="G34151" s="1" t="s">
        <v>118683</v>
      </c>
      <c r="H34151" s="1" t="s">
        <v>118684</v>
      </c>
      <c r="I34151" s="1" t="s">
        <v>115226</v>
      </c>
      <c r="J34151" s="1" t="s">
        <v>118774</v>
      </c>
    </row>
    <row r="34152" spans="1:10" x14ac:dyDescent="0.35">
      <c r="A34152" s="1" t="s">
        <v>118679</v>
      </c>
      <c r="B34152" s="1" t="s">
        <v>115221</v>
      </c>
      <c r="C34152" s="1" t="s">
        <v>150</v>
      </c>
      <c r="D34152" s="1" t="s">
        <v>118775</v>
      </c>
      <c r="E34152" s="1" t="s">
        <v>118776</v>
      </c>
      <c r="F34152" s="1" t="s">
        <v>118777</v>
      </c>
      <c r="G34152" s="1" t="s">
        <v>118683</v>
      </c>
      <c r="H34152" s="1" t="s">
        <v>118684</v>
      </c>
      <c r="I34152" s="1" t="s">
        <v>115226</v>
      </c>
      <c r="J34152" s="1" t="s">
        <v>118778</v>
      </c>
    </row>
    <row r="34153" spans="1:10" x14ac:dyDescent="0.35">
      <c r="A34153" s="1" t="s">
        <v>118679</v>
      </c>
      <c r="B34153" s="1" t="s">
        <v>115221</v>
      </c>
      <c r="C34153" s="1" t="s">
        <v>155</v>
      </c>
      <c r="D34153" s="1" t="s">
        <v>161</v>
      </c>
      <c r="E34153" s="1" t="s">
        <v>118779</v>
      </c>
      <c r="F34153" s="1" t="s">
        <v>118780</v>
      </c>
      <c r="G34153" s="1" t="s">
        <v>118683</v>
      </c>
      <c r="H34153" s="1" t="s">
        <v>118684</v>
      </c>
      <c r="I34153" s="1" t="s">
        <v>115226</v>
      </c>
      <c r="J34153" s="1" t="s">
        <v>118781</v>
      </c>
    </row>
    <row r="34154" spans="1:10" x14ac:dyDescent="0.35">
      <c r="A34154" s="1" t="s">
        <v>118679</v>
      </c>
      <c r="B34154" s="1" t="s">
        <v>115221</v>
      </c>
      <c r="C34154" s="1" t="s">
        <v>160</v>
      </c>
      <c r="D34154" s="1" t="s">
        <v>13500</v>
      </c>
      <c r="E34154" s="1" t="s">
        <v>118782</v>
      </c>
      <c r="F34154" s="1" t="s">
        <v>118783</v>
      </c>
      <c r="G34154" s="1" t="s">
        <v>118683</v>
      </c>
      <c r="H34154" s="1" t="s">
        <v>118684</v>
      </c>
      <c r="I34154" s="1" t="s">
        <v>115226</v>
      </c>
      <c r="J34154" s="1" t="s">
        <v>118784</v>
      </c>
    </row>
    <row r="34155" spans="1:10" x14ac:dyDescent="0.35">
      <c r="A34155" s="1" t="s">
        <v>118679</v>
      </c>
      <c r="B34155" s="1" t="s">
        <v>115221</v>
      </c>
      <c r="C34155" s="1" t="s">
        <v>165</v>
      </c>
      <c r="D34155" s="1" t="s">
        <v>118785</v>
      </c>
      <c r="E34155" s="1" t="s">
        <v>118786</v>
      </c>
      <c r="F34155" s="1" t="s">
        <v>118787</v>
      </c>
      <c r="G34155" s="1" t="s">
        <v>118683</v>
      </c>
      <c r="H34155" s="1" t="s">
        <v>118684</v>
      </c>
      <c r="I34155" s="1" t="s">
        <v>115226</v>
      </c>
      <c r="J34155" s="1" t="s">
        <v>118788</v>
      </c>
    </row>
    <row r="34156" spans="1:10" x14ac:dyDescent="0.35">
      <c r="A34156" s="1" t="s">
        <v>118679</v>
      </c>
      <c r="B34156" s="1" t="s">
        <v>115221</v>
      </c>
      <c r="C34156" s="1" t="s">
        <v>170</v>
      </c>
      <c r="D34156" s="1" t="s">
        <v>118789</v>
      </c>
      <c r="E34156" s="1" t="s">
        <v>118790</v>
      </c>
      <c r="F34156" s="1" t="s">
        <v>118791</v>
      </c>
      <c r="G34156" s="1" t="s">
        <v>118683</v>
      </c>
      <c r="H34156" s="1" t="s">
        <v>118684</v>
      </c>
      <c r="I34156" s="1" t="s">
        <v>115226</v>
      </c>
      <c r="J34156" s="1" t="s">
        <v>118792</v>
      </c>
    </row>
    <row r="34157" spans="1:10" x14ac:dyDescent="0.35">
      <c r="A34157" s="1" t="s">
        <v>29507</v>
      </c>
      <c r="B34157" s="1" t="s">
        <v>115221</v>
      </c>
      <c r="C34157" s="1" t="s">
        <v>8</v>
      </c>
      <c r="D34157" s="1" t="s">
        <v>10016</v>
      </c>
      <c r="E34157" s="1" t="s">
        <v>118793</v>
      </c>
      <c r="F34157" s="1" t="s">
        <v>118794</v>
      </c>
      <c r="G34157" s="1" t="s">
        <v>118795</v>
      </c>
      <c r="H34157" s="1" t="s">
        <v>118796</v>
      </c>
      <c r="I34157" s="1" t="s">
        <v>115226</v>
      </c>
      <c r="J34157" s="1" t="s">
        <v>13</v>
      </c>
    </row>
    <row r="34158" spans="1:10" x14ac:dyDescent="0.35">
      <c r="A34158" s="1" t="s">
        <v>29507</v>
      </c>
      <c r="B34158" s="1" t="s">
        <v>115221</v>
      </c>
      <c r="C34158" s="1" t="s">
        <v>15</v>
      </c>
      <c r="D34158" s="1" t="s">
        <v>44150</v>
      </c>
      <c r="E34158" s="1" t="s">
        <v>118797</v>
      </c>
      <c r="F34158" s="1" t="s">
        <v>118798</v>
      </c>
      <c r="G34158" s="1" t="s">
        <v>118795</v>
      </c>
      <c r="H34158" s="1" t="s">
        <v>118796</v>
      </c>
      <c r="I34158" s="1" t="s">
        <v>115226</v>
      </c>
      <c r="J34158" s="1" t="s">
        <v>118799</v>
      </c>
    </row>
    <row r="34159" spans="1:10" x14ac:dyDescent="0.35">
      <c r="A34159" s="1" t="s">
        <v>29507</v>
      </c>
      <c r="B34159" s="1" t="s">
        <v>115221</v>
      </c>
      <c r="C34159" s="1" t="s">
        <v>20</v>
      </c>
      <c r="D34159" s="1" t="s">
        <v>2117</v>
      </c>
      <c r="E34159" s="1" t="s">
        <v>118800</v>
      </c>
      <c r="F34159" s="1" t="s">
        <v>118801</v>
      </c>
      <c r="G34159" s="1" t="s">
        <v>118795</v>
      </c>
      <c r="H34159" s="1" t="s">
        <v>118796</v>
      </c>
      <c r="I34159" s="1" t="s">
        <v>115226</v>
      </c>
      <c r="J34159" s="1" t="s">
        <v>118802</v>
      </c>
    </row>
    <row r="34160" spans="1:10" x14ac:dyDescent="0.35">
      <c r="A34160" s="1" t="s">
        <v>29507</v>
      </c>
      <c r="B34160" s="1" t="s">
        <v>115221</v>
      </c>
      <c r="C34160" s="1" t="s">
        <v>25</v>
      </c>
      <c r="D34160" s="1" t="s">
        <v>118803</v>
      </c>
      <c r="E34160" s="1" t="s">
        <v>8832</v>
      </c>
      <c r="F34160" s="1" t="s">
        <v>118804</v>
      </c>
      <c r="G34160" s="1" t="s">
        <v>118795</v>
      </c>
      <c r="H34160" s="1" t="s">
        <v>118796</v>
      </c>
      <c r="I34160" s="1" t="s">
        <v>115226</v>
      </c>
      <c r="J34160" s="1" t="s">
        <v>118805</v>
      </c>
    </row>
    <row r="34161" spans="1:10" x14ac:dyDescent="0.35">
      <c r="A34161" s="1" t="s">
        <v>29507</v>
      </c>
      <c r="B34161" s="1" t="s">
        <v>115221</v>
      </c>
      <c r="C34161" s="1" t="s">
        <v>30</v>
      </c>
      <c r="D34161" s="1" t="s">
        <v>118806</v>
      </c>
      <c r="E34161" s="1" t="s">
        <v>15121</v>
      </c>
      <c r="F34161" s="1" t="s">
        <v>118807</v>
      </c>
      <c r="G34161" s="1" t="s">
        <v>118795</v>
      </c>
      <c r="H34161" s="1" t="s">
        <v>118796</v>
      </c>
      <c r="I34161" s="1" t="s">
        <v>115226</v>
      </c>
      <c r="J34161" s="1" t="s">
        <v>118808</v>
      </c>
    </row>
    <row r="34162" spans="1:10" x14ac:dyDescent="0.35">
      <c r="A34162" s="1" t="s">
        <v>29507</v>
      </c>
      <c r="B34162" s="1" t="s">
        <v>115221</v>
      </c>
      <c r="C34162" s="1" t="s">
        <v>35</v>
      </c>
      <c r="D34162" s="1" t="s">
        <v>118809</v>
      </c>
      <c r="E34162" s="1" t="s">
        <v>112683</v>
      </c>
      <c r="F34162" s="1" t="s">
        <v>118810</v>
      </c>
      <c r="G34162" s="1" t="s">
        <v>118795</v>
      </c>
      <c r="H34162" s="1" t="s">
        <v>118796</v>
      </c>
      <c r="I34162" s="1" t="s">
        <v>115226</v>
      </c>
      <c r="J34162" s="1" t="s">
        <v>118811</v>
      </c>
    </row>
    <row r="34163" spans="1:10" x14ac:dyDescent="0.35">
      <c r="A34163" s="1" t="s">
        <v>29507</v>
      </c>
      <c r="B34163" s="1" t="s">
        <v>115221</v>
      </c>
      <c r="C34163" s="1" t="s">
        <v>40</v>
      </c>
      <c r="D34163" s="1" t="s">
        <v>118812</v>
      </c>
      <c r="E34163" s="1" t="s">
        <v>6929</v>
      </c>
      <c r="F34163" s="1" t="s">
        <v>118813</v>
      </c>
      <c r="G34163" s="1" t="s">
        <v>118795</v>
      </c>
      <c r="H34163" s="1" t="s">
        <v>118796</v>
      </c>
      <c r="I34163" s="1" t="s">
        <v>115226</v>
      </c>
      <c r="J34163" s="1" t="s">
        <v>118814</v>
      </c>
    </row>
    <row r="34164" spans="1:10" x14ac:dyDescent="0.35">
      <c r="A34164" s="1" t="s">
        <v>29507</v>
      </c>
      <c r="B34164" s="1" t="s">
        <v>115221</v>
      </c>
      <c r="C34164" s="1" t="s">
        <v>45</v>
      </c>
      <c r="D34164" s="1" t="s">
        <v>15339</v>
      </c>
      <c r="E34164" s="1" t="s">
        <v>6867</v>
      </c>
      <c r="F34164" s="1" t="s">
        <v>118815</v>
      </c>
      <c r="G34164" s="1" t="s">
        <v>118795</v>
      </c>
      <c r="H34164" s="1" t="s">
        <v>118796</v>
      </c>
      <c r="I34164" s="1" t="s">
        <v>115226</v>
      </c>
      <c r="J34164" s="1" t="s">
        <v>118816</v>
      </c>
    </row>
    <row r="34165" spans="1:10" x14ac:dyDescent="0.35">
      <c r="A34165" s="1" t="s">
        <v>29507</v>
      </c>
      <c r="B34165" s="1" t="s">
        <v>115221</v>
      </c>
      <c r="C34165" s="1" t="s">
        <v>50</v>
      </c>
      <c r="D34165" s="1" t="s">
        <v>8134</v>
      </c>
      <c r="E34165" s="1" t="s">
        <v>8828</v>
      </c>
      <c r="F34165" s="1" t="s">
        <v>118817</v>
      </c>
      <c r="G34165" s="1" t="s">
        <v>118795</v>
      </c>
      <c r="H34165" s="1" t="s">
        <v>118796</v>
      </c>
      <c r="I34165" s="1" t="s">
        <v>115226</v>
      </c>
      <c r="J34165" s="1" t="s">
        <v>118818</v>
      </c>
    </row>
    <row r="34166" spans="1:10" x14ac:dyDescent="0.35">
      <c r="A34166" s="1" t="s">
        <v>29507</v>
      </c>
      <c r="B34166" s="1" t="s">
        <v>115221</v>
      </c>
      <c r="C34166" s="1" t="s">
        <v>55</v>
      </c>
      <c r="D34166" s="1" t="s">
        <v>117171</v>
      </c>
      <c r="E34166" s="1" t="s">
        <v>4158</v>
      </c>
      <c r="F34166" s="1" t="s">
        <v>118819</v>
      </c>
      <c r="G34166" s="1" t="s">
        <v>118795</v>
      </c>
      <c r="H34166" s="1" t="s">
        <v>118796</v>
      </c>
      <c r="I34166" s="1" t="s">
        <v>115226</v>
      </c>
      <c r="J34166" s="1" t="s">
        <v>118820</v>
      </c>
    </row>
    <row r="34167" spans="1:10" x14ac:dyDescent="0.35">
      <c r="A34167" s="1" t="s">
        <v>29507</v>
      </c>
      <c r="B34167" s="1" t="s">
        <v>115221</v>
      </c>
      <c r="C34167" s="1" t="s">
        <v>60</v>
      </c>
      <c r="D34167" s="1" t="s">
        <v>118821</v>
      </c>
      <c r="E34167" s="1" t="s">
        <v>8839</v>
      </c>
      <c r="F34167" s="1" t="s">
        <v>118822</v>
      </c>
      <c r="G34167" s="1" t="s">
        <v>118795</v>
      </c>
      <c r="H34167" s="1" t="s">
        <v>118796</v>
      </c>
      <c r="I34167" s="1" t="s">
        <v>115226</v>
      </c>
      <c r="J34167" s="1" t="s">
        <v>118823</v>
      </c>
    </row>
    <row r="34168" spans="1:10" x14ac:dyDescent="0.35">
      <c r="A34168" s="1" t="s">
        <v>29507</v>
      </c>
      <c r="B34168" s="1" t="s">
        <v>115221</v>
      </c>
      <c r="C34168" s="1" t="s">
        <v>65</v>
      </c>
      <c r="D34168" s="1" t="s">
        <v>348</v>
      </c>
      <c r="E34168" s="1" t="s">
        <v>112688</v>
      </c>
      <c r="F34168" s="1" t="s">
        <v>118824</v>
      </c>
      <c r="G34168" s="1" t="s">
        <v>118795</v>
      </c>
      <c r="H34168" s="1" t="s">
        <v>118796</v>
      </c>
      <c r="I34168" s="1" t="s">
        <v>115226</v>
      </c>
      <c r="J34168" s="1" t="s">
        <v>118825</v>
      </c>
    </row>
    <row r="34169" spans="1:10" x14ac:dyDescent="0.35">
      <c r="A34169" s="1" t="s">
        <v>29507</v>
      </c>
      <c r="B34169" s="1" t="s">
        <v>115221</v>
      </c>
      <c r="C34169" s="1" t="s">
        <v>70</v>
      </c>
      <c r="D34169" s="1" t="s">
        <v>1596</v>
      </c>
      <c r="E34169" s="1" t="s">
        <v>15172</v>
      </c>
      <c r="F34169" s="1" t="s">
        <v>118826</v>
      </c>
      <c r="G34169" s="1" t="s">
        <v>118795</v>
      </c>
      <c r="H34169" s="1" t="s">
        <v>118796</v>
      </c>
      <c r="I34169" s="1" t="s">
        <v>115226</v>
      </c>
      <c r="J34169" s="1" t="s">
        <v>118827</v>
      </c>
    </row>
    <row r="34170" spans="1:10" x14ac:dyDescent="0.35">
      <c r="A34170" s="1" t="s">
        <v>29507</v>
      </c>
      <c r="B34170" s="1" t="s">
        <v>115221</v>
      </c>
      <c r="C34170" s="1" t="s">
        <v>75</v>
      </c>
      <c r="D34170" s="1" t="s">
        <v>29212</v>
      </c>
      <c r="E34170" s="1" t="s">
        <v>15186</v>
      </c>
      <c r="F34170" s="1" t="s">
        <v>118828</v>
      </c>
      <c r="G34170" s="1" t="s">
        <v>118795</v>
      </c>
      <c r="H34170" s="1" t="s">
        <v>118796</v>
      </c>
      <c r="I34170" s="1" t="s">
        <v>115226</v>
      </c>
      <c r="J34170" s="1" t="s">
        <v>118829</v>
      </c>
    </row>
    <row r="34171" spans="1:10" x14ac:dyDescent="0.35">
      <c r="A34171" s="1" t="s">
        <v>29507</v>
      </c>
      <c r="B34171" s="1" t="s">
        <v>115221</v>
      </c>
      <c r="C34171" s="1" t="s">
        <v>80</v>
      </c>
      <c r="D34171" s="1" t="s">
        <v>116013</v>
      </c>
      <c r="E34171" s="1" t="s">
        <v>118830</v>
      </c>
      <c r="F34171" s="1" t="s">
        <v>118831</v>
      </c>
      <c r="G34171" s="1" t="s">
        <v>118795</v>
      </c>
      <c r="H34171" s="1" t="s">
        <v>118796</v>
      </c>
      <c r="I34171" s="1" t="s">
        <v>115226</v>
      </c>
      <c r="J34171" s="1" t="s">
        <v>118832</v>
      </c>
    </row>
    <row r="34172" spans="1:10" x14ac:dyDescent="0.35">
      <c r="A34172" s="1" t="s">
        <v>29507</v>
      </c>
      <c r="B34172" s="1" t="s">
        <v>115221</v>
      </c>
      <c r="C34172" s="1" t="s">
        <v>85</v>
      </c>
      <c r="D34172" s="1" t="s">
        <v>104336</v>
      </c>
      <c r="E34172" s="1" t="s">
        <v>4203</v>
      </c>
      <c r="F34172" s="1" t="s">
        <v>118833</v>
      </c>
      <c r="G34172" s="1" t="s">
        <v>118795</v>
      </c>
      <c r="H34172" s="1" t="s">
        <v>118796</v>
      </c>
      <c r="I34172" s="1" t="s">
        <v>115226</v>
      </c>
      <c r="J34172" s="1" t="s">
        <v>118834</v>
      </c>
    </row>
    <row r="34173" spans="1:10" x14ac:dyDescent="0.35">
      <c r="A34173" s="1" t="s">
        <v>29507</v>
      </c>
      <c r="B34173" s="1" t="s">
        <v>115221</v>
      </c>
      <c r="C34173" s="1" t="s">
        <v>90</v>
      </c>
      <c r="D34173" s="1" t="s">
        <v>46360</v>
      </c>
      <c r="E34173" s="1" t="s">
        <v>118835</v>
      </c>
      <c r="F34173" s="1" t="s">
        <v>118836</v>
      </c>
      <c r="G34173" s="1" t="s">
        <v>118795</v>
      </c>
      <c r="H34173" s="1" t="s">
        <v>118796</v>
      </c>
      <c r="I34173" s="1" t="s">
        <v>115226</v>
      </c>
      <c r="J34173" s="1" t="s">
        <v>118837</v>
      </c>
    </row>
    <row r="34174" spans="1:10" x14ac:dyDescent="0.35">
      <c r="A34174" s="1" t="s">
        <v>29507</v>
      </c>
      <c r="B34174" s="1" t="s">
        <v>115221</v>
      </c>
      <c r="C34174" s="1" t="s">
        <v>95</v>
      </c>
      <c r="D34174" s="1" t="s">
        <v>48156</v>
      </c>
      <c r="E34174" s="1" t="s">
        <v>8824</v>
      </c>
      <c r="F34174" s="1" t="s">
        <v>118838</v>
      </c>
      <c r="G34174" s="1" t="s">
        <v>118795</v>
      </c>
      <c r="H34174" s="1" t="s">
        <v>118796</v>
      </c>
      <c r="I34174" s="1" t="s">
        <v>115226</v>
      </c>
      <c r="J34174" s="1" t="s">
        <v>118839</v>
      </c>
    </row>
    <row r="34175" spans="1:10" x14ac:dyDescent="0.35">
      <c r="A34175" s="1" t="s">
        <v>29507</v>
      </c>
      <c r="B34175" s="1" t="s">
        <v>115221</v>
      </c>
      <c r="C34175" s="1" t="s">
        <v>100</v>
      </c>
      <c r="D34175" s="1" t="s">
        <v>35232</v>
      </c>
      <c r="E34175" s="1" t="s">
        <v>476</v>
      </c>
      <c r="F34175" s="1" t="s">
        <v>118840</v>
      </c>
      <c r="G34175" s="1" t="s">
        <v>118795</v>
      </c>
      <c r="H34175" s="1" t="s">
        <v>118796</v>
      </c>
      <c r="I34175" s="1" t="s">
        <v>115226</v>
      </c>
      <c r="J34175" s="1" t="s">
        <v>118841</v>
      </c>
    </row>
    <row r="34176" spans="1:10" x14ac:dyDescent="0.35">
      <c r="A34176" s="1" t="s">
        <v>29507</v>
      </c>
      <c r="B34176" s="1" t="s">
        <v>115221</v>
      </c>
      <c r="C34176" s="1" t="s">
        <v>105</v>
      </c>
      <c r="D34176" s="1" t="s">
        <v>34452</v>
      </c>
      <c r="E34176" s="1" t="s">
        <v>8809</v>
      </c>
      <c r="F34176" s="1" t="s">
        <v>118842</v>
      </c>
      <c r="G34176" s="1" t="s">
        <v>118795</v>
      </c>
      <c r="H34176" s="1" t="s">
        <v>118796</v>
      </c>
      <c r="I34176" s="1" t="s">
        <v>115226</v>
      </c>
      <c r="J34176" s="1" t="s">
        <v>118843</v>
      </c>
    </row>
    <row r="34177" spans="1:10" x14ac:dyDescent="0.35">
      <c r="A34177" s="1" t="s">
        <v>29507</v>
      </c>
      <c r="B34177" s="1" t="s">
        <v>115221</v>
      </c>
      <c r="C34177" s="1" t="s">
        <v>110</v>
      </c>
      <c r="D34177" s="1" t="s">
        <v>37546</v>
      </c>
      <c r="E34177" s="1" t="s">
        <v>118844</v>
      </c>
      <c r="F34177" s="1" t="s">
        <v>118845</v>
      </c>
      <c r="G34177" s="1" t="s">
        <v>118795</v>
      </c>
      <c r="H34177" s="1" t="s">
        <v>118796</v>
      </c>
      <c r="I34177" s="1" t="s">
        <v>115226</v>
      </c>
      <c r="J34177" s="1" t="s">
        <v>118846</v>
      </c>
    </row>
    <row r="34178" spans="1:10" x14ac:dyDescent="0.35">
      <c r="A34178" s="1" t="s">
        <v>29507</v>
      </c>
      <c r="B34178" s="1" t="s">
        <v>115221</v>
      </c>
      <c r="C34178" s="1" t="s">
        <v>115</v>
      </c>
      <c r="D34178" s="1" t="s">
        <v>72762</v>
      </c>
      <c r="E34178" s="1" t="s">
        <v>28103</v>
      </c>
      <c r="F34178" s="1" t="s">
        <v>118847</v>
      </c>
      <c r="G34178" s="1" t="s">
        <v>118795</v>
      </c>
      <c r="H34178" s="1" t="s">
        <v>118796</v>
      </c>
      <c r="I34178" s="1" t="s">
        <v>115226</v>
      </c>
      <c r="J34178" s="1" t="s">
        <v>118848</v>
      </c>
    </row>
    <row r="34179" spans="1:10" x14ac:dyDescent="0.35">
      <c r="A34179" s="1" t="s">
        <v>29507</v>
      </c>
      <c r="B34179" s="1" t="s">
        <v>115221</v>
      </c>
      <c r="C34179" s="1" t="s">
        <v>120</v>
      </c>
      <c r="D34179" s="1" t="s">
        <v>118849</v>
      </c>
      <c r="E34179" s="1" t="s">
        <v>118850</v>
      </c>
      <c r="F34179" s="1" t="s">
        <v>118851</v>
      </c>
      <c r="G34179" s="1" t="s">
        <v>118795</v>
      </c>
      <c r="H34179" s="1" t="s">
        <v>118796</v>
      </c>
      <c r="I34179" s="1" t="s">
        <v>115226</v>
      </c>
      <c r="J34179" s="1" t="s">
        <v>118852</v>
      </c>
    </row>
    <row r="34180" spans="1:10" x14ac:dyDescent="0.35">
      <c r="A34180" s="1" t="s">
        <v>29507</v>
      </c>
      <c r="B34180" s="1" t="s">
        <v>115221</v>
      </c>
      <c r="C34180" s="1" t="s">
        <v>125</v>
      </c>
      <c r="D34180" s="1" t="s">
        <v>34923</v>
      </c>
      <c r="E34180" s="1" t="s">
        <v>118853</v>
      </c>
      <c r="F34180" s="1" t="s">
        <v>118854</v>
      </c>
      <c r="G34180" s="1" t="s">
        <v>118795</v>
      </c>
      <c r="H34180" s="1" t="s">
        <v>118796</v>
      </c>
      <c r="I34180" s="1" t="s">
        <v>115226</v>
      </c>
      <c r="J34180" s="1" t="s">
        <v>118855</v>
      </c>
    </row>
    <row r="34181" spans="1:10" x14ac:dyDescent="0.35">
      <c r="A34181" s="1" t="s">
        <v>29507</v>
      </c>
      <c r="B34181" s="1" t="s">
        <v>115221</v>
      </c>
      <c r="C34181" s="1" t="s">
        <v>130</v>
      </c>
      <c r="D34181" s="1" t="s">
        <v>104294</v>
      </c>
      <c r="E34181" s="1" t="s">
        <v>118856</v>
      </c>
      <c r="F34181" s="1" t="s">
        <v>118857</v>
      </c>
      <c r="G34181" s="1" t="s">
        <v>118795</v>
      </c>
      <c r="H34181" s="1" t="s">
        <v>118796</v>
      </c>
      <c r="I34181" s="1" t="s">
        <v>115226</v>
      </c>
      <c r="J34181" s="1" t="s">
        <v>118858</v>
      </c>
    </row>
    <row r="34182" spans="1:10" x14ac:dyDescent="0.35">
      <c r="A34182" s="1" t="s">
        <v>29507</v>
      </c>
      <c r="B34182" s="1" t="s">
        <v>115221</v>
      </c>
      <c r="C34182" s="1" t="s">
        <v>135</v>
      </c>
      <c r="D34182" s="1" t="s">
        <v>118859</v>
      </c>
      <c r="E34182" s="1" t="s">
        <v>6859</v>
      </c>
      <c r="F34182" s="1" t="s">
        <v>118860</v>
      </c>
      <c r="G34182" s="1" t="s">
        <v>118795</v>
      </c>
      <c r="H34182" s="1" t="s">
        <v>118796</v>
      </c>
      <c r="I34182" s="1" t="s">
        <v>115226</v>
      </c>
      <c r="J34182" s="1" t="s">
        <v>118861</v>
      </c>
    </row>
    <row r="34183" spans="1:10" x14ac:dyDescent="0.35">
      <c r="A34183" s="1" t="s">
        <v>29507</v>
      </c>
      <c r="B34183" s="1" t="s">
        <v>115221</v>
      </c>
      <c r="C34183" s="1" t="s">
        <v>140</v>
      </c>
      <c r="D34183" s="1" t="s">
        <v>104846</v>
      </c>
      <c r="E34183" s="1" t="s">
        <v>4250</v>
      </c>
      <c r="F34183" s="1" t="s">
        <v>118862</v>
      </c>
      <c r="G34183" s="1" t="s">
        <v>118795</v>
      </c>
      <c r="H34183" s="1" t="s">
        <v>118796</v>
      </c>
      <c r="I34183" s="1" t="s">
        <v>115226</v>
      </c>
      <c r="J34183" s="1" t="s">
        <v>118863</v>
      </c>
    </row>
    <row r="34184" spans="1:10" x14ac:dyDescent="0.35">
      <c r="A34184" s="1" t="s">
        <v>29507</v>
      </c>
      <c r="B34184" s="1" t="s">
        <v>115221</v>
      </c>
      <c r="C34184" s="1" t="s">
        <v>145</v>
      </c>
      <c r="D34184" s="1" t="s">
        <v>118864</v>
      </c>
      <c r="E34184" s="1" t="s">
        <v>118865</v>
      </c>
      <c r="F34184" s="1" t="s">
        <v>118866</v>
      </c>
      <c r="G34184" s="1" t="s">
        <v>118795</v>
      </c>
      <c r="H34184" s="1" t="s">
        <v>118796</v>
      </c>
      <c r="I34184" s="1" t="s">
        <v>115226</v>
      </c>
      <c r="J34184" s="1" t="s">
        <v>118867</v>
      </c>
    </row>
    <row r="34185" spans="1:10" x14ac:dyDescent="0.35">
      <c r="A34185" s="1" t="s">
        <v>29507</v>
      </c>
      <c r="B34185" s="1" t="s">
        <v>115221</v>
      </c>
      <c r="C34185" s="1" t="s">
        <v>150</v>
      </c>
      <c r="D34185" s="1" t="s">
        <v>49216</v>
      </c>
      <c r="E34185" s="1" t="s">
        <v>4230</v>
      </c>
      <c r="F34185" s="1" t="s">
        <v>118868</v>
      </c>
      <c r="G34185" s="1" t="s">
        <v>118795</v>
      </c>
      <c r="H34185" s="1" t="s">
        <v>118796</v>
      </c>
      <c r="I34185" s="1" t="s">
        <v>115226</v>
      </c>
      <c r="J34185" s="1" t="s">
        <v>118869</v>
      </c>
    </row>
    <row r="34186" spans="1:10" x14ac:dyDescent="0.35">
      <c r="A34186" s="1" t="s">
        <v>29507</v>
      </c>
      <c r="B34186" s="1" t="s">
        <v>115221</v>
      </c>
      <c r="C34186" s="1" t="s">
        <v>155</v>
      </c>
      <c r="D34186" s="1" t="s">
        <v>115408</v>
      </c>
      <c r="E34186" s="1" t="s">
        <v>118870</v>
      </c>
      <c r="F34186" s="1" t="s">
        <v>118871</v>
      </c>
      <c r="G34186" s="1" t="s">
        <v>118795</v>
      </c>
      <c r="H34186" s="1" t="s">
        <v>118796</v>
      </c>
      <c r="I34186" s="1" t="s">
        <v>115226</v>
      </c>
      <c r="J34186" s="1" t="s">
        <v>118872</v>
      </c>
    </row>
    <row r="34187" spans="1:10" x14ac:dyDescent="0.35">
      <c r="A34187" s="1" t="s">
        <v>29507</v>
      </c>
      <c r="B34187" s="1" t="s">
        <v>115221</v>
      </c>
      <c r="C34187" s="1" t="s">
        <v>160</v>
      </c>
      <c r="D34187" s="1" t="s">
        <v>70918</v>
      </c>
      <c r="E34187" s="1" t="s">
        <v>73125</v>
      </c>
      <c r="F34187" s="1" t="s">
        <v>118873</v>
      </c>
      <c r="G34187" s="1" t="s">
        <v>118795</v>
      </c>
      <c r="H34187" s="1" t="s">
        <v>118796</v>
      </c>
      <c r="I34187" s="1" t="s">
        <v>115226</v>
      </c>
      <c r="J34187" s="1" t="s">
        <v>118874</v>
      </c>
    </row>
    <row r="34188" spans="1:10" x14ac:dyDescent="0.35">
      <c r="A34188" s="1" t="s">
        <v>29507</v>
      </c>
      <c r="B34188" s="1" t="s">
        <v>115221</v>
      </c>
      <c r="C34188" s="1" t="s">
        <v>165</v>
      </c>
      <c r="D34188" s="1" t="s">
        <v>117320</v>
      </c>
      <c r="E34188" s="1" t="s">
        <v>118875</v>
      </c>
      <c r="F34188" s="1" t="s">
        <v>118876</v>
      </c>
      <c r="G34188" s="1" t="s">
        <v>118795</v>
      </c>
      <c r="H34188" s="1" t="s">
        <v>118796</v>
      </c>
      <c r="I34188" s="1" t="s">
        <v>115226</v>
      </c>
      <c r="J34188" s="1" t="s">
        <v>118877</v>
      </c>
    </row>
    <row r="34189" spans="1:10" x14ac:dyDescent="0.35">
      <c r="A34189" s="1" t="s">
        <v>29507</v>
      </c>
      <c r="B34189" s="1" t="s">
        <v>115221</v>
      </c>
      <c r="C34189" s="1" t="s">
        <v>170</v>
      </c>
      <c r="D34189" s="1" t="s">
        <v>36249</v>
      </c>
      <c r="E34189" s="1" t="s">
        <v>118878</v>
      </c>
      <c r="F34189" s="1" t="s">
        <v>118879</v>
      </c>
      <c r="G34189" s="1" t="s">
        <v>118795</v>
      </c>
      <c r="H34189" s="1" t="s">
        <v>118796</v>
      </c>
      <c r="I34189" s="1" t="s">
        <v>115226</v>
      </c>
      <c r="J34189" s="1" t="s">
        <v>118880</v>
      </c>
    </row>
    <row r="34190" spans="1:10" x14ac:dyDescent="0.35">
      <c r="A34190" s="1" t="s">
        <v>118881</v>
      </c>
      <c r="B34190" s="1" t="s">
        <v>118882</v>
      </c>
      <c r="C34190" s="1" t="s">
        <v>8</v>
      </c>
      <c r="D34190" s="1" t="s">
        <v>28607</v>
      </c>
      <c r="E34190" s="1" t="s">
        <v>118883</v>
      </c>
      <c r="F34190" s="1" t="s">
        <v>118884</v>
      </c>
      <c r="G34190" s="1" t="s">
        <v>118885</v>
      </c>
      <c r="H34190" s="1" t="s">
        <v>118886</v>
      </c>
      <c r="I34190" s="1" t="s">
        <v>118887</v>
      </c>
      <c r="J34190" s="1" t="s">
        <v>13</v>
      </c>
    </row>
    <row r="34191" spans="1:10" x14ac:dyDescent="0.35">
      <c r="A34191" s="1" t="s">
        <v>118881</v>
      </c>
      <c r="B34191" s="1" t="s">
        <v>118882</v>
      </c>
      <c r="C34191" s="1" t="s">
        <v>15</v>
      </c>
      <c r="D34191" s="1" t="s">
        <v>29352</v>
      </c>
      <c r="E34191" s="1" t="s">
        <v>118888</v>
      </c>
      <c r="F34191" s="1" t="s">
        <v>118889</v>
      </c>
      <c r="G34191" s="1" t="s">
        <v>118885</v>
      </c>
      <c r="H34191" s="1" t="s">
        <v>118886</v>
      </c>
      <c r="I34191" s="1" t="s">
        <v>118887</v>
      </c>
      <c r="J34191" s="1" t="s">
        <v>118890</v>
      </c>
    </row>
    <row r="34192" spans="1:10" x14ac:dyDescent="0.35">
      <c r="A34192" s="1" t="s">
        <v>118881</v>
      </c>
      <c r="B34192" s="1" t="s">
        <v>118882</v>
      </c>
      <c r="C34192" s="1" t="s">
        <v>20</v>
      </c>
      <c r="D34192" s="1" t="s">
        <v>118891</v>
      </c>
      <c r="E34192" s="1" t="s">
        <v>118892</v>
      </c>
      <c r="F34192" s="1" t="s">
        <v>118893</v>
      </c>
      <c r="G34192" s="1" t="s">
        <v>118885</v>
      </c>
      <c r="H34192" s="1" t="s">
        <v>118886</v>
      </c>
      <c r="I34192" s="1" t="s">
        <v>118887</v>
      </c>
      <c r="J34192" s="1" t="s">
        <v>118894</v>
      </c>
    </row>
    <row r="34193" spans="1:10" x14ac:dyDescent="0.35">
      <c r="A34193" s="1" t="s">
        <v>118881</v>
      </c>
      <c r="B34193" s="1" t="s">
        <v>118882</v>
      </c>
      <c r="C34193" s="1" t="s">
        <v>25</v>
      </c>
      <c r="D34193" s="1" t="s">
        <v>1755</v>
      </c>
      <c r="E34193" s="1" t="s">
        <v>118895</v>
      </c>
      <c r="F34193" s="1" t="s">
        <v>118896</v>
      </c>
      <c r="G34193" s="1" t="s">
        <v>118885</v>
      </c>
      <c r="H34193" s="1" t="s">
        <v>118886</v>
      </c>
      <c r="I34193" s="1" t="s">
        <v>118887</v>
      </c>
      <c r="J34193" s="1" t="s">
        <v>118897</v>
      </c>
    </row>
    <row r="34194" spans="1:10" x14ac:dyDescent="0.35">
      <c r="A34194" s="1" t="s">
        <v>118881</v>
      </c>
      <c r="B34194" s="1" t="s">
        <v>118882</v>
      </c>
      <c r="C34194" s="1" t="s">
        <v>30</v>
      </c>
      <c r="D34194" s="1" t="s">
        <v>116374</v>
      </c>
      <c r="E34194" s="1" t="s">
        <v>118898</v>
      </c>
      <c r="F34194" s="1" t="s">
        <v>118899</v>
      </c>
      <c r="G34194" s="1" t="s">
        <v>118885</v>
      </c>
      <c r="H34194" s="1" t="s">
        <v>118886</v>
      </c>
      <c r="I34194" s="1" t="s">
        <v>118887</v>
      </c>
      <c r="J34194" s="1" t="s">
        <v>118900</v>
      </c>
    </row>
    <row r="34195" spans="1:10" x14ac:dyDescent="0.35">
      <c r="A34195" s="1" t="s">
        <v>118881</v>
      </c>
      <c r="B34195" s="1" t="s">
        <v>118882</v>
      </c>
      <c r="C34195" s="1" t="s">
        <v>35</v>
      </c>
      <c r="D34195" s="1" t="s">
        <v>115934</v>
      </c>
      <c r="E34195" s="1" t="s">
        <v>118901</v>
      </c>
      <c r="F34195" s="1" t="s">
        <v>118902</v>
      </c>
      <c r="G34195" s="1" t="s">
        <v>118885</v>
      </c>
      <c r="H34195" s="1" t="s">
        <v>118886</v>
      </c>
      <c r="I34195" s="1" t="s">
        <v>118887</v>
      </c>
      <c r="J34195" s="1" t="s">
        <v>118903</v>
      </c>
    </row>
    <row r="34196" spans="1:10" x14ac:dyDescent="0.35">
      <c r="A34196" s="1" t="s">
        <v>118881</v>
      </c>
      <c r="B34196" s="1" t="s">
        <v>118882</v>
      </c>
      <c r="C34196" s="1" t="s">
        <v>40</v>
      </c>
      <c r="D34196" s="1" t="s">
        <v>118904</v>
      </c>
      <c r="E34196" s="1" t="s">
        <v>118905</v>
      </c>
      <c r="F34196" s="1" t="s">
        <v>118906</v>
      </c>
      <c r="G34196" s="1" t="s">
        <v>118885</v>
      </c>
      <c r="H34196" s="1" t="s">
        <v>118886</v>
      </c>
      <c r="I34196" s="1" t="s">
        <v>118887</v>
      </c>
      <c r="J34196" s="1" t="s">
        <v>118907</v>
      </c>
    </row>
    <row r="34197" spans="1:10" x14ac:dyDescent="0.35">
      <c r="A34197" s="1" t="s">
        <v>118881</v>
      </c>
      <c r="B34197" s="1" t="s">
        <v>118882</v>
      </c>
      <c r="C34197" s="1" t="s">
        <v>45</v>
      </c>
      <c r="D34197" s="1" t="s">
        <v>104917</v>
      </c>
      <c r="E34197" s="1" t="s">
        <v>118908</v>
      </c>
      <c r="F34197" s="1" t="s">
        <v>118909</v>
      </c>
      <c r="G34197" s="1" t="s">
        <v>118885</v>
      </c>
      <c r="H34197" s="1" t="s">
        <v>118886</v>
      </c>
      <c r="I34197" s="1" t="s">
        <v>118887</v>
      </c>
      <c r="J34197" s="1" t="s">
        <v>118910</v>
      </c>
    </row>
    <row r="34198" spans="1:10" x14ac:dyDescent="0.35">
      <c r="A34198" s="1" t="s">
        <v>118881</v>
      </c>
      <c r="B34198" s="1" t="s">
        <v>118882</v>
      </c>
      <c r="C34198" s="1" t="s">
        <v>50</v>
      </c>
      <c r="D34198" s="1" t="s">
        <v>48152</v>
      </c>
      <c r="E34198" s="1" t="s">
        <v>118911</v>
      </c>
      <c r="F34198" s="1" t="s">
        <v>118912</v>
      </c>
      <c r="G34198" s="1" t="s">
        <v>118885</v>
      </c>
      <c r="H34198" s="1" t="s">
        <v>118886</v>
      </c>
      <c r="I34198" s="1" t="s">
        <v>118887</v>
      </c>
      <c r="J34198" s="1" t="s">
        <v>118913</v>
      </c>
    </row>
    <row r="34199" spans="1:10" x14ac:dyDescent="0.35">
      <c r="A34199" s="1" t="s">
        <v>118881</v>
      </c>
      <c r="B34199" s="1" t="s">
        <v>118882</v>
      </c>
      <c r="C34199" s="1" t="s">
        <v>55</v>
      </c>
      <c r="D34199" s="1" t="s">
        <v>118914</v>
      </c>
      <c r="E34199" s="1" t="s">
        <v>118915</v>
      </c>
      <c r="F34199" s="1" t="s">
        <v>118916</v>
      </c>
      <c r="G34199" s="1" t="s">
        <v>118885</v>
      </c>
      <c r="H34199" s="1" t="s">
        <v>118886</v>
      </c>
      <c r="I34199" s="1" t="s">
        <v>118887</v>
      </c>
      <c r="J34199" s="1" t="s">
        <v>118917</v>
      </c>
    </row>
    <row r="34200" spans="1:10" x14ac:dyDescent="0.35">
      <c r="A34200" s="1" t="s">
        <v>118881</v>
      </c>
      <c r="B34200" s="1" t="s">
        <v>118882</v>
      </c>
      <c r="C34200" s="1" t="s">
        <v>60</v>
      </c>
      <c r="D34200" s="1" t="s">
        <v>118918</v>
      </c>
      <c r="E34200" s="1" t="s">
        <v>118919</v>
      </c>
      <c r="F34200" s="1" t="s">
        <v>118920</v>
      </c>
      <c r="G34200" s="1" t="s">
        <v>118885</v>
      </c>
      <c r="H34200" s="1" t="s">
        <v>118886</v>
      </c>
      <c r="I34200" s="1" t="s">
        <v>118887</v>
      </c>
      <c r="J34200" s="1" t="s">
        <v>118921</v>
      </c>
    </row>
    <row r="34201" spans="1:10" x14ac:dyDescent="0.35">
      <c r="A34201" s="1" t="s">
        <v>118881</v>
      </c>
      <c r="B34201" s="1" t="s">
        <v>118882</v>
      </c>
      <c r="C34201" s="1" t="s">
        <v>65</v>
      </c>
      <c r="D34201" s="1" t="s">
        <v>118922</v>
      </c>
      <c r="E34201" s="1" t="s">
        <v>118923</v>
      </c>
      <c r="F34201" s="1" t="s">
        <v>118924</v>
      </c>
      <c r="G34201" s="1" t="s">
        <v>118885</v>
      </c>
      <c r="H34201" s="1" t="s">
        <v>118886</v>
      </c>
      <c r="I34201" s="1" t="s">
        <v>118887</v>
      </c>
      <c r="J34201" s="1" t="s">
        <v>118925</v>
      </c>
    </row>
    <row r="34202" spans="1:10" x14ac:dyDescent="0.35">
      <c r="A34202" s="1" t="s">
        <v>118881</v>
      </c>
      <c r="B34202" s="1" t="s">
        <v>118882</v>
      </c>
      <c r="C34202" s="1" t="s">
        <v>70</v>
      </c>
      <c r="D34202" s="1" t="s">
        <v>118926</v>
      </c>
      <c r="E34202" s="1" t="s">
        <v>118927</v>
      </c>
      <c r="F34202" s="1" t="s">
        <v>118928</v>
      </c>
      <c r="G34202" s="1" t="s">
        <v>118885</v>
      </c>
      <c r="H34202" s="1" t="s">
        <v>118886</v>
      </c>
      <c r="I34202" s="1" t="s">
        <v>118887</v>
      </c>
      <c r="J34202" s="1" t="s">
        <v>118929</v>
      </c>
    </row>
    <row r="34203" spans="1:10" x14ac:dyDescent="0.35">
      <c r="A34203" s="1" t="s">
        <v>118881</v>
      </c>
      <c r="B34203" s="1" t="s">
        <v>118882</v>
      </c>
      <c r="C34203" s="1" t="s">
        <v>75</v>
      </c>
      <c r="D34203" s="1" t="s">
        <v>15356</v>
      </c>
      <c r="E34203" s="1" t="s">
        <v>118930</v>
      </c>
      <c r="F34203" s="1" t="s">
        <v>118931</v>
      </c>
      <c r="G34203" s="1" t="s">
        <v>118885</v>
      </c>
      <c r="H34203" s="1" t="s">
        <v>118886</v>
      </c>
      <c r="I34203" s="1" t="s">
        <v>118887</v>
      </c>
      <c r="J34203" s="1" t="s">
        <v>118932</v>
      </c>
    </row>
    <row r="34204" spans="1:10" x14ac:dyDescent="0.35">
      <c r="A34204" s="1" t="s">
        <v>118881</v>
      </c>
      <c r="B34204" s="1" t="s">
        <v>118882</v>
      </c>
      <c r="C34204" s="1" t="s">
        <v>80</v>
      </c>
      <c r="D34204" s="1" t="s">
        <v>118933</v>
      </c>
      <c r="E34204" s="1" t="s">
        <v>118934</v>
      </c>
      <c r="F34204" s="1" t="s">
        <v>118935</v>
      </c>
      <c r="G34204" s="1" t="s">
        <v>118885</v>
      </c>
      <c r="H34204" s="1" t="s">
        <v>118886</v>
      </c>
      <c r="I34204" s="1" t="s">
        <v>118887</v>
      </c>
      <c r="J34204" s="1" t="s">
        <v>118936</v>
      </c>
    </row>
    <row r="34205" spans="1:10" x14ac:dyDescent="0.35">
      <c r="A34205" s="1" t="s">
        <v>118881</v>
      </c>
      <c r="B34205" s="1" t="s">
        <v>118882</v>
      </c>
      <c r="C34205" s="1" t="s">
        <v>85</v>
      </c>
      <c r="D34205" s="1" t="s">
        <v>15480</v>
      </c>
      <c r="E34205" s="1" t="s">
        <v>118937</v>
      </c>
      <c r="F34205" s="1" t="s">
        <v>118938</v>
      </c>
      <c r="G34205" s="1" t="s">
        <v>118885</v>
      </c>
      <c r="H34205" s="1" t="s">
        <v>118886</v>
      </c>
      <c r="I34205" s="1" t="s">
        <v>118887</v>
      </c>
      <c r="J34205" s="1" t="s">
        <v>118939</v>
      </c>
    </row>
    <row r="34206" spans="1:10" x14ac:dyDescent="0.35">
      <c r="A34206" s="1" t="s">
        <v>118881</v>
      </c>
      <c r="B34206" s="1" t="s">
        <v>118882</v>
      </c>
      <c r="C34206" s="1" t="s">
        <v>90</v>
      </c>
      <c r="D34206" s="1" t="s">
        <v>49194</v>
      </c>
      <c r="E34206" s="1" t="s">
        <v>118940</v>
      </c>
      <c r="F34206" s="1" t="s">
        <v>118941</v>
      </c>
      <c r="G34206" s="1" t="s">
        <v>118885</v>
      </c>
      <c r="H34206" s="1" t="s">
        <v>118886</v>
      </c>
      <c r="I34206" s="1" t="s">
        <v>118887</v>
      </c>
      <c r="J34206" s="1" t="s">
        <v>118942</v>
      </c>
    </row>
    <row r="34207" spans="1:10" x14ac:dyDescent="0.35">
      <c r="A34207" s="1" t="s">
        <v>118881</v>
      </c>
      <c r="B34207" s="1" t="s">
        <v>118882</v>
      </c>
      <c r="C34207" s="1" t="s">
        <v>95</v>
      </c>
      <c r="D34207" s="1" t="s">
        <v>7143</v>
      </c>
      <c r="E34207" s="1" t="s">
        <v>118943</v>
      </c>
      <c r="F34207" s="1" t="s">
        <v>118944</v>
      </c>
      <c r="G34207" s="1" t="s">
        <v>118885</v>
      </c>
      <c r="H34207" s="1" t="s">
        <v>118886</v>
      </c>
      <c r="I34207" s="1" t="s">
        <v>118887</v>
      </c>
      <c r="J34207" s="1" t="s">
        <v>118945</v>
      </c>
    </row>
    <row r="34208" spans="1:10" x14ac:dyDescent="0.35">
      <c r="A34208" s="1" t="s">
        <v>118881</v>
      </c>
      <c r="B34208" s="1" t="s">
        <v>118882</v>
      </c>
      <c r="C34208" s="1" t="s">
        <v>100</v>
      </c>
      <c r="D34208" s="1" t="s">
        <v>37754</v>
      </c>
      <c r="E34208" s="1" t="s">
        <v>118946</v>
      </c>
      <c r="F34208" s="1" t="s">
        <v>118947</v>
      </c>
      <c r="G34208" s="1" t="s">
        <v>118885</v>
      </c>
      <c r="H34208" s="1" t="s">
        <v>118886</v>
      </c>
      <c r="I34208" s="1" t="s">
        <v>118887</v>
      </c>
      <c r="J34208" s="1" t="s">
        <v>118948</v>
      </c>
    </row>
    <row r="34209" spans="1:10" x14ac:dyDescent="0.35">
      <c r="A34209" s="1" t="s">
        <v>118881</v>
      </c>
      <c r="B34209" s="1" t="s">
        <v>118882</v>
      </c>
      <c r="C34209" s="1" t="s">
        <v>105</v>
      </c>
      <c r="D34209" s="1" t="s">
        <v>46487</v>
      </c>
      <c r="E34209" s="1" t="s">
        <v>118949</v>
      </c>
      <c r="F34209" s="1" t="s">
        <v>118950</v>
      </c>
      <c r="G34209" s="1" t="s">
        <v>118885</v>
      </c>
      <c r="H34209" s="1" t="s">
        <v>118886</v>
      </c>
      <c r="I34209" s="1" t="s">
        <v>118887</v>
      </c>
      <c r="J34209" s="1" t="s">
        <v>118951</v>
      </c>
    </row>
    <row r="34210" spans="1:10" x14ac:dyDescent="0.35">
      <c r="A34210" s="1" t="s">
        <v>118881</v>
      </c>
      <c r="B34210" s="1" t="s">
        <v>118882</v>
      </c>
      <c r="C34210" s="1" t="s">
        <v>110</v>
      </c>
      <c r="D34210" s="1" t="s">
        <v>36261</v>
      </c>
      <c r="E34210" s="1" t="s">
        <v>118952</v>
      </c>
      <c r="F34210" s="1" t="s">
        <v>118953</v>
      </c>
      <c r="G34210" s="1" t="s">
        <v>118885</v>
      </c>
      <c r="H34210" s="1" t="s">
        <v>118886</v>
      </c>
      <c r="I34210" s="1" t="s">
        <v>118887</v>
      </c>
      <c r="J34210" s="1" t="s">
        <v>118954</v>
      </c>
    </row>
    <row r="34211" spans="1:10" x14ac:dyDescent="0.35">
      <c r="A34211" s="1" t="s">
        <v>118881</v>
      </c>
      <c r="B34211" s="1" t="s">
        <v>118882</v>
      </c>
      <c r="C34211" s="1" t="s">
        <v>115</v>
      </c>
      <c r="D34211" s="1" t="s">
        <v>38175</v>
      </c>
      <c r="E34211" s="1" t="s">
        <v>118955</v>
      </c>
      <c r="F34211" s="1" t="s">
        <v>118956</v>
      </c>
      <c r="G34211" s="1" t="s">
        <v>118885</v>
      </c>
      <c r="H34211" s="1" t="s">
        <v>118886</v>
      </c>
      <c r="I34211" s="1" t="s">
        <v>118887</v>
      </c>
      <c r="J34211" s="1" t="s">
        <v>118957</v>
      </c>
    </row>
    <row r="34212" spans="1:10" x14ac:dyDescent="0.35">
      <c r="A34212" s="1" t="s">
        <v>118881</v>
      </c>
      <c r="B34212" s="1" t="s">
        <v>118882</v>
      </c>
      <c r="C34212" s="1" t="s">
        <v>120</v>
      </c>
      <c r="D34212" s="1" t="s">
        <v>33809</v>
      </c>
      <c r="E34212" s="1" t="s">
        <v>118958</v>
      </c>
      <c r="F34212" s="1" t="s">
        <v>118959</v>
      </c>
      <c r="G34212" s="1" t="s">
        <v>118885</v>
      </c>
      <c r="H34212" s="1" t="s">
        <v>118886</v>
      </c>
      <c r="I34212" s="1" t="s">
        <v>118887</v>
      </c>
      <c r="J34212" s="1" t="s">
        <v>118960</v>
      </c>
    </row>
    <row r="34213" spans="1:10" x14ac:dyDescent="0.35">
      <c r="A34213" s="1" t="s">
        <v>118881</v>
      </c>
      <c r="B34213" s="1" t="s">
        <v>118882</v>
      </c>
      <c r="C34213" s="1" t="s">
        <v>125</v>
      </c>
      <c r="D34213" s="1" t="s">
        <v>118961</v>
      </c>
      <c r="E34213" s="1" t="s">
        <v>118962</v>
      </c>
      <c r="F34213" s="1" t="s">
        <v>118963</v>
      </c>
      <c r="G34213" s="1" t="s">
        <v>118885</v>
      </c>
      <c r="H34213" s="1" t="s">
        <v>118886</v>
      </c>
      <c r="I34213" s="1" t="s">
        <v>118887</v>
      </c>
      <c r="J34213" s="1" t="s">
        <v>118964</v>
      </c>
    </row>
    <row r="34214" spans="1:10" x14ac:dyDescent="0.35">
      <c r="A34214" s="1" t="s">
        <v>118881</v>
      </c>
      <c r="B34214" s="1" t="s">
        <v>118882</v>
      </c>
      <c r="C34214" s="1" t="s">
        <v>130</v>
      </c>
      <c r="D34214" s="1" t="s">
        <v>118965</v>
      </c>
      <c r="E34214" s="1" t="s">
        <v>118966</v>
      </c>
      <c r="F34214" s="1" t="s">
        <v>118967</v>
      </c>
      <c r="G34214" s="1" t="s">
        <v>118885</v>
      </c>
      <c r="H34214" s="1" t="s">
        <v>118886</v>
      </c>
      <c r="I34214" s="1" t="s">
        <v>118887</v>
      </c>
      <c r="J34214" s="1" t="s">
        <v>118968</v>
      </c>
    </row>
    <row r="34215" spans="1:10" x14ac:dyDescent="0.35">
      <c r="A34215" s="1" t="s">
        <v>118881</v>
      </c>
      <c r="B34215" s="1" t="s">
        <v>118882</v>
      </c>
      <c r="C34215" s="1" t="s">
        <v>135</v>
      </c>
      <c r="D34215" s="1" t="s">
        <v>31710</v>
      </c>
      <c r="E34215" s="1" t="s">
        <v>118969</v>
      </c>
      <c r="F34215" s="1" t="s">
        <v>118970</v>
      </c>
      <c r="G34215" s="1" t="s">
        <v>118885</v>
      </c>
      <c r="H34215" s="1" t="s">
        <v>118886</v>
      </c>
      <c r="I34215" s="1" t="s">
        <v>118887</v>
      </c>
      <c r="J34215" s="1" t="s">
        <v>118971</v>
      </c>
    </row>
    <row r="34216" spans="1:10" x14ac:dyDescent="0.35">
      <c r="A34216" s="1" t="s">
        <v>118881</v>
      </c>
      <c r="B34216" s="1" t="s">
        <v>118882</v>
      </c>
      <c r="C34216" s="1" t="s">
        <v>140</v>
      </c>
      <c r="D34216" s="1" t="s">
        <v>73142</v>
      </c>
      <c r="E34216" s="1" t="s">
        <v>118972</v>
      </c>
      <c r="F34216" s="1" t="s">
        <v>118973</v>
      </c>
      <c r="G34216" s="1" t="s">
        <v>118885</v>
      </c>
      <c r="H34216" s="1" t="s">
        <v>118886</v>
      </c>
      <c r="I34216" s="1" t="s">
        <v>118887</v>
      </c>
      <c r="J34216" s="1" t="s">
        <v>118974</v>
      </c>
    </row>
    <row r="34217" spans="1:10" x14ac:dyDescent="0.35">
      <c r="A34217" s="1" t="s">
        <v>118881</v>
      </c>
      <c r="B34217" s="1" t="s">
        <v>118882</v>
      </c>
      <c r="C34217" s="1" t="s">
        <v>145</v>
      </c>
      <c r="D34217" s="1" t="s">
        <v>42902</v>
      </c>
      <c r="E34217" s="1" t="s">
        <v>118975</v>
      </c>
      <c r="F34217" s="1" t="s">
        <v>118976</v>
      </c>
      <c r="G34217" s="1" t="s">
        <v>118885</v>
      </c>
      <c r="H34217" s="1" t="s">
        <v>118886</v>
      </c>
      <c r="I34217" s="1" t="s">
        <v>118887</v>
      </c>
      <c r="J34217" s="1" t="s">
        <v>118977</v>
      </c>
    </row>
    <row r="34218" spans="1:10" x14ac:dyDescent="0.35">
      <c r="A34218" s="1" t="s">
        <v>118881</v>
      </c>
      <c r="B34218" s="1" t="s">
        <v>118882</v>
      </c>
      <c r="C34218" s="1" t="s">
        <v>150</v>
      </c>
      <c r="D34218" s="1" t="s">
        <v>5361</v>
      </c>
      <c r="E34218" s="1" t="s">
        <v>118978</v>
      </c>
      <c r="F34218" s="1" t="s">
        <v>118979</v>
      </c>
      <c r="G34218" s="1" t="s">
        <v>118885</v>
      </c>
      <c r="H34218" s="1" t="s">
        <v>118886</v>
      </c>
      <c r="I34218" s="1" t="s">
        <v>118887</v>
      </c>
      <c r="J34218" s="1" t="s">
        <v>118980</v>
      </c>
    </row>
    <row r="34219" spans="1:10" x14ac:dyDescent="0.35">
      <c r="A34219" s="1" t="s">
        <v>118881</v>
      </c>
      <c r="B34219" s="1" t="s">
        <v>118882</v>
      </c>
      <c r="C34219" s="1" t="s">
        <v>155</v>
      </c>
      <c r="D34219" s="1" t="s">
        <v>118981</v>
      </c>
      <c r="E34219" s="1" t="s">
        <v>118982</v>
      </c>
      <c r="F34219" s="1" t="s">
        <v>118983</v>
      </c>
      <c r="G34219" s="1" t="s">
        <v>118885</v>
      </c>
      <c r="H34219" s="1" t="s">
        <v>118886</v>
      </c>
      <c r="I34219" s="1" t="s">
        <v>118887</v>
      </c>
      <c r="J34219" s="1" t="s">
        <v>118984</v>
      </c>
    </row>
    <row r="34220" spans="1:10" x14ac:dyDescent="0.35">
      <c r="A34220" s="1" t="s">
        <v>118881</v>
      </c>
      <c r="B34220" s="1" t="s">
        <v>118882</v>
      </c>
      <c r="C34220" s="1" t="s">
        <v>160</v>
      </c>
      <c r="D34220" s="1" t="s">
        <v>70645</v>
      </c>
      <c r="E34220" s="1" t="s">
        <v>118985</v>
      </c>
      <c r="F34220" s="1" t="s">
        <v>118986</v>
      </c>
      <c r="G34220" s="1" t="s">
        <v>118885</v>
      </c>
      <c r="H34220" s="1" t="s">
        <v>118886</v>
      </c>
      <c r="I34220" s="1" t="s">
        <v>118887</v>
      </c>
      <c r="J34220" s="1" t="s">
        <v>118987</v>
      </c>
    </row>
    <row r="34221" spans="1:10" x14ac:dyDescent="0.35">
      <c r="A34221" s="1" t="s">
        <v>118881</v>
      </c>
      <c r="B34221" s="1" t="s">
        <v>118882</v>
      </c>
      <c r="C34221" s="1" t="s">
        <v>165</v>
      </c>
      <c r="D34221" s="1" t="s">
        <v>118988</v>
      </c>
      <c r="E34221" s="1" t="s">
        <v>118989</v>
      </c>
      <c r="F34221" s="1" t="s">
        <v>118990</v>
      </c>
      <c r="G34221" s="1" t="s">
        <v>118885</v>
      </c>
      <c r="H34221" s="1" t="s">
        <v>118886</v>
      </c>
      <c r="I34221" s="1" t="s">
        <v>118887</v>
      </c>
      <c r="J34221" s="1" t="s">
        <v>118991</v>
      </c>
    </row>
    <row r="34222" spans="1:10" x14ac:dyDescent="0.35">
      <c r="A34222" s="1" t="s">
        <v>118881</v>
      </c>
      <c r="B34222" s="1" t="s">
        <v>118882</v>
      </c>
      <c r="C34222" s="1" t="s">
        <v>170</v>
      </c>
      <c r="D34222" s="1" t="s">
        <v>118992</v>
      </c>
      <c r="E34222" s="1" t="s">
        <v>118993</v>
      </c>
      <c r="F34222" s="1" t="s">
        <v>118994</v>
      </c>
      <c r="G34222" s="1" t="s">
        <v>118885</v>
      </c>
      <c r="H34222" s="1" t="s">
        <v>118886</v>
      </c>
      <c r="I34222" s="1" t="s">
        <v>118887</v>
      </c>
      <c r="J34222" s="1" t="s">
        <v>118995</v>
      </c>
    </row>
    <row r="34223" spans="1:10" x14ac:dyDescent="0.35">
      <c r="A34223" s="1" t="s">
        <v>47291</v>
      </c>
      <c r="B34223" s="1" t="s">
        <v>118882</v>
      </c>
      <c r="C34223" s="1" t="s">
        <v>8</v>
      </c>
      <c r="D34223" s="1" t="s">
        <v>13881</v>
      </c>
      <c r="E34223" s="1" t="s">
        <v>118996</v>
      </c>
      <c r="F34223" s="1" t="s">
        <v>118997</v>
      </c>
      <c r="G34223" s="1" t="s">
        <v>118998</v>
      </c>
      <c r="H34223" s="1" t="s">
        <v>118999</v>
      </c>
      <c r="I34223" s="1" t="s">
        <v>118887</v>
      </c>
      <c r="J34223" s="1" t="s">
        <v>13</v>
      </c>
    </row>
    <row r="34224" spans="1:10" x14ac:dyDescent="0.35">
      <c r="A34224" s="1" t="s">
        <v>47291</v>
      </c>
      <c r="B34224" s="1" t="s">
        <v>118882</v>
      </c>
      <c r="C34224" s="1" t="s">
        <v>15</v>
      </c>
      <c r="D34224" s="1" t="s">
        <v>25710</v>
      </c>
      <c r="E34224" s="1" t="s">
        <v>119000</v>
      </c>
      <c r="F34224" s="1" t="s">
        <v>119001</v>
      </c>
      <c r="G34224" s="1" t="s">
        <v>118998</v>
      </c>
      <c r="H34224" s="1" t="s">
        <v>118999</v>
      </c>
      <c r="I34224" s="1" t="s">
        <v>118887</v>
      </c>
      <c r="J34224" s="1" t="s">
        <v>119002</v>
      </c>
    </row>
    <row r="34225" spans="1:10" x14ac:dyDescent="0.35">
      <c r="A34225" s="1" t="s">
        <v>47291</v>
      </c>
      <c r="B34225" s="1" t="s">
        <v>118882</v>
      </c>
      <c r="C34225" s="1" t="s">
        <v>20</v>
      </c>
      <c r="D34225" s="1" t="s">
        <v>29414</v>
      </c>
      <c r="E34225" s="1" t="s">
        <v>119003</v>
      </c>
      <c r="F34225" s="1" t="s">
        <v>119004</v>
      </c>
      <c r="G34225" s="1" t="s">
        <v>118998</v>
      </c>
      <c r="H34225" s="1" t="s">
        <v>118999</v>
      </c>
      <c r="I34225" s="1" t="s">
        <v>118887</v>
      </c>
      <c r="J34225" s="1" t="s">
        <v>119005</v>
      </c>
    </row>
    <row r="34226" spans="1:10" x14ac:dyDescent="0.35">
      <c r="A34226" s="1" t="s">
        <v>47291</v>
      </c>
      <c r="B34226" s="1" t="s">
        <v>118882</v>
      </c>
      <c r="C34226" s="1" t="s">
        <v>25</v>
      </c>
      <c r="D34226" s="1" t="s">
        <v>119006</v>
      </c>
      <c r="E34226" s="1" t="s">
        <v>119007</v>
      </c>
      <c r="F34226" s="1" t="s">
        <v>119008</v>
      </c>
      <c r="G34226" s="1" t="s">
        <v>118998</v>
      </c>
      <c r="H34226" s="1" t="s">
        <v>118999</v>
      </c>
      <c r="I34226" s="1" t="s">
        <v>118887</v>
      </c>
      <c r="J34226" s="1" t="s">
        <v>119009</v>
      </c>
    </row>
    <row r="34227" spans="1:10" x14ac:dyDescent="0.35">
      <c r="A34227" s="1" t="s">
        <v>47291</v>
      </c>
      <c r="B34227" s="1" t="s">
        <v>118882</v>
      </c>
      <c r="C34227" s="1" t="s">
        <v>30</v>
      </c>
      <c r="D34227" s="1" t="s">
        <v>25386</v>
      </c>
      <c r="E34227" s="1" t="s">
        <v>119010</v>
      </c>
      <c r="F34227" s="1" t="s">
        <v>119011</v>
      </c>
      <c r="G34227" s="1" t="s">
        <v>118998</v>
      </c>
      <c r="H34227" s="1" t="s">
        <v>118999</v>
      </c>
      <c r="I34227" s="1" t="s">
        <v>118887</v>
      </c>
      <c r="J34227" s="1" t="s">
        <v>119012</v>
      </c>
    </row>
    <row r="34228" spans="1:10" x14ac:dyDescent="0.35">
      <c r="A34228" s="1" t="s">
        <v>47291</v>
      </c>
      <c r="B34228" s="1" t="s">
        <v>118882</v>
      </c>
      <c r="C34228" s="1" t="s">
        <v>35</v>
      </c>
      <c r="D34228" s="1" t="s">
        <v>117912</v>
      </c>
      <c r="E34228" s="1" t="s">
        <v>119013</v>
      </c>
      <c r="F34228" s="1" t="s">
        <v>119014</v>
      </c>
      <c r="G34228" s="1" t="s">
        <v>118998</v>
      </c>
      <c r="H34228" s="1" t="s">
        <v>118999</v>
      </c>
      <c r="I34228" s="1" t="s">
        <v>118887</v>
      </c>
      <c r="J34228" s="1" t="s">
        <v>119015</v>
      </c>
    </row>
    <row r="34229" spans="1:10" x14ac:dyDescent="0.35">
      <c r="A34229" s="1" t="s">
        <v>47291</v>
      </c>
      <c r="B34229" s="1" t="s">
        <v>118882</v>
      </c>
      <c r="C34229" s="1" t="s">
        <v>40</v>
      </c>
      <c r="D34229" s="1" t="s">
        <v>10292</v>
      </c>
      <c r="E34229" s="1" t="s">
        <v>119016</v>
      </c>
      <c r="F34229" s="1" t="s">
        <v>119017</v>
      </c>
      <c r="G34229" s="1" t="s">
        <v>118998</v>
      </c>
      <c r="H34229" s="1" t="s">
        <v>118999</v>
      </c>
      <c r="I34229" s="1" t="s">
        <v>118887</v>
      </c>
      <c r="J34229" s="1" t="s">
        <v>119018</v>
      </c>
    </row>
    <row r="34230" spans="1:10" x14ac:dyDescent="0.35">
      <c r="A34230" s="1" t="s">
        <v>47291</v>
      </c>
      <c r="B34230" s="1" t="s">
        <v>118882</v>
      </c>
      <c r="C34230" s="1" t="s">
        <v>45</v>
      </c>
      <c r="D34230" s="1" t="s">
        <v>14960</v>
      </c>
      <c r="E34230" s="1" t="s">
        <v>119019</v>
      </c>
      <c r="F34230" s="1" t="s">
        <v>119020</v>
      </c>
      <c r="G34230" s="1" t="s">
        <v>118998</v>
      </c>
      <c r="H34230" s="1" t="s">
        <v>118999</v>
      </c>
      <c r="I34230" s="1" t="s">
        <v>118887</v>
      </c>
      <c r="J34230" s="1" t="s">
        <v>119021</v>
      </c>
    </row>
    <row r="34231" spans="1:10" x14ac:dyDescent="0.35">
      <c r="A34231" s="1" t="s">
        <v>47291</v>
      </c>
      <c r="B34231" s="1" t="s">
        <v>118882</v>
      </c>
      <c r="C34231" s="1" t="s">
        <v>50</v>
      </c>
      <c r="D34231" s="1" t="s">
        <v>110554</v>
      </c>
      <c r="E34231" s="1" t="s">
        <v>119022</v>
      </c>
      <c r="F34231" s="1" t="s">
        <v>119023</v>
      </c>
      <c r="G34231" s="1" t="s">
        <v>118998</v>
      </c>
      <c r="H34231" s="1" t="s">
        <v>118999</v>
      </c>
      <c r="I34231" s="1" t="s">
        <v>118887</v>
      </c>
      <c r="J34231" s="1" t="s">
        <v>119024</v>
      </c>
    </row>
    <row r="34232" spans="1:10" x14ac:dyDescent="0.35">
      <c r="A34232" s="1" t="s">
        <v>47291</v>
      </c>
      <c r="B34232" s="1" t="s">
        <v>118882</v>
      </c>
      <c r="C34232" s="1" t="s">
        <v>55</v>
      </c>
      <c r="D34232" s="1" t="s">
        <v>35153</v>
      </c>
      <c r="E34232" s="1" t="s">
        <v>119025</v>
      </c>
      <c r="F34232" s="1" t="s">
        <v>119026</v>
      </c>
      <c r="G34232" s="1" t="s">
        <v>118998</v>
      </c>
      <c r="H34232" s="1" t="s">
        <v>118999</v>
      </c>
      <c r="I34232" s="1" t="s">
        <v>118887</v>
      </c>
      <c r="J34232" s="1" t="s">
        <v>119027</v>
      </c>
    </row>
    <row r="34233" spans="1:10" x14ac:dyDescent="0.35">
      <c r="A34233" s="1" t="s">
        <v>47291</v>
      </c>
      <c r="B34233" s="1" t="s">
        <v>118882</v>
      </c>
      <c r="C34233" s="1" t="s">
        <v>60</v>
      </c>
      <c r="D34233" s="1" t="s">
        <v>8763</v>
      </c>
      <c r="E34233" s="1" t="s">
        <v>119028</v>
      </c>
      <c r="F34233" s="1" t="s">
        <v>119029</v>
      </c>
      <c r="G34233" s="1" t="s">
        <v>118998</v>
      </c>
      <c r="H34233" s="1" t="s">
        <v>118999</v>
      </c>
      <c r="I34233" s="1" t="s">
        <v>118887</v>
      </c>
      <c r="J34233" s="1" t="s">
        <v>119030</v>
      </c>
    </row>
    <row r="34234" spans="1:10" x14ac:dyDescent="0.35">
      <c r="A34234" s="1" t="s">
        <v>47291</v>
      </c>
      <c r="B34234" s="1" t="s">
        <v>118882</v>
      </c>
      <c r="C34234" s="1" t="s">
        <v>65</v>
      </c>
      <c r="D34234" s="1" t="s">
        <v>25600</v>
      </c>
      <c r="E34234" s="1" t="s">
        <v>119031</v>
      </c>
      <c r="F34234" s="1" t="s">
        <v>119032</v>
      </c>
      <c r="G34234" s="1" t="s">
        <v>118998</v>
      </c>
      <c r="H34234" s="1" t="s">
        <v>118999</v>
      </c>
      <c r="I34234" s="1" t="s">
        <v>118887</v>
      </c>
      <c r="J34234" s="1" t="s">
        <v>119033</v>
      </c>
    </row>
    <row r="34235" spans="1:10" x14ac:dyDescent="0.35">
      <c r="A34235" s="1" t="s">
        <v>47291</v>
      </c>
      <c r="B34235" s="1" t="s">
        <v>118882</v>
      </c>
      <c r="C34235" s="1" t="s">
        <v>70</v>
      </c>
      <c r="D34235" s="1" t="s">
        <v>110395</v>
      </c>
      <c r="E34235" s="1" t="s">
        <v>119034</v>
      </c>
      <c r="F34235" s="1" t="s">
        <v>119035</v>
      </c>
      <c r="G34235" s="1" t="s">
        <v>118998</v>
      </c>
      <c r="H34235" s="1" t="s">
        <v>118999</v>
      </c>
      <c r="I34235" s="1" t="s">
        <v>118887</v>
      </c>
      <c r="J34235" s="1" t="s">
        <v>10472</v>
      </c>
    </row>
    <row r="34236" spans="1:10" x14ac:dyDescent="0.35">
      <c r="A34236" s="1" t="s">
        <v>47291</v>
      </c>
      <c r="B34236" s="1" t="s">
        <v>118882</v>
      </c>
      <c r="C34236" s="1" t="s">
        <v>75</v>
      </c>
      <c r="D34236" s="1" t="s">
        <v>119036</v>
      </c>
      <c r="E34236" s="1" t="s">
        <v>119037</v>
      </c>
      <c r="F34236" s="1" t="s">
        <v>119038</v>
      </c>
      <c r="G34236" s="1" t="s">
        <v>118998</v>
      </c>
      <c r="H34236" s="1" t="s">
        <v>118999</v>
      </c>
      <c r="I34236" s="1" t="s">
        <v>118887</v>
      </c>
      <c r="J34236" s="1" t="s">
        <v>119039</v>
      </c>
    </row>
    <row r="34237" spans="1:10" x14ac:dyDescent="0.35">
      <c r="A34237" s="1" t="s">
        <v>47291</v>
      </c>
      <c r="B34237" s="1" t="s">
        <v>118882</v>
      </c>
      <c r="C34237" s="1" t="s">
        <v>80</v>
      </c>
      <c r="D34237" s="1" t="s">
        <v>109739</v>
      </c>
      <c r="E34237" s="1" t="s">
        <v>119040</v>
      </c>
      <c r="F34237" s="1" t="s">
        <v>119041</v>
      </c>
      <c r="G34237" s="1" t="s">
        <v>118998</v>
      </c>
      <c r="H34237" s="1" t="s">
        <v>118999</v>
      </c>
      <c r="I34237" s="1" t="s">
        <v>118887</v>
      </c>
      <c r="J34237" s="1" t="s">
        <v>119042</v>
      </c>
    </row>
    <row r="34238" spans="1:10" x14ac:dyDescent="0.35">
      <c r="A34238" s="1" t="s">
        <v>47291</v>
      </c>
      <c r="B34238" s="1" t="s">
        <v>118882</v>
      </c>
      <c r="C34238" s="1" t="s">
        <v>85</v>
      </c>
      <c r="D34238" s="1" t="s">
        <v>110059</v>
      </c>
      <c r="E34238" s="1" t="s">
        <v>119043</v>
      </c>
      <c r="F34238" s="1" t="s">
        <v>119044</v>
      </c>
      <c r="G34238" s="1" t="s">
        <v>118998</v>
      </c>
      <c r="H34238" s="1" t="s">
        <v>118999</v>
      </c>
      <c r="I34238" s="1" t="s">
        <v>118887</v>
      </c>
      <c r="J34238" s="1" t="s">
        <v>119045</v>
      </c>
    </row>
    <row r="34239" spans="1:10" x14ac:dyDescent="0.35">
      <c r="A34239" s="1" t="s">
        <v>47291</v>
      </c>
      <c r="B34239" s="1" t="s">
        <v>118882</v>
      </c>
      <c r="C34239" s="1" t="s">
        <v>90</v>
      </c>
      <c r="D34239" s="1" t="s">
        <v>110875</v>
      </c>
      <c r="E34239" s="1" t="s">
        <v>119046</v>
      </c>
      <c r="F34239" s="1" t="s">
        <v>119047</v>
      </c>
      <c r="G34239" s="1" t="s">
        <v>118998</v>
      </c>
      <c r="H34239" s="1" t="s">
        <v>118999</v>
      </c>
      <c r="I34239" s="1" t="s">
        <v>118887</v>
      </c>
      <c r="J34239" s="1" t="s">
        <v>119048</v>
      </c>
    </row>
    <row r="34240" spans="1:10" x14ac:dyDescent="0.35">
      <c r="A34240" s="1" t="s">
        <v>47291</v>
      </c>
      <c r="B34240" s="1" t="s">
        <v>118882</v>
      </c>
      <c r="C34240" s="1" t="s">
        <v>95</v>
      </c>
      <c r="D34240" s="1" t="s">
        <v>28933</v>
      </c>
      <c r="E34240" s="1" t="s">
        <v>119049</v>
      </c>
      <c r="F34240" s="1" t="s">
        <v>119050</v>
      </c>
      <c r="G34240" s="1" t="s">
        <v>118998</v>
      </c>
      <c r="H34240" s="1" t="s">
        <v>118999</v>
      </c>
      <c r="I34240" s="1" t="s">
        <v>118887</v>
      </c>
      <c r="J34240" s="1" t="s">
        <v>119051</v>
      </c>
    </row>
    <row r="34241" spans="1:10" x14ac:dyDescent="0.35">
      <c r="A34241" s="1" t="s">
        <v>47291</v>
      </c>
      <c r="B34241" s="1" t="s">
        <v>118882</v>
      </c>
      <c r="C34241" s="1" t="s">
        <v>100</v>
      </c>
      <c r="D34241" s="1" t="s">
        <v>119052</v>
      </c>
      <c r="E34241" s="1" t="s">
        <v>119053</v>
      </c>
      <c r="F34241" s="1" t="s">
        <v>119054</v>
      </c>
      <c r="G34241" s="1" t="s">
        <v>118998</v>
      </c>
      <c r="H34241" s="1" t="s">
        <v>118999</v>
      </c>
      <c r="I34241" s="1" t="s">
        <v>118887</v>
      </c>
      <c r="J34241" s="1" t="s">
        <v>119055</v>
      </c>
    </row>
    <row r="34242" spans="1:10" x14ac:dyDescent="0.35">
      <c r="A34242" s="1" t="s">
        <v>47291</v>
      </c>
      <c r="B34242" s="1" t="s">
        <v>118882</v>
      </c>
      <c r="C34242" s="1" t="s">
        <v>105</v>
      </c>
      <c r="D34242" s="1" t="s">
        <v>202</v>
      </c>
      <c r="E34242" s="1" t="s">
        <v>119056</v>
      </c>
      <c r="F34242" s="1" t="s">
        <v>119057</v>
      </c>
      <c r="G34242" s="1" t="s">
        <v>118998</v>
      </c>
      <c r="H34242" s="1" t="s">
        <v>118999</v>
      </c>
      <c r="I34242" s="1" t="s">
        <v>118887</v>
      </c>
      <c r="J34242" s="1" t="s">
        <v>119058</v>
      </c>
    </row>
    <row r="34243" spans="1:10" x14ac:dyDescent="0.35">
      <c r="A34243" s="1" t="s">
        <v>47291</v>
      </c>
      <c r="B34243" s="1" t="s">
        <v>118882</v>
      </c>
      <c r="C34243" s="1" t="s">
        <v>110</v>
      </c>
      <c r="D34243" s="1" t="s">
        <v>119059</v>
      </c>
      <c r="E34243" s="1" t="s">
        <v>119060</v>
      </c>
      <c r="F34243" s="1" t="s">
        <v>119061</v>
      </c>
      <c r="G34243" s="1" t="s">
        <v>118998</v>
      </c>
      <c r="H34243" s="1" t="s">
        <v>118999</v>
      </c>
      <c r="I34243" s="1" t="s">
        <v>118887</v>
      </c>
      <c r="J34243" s="1" t="s">
        <v>119062</v>
      </c>
    </row>
    <row r="34244" spans="1:10" x14ac:dyDescent="0.35">
      <c r="A34244" s="1" t="s">
        <v>47291</v>
      </c>
      <c r="B34244" s="1" t="s">
        <v>118882</v>
      </c>
      <c r="C34244" s="1" t="s">
        <v>115</v>
      </c>
      <c r="D34244" s="1" t="s">
        <v>119063</v>
      </c>
      <c r="E34244" s="1" t="s">
        <v>119064</v>
      </c>
      <c r="F34244" s="1" t="s">
        <v>119065</v>
      </c>
      <c r="G34244" s="1" t="s">
        <v>118998</v>
      </c>
      <c r="H34244" s="1" t="s">
        <v>118999</v>
      </c>
      <c r="I34244" s="1" t="s">
        <v>118887</v>
      </c>
      <c r="J34244" s="1" t="s">
        <v>119066</v>
      </c>
    </row>
    <row r="34245" spans="1:10" x14ac:dyDescent="0.35">
      <c r="A34245" s="1" t="s">
        <v>47291</v>
      </c>
      <c r="B34245" s="1" t="s">
        <v>118882</v>
      </c>
      <c r="C34245" s="1" t="s">
        <v>120</v>
      </c>
      <c r="D34245" s="1" t="s">
        <v>2366</v>
      </c>
      <c r="E34245" s="1" t="s">
        <v>119067</v>
      </c>
      <c r="F34245" s="1" t="s">
        <v>119068</v>
      </c>
      <c r="G34245" s="1" t="s">
        <v>118998</v>
      </c>
      <c r="H34245" s="1" t="s">
        <v>118999</v>
      </c>
      <c r="I34245" s="1" t="s">
        <v>118887</v>
      </c>
      <c r="J34245" s="1" t="s">
        <v>119069</v>
      </c>
    </row>
    <row r="34246" spans="1:10" x14ac:dyDescent="0.35">
      <c r="A34246" s="1" t="s">
        <v>47291</v>
      </c>
      <c r="B34246" s="1" t="s">
        <v>118882</v>
      </c>
      <c r="C34246" s="1" t="s">
        <v>125</v>
      </c>
      <c r="D34246" s="1" t="s">
        <v>75352</v>
      </c>
      <c r="E34246" s="1" t="s">
        <v>119070</v>
      </c>
      <c r="F34246" s="1" t="s">
        <v>119071</v>
      </c>
      <c r="G34246" s="1" t="s">
        <v>118998</v>
      </c>
      <c r="H34246" s="1" t="s">
        <v>118999</v>
      </c>
      <c r="I34246" s="1" t="s">
        <v>118887</v>
      </c>
      <c r="J34246" s="1" t="s">
        <v>119072</v>
      </c>
    </row>
    <row r="34247" spans="1:10" x14ac:dyDescent="0.35">
      <c r="A34247" s="1" t="s">
        <v>47291</v>
      </c>
      <c r="B34247" s="1" t="s">
        <v>118882</v>
      </c>
      <c r="C34247" s="1" t="s">
        <v>130</v>
      </c>
      <c r="D34247" s="1" t="s">
        <v>47229</v>
      </c>
      <c r="E34247" s="1" t="s">
        <v>119073</v>
      </c>
      <c r="F34247" s="1" t="s">
        <v>119074</v>
      </c>
      <c r="G34247" s="1" t="s">
        <v>118998</v>
      </c>
      <c r="H34247" s="1" t="s">
        <v>118999</v>
      </c>
      <c r="I34247" s="1" t="s">
        <v>118887</v>
      </c>
      <c r="J34247" s="1" t="s">
        <v>119075</v>
      </c>
    </row>
    <row r="34248" spans="1:10" x14ac:dyDescent="0.35">
      <c r="A34248" s="1" t="s">
        <v>47291</v>
      </c>
      <c r="B34248" s="1" t="s">
        <v>118882</v>
      </c>
      <c r="C34248" s="1" t="s">
        <v>135</v>
      </c>
      <c r="D34248" s="1" t="s">
        <v>10358</v>
      </c>
      <c r="E34248" s="1" t="s">
        <v>119076</v>
      </c>
      <c r="F34248" s="1" t="s">
        <v>119077</v>
      </c>
      <c r="G34248" s="1" t="s">
        <v>118998</v>
      </c>
      <c r="H34248" s="1" t="s">
        <v>118999</v>
      </c>
      <c r="I34248" s="1" t="s">
        <v>118887</v>
      </c>
      <c r="J34248" s="1" t="s">
        <v>119078</v>
      </c>
    </row>
    <row r="34249" spans="1:10" x14ac:dyDescent="0.35">
      <c r="A34249" s="1" t="s">
        <v>47291</v>
      </c>
      <c r="B34249" s="1" t="s">
        <v>118882</v>
      </c>
      <c r="C34249" s="1" t="s">
        <v>140</v>
      </c>
      <c r="D34249" s="1" t="s">
        <v>73105</v>
      </c>
      <c r="E34249" s="1" t="s">
        <v>119079</v>
      </c>
      <c r="F34249" s="1" t="s">
        <v>119080</v>
      </c>
      <c r="G34249" s="1" t="s">
        <v>118998</v>
      </c>
      <c r="H34249" s="1" t="s">
        <v>118999</v>
      </c>
      <c r="I34249" s="1" t="s">
        <v>118887</v>
      </c>
      <c r="J34249" s="1" t="s">
        <v>119081</v>
      </c>
    </row>
    <row r="34250" spans="1:10" x14ac:dyDescent="0.35">
      <c r="A34250" s="1" t="s">
        <v>47291</v>
      </c>
      <c r="B34250" s="1" t="s">
        <v>118882</v>
      </c>
      <c r="C34250" s="1" t="s">
        <v>145</v>
      </c>
      <c r="D34250" s="1" t="s">
        <v>115504</v>
      </c>
      <c r="E34250" s="1" t="s">
        <v>119082</v>
      </c>
      <c r="F34250" s="1" t="s">
        <v>119083</v>
      </c>
      <c r="G34250" s="1" t="s">
        <v>118998</v>
      </c>
      <c r="H34250" s="1" t="s">
        <v>118999</v>
      </c>
      <c r="I34250" s="1" t="s">
        <v>118887</v>
      </c>
      <c r="J34250" s="1" t="s">
        <v>119084</v>
      </c>
    </row>
    <row r="34251" spans="1:10" x14ac:dyDescent="0.35">
      <c r="A34251" s="1" t="s">
        <v>47291</v>
      </c>
      <c r="B34251" s="1" t="s">
        <v>118882</v>
      </c>
      <c r="C34251" s="1" t="s">
        <v>150</v>
      </c>
      <c r="D34251" s="1" t="s">
        <v>119085</v>
      </c>
      <c r="E34251" s="1" t="s">
        <v>119086</v>
      </c>
      <c r="F34251" s="1" t="s">
        <v>119087</v>
      </c>
      <c r="G34251" s="1" t="s">
        <v>118998</v>
      </c>
      <c r="H34251" s="1" t="s">
        <v>118999</v>
      </c>
      <c r="I34251" s="1" t="s">
        <v>118887</v>
      </c>
      <c r="J34251" s="1" t="s">
        <v>119088</v>
      </c>
    </row>
    <row r="34252" spans="1:10" x14ac:dyDescent="0.35">
      <c r="A34252" s="1" t="s">
        <v>47291</v>
      </c>
      <c r="B34252" s="1" t="s">
        <v>118882</v>
      </c>
      <c r="C34252" s="1" t="s">
        <v>155</v>
      </c>
      <c r="D34252" s="1" t="s">
        <v>18824</v>
      </c>
      <c r="E34252" s="1" t="s">
        <v>119089</v>
      </c>
      <c r="F34252" s="1" t="s">
        <v>119090</v>
      </c>
      <c r="G34252" s="1" t="s">
        <v>118998</v>
      </c>
      <c r="H34252" s="1" t="s">
        <v>118999</v>
      </c>
      <c r="I34252" s="1" t="s">
        <v>118887</v>
      </c>
      <c r="J34252" s="1" t="s">
        <v>119091</v>
      </c>
    </row>
    <row r="34253" spans="1:10" x14ac:dyDescent="0.35">
      <c r="A34253" s="1" t="s">
        <v>47291</v>
      </c>
      <c r="B34253" s="1" t="s">
        <v>118882</v>
      </c>
      <c r="C34253" s="1" t="s">
        <v>160</v>
      </c>
      <c r="D34253" s="1" t="s">
        <v>119092</v>
      </c>
      <c r="E34253" s="1" t="s">
        <v>119093</v>
      </c>
      <c r="F34253" s="1" t="s">
        <v>119094</v>
      </c>
      <c r="G34253" s="1" t="s">
        <v>118998</v>
      </c>
      <c r="H34253" s="1" t="s">
        <v>118999</v>
      </c>
      <c r="I34253" s="1" t="s">
        <v>118887</v>
      </c>
      <c r="J34253" s="1" t="s">
        <v>119095</v>
      </c>
    </row>
    <row r="34254" spans="1:10" x14ac:dyDescent="0.35">
      <c r="A34254" s="1" t="s">
        <v>47291</v>
      </c>
      <c r="B34254" s="1" t="s">
        <v>118882</v>
      </c>
      <c r="C34254" s="1" t="s">
        <v>165</v>
      </c>
      <c r="D34254" s="1" t="s">
        <v>119096</v>
      </c>
      <c r="E34254" s="1" t="s">
        <v>119097</v>
      </c>
      <c r="F34254" s="1" t="s">
        <v>119098</v>
      </c>
      <c r="G34254" s="1" t="s">
        <v>118998</v>
      </c>
      <c r="H34254" s="1" t="s">
        <v>118999</v>
      </c>
      <c r="I34254" s="1" t="s">
        <v>118887</v>
      </c>
      <c r="J34254" s="1" t="s">
        <v>119099</v>
      </c>
    </row>
    <row r="34255" spans="1:10" x14ac:dyDescent="0.35">
      <c r="A34255" s="1" t="s">
        <v>47291</v>
      </c>
      <c r="B34255" s="1" t="s">
        <v>118882</v>
      </c>
      <c r="C34255" s="1" t="s">
        <v>170</v>
      </c>
      <c r="D34255" s="1" t="s">
        <v>71268</v>
      </c>
      <c r="E34255" s="1" t="s">
        <v>119100</v>
      </c>
      <c r="F34255" s="1" t="s">
        <v>119101</v>
      </c>
      <c r="G34255" s="1" t="s">
        <v>118998</v>
      </c>
      <c r="H34255" s="1" t="s">
        <v>118999</v>
      </c>
      <c r="I34255" s="1" t="s">
        <v>118887</v>
      </c>
      <c r="J34255" s="1" t="s">
        <v>119102</v>
      </c>
    </row>
    <row r="34256" spans="1:10" x14ac:dyDescent="0.35">
      <c r="A34256" s="1" t="s">
        <v>25576</v>
      </c>
      <c r="B34256" s="1" t="s">
        <v>118882</v>
      </c>
      <c r="C34256" s="1" t="s">
        <v>8</v>
      </c>
      <c r="D34256" s="1" t="s">
        <v>119103</v>
      </c>
      <c r="E34256" s="1" t="s">
        <v>119104</v>
      </c>
      <c r="F34256" s="1" t="s">
        <v>119105</v>
      </c>
      <c r="G34256" s="1" t="s">
        <v>119106</v>
      </c>
      <c r="H34256" s="1" t="s">
        <v>119107</v>
      </c>
      <c r="I34256" s="1" t="s">
        <v>118887</v>
      </c>
      <c r="J34256" s="1" t="s">
        <v>13</v>
      </c>
    </row>
    <row r="34257" spans="1:10" x14ac:dyDescent="0.35">
      <c r="A34257" s="1" t="s">
        <v>25576</v>
      </c>
      <c r="B34257" s="1" t="s">
        <v>118882</v>
      </c>
      <c r="C34257" s="1" t="s">
        <v>15</v>
      </c>
      <c r="D34257" s="1" t="s">
        <v>4337</v>
      </c>
      <c r="E34257" s="1" t="s">
        <v>119108</v>
      </c>
      <c r="F34257" s="1" t="s">
        <v>119109</v>
      </c>
      <c r="G34257" s="1" t="s">
        <v>119106</v>
      </c>
      <c r="H34257" s="1" t="s">
        <v>119107</v>
      </c>
      <c r="I34257" s="1" t="s">
        <v>118887</v>
      </c>
      <c r="J34257" s="1" t="s">
        <v>119110</v>
      </c>
    </row>
    <row r="34258" spans="1:10" x14ac:dyDescent="0.35">
      <c r="A34258" s="1" t="s">
        <v>25576</v>
      </c>
      <c r="B34258" s="1" t="s">
        <v>118882</v>
      </c>
      <c r="C34258" s="1" t="s">
        <v>20</v>
      </c>
      <c r="D34258" s="1" t="s">
        <v>119111</v>
      </c>
      <c r="E34258" s="1" t="s">
        <v>119112</v>
      </c>
      <c r="F34258" s="1" t="s">
        <v>119113</v>
      </c>
      <c r="G34258" s="1" t="s">
        <v>119106</v>
      </c>
      <c r="H34258" s="1" t="s">
        <v>119107</v>
      </c>
      <c r="I34258" s="1" t="s">
        <v>118887</v>
      </c>
      <c r="J34258" s="1" t="s">
        <v>119114</v>
      </c>
    </row>
    <row r="34259" spans="1:10" x14ac:dyDescent="0.35">
      <c r="A34259" s="1" t="s">
        <v>25576</v>
      </c>
      <c r="B34259" s="1" t="s">
        <v>118882</v>
      </c>
      <c r="C34259" s="1" t="s">
        <v>25</v>
      </c>
      <c r="D34259" s="1" t="s">
        <v>5540</v>
      </c>
      <c r="E34259" s="1" t="s">
        <v>119115</v>
      </c>
      <c r="F34259" s="1" t="s">
        <v>119116</v>
      </c>
      <c r="G34259" s="1" t="s">
        <v>119106</v>
      </c>
      <c r="H34259" s="1" t="s">
        <v>119107</v>
      </c>
      <c r="I34259" s="1" t="s">
        <v>118887</v>
      </c>
      <c r="J34259" s="1" t="s">
        <v>119117</v>
      </c>
    </row>
    <row r="34260" spans="1:10" x14ac:dyDescent="0.35">
      <c r="A34260" s="1" t="s">
        <v>25576</v>
      </c>
      <c r="B34260" s="1" t="s">
        <v>118882</v>
      </c>
      <c r="C34260" s="1" t="s">
        <v>30</v>
      </c>
      <c r="D34260" s="1" t="s">
        <v>27323</v>
      </c>
      <c r="E34260" s="1" t="s">
        <v>119118</v>
      </c>
      <c r="F34260" s="1" t="s">
        <v>119119</v>
      </c>
      <c r="G34260" s="1" t="s">
        <v>119106</v>
      </c>
      <c r="H34260" s="1" t="s">
        <v>119107</v>
      </c>
      <c r="I34260" s="1" t="s">
        <v>118887</v>
      </c>
      <c r="J34260" s="1" t="s">
        <v>119120</v>
      </c>
    </row>
    <row r="34261" spans="1:10" x14ac:dyDescent="0.35">
      <c r="A34261" s="1" t="s">
        <v>25576</v>
      </c>
      <c r="B34261" s="1" t="s">
        <v>118882</v>
      </c>
      <c r="C34261" s="1" t="s">
        <v>35</v>
      </c>
      <c r="D34261" s="1" t="s">
        <v>28175</v>
      </c>
      <c r="E34261" s="1" t="s">
        <v>119121</v>
      </c>
      <c r="F34261" s="1" t="s">
        <v>119122</v>
      </c>
      <c r="G34261" s="1" t="s">
        <v>119106</v>
      </c>
      <c r="H34261" s="1" t="s">
        <v>119107</v>
      </c>
      <c r="I34261" s="1" t="s">
        <v>118887</v>
      </c>
      <c r="J34261" s="1" t="s">
        <v>119123</v>
      </c>
    </row>
    <row r="34262" spans="1:10" x14ac:dyDescent="0.35">
      <c r="A34262" s="1" t="s">
        <v>25576</v>
      </c>
      <c r="B34262" s="1" t="s">
        <v>118882</v>
      </c>
      <c r="C34262" s="1" t="s">
        <v>40</v>
      </c>
      <c r="D34262" s="1" t="s">
        <v>46100</v>
      </c>
      <c r="E34262" s="1" t="s">
        <v>119124</v>
      </c>
      <c r="F34262" s="1" t="s">
        <v>119125</v>
      </c>
      <c r="G34262" s="1" t="s">
        <v>119106</v>
      </c>
      <c r="H34262" s="1" t="s">
        <v>119107</v>
      </c>
      <c r="I34262" s="1" t="s">
        <v>118887</v>
      </c>
      <c r="J34262" s="1" t="s">
        <v>119126</v>
      </c>
    </row>
    <row r="34263" spans="1:10" x14ac:dyDescent="0.35">
      <c r="A34263" s="1" t="s">
        <v>25576</v>
      </c>
      <c r="B34263" s="1" t="s">
        <v>118882</v>
      </c>
      <c r="C34263" s="1" t="s">
        <v>45</v>
      </c>
      <c r="D34263" s="1" t="s">
        <v>10094</v>
      </c>
      <c r="E34263" s="1" t="s">
        <v>119127</v>
      </c>
      <c r="F34263" s="1" t="s">
        <v>119128</v>
      </c>
      <c r="G34263" s="1" t="s">
        <v>119106</v>
      </c>
      <c r="H34263" s="1" t="s">
        <v>119107</v>
      </c>
      <c r="I34263" s="1" t="s">
        <v>118887</v>
      </c>
      <c r="J34263" s="1" t="s">
        <v>119129</v>
      </c>
    </row>
    <row r="34264" spans="1:10" x14ac:dyDescent="0.35">
      <c r="A34264" s="1" t="s">
        <v>25576</v>
      </c>
      <c r="B34264" s="1" t="s">
        <v>118882</v>
      </c>
      <c r="C34264" s="1" t="s">
        <v>50</v>
      </c>
      <c r="D34264" s="1" t="s">
        <v>14763</v>
      </c>
      <c r="E34264" s="1" t="s">
        <v>119130</v>
      </c>
      <c r="F34264" s="1" t="s">
        <v>119131</v>
      </c>
      <c r="G34264" s="1" t="s">
        <v>119106</v>
      </c>
      <c r="H34264" s="1" t="s">
        <v>119107</v>
      </c>
      <c r="I34264" s="1" t="s">
        <v>118887</v>
      </c>
      <c r="J34264" s="1" t="s">
        <v>119132</v>
      </c>
    </row>
    <row r="34265" spans="1:10" x14ac:dyDescent="0.35">
      <c r="A34265" s="1" t="s">
        <v>25576</v>
      </c>
      <c r="B34265" s="1" t="s">
        <v>118882</v>
      </c>
      <c r="C34265" s="1" t="s">
        <v>55</v>
      </c>
      <c r="D34265" s="1" t="s">
        <v>46224</v>
      </c>
      <c r="E34265" s="1" t="s">
        <v>119133</v>
      </c>
      <c r="F34265" s="1" t="s">
        <v>119134</v>
      </c>
      <c r="G34265" s="1" t="s">
        <v>119106</v>
      </c>
      <c r="H34265" s="1" t="s">
        <v>119107</v>
      </c>
      <c r="I34265" s="1" t="s">
        <v>118887</v>
      </c>
      <c r="J34265" s="1" t="s">
        <v>119135</v>
      </c>
    </row>
    <row r="34266" spans="1:10" x14ac:dyDescent="0.35">
      <c r="A34266" s="1" t="s">
        <v>25576</v>
      </c>
      <c r="B34266" s="1" t="s">
        <v>118882</v>
      </c>
      <c r="C34266" s="1" t="s">
        <v>60</v>
      </c>
      <c r="D34266" s="1" t="s">
        <v>119136</v>
      </c>
      <c r="E34266" s="1" t="s">
        <v>119137</v>
      </c>
      <c r="F34266" s="1" t="s">
        <v>119138</v>
      </c>
      <c r="G34266" s="1" t="s">
        <v>119106</v>
      </c>
      <c r="H34266" s="1" t="s">
        <v>119107</v>
      </c>
      <c r="I34266" s="1" t="s">
        <v>118887</v>
      </c>
      <c r="J34266" s="1" t="s">
        <v>119139</v>
      </c>
    </row>
    <row r="34267" spans="1:10" x14ac:dyDescent="0.35">
      <c r="A34267" s="1" t="s">
        <v>25576</v>
      </c>
      <c r="B34267" s="1" t="s">
        <v>118882</v>
      </c>
      <c r="C34267" s="1" t="s">
        <v>65</v>
      </c>
      <c r="D34267" s="1" t="s">
        <v>119140</v>
      </c>
      <c r="E34267" s="1" t="s">
        <v>119141</v>
      </c>
      <c r="F34267" s="1" t="s">
        <v>119142</v>
      </c>
      <c r="G34267" s="1" t="s">
        <v>119106</v>
      </c>
      <c r="H34267" s="1" t="s">
        <v>119107</v>
      </c>
      <c r="I34267" s="1" t="s">
        <v>118887</v>
      </c>
      <c r="J34267" s="1" t="s">
        <v>119143</v>
      </c>
    </row>
    <row r="34268" spans="1:10" x14ac:dyDescent="0.35">
      <c r="A34268" s="1" t="s">
        <v>25576</v>
      </c>
      <c r="B34268" s="1" t="s">
        <v>118882</v>
      </c>
      <c r="C34268" s="1" t="s">
        <v>70</v>
      </c>
      <c r="D34268" s="1" t="s">
        <v>7556</v>
      </c>
      <c r="E34268" s="1" t="s">
        <v>119144</v>
      </c>
      <c r="F34268" s="1" t="s">
        <v>119145</v>
      </c>
      <c r="G34268" s="1" t="s">
        <v>119106</v>
      </c>
      <c r="H34268" s="1" t="s">
        <v>119107</v>
      </c>
      <c r="I34268" s="1" t="s">
        <v>118887</v>
      </c>
      <c r="J34268" s="1" t="s">
        <v>119146</v>
      </c>
    </row>
    <row r="34269" spans="1:10" x14ac:dyDescent="0.35">
      <c r="A34269" s="1" t="s">
        <v>25576</v>
      </c>
      <c r="B34269" s="1" t="s">
        <v>118882</v>
      </c>
      <c r="C34269" s="1" t="s">
        <v>75</v>
      </c>
      <c r="D34269" s="1" t="s">
        <v>109797</v>
      </c>
      <c r="E34269" s="1" t="s">
        <v>119147</v>
      </c>
      <c r="F34269" s="1" t="s">
        <v>119148</v>
      </c>
      <c r="G34269" s="1" t="s">
        <v>119106</v>
      </c>
      <c r="H34269" s="1" t="s">
        <v>119107</v>
      </c>
      <c r="I34269" s="1" t="s">
        <v>118887</v>
      </c>
      <c r="J34269" s="1" t="s">
        <v>119149</v>
      </c>
    </row>
    <row r="34270" spans="1:10" x14ac:dyDescent="0.35">
      <c r="A34270" s="1" t="s">
        <v>25576</v>
      </c>
      <c r="B34270" s="1" t="s">
        <v>118882</v>
      </c>
      <c r="C34270" s="1" t="s">
        <v>80</v>
      </c>
      <c r="D34270" s="1" t="s">
        <v>119150</v>
      </c>
      <c r="E34270" s="1" t="s">
        <v>119151</v>
      </c>
      <c r="F34270" s="1" t="s">
        <v>119152</v>
      </c>
      <c r="G34270" s="1" t="s">
        <v>119106</v>
      </c>
      <c r="H34270" s="1" t="s">
        <v>119107</v>
      </c>
      <c r="I34270" s="1" t="s">
        <v>118887</v>
      </c>
      <c r="J34270" s="1" t="s">
        <v>119153</v>
      </c>
    </row>
    <row r="34271" spans="1:10" x14ac:dyDescent="0.35">
      <c r="A34271" s="1" t="s">
        <v>25576</v>
      </c>
      <c r="B34271" s="1" t="s">
        <v>118882</v>
      </c>
      <c r="C34271" s="1" t="s">
        <v>85</v>
      </c>
      <c r="D34271" s="1" t="s">
        <v>119154</v>
      </c>
      <c r="E34271" s="1" t="s">
        <v>119155</v>
      </c>
      <c r="F34271" s="1" t="s">
        <v>119156</v>
      </c>
      <c r="G34271" s="1" t="s">
        <v>119106</v>
      </c>
      <c r="H34271" s="1" t="s">
        <v>119107</v>
      </c>
      <c r="I34271" s="1" t="s">
        <v>118887</v>
      </c>
      <c r="J34271" s="1" t="s">
        <v>119157</v>
      </c>
    </row>
    <row r="34272" spans="1:10" x14ac:dyDescent="0.35">
      <c r="A34272" s="1" t="s">
        <v>25576</v>
      </c>
      <c r="B34272" s="1" t="s">
        <v>118882</v>
      </c>
      <c r="C34272" s="1" t="s">
        <v>90</v>
      </c>
      <c r="D34272" s="1" t="s">
        <v>190</v>
      </c>
      <c r="E34272" s="1" t="s">
        <v>119158</v>
      </c>
      <c r="F34272" s="1" t="s">
        <v>119159</v>
      </c>
      <c r="G34272" s="1" t="s">
        <v>119106</v>
      </c>
      <c r="H34272" s="1" t="s">
        <v>119107</v>
      </c>
      <c r="I34272" s="1" t="s">
        <v>118887</v>
      </c>
      <c r="J34272" s="1" t="s">
        <v>119160</v>
      </c>
    </row>
    <row r="34273" spans="1:10" x14ac:dyDescent="0.35">
      <c r="A34273" s="1" t="s">
        <v>25576</v>
      </c>
      <c r="B34273" s="1" t="s">
        <v>118882</v>
      </c>
      <c r="C34273" s="1" t="s">
        <v>95</v>
      </c>
      <c r="D34273" s="1" t="s">
        <v>119161</v>
      </c>
      <c r="E34273" s="1" t="s">
        <v>119162</v>
      </c>
      <c r="F34273" s="1" t="s">
        <v>119163</v>
      </c>
      <c r="G34273" s="1" t="s">
        <v>119106</v>
      </c>
      <c r="H34273" s="1" t="s">
        <v>119107</v>
      </c>
      <c r="I34273" s="1" t="s">
        <v>118887</v>
      </c>
      <c r="J34273" s="1" t="s">
        <v>119164</v>
      </c>
    </row>
    <row r="34274" spans="1:10" x14ac:dyDescent="0.35">
      <c r="A34274" s="1" t="s">
        <v>25576</v>
      </c>
      <c r="B34274" s="1" t="s">
        <v>118882</v>
      </c>
      <c r="C34274" s="1" t="s">
        <v>100</v>
      </c>
      <c r="D34274" s="1" t="s">
        <v>119165</v>
      </c>
      <c r="E34274" s="1" t="s">
        <v>119166</v>
      </c>
      <c r="F34274" s="1" t="s">
        <v>119167</v>
      </c>
      <c r="G34274" s="1" t="s">
        <v>119106</v>
      </c>
      <c r="H34274" s="1" t="s">
        <v>119107</v>
      </c>
      <c r="I34274" s="1" t="s">
        <v>118887</v>
      </c>
      <c r="J34274" s="1" t="s">
        <v>119168</v>
      </c>
    </row>
    <row r="34275" spans="1:10" x14ac:dyDescent="0.35">
      <c r="A34275" s="1" t="s">
        <v>25576</v>
      </c>
      <c r="B34275" s="1" t="s">
        <v>118882</v>
      </c>
      <c r="C34275" s="1" t="s">
        <v>105</v>
      </c>
      <c r="D34275" s="1" t="s">
        <v>119169</v>
      </c>
      <c r="E34275" s="1" t="s">
        <v>119170</v>
      </c>
      <c r="F34275" s="1" t="s">
        <v>119171</v>
      </c>
      <c r="G34275" s="1" t="s">
        <v>119106</v>
      </c>
      <c r="H34275" s="1" t="s">
        <v>119107</v>
      </c>
      <c r="I34275" s="1" t="s">
        <v>118887</v>
      </c>
      <c r="J34275" s="1" t="s">
        <v>119172</v>
      </c>
    </row>
    <row r="34276" spans="1:10" x14ac:dyDescent="0.35">
      <c r="A34276" s="1" t="s">
        <v>25576</v>
      </c>
      <c r="B34276" s="1" t="s">
        <v>118882</v>
      </c>
      <c r="C34276" s="1" t="s">
        <v>110</v>
      </c>
      <c r="D34276" s="1" t="s">
        <v>36727</v>
      </c>
      <c r="E34276" s="1" t="s">
        <v>119173</v>
      </c>
      <c r="F34276" s="1" t="s">
        <v>119174</v>
      </c>
      <c r="G34276" s="1" t="s">
        <v>119106</v>
      </c>
      <c r="H34276" s="1" t="s">
        <v>119107</v>
      </c>
      <c r="I34276" s="1" t="s">
        <v>118887</v>
      </c>
      <c r="J34276" s="1" t="s">
        <v>119175</v>
      </c>
    </row>
    <row r="34277" spans="1:10" x14ac:dyDescent="0.35">
      <c r="A34277" s="1" t="s">
        <v>25576</v>
      </c>
      <c r="B34277" s="1" t="s">
        <v>118882</v>
      </c>
      <c r="C34277" s="1" t="s">
        <v>115</v>
      </c>
      <c r="D34277" s="1" t="s">
        <v>119176</v>
      </c>
      <c r="E34277" s="1" t="s">
        <v>119177</v>
      </c>
      <c r="F34277" s="1" t="s">
        <v>119178</v>
      </c>
      <c r="G34277" s="1" t="s">
        <v>119106</v>
      </c>
      <c r="H34277" s="1" t="s">
        <v>119107</v>
      </c>
      <c r="I34277" s="1" t="s">
        <v>118887</v>
      </c>
      <c r="J34277" s="1" t="s">
        <v>119179</v>
      </c>
    </row>
    <row r="34278" spans="1:10" x14ac:dyDescent="0.35">
      <c r="A34278" s="1" t="s">
        <v>25576</v>
      </c>
      <c r="B34278" s="1" t="s">
        <v>118882</v>
      </c>
      <c r="C34278" s="1" t="s">
        <v>120</v>
      </c>
      <c r="D34278" s="1" t="s">
        <v>119180</v>
      </c>
      <c r="E34278" s="1" t="s">
        <v>119181</v>
      </c>
      <c r="F34278" s="1" t="s">
        <v>119182</v>
      </c>
      <c r="G34278" s="1" t="s">
        <v>119106</v>
      </c>
      <c r="H34278" s="1" t="s">
        <v>119107</v>
      </c>
      <c r="I34278" s="1" t="s">
        <v>118887</v>
      </c>
      <c r="J34278" s="1" t="s">
        <v>119183</v>
      </c>
    </row>
    <row r="34279" spans="1:10" x14ac:dyDescent="0.35">
      <c r="A34279" s="1" t="s">
        <v>25576</v>
      </c>
      <c r="B34279" s="1" t="s">
        <v>118882</v>
      </c>
      <c r="C34279" s="1" t="s">
        <v>125</v>
      </c>
      <c r="D34279" s="1" t="s">
        <v>7961</v>
      </c>
      <c r="E34279" s="1" t="s">
        <v>119184</v>
      </c>
      <c r="F34279" s="1" t="s">
        <v>119185</v>
      </c>
      <c r="G34279" s="1" t="s">
        <v>119106</v>
      </c>
      <c r="H34279" s="1" t="s">
        <v>119107</v>
      </c>
      <c r="I34279" s="1" t="s">
        <v>118887</v>
      </c>
      <c r="J34279" s="1" t="s">
        <v>119186</v>
      </c>
    </row>
    <row r="34280" spans="1:10" x14ac:dyDescent="0.35">
      <c r="A34280" s="1" t="s">
        <v>25576</v>
      </c>
      <c r="B34280" s="1" t="s">
        <v>118882</v>
      </c>
      <c r="C34280" s="1" t="s">
        <v>130</v>
      </c>
      <c r="D34280" s="1" t="s">
        <v>119187</v>
      </c>
      <c r="E34280" s="1" t="s">
        <v>119188</v>
      </c>
      <c r="F34280" s="1" t="s">
        <v>119189</v>
      </c>
      <c r="G34280" s="1" t="s">
        <v>119106</v>
      </c>
      <c r="H34280" s="1" t="s">
        <v>119107</v>
      </c>
      <c r="I34280" s="1" t="s">
        <v>118887</v>
      </c>
      <c r="J34280" s="1" t="s">
        <v>119190</v>
      </c>
    </row>
    <row r="34281" spans="1:10" x14ac:dyDescent="0.35">
      <c r="A34281" s="1" t="s">
        <v>25576</v>
      </c>
      <c r="B34281" s="1" t="s">
        <v>118882</v>
      </c>
      <c r="C34281" s="1" t="s">
        <v>135</v>
      </c>
      <c r="D34281" s="1" t="s">
        <v>47916</v>
      </c>
      <c r="E34281" s="1" t="s">
        <v>119191</v>
      </c>
      <c r="F34281" s="1" t="s">
        <v>119192</v>
      </c>
      <c r="G34281" s="1" t="s">
        <v>119106</v>
      </c>
      <c r="H34281" s="1" t="s">
        <v>119107</v>
      </c>
      <c r="I34281" s="1" t="s">
        <v>118887</v>
      </c>
      <c r="J34281" s="1" t="s">
        <v>119193</v>
      </c>
    </row>
    <row r="34282" spans="1:10" x14ac:dyDescent="0.35">
      <c r="A34282" s="1" t="s">
        <v>25576</v>
      </c>
      <c r="B34282" s="1" t="s">
        <v>118882</v>
      </c>
      <c r="C34282" s="1" t="s">
        <v>140</v>
      </c>
      <c r="D34282" s="1" t="s">
        <v>36089</v>
      </c>
      <c r="E34282" s="1" t="s">
        <v>119194</v>
      </c>
      <c r="F34282" s="1" t="s">
        <v>119195</v>
      </c>
      <c r="G34282" s="1" t="s">
        <v>119106</v>
      </c>
      <c r="H34282" s="1" t="s">
        <v>119107</v>
      </c>
      <c r="I34282" s="1" t="s">
        <v>118887</v>
      </c>
      <c r="J34282" s="1" t="s">
        <v>119196</v>
      </c>
    </row>
    <row r="34283" spans="1:10" x14ac:dyDescent="0.35">
      <c r="A34283" s="1" t="s">
        <v>25576</v>
      </c>
      <c r="B34283" s="1" t="s">
        <v>118882</v>
      </c>
      <c r="C34283" s="1" t="s">
        <v>145</v>
      </c>
      <c r="D34283" s="1" t="s">
        <v>49565</v>
      </c>
      <c r="E34283" s="1" t="s">
        <v>119197</v>
      </c>
      <c r="F34283" s="1" t="s">
        <v>119198</v>
      </c>
      <c r="G34283" s="1" t="s">
        <v>119106</v>
      </c>
      <c r="H34283" s="1" t="s">
        <v>119107</v>
      </c>
      <c r="I34283" s="1" t="s">
        <v>118887</v>
      </c>
      <c r="J34283" s="1" t="s">
        <v>119199</v>
      </c>
    </row>
    <row r="34284" spans="1:10" x14ac:dyDescent="0.35">
      <c r="A34284" s="1" t="s">
        <v>25576</v>
      </c>
      <c r="B34284" s="1" t="s">
        <v>118882</v>
      </c>
      <c r="C34284" s="1" t="s">
        <v>150</v>
      </c>
      <c r="D34284" s="1" t="s">
        <v>8801</v>
      </c>
      <c r="E34284" s="1" t="s">
        <v>119200</v>
      </c>
      <c r="F34284" s="1" t="s">
        <v>119201</v>
      </c>
      <c r="G34284" s="1" t="s">
        <v>119106</v>
      </c>
      <c r="H34284" s="1" t="s">
        <v>119107</v>
      </c>
      <c r="I34284" s="1" t="s">
        <v>118887</v>
      </c>
      <c r="J34284" s="1" t="s">
        <v>119202</v>
      </c>
    </row>
    <row r="34285" spans="1:10" x14ac:dyDescent="0.35">
      <c r="A34285" s="1" t="s">
        <v>25576</v>
      </c>
      <c r="B34285" s="1" t="s">
        <v>118882</v>
      </c>
      <c r="C34285" s="1" t="s">
        <v>155</v>
      </c>
      <c r="D34285" s="1" t="s">
        <v>119203</v>
      </c>
      <c r="E34285" s="1" t="s">
        <v>119204</v>
      </c>
      <c r="F34285" s="1" t="s">
        <v>119205</v>
      </c>
      <c r="G34285" s="1" t="s">
        <v>119106</v>
      </c>
      <c r="H34285" s="1" t="s">
        <v>119107</v>
      </c>
      <c r="I34285" s="1" t="s">
        <v>118887</v>
      </c>
      <c r="J34285" s="1" t="s">
        <v>119206</v>
      </c>
    </row>
    <row r="34286" spans="1:10" x14ac:dyDescent="0.35">
      <c r="A34286" s="1" t="s">
        <v>25576</v>
      </c>
      <c r="B34286" s="1" t="s">
        <v>118882</v>
      </c>
      <c r="C34286" s="1" t="s">
        <v>160</v>
      </c>
      <c r="D34286" s="1" t="s">
        <v>119207</v>
      </c>
      <c r="E34286" s="1" t="s">
        <v>119208</v>
      </c>
      <c r="F34286" s="1" t="s">
        <v>119209</v>
      </c>
      <c r="G34286" s="1" t="s">
        <v>119106</v>
      </c>
      <c r="H34286" s="1" t="s">
        <v>119107</v>
      </c>
      <c r="I34286" s="1" t="s">
        <v>118887</v>
      </c>
      <c r="J34286" s="1" t="s">
        <v>119210</v>
      </c>
    </row>
    <row r="34287" spans="1:10" x14ac:dyDescent="0.35">
      <c r="A34287" s="1" t="s">
        <v>25576</v>
      </c>
      <c r="B34287" s="1" t="s">
        <v>118882</v>
      </c>
      <c r="C34287" s="1" t="s">
        <v>165</v>
      </c>
      <c r="D34287" s="1" t="s">
        <v>33957</v>
      </c>
      <c r="E34287" s="1" t="s">
        <v>119211</v>
      </c>
      <c r="F34287" s="1" t="s">
        <v>119212</v>
      </c>
      <c r="G34287" s="1" t="s">
        <v>119106</v>
      </c>
      <c r="H34287" s="1" t="s">
        <v>119107</v>
      </c>
      <c r="I34287" s="1" t="s">
        <v>118887</v>
      </c>
      <c r="J34287" s="1" t="s">
        <v>119213</v>
      </c>
    </row>
    <row r="34288" spans="1:10" x14ac:dyDescent="0.35">
      <c r="A34288" s="1" t="s">
        <v>25576</v>
      </c>
      <c r="B34288" s="1" t="s">
        <v>118882</v>
      </c>
      <c r="C34288" s="1" t="s">
        <v>170</v>
      </c>
      <c r="D34288" s="1" t="s">
        <v>3671</v>
      </c>
      <c r="E34288" s="1" t="s">
        <v>119214</v>
      </c>
      <c r="F34288" s="1" t="s">
        <v>119215</v>
      </c>
      <c r="G34288" s="1" t="s">
        <v>119106</v>
      </c>
      <c r="H34288" s="1" t="s">
        <v>119107</v>
      </c>
      <c r="I34288" s="1" t="s">
        <v>118887</v>
      </c>
      <c r="J34288" s="1" t="s">
        <v>119216</v>
      </c>
    </row>
    <row r="34289" spans="1:10" x14ac:dyDescent="0.35">
      <c r="A34289" s="1" t="s">
        <v>45609</v>
      </c>
      <c r="B34289" s="1" t="s">
        <v>118882</v>
      </c>
      <c r="C34289" s="1" t="s">
        <v>8</v>
      </c>
      <c r="D34289" s="1" t="s">
        <v>3561</v>
      </c>
      <c r="E34289" s="1" t="s">
        <v>119217</v>
      </c>
      <c r="F34289" s="1" t="s">
        <v>119218</v>
      </c>
      <c r="G34289" s="1" t="s">
        <v>119219</v>
      </c>
      <c r="H34289" s="1" t="s">
        <v>119220</v>
      </c>
      <c r="I34289" s="1" t="s">
        <v>118887</v>
      </c>
      <c r="J34289" s="1" t="s">
        <v>13</v>
      </c>
    </row>
    <row r="34290" spans="1:10" x14ac:dyDescent="0.35">
      <c r="A34290" s="1" t="s">
        <v>45609</v>
      </c>
      <c r="B34290" s="1" t="s">
        <v>118882</v>
      </c>
      <c r="C34290" s="1" t="s">
        <v>15</v>
      </c>
      <c r="D34290" s="1" t="s">
        <v>100286</v>
      </c>
      <c r="E34290" s="1" t="s">
        <v>119221</v>
      </c>
      <c r="F34290" s="1" t="s">
        <v>119222</v>
      </c>
      <c r="G34290" s="1" t="s">
        <v>119219</v>
      </c>
      <c r="H34290" s="1" t="s">
        <v>119220</v>
      </c>
      <c r="I34290" s="1" t="s">
        <v>118887</v>
      </c>
      <c r="J34290" s="1" t="s">
        <v>119223</v>
      </c>
    </row>
    <row r="34291" spans="1:10" x14ac:dyDescent="0.35">
      <c r="A34291" s="1" t="s">
        <v>45609</v>
      </c>
      <c r="B34291" s="1" t="s">
        <v>118882</v>
      </c>
      <c r="C34291" s="1" t="s">
        <v>20</v>
      </c>
      <c r="D34291" s="1" t="s">
        <v>119224</v>
      </c>
      <c r="E34291" s="1" t="s">
        <v>119225</v>
      </c>
      <c r="F34291" s="1" t="s">
        <v>119226</v>
      </c>
      <c r="G34291" s="1" t="s">
        <v>119219</v>
      </c>
      <c r="H34291" s="1" t="s">
        <v>119220</v>
      </c>
      <c r="I34291" s="1" t="s">
        <v>118887</v>
      </c>
      <c r="J34291" s="1" t="s">
        <v>119227</v>
      </c>
    </row>
    <row r="34292" spans="1:10" x14ac:dyDescent="0.35">
      <c r="A34292" s="1" t="s">
        <v>45609</v>
      </c>
      <c r="B34292" s="1" t="s">
        <v>118882</v>
      </c>
      <c r="C34292" s="1" t="s">
        <v>25</v>
      </c>
      <c r="D34292" s="1" t="s">
        <v>27947</v>
      </c>
      <c r="E34292" s="1" t="s">
        <v>119228</v>
      </c>
      <c r="F34292" s="1" t="s">
        <v>119229</v>
      </c>
      <c r="G34292" s="1" t="s">
        <v>119219</v>
      </c>
      <c r="H34292" s="1" t="s">
        <v>119220</v>
      </c>
      <c r="I34292" s="1" t="s">
        <v>118887</v>
      </c>
      <c r="J34292" s="1" t="s">
        <v>119230</v>
      </c>
    </row>
    <row r="34293" spans="1:10" x14ac:dyDescent="0.35">
      <c r="A34293" s="1" t="s">
        <v>45609</v>
      </c>
      <c r="B34293" s="1" t="s">
        <v>118882</v>
      </c>
      <c r="C34293" s="1" t="s">
        <v>30</v>
      </c>
      <c r="D34293" s="1" t="s">
        <v>29619</v>
      </c>
      <c r="E34293" s="1" t="s">
        <v>119231</v>
      </c>
      <c r="F34293" s="1" t="s">
        <v>119232</v>
      </c>
      <c r="G34293" s="1" t="s">
        <v>119219</v>
      </c>
      <c r="H34293" s="1" t="s">
        <v>119220</v>
      </c>
      <c r="I34293" s="1" t="s">
        <v>118887</v>
      </c>
      <c r="J34293" s="1" t="s">
        <v>119233</v>
      </c>
    </row>
    <row r="34294" spans="1:10" x14ac:dyDescent="0.35">
      <c r="A34294" s="1" t="s">
        <v>45609</v>
      </c>
      <c r="B34294" s="1" t="s">
        <v>118882</v>
      </c>
      <c r="C34294" s="1" t="s">
        <v>35</v>
      </c>
      <c r="D34294" s="1" t="s">
        <v>114471</v>
      </c>
      <c r="E34294" s="1" t="s">
        <v>119234</v>
      </c>
      <c r="F34294" s="1" t="s">
        <v>119235</v>
      </c>
      <c r="G34294" s="1" t="s">
        <v>119219</v>
      </c>
      <c r="H34294" s="1" t="s">
        <v>119220</v>
      </c>
      <c r="I34294" s="1" t="s">
        <v>118887</v>
      </c>
      <c r="J34294" s="1" t="s">
        <v>119236</v>
      </c>
    </row>
    <row r="34295" spans="1:10" x14ac:dyDescent="0.35">
      <c r="A34295" s="1" t="s">
        <v>45609</v>
      </c>
      <c r="B34295" s="1" t="s">
        <v>118882</v>
      </c>
      <c r="C34295" s="1" t="s">
        <v>40</v>
      </c>
      <c r="D34295" s="1" t="s">
        <v>6105</v>
      </c>
      <c r="E34295" s="1" t="s">
        <v>119237</v>
      </c>
      <c r="F34295" s="1" t="s">
        <v>119238</v>
      </c>
      <c r="G34295" s="1" t="s">
        <v>119219</v>
      </c>
      <c r="H34295" s="1" t="s">
        <v>119220</v>
      </c>
      <c r="I34295" s="1" t="s">
        <v>118887</v>
      </c>
      <c r="J34295" s="1" t="s">
        <v>119239</v>
      </c>
    </row>
    <row r="34296" spans="1:10" x14ac:dyDescent="0.35">
      <c r="A34296" s="1" t="s">
        <v>45609</v>
      </c>
      <c r="B34296" s="1" t="s">
        <v>118882</v>
      </c>
      <c r="C34296" s="1" t="s">
        <v>45</v>
      </c>
      <c r="D34296" s="1" t="s">
        <v>25309</v>
      </c>
      <c r="E34296" s="1" t="s">
        <v>119240</v>
      </c>
      <c r="F34296" s="1" t="s">
        <v>119241</v>
      </c>
      <c r="G34296" s="1" t="s">
        <v>119219</v>
      </c>
      <c r="H34296" s="1" t="s">
        <v>119220</v>
      </c>
      <c r="I34296" s="1" t="s">
        <v>118887</v>
      </c>
      <c r="J34296" s="1" t="s">
        <v>119242</v>
      </c>
    </row>
    <row r="34297" spans="1:10" x14ac:dyDescent="0.35">
      <c r="A34297" s="1" t="s">
        <v>45609</v>
      </c>
      <c r="B34297" s="1" t="s">
        <v>118882</v>
      </c>
      <c r="C34297" s="1" t="s">
        <v>50</v>
      </c>
      <c r="D34297" s="1" t="s">
        <v>117459</v>
      </c>
      <c r="E34297" s="1" t="s">
        <v>119243</v>
      </c>
      <c r="F34297" s="1" t="s">
        <v>119244</v>
      </c>
      <c r="G34297" s="1" t="s">
        <v>119219</v>
      </c>
      <c r="H34297" s="1" t="s">
        <v>119220</v>
      </c>
      <c r="I34297" s="1" t="s">
        <v>118887</v>
      </c>
      <c r="J34297" s="1" t="s">
        <v>119245</v>
      </c>
    </row>
    <row r="34298" spans="1:10" x14ac:dyDescent="0.35">
      <c r="A34298" s="1" t="s">
        <v>45609</v>
      </c>
      <c r="B34298" s="1" t="s">
        <v>118882</v>
      </c>
      <c r="C34298" s="1" t="s">
        <v>55</v>
      </c>
      <c r="D34298" s="1" t="s">
        <v>119246</v>
      </c>
      <c r="E34298" s="1" t="s">
        <v>119247</v>
      </c>
      <c r="F34298" s="1" t="s">
        <v>119248</v>
      </c>
      <c r="G34298" s="1" t="s">
        <v>119219</v>
      </c>
      <c r="H34298" s="1" t="s">
        <v>119220</v>
      </c>
      <c r="I34298" s="1" t="s">
        <v>118887</v>
      </c>
      <c r="J34298" s="1" t="s">
        <v>119249</v>
      </c>
    </row>
    <row r="34299" spans="1:10" x14ac:dyDescent="0.35">
      <c r="A34299" s="1" t="s">
        <v>45609</v>
      </c>
      <c r="B34299" s="1" t="s">
        <v>118882</v>
      </c>
      <c r="C34299" s="1" t="s">
        <v>60</v>
      </c>
      <c r="D34299" s="1" t="s">
        <v>9226</v>
      </c>
      <c r="E34299" s="1" t="s">
        <v>119250</v>
      </c>
      <c r="F34299" s="1" t="s">
        <v>119251</v>
      </c>
      <c r="G34299" s="1" t="s">
        <v>119219</v>
      </c>
      <c r="H34299" s="1" t="s">
        <v>119220</v>
      </c>
      <c r="I34299" s="1" t="s">
        <v>118887</v>
      </c>
      <c r="J34299" s="1" t="s">
        <v>119252</v>
      </c>
    </row>
    <row r="34300" spans="1:10" x14ac:dyDescent="0.35">
      <c r="A34300" s="1" t="s">
        <v>45609</v>
      </c>
      <c r="B34300" s="1" t="s">
        <v>118882</v>
      </c>
      <c r="C34300" s="1" t="s">
        <v>65</v>
      </c>
      <c r="D34300" s="1" t="s">
        <v>27745</v>
      </c>
      <c r="E34300" s="1" t="s">
        <v>119253</v>
      </c>
      <c r="F34300" s="1" t="s">
        <v>119254</v>
      </c>
      <c r="G34300" s="1" t="s">
        <v>119219</v>
      </c>
      <c r="H34300" s="1" t="s">
        <v>119220</v>
      </c>
      <c r="I34300" s="1" t="s">
        <v>118887</v>
      </c>
      <c r="J34300" s="1" t="s">
        <v>119255</v>
      </c>
    </row>
    <row r="34301" spans="1:10" x14ac:dyDescent="0.35">
      <c r="A34301" s="1" t="s">
        <v>45609</v>
      </c>
      <c r="B34301" s="1" t="s">
        <v>118882</v>
      </c>
      <c r="C34301" s="1" t="s">
        <v>70</v>
      </c>
      <c r="D34301" s="1" t="s">
        <v>14013</v>
      </c>
      <c r="E34301" s="1" t="s">
        <v>119256</v>
      </c>
      <c r="F34301" s="1" t="s">
        <v>119257</v>
      </c>
      <c r="G34301" s="1" t="s">
        <v>119219</v>
      </c>
      <c r="H34301" s="1" t="s">
        <v>119220</v>
      </c>
      <c r="I34301" s="1" t="s">
        <v>118887</v>
      </c>
      <c r="J34301" s="1" t="s">
        <v>119258</v>
      </c>
    </row>
    <row r="34302" spans="1:10" x14ac:dyDescent="0.35">
      <c r="A34302" s="1" t="s">
        <v>45609</v>
      </c>
      <c r="B34302" s="1" t="s">
        <v>118882</v>
      </c>
      <c r="C34302" s="1" t="s">
        <v>75</v>
      </c>
      <c r="D34302" s="1" t="s">
        <v>119259</v>
      </c>
      <c r="E34302" s="1" t="s">
        <v>119260</v>
      </c>
      <c r="F34302" s="1" t="s">
        <v>119261</v>
      </c>
      <c r="G34302" s="1" t="s">
        <v>119219</v>
      </c>
      <c r="H34302" s="1" t="s">
        <v>119220</v>
      </c>
      <c r="I34302" s="1" t="s">
        <v>118887</v>
      </c>
      <c r="J34302" s="1" t="s">
        <v>119262</v>
      </c>
    </row>
    <row r="34303" spans="1:10" x14ac:dyDescent="0.35">
      <c r="A34303" s="1" t="s">
        <v>45609</v>
      </c>
      <c r="B34303" s="1" t="s">
        <v>118882</v>
      </c>
      <c r="C34303" s="1" t="s">
        <v>80</v>
      </c>
      <c r="D34303" s="1" t="s">
        <v>119263</v>
      </c>
      <c r="E34303" s="1" t="s">
        <v>119264</v>
      </c>
      <c r="F34303" s="1" t="s">
        <v>119265</v>
      </c>
      <c r="G34303" s="1" t="s">
        <v>119219</v>
      </c>
      <c r="H34303" s="1" t="s">
        <v>119220</v>
      </c>
      <c r="I34303" s="1" t="s">
        <v>118887</v>
      </c>
      <c r="J34303" s="1" t="s">
        <v>119266</v>
      </c>
    </row>
    <row r="34304" spans="1:10" x14ac:dyDescent="0.35">
      <c r="A34304" s="1" t="s">
        <v>45609</v>
      </c>
      <c r="B34304" s="1" t="s">
        <v>118882</v>
      </c>
      <c r="C34304" s="1" t="s">
        <v>85</v>
      </c>
      <c r="D34304" s="1" t="s">
        <v>28766</v>
      </c>
      <c r="E34304" s="1" t="s">
        <v>119267</v>
      </c>
      <c r="F34304" s="1" t="s">
        <v>119268</v>
      </c>
      <c r="G34304" s="1" t="s">
        <v>119219</v>
      </c>
      <c r="H34304" s="1" t="s">
        <v>119220</v>
      </c>
      <c r="I34304" s="1" t="s">
        <v>118887</v>
      </c>
      <c r="J34304" s="1" t="s">
        <v>119269</v>
      </c>
    </row>
    <row r="34305" spans="1:10" x14ac:dyDescent="0.35">
      <c r="A34305" s="1" t="s">
        <v>45609</v>
      </c>
      <c r="B34305" s="1" t="s">
        <v>118882</v>
      </c>
      <c r="C34305" s="1" t="s">
        <v>90</v>
      </c>
      <c r="D34305" s="1" t="s">
        <v>46839</v>
      </c>
      <c r="E34305" s="1" t="s">
        <v>119270</v>
      </c>
      <c r="F34305" s="1" t="s">
        <v>119271</v>
      </c>
      <c r="G34305" s="1" t="s">
        <v>119219</v>
      </c>
      <c r="H34305" s="1" t="s">
        <v>119220</v>
      </c>
      <c r="I34305" s="1" t="s">
        <v>118887</v>
      </c>
      <c r="J34305" s="1" t="s">
        <v>119272</v>
      </c>
    </row>
    <row r="34306" spans="1:10" x14ac:dyDescent="0.35">
      <c r="A34306" s="1" t="s">
        <v>45609</v>
      </c>
      <c r="B34306" s="1" t="s">
        <v>118882</v>
      </c>
      <c r="C34306" s="1" t="s">
        <v>95</v>
      </c>
      <c r="D34306" s="1" t="s">
        <v>51189</v>
      </c>
      <c r="E34306" s="1" t="s">
        <v>119273</v>
      </c>
      <c r="F34306" s="1" t="s">
        <v>119274</v>
      </c>
      <c r="G34306" s="1" t="s">
        <v>119219</v>
      </c>
      <c r="H34306" s="1" t="s">
        <v>119220</v>
      </c>
      <c r="I34306" s="1" t="s">
        <v>118887</v>
      </c>
      <c r="J34306" s="1" t="s">
        <v>119275</v>
      </c>
    </row>
    <row r="34307" spans="1:10" x14ac:dyDescent="0.35">
      <c r="A34307" s="1" t="s">
        <v>45609</v>
      </c>
      <c r="B34307" s="1" t="s">
        <v>118882</v>
      </c>
      <c r="C34307" s="1" t="s">
        <v>100</v>
      </c>
      <c r="D34307" s="1" t="s">
        <v>119276</v>
      </c>
      <c r="E34307" s="1" t="s">
        <v>119277</v>
      </c>
      <c r="F34307" s="1" t="s">
        <v>119278</v>
      </c>
      <c r="G34307" s="1" t="s">
        <v>119219</v>
      </c>
      <c r="H34307" s="1" t="s">
        <v>119220</v>
      </c>
      <c r="I34307" s="1" t="s">
        <v>118887</v>
      </c>
      <c r="J34307" s="1" t="s">
        <v>119279</v>
      </c>
    </row>
    <row r="34308" spans="1:10" x14ac:dyDescent="0.35">
      <c r="A34308" s="1" t="s">
        <v>45609</v>
      </c>
      <c r="B34308" s="1" t="s">
        <v>118882</v>
      </c>
      <c r="C34308" s="1" t="s">
        <v>105</v>
      </c>
      <c r="D34308" s="1" t="s">
        <v>119280</v>
      </c>
      <c r="E34308" s="1" t="s">
        <v>119281</v>
      </c>
      <c r="F34308" s="1" t="s">
        <v>119282</v>
      </c>
      <c r="G34308" s="1" t="s">
        <v>119219</v>
      </c>
      <c r="H34308" s="1" t="s">
        <v>119220</v>
      </c>
      <c r="I34308" s="1" t="s">
        <v>118887</v>
      </c>
      <c r="J34308" s="1" t="s">
        <v>119283</v>
      </c>
    </row>
    <row r="34309" spans="1:10" x14ac:dyDescent="0.35">
      <c r="A34309" s="1" t="s">
        <v>45609</v>
      </c>
      <c r="B34309" s="1" t="s">
        <v>118882</v>
      </c>
      <c r="C34309" s="1" t="s">
        <v>110</v>
      </c>
      <c r="D34309" s="1" t="s">
        <v>10209</v>
      </c>
      <c r="E34309" s="1" t="s">
        <v>119284</v>
      </c>
      <c r="F34309" s="1" t="s">
        <v>119285</v>
      </c>
      <c r="G34309" s="1" t="s">
        <v>119219</v>
      </c>
      <c r="H34309" s="1" t="s">
        <v>119220</v>
      </c>
      <c r="I34309" s="1" t="s">
        <v>118887</v>
      </c>
      <c r="J34309" s="1" t="s">
        <v>119286</v>
      </c>
    </row>
    <row r="34310" spans="1:10" x14ac:dyDescent="0.35">
      <c r="A34310" s="1" t="s">
        <v>45609</v>
      </c>
      <c r="B34310" s="1" t="s">
        <v>118882</v>
      </c>
      <c r="C34310" s="1" t="s">
        <v>115</v>
      </c>
      <c r="D34310" s="1" t="s">
        <v>109585</v>
      </c>
      <c r="E34310" s="1" t="s">
        <v>119287</v>
      </c>
      <c r="F34310" s="1" t="s">
        <v>119288</v>
      </c>
      <c r="G34310" s="1" t="s">
        <v>119219</v>
      </c>
      <c r="H34310" s="1" t="s">
        <v>119220</v>
      </c>
      <c r="I34310" s="1" t="s">
        <v>118887</v>
      </c>
      <c r="J34310" s="1" t="s">
        <v>119289</v>
      </c>
    </row>
    <row r="34311" spans="1:10" x14ac:dyDescent="0.35">
      <c r="A34311" s="1" t="s">
        <v>45609</v>
      </c>
      <c r="B34311" s="1" t="s">
        <v>118882</v>
      </c>
      <c r="C34311" s="1" t="s">
        <v>120</v>
      </c>
      <c r="D34311" s="1" t="s">
        <v>119290</v>
      </c>
      <c r="E34311" s="1" t="s">
        <v>119291</v>
      </c>
      <c r="F34311" s="1" t="s">
        <v>119292</v>
      </c>
      <c r="G34311" s="1" t="s">
        <v>119219</v>
      </c>
      <c r="H34311" s="1" t="s">
        <v>119220</v>
      </c>
      <c r="I34311" s="1" t="s">
        <v>118887</v>
      </c>
      <c r="J34311" s="1" t="s">
        <v>119293</v>
      </c>
    </row>
    <row r="34312" spans="1:10" x14ac:dyDescent="0.35">
      <c r="A34312" s="1" t="s">
        <v>45609</v>
      </c>
      <c r="B34312" s="1" t="s">
        <v>118882</v>
      </c>
      <c r="C34312" s="1" t="s">
        <v>125</v>
      </c>
      <c r="D34312" s="1" t="s">
        <v>30156</v>
      </c>
      <c r="E34312" s="1" t="s">
        <v>119294</v>
      </c>
      <c r="F34312" s="1" t="s">
        <v>119295</v>
      </c>
      <c r="G34312" s="1" t="s">
        <v>119219</v>
      </c>
      <c r="H34312" s="1" t="s">
        <v>119220</v>
      </c>
      <c r="I34312" s="1" t="s">
        <v>118887</v>
      </c>
      <c r="J34312" s="1" t="s">
        <v>119296</v>
      </c>
    </row>
    <row r="34313" spans="1:10" x14ac:dyDescent="0.35">
      <c r="A34313" s="1" t="s">
        <v>45609</v>
      </c>
      <c r="B34313" s="1" t="s">
        <v>118882</v>
      </c>
      <c r="C34313" s="1" t="s">
        <v>130</v>
      </c>
      <c r="D34313" s="1" t="s">
        <v>45750</v>
      </c>
      <c r="E34313" s="1" t="s">
        <v>119297</v>
      </c>
      <c r="F34313" s="1" t="s">
        <v>119298</v>
      </c>
      <c r="G34313" s="1" t="s">
        <v>119219</v>
      </c>
      <c r="H34313" s="1" t="s">
        <v>119220</v>
      </c>
      <c r="I34313" s="1" t="s">
        <v>118887</v>
      </c>
      <c r="J34313" s="1" t="s">
        <v>119299</v>
      </c>
    </row>
    <row r="34314" spans="1:10" x14ac:dyDescent="0.35">
      <c r="A34314" s="1" t="s">
        <v>45609</v>
      </c>
      <c r="B34314" s="1" t="s">
        <v>118882</v>
      </c>
      <c r="C34314" s="1" t="s">
        <v>135</v>
      </c>
      <c r="D34314" s="1" t="s">
        <v>6919</v>
      </c>
      <c r="E34314" s="1" t="s">
        <v>119300</v>
      </c>
      <c r="F34314" s="1" t="s">
        <v>119301</v>
      </c>
      <c r="G34314" s="1" t="s">
        <v>119219</v>
      </c>
      <c r="H34314" s="1" t="s">
        <v>119220</v>
      </c>
      <c r="I34314" s="1" t="s">
        <v>118887</v>
      </c>
      <c r="J34314" s="1" t="s">
        <v>119302</v>
      </c>
    </row>
    <row r="34315" spans="1:10" x14ac:dyDescent="0.35">
      <c r="A34315" s="1" t="s">
        <v>45609</v>
      </c>
      <c r="B34315" s="1" t="s">
        <v>118882</v>
      </c>
      <c r="C34315" s="1" t="s">
        <v>140</v>
      </c>
      <c r="D34315" s="1" t="s">
        <v>7610</v>
      </c>
      <c r="E34315" s="1" t="s">
        <v>119303</v>
      </c>
      <c r="F34315" s="1" t="s">
        <v>119304</v>
      </c>
      <c r="G34315" s="1" t="s">
        <v>119219</v>
      </c>
      <c r="H34315" s="1" t="s">
        <v>119220</v>
      </c>
      <c r="I34315" s="1" t="s">
        <v>118887</v>
      </c>
      <c r="J34315" s="1" t="s">
        <v>119305</v>
      </c>
    </row>
    <row r="34316" spans="1:10" x14ac:dyDescent="0.35">
      <c r="A34316" s="1" t="s">
        <v>45609</v>
      </c>
      <c r="B34316" s="1" t="s">
        <v>118882</v>
      </c>
      <c r="C34316" s="1" t="s">
        <v>145</v>
      </c>
      <c r="D34316" s="1" t="s">
        <v>119306</v>
      </c>
      <c r="E34316" s="1" t="s">
        <v>119307</v>
      </c>
      <c r="F34316" s="1" t="s">
        <v>119308</v>
      </c>
      <c r="G34316" s="1" t="s">
        <v>119219</v>
      </c>
      <c r="H34316" s="1" t="s">
        <v>119220</v>
      </c>
      <c r="I34316" s="1" t="s">
        <v>118887</v>
      </c>
      <c r="J34316" s="1" t="s">
        <v>119309</v>
      </c>
    </row>
    <row r="34317" spans="1:10" x14ac:dyDescent="0.35">
      <c r="A34317" s="1" t="s">
        <v>45609</v>
      </c>
      <c r="B34317" s="1" t="s">
        <v>118882</v>
      </c>
      <c r="C34317" s="1" t="s">
        <v>150</v>
      </c>
      <c r="D34317" s="1" t="s">
        <v>7932</v>
      </c>
      <c r="E34317" s="1" t="s">
        <v>119310</v>
      </c>
      <c r="F34317" s="1" t="s">
        <v>119311</v>
      </c>
      <c r="G34317" s="1" t="s">
        <v>119219</v>
      </c>
      <c r="H34317" s="1" t="s">
        <v>119220</v>
      </c>
      <c r="I34317" s="1" t="s">
        <v>118887</v>
      </c>
      <c r="J34317" s="1" t="s">
        <v>119312</v>
      </c>
    </row>
    <row r="34318" spans="1:10" x14ac:dyDescent="0.35">
      <c r="A34318" s="1" t="s">
        <v>45609</v>
      </c>
      <c r="B34318" s="1" t="s">
        <v>118882</v>
      </c>
      <c r="C34318" s="1" t="s">
        <v>155</v>
      </c>
      <c r="D34318" s="1" t="s">
        <v>119313</v>
      </c>
      <c r="E34318" s="1" t="s">
        <v>119314</v>
      </c>
      <c r="F34318" s="1" t="s">
        <v>119315</v>
      </c>
      <c r="G34318" s="1" t="s">
        <v>119219</v>
      </c>
      <c r="H34318" s="1" t="s">
        <v>119220</v>
      </c>
      <c r="I34318" s="1" t="s">
        <v>118887</v>
      </c>
      <c r="J34318" s="1" t="s">
        <v>119316</v>
      </c>
    </row>
    <row r="34319" spans="1:10" x14ac:dyDescent="0.35">
      <c r="A34319" s="1" t="s">
        <v>45609</v>
      </c>
      <c r="B34319" s="1" t="s">
        <v>118882</v>
      </c>
      <c r="C34319" s="1" t="s">
        <v>160</v>
      </c>
      <c r="D34319" s="1" t="s">
        <v>29700</v>
      </c>
      <c r="E34319" s="1" t="s">
        <v>119317</v>
      </c>
      <c r="F34319" s="1" t="s">
        <v>119318</v>
      </c>
      <c r="G34319" s="1" t="s">
        <v>119219</v>
      </c>
      <c r="H34319" s="1" t="s">
        <v>119220</v>
      </c>
      <c r="I34319" s="1" t="s">
        <v>118887</v>
      </c>
      <c r="J34319" s="1" t="s">
        <v>119319</v>
      </c>
    </row>
    <row r="34320" spans="1:10" x14ac:dyDescent="0.35">
      <c r="A34320" s="1" t="s">
        <v>45609</v>
      </c>
      <c r="B34320" s="1" t="s">
        <v>118882</v>
      </c>
      <c r="C34320" s="1" t="s">
        <v>165</v>
      </c>
      <c r="D34320" s="1" t="s">
        <v>16200</v>
      </c>
      <c r="E34320" s="1" t="s">
        <v>119320</v>
      </c>
      <c r="F34320" s="1" t="s">
        <v>119321</v>
      </c>
      <c r="G34320" s="1" t="s">
        <v>119219</v>
      </c>
      <c r="H34320" s="1" t="s">
        <v>119220</v>
      </c>
      <c r="I34320" s="1" t="s">
        <v>118887</v>
      </c>
      <c r="J34320" s="1" t="s">
        <v>119322</v>
      </c>
    </row>
    <row r="34321" spans="1:10" x14ac:dyDescent="0.35">
      <c r="A34321" s="1" t="s">
        <v>45609</v>
      </c>
      <c r="B34321" s="1" t="s">
        <v>118882</v>
      </c>
      <c r="C34321" s="1" t="s">
        <v>170</v>
      </c>
      <c r="D34321" s="1" t="s">
        <v>16196</v>
      </c>
      <c r="E34321" s="1" t="s">
        <v>119323</v>
      </c>
      <c r="F34321" s="1" t="s">
        <v>119324</v>
      </c>
      <c r="G34321" s="1" t="s">
        <v>119219</v>
      </c>
      <c r="H34321" s="1" t="s">
        <v>119220</v>
      </c>
      <c r="I34321" s="1" t="s">
        <v>118887</v>
      </c>
      <c r="J34321" s="1" t="s">
        <v>119325</v>
      </c>
    </row>
    <row r="34322" spans="1:10" x14ac:dyDescent="0.35">
      <c r="A34322" s="1" t="s">
        <v>6359</v>
      </c>
      <c r="B34322" s="1" t="s">
        <v>118882</v>
      </c>
      <c r="C34322" s="1" t="s">
        <v>8</v>
      </c>
      <c r="D34322" s="1" t="s">
        <v>119326</v>
      </c>
      <c r="E34322" s="1" t="s">
        <v>119327</v>
      </c>
      <c r="F34322" s="1" t="s">
        <v>119328</v>
      </c>
      <c r="G34322" s="1" t="s">
        <v>119329</v>
      </c>
      <c r="H34322" s="1" t="s">
        <v>119330</v>
      </c>
      <c r="I34322" s="1" t="s">
        <v>118887</v>
      </c>
      <c r="J34322" s="1" t="s">
        <v>13</v>
      </c>
    </row>
    <row r="34323" spans="1:10" x14ac:dyDescent="0.35">
      <c r="A34323" s="1" t="s">
        <v>6359</v>
      </c>
      <c r="B34323" s="1" t="s">
        <v>118882</v>
      </c>
      <c r="C34323" s="1" t="s">
        <v>15</v>
      </c>
      <c r="D34323" s="1" t="s">
        <v>25332</v>
      </c>
      <c r="E34323" s="1" t="s">
        <v>119331</v>
      </c>
      <c r="F34323" s="1" t="s">
        <v>119332</v>
      </c>
      <c r="G34323" s="1" t="s">
        <v>119329</v>
      </c>
      <c r="H34323" s="1" t="s">
        <v>119330</v>
      </c>
      <c r="I34323" s="1" t="s">
        <v>118887</v>
      </c>
      <c r="J34323" s="1" t="s">
        <v>119333</v>
      </c>
    </row>
    <row r="34324" spans="1:10" x14ac:dyDescent="0.35">
      <c r="A34324" s="1" t="s">
        <v>6359</v>
      </c>
      <c r="B34324" s="1" t="s">
        <v>118882</v>
      </c>
      <c r="C34324" s="1" t="s">
        <v>20</v>
      </c>
      <c r="D34324" s="1" t="s">
        <v>119334</v>
      </c>
      <c r="E34324" s="1" t="s">
        <v>119335</v>
      </c>
      <c r="F34324" s="1" t="s">
        <v>119336</v>
      </c>
      <c r="G34324" s="1" t="s">
        <v>119329</v>
      </c>
      <c r="H34324" s="1" t="s">
        <v>119330</v>
      </c>
      <c r="I34324" s="1" t="s">
        <v>118887</v>
      </c>
      <c r="J34324" s="1" t="s">
        <v>119337</v>
      </c>
    </row>
    <row r="34325" spans="1:10" x14ac:dyDescent="0.35">
      <c r="A34325" s="1" t="s">
        <v>6359</v>
      </c>
      <c r="B34325" s="1" t="s">
        <v>118882</v>
      </c>
      <c r="C34325" s="1" t="s">
        <v>25</v>
      </c>
      <c r="D34325" s="1" t="s">
        <v>3500</v>
      </c>
      <c r="E34325" s="1" t="s">
        <v>119338</v>
      </c>
      <c r="F34325" s="1" t="s">
        <v>119339</v>
      </c>
      <c r="G34325" s="1" t="s">
        <v>119329</v>
      </c>
      <c r="H34325" s="1" t="s">
        <v>119330</v>
      </c>
      <c r="I34325" s="1" t="s">
        <v>118887</v>
      </c>
      <c r="J34325" s="1" t="s">
        <v>119340</v>
      </c>
    </row>
    <row r="34326" spans="1:10" x14ac:dyDescent="0.35">
      <c r="A34326" s="1" t="s">
        <v>6359</v>
      </c>
      <c r="B34326" s="1" t="s">
        <v>118882</v>
      </c>
      <c r="C34326" s="1" t="s">
        <v>30</v>
      </c>
      <c r="D34326" s="1" t="s">
        <v>3514</v>
      </c>
      <c r="E34326" s="1" t="s">
        <v>119341</v>
      </c>
      <c r="F34326" s="1" t="s">
        <v>119342</v>
      </c>
      <c r="G34326" s="1" t="s">
        <v>119329</v>
      </c>
      <c r="H34326" s="1" t="s">
        <v>119330</v>
      </c>
      <c r="I34326" s="1" t="s">
        <v>118887</v>
      </c>
      <c r="J34326" s="1" t="s">
        <v>119343</v>
      </c>
    </row>
    <row r="34327" spans="1:10" x14ac:dyDescent="0.35">
      <c r="A34327" s="1" t="s">
        <v>6359</v>
      </c>
      <c r="B34327" s="1" t="s">
        <v>118882</v>
      </c>
      <c r="C34327" s="1" t="s">
        <v>35</v>
      </c>
      <c r="D34327" s="1" t="s">
        <v>119344</v>
      </c>
      <c r="E34327" s="1" t="s">
        <v>119345</v>
      </c>
      <c r="F34327" s="1" t="s">
        <v>119346</v>
      </c>
      <c r="G34327" s="1" t="s">
        <v>119329</v>
      </c>
      <c r="H34327" s="1" t="s">
        <v>119330</v>
      </c>
      <c r="I34327" s="1" t="s">
        <v>118887</v>
      </c>
      <c r="J34327" s="1" t="s">
        <v>119347</v>
      </c>
    </row>
    <row r="34328" spans="1:10" x14ac:dyDescent="0.35">
      <c r="A34328" s="1" t="s">
        <v>6359</v>
      </c>
      <c r="B34328" s="1" t="s">
        <v>118882</v>
      </c>
      <c r="C34328" s="1" t="s">
        <v>40</v>
      </c>
      <c r="D34328" s="1" t="s">
        <v>64668</v>
      </c>
      <c r="E34328" s="1" t="s">
        <v>119348</v>
      </c>
      <c r="F34328" s="1" t="s">
        <v>119349</v>
      </c>
      <c r="G34328" s="1" t="s">
        <v>119329</v>
      </c>
      <c r="H34328" s="1" t="s">
        <v>119330</v>
      </c>
      <c r="I34328" s="1" t="s">
        <v>118887</v>
      </c>
      <c r="J34328" s="1" t="s">
        <v>119350</v>
      </c>
    </row>
    <row r="34329" spans="1:10" x14ac:dyDescent="0.35">
      <c r="A34329" s="1" t="s">
        <v>6359</v>
      </c>
      <c r="B34329" s="1" t="s">
        <v>118882</v>
      </c>
      <c r="C34329" s="1" t="s">
        <v>45</v>
      </c>
      <c r="D34329" s="1" t="s">
        <v>65438</v>
      </c>
      <c r="E34329" s="1" t="s">
        <v>119351</v>
      </c>
      <c r="F34329" s="1" t="s">
        <v>119352</v>
      </c>
      <c r="G34329" s="1" t="s">
        <v>119329</v>
      </c>
      <c r="H34329" s="1" t="s">
        <v>119330</v>
      </c>
      <c r="I34329" s="1" t="s">
        <v>118887</v>
      </c>
      <c r="J34329" s="1" t="s">
        <v>119353</v>
      </c>
    </row>
    <row r="34330" spans="1:10" x14ac:dyDescent="0.35">
      <c r="A34330" s="1" t="s">
        <v>6359</v>
      </c>
      <c r="B34330" s="1" t="s">
        <v>118882</v>
      </c>
      <c r="C34330" s="1" t="s">
        <v>50</v>
      </c>
      <c r="D34330" s="1" t="s">
        <v>119354</v>
      </c>
      <c r="E34330" s="1" t="s">
        <v>119355</v>
      </c>
      <c r="F34330" s="1" t="s">
        <v>119356</v>
      </c>
      <c r="G34330" s="1" t="s">
        <v>119329</v>
      </c>
      <c r="H34330" s="1" t="s">
        <v>119330</v>
      </c>
      <c r="I34330" s="1" t="s">
        <v>118887</v>
      </c>
      <c r="J34330" s="1" t="s">
        <v>119357</v>
      </c>
    </row>
    <row r="34331" spans="1:10" x14ac:dyDescent="0.35">
      <c r="A34331" s="1" t="s">
        <v>6359</v>
      </c>
      <c r="B34331" s="1" t="s">
        <v>118882</v>
      </c>
      <c r="C34331" s="1" t="s">
        <v>55</v>
      </c>
      <c r="D34331" s="1" t="s">
        <v>1272</v>
      </c>
      <c r="E34331" s="1" t="s">
        <v>119358</v>
      </c>
      <c r="F34331" s="1" t="s">
        <v>119359</v>
      </c>
      <c r="G34331" s="1" t="s">
        <v>119329</v>
      </c>
      <c r="H34331" s="1" t="s">
        <v>119330</v>
      </c>
      <c r="I34331" s="1" t="s">
        <v>118887</v>
      </c>
      <c r="J34331" s="1" t="s">
        <v>119360</v>
      </c>
    </row>
    <row r="34332" spans="1:10" x14ac:dyDescent="0.35">
      <c r="A34332" s="1" t="s">
        <v>6359</v>
      </c>
      <c r="B34332" s="1" t="s">
        <v>118882</v>
      </c>
      <c r="C34332" s="1" t="s">
        <v>60</v>
      </c>
      <c r="D34332" s="1" t="s">
        <v>1908</v>
      </c>
      <c r="E34332" s="1" t="s">
        <v>119361</v>
      </c>
      <c r="F34332" s="1" t="s">
        <v>119362</v>
      </c>
      <c r="G34332" s="1" t="s">
        <v>119329</v>
      </c>
      <c r="H34332" s="1" t="s">
        <v>119330</v>
      </c>
      <c r="I34332" s="1" t="s">
        <v>118887</v>
      </c>
      <c r="J34332" s="1" t="s">
        <v>119363</v>
      </c>
    </row>
    <row r="34333" spans="1:10" x14ac:dyDescent="0.35">
      <c r="A34333" s="1" t="s">
        <v>6359</v>
      </c>
      <c r="B34333" s="1" t="s">
        <v>118882</v>
      </c>
      <c r="C34333" s="1" t="s">
        <v>65</v>
      </c>
      <c r="D34333" s="1" t="s">
        <v>6239</v>
      </c>
      <c r="E34333" s="1" t="s">
        <v>119364</v>
      </c>
      <c r="F34333" s="1" t="s">
        <v>119365</v>
      </c>
      <c r="G34333" s="1" t="s">
        <v>119329</v>
      </c>
      <c r="H34333" s="1" t="s">
        <v>119330</v>
      </c>
      <c r="I34333" s="1" t="s">
        <v>118887</v>
      </c>
      <c r="J34333" s="1" t="s">
        <v>119366</v>
      </c>
    </row>
    <row r="34334" spans="1:10" x14ac:dyDescent="0.35">
      <c r="A34334" s="1" t="s">
        <v>6359</v>
      </c>
      <c r="B34334" s="1" t="s">
        <v>118882</v>
      </c>
      <c r="C34334" s="1" t="s">
        <v>70</v>
      </c>
      <c r="D34334" s="1" t="s">
        <v>84966</v>
      </c>
      <c r="E34334" s="1" t="s">
        <v>119367</v>
      </c>
      <c r="F34334" s="1" t="s">
        <v>119368</v>
      </c>
      <c r="G34334" s="1" t="s">
        <v>119329</v>
      </c>
      <c r="H34334" s="1" t="s">
        <v>119330</v>
      </c>
      <c r="I34334" s="1" t="s">
        <v>118887</v>
      </c>
      <c r="J34334" s="1" t="s">
        <v>119369</v>
      </c>
    </row>
    <row r="34335" spans="1:10" x14ac:dyDescent="0.35">
      <c r="A34335" s="1" t="s">
        <v>6359</v>
      </c>
      <c r="B34335" s="1" t="s">
        <v>118882</v>
      </c>
      <c r="C34335" s="1" t="s">
        <v>75</v>
      </c>
      <c r="D34335" s="1" t="s">
        <v>45105</v>
      </c>
      <c r="E34335" s="1" t="s">
        <v>119370</v>
      </c>
      <c r="F34335" s="1" t="s">
        <v>119371</v>
      </c>
      <c r="G34335" s="1" t="s">
        <v>119329</v>
      </c>
      <c r="H34335" s="1" t="s">
        <v>119330</v>
      </c>
      <c r="I34335" s="1" t="s">
        <v>118887</v>
      </c>
      <c r="J34335" s="1" t="s">
        <v>119372</v>
      </c>
    </row>
    <row r="34336" spans="1:10" x14ac:dyDescent="0.35">
      <c r="A34336" s="1" t="s">
        <v>6359</v>
      </c>
      <c r="B34336" s="1" t="s">
        <v>118882</v>
      </c>
      <c r="C34336" s="1" t="s">
        <v>80</v>
      </c>
      <c r="D34336" s="1" t="s">
        <v>25357</v>
      </c>
      <c r="E34336" s="1" t="s">
        <v>119373</v>
      </c>
      <c r="F34336" s="1" t="s">
        <v>119374</v>
      </c>
      <c r="G34336" s="1" t="s">
        <v>119329</v>
      </c>
      <c r="H34336" s="1" t="s">
        <v>119330</v>
      </c>
      <c r="I34336" s="1" t="s">
        <v>118887</v>
      </c>
      <c r="J34336" s="1" t="s">
        <v>119375</v>
      </c>
    </row>
    <row r="34337" spans="1:10" x14ac:dyDescent="0.35">
      <c r="A34337" s="1" t="s">
        <v>6359</v>
      </c>
      <c r="B34337" s="1" t="s">
        <v>118882</v>
      </c>
      <c r="C34337" s="1" t="s">
        <v>85</v>
      </c>
      <c r="D34337" s="1" t="s">
        <v>6247</v>
      </c>
      <c r="E34337" s="1" t="s">
        <v>119376</v>
      </c>
      <c r="F34337" s="1" t="s">
        <v>119377</v>
      </c>
      <c r="G34337" s="1" t="s">
        <v>119329</v>
      </c>
      <c r="H34337" s="1" t="s">
        <v>119330</v>
      </c>
      <c r="I34337" s="1" t="s">
        <v>118887</v>
      </c>
      <c r="J34337" s="1" t="s">
        <v>119378</v>
      </c>
    </row>
    <row r="34338" spans="1:10" x14ac:dyDescent="0.35">
      <c r="A34338" s="1" t="s">
        <v>6359</v>
      </c>
      <c r="B34338" s="1" t="s">
        <v>118882</v>
      </c>
      <c r="C34338" s="1" t="s">
        <v>90</v>
      </c>
      <c r="D34338" s="1" t="s">
        <v>94095</v>
      </c>
      <c r="E34338" s="1" t="s">
        <v>119379</v>
      </c>
      <c r="F34338" s="1" t="s">
        <v>119380</v>
      </c>
      <c r="G34338" s="1" t="s">
        <v>119329</v>
      </c>
      <c r="H34338" s="1" t="s">
        <v>119330</v>
      </c>
      <c r="I34338" s="1" t="s">
        <v>118887</v>
      </c>
      <c r="J34338" s="1" t="s">
        <v>119381</v>
      </c>
    </row>
    <row r="34339" spans="1:10" x14ac:dyDescent="0.35">
      <c r="A34339" s="1" t="s">
        <v>6359</v>
      </c>
      <c r="B34339" s="1" t="s">
        <v>118882</v>
      </c>
      <c r="C34339" s="1" t="s">
        <v>95</v>
      </c>
      <c r="D34339" s="1" t="s">
        <v>100718</v>
      </c>
      <c r="E34339" s="1" t="s">
        <v>119382</v>
      </c>
      <c r="F34339" s="1" t="s">
        <v>119383</v>
      </c>
      <c r="G34339" s="1" t="s">
        <v>119329</v>
      </c>
      <c r="H34339" s="1" t="s">
        <v>119330</v>
      </c>
      <c r="I34339" s="1" t="s">
        <v>118887</v>
      </c>
      <c r="J34339" s="1" t="s">
        <v>119384</v>
      </c>
    </row>
    <row r="34340" spans="1:10" x14ac:dyDescent="0.35">
      <c r="A34340" s="1" t="s">
        <v>6359</v>
      </c>
      <c r="B34340" s="1" t="s">
        <v>118882</v>
      </c>
      <c r="C34340" s="1" t="s">
        <v>100</v>
      </c>
      <c r="D34340" s="1" t="s">
        <v>25210</v>
      </c>
      <c r="E34340" s="1" t="s">
        <v>119385</v>
      </c>
      <c r="F34340" s="1" t="s">
        <v>119386</v>
      </c>
      <c r="G34340" s="1" t="s">
        <v>119329</v>
      </c>
      <c r="H34340" s="1" t="s">
        <v>119330</v>
      </c>
      <c r="I34340" s="1" t="s">
        <v>118887</v>
      </c>
      <c r="J34340" s="1" t="s">
        <v>119387</v>
      </c>
    </row>
    <row r="34341" spans="1:10" x14ac:dyDescent="0.35">
      <c r="A34341" s="1" t="s">
        <v>6359</v>
      </c>
      <c r="B34341" s="1" t="s">
        <v>118882</v>
      </c>
      <c r="C34341" s="1" t="s">
        <v>105</v>
      </c>
      <c r="D34341" s="1" t="s">
        <v>112387</v>
      </c>
      <c r="E34341" s="1" t="s">
        <v>119388</v>
      </c>
      <c r="F34341" s="1" t="s">
        <v>119389</v>
      </c>
      <c r="G34341" s="1" t="s">
        <v>119329</v>
      </c>
      <c r="H34341" s="1" t="s">
        <v>119330</v>
      </c>
      <c r="I34341" s="1" t="s">
        <v>118887</v>
      </c>
      <c r="J34341" s="1" t="s">
        <v>119390</v>
      </c>
    </row>
    <row r="34342" spans="1:10" x14ac:dyDescent="0.35">
      <c r="A34342" s="1" t="s">
        <v>6359</v>
      </c>
      <c r="B34342" s="1" t="s">
        <v>118882</v>
      </c>
      <c r="C34342" s="1" t="s">
        <v>110</v>
      </c>
      <c r="D34342" s="1" t="s">
        <v>29511</v>
      </c>
      <c r="E34342" s="1" t="s">
        <v>119391</v>
      </c>
      <c r="F34342" s="1" t="s">
        <v>119392</v>
      </c>
      <c r="G34342" s="1" t="s">
        <v>119329</v>
      </c>
      <c r="H34342" s="1" t="s">
        <v>119330</v>
      </c>
      <c r="I34342" s="1" t="s">
        <v>118887</v>
      </c>
      <c r="J34342" s="1" t="s">
        <v>119393</v>
      </c>
    </row>
    <row r="34343" spans="1:10" x14ac:dyDescent="0.35">
      <c r="A34343" s="1" t="s">
        <v>6359</v>
      </c>
      <c r="B34343" s="1" t="s">
        <v>118882</v>
      </c>
      <c r="C34343" s="1" t="s">
        <v>115</v>
      </c>
      <c r="D34343" s="1" t="s">
        <v>12982</v>
      </c>
      <c r="E34343" s="1" t="s">
        <v>119394</v>
      </c>
      <c r="F34343" s="1" t="s">
        <v>119395</v>
      </c>
      <c r="G34343" s="1" t="s">
        <v>119329</v>
      </c>
      <c r="H34343" s="1" t="s">
        <v>119330</v>
      </c>
      <c r="I34343" s="1" t="s">
        <v>118887</v>
      </c>
      <c r="J34343" s="1" t="s">
        <v>119396</v>
      </c>
    </row>
    <row r="34344" spans="1:10" x14ac:dyDescent="0.35">
      <c r="A34344" s="1" t="s">
        <v>6359</v>
      </c>
      <c r="B34344" s="1" t="s">
        <v>118882</v>
      </c>
      <c r="C34344" s="1" t="s">
        <v>120</v>
      </c>
      <c r="D34344" s="1" t="s">
        <v>119397</v>
      </c>
      <c r="E34344" s="1" t="s">
        <v>119398</v>
      </c>
      <c r="F34344" s="1" t="s">
        <v>119399</v>
      </c>
      <c r="G34344" s="1" t="s">
        <v>119329</v>
      </c>
      <c r="H34344" s="1" t="s">
        <v>119330</v>
      </c>
      <c r="I34344" s="1" t="s">
        <v>118887</v>
      </c>
      <c r="J34344" s="1" t="s">
        <v>119400</v>
      </c>
    </row>
    <row r="34345" spans="1:10" x14ac:dyDescent="0.35">
      <c r="A34345" s="1" t="s">
        <v>6359</v>
      </c>
      <c r="B34345" s="1" t="s">
        <v>118882</v>
      </c>
      <c r="C34345" s="1" t="s">
        <v>125</v>
      </c>
      <c r="D34345" s="1" t="s">
        <v>119401</v>
      </c>
      <c r="E34345" s="1" t="s">
        <v>119402</v>
      </c>
      <c r="F34345" s="1" t="s">
        <v>119403</v>
      </c>
      <c r="G34345" s="1" t="s">
        <v>119329</v>
      </c>
      <c r="H34345" s="1" t="s">
        <v>119330</v>
      </c>
      <c r="I34345" s="1" t="s">
        <v>118887</v>
      </c>
      <c r="J34345" s="1" t="s">
        <v>119404</v>
      </c>
    </row>
    <row r="34346" spans="1:10" x14ac:dyDescent="0.35">
      <c r="A34346" s="1" t="s">
        <v>6359</v>
      </c>
      <c r="B34346" s="1" t="s">
        <v>118882</v>
      </c>
      <c r="C34346" s="1" t="s">
        <v>130</v>
      </c>
      <c r="D34346" s="1" t="s">
        <v>9324</v>
      </c>
      <c r="E34346" s="1" t="s">
        <v>119405</v>
      </c>
      <c r="F34346" s="1" t="s">
        <v>119406</v>
      </c>
      <c r="G34346" s="1" t="s">
        <v>119329</v>
      </c>
      <c r="H34346" s="1" t="s">
        <v>119330</v>
      </c>
      <c r="I34346" s="1" t="s">
        <v>118887</v>
      </c>
      <c r="J34346" s="1" t="s">
        <v>119407</v>
      </c>
    </row>
    <row r="34347" spans="1:10" x14ac:dyDescent="0.35">
      <c r="A34347" s="1" t="s">
        <v>6359</v>
      </c>
      <c r="B34347" s="1" t="s">
        <v>118882</v>
      </c>
      <c r="C34347" s="1" t="s">
        <v>135</v>
      </c>
      <c r="D34347" s="1" t="s">
        <v>119408</v>
      </c>
      <c r="E34347" s="1" t="s">
        <v>119409</v>
      </c>
      <c r="F34347" s="1" t="s">
        <v>119410</v>
      </c>
      <c r="G34347" s="1" t="s">
        <v>119329</v>
      </c>
      <c r="H34347" s="1" t="s">
        <v>119330</v>
      </c>
      <c r="I34347" s="1" t="s">
        <v>118887</v>
      </c>
      <c r="J34347" s="1" t="s">
        <v>119411</v>
      </c>
    </row>
    <row r="34348" spans="1:10" x14ac:dyDescent="0.35">
      <c r="A34348" s="1" t="s">
        <v>6359</v>
      </c>
      <c r="B34348" s="1" t="s">
        <v>118882</v>
      </c>
      <c r="C34348" s="1" t="s">
        <v>140</v>
      </c>
      <c r="D34348" s="1" t="s">
        <v>119412</v>
      </c>
      <c r="E34348" s="1" t="s">
        <v>119413</v>
      </c>
      <c r="F34348" s="1" t="s">
        <v>119414</v>
      </c>
      <c r="G34348" s="1" t="s">
        <v>119329</v>
      </c>
      <c r="H34348" s="1" t="s">
        <v>119330</v>
      </c>
      <c r="I34348" s="1" t="s">
        <v>118887</v>
      </c>
      <c r="J34348" s="1" t="s">
        <v>119415</v>
      </c>
    </row>
    <row r="34349" spans="1:10" x14ac:dyDescent="0.35">
      <c r="A34349" s="1" t="s">
        <v>6359</v>
      </c>
      <c r="B34349" s="1" t="s">
        <v>118882</v>
      </c>
      <c r="C34349" s="1" t="s">
        <v>145</v>
      </c>
      <c r="D34349" s="1" t="s">
        <v>4365</v>
      </c>
      <c r="E34349" s="1" t="s">
        <v>119416</v>
      </c>
      <c r="F34349" s="1" t="s">
        <v>119417</v>
      </c>
      <c r="G34349" s="1" t="s">
        <v>119329</v>
      </c>
      <c r="H34349" s="1" t="s">
        <v>119330</v>
      </c>
      <c r="I34349" s="1" t="s">
        <v>118887</v>
      </c>
      <c r="J34349" s="1" t="s">
        <v>119418</v>
      </c>
    </row>
    <row r="34350" spans="1:10" x14ac:dyDescent="0.35">
      <c r="A34350" s="1" t="s">
        <v>6359</v>
      </c>
      <c r="B34350" s="1" t="s">
        <v>118882</v>
      </c>
      <c r="C34350" s="1" t="s">
        <v>150</v>
      </c>
      <c r="D34350" s="1" t="s">
        <v>3892</v>
      </c>
      <c r="E34350" s="1" t="s">
        <v>119419</v>
      </c>
      <c r="F34350" s="1" t="s">
        <v>119420</v>
      </c>
      <c r="G34350" s="1" t="s">
        <v>119329</v>
      </c>
      <c r="H34350" s="1" t="s">
        <v>119330</v>
      </c>
      <c r="I34350" s="1" t="s">
        <v>118887</v>
      </c>
      <c r="J34350" s="1" t="s">
        <v>119421</v>
      </c>
    </row>
    <row r="34351" spans="1:10" x14ac:dyDescent="0.35">
      <c r="A34351" s="1" t="s">
        <v>6359</v>
      </c>
      <c r="B34351" s="1" t="s">
        <v>118882</v>
      </c>
      <c r="C34351" s="1" t="s">
        <v>155</v>
      </c>
      <c r="D34351" s="1" t="s">
        <v>4007</v>
      </c>
      <c r="E34351" s="1" t="s">
        <v>119422</v>
      </c>
      <c r="F34351" s="1" t="s">
        <v>119423</v>
      </c>
      <c r="G34351" s="1" t="s">
        <v>119329</v>
      </c>
      <c r="H34351" s="1" t="s">
        <v>119330</v>
      </c>
      <c r="I34351" s="1" t="s">
        <v>118887</v>
      </c>
      <c r="J34351" s="1" t="s">
        <v>119424</v>
      </c>
    </row>
    <row r="34352" spans="1:10" x14ac:dyDescent="0.35">
      <c r="A34352" s="1" t="s">
        <v>6359</v>
      </c>
      <c r="B34352" s="1" t="s">
        <v>118882</v>
      </c>
      <c r="C34352" s="1" t="s">
        <v>160</v>
      </c>
      <c r="D34352" s="1" t="s">
        <v>75</v>
      </c>
      <c r="E34352" s="1" t="s">
        <v>119425</v>
      </c>
      <c r="F34352" s="1" t="s">
        <v>119426</v>
      </c>
      <c r="G34352" s="1" t="s">
        <v>119329</v>
      </c>
      <c r="H34352" s="1" t="s">
        <v>119330</v>
      </c>
      <c r="I34352" s="1" t="s">
        <v>118887</v>
      </c>
      <c r="J34352" s="1" t="s">
        <v>119427</v>
      </c>
    </row>
    <row r="34353" spans="1:10" x14ac:dyDescent="0.35">
      <c r="A34353" s="1" t="s">
        <v>6359</v>
      </c>
      <c r="B34353" s="1" t="s">
        <v>118882</v>
      </c>
      <c r="C34353" s="1" t="s">
        <v>165</v>
      </c>
      <c r="D34353" s="1" t="s">
        <v>119428</v>
      </c>
      <c r="E34353" s="1" t="s">
        <v>119429</v>
      </c>
      <c r="F34353" s="1" t="s">
        <v>119430</v>
      </c>
      <c r="G34353" s="1" t="s">
        <v>119329</v>
      </c>
      <c r="H34353" s="1" t="s">
        <v>119330</v>
      </c>
      <c r="I34353" s="1" t="s">
        <v>118887</v>
      </c>
      <c r="J34353" s="1" t="s">
        <v>119431</v>
      </c>
    </row>
    <row r="34354" spans="1:10" x14ac:dyDescent="0.35">
      <c r="A34354" s="1" t="s">
        <v>6359</v>
      </c>
      <c r="B34354" s="1" t="s">
        <v>118882</v>
      </c>
      <c r="C34354" s="1" t="s">
        <v>170</v>
      </c>
      <c r="D34354" s="1" t="s">
        <v>15840</v>
      </c>
      <c r="E34354" s="1" t="s">
        <v>119432</v>
      </c>
      <c r="F34354" s="1" t="s">
        <v>119433</v>
      </c>
      <c r="G34354" s="1" t="s">
        <v>119329</v>
      </c>
      <c r="H34354" s="1" t="s">
        <v>119330</v>
      </c>
      <c r="I34354" s="1" t="s">
        <v>118887</v>
      </c>
      <c r="J34354" s="1" t="s">
        <v>119434</v>
      </c>
    </row>
    <row r="34355" spans="1:10" x14ac:dyDescent="0.35">
      <c r="A34355" s="1" t="s">
        <v>6316</v>
      </c>
      <c r="B34355" s="1" t="s">
        <v>118882</v>
      </c>
      <c r="C34355" s="1" t="s">
        <v>8</v>
      </c>
      <c r="D34355" s="1" t="s">
        <v>114471</v>
      </c>
      <c r="E34355" s="1" t="s">
        <v>119435</v>
      </c>
      <c r="F34355" s="1" t="s">
        <v>119436</v>
      </c>
      <c r="G34355" s="1" t="s">
        <v>119437</v>
      </c>
      <c r="H34355" s="1" t="s">
        <v>119438</v>
      </c>
      <c r="I34355" s="1" t="s">
        <v>118887</v>
      </c>
      <c r="J34355" s="1" t="s">
        <v>13</v>
      </c>
    </row>
    <row r="34356" spans="1:10" x14ac:dyDescent="0.35">
      <c r="A34356" s="1" t="s">
        <v>6316</v>
      </c>
      <c r="B34356" s="1" t="s">
        <v>118882</v>
      </c>
      <c r="C34356" s="1" t="s">
        <v>15</v>
      </c>
      <c r="D34356" s="1" t="s">
        <v>112925</v>
      </c>
      <c r="E34356" s="1" t="s">
        <v>119439</v>
      </c>
      <c r="F34356" s="1" t="s">
        <v>119440</v>
      </c>
      <c r="G34356" s="1" t="s">
        <v>119437</v>
      </c>
      <c r="H34356" s="1" t="s">
        <v>119438</v>
      </c>
      <c r="I34356" s="1" t="s">
        <v>118887</v>
      </c>
      <c r="J34356" s="1" t="s">
        <v>119441</v>
      </c>
    </row>
    <row r="34357" spans="1:10" x14ac:dyDescent="0.35">
      <c r="A34357" s="1" t="s">
        <v>6316</v>
      </c>
      <c r="B34357" s="1" t="s">
        <v>118882</v>
      </c>
      <c r="C34357" s="1" t="s">
        <v>20</v>
      </c>
      <c r="D34357" s="1" t="s">
        <v>117898</v>
      </c>
      <c r="E34357" s="1" t="s">
        <v>119442</v>
      </c>
      <c r="F34357" s="1" t="s">
        <v>119443</v>
      </c>
      <c r="G34357" s="1" t="s">
        <v>119437</v>
      </c>
      <c r="H34357" s="1" t="s">
        <v>119438</v>
      </c>
      <c r="I34357" s="1" t="s">
        <v>118887</v>
      </c>
      <c r="J34357" s="1" t="s">
        <v>119444</v>
      </c>
    </row>
    <row r="34358" spans="1:10" x14ac:dyDescent="0.35">
      <c r="A34358" s="1" t="s">
        <v>6316</v>
      </c>
      <c r="B34358" s="1" t="s">
        <v>118882</v>
      </c>
      <c r="C34358" s="1" t="s">
        <v>25</v>
      </c>
      <c r="D34358" s="1" t="s">
        <v>6206</v>
      </c>
      <c r="E34358" s="1" t="s">
        <v>119445</v>
      </c>
      <c r="F34358" s="1" t="s">
        <v>119446</v>
      </c>
      <c r="G34358" s="1" t="s">
        <v>119437</v>
      </c>
      <c r="H34358" s="1" t="s">
        <v>119438</v>
      </c>
      <c r="I34358" s="1" t="s">
        <v>118887</v>
      </c>
      <c r="J34358" s="1" t="s">
        <v>119447</v>
      </c>
    </row>
    <row r="34359" spans="1:10" x14ac:dyDescent="0.35">
      <c r="A34359" s="1" t="s">
        <v>6316</v>
      </c>
      <c r="B34359" s="1" t="s">
        <v>118882</v>
      </c>
      <c r="C34359" s="1" t="s">
        <v>30</v>
      </c>
      <c r="D34359" s="1" t="s">
        <v>6120</v>
      </c>
      <c r="E34359" s="1" t="s">
        <v>119448</v>
      </c>
      <c r="F34359" s="1" t="s">
        <v>119449</v>
      </c>
      <c r="G34359" s="1" t="s">
        <v>119437</v>
      </c>
      <c r="H34359" s="1" t="s">
        <v>119438</v>
      </c>
      <c r="I34359" s="1" t="s">
        <v>118887</v>
      </c>
      <c r="J34359" s="1" t="s">
        <v>119450</v>
      </c>
    </row>
    <row r="34360" spans="1:10" x14ac:dyDescent="0.35">
      <c r="A34360" s="1" t="s">
        <v>6316</v>
      </c>
      <c r="B34360" s="1" t="s">
        <v>118882</v>
      </c>
      <c r="C34360" s="1" t="s">
        <v>35</v>
      </c>
      <c r="D34360" s="1" t="s">
        <v>8522</v>
      </c>
      <c r="E34360" s="1" t="s">
        <v>119451</v>
      </c>
      <c r="F34360" s="1" t="s">
        <v>119452</v>
      </c>
      <c r="G34360" s="1" t="s">
        <v>119437</v>
      </c>
      <c r="H34360" s="1" t="s">
        <v>119438</v>
      </c>
      <c r="I34360" s="1" t="s">
        <v>118887</v>
      </c>
      <c r="J34360" s="1" t="s">
        <v>119453</v>
      </c>
    </row>
    <row r="34361" spans="1:10" x14ac:dyDescent="0.35">
      <c r="A34361" s="1" t="s">
        <v>6316</v>
      </c>
      <c r="B34361" s="1" t="s">
        <v>118882</v>
      </c>
      <c r="C34361" s="1" t="s">
        <v>40</v>
      </c>
      <c r="D34361" s="1" t="s">
        <v>119454</v>
      </c>
      <c r="E34361" s="1" t="s">
        <v>119455</v>
      </c>
      <c r="F34361" s="1" t="s">
        <v>119456</v>
      </c>
      <c r="G34361" s="1" t="s">
        <v>119437</v>
      </c>
      <c r="H34361" s="1" t="s">
        <v>119438</v>
      </c>
      <c r="I34361" s="1" t="s">
        <v>118887</v>
      </c>
      <c r="J34361" s="1" t="s">
        <v>119457</v>
      </c>
    </row>
    <row r="34362" spans="1:10" x14ac:dyDescent="0.35">
      <c r="A34362" s="1" t="s">
        <v>6316</v>
      </c>
      <c r="B34362" s="1" t="s">
        <v>118882</v>
      </c>
      <c r="C34362" s="1" t="s">
        <v>45</v>
      </c>
      <c r="D34362" s="1" t="s">
        <v>45715</v>
      </c>
      <c r="E34362" s="1" t="s">
        <v>119458</v>
      </c>
      <c r="F34362" s="1" t="s">
        <v>119459</v>
      </c>
      <c r="G34362" s="1" t="s">
        <v>119437</v>
      </c>
      <c r="H34362" s="1" t="s">
        <v>119438</v>
      </c>
      <c r="I34362" s="1" t="s">
        <v>118887</v>
      </c>
      <c r="J34362" s="1" t="s">
        <v>119460</v>
      </c>
    </row>
    <row r="34363" spans="1:10" x14ac:dyDescent="0.35">
      <c r="A34363" s="1" t="s">
        <v>6316</v>
      </c>
      <c r="B34363" s="1" t="s">
        <v>118882</v>
      </c>
      <c r="C34363" s="1" t="s">
        <v>50</v>
      </c>
      <c r="D34363" s="1" t="s">
        <v>28158</v>
      </c>
      <c r="E34363" s="1" t="s">
        <v>119461</v>
      </c>
      <c r="F34363" s="1" t="s">
        <v>119462</v>
      </c>
      <c r="G34363" s="1" t="s">
        <v>119437</v>
      </c>
      <c r="H34363" s="1" t="s">
        <v>119438</v>
      </c>
      <c r="I34363" s="1" t="s">
        <v>118887</v>
      </c>
      <c r="J34363" s="1" t="s">
        <v>119463</v>
      </c>
    </row>
    <row r="34364" spans="1:10" x14ac:dyDescent="0.35">
      <c r="A34364" s="1" t="s">
        <v>6316</v>
      </c>
      <c r="B34364" s="1" t="s">
        <v>118882</v>
      </c>
      <c r="C34364" s="1" t="s">
        <v>55</v>
      </c>
      <c r="D34364" s="1" t="s">
        <v>119464</v>
      </c>
      <c r="E34364" s="1" t="s">
        <v>119465</v>
      </c>
      <c r="F34364" s="1" t="s">
        <v>119466</v>
      </c>
      <c r="G34364" s="1" t="s">
        <v>119437</v>
      </c>
      <c r="H34364" s="1" t="s">
        <v>119438</v>
      </c>
      <c r="I34364" s="1" t="s">
        <v>118887</v>
      </c>
      <c r="J34364" s="1" t="s">
        <v>119467</v>
      </c>
    </row>
    <row r="34365" spans="1:10" x14ac:dyDescent="0.35">
      <c r="A34365" s="1" t="s">
        <v>6316</v>
      </c>
      <c r="B34365" s="1" t="s">
        <v>118882</v>
      </c>
      <c r="C34365" s="1" t="s">
        <v>60</v>
      </c>
      <c r="D34365" s="1" t="s">
        <v>29301</v>
      </c>
      <c r="E34365" s="1" t="s">
        <v>119468</v>
      </c>
      <c r="F34365" s="1" t="s">
        <v>119469</v>
      </c>
      <c r="G34365" s="1" t="s">
        <v>119437</v>
      </c>
      <c r="H34365" s="1" t="s">
        <v>119438</v>
      </c>
      <c r="I34365" s="1" t="s">
        <v>118887</v>
      </c>
      <c r="J34365" s="1" t="s">
        <v>119470</v>
      </c>
    </row>
    <row r="34366" spans="1:10" x14ac:dyDescent="0.35">
      <c r="A34366" s="1" t="s">
        <v>6316</v>
      </c>
      <c r="B34366" s="1" t="s">
        <v>118882</v>
      </c>
      <c r="C34366" s="1" t="s">
        <v>65</v>
      </c>
      <c r="D34366" s="1" t="s">
        <v>27903</v>
      </c>
      <c r="E34366" s="1" t="s">
        <v>119471</v>
      </c>
      <c r="F34366" s="1" t="s">
        <v>119472</v>
      </c>
      <c r="G34366" s="1" t="s">
        <v>119437</v>
      </c>
      <c r="H34366" s="1" t="s">
        <v>119438</v>
      </c>
      <c r="I34366" s="1" t="s">
        <v>118887</v>
      </c>
      <c r="J34366" s="1" t="s">
        <v>119473</v>
      </c>
    </row>
    <row r="34367" spans="1:10" x14ac:dyDescent="0.35">
      <c r="A34367" s="1" t="s">
        <v>6316</v>
      </c>
      <c r="B34367" s="1" t="s">
        <v>118882</v>
      </c>
      <c r="C34367" s="1" t="s">
        <v>70</v>
      </c>
      <c r="D34367" s="1" t="s">
        <v>27731</v>
      </c>
      <c r="E34367" s="1" t="s">
        <v>119474</v>
      </c>
      <c r="F34367" s="1" t="s">
        <v>119475</v>
      </c>
      <c r="G34367" s="1" t="s">
        <v>119437</v>
      </c>
      <c r="H34367" s="1" t="s">
        <v>119438</v>
      </c>
      <c r="I34367" s="1" t="s">
        <v>118887</v>
      </c>
      <c r="J34367" s="1" t="s">
        <v>119476</v>
      </c>
    </row>
    <row r="34368" spans="1:10" x14ac:dyDescent="0.35">
      <c r="A34368" s="1" t="s">
        <v>6316</v>
      </c>
      <c r="B34368" s="1" t="s">
        <v>118882</v>
      </c>
      <c r="C34368" s="1" t="s">
        <v>75</v>
      </c>
      <c r="D34368" s="1" t="s">
        <v>111269</v>
      </c>
      <c r="E34368" s="1" t="s">
        <v>119477</v>
      </c>
      <c r="F34368" s="1" t="s">
        <v>119478</v>
      </c>
      <c r="G34368" s="1" t="s">
        <v>119437</v>
      </c>
      <c r="H34368" s="1" t="s">
        <v>119438</v>
      </c>
      <c r="I34368" s="1" t="s">
        <v>118887</v>
      </c>
      <c r="J34368" s="1" t="s">
        <v>119479</v>
      </c>
    </row>
    <row r="34369" spans="1:10" x14ac:dyDescent="0.35">
      <c r="A34369" s="1" t="s">
        <v>6316</v>
      </c>
      <c r="B34369" s="1" t="s">
        <v>118882</v>
      </c>
      <c r="C34369" s="1" t="s">
        <v>80</v>
      </c>
      <c r="D34369" s="1" t="s">
        <v>119480</v>
      </c>
      <c r="E34369" s="1" t="s">
        <v>119481</v>
      </c>
      <c r="F34369" s="1" t="s">
        <v>119482</v>
      </c>
      <c r="G34369" s="1" t="s">
        <v>119437</v>
      </c>
      <c r="H34369" s="1" t="s">
        <v>119438</v>
      </c>
      <c r="I34369" s="1" t="s">
        <v>118887</v>
      </c>
      <c r="J34369" s="1" t="s">
        <v>119483</v>
      </c>
    </row>
    <row r="34370" spans="1:10" x14ac:dyDescent="0.35">
      <c r="A34370" s="1" t="s">
        <v>6316</v>
      </c>
      <c r="B34370" s="1" t="s">
        <v>118882</v>
      </c>
      <c r="C34370" s="1" t="s">
        <v>85</v>
      </c>
      <c r="D34370" s="1" t="s">
        <v>45983</v>
      </c>
      <c r="E34370" s="1" t="s">
        <v>119484</v>
      </c>
      <c r="F34370" s="1" t="s">
        <v>119485</v>
      </c>
      <c r="G34370" s="1" t="s">
        <v>119437</v>
      </c>
      <c r="H34370" s="1" t="s">
        <v>119438</v>
      </c>
      <c r="I34370" s="1" t="s">
        <v>118887</v>
      </c>
      <c r="J34370" s="1" t="s">
        <v>119486</v>
      </c>
    </row>
    <row r="34371" spans="1:10" x14ac:dyDescent="0.35">
      <c r="A34371" s="1" t="s">
        <v>6316</v>
      </c>
      <c r="B34371" s="1" t="s">
        <v>118882</v>
      </c>
      <c r="C34371" s="1" t="s">
        <v>90</v>
      </c>
      <c r="D34371" s="1" t="s">
        <v>119487</v>
      </c>
      <c r="E34371" s="1" t="s">
        <v>119488</v>
      </c>
      <c r="F34371" s="1" t="s">
        <v>119489</v>
      </c>
      <c r="G34371" s="1" t="s">
        <v>119437</v>
      </c>
      <c r="H34371" s="1" t="s">
        <v>119438</v>
      </c>
      <c r="I34371" s="1" t="s">
        <v>118887</v>
      </c>
      <c r="J34371" s="1" t="s">
        <v>119490</v>
      </c>
    </row>
    <row r="34372" spans="1:10" x14ac:dyDescent="0.35">
      <c r="A34372" s="1" t="s">
        <v>6316</v>
      </c>
      <c r="B34372" s="1" t="s">
        <v>118882</v>
      </c>
      <c r="C34372" s="1" t="s">
        <v>95</v>
      </c>
      <c r="D34372" s="1" t="s">
        <v>10035</v>
      </c>
      <c r="E34372" s="1" t="s">
        <v>119491</v>
      </c>
      <c r="F34372" s="1" t="s">
        <v>119492</v>
      </c>
      <c r="G34372" s="1" t="s">
        <v>119437</v>
      </c>
      <c r="H34372" s="1" t="s">
        <v>119438</v>
      </c>
      <c r="I34372" s="1" t="s">
        <v>118887</v>
      </c>
      <c r="J34372" s="1" t="s">
        <v>119493</v>
      </c>
    </row>
    <row r="34373" spans="1:10" x14ac:dyDescent="0.35">
      <c r="A34373" s="1" t="s">
        <v>6316</v>
      </c>
      <c r="B34373" s="1" t="s">
        <v>118882</v>
      </c>
      <c r="C34373" s="1" t="s">
        <v>100</v>
      </c>
      <c r="D34373" s="1" t="s">
        <v>119494</v>
      </c>
      <c r="E34373" s="1" t="s">
        <v>119495</v>
      </c>
      <c r="F34373" s="1" t="s">
        <v>119496</v>
      </c>
      <c r="G34373" s="1" t="s">
        <v>119437</v>
      </c>
      <c r="H34373" s="1" t="s">
        <v>119438</v>
      </c>
      <c r="I34373" s="1" t="s">
        <v>118887</v>
      </c>
      <c r="J34373" s="1" t="s">
        <v>119497</v>
      </c>
    </row>
    <row r="34374" spans="1:10" x14ac:dyDescent="0.35">
      <c r="A34374" s="1" t="s">
        <v>6316</v>
      </c>
      <c r="B34374" s="1" t="s">
        <v>118882</v>
      </c>
      <c r="C34374" s="1" t="s">
        <v>105</v>
      </c>
      <c r="D34374" s="1" t="s">
        <v>15958</v>
      </c>
      <c r="E34374" s="1" t="s">
        <v>119498</v>
      </c>
      <c r="F34374" s="1" t="s">
        <v>119499</v>
      </c>
      <c r="G34374" s="1" t="s">
        <v>119437</v>
      </c>
      <c r="H34374" s="1" t="s">
        <v>119438</v>
      </c>
      <c r="I34374" s="1" t="s">
        <v>118887</v>
      </c>
      <c r="J34374" s="1" t="s">
        <v>119500</v>
      </c>
    </row>
    <row r="34375" spans="1:10" x14ac:dyDescent="0.35">
      <c r="A34375" s="1" t="s">
        <v>6316</v>
      </c>
      <c r="B34375" s="1" t="s">
        <v>118882</v>
      </c>
      <c r="C34375" s="1" t="s">
        <v>110</v>
      </c>
      <c r="D34375" s="1" t="s">
        <v>10134</v>
      </c>
      <c r="E34375" s="1" t="s">
        <v>119501</v>
      </c>
      <c r="F34375" s="1" t="s">
        <v>119502</v>
      </c>
      <c r="G34375" s="1" t="s">
        <v>119437</v>
      </c>
      <c r="H34375" s="1" t="s">
        <v>119438</v>
      </c>
      <c r="I34375" s="1" t="s">
        <v>118887</v>
      </c>
      <c r="J34375" s="1" t="s">
        <v>119503</v>
      </c>
    </row>
    <row r="34376" spans="1:10" x14ac:dyDescent="0.35">
      <c r="A34376" s="1" t="s">
        <v>6316</v>
      </c>
      <c r="B34376" s="1" t="s">
        <v>118882</v>
      </c>
      <c r="C34376" s="1" t="s">
        <v>115</v>
      </c>
      <c r="D34376" s="1" t="s">
        <v>29806</v>
      </c>
      <c r="E34376" s="1" t="s">
        <v>119504</v>
      </c>
      <c r="F34376" s="1" t="s">
        <v>119505</v>
      </c>
      <c r="G34376" s="1" t="s">
        <v>119437</v>
      </c>
      <c r="H34376" s="1" t="s">
        <v>119438</v>
      </c>
      <c r="I34376" s="1" t="s">
        <v>118887</v>
      </c>
      <c r="J34376" s="1" t="s">
        <v>119506</v>
      </c>
    </row>
    <row r="34377" spans="1:10" x14ac:dyDescent="0.35">
      <c r="A34377" s="1" t="s">
        <v>6316</v>
      </c>
      <c r="B34377" s="1" t="s">
        <v>118882</v>
      </c>
      <c r="C34377" s="1" t="s">
        <v>120</v>
      </c>
      <c r="D34377" s="1" t="s">
        <v>119507</v>
      </c>
      <c r="E34377" s="1" t="s">
        <v>119508</v>
      </c>
      <c r="F34377" s="1" t="s">
        <v>119509</v>
      </c>
      <c r="G34377" s="1" t="s">
        <v>119437</v>
      </c>
      <c r="H34377" s="1" t="s">
        <v>119438</v>
      </c>
      <c r="I34377" s="1" t="s">
        <v>118887</v>
      </c>
      <c r="J34377" s="1" t="s">
        <v>119510</v>
      </c>
    </row>
    <row r="34378" spans="1:10" x14ac:dyDescent="0.35">
      <c r="A34378" s="1" t="s">
        <v>6316</v>
      </c>
      <c r="B34378" s="1" t="s">
        <v>118882</v>
      </c>
      <c r="C34378" s="1" t="s">
        <v>125</v>
      </c>
      <c r="D34378" s="1" t="s">
        <v>7090</v>
      </c>
      <c r="E34378" s="1" t="s">
        <v>119511</v>
      </c>
      <c r="F34378" s="1" t="s">
        <v>119512</v>
      </c>
      <c r="G34378" s="1" t="s">
        <v>119437</v>
      </c>
      <c r="H34378" s="1" t="s">
        <v>119438</v>
      </c>
      <c r="I34378" s="1" t="s">
        <v>118887</v>
      </c>
      <c r="J34378" s="1" t="s">
        <v>119513</v>
      </c>
    </row>
    <row r="34379" spans="1:10" x14ac:dyDescent="0.35">
      <c r="A34379" s="1" t="s">
        <v>6316</v>
      </c>
      <c r="B34379" s="1" t="s">
        <v>118882</v>
      </c>
      <c r="C34379" s="1" t="s">
        <v>130</v>
      </c>
      <c r="D34379" s="1" t="s">
        <v>75373</v>
      </c>
      <c r="E34379" s="1" t="s">
        <v>119514</v>
      </c>
      <c r="F34379" s="1" t="s">
        <v>119515</v>
      </c>
      <c r="G34379" s="1" t="s">
        <v>119437</v>
      </c>
      <c r="H34379" s="1" t="s">
        <v>119438</v>
      </c>
      <c r="I34379" s="1" t="s">
        <v>118887</v>
      </c>
      <c r="J34379" s="1" t="s">
        <v>119516</v>
      </c>
    </row>
    <row r="34380" spans="1:10" x14ac:dyDescent="0.35">
      <c r="A34380" s="1" t="s">
        <v>6316</v>
      </c>
      <c r="B34380" s="1" t="s">
        <v>118882</v>
      </c>
      <c r="C34380" s="1" t="s">
        <v>135</v>
      </c>
      <c r="D34380" s="1" t="s">
        <v>119517</v>
      </c>
      <c r="E34380" s="1" t="s">
        <v>119518</v>
      </c>
      <c r="F34380" s="1" t="s">
        <v>119519</v>
      </c>
      <c r="G34380" s="1" t="s">
        <v>119437</v>
      </c>
      <c r="H34380" s="1" t="s">
        <v>119438</v>
      </c>
      <c r="I34380" s="1" t="s">
        <v>118887</v>
      </c>
      <c r="J34380" s="1" t="s">
        <v>119520</v>
      </c>
    </row>
    <row r="34381" spans="1:10" x14ac:dyDescent="0.35">
      <c r="A34381" s="1" t="s">
        <v>6316</v>
      </c>
      <c r="B34381" s="1" t="s">
        <v>118882</v>
      </c>
      <c r="C34381" s="1" t="s">
        <v>140</v>
      </c>
      <c r="D34381" s="1" t="s">
        <v>119521</v>
      </c>
      <c r="E34381" s="1" t="s">
        <v>119522</v>
      </c>
      <c r="F34381" s="1" t="s">
        <v>119523</v>
      </c>
      <c r="G34381" s="1" t="s">
        <v>119437</v>
      </c>
      <c r="H34381" s="1" t="s">
        <v>119438</v>
      </c>
      <c r="I34381" s="1" t="s">
        <v>118887</v>
      </c>
      <c r="J34381" s="1" t="s">
        <v>119524</v>
      </c>
    </row>
    <row r="34382" spans="1:10" x14ac:dyDescent="0.35">
      <c r="A34382" s="1" t="s">
        <v>6316</v>
      </c>
      <c r="B34382" s="1" t="s">
        <v>118882</v>
      </c>
      <c r="C34382" s="1" t="s">
        <v>145</v>
      </c>
      <c r="D34382" s="1" t="s">
        <v>2659</v>
      </c>
      <c r="E34382" s="1" t="s">
        <v>119525</v>
      </c>
      <c r="F34382" s="1" t="s">
        <v>119526</v>
      </c>
      <c r="G34382" s="1" t="s">
        <v>119437</v>
      </c>
      <c r="H34382" s="1" t="s">
        <v>119438</v>
      </c>
      <c r="I34382" s="1" t="s">
        <v>118887</v>
      </c>
      <c r="J34382" s="1" t="s">
        <v>119527</v>
      </c>
    </row>
    <row r="34383" spans="1:10" x14ac:dyDescent="0.35">
      <c r="A34383" s="1" t="s">
        <v>6316</v>
      </c>
      <c r="B34383" s="1" t="s">
        <v>118882</v>
      </c>
      <c r="C34383" s="1" t="s">
        <v>150</v>
      </c>
      <c r="D34383" s="1" t="s">
        <v>111134</v>
      </c>
      <c r="E34383" s="1" t="s">
        <v>119528</v>
      </c>
      <c r="F34383" s="1" t="s">
        <v>119529</v>
      </c>
      <c r="G34383" s="1" t="s">
        <v>119437</v>
      </c>
      <c r="H34383" s="1" t="s">
        <v>119438</v>
      </c>
      <c r="I34383" s="1" t="s">
        <v>118887</v>
      </c>
      <c r="J34383" s="1" t="s">
        <v>119530</v>
      </c>
    </row>
    <row r="34384" spans="1:10" x14ac:dyDescent="0.35">
      <c r="A34384" s="1" t="s">
        <v>6316</v>
      </c>
      <c r="B34384" s="1" t="s">
        <v>118882</v>
      </c>
      <c r="C34384" s="1" t="s">
        <v>155</v>
      </c>
      <c r="D34384" s="1" t="s">
        <v>14061</v>
      </c>
      <c r="E34384" s="1" t="s">
        <v>119531</v>
      </c>
      <c r="F34384" s="1" t="s">
        <v>119532</v>
      </c>
      <c r="G34384" s="1" t="s">
        <v>119437</v>
      </c>
      <c r="H34384" s="1" t="s">
        <v>119438</v>
      </c>
      <c r="I34384" s="1" t="s">
        <v>118887</v>
      </c>
      <c r="J34384" s="1" t="s">
        <v>119533</v>
      </c>
    </row>
    <row r="34385" spans="1:10" x14ac:dyDescent="0.35">
      <c r="A34385" s="1" t="s">
        <v>6316</v>
      </c>
      <c r="B34385" s="1" t="s">
        <v>118882</v>
      </c>
      <c r="C34385" s="1" t="s">
        <v>160</v>
      </c>
      <c r="D34385" s="1" t="s">
        <v>2940</v>
      </c>
      <c r="E34385" s="1" t="s">
        <v>119534</v>
      </c>
      <c r="F34385" s="1" t="s">
        <v>119535</v>
      </c>
      <c r="G34385" s="1" t="s">
        <v>119437</v>
      </c>
      <c r="H34385" s="1" t="s">
        <v>119438</v>
      </c>
      <c r="I34385" s="1" t="s">
        <v>118887</v>
      </c>
      <c r="J34385" s="1" t="s">
        <v>119536</v>
      </c>
    </row>
    <row r="34386" spans="1:10" x14ac:dyDescent="0.35">
      <c r="A34386" s="1" t="s">
        <v>6316</v>
      </c>
      <c r="B34386" s="1" t="s">
        <v>118882</v>
      </c>
      <c r="C34386" s="1" t="s">
        <v>165</v>
      </c>
      <c r="D34386" s="1" t="s">
        <v>119537</v>
      </c>
      <c r="E34386" s="1" t="s">
        <v>119538</v>
      </c>
      <c r="F34386" s="1" t="s">
        <v>119539</v>
      </c>
      <c r="G34386" s="1" t="s">
        <v>119437</v>
      </c>
      <c r="H34386" s="1" t="s">
        <v>119438</v>
      </c>
      <c r="I34386" s="1" t="s">
        <v>118887</v>
      </c>
      <c r="J34386" s="1" t="s">
        <v>119540</v>
      </c>
    </row>
    <row r="34387" spans="1:10" x14ac:dyDescent="0.35">
      <c r="A34387" s="1" t="s">
        <v>6316</v>
      </c>
      <c r="B34387" s="1" t="s">
        <v>118882</v>
      </c>
      <c r="C34387" s="1" t="s">
        <v>170</v>
      </c>
      <c r="D34387" s="1" t="s">
        <v>119541</v>
      </c>
      <c r="E34387" s="1" t="s">
        <v>119542</v>
      </c>
      <c r="F34387" s="1" t="s">
        <v>119543</v>
      </c>
      <c r="G34387" s="1" t="s">
        <v>119437</v>
      </c>
      <c r="H34387" s="1" t="s">
        <v>119438</v>
      </c>
      <c r="I34387" s="1" t="s">
        <v>118887</v>
      </c>
      <c r="J34387" s="1" t="s">
        <v>119544</v>
      </c>
    </row>
    <row r="34388" spans="1:10" x14ac:dyDescent="0.35">
      <c r="A34388" s="1" t="s">
        <v>119545</v>
      </c>
      <c r="B34388" s="1" t="s">
        <v>118882</v>
      </c>
      <c r="C34388" s="1" t="s">
        <v>8</v>
      </c>
      <c r="D34388" s="1" t="s">
        <v>12988</v>
      </c>
      <c r="E34388" s="1" t="s">
        <v>119546</v>
      </c>
      <c r="F34388" s="1" t="s">
        <v>119547</v>
      </c>
      <c r="G34388" s="1" t="s">
        <v>119548</v>
      </c>
      <c r="H34388" s="1" t="s">
        <v>119549</v>
      </c>
      <c r="I34388" s="1" t="s">
        <v>118887</v>
      </c>
      <c r="J34388" s="1" t="s">
        <v>13</v>
      </c>
    </row>
    <row r="34389" spans="1:10" x14ac:dyDescent="0.35">
      <c r="A34389" s="1" t="s">
        <v>119545</v>
      </c>
      <c r="B34389" s="1" t="s">
        <v>118882</v>
      </c>
      <c r="C34389" s="1" t="s">
        <v>15</v>
      </c>
      <c r="D34389" s="1" t="s">
        <v>119550</v>
      </c>
      <c r="E34389" s="1" t="s">
        <v>119551</v>
      </c>
      <c r="F34389" s="1" t="s">
        <v>119552</v>
      </c>
      <c r="G34389" s="1" t="s">
        <v>119548</v>
      </c>
      <c r="H34389" s="1" t="s">
        <v>119549</v>
      </c>
      <c r="I34389" s="1" t="s">
        <v>118887</v>
      </c>
      <c r="J34389" s="1" t="s">
        <v>119553</v>
      </c>
    </row>
    <row r="34390" spans="1:10" x14ac:dyDescent="0.35">
      <c r="A34390" s="1" t="s">
        <v>119545</v>
      </c>
      <c r="B34390" s="1" t="s">
        <v>118882</v>
      </c>
      <c r="C34390" s="1" t="s">
        <v>20</v>
      </c>
      <c r="D34390" s="1" t="s">
        <v>37725</v>
      </c>
      <c r="E34390" s="1" t="s">
        <v>119554</v>
      </c>
      <c r="F34390" s="1" t="s">
        <v>119555</v>
      </c>
      <c r="G34390" s="1" t="s">
        <v>119548</v>
      </c>
      <c r="H34390" s="1" t="s">
        <v>119549</v>
      </c>
      <c r="I34390" s="1" t="s">
        <v>118887</v>
      </c>
      <c r="J34390" s="1" t="s">
        <v>119556</v>
      </c>
    </row>
    <row r="34391" spans="1:10" x14ac:dyDescent="0.35">
      <c r="A34391" s="1" t="s">
        <v>119545</v>
      </c>
      <c r="B34391" s="1" t="s">
        <v>118882</v>
      </c>
      <c r="C34391" s="1" t="s">
        <v>25</v>
      </c>
      <c r="D34391" s="1" t="s">
        <v>72245</v>
      </c>
      <c r="E34391" s="1" t="s">
        <v>119557</v>
      </c>
      <c r="F34391" s="1" t="s">
        <v>119558</v>
      </c>
      <c r="G34391" s="1" t="s">
        <v>119548</v>
      </c>
      <c r="H34391" s="1" t="s">
        <v>119549</v>
      </c>
      <c r="I34391" s="1" t="s">
        <v>118887</v>
      </c>
      <c r="J34391" s="1" t="s">
        <v>119559</v>
      </c>
    </row>
    <row r="34392" spans="1:10" x14ac:dyDescent="0.35">
      <c r="A34392" s="1" t="s">
        <v>119545</v>
      </c>
      <c r="B34392" s="1" t="s">
        <v>118882</v>
      </c>
      <c r="C34392" s="1" t="s">
        <v>30</v>
      </c>
      <c r="D34392" s="1" t="s">
        <v>104564</v>
      </c>
      <c r="E34392" s="1" t="s">
        <v>119560</v>
      </c>
      <c r="F34392" s="1" t="s">
        <v>119561</v>
      </c>
      <c r="G34392" s="1" t="s">
        <v>119548</v>
      </c>
      <c r="H34392" s="1" t="s">
        <v>119549</v>
      </c>
      <c r="I34392" s="1" t="s">
        <v>118887</v>
      </c>
      <c r="J34392" s="1" t="s">
        <v>119562</v>
      </c>
    </row>
    <row r="34393" spans="1:10" x14ac:dyDescent="0.35">
      <c r="A34393" s="1" t="s">
        <v>119545</v>
      </c>
      <c r="B34393" s="1" t="s">
        <v>118882</v>
      </c>
      <c r="C34393" s="1" t="s">
        <v>35</v>
      </c>
      <c r="D34393" s="1" t="s">
        <v>119563</v>
      </c>
      <c r="E34393" s="1" t="s">
        <v>119564</v>
      </c>
      <c r="F34393" s="1" t="s">
        <v>119565</v>
      </c>
      <c r="G34393" s="1" t="s">
        <v>119548</v>
      </c>
      <c r="H34393" s="1" t="s">
        <v>119549</v>
      </c>
      <c r="I34393" s="1" t="s">
        <v>118887</v>
      </c>
      <c r="J34393" s="1" t="s">
        <v>119566</v>
      </c>
    </row>
    <row r="34394" spans="1:10" x14ac:dyDescent="0.35">
      <c r="A34394" s="1" t="s">
        <v>119545</v>
      </c>
      <c r="B34394" s="1" t="s">
        <v>118882</v>
      </c>
      <c r="C34394" s="1" t="s">
        <v>40</v>
      </c>
      <c r="D34394" s="1" t="s">
        <v>35044</v>
      </c>
      <c r="E34394" s="1" t="s">
        <v>119567</v>
      </c>
      <c r="F34394" s="1" t="s">
        <v>119568</v>
      </c>
      <c r="G34394" s="1" t="s">
        <v>119548</v>
      </c>
      <c r="H34394" s="1" t="s">
        <v>119549</v>
      </c>
      <c r="I34394" s="1" t="s">
        <v>118887</v>
      </c>
      <c r="J34394" s="1" t="s">
        <v>119569</v>
      </c>
    </row>
    <row r="34395" spans="1:10" x14ac:dyDescent="0.35">
      <c r="A34395" s="1" t="s">
        <v>119545</v>
      </c>
      <c r="B34395" s="1" t="s">
        <v>118882</v>
      </c>
      <c r="C34395" s="1" t="s">
        <v>45</v>
      </c>
      <c r="D34395" s="1" t="s">
        <v>104674</v>
      </c>
      <c r="E34395" s="1" t="s">
        <v>119570</v>
      </c>
      <c r="F34395" s="1" t="s">
        <v>119571</v>
      </c>
      <c r="G34395" s="1" t="s">
        <v>119548</v>
      </c>
      <c r="H34395" s="1" t="s">
        <v>119549</v>
      </c>
      <c r="I34395" s="1" t="s">
        <v>118887</v>
      </c>
      <c r="J34395" s="1" t="s">
        <v>119572</v>
      </c>
    </row>
    <row r="34396" spans="1:10" x14ac:dyDescent="0.35">
      <c r="A34396" s="1" t="s">
        <v>119545</v>
      </c>
      <c r="B34396" s="1" t="s">
        <v>118882</v>
      </c>
      <c r="C34396" s="1" t="s">
        <v>50</v>
      </c>
      <c r="D34396" s="1" t="s">
        <v>50513</v>
      </c>
      <c r="E34396" s="1" t="s">
        <v>119573</v>
      </c>
      <c r="F34396" s="1" t="s">
        <v>119574</v>
      </c>
      <c r="G34396" s="1" t="s">
        <v>119548</v>
      </c>
      <c r="H34396" s="1" t="s">
        <v>119549</v>
      </c>
      <c r="I34396" s="1" t="s">
        <v>118887</v>
      </c>
      <c r="J34396" s="1" t="s">
        <v>119575</v>
      </c>
    </row>
    <row r="34397" spans="1:10" x14ac:dyDescent="0.35">
      <c r="A34397" s="1" t="s">
        <v>119545</v>
      </c>
      <c r="B34397" s="1" t="s">
        <v>118882</v>
      </c>
      <c r="C34397" s="1" t="s">
        <v>55</v>
      </c>
      <c r="D34397" s="1" t="s">
        <v>119576</v>
      </c>
      <c r="E34397" s="1" t="s">
        <v>119577</v>
      </c>
      <c r="F34397" s="1" t="s">
        <v>119578</v>
      </c>
      <c r="G34397" s="1" t="s">
        <v>119548</v>
      </c>
      <c r="H34397" s="1" t="s">
        <v>119549</v>
      </c>
      <c r="I34397" s="1" t="s">
        <v>118887</v>
      </c>
      <c r="J34397" s="1" t="s">
        <v>119579</v>
      </c>
    </row>
    <row r="34398" spans="1:10" x14ac:dyDescent="0.35">
      <c r="A34398" s="1" t="s">
        <v>119545</v>
      </c>
      <c r="B34398" s="1" t="s">
        <v>118882</v>
      </c>
      <c r="C34398" s="1" t="s">
        <v>60</v>
      </c>
      <c r="D34398" s="1" t="s">
        <v>32923</v>
      </c>
      <c r="E34398" s="1" t="s">
        <v>119580</v>
      </c>
      <c r="F34398" s="1" t="s">
        <v>119581</v>
      </c>
      <c r="G34398" s="1" t="s">
        <v>119548</v>
      </c>
      <c r="H34398" s="1" t="s">
        <v>119549</v>
      </c>
      <c r="I34398" s="1" t="s">
        <v>118887</v>
      </c>
      <c r="J34398" s="1" t="s">
        <v>119582</v>
      </c>
    </row>
    <row r="34399" spans="1:10" x14ac:dyDescent="0.35">
      <c r="A34399" s="1" t="s">
        <v>119545</v>
      </c>
      <c r="B34399" s="1" t="s">
        <v>118882</v>
      </c>
      <c r="C34399" s="1" t="s">
        <v>65</v>
      </c>
      <c r="D34399" s="1" t="s">
        <v>119583</v>
      </c>
      <c r="E34399" s="1" t="s">
        <v>119584</v>
      </c>
      <c r="F34399" s="1" t="s">
        <v>119585</v>
      </c>
      <c r="G34399" s="1" t="s">
        <v>119548</v>
      </c>
      <c r="H34399" s="1" t="s">
        <v>119549</v>
      </c>
      <c r="I34399" s="1" t="s">
        <v>118887</v>
      </c>
      <c r="J34399" s="1" t="s">
        <v>119586</v>
      </c>
    </row>
    <row r="34400" spans="1:10" x14ac:dyDescent="0.35">
      <c r="A34400" s="1" t="s">
        <v>119545</v>
      </c>
      <c r="B34400" s="1" t="s">
        <v>118882</v>
      </c>
      <c r="C34400" s="1" t="s">
        <v>70</v>
      </c>
      <c r="D34400" s="1" t="s">
        <v>34880</v>
      </c>
      <c r="E34400" s="1" t="s">
        <v>119587</v>
      </c>
      <c r="F34400" s="1" t="s">
        <v>119588</v>
      </c>
      <c r="G34400" s="1" t="s">
        <v>119548</v>
      </c>
      <c r="H34400" s="1" t="s">
        <v>119549</v>
      </c>
      <c r="I34400" s="1" t="s">
        <v>118887</v>
      </c>
      <c r="J34400" s="1" t="s">
        <v>119589</v>
      </c>
    </row>
    <row r="34401" spans="1:10" x14ac:dyDescent="0.35">
      <c r="A34401" s="1" t="s">
        <v>119545</v>
      </c>
      <c r="B34401" s="1" t="s">
        <v>118882</v>
      </c>
      <c r="C34401" s="1" t="s">
        <v>75</v>
      </c>
      <c r="D34401" s="1" t="s">
        <v>37867</v>
      </c>
      <c r="E34401" s="1" t="s">
        <v>119590</v>
      </c>
      <c r="F34401" s="1" t="s">
        <v>119591</v>
      </c>
      <c r="G34401" s="1" t="s">
        <v>119548</v>
      </c>
      <c r="H34401" s="1" t="s">
        <v>119549</v>
      </c>
      <c r="I34401" s="1" t="s">
        <v>118887</v>
      </c>
      <c r="J34401" s="1" t="s">
        <v>119592</v>
      </c>
    </row>
    <row r="34402" spans="1:10" x14ac:dyDescent="0.35">
      <c r="A34402" s="1" t="s">
        <v>119545</v>
      </c>
      <c r="B34402" s="1" t="s">
        <v>118882</v>
      </c>
      <c r="C34402" s="1" t="s">
        <v>80</v>
      </c>
      <c r="D34402" s="1" t="s">
        <v>44816</v>
      </c>
      <c r="E34402" s="1" t="s">
        <v>119593</v>
      </c>
      <c r="F34402" s="1" t="s">
        <v>119594</v>
      </c>
      <c r="G34402" s="1" t="s">
        <v>119548</v>
      </c>
      <c r="H34402" s="1" t="s">
        <v>119549</v>
      </c>
      <c r="I34402" s="1" t="s">
        <v>118887</v>
      </c>
      <c r="J34402" s="1" t="s">
        <v>119595</v>
      </c>
    </row>
    <row r="34403" spans="1:10" x14ac:dyDescent="0.35">
      <c r="A34403" s="1" t="s">
        <v>119545</v>
      </c>
      <c r="B34403" s="1" t="s">
        <v>118882</v>
      </c>
      <c r="C34403" s="1" t="s">
        <v>85</v>
      </c>
      <c r="D34403" s="1" t="s">
        <v>119596</v>
      </c>
      <c r="E34403" s="1" t="s">
        <v>119597</v>
      </c>
      <c r="F34403" s="1" t="s">
        <v>119598</v>
      </c>
      <c r="G34403" s="1" t="s">
        <v>119548</v>
      </c>
      <c r="H34403" s="1" t="s">
        <v>119549</v>
      </c>
      <c r="I34403" s="1" t="s">
        <v>118887</v>
      </c>
      <c r="J34403" s="1" t="s">
        <v>119599</v>
      </c>
    </row>
    <row r="34404" spans="1:10" x14ac:dyDescent="0.35">
      <c r="A34404" s="1" t="s">
        <v>119545</v>
      </c>
      <c r="B34404" s="1" t="s">
        <v>118882</v>
      </c>
      <c r="C34404" s="1" t="s">
        <v>90</v>
      </c>
      <c r="D34404" s="1" t="s">
        <v>119600</v>
      </c>
      <c r="E34404" s="1" t="s">
        <v>119601</v>
      </c>
      <c r="F34404" s="1" t="s">
        <v>119602</v>
      </c>
      <c r="G34404" s="1" t="s">
        <v>119548</v>
      </c>
      <c r="H34404" s="1" t="s">
        <v>119549</v>
      </c>
      <c r="I34404" s="1" t="s">
        <v>118887</v>
      </c>
      <c r="J34404" s="1" t="s">
        <v>119603</v>
      </c>
    </row>
    <row r="34405" spans="1:10" x14ac:dyDescent="0.35">
      <c r="A34405" s="1" t="s">
        <v>119545</v>
      </c>
      <c r="B34405" s="1" t="s">
        <v>118882</v>
      </c>
      <c r="C34405" s="1" t="s">
        <v>95</v>
      </c>
      <c r="D34405" s="1" t="s">
        <v>31189</v>
      </c>
      <c r="E34405" s="1" t="s">
        <v>119604</v>
      </c>
      <c r="F34405" s="1" t="s">
        <v>119605</v>
      </c>
      <c r="G34405" s="1" t="s">
        <v>119548</v>
      </c>
      <c r="H34405" s="1" t="s">
        <v>119549</v>
      </c>
      <c r="I34405" s="1" t="s">
        <v>118887</v>
      </c>
      <c r="J34405" s="1" t="s">
        <v>119606</v>
      </c>
    </row>
    <row r="34406" spans="1:10" x14ac:dyDescent="0.35">
      <c r="A34406" s="1" t="s">
        <v>119545</v>
      </c>
      <c r="B34406" s="1" t="s">
        <v>118882</v>
      </c>
      <c r="C34406" s="1" t="s">
        <v>100</v>
      </c>
      <c r="D34406" s="1" t="s">
        <v>119607</v>
      </c>
      <c r="E34406" s="1" t="s">
        <v>119608</v>
      </c>
      <c r="F34406" s="1" t="s">
        <v>119609</v>
      </c>
      <c r="G34406" s="1" t="s">
        <v>119548</v>
      </c>
      <c r="H34406" s="1" t="s">
        <v>119549</v>
      </c>
      <c r="I34406" s="1" t="s">
        <v>118887</v>
      </c>
      <c r="J34406" s="1" t="s">
        <v>29966</v>
      </c>
    </row>
    <row r="34407" spans="1:10" x14ac:dyDescent="0.35">
      <c r="A34407" s="1" t="s">
        <v>119545</v>
      </c>
      <c r="B34407" s="1" t="s">
        <v>118882</v>
      </c>
      <c r="C34407" s="1" t="s">
        <v>105</v>
      </c>
      <c r="D34407" s="1" t="s">
        <v>119610</v>
      </c>
      <c r="E34407" s="1" t="s">
        <v>119611</v>
      </c>
      <c r="F34407" s="1" t="s">
        <v>119612</v>
      </c>
      <c r="G34407" s="1" t="s">
        <v>119548</v>
      </c>
      <c r="H34407" s="1" t="s">
        <v>119549</v>
      </c>
      <c r="I34407" s="1" t="s">
        <v>118887</v>
      </c>
      <c r="J34407" s="1" t="s">
        <v>119613</v>
      </c>
    </row>
    <row r="34408" spans="1:10" x14ac:dyDescent="0.35">
      <c r="A34408" s="1" t="s">
        <v>119545</v>
      </c>
      <c r="B34408" s="1" t="s">
        <v>118882</v>
      </c>
      <c r="C34408" s="1" t="s">
        <v>110</v>
      </c>
      <c r="D34408" s="1" t="s">
        <v>30447</v>
      </c>
      <c r="E34408" s="1" t="s">
        <v>119614</v>
      </c>
      <c r="F34408" s="1" t="s">
        <v>119615</v>
      </c>
      <c r="G34408" s="1" t="s">
        <v>119548</v>
      </c>
      <c r="H34408" s="1" t="s">
        <v>119549</v>
      </c>
      <c r="I34408" s="1" t="s">
        <v>118887</v>
      </c>
      <c r="J34408" s="1" t="s">
        <v>119616</v>
      </c>
    </row>
    <row r="34409" spans="1:10" x14ac:dyDescent="0.35">
      <c r="A34409" s="1" t="s">
        <v>119545</v>
      </c>
      <c r="B34409" s="1" t="s">
        <v>118882</v>
      </c>
      <c r="C34409" s="1" t="s">
        <v>115</v>
      </c>
      <c r="D34409" s="1" t="s">
        <v>119617</v>
      </c>
      <c r="E34409" s="1" t="s">
        <v>119618</v>
      </c>
      <c r="F34409" s="1" t="s">
        <v>119619</v>
      </c>
      <c r="G34409" s="1" t="s">
        <v>119548</v>
      </c>
      <c r="H34409" s="1" t="s">
        <v>119549</v>
      </c>
      <c r="I34409" s="1" t="s">
        <v>118887</v>
      </c>
      <c r="J34409" s="1" t="s">
        <v>119620</v>
      </c>
    </row>
    <row r="34410" spans="1:10" x14ac:dyDescent="0.35">
      <c r="A34410" s="1" t="s">
        <v>119545</v>
      </c>
      <c r="B34410" s="1" t="s">
        <v>118882</v>
      </c>
      <c r="C34410" s="1" t="s">
        <v>120</v>
      </c>
      <c r="D34410" s="1" t="s">
        <v>119621</v>
      </c>
      <c r="E34410" s="1" t="s">
        <v>119622</v>
      </c>
      <c r="F34410" s="1" t="s">
        <v>119623</v>
      </c>
      <c r="G34410" s="1" t="s">
        <v>119548</v>
      </c>
      <c r="H34410" s="1" t="s">
        <v>119549</v>
      </c>
      <c r="I34410" s="1" t="s">
        <v>118887</v>
      </c>
      <c r="J34410" s="1" t="s">
        <v>119624</v>
      </c>
    </row>
    <row r="34411" spans="1:10" x14ac:dyDescent="0.35">
      <c r="A34411" s="1" t="s">
        <v>119545</v>
      </c>
      <c r="B34411" s="1" t="s">
        <v>118882</v>
      </c>
      <c r="C34411" s="1" t="s">
        <v>125</v>
      </c>
      <c r="D34411" s="1" t="s">
        <v>119625</v>
      </c>
      <c r="E34411" s="1" t="s">
        <v>119626</v>
      </c>
      <c r="F34411" s="1" t="s">
        <v>119627</v>
      </c>
      <c r="G34411" s="1" t="s">
        <v>119548</v>
      </c>
      <c r="H34411" s="1" t="s">
        <v>119549</v>
      </c>
      <c r="I34411" s="1" t="s">
        <v>118887</v>
      </c>
      <c r="J34411" s="1" t="s">
        <v>119628</v>
      </c>
    </row>
    <row r="34412" spans="1:10" x14ac:dyDescent="0.35">
      <c r="A34412" s="1" t="s">
        <v>119545</v>
      </c>
      <c r="B34412" s="1" t="s">
        <v>118882</v>
      </c>
      <c r="C34412" s="1" t="s">
        <v>130</v>
      </c>
      <c r="D34412" s="1" t="s">
        <v>119629</v>
      </c>
      <c r="E34412" s="1" t="s">
        <v>119630</v>
      </c>
      <c r="F34412" s="1" t="s">
        <v>119631</v>
      </c>
      <c r="G34412" s="1" t="s">
        <v>119548</v>
      </c>
      <c r="H34412" s="1" t="s">
        <v>119549</v>
      </c>
      <c r="I34412" s="1" t="s">
        <v>118887</v>
      </c>
      <c r="J34412" s="1" t="s">
        <v>119632</v>
      </c>
    </row>
    <row r="34413" spans="1:10" x14ac:dyDescent="0.35">
      <c r="A34413" s="1" t="s">
        <v>119545</v>
      </c>
      <c r="B34413" s="1" t="s">
        <v>118882</v>
      </c>
      <c r="C34413" s="1" t="s">
        <v>135</v>
      </c>
      <c r="D34413" s="1" t="s">
        <v>119633</v>
      </c>
      <c r="E34413" s="1" t="s">
        <v>119634</v>
      </c>
      <c r="F34413" s="1" t="s">
        <v>119635</v>
      </c>
      <c r="G34413" s="1" t="s">
        <v>119548</v>
      </c>
      <c r="H34413" s="1" t="s">
        <v>119549</v>
      </c>
      <c r="I34413" s="1" t="s">
        <v>118887</v>
      </c>
      <c r="J34413" s="1" t="s">
        <v>119636</v>
      </c>
    </row>
    <row r="34414" spans="1:10" x14ac:dyDescent="0.35">
      <c r="A34414" s="1" t="s">
        <v>119545</v>
      </c>
      <c r="B34414" s="1" t="s">
        <v>118882</v>
      </c>
      <c r="C34414" s="1" t="s">
        <v>140</v>
      </c>
      <c r="D34414" s="1" t="s">
        <v>119637</v>
      </c>
      <c r="E34414" s="1" t="s">
        <v>119638</v>
      </c>
      <c r="F34414" s="1" t="s">
        <v>119639</v>
      </c>
      <c r="G34414" s="1" t="s">
        <v>119548</v>
      </c>
      <c r="H34414" s="1" t="s">
        <v>119549</v>
      </c>
      <c r="I34414" s="1" t="s">
        <v>118887</v>
      </c>
      <c r="J34414" s="1" t="s">
        <v>119640</v>
      </c>
    </row>
    <row r="34415" spans="1:10" x14ac:dyDescent="0.35">
      <c r="A34415" s="1" t="s">
        <v>119545</v>
      </c>
      <c r="B34415" s="1" t="s">
        <v>118882</v>
      </c>
      <c r="C34415" s="1" t="s">
        <v>145</v>
      </c>
      <c r="D34415" s="1" t="s">
        <v>53592</v>
      </c>
      <c r="E34415" s="1" t="s">
        <v>119641</v>
      </c>
      <c r="F34415" s="1" t="s">
        <v>119642</v>
      </c>
      <c r="G34415" s="1" t="s">
        <v>119548</v>
      </c>
      <c r="H34415" s="1" t="s">
        <v>119549</v>
      </c>
      <c r="I34415" s="1" t="s">
        <v>118887</v>
      </c>
      <c r="J34415" s="1" t="s">
        <v>119643</v>
      </c>
    </row>
    <row r="34416" spans="1:10" x14ac:dyDescent="0.35">
      <c r="A34416" s="1" t="s">
        <v>119545</v>
      </c>
      <c r="B34416" s="1" t="s">
        <v>118882</v>
      </c>
      <c r="C34416" s="1" t="s">
        <v>150</v>
      </c>
      <c r="D34416" s="1" t="s">
        <v>119644</v>
      </c>
      <c r="E34416" s="1" t="s">
        <v>119645</v>
      </c>
      <c r="F34416" s="1" t="s">
        <v>119646</v>
      </c>
      <c r="G34416" s="1" t="s">
        <v>119548</v>
      </c>
      <c r="H34416" s="1" t="s">
        <v>119549</v>
      </c>
      <c r="I34416" s="1" t="s">
        <v>118887</v>
      </c>
      <c r="J34416" s="1" t="s">
        <v>119647</v>
      </c>
    </row>
    <row r="34417" spans="1:10" x14ac:dyDescent="0.35">
      <c r="A34417" s="1" t="s">
        <v>119545</v>
      </c>
      <c r="B34417" s="1" t="s">
        <v>118882</v>
      </c>
      <c r="C34417" s="1" t="s">
        <v>155</v>
      </c>
      <c r="D34417" s="1" t="s">
        <v>119648</v>
      </c>
      <c r="E34417" s="1" t="s">
        <v>119649</v>
      </c>
      <c r="F34417" s="1" t="s">
        <v>119650</v>
      </c>
      <c r="G34417" s="1" t="s">
        <v>119548</v>
      </c>
      <c r="H34417" s="1" t="s">
        <v>119549</v>
      </c>
      <c r="I34417" s="1" t="s">
        <v>118887</v>
      </c>
      <c r="J34417" s="1" t="s">
        <v>119651</v>
      </c>
    </row>
    <row r="34418" spans="1:10" x14ac:dyDescent="0.35">
      <c r="A34418" s="1" t="s">
        <v>119545</v>
      </c>
      <c r="B34418" s="1" t="s">
        <v>118882</v>
      </c>
      <c r="C34418" s="1" t="s">
        <v>160</v>
      </c>
      <c r="D34418" s="1" t="s">
        <v>108942</v>
      </c>
      <c r="E34418" s="1" t="s">
        <v>119652</v>
      </c>
      <c r="F34418" s="1" t="s">
        <v>119653</v>
      </c>
      <c r="G34418" s="1" t="s">
        <v>119548</v>
      </c>
      <c r="H34418" s="1" t="s">
        <v>119549</v>
      </c>
      <c r="I34418" s="1" t="s">
        <v>118887</v>
      </c>
      <c r="J34418" s="1" t="s">
        <v>119654</v>
      </c>
    </row>
    <row r="34419" spans="1:10" x14ac:dyDescent="0.35">
      <c r="A34419" s="1" t="s">
        <v>119545</v>
      </c>
      <c r="B34419" s="1" t="s">
        <v>118882</v>
      </c>
      <c r="C34419" s="1" t="s">
        <v>165</v>
      </c>
      <c r="D34419" s="1" t="s">
        <v>52463</v>
      </c>
      <c r="E34419" s="1" t="s">
        <v>119655</v>
      </c>
      <c r="F34419" s="1" t="s">
        <v>119656</v>
      </c>
      <c r="G34419" s="1" t="s">
        <v>119548</v>
      </c>
      <c r="H34419" s="1" t="s">
        <v>119549</v>
      </c>
      <c r="I34419" s="1" t="s">
        <v>118887</v>
      </c>
      <c r="J34419" s="1" t="s">
        <v>119657</v>
      </c>
    </row>
    <row r="34420" spans="1:10" x14ac:dyDescent="0.35">
      <c r="A34420" s="1" t="s">
        <v>119545</v>
      </c>
      <c r="B34420" s="1" t="s">
        <v>118882</v>
      </c>
      <c r="C34420" s="1" t="s">
        <v>170</v>
      </c>
      <c r="D34420" s="1" t="s">
        <v>78153</v>
      </c>
      <c r="E34420" s="1" t="s">
        <v>119658</v>
      </c>
      <c r="F34420" s="1" t="s">
        <v>119659</v>
      </c>
      <c r="G34420" s="1" t="s">
        <v>119548</v>
      </c>
      <c r="H34420" s="1" t="s">
        <v>119549</v>
      </c>
      <c r="I34420" s="1" t="s">
        <v>118887</v>
      </c>
      <c r="J34420" s="1" t="s">
        <v>119660</v>
      </c>
    </row>
    <row r="34421" spans="1:10" x14ac:dyDescent="0.35">
      <c r="A34421" s="1" t="s">
        <v>6202</v>
      </c>
      <c r="B34421" s="1" t="s">
        <v>118882</v>
      </c>
      <c r="C34421" s="1" t="s">
        <v>8</v>
      </c>
      <c r="D34421" s="1" t="s">
        <v>25401</v>
      </c>
      <c r="E34421" s="1" t="s">
        <v>119661</v>
      </c>
      <c r="F34421" s="1" t="s">
        <v>119662</v>
      </c>
      <c r="G34421" s="1" t="s">
        <v>119663</v>
      </c>
      <c r="H34421" s="1" t="s">
        <v>119664</v>
      </c>
      <c r="I34421" s="1" t="s">
        <v>118887</v>
      </c>
      <c r="J34421" s="1" t="s">
        <v>13</v>
      </c>
    </row>
    <row r="34422" spans="1:10" x14ac:dyDescent="0.35">
      <c r="A34422" s="1" t="s">
        <v>6202</v>
      </c>
      <c r="B34422" s="1" t="s">
        <v>118882</v>
      </c>
      <c r="C34422" s="1" t="s">
        <v>15</v>
      </c>
      <c r="D34422" s="1" t="s">
        <v>119665</v>
      </c>
      <c r="E34422" s="1" t="s">
        <v>119666</v>
      </c>
      <c r="F34422" s="1" t="s">
        <v>119667</v>
      </c>
      <c r="G34422" s="1" t="s">
        <v>119663</v>
      </c>
      <c r="H34422" s="1" t="s">
        <v>119664</v>
      </c>
      <c r="I34422" s="1" t="s">
        <v>118887</v>
      </c>
      <c r="J34422" s="1" t="s">
        <v>119668</v>
      </c>
    </row>
    <row r="34423" spans="1:10" x14ac:dyDescent="0.35">
      <c r="A34423" s="1" t="s">
        <v>6202</v>
      </c>
      <c r="B34423" s="1" t="s">
        <v>118882</v>
      </c>
      <c r="C34423" s="1" t="s">
        <v>20</v>
      </c>
      <c r="D34423" s="1" t="s">
        <v>8763</v>
      </c>
      <c r="E34423" s="1" t="s">
        <v>119669</v>
      </c>
      <c r="F34423" s="1" t="s">
        <v>119670</v>
      </c>
      <c r="G34423" s="1" t="s">
        <v>119663</v>
      </c>
      <c r="H34423" s="1" t="s">
        <v>119664</v>
      </c>
      <c r="I34423" s="1" t="s">
        <v>118887</v>
      </c>
      <c r="J34423" s="1" t="s">
        <v>119671</v>
      </c>
    </row>
    <row r="34424" spans="1:10" x14ac:dyDescent="0.35">
      <c r="A34424" s="1" t="s">
        <v>6202</v>
      </c>
      <c r="B34424" s="1" t="s">
        <v>118882</v>
      </c>
      <c r="C34424" s="1" t="s">
        <v>25</v>
      </c>
      <c r="D34424" s="1" t="s">
        <v>112236</v>
      </c>
      <c r="E34424" s="1" t="s">
        <v>119672</v>
      </c>
      <c r="F34424" s="1" t="s">
        <v>119673</v>
      </c>
      <c r="G34424" s="1" t="s">
        <v>119663</v>
      </c>
      <c r="H34424" s="1" t="s">
        <v>119664</v>
      </c>
      <c r="I34424" s="1" t="s">
        <v>118887</v>
      </c>
      <c r="J34424" s="1" t="s">
        <v>119674</v>
      </c>
    </row>
    <row r="34425" spans="1:10" x14ac:dyDescent="0.35">
      <c r="A34425" s="1" t="s">
        <v>6202</v>
      </c>
      <c r="B34425" s="1" t="s">
        <v>118882</v>
      </c>
      <c r="C34425" s="1" t="s">
        <v>30</v>
      </c>
      <c r="D34425" s="1" t="s">
        <v>8365</v>
      </c>
      <c r="E34425" s="1" t="s">
        <v>119675</v>
      </c>
      <c r="F34425" s="1" t="s">
        <v>119676</v>
      </c>
      <c r="G34425" s="1" t="s">
        <v>119663</v>
      </c>
      <c r="H34425" s="1" t="s">
        <v>119664</v>
      </c>
      <c r="I34425" s="1" t="s">
        <v>118887</v>
      </c>
      <c r="J34425" s="1" t="s">
        <v>119677</v>
      </c>
    </row>
    <row r="34426" spans="1:10" x14ac:dyDescent="0.35">
      <c r="A34426" s="1" t="s">
        <v>6202</v>
      </c>
      <c r="B34426" s="1" t="s">
        <v>118882</v>
      </c>
      <c r="C34426" s="1" t="s">
        <v>35</v>
      </c>
      <c r="D34426" s="1" t="s">
        <v>28266</v>
      </c>
      <c r="E34426" s="1" t="s">
        <v>119678</v>
      </c>
      <c r="F34426" s="1" t="s">
        <v>119679</v>
      </c>
      <c r="G34426" s="1" t="s">
        <v>119663</v>
      </c>
      <c r="H34426" s="1" t="s">
        <v>119664</v>
      </c>
      <c r="I34426" s="1" t="s">
        <v>118887</v>
      </c>
      <c r="J34426" s="1" t="s">
        <v>119680</v>
      </c>
    </row>
    <row r="34427" spans="1:10" x14ac:dyDescent="0.35">
      <c r="A34427" s="1" t="s">
        <v>6202</v>
      </c>
      <c r="B34427" s="1" t="s">
        <v>118882</v>
      </c>
      <c r="C34427" s="1" t="s">
        <v>40</v>
      </c>
      <c r="D34427" s="1" t="s">
        <v>14203</v>
      </c>
      <c r="E34427" s="1" t="s">
        <v>119681</v>
      </c>
      <c r="F34427" s="1" t="s">
        <v>119682</v>
      </c>
      <c r="G34427" s="1" t="s">
        <v>119663</v>
      </c>
      <c r="H34427" s="1" t="s">
        <v>119664</v>
      </c>
      <c r="I34427" s="1" t="s">
        <v>118887</v>
      </c>
      <c r="J34427" s="1" t="s">
        <v>119683</v>
      </c>
    </row>
    <row r="34428" spans="1:10" x14ac:dyDescent="0.35">
      <c r="A34428" s="1" t="s">
        <v>6202</v>
      </c>
      <c r="B34428" s="1" t="s">
        <v>118882</v>
      </c>
      <c r="C34428" s="1" t="s">
        <v>45</v>
      </c>
      <c r="D34428" s="1" t="s">
        <v>119684</v>
      </c>
      <c r="E34428" s="1" t="s">
        <v>119685</v>
      </c>
      <c r="F34428" s="1" t="s">
        <v>119686</v>
      </c>
      <c r="G34428" s="1" t="s">
        <v>119663</v>
      </c>
      <c r="H34428" s="1" t="s">
        <v>119664</v>
      </c>
      <c r="I34428" s="1" t="s">
        <v>118887</v>
      </c>
      <c r="J34428" s="1" t="s">
        <v>119687</v>
      </c>
    </row>
    <row r="34429" spans="1:10" x14ac:dyDescent="0.35">
      <c r="A34429" s="1" t="s">
        <v>6202</v>
      </c>
      <c r="B34429" s="1" t="s">
        <v>118882</v>
      </c>
      <c r="C34429" s="1" t="s">
        <v>50</v>
      </c>
      <c r="D34429" s="1" t="s">
        <v>2889</v>
      </c>
      <c r="E34429" s="1" t="s">
        <v>119688</v>
      </c>
      <c r="F34429" s="1" t="s">
        <v>119689</v>
      </c>
      <c r="G34429" s="1" t="s">
        <v>119663</v>
      </c>
      <c r="H34429" s="1" t="s">
        <v>119664</v>
      </c>
      <c r="I34429" s="1" t="s">
        <v>118887</v>
      </c>
      <c r="J34429" s="1" t="s">
        <v>119690</v>
      </c>
    </row>
    <row r="34430" spans="1:10" x14ac:dyDescent="0.35">
      <c r="A34430" s="1" t="s">
        <v>6202</v>
      </c>
      <c r="B34430" s="1" t="s">
        <v>118882</v>
      </c>
      <c r="C34430" s="1" t="s">
        <v>55</v>
      </c>
      <c r="D34430" s="1" t="s">
        <v>7906</v>
      </c>
      <c r="E34430" s="1" t="s">
        <v>119691</v>
      </c>
      <c r="F34430" s="1" t="s">
        <v>119692</v>
      </c>
      <c r="G34430" s="1" t="s">
        <v>119663</v>
      </c>
      <c r="H34430" s="1" t="s">
        <v>119664</v>
      </c>
      <c r="I34430" s="1" t="s">
        <v>118887</v>
      </c>
      <c r="J34430" s="1" t="s">
        <v>119693</v>
      </c>
    </row>
    <row r="34431" spans="1:10" x14ac:dyDescent="0.35">
      <c r="A34431" s="1" t="s">
        <v>6202</v>
      </c>
      <c r="B34431" s="1" t="s">
        <v>118882</v>
      </c>
      <c r="C34431" s="1" t="s">
        <v>60</v>
      </c>
      <c r="D34431" s="1" t="s">
        <v>119494</v>
      </c>
      <c r="E34431" s="1" t="s">
        <v>119694</v>
      </c>
      <c r="F34431" s="1" t="s">
        <v>119695</v>
      </c>
      <c r="G34431" s="1" t="s">
        <v>119663</v>
      </c>
      <c r="H34431" s="1" t="s">
        <v>119664</v>
      </c>
      <c r="I34431" s="1" t="s">
        <v>118887</v>
      </c>
      <c r="J34431" s="1" t="s">
        <v>119696</v>
      </c>
    </row>
    <row r="34432" spans="1:10" x14ac:dyDescent="0.35">
      <c r="A34432" s="1" t="s">
        <v>6202</v>
      </c>
      <c r="B34432" s="1" t="s">
        <v>118882</v>
      </c>
      <c r="C34432" s="1" t="s">
        <v>65</v>
      </c>
      <c r="D34432" s="1" t="s">
        <v>44773</v>
      </c>
      <c r="E34432" s="1" t="s">
        <v>119697</v>
      </c>
      <c r="F34432" s="1" t="s">
        <v>119698</v>
      </c>
      <c r="G34432" s="1" t="s">
        <v>119663</v>
      </c>
      <c r="H34432" s="1" t="s">
        <v>119664</v>
      </c>
      <c r="I34432" s="1" t="s">
        <v>118887</v>
      </c>
      <c r="J34432" s="1" t="s">
        <v>119699</v>
      </c>
    </row>
    <row r="34433" spans="1:10" x14ac:dyDescent="0.35">
      <c r="A34433" s="1" t="s">
        <v>6202</v>
      </c>
      <c r="B34433" s="1" t="s">
        <v>118882</v>
      </c>
      <c r="C34433" s="1" t="s">
        <v>70</v>
      </c>
      <c r="D34433" s="1" t="s">
        <v>8116</v>
      </c>
      <c r="E34433" s="1" t="s">
        <v>119700</v>
      </c>
      <c r="F34433" s="1" t="s">
        <v>119701</v>
      </c>
      <c r="G34433" s="1" t="s">
        <v>119663</v>
      </c>
      <c r="H34433" s="1" t="s">
        <v>119664</v>
      </c>
      <c r="I34433" s="1" t="s">
        <v>118887</v>
      </c>
      <c r="J34433" s="1" t="s">
        <v>119702</v>
      </c>
    </row>
    <row r="34434" spans="1:10" x14ac:dyDescent="0.35">
      <c r="A34434" s="1" t="s">
        <v>6202</v>
      </c>
      <c r="B34434" s="1" t="s">
        <v>118882</v>
      </c>
      <c r="C34434" s="1" t="s">
        <v>75</v>
      </c>
      <c r="D34434" s="1" t="s">
        <v>110707</v>
      </c>
      <c r="E34434" s="1" t="s">
        <v>119703</v>
      </c>
      <c r="F34434" s="1" t="s">
        <v>119704</v>
      </c>
      <c r="G34434" s="1" t="s">
        <v>119663</v>
      </c>
      <c r="H34434" s="1" t="s">
        <v>119664</v>
      </c>
      <c r="I34434" s="1" t="s">
        <v>118887</v>
      </c>
      <c r="J34434" s="1" t="s">
        <v>119705</v>
      </c>
    </row>
    <row r="34435" spans="1:10" x14ac:dyDescent="0.35">
      <c r="A34435" s="1" t="s">
        <v>6202</v>
      </c>
      <c r="B34435" s="1" t="s">
        <v>118882</v>
      </c>
      <c r="C34435" s="1" t="s">
        <v>80</v>
      </c>
      <c r="D34435" s="1" t="s">
        <v>27495</v>
      </c>
      <c r="E34435" s="1" t="s">
        <v>119706</v>
      </c>
      <c r="F34435" s="1" t="s">
        <v>119707</v>
      </c>
      <c r="G34435" s="1" t="s">
        <v>119663</v>
      </c>
      <c r="H34435" s="1" t="s">
        <v>119664</v>
      </c>
      <c r="I34435" s="1" t="s">
        <v>118887</v>
      </c>
      <c r="J34435" s="1" t="s">
        <v>119708</v>
      </c>
    </row>
    <row r="34436" spans="1:10" x14ac:dyDescent="0.35">
      <c r="A34436" s="1" t="s">
        <v>6202</v>
      </c>
      <c r="B34436" s="1" t="s">
        <v>118882</v>
      </c>
      <c r="C34436" s="1" t="s">
        <v>85</v>
      </c>
      <c r="D34436" s="1" t="s">
        <v>25254</v>
      </c>
      <c r="E34436" s="1" t="s">
        <v>119709</v>
      </c>
      <c r="F34436" s="1" t="s">
        <v>119710</v>
      </c>
      <c r="G34436" s="1" t="s">
        <v>119663</v>
      </c>
      <c r="H34436" s="1" t="s">
        <v>119664</v>
      </c>
      <c r="I34436" s="1" t="s">
        <v>118887</v>
      </c>
      <c r="J34436" s="1" t="s">
        <v>119711</v>
      </c>
    </row>
    <row r="34437" spans="1:10" x14ac:dyDescent="0.35">
      <c r="A34437" s="1" t="s">
        <v>6202</v>
      </c>
      <c r="B34437" s="1" t="s">
        <v>118882</v>
      </c>
      <c r="C34437" s="1" t="s">
        <v>90</v>
      </c>
      <c r="D34437" s="1" t="s">
        <v>33921</v>
      </c>
      <c r="E34437" s="1" t="s">
        <v>119712</v>
      </c>
      <c r="F34437" s="1" t="s">
        <v>119713</v>
      </c>
      <c r="G34437" s="1" t="s">
        <v>119663</v>
      </c>
      <c r="H34437" s="1" t="s">
        <v>119664</v>
      </c>
      <c r="I34437" s="1" t="s">
        <v>118887</v>
      </c>
      <c r="J34437" s="1" t="s">
        <v>119714</v>
      </c>
    </row>
    <row r="34438" spans="1:10" x14ac:dyDescent="0.35">
      <c r="A34438" s="1" t="s">
        <v>6202</v>
      </c>
      <c r="B34438" s="1" t="s">
        <v>118882</v>
      </c>
      <c r="C34438" s="1" t="s">
        <v>95</v>
      </c>
      <c r="D34438" s="1" t="s">
        <v>34678</v>
      </c>
      <c r="E34438" s="1" t="s">
        <v>119715</v>
      </c>
      <c r="F34438" s="1" t="s">
        <v>119716</v>
      </c>
      <c r="G34438" s="1" t="s">
        <v>119663</v>
      </c>
      <c r="H34438" s="1" t="s">
        <v>119664</v>
      </c>
      <c r="I34438" s="1" t="s">
        <v>118887</v>
      </c>
      <c r="J34438" s="1" t="s">
        <v>119717</v>
      </c>
    </row>
    <row r="34439" spans="1:10" x14ac:dyDescent="0.35">
      <c r="A34439" s="1" t="s">
        <v>6202</v>
      </c>
      <c r="B34439" s="1" t="s">
        <v>118882</v>
      </c>
      <c r="C34439" s="1" t="s">
        <v>100</v>
      </c>
      <c r="D34439" s="1" t="s">
        <v>119718</v>
      </c>
      <c r="E34439" s="1" t="s">
        <v>119719</v>
      </c>
      <c r="F34439" s="1" t="s">
        <v>119720</v>
      </c>
      <c r="G34439" s="1" t="s">
        <v>119663</v>
      </c>
      <c r="H34439" s="1" t="s">
        <v>119664</v>
      </c>
      <c r="I34439" s="1" t="s">
        <v>118887</v>
      </c>
      <c r="J34439" s="1" t="s">
        <v>119721</v>
      </c>
    </row>
    <row r="34440" spans="1:10" x14ac:dyDescent="0.35">
      <c r="A34440" s="1" t="s">
        <v>6202</v>
      </c>
      <c r="B34440" s="1" t="s">
        <v>118882</v>
      </c>
      <c r="C34440" s="1" t="s">
        <v>105</v>
      </c>
      <c r="D34440" s="1" t="s">
        <v>119722</v>
      </c>
      <c r="E34440" s="1" t="s">
        <v>119723</v>
      </c>
      <c r="F34440" s="1" t="s">
        <v>119724</v>
      </c>
      <c r="G34440" s="1" t="s">
        <v>119663</v>
      </c>
      <c r="H34440" s="1" t="s">
        <v>119664</v>
      </c>
      <c r="I34440" s="1" t="s">
        <v>118887</v>
      </c>
      <c r="J34440" s="1" t="s">
        <v>110543</v>
      </c>
    </row>
    <row r="34441" spans="1:10" x14ac:dyDescent="0.35">
      <c r="A34441" s="1" t="s">
        <v>6202</v>
      </c>
      <c r="B34441" s="1" t="s">
        <v>118882</v>
      </c>
      <c r="C34441" s="1" t="s">
        <v>110</v>
      </c>
      <c r="D34441" s="1" t="s">
        <v>52123</v>
      </c>
      <c r="E34441" s="1" t="s">
        <v>119725</v>
      </c>
      <c r="F34441" s="1" t="s">
        <v>119726</v>
      </c>
      <c r="G34441" s="1" t="s">
        <v>119663</v>
      </c>
      <c r="H34441" s="1" t="s">
        <v>119664</v>
      </c>
      <c r="I34441" s="1" t="s">
        <v>118887</v>
      </c>
      <c r="J34441" s="1" t="s">
        <v>119727</v>
      </c>
    </row>
    <row r="34442" spans="1:10" x14ac:dyDescent="0.35">
      <c r="A34442" s="1" t="s">
        <v>6202</v>
      </c>
      <c r="B34442" s="1" t="s">
        <v>118882</v>
      </c>
      <c r="C34442" s="1" t="s">
        <v>115</v>
      </c>
      <c r="D34442" s="1" t="s">
        <v>48720</v>
      </c>
      <c r="E34442" s="1" t="s">
        <v>119728</v>
      </c>
      <c r="F34442" s="1" t="s">
        <v>119729</v>
      </c>
      <c r="G34442" s="1" t="s">
        <v>119663</v>
      </c>
      <c r="H34442" s="1" t="s">
        <v>119664</v>
      </c>
      <c r="I34442" s="1" t="s">
        <v>118887</v>
      </c>
      <c r="J34442" s="1" t="s">
        <v>119730</v>
      </c>
    </row>
    <row r="34443" spans="1:10" x14ac:dyDescent="0.35">
      <c r="A34443" s="1" t="s">
        <v>6202</v>
      </c>
      <c r="B34443" s="1" t="s">
        <v>118882</v>
      </c>
      <c r="C34443" s="1" t="s">
        <v>120</v>
      </c>
      <c r="D34443" s="1" t="s">
        <v>35427</v>
      </c>
      <c r="E34443" s="1" t="s">
        <v>119731</v>
      </c>
      <c r="F34443" s="1" t="s">
        <v>119732</v>
      </c>
      <c r="G34443" s="1" t="s">
        <v>119663</v>
      </c>
      <c r="H34443" s="1" t="s">
        <v>119664</v>
      </c>
      <c r="I34443" s="1" t="s">
        <v>118887</v>
      </c>
      <c r="J34443" s="1" t="s">
        <v>119733</v>
      </c>
    </row>
    <row r="34444" spans="1:10" x14ac:dyDescent="0.35">
      <c r="A34444" s="1" t="s">
        <v>6202</v>
      </c>
      <c r="B34444" s="1" t="s">
        <v>118882</v>
      </c>
      <c r="C34444" s="1" t="s">
        <v>125</v>
      </c>
      <c r="D34444" s="1" t="s">
        <v>34891</v>
      </c>
      <c r="E34444" s="1" t="s">
        <v>119734</v>
      </c>
      <c r="F34444" s="1" t="s">
        <v>119735</v>
      </c>
      <c r="G34444" s="1" t="s">
        <v>119663</v>
      </c>
      <c r="H34444" s="1" t="s">
        <v>119664</v>
      </c>
      <c r="I34444" s="1" t="s">
        <v>118887</v>
      </c>
      <c r="J34444" s="1" t="s">
        <v>119736</v>
      </c>
    </row>
    <row r="34445" spans="1:10" x14ac:dyDescent="0.35">
      <c r="A34445" s="1" t="s">
        <v>6202</v>
      </c>
      <c r="B34445" s="1" t="s">
        <v>118882</v>
      </c>
      <c r="C34445" s="1" t="s">
        <v>130</v>
      </c>
      <c r="D34445" s="1" t="s">
        <v>109915</v>
      </c>
      <c r="E34445" s="1" t="s">
        <v>119737</v>
      </c>
      <c r="F34445" s="1" t="s">
        <v>119738</v>
      </c>
      <c r="G34445" s="1" t="s">
        <v>119663</v>
      </c>
      <c r="H34445" s="1" t="s">
        <v>119664</v>
      </c>
      <c r="I34445" s="1" t="s">
        <v>118887</v>
      </c>
      <c r="J34445" s="1" t="s">
        <v>119739</v>
      </c>
    </row>
    <row r="34446" spans="1:10" x14ac:dyDescent="0.35">
      <c r="A34446" s="1" t="s">
        <v>6202</v>
      </c>
      <c r="B34446" s="1" t="s">
        <v>118882</v>
      </c>
      <c r="C34446" s="1" t="s">
        <v>135</v>
      </c>
      <c r="D34446" s="1" t="s">
        <v>119740</v>
      </c>
      <c r="E34446" s="1" t="s">
        <v>119741</v>
      </c>
      <c r="F34446" s="1" t="s">
        <v>119742</v>
      </c>
      <c r="G34446" s="1" t="s">
        <v>119663</v>
      </c>
      <c r="H34446" s="1" t="s">
        <v>119664</v>
      </c>
      <c r="I34446" s="1" t="s">
        <v>118887</v>
      </c>
      <c r="J34446" s="1" t="s">
        <v>119743</v>
      </c>
    </row>
    <row r="34447" spans="1:10" x14ac:dyDescent="0.35">
      <c r="A34447" s="1" t="s">
        <v>6202</v>
      </c>
      <c r="B34447" s="1" t="s">
        <v>118882</v>
      </c>
      <c r="C34447" s="1" t="s">
        <v>140</v>
      </c>
      <c r="D34447" s="1" t="s">
        <v>119744</v>
      </c>
      <c r="E34447" s="1" t="s">
        <v>119745</v>
      </c>
      <c r="F34447" s="1" t="s">
        <v>119746</v>
      </c>
      <c r="G34447" s="1" t="s">
        <v>119663</v>
      </c>
      <c r="H34447" s="1" t="s">
        <v>119664</v>
      </c>
      <c r="I34447" s="1" t="s">
        <v>118887</v>
      </c>
      <c r="J34447" s="1" t="s">
        <v>119747</v>
      </c>
    </row>
    <row r="34448" spans="1:10" x14ac:dyDescent="0.35">
      <c r="A34448" s="1" t="s">
        <v>6202</v>
      </c>
      <c r="B34448" s="1" t="s">
        <v>118882</v>
      </c>
      <c r="C34448" s="1" t="s">
        <v>145</v>
      </c>
      <c r="D34448" s="1" t="s">
        <v>119748</v>
      </c>
      <c r="E34448" s="1" t="s">
        <v>119749</v>
      </c>
      <c r="F34448" s="1" t="s">
        <v>119750</v>
      </c>
      <c r="G34448" s="1" t="s">
        <v>119663</v>
      </c>
      <c r="H34448" s="1" t="s">
        <v>119664</v>
      </c>
      <c r="I34448" s="1" t="s">
        <v>118887</v>
      </c>
      <c r="J34448" s="1" t="s">
        <v>119751</v>
      </c>
    </row>
    <row r="34449" spans="1:10" x14ac:dyDescent="0.35">
      <c r="A34449" s="1" t="s">
        <v>6202</v>
      </c>
      <c r="B34449" s="1" t="s">
        <v>118882</v>
      </c>
      <c r="C34449" s="1" t="s">
        <v>150</v>
      </c>
      <c r="D34449" s="1" t="s">
        <v>119752</v>
      </c>
      <c r="E34449" s="1" t="s">
        <v>119753</v>
      </c>
      <c r="F34449" s="1" t="s">
        <v>119754</v>
      </c>
      <c r="G34449" s="1" t="s">
        <v>119663</v>
      </c>
      <c r="H34449" s="1" t="s">
        <v>119664</v>
      </c>
      <c r="I34449" s="1" t="s">
        <v>118887</v>
      </c>
      <c r="J34449" s="1" t="s">
        <v>119755</v>
      </c>
    </row>
    <row r="34450" spans="1:10" x14ac:dyDescent="0.35">
      <c r="A34450" s="1" t="s">
        <v>6202</v>
      </c>
      <c r="B34450" s="1" t="s">
        <v>118882</v>
      </c>
      <c r="C34450" s="1" t="s">
        <v>155</v>
      </c>
      <c r="D34450" s="1" t="s">
        <v>115977</v>
      </c>
      <c r="E34450" s="1" t="s">
        <v>119756</v>
      </c>
      <c r="F34450" s="1" t="s">
        <v>119757</v>
      </c>
      <c r="G34450" s="1" t="s">
        <v>119663</v>
      </c>
      <c r="H34450" s="1" t="s">
        <v>119664</v>
      </c>
      <c r="I34450" s="1" t="s">
        <v>118887</v>
      </c>
      <c r="J34450" s="1" t="s">
        <v>119758</v>
      </c>
    </row>
    <row r="34451" spans="1:10" x14ac:dyDescent="0.35">
      <c r="A34451" s="1" t="s">
        <v>6202</v>
      </c>
      <c r="B34451" s="1" t="s">
        <v>118882</v>
      </c>
      <c r="C34451" s="1" t="s">
        <v>160</v>
      </c>
      <c r="D34451" s="1" t="s">
        <v>3663</v>
      </c>
      <c r="E34451" s="1" t="s">
        <v>119759</v>
      </c>
      <c r="F34451" s="1" t="s">
        <v>119760</v>
      </c>
      <c r="G34451" s="1" t="s">
        <v>119663</v>
      </c>
      <c r="H34451" s="1" t="s">
        <v>119664</v>
      </c>
      <c r="I34451" s="1" t="s">
        <v>118887</v>
      </c>
      <c r="J34451" s="1" t="s">
        <v>119761</v>
      </c>
    </row>
    <row r="34452" spans="1:10" x14ac:dyDescent="0.35">
      <c r="A34452" s="1" t="s">
        <v>6202</v>
      </c>
      <c r="B34452" s="1" t="s">
        <v>118882</v>
      </c>
      <c r="C34452" s="1" t="s">
        <v>165</v>
      </c>
      <c r="D34452" s="1" t="s">
        <v>16408</v>
      </c>
      <c r="E34452" s="1" t="s">
        <v>119762</v>
      </c>
      <c r="F34452" s="1" t="s">
        <v>119763</v>
      </c>
      <c r="G34452" s="1" t="s">
        <v>119663</v>
      </c>
      <c r="H34452" s="1" t="s">
        <v>119664</v>
      </c>
      <c r="I34452" s="1" t="s">
        <v>118887</v>
      </c>
      <c r="J34452" s="1" t="s">
        <v>119764</v>
      </c>
    </row>
    <row r="34453" spans="1:10" x14ac:dyDescent="0.35">
      <c r="A34453" s="1" t="s">
        <v>6202</v>
      </c>
      <c r="B34453" s="1" t="s">
        <v>118882</v>
      </c>
      <c r="C34453" s="1" t="s">
        <v>170</v>
      </c>
      <c r="D34453" s="1" t="s">
        <v>119765</v>
      </c>
      <c r="E34453" s="1" t="s">
        <v>119766</v>
      </c>
      <c r="F34453" s="1" t="s">
        <v>119767</v>
      </c>
      <c r="G34453" s="1" t="s">
        <v>119663</v>
      </c>
      <c r="H34453" s="1" t="s">
        <v>119664</v>
      </c>
      <c r="I34453" s="1" t="s">
        <v>118887</v>
      </c>
      <c r="J34453" s="1" t="s">
        <v>119768</v>
      </c>
    </row>
    <row r="34454" spans="1:10" x14ac:dyDescent="0.35">
      <c r="A34454" s="1" t="s">
        <v>119769</v>
      </c>
      <c r="B34454" s="1" t="s">
        <v>118882</v>
      </c>
      <c r="C34454" s="1" t="s">
        <v>8</v>
      </c>
      <c r="D34454" s="1" t="s">
        <v>119770</v>
      </c>
      <c r="E34454" s="1" t="s">
        <v>119771</v>
      </c>
      <c r="F34454" s="1" t="s">
        <v>119772</v>
      </c>
      <c r="G34454" s="1" t="s">
        <v>119773</v>
      </c>
      <c r="H34454" s="1" t="s">
        <v>119774</v>
      </c>
      <c r="I34454" s="1" t="s">
        <v>118887</v>
      </c>
      <c r="J34454" s="1" t="s">
        <v>13</v>
      </c>
    </row>
    <row r="34455" spans="1:10" x14ac:dyDescent="0.35">
      <c r="A34455" s="1" t="s">
        <v>119769</v>
      </c>
      <c r="B34455" s="1" t="s">
        <v>118882</v>
      </c>
      <c r="C34455" s="1" t="s">
        <v>15</v>
      </c>
      <c r="D34455" s="1" t="s">
        <v>119775</v>
      </c>
      <c r="E34455" s="1" t="s">
        <v>119776</v>
      </c>
      <c r="F34455" s="1" t="s">
        <v>119777</v>
      </c>
      <c r="G34455" s="1" t="s">
        <v>119773</v>
      </c>
      <c r="H34455" s="1" t="s">
        <v>119774</v>
      </c>
      <c r="I34455" s="1" t="s">
        <v>118887</v>
      </c>
      <c r="J34455" s="1" t="s">
        <v>119778</v>
      </c>
    </row>
    <row r="34456" spans="1:10" x14ac:dyDescent="0.35">
      <c r="A34456" s="1" t="s">
        <v>119769</v>
      </c>
      <c r="B34456" s="1" t="s">
        <v>118882</v>
      </c>
      <c r="C34456" s="1" t="s">
        <v>20</v>
      </c>
      <c r="D34456" s="1" t="s">
        <v>119779</v>
      </c>
      <c r="E34456" s="1" t="s">
        <v>119780</v>
      </c>
      <c r="F34456" s="1" t="s">
        <v>119781</v>
      </c>
      <c r="G34456" s="1" t="s">
        <v>119773</v>
      </c>
      <c r="H34456" s="1" t="s">
        <v>119774</v>
      </c>
      <c r="I34456" s="1" t="s">
        <v>118887</v>
      </c>
      <c r="J34456" s="1" t="s">
        <v>119782</v>
      </c>
    </row>
    <row r="34457" spans="1:10" x14ac:dyDescent="0.35">
      <c r="A34457" s="1" t="s">
        <v>119769</v>
      </c>
      <c r="B34457" s="1" t="s">
        <v>118882</v>
      </c>
      <c r="C34457" s="1" t="s">
        <v>25</v>
      </c>
      <c r="D34457" s="1" t="s">
        <v>2031</v>
      </c>
      <c r="E34457" s="1" t="s">
        <v>119783</v>
      </c>
      <c r="F34457" s="1" t="s">
        <v>119784</v>
      </c>
      <c r="G34457" s="1" t="s">
        <v>119773</v>
      </c>
      <c r="H34457" s="1" t="s">
        <v>119774</v>
      </c>
      <c r="I34457" s="1" t="s">
        <v>118887</v>
      </c>
      <c r="J34457" s="1" t="s">
        <v>119785</v>
      </c>
    </row>
    <row r="34458" spans="1:10" x14ac:dyDescent="0.35">
      <c r="A34458" s="1" t="s">
        <v>119769</v>
      </c>
      <c r="B34458" s="1" t="s">
        <v>118882</v>
      </c>
      <c r="C34458" s="1" t="s">
        <v>30</v>
      </c>
      <c r="D34458" s="1" t="s">
        <v>1671</v>
      </c>
      <c r="E34458" s="1" t="s">
        <v>119786</v>
      </c>
      <c r="F34458" s="1" t="s">
        <v>119787</v>
      </c>
      <c r="G34458" s="1" t="s">
        <v>119773</v>
      </c>
      <c r="H34458" s="1" t="s">
        <v>119774</v>
      </c>
      <c r="I34458" s="1" t="s">
        <v>118887</v>
      </c>
      <c r="J34458" s="1" t="s">
        <v>119788</v>
      </c>
    </row>
    <row r="34459" spans="1:10" x14ac:dyDescent="0.35">
      <c r="A34459" s="1" t="s">
        <v>119769</v>
      </c>
      <c r="B34459" s="1" t="s">
        <v>118882</v>
      </c>
      <c r="C34459" s="1" t="s">
        <v>35</v>
      </c>
      <c r="D34459" s="1" t="s">
        <v>6500</v>
      </c>
      <c r="E34459" s="1" t="s">
        <v>119789</v>
      </c>
      <c r="F34459" s="1" t="s">
        <v>119790</v>
      </c>
      <c r="G34459" s="1" t="s">
        <v>119773</v>
      </c>
      <c r="H34459" s="1" t="s">
        <v>119774</v>
      </c>
      <c r="I34459" s="1" t="s">
        <v>118887</v>
      </c>
      <c r="J34459" s="1" t="s">
        <v>119791</v>
      </c>
    </row>
    <row r="34460" spans="1:10" x14ac:dyDescent="0.35">
      <c r="A34460" s="1" t="s">
        <v>119769</v>
      </c>
      <c r="B34460" s="1" t="s">
        <v>118882</v>
      </c>
      <c r="C34460" s="1" t="s">
        <v>40</v>
      </c>
      <c r="D34460" s="1" t="s">
        <v>119792</v>
      </c>
      <c r="E34460" s="1" t="s">
        <v>119793</v>
      </c>
      <c r="F34460" s="1" t="s">
        <v>119794</v>
      </c>
      <c r="G34460" s="1" t="s">
        <v>119773</v>
      </c>
      <c r="H34460" s="1" t="s">
        <v>119774</v>
      </c>
      <c r="I34460" s="1" t="s">
        <v>118887</v>
      </c>
      <c r="J34460" s="1" t="s">
        <v>119795</v>
      </c>
    </row>
    <row r="34461" spans="1:10" x14ac:dyDescent="0.35">
      <c r="A34461" s="1" t="s">
        <v>119769</v>
      </c>
      <c r="B34461" s="1" t="s">
        <v>118882</v>
      </c>
      <c r="C34461" s="1" t="s">
        <v>45</v>
      </c>
      <c r="D34461" s="1" t="s">
        <v>119796</v>
      </c>
      <c r="E34461" s="1" t="s">
        <v>119797</v>
      </c>
      <c r="F34461" s="1" t="s">
        <v>119798</v>
      </c>
      <c r="G34461" s="1" t="s">
        <v>119773</v>
      </c>
      <c r="H34461" s="1" t="s">
        <v>119774</v>
      </c>
      <c r="I34461" s="1" t="s">
        <v>118887</v>
      </c>
      <c r="J34461" s="1" t="s">
        <v>119799</v>
      </c>
    </row>
    <row r="34462" spans="1:10" x14ac:dyDescent="0.35">
      <c r="A34462" s="1" t="s">
        <v>119769</v>
      </c>
      <c r="B34462" s="1" t="s">
        <v>118882</v>
      </c>
      <c r="C34462" s="1" t="s">
        <v>50</v>
      </c>
      <c r="D34462" s="1" t="s">
        <v>104096</v>
      </c>
      <c r="E34462" s="1" t="s">
        <v>119800</v>
      </c>
      <c r="F34462" s="1" t="s">
        <v>119801</v>
      </c>
      <c r="G34462" s="1" t="s">
        <v>119773</v>
      </c>
      <c r="H34462" s="1" t="s">
        <v>119774</v>
      </c>
      <c r="I34462" s="1" t="s">
        <v>118887</v>
      </c>
      <c r="J34462" s="1" t="s">
        <v>119802</v>
      </c>
    </row>
    <row r="34463" spans="1:10" x14ac:dyDescent="0.35">
      <c r="A34463" s="1" t="s">
        <v>119769</v>
      </c>
      <c r="B34463" s="1" t="s">
        <v>118882</v>
      </c>
      <c r="C34463" s="1" t="s">
        <v>55</v>
      </c>
      <c r="D34463" s="1" t="s">
        <v>104453</v>
      </c>
      <c r="E34463" s="1" t="s">
        <v>119803</v>
      </c>
      <c r="F34463" s="1" t="s">
        <v>119804</v>
      </c>
      <c r="G34463" s="1" t="s">
        <v>119773</v>
      </c>
      <c r="H34463" s="1" t="s">
        <v>119774</v>
      </c>
      <c r="I34463" s="1" t="s">
        <v>118887</v>
      </c>
      <c r="J34463" s="1" t="s">
        <v>119805</v>
      </c>
    </row>
    <row r="34464" spans="1:10" x14ac:dyDescent="0.35">
      <c r="A34464" s="1" t="s">
        <v>119769</v>
      </c>
      <c r="B34464" s="1" t="s">
        <v>118882</v>
      </c>
      <c r="C34464" s="1" t="s">
        <v>60</v>
      </c>
      <c r="D34464" s="1" t="s">
        <v>119806</v>
      </c>
      <c r="E34464" s="1" t="s">
        <v>119807</v>
      </c>
      <c r="F34464" s="1" t="s">
        <v>119808</v>
      </c>
      <c r="G34464" s="1" t="s">
        <v>119773</v>
      </c>
      <c r="H34464" s="1" t="s">
        <v>119774</v>
      </c>
      <c r="I34464" s="1" t="s">
        <v>118887</v>
      </c>
      <c r="J34464" s="1" t="s">
        <v>119809</v>
      </c>
    </row>
    <row r="34465" spans="1:10" x14ac:dyDescent="0.35">
      <c r="A34465" s="1" t="s">
        <v>119769</v>
      </c>
      <c r="B34465" s="1" t="s">
        <v>118882</v>
      </c>
      <c r="C34465" s="1" t="s">
        <v>65</v>
      </c>
      <c r="D34465" s="1" t="s">
        <v>34818</v>
      </c>
      <c r="E34465" s="1" t="s">
        <v>119810</v>
      </c>
      <c r="F34465" s="1" t="s">
        <v>119811</v>
      </c>
      <c r="G34465" s="1" t="s">
        <v>119773</v>
      </c>
      <c r="H34465" s="1" t="s">
        <v>119774</v>
      </c>
      <c r="I34465" s="1" t="s">
        <v>118887</v>
      </c>
      <c r="J34465" s="1" t="s">
        <v>119812</v>
      </c>
    </row>
    <row r="34466" spans="1:10" x14ac:dyDescent="0.35">
      <c r="A34466" s="1" t="s">
        <v>119769</v>
      </c>
      <c r="B34466" s="1" t="s">
        <v>118882</v>
      </c>
      <c r="C34466" s="1" t="s">
        <v>70</v>
      </c>
      <c r="D34466" s="1" t="s">
        <v>111993</v>
      </c>
      <c r="E34466" s="1" t="s">
        <v>119813</v>
      </c>
      <c r="F34466" s="1" t="s">
        <v>119814</v>
      </c>
      <c r="G34466" s="1" t="s">
        <v>119773</v>
      </c>
      <c r="H34466" s="1" t="s">
        <v>119774</v>
      </c>
      <c r="I34466" s="1" t="s">
        <v>118887</v>
      </c>
      <c r="J34466" s="1" t="s">
        <v>119815</v>
      </c>
    </row>
    <row r="34467" spans="1:10" x14ac:dyDescent="0.35">
      <c r="A34467" s="1" t="s">
        <v>119769</v>
      </c>
      <c r="B34467" s="1" t="s">
        <v>118882</v>
      </c>
      <c r="C34467" s="1" t="s">
        <v>75</v>
      </c>
      <c r="D34467" s="1" t="s">
        <v>37333</v>
      </c>
      <c r="E34467" s="1" t="s">
        <v>119816</v>
      </c>
      <c r="F34467" s="1" t="s">
        <v>119817</v>
      </c>
      <c r="G34467" s="1" t="s">
        <v>119773</v>
      </c>
      <c r="H34467" s="1" t="s">
        <v>119774</v>
      </c>
      <c r="I34467" s="1" t="s">
        <v>118887</v>
      </c>
      <c r="J34467" s="1" t="s">
        <v>119818</v>
      </c>
    </row>
    <row r="34468" spans="1:10" x14ac:dyDescent="0.35">
      <c r="A34468" s="1" t="s">
        <v>119769</v>
      </c>
      <c r="B34468" s="1" t="s">
        <v>118882</v>
      </c>
      <c r="C34468" s="1" t="s">
        <v>80</v>
      </c>
      <c r="D34468" s="1" t="s">
        <v>119819</v>
      </c>
      <c r="E34468" s="1" t="s">
        <v>119820</v>
      </c>
      <c r="F34468" s="1" t="s">
        <v>119821</v>
      </c>
      <c r="G34468" s="1" t="s">
        <v>119773</v>
      </c>
      <c r="H34468" s="1" t="s">
        <v>119774</v>
      </c>
      <c r="I34468" s="1" t="s">
        <v>118887</v>
      </c>
      <c r="J34468" s="1" t="s">
        <v>119822</v>
      </c>
    </row>
    <row r="34469" spans="1:10" x14ac:dyDescent="0.35">
      <c r="A34469" s="1" t="s">
        <v>119769</v>
      </c>
      <c r="B34469" s="1" t="s">
        <v>118882</v>
      </c>
      <c r="C34469" s="1" t="s">
        <v>85</v>
      </c>
      <c r="D34469" s="1" t="s">
        <v>111419</v>
      </c>
      <c r="E34469" s="1" t="s">
        <v>119823</v>
      </c>
      <c r="F34469" s="1" t="s">
        <v>119824</v>
      </c>
      <c r="G34469" s="1" t="s">
        <v>119773</v>
      </c>
      <c r="H34469" s="1" t="s">
        <v>119774</v>
      </c>
      <c r="I34469" s="1" t="s">
        <v>118887</v>
      </c>
      <c r="J34469" s="1" t="s">
        <v>119825</v>
      </c>
    </row>
    <row r="34470" spans="1:10" x14ac:dyDescent="0.35">
      <c r="A34470" s="1" t="s">
        <v>119769</v>
      </c>
      <c r="B34470" s="1" t="s">
        <v>118882</v>
      </c>
      <c r="C34470" s="1" t="s">
        <v>90</v>
      </c>
      <c r="D34470" s="1" t="s">
        <v>7976</v>
      </c>
      <c r="E34470" s="1" t="s">
        <v>119826</v>
      </c>
      <c r="F34470" s="1" t="s">
        <v>119827</v>
      </c>
      <c r="G34470" s="1" t="s">
        <v>119773</v>
      </c>
      <c r="H34470" s="1" t="s">
        <v>119774</v>
      </c>
      <c r="I34470" s="1" t="s">
        <v>118887</v>
      </c>
      <c r="J34470" s="1" t="s">
        <v>119828</v>
      </c>
    </row>
    <row r="34471" spans="1:10" x14ac:dyDescent="0.35">
      <c r="A34471" s="1" t="s">
        <v>119769</v>
      </c>
      <c r="B34471" s="1" t="s">
        <v>118882</v>
      </c>
      <c r="C34471" s="1" t="s">
        <v>95</v>
      </c>
      <c r="D34471" s="1" t="s">
        <v>37747</v>
      </c>
      <c r="E34471" s="1" t="s">
        <v>119829</v>
      </c>
      <c r="F34471" s="1" t="s">
        <v>119830</v>
      </c>
      <c r="G34471" s="1" t="s">
        <v>119773</v>
      </c>
      <c r="H34471" s="1" t="s">
        <v>119774</v>
      </c>
      <c r="I34471" s="1" t="s">
        <v>118887</v>
      </c>
      <c r="J34471" s="1" t="s">
        <v>119831</v>
      </c>
    </row>
    <row r="34472" spans="1:10" x14ac:dyDescent="0.35">
      <c r="A34472" s="1" t="s">
        <v>119769</v>
      </c>
      <c r="B34472" s="1" t="s">
        <v>118882</v>
      </c>
      <c r="C34472" s="1" t="s">
        <v>100</v>
      </c>
      <c r="D34472" s="1" t="s">
        <v>119832</v>
      </c>
      <c r="E34472" s="1" t="s">
        <v>119833</v>
      </c>
      <c r="F34472" s="1" t="s">
        <v>119834</v>
      </c>
      <c r="G34472" s="1" t="s">
        <v>119773</v>
      </c>
      <c r="H34472" s="1" t="s">
        <v>119774</v>
      </c>
      <c r="I34472" s="1" t="s">
        <v>118887</v>
      </c>
      <c r="J34472" s="1" t="s">
        <v>119835</v>
      </c>
    </row>
    <row r="34473" spans="1:10" x14ac:dyDescent="0.35">
      <c r="A34473" s="1" t="s">
        <v>119769</v>
      </c>
      <c r="B34473" s="1" t="s">
        <v>118882</v>
      </c>
      <c r="C34473" s="1" t="s">
        <v>105</v>
      </c>
      <c r="D34473" s="1" t="s">
        <v>37600</v>
      </c>
      <c r="E34473" s="1" t="s">
        <v>119836</v>
      </c>
      <c r="F34473" s="1" t="s">
        <v>119837</v>
      </c>
      <c r="G34473" s="1" t="s">
        <v>119773</v>
      </c>
      <c r="H34473" s="1" t="s">
        <v>119774</v>
      </c>
      <c r="I34473" s="1" t="s">
        <v>118887</v>
      </c>
      <c r="J34473" s="1" t="s">
        <v>119838</v>
      </c>
    </row>
    <row r="34474" spans="1:10" x14ac:dyDescent="0.35">
      <c r="A34474" s="1" t="s">
        <v>119769</v>
      </c>
      <c r="B34474" s="1" t="s">
        <v>118882</v>
      </c>
      <c r="C34474" s="1" t="s">
        <v>110</v>
      </c>
      <c r="D34474" s="1" t="s">
        <v>115641</v>
      </c>
      <c r="E34474" s="1" t="s">
        <v>119839</v>
      </c>
      <c r="F34474" s="1" t="s">
        <v>119840</v>
      </c>
      <c r="G34474" s="1" t="s">
        <v>119773</v>
      </c>
      <c r="H34474" s="1" t="s">
        <v>119774</v>
      </c>
      <c r="I34474" s="1" t="s">
        <v>118887</v>
      </c>
      <c r="J34474" s="1" t="s">
        <v>119841</v>
      </c>
    </row>
    <row r="34475" spans="1:10" x14ac:dyDescent="0.35">
      <c r="A34475" s="1" t="s">
        <v>119769</v>
      </c>
      <c r="B34475" s="1" t="s">
        <v>118882</v>
      </c>
      <c r="C34475" s="1" t="s">
        <v>115</v>
      </c>
      <c r="D34475" s="1" t="s">
        <v>119842</v>
      </c>
      <c r="E34475" s="1" t="s">
        <v>119843</v>
      </c>
      <c r="F34475" s="1" t="s">
        <v>119844</v>
      </c>
      <c r="G34475" s="1" t="s">
        <v>119773</v>
      </c>
      <c r="H34475" s="1" t="s">
        <v>119774</v>
      </c>
      <c r="I34475" s="1" t="s">
        <v>118887</v>
      </c>
      <c r="J34475" s="1" t="s">
        <v>119845</v>
      </c>
    </row>
    <row r="34476" spans="1:10" x14ac:dyDescent="0.35">
      <c r="A34476" s="1" t="s">
        <v>119769</v>
      </c>
      <c r="B34476" s="1" t="s">
        <v>118882</v>
      </c>
      <c r="C34476" s="1" t="s">
        <v>120</v>
      </c>
      <c r="D34476" s="1" t="s">
        <v>104861</v>
      </c>
      <c r="E34476" s="1" t="s">
        <v>119846</v>
      </c>
      <c r="F34476" s="1" t="s">
        <v>119847</v>
      </c>
      <c r="G34476" s="1" t="s">
        <v>119773</v>
      </c>
      <c r="H34476" s="1" t="s">
        <v>119774</v>
      </c>
      <c r="I34476" s="1" t="s">
        <v>118887</v>
      </c>
      <c r="J34476" s="1" t="s">
        <v>119848</v>
      </c>
    </row>
    <row r="34477" spans="1:10" x14ac:dyDescent="0.35">
      <c r="A34477" s="1" t="s">
        <v>119769</v>
      </c>
      <c r="B34477" s="1" t="s">
        <v>118882</v>
      </c>
      <c r="C34477" s="1" t="s">
        <v>125</v>
      </c>
      <c r="D34477" s="1" t="s">
        <v>119849</v>
      </c>
      <c r="E34477" s="1" t="s">
        <v>119850</v>
      </c>
      <c r="F34477" s="1" t="s">
        <v>119851</v>
      </c>
      <c r="G34477" s="1" t="s">
        <v>119773</v>
      </c>
      <c r="H34477" s="1" t="s">
        <v>119774</v>
      </c>
      <c r="I34477" s="1" t="s">
        <v>118887</v>
      </c>
      <c r="J34477" s="1" t="s">
        <v>119852</v>
      </c>
    </row>
    <row r="34478" spans="1:10" x14ac:dyDescent="0.35">
      <c r="A34478" s="1" t="s">
        <v>119769</v>
      </c>
      <c r="B34478" s="1" t="s">
        <v>118882</v>
      </c>
      <c r="C34478" s="1" t="s">
        <v>130</v>
      </c>
      <c r="D34478" s="1" t="s">
        <v>9601</v>
      </c>
      <c r="E34478" s="1" t="s">
        <v>119853</v>
      </c>
      <c r="F34478" s="1" t="s">
        <v>119854</v>
      </c>
      <c r="G34478" s="1" t="s">
        <v>119773</v>
      </c>
      <c r="H34478" s="1" t="s">
        <v>119774</v>
      </c>
      <c r="I34478" s="1" t="s">
        <v>118887</v>
      </c>
      <c r="J34478" s="1" t="s">
        <v>119855</v>
      </c>
    </row>
    <row r="34479" spans="1:10" x14ac:dyDescent="0.35">
      <c r="A34479" s="1" t="s">
        <v>119769</v>
      </c>
      <c r="B34479" s="1" t="s">
        <v>118882</v>
      </c>
      <c r="C34479" s="1" t="s">
        <v>135</v>
      </c>
      <c r="D34479" s="1" t="s">
        <v>72849</v>
      </c>
      <c r="E34479" s="1" t="s">
        <v>119856</v>
      </c>
      <c r="F34479" s="1" t="s">
        <v>119857</v>
      </c>
      <c r="G34479" s="1" t="s">
        <v>119773</v>
      </c>
      <c r="H34479" s="1" t="s">
        <v>119774</v>
      </c>
      <c r="I34479" s="1" t="s">
        <v>118887</v>
      </c>
      <c r="J34479" s="1" t="s">
        <v>119858</v>
      </c>
    </row>
    <row r="34480" spans="1:10" x14ac:dyDescent="0.35">
      <c r="A34480" s="1" t="s">
        <v>119769</v>
      </c>
      <c r="B34480" s="1" t="s">
        <v>118882</v>
      </c>
      <c r="C34480" s="1" t="s">
        <v>140</v>
      </c>
      <c r="D34480" s="1" t="s">
        <v>45295</v>
      </c>
      <c r="E34480" s="1" t="s">
        <v>119859</v>
      </c>
      <c r="F34480" s="1" t="s">
        <v>119860</v>
      </c>
      <c r="G34480" s="1" t="s">
        <v>119773</v>
      </c>
      <c r="H34480" s="1" t="s">
        <v>119774</v>
      </c>
      <c r="I34480" s="1" t="s">
        <v>118887</v>
      </c>
      <c r="J34480" s="1" t="s">
        <v>119861</v>
      </c>
    </row>
    <row r="34481" spans="1:10" x14ac:dyDescent="0.35">
      <c r="A34481" s="1" t="s">
        <v>119769</v>
      </c>
      <c r="B34481" s="1" t="s">
        <v>118882</v>
      </c>
      <c r="C34481" s="1" t="s">
        <v>145</v>
      </c>
      <c r="D34481" s="1" t="s">
        <v>119862</v>
      </c>
      <c r="E34481" s="1" t="s">
        <v>119863</v>
      </c>
      <c r="F34481" s="1" t="s">
        <v>119864</v>
      </c>
      <c r="G34481" s="1" t="s">
        <v>119773</v>
      </c>
      <c r="H34481" s="1" t="s">
        <v>119774</v>
      </c>
      <c r="I34481" s="1" t="s">
        <v>118887</v>
      </c>
      <c r="J34481" s="1" t="s">
        <v>119865</v>
      </c>
    </row>
    <row r="34482" spans="1:10" x14ac:dyDescent="0.35">
      <c r="A34482" s="1" t="s">
        <v>119769</v>
      </c>
      <c r="B34482" s="1" t="s">
        <v>118882</v>
      </c>
      <c r="C34482" s="1" t="s">
        <v>150</v>
      </c>
      <c r="D34482" s="1" t="s">
        <v>119866</v>
      </c>
      <c r="E34482" s="1" t="s">
        <v>119867</v>
      </c>
      <c r="F34482" s="1" t="s">
        <v>119868</v>
      </c>
      <c r="G34482" s="1" t="s">
        <v>119773</v>
      </c>
      <c r="H34482" s="1" t="s">
        <v>119774</v>
      </c>
      <c r="I34482" s="1" t="s">
        <v>118887</v>
      </c>
      <c r="J34482" s="1" t="s">
        <v>119869</v>
      </c>
    </row>
    <row r="34483" spans="1:10" x14ac:dyDescent="0.35">
      <c r="A34483" s="1" t="s">
        <v>119769</v>
      </c>
      <c r="B34483" s="1" t="s">
        <v>118882</v>
      </c>
      <c r="C34483" s="1" t="s">
        <v>155</v>
      </c>
      <c r="D34483" s="1" t="s">
        <v>9428</v>
      </c>
      <c r="E34483" s="1" t="s">
        <v>119870</v>
      </c>
      <c r="F34483" s="1" t="s">
        <v>119871</v>
      </c>
      <c r="G34483" s="1" t="s">
        <v>119773</v>
      </c>
      <c r="H34483" s="1" t="s">
        <v>119774</v>
      </c>
      <c r="I34483" s="1" t="s">
        <v>118887</v>
      </c>
      <c r="J34483" s="1" t="s">
        <v>119872</v>
      </c>
    </row>
    <row r="34484" spans="1:10" x14ac:dyDescent="0.35">
      <c r="A34484" s="1" t="s">
        <v>119769</v>
      </c>
      <c r="B34484" s="1" t="s">
        <v>118882</v>
      </c>
      <c r="C34484" s="1" t="s">
        <v>160</v>
      </c>
      <c r="D34484" s="1" t="s">
        <v>119873</v>
      </c>
      <c r="E34484" s="1" t="s">
        <v>119874</v>
      </c>
      <c r="F34484" s="1" t="s">
        <v>119875</v>
      </c>
      <c r="G34484" s="1" t="s">
        <v>119773</v>
      </c>
      <c r="H34484" s="1" t="s">
        <v>119774</v>
      </c>
      <c r="I34484" s="1" t="s">
        <v>118887</v>
      </c>
      <c r="J34484" s="1" t="s">
        <v>119876</v>
      </c>
    </row>
    <row r="34485" spans="1:10" x14ac:dyDescent="0.35">
      <c r="A34485" s="1" t="s">
        <v>119769</v>
      </c>
      <c r="B34485" s="1" t="s">
        <v>118882</v>
      </c>
      <c r="C34485" s="1" t="s">
        <v>165</v>
      </c>
      <c r="D34485" s="1" t="s">
        <v>119877</v>
      </c>
      <c r="E34485" s="1" t="s">
        <v>119878</v>
      </c>
      <c r="F34485" s="1" t="s">
        <v>119879</v>
      </c>
      <c r="G34485" s="1" t="s">
        <v>119773</v>
      </c>
      <c r="H34485" s="1" t="s">
        <v>119774</v>
      </c>
      <c r="I34485" s="1" t="s">
        <v>118887</v>
      </c>
      <c r="J34485" s="1" t="s">
        <v>119880</v>
      </c>
    </row>
    <row r="34486" spans="1:10" x14ac:dyDescent="0.35">
      <c r="A34486" s="1" t="s">
        <v>119769</v>
      </c>
      <c r="B34486" s="1" t="s">
        <v>118882</v>
      </c>
      <c r="C34486" s="1" t="s">
        <v>170</v>
      </c>
      <c r="D34486" s="1" t="s">
        <v>119881</v>
      </c>
      <c r="E34486" s="1" t="s">
        <v>119882</v>
      </c>
      <c r="F34486" s="1" t="s">
        <v>119883</v>
      </c>
      <c r="G34486" s="1" t="s">
        <v>119773</v>
      </c>
      <c r="H34486" s="1" t="s">
        <v>119774</v>
      </c>
      <c r="I34486" s="1" t="s">
        <v>118887</v>
      </c>
      <c r="J34486" s="1" t="s">
        <v>119884</v>
      </c>
    </row>
    <row r="34487" spans="1:10" x14ac:dyDescent="0.35">
      <c r="A34487" s="1" t="s">
        <v>13920</v>
      </c>
      <c r="B34487" s="1" t="s">
        <v>118882</v>
      </c>
      <c r="C34487" s="1" t="s">
        <v>8</v>
      </c>
      <c r="D34487" s="1" t="s">
        <v>119885</v>
      </c>
      <c r="E34487" s="1" t="s">
        <v>119886</v>
      </c>
      <c r="F34487" s="1" t="s">
        <v>119887</v>
      </c>
      <c r="G34487" s="1" t="s">
        <v>119888</v>
      </c>
      <c r="H34487" s="1" t="s">
        <v>119889</v>
      </c>
      <c r="I34487" s="1" t="s">
        <v>118887</v>
      </c>
      <c r="J34487" s="1" t="s">
        <v>13</v>
      </c>
    </row>
    <row r="34488" spans="1:10" x14ac:dyDescent="0.35">
      <c r="A34488" s="1" t="s">
        <v>13920</v>
      </c>
      <c r="B34488" s="1" t="s">
        <v>118882</v>
      </c>
      <c r="C34488" s="1" t="s">
        <v>15</v>
      </c>
      <c r="D34488" s="1" t="s">
        <v>10070</v>
      </c>
      <c r="E34488" s="1" t="s">
        <v>119890</v>
      </c>
      <c r="F34488" s="1" t="s">
        <v>119891</v>
      </c>
      <c r="G34488" s="1" t="s">
        <v>119888</v>
      </c>
      <c r="H34488" s="1" t="s">
        <v>119889</v>
      </c>
      <c r="I34488" s="1" t="s">
        <v>118887</v>
      </c>
      <c r="J34488" s="1" t="s">
        <v>119892</v>
      </c>
    </row>
    <row r="34489" spans="1:10" x14ac:dyDescent="0.35">
      <c r="A34489" s="1" t="s">
        <v>13920</v>
      </c>
      <c r="B34489" s="1" t="s">
        <v>118882</v>
      </c>
      <c r="C34489" s="1" t="s">
        <v>20</v>
      </c>
      <c r="D34489" s="1" t="s">
        <v>119893</v>
      </c>
      <c r="E34489" s="1" t="s">
        <v>119894</v>
      </c>
      <c r="F34489" s="1" t="s">
        <v>119895</v>
      </c>
      <c r="G34489" s="1" t="s">
        <v>119888</v>
      </c>
      <c r="H34489" s="1" t="s">
        <v>119889</v>
      </c>
      <c r="I34489" s="1" t="s">
        <v>118887</v>
      </c>
      <c r="J34489" s="1" t="s">
        <v>119896</v>
      </c>
    </row>
    <row r="34490" spans="1:10" x14ac:dyDescent="0.35">
      <c r="A34490" s="1" t="s">
        <v>13920</v>
      </c>
      <c r="B34490" s="1" t="s">
        <v>118882</v>
      </c>
      <c r="C34490" s="1" t="s">
        <v>25</v>
      </c>
      <c r="D34490" s="1" t="s">
        <v>27615</v>
      </c>
      <c r="E34490" s="1" t="s">
        <v>119897</v>
      </c>
      <c r="F34490" s="1" t="s">
        <v>119898</v>
      </c>
      <c r="G34490" s="1" t="s">
        <v>119888</v>
      </c>
      <c r="H34490" s="1" t="s">
        <v>119889</v>
      </c>
      <c r="I34490" s="1" t="s">
        <v>118887</v>
      </c>
      <c r="J34490" s="1" t="s">
        <v>119899</v>
      </c>
    </row>
    <row r="34491" spans="1:10" x14ac:dyDescent="0.35">
      <c r="A34491" s="1" t="s">
        <v>13920</v>
      </c>
      <c r="B34491" s="1" t="s">
        <v>118882</v>
      </c>
      <c r="C34491" s="1" t="s">
        <v>30</v>
      </c>
      <c r="D34491" s="1" t="s">
        <v>119900</v>
      </c>
      <c r="E34491" s="1" t="s">
        <v>119901</v>
      </c>
      <c r="F34491" s="1" t="s">
        <v>119902</v>
      </c>
      <c r="G34491" s="1" t="s">
        <v>119888</v>
      </c>
      <c r="H34491" s="1" t="s">
        <v>119889</v>
      </c>
      <c r="I34491" s="1" t="s">
        <v>118887</v>
      </c>
      <c r="J34491" s="1" t="s">
        <v>119903</v>
      </c>
    </row>
    <row r="34492" spans="1:10" x14ac:dyDescent="0.35">
      <c r="A34492" s="1" t="s">
        <v>13920</v>
      </c>
      <c r="B34492" s="1" t="s">
        <v>118882</v>
      </c>
      <c r="C34492" s="1" t="s">
        <v>35</v>
      </c>
      <c r="D34492" s="1" t="s">
        <v>8065</v>
      </c>
      <c r="E34492" s="1" t="s">
        <v>119904</v>
      </c>
      <c r="F34492" s="1" t="s">
        <v>119905</v>
      </c>
      <c r="G34492" s="1" t="s">
        <v>119888</v>
      </c>
      <c r="H34492" s="1" t="s">
        <v>119889</v>
      </c>
      <c r="I34492" s="1" t="s">
        <v>118887</v>
      </c>
      <c r="J34492" s="1" t="s">
        <v>119906</v>
      </c>
    </row>
    <row r="34493" spans="1:10" x14ac:dyDescent="0.35">
      <c r="A34493" s="1" t="s">
        <v>13920</v>
      </c>
      <c r="B34493" s="1" t="s">
        <v>118882</v>
      </c>
      <c r="C34493" s="1" t="s">
        <v>40</v>
      </c>
      <c r="D34493" s="1" t="s">
        <v>52111</v>
      </c>
      <c r="E34493" s="1" t="s">
        <v>119907</v>
      </c>
      <c r="F34493" s="1" t="s">
        <v>119908</v>
      </c>
      <c r="G34493" s="1" t="s">
        <v>119888</v>
      </c>
      <c r="H34493" s="1" t="s">
        <v>119889</v>
      </c>
      <c r="I34493" s="1" t="s">
        <v>118887</v>
      </c>
      <c r="J34493" s="1" t="s">
        <v>119909</v>
      </c>
    </row>
    <row r="34494" spans="1:10" x14ac:dyDescent="0.35">
      <c r="A34494" s="1" t="s">
        <v>13920</v>
      </c>
      <c r="B34494" s="1" t="s">
        <v>118882</v>
      </c>
      <c r="C34494" s="1" t="s">
        <v>45</v>
      </c>
      <c r="D34494" s="1" t="s">
        <v>119140</v>
      </c>
      <c r="E34494" s="1" t="s">
        <v>119910</v>
      </c>
      <c r="F34494" s="1" t="s">
        <v>119911</v>
      </c>
      <c r="G34494" s="1" t="s">
        <v>119888</v>
      </c>
      <c r="H34494" s="1" t="s">
        <v>119889</v>
      </c>
      <c r="I34494" s="1" t="s">
        <v>118887</v>
      </c>
      <c r="J34494" s="1" t="s">
        <v>119912</v>
      </c>
    </row>
    <row r="34495" spans="1:10" x14ac:dyDescent="0.35">
      <c r="A34495" s="1" t="s">
        <v>13920</v>
      </c>
      <c r="B34495" s="1" t="s">
        <v>118882</v>
      </c>
      <c r="C34495" s="1" t="s">
        <v>50</v>
      </c>
      <c r="D34495" s="1" t="s">
        <v>15199</v>
      </c>
      <c r="E34495" s="1" t="s">
        <v>119913</v>
      </c>
      <c r="F34495" s="1" t="s">
        <v>119914</v>
      </c>
      <c r="G34495" s="1" t="s">
        <v>119888</v>
      </c>
      <c r="H34495" s="1" t="s">
        <v>119889</v>
      </c>
      <c r="I34495" s="1" t="s">
        <v>118887</v>
      </c>
      <c r="J34495" s="1" t="s">
        <v>119915</v>
      </c>
    </row>
    <row r="34496" spans="1:10" x14ac:dyDescent="0.35">
      <c r="A34496" s="1" t="s">
        <v>13920</v>
      </c>
      <c r="B34496" s="1" t="s">
        <v>118882</v>
      </c>
      <c r="C34496" s="1" t="s">
        <v>55</v>
      </c>
      <c r="D34496" s="1" t="s">
        <v>119916</v>
      </c>
      <c r="E34496" s="1" t="s">
        <v>119917</v>
      </c>
      <c r="F34496" s="1" t="s">
        <v>119918</v>
      </c>
      <c r="G34496" s="1" t="s">
        <v>119888</v>
      </c>
      <c r="H34496" s="1" t="s">
        <v>119889</v>
      </c>
      <c r="I34496" s="1" t="s">
        <v>118887</v>
      </c>
      <c r="J34496" s="1" t="s">
        <v>119919</v>
      </c>
    </row>
    <row r="34497" spans="1:10" x14ac:dyDescent="0.35">
      <c r="A34497" s="1" t="s">
        <v>13920</v>
      </c>
      <c r="B34497" s="1" t="s">
        <v>118882</v>
      </c>
      <c r="C34497" s="1" t="s">
        <v>60</v>
      </c>
      <c r="D34497" s="1" t="s">
        <v>119920</v>
      </c>
      <c r="E34497" s="1" t="s">
        <v>119921</v>
      </c>
      <c r="F34497" s="1" t="s">
        <v>119922</v>
      </c>
      <c r="G34497" s="1" t="s">
        <v>119888</v>
      </c>
      <c r="H34497" s="1" t="s">
        <v>119889</v>
      </c>
      <c r="I34497" s="1" t="s">
        <v>118887</v>
      </c>
      <c r="J34497" s="1" t="s">
        <v>119923</v>
      </c>
    </row>
    <row r="34498" spans="1:10" x14ac:dyDescent="0.35">
      <c r="A34498" s="1" t="s">
        <v>13920</v>
      </c>
      <c r="B34498" s="1" t="s">
        <v>118882</v>
      </c>
      <c r="C34498" s="1" t="s">
        <v>65</v>
      </c>
      <c r="D34498" s="1" t="s">
        <v>104820</v>
      </c>
      <c r="E34498" s="1" t="s">
        <v>119924</v>
      </c>
      <c r="F34498" s="1" t="s">
        <v>119925</v>
      </c>
      <c r="G34498" s="1" t="s">
        <v>119888</v>
      </c>
      <c r="H34498" s="1" t="s">
        <v>119889</v>
      </c>
      <c r="I34498" s="1" t="s">
        <v>118887</v>
      </c>
      <c r="J34498" s="1" t="s">
        <v>119926</v>
      </c>
    </row>
    <row r="34499" spans="1:10" x14ac:dyDescent="0.35">
      <c r="A34499" s="1" t="s">
        <v>13920</v>
      </c>
      <c r="B34499" s="1" t="s">
        <v>118882</v>
      </c>
      <c r="C34499" s="1" t="s">
        <v>70</v>
      </c>
      <c r="D34499" s="1" t="s">
        <v>25143</v>
      </c>
      <c r="E34499" s="1" t="s">
        <v>119927</v>
      </c>
      <c r="F34499" s="1" t="s">
        <v>119928</v>
      </c>
      <c r="G34499" s="1" t="s">
        <v>119888</v>
      </c>
      <c r="H34499" s="1" t="s">
        <v>119889</v>
      </c>
      <c r="I34499" s="1" t="s">
        <v>118887</v>
      </c>
      <c r="J34499" s="1" t="s">
        <v>119929</v>
      </c>
    </row>
    <row r="34500" spans="1:10" x14ac:dyDescent="0.35">
      <c r="A34500" s="1" t="s">
        <v>13920</v>
      </c>
      <c r="B34500" s="1" t="s">
        <v>118882</v>
      </c>
      <c r="C34500" s="1" t="s">
        <v>75</v>
      </c>
      <c r="D34500" s="1" t="s">
        <v>119930</v>
      </c>
      <c r="E34500" s="1" t="s">
        <v>119931</v>
      </c>
      <c r="F34500" s="1" t="s">
        <v>119932</v>
      </c>
      <c r="G34500" s="1" t="s">
        <v>119888</v>
      </c>
      <c r="H34500" s="1" t="s">
        <v>119889</v>
      </c>
      <c r="I34500" s="1" t="s">
        <v>118887</v>
      </c>
      <c r="J34500" s="1" t="s">
        <v>119933</v>
      </c>
    </row>
    <row r="34501" spans="1:10" x14ac:dyDescent="0.35">
      <c r="A34501" s="1" t="s">
        <v>13920</v>
      </c>
      <c r="B34501" s="1" t="s">
        <v>118882</v>
      </c>
      <c r="C34501" s="1" t="s">
        <v>80</v>
      </c>
      <c r="D34501" s="1" t="s">
        <v>119934</v>
      </c>
      <c r="E34501" s="1" t="s">
        <v>119935</v>
      </c>
      <c r="F34501" s="1" t="s">
        <v>119936</v>
      </c>
      <c r="G34501" s="1" t="s">
        <v>119888</v>
      </c>
      <c r="H34501" s="1" t="s">
        <v>119889</v>
      </c>
      <c r="I34501" s="1" t="s">
        <v>118887</v>
      </c>
      <c r="J34501" s="1" t="s">
        <v>119937</v>
      </c>
    </row>
    <row r="34502" spans="1:10" x14ac:dyDescent="0.35">
      <c r="A34502" s="1" t="s">
        <v>13920</v>
      </c>
      <c r="B34502" s="1" t="s">
        <v>118882</v>
      </c>
      <c r="C34502" s="1" t="s">
        <v>85</v>
      </c>
      <c r="D34502" s="1" t="s">
        <v>214</v>
      </c>
      <c r="E34502" s="1" t="s">
        <v>119938</v>
      </c>
      <c r="F34502" s="1" t="s">
        <v>119939</v>
      </c>
      <c r="G34502" s="1" t="s">
        <v>119888</v>
      </c>
      <c r="H34502" s="1" t="s">
        <v>119889</v>
      </c>
      <c r="I34502" s="1" t="s">
        <v>118887</v>
      </c>
      <c r="J34502" s="1" t="s">
        <v>119940</v>
      </c>
    </row>
    <row r="34503" spans="1:10" x14ac:dyDescent="0.35">
      <c r="A34503" s="1" t="s">
        <v>13920</v>
      </c>
      <c r="B34503" s="1" t="s">
        <v>118882</v>
      </c>
      <c r="C34503" s="1" t="s">
        <v>90</v>
      </c>
      <c r="D34503" s="1" t="s">
        <v>112599</v>
      </c>
      <c r="E34503" s="1" t="s">
        <v>119941</v>
      </c>
      <c r="F34503" s="1" t="s">
        <v>119942</v>
      </c>
      <c r="G34503" s="1" t="s">
        <v>119888</v>
      </c>
      <c r="H34503" s="1" t="s">
        <v>119889</v>
      </c>
      <c r="I34503" s="1" t="s">
        <v>118887</v>
      </c>
      <c r="J34503" s="1" t="s">
        <v>119943</v>
      </c>
    </row>
    <row r="34504" spans="1:10" x14ac:dyDescent="0.35">
      <c r="A34504" s="1" t="s">
        <v>13920</v>
      </c>
      <c r="B34504" s="1" t="s">
        <v>118882</v>
      </c>
      <c r="C34504" s="1" t="s">
        <v>95</v>
      </c>
      <c r="D34504" s="1" t="s">
        <v>14049</v>
      </c>
      <c r="E34504" s="1" t="s">
        <v>119944</v>
      </c>
      <c r="F34504" s="1" t="s">
        <v>119945</v>
      </c>
      <c r="G34504" s="1" t="s">
        <v>119888</v>
      </c>
      <c r="H34504" s="1" t="s">
        <v>119889</v>
      </c>
      <c r="I34504" s="1" t="s">
        <v>118887</v>
      </c>
      <c r="J34504" s="1" t="s">
        <v>119946</v>
      </c>
    </row>
    <row r="34505" spans="1:10" x14ac:dyDescent="0.35">
      <c r="A34505" s="1" t="s">
        <v>13920</v>
      </c>
      <c r="B34505" s="1" t="s">
        <v>118882</v>
      </c>
      <c r="C34505" s="1" t="s">
        <v>100</v>
      </c>
      <c r="D34505" s="1" t="s">
        <v>4538</v>
      </c>
      <c r="E34505" s="1" t="s">
        <v>119947</v>
      </c>
      <c r="F34505" s="1" t="s">
        <v>119948</v>
      </c>
      <c r="G34505" s="1" t="s">
        <v>119888</v>
      </c>
      <c r="H34505" s="1" t="s">
        <v>119889</v>
      </c>
      <c r="I34505" s="1" t="s">
        <v>118887</v>
      </c>
      <c r="J34505" s="1" t="s">
        <v>119949</v>
      </c>
    </row>
    <row r="34506" spans="1:10" x14ac:dyDescent="0.35">
      <c r="A34506" s="1" t="s">
        <v>13920</v>
      </c>
      <c r="B34506" s="1" t="s">
        <v>118882</v>
      </c>
      <c r="C34506" s="1" t="s">
        <v>105</v>
      </c>
      <c r="D34506" s="1" t="s">
        <v>33425</v>
      </c>
      <c r="E34506" s="1" t="s">
        <v>119950</v>
      </c>
      <c r="F34506" s="1" t="s">
        <v>119951</v>
      </c>
      <c r="G34506" s="1" t="s">
        <v>119888</v>
      </c>
      <c r="H34506" s="1" t="s">
        <v>119889</v>
      </c>
      <c r="I34506" s="1" t="s">
        <v>118887</v>
      </c>
      <c r="J34506" s="1" t="s">
        <v>119952</v>
      </c>
    </row>
    <row r="34507" spans="1:10" x14ac:dyDescent="0.35">
      <c r="A34507" s="1" t="s">
        <v>13920</v>
      </c>
      <c r="B34507" s="1" t="s">
        <v>118882</v>
      </c>
      <c r="C34507" s="1" t="s">
        <v>110</v>
      </c>
      <c r="D34507" s="1" t="s">
        <v>119953</v>
      </c>
      <c r="E34507" s="1" t="s">
        <v>119954</v>
      </c>
      <c r="F34507" s="1" t="s">
        <v>119955</v>
      </c>
      <c r="G34507" s="1" t="s">
        <v>119888</v>
      </c>
      <c r="H34507" s="1" t="s">
        <v>119889</v>
      </c>
      <c r="I34507" s="1" t="s">
        <v>118887</v>
      </c>
      <c r="J34507" s="1" t="s">
        <v>119956</v>
      </c>
    </row>
    <row r="34508" spans="1:10" x14ac:dyDescent="0.35">
      <c r="A34508" s="1" t="s">
        <v>13920</v>
      </c>
      <c r="B34508" s="1" t="s">
        <v>118882</v>
      </c>
      <c r="C34508" s="1" t="s">
        <v>115</v>
      </c>
      <c r="D34508" s="1" t="s">
        <v>177</v>
      </c>
      <c r="E34508" s="1" t="s">
        <v>119957</v>
      </c>
      <c r="F34508" s="1" t="s">
        <v>119958</v>
      </c>
      <c r="G34508" s="1" t="s">
        <v>119888</v>
      </c>
      <c r="H34508" s="1" t="s">
        <v>119889</v>
      </c>
      <c r="I34508" s="1" t="s">
        <v>118887</v>
      </c>
      <c r="J34508" s="1" t="s">
        <v>119959</v>
      </c>
    </row>
    <row r="34509" spans="1:10" x14ac:dyDescent="0.35">
      <c r="A34509" s="1" t="s">
        <v>13920</v>
      </c>
      <c r="B34509" s="1" t="s">
        <v>118882</v>
      </c>
      <c r="C34509" s="1" t="s">
        <v>120</v>
      </c>
      <c r="D34509" s="1" t="s">
        <v>71142</v>
      </c>
      <c r="E34509" s="1" t="s">
        <v>119960</v>
      </c>
      <c r="F34509" s="1" t="s">
        <v>119961</v>
      </c>
      <c r="G34509" s="1" t="s">
        <v>119888</v>
      </c>
      <c r="H34509" s="1" t="s">
        <v>119889</v>
      </c>
      <c r="I34509" s="1" t="s">
        <v>118887</v>
      </c>
      <c r="J34509" s="1" t="s">
        <v>119962</v>
      </c>
    </row>
    <row r="34510" spans="1:10" x14ac:dyDescent="0.35">
      <c r="A34510" s="1" t="s">
        <v>13920</v>
      </c>
      <c r="B34510" s="1" t="s">
        <v>118882</v>
      </c>
      <c r="C34510" s="1" t="s">
        <v>125</v>
      </c>
      <c r="D34510" s="1" t="s">
        <v>119963</v>
      </c>
      <c r="E34510" s="1" t="s">
        <v>119964</v>
      </c>
      <c r="F34510" s="1" t="s">
        <v>119965</v>
      </c>
      <c r="G34510" s="1" t="s">
        <v>119888</v>
      </c>
      <c r="H34510" s="1" t="s">
        <v>119889</v>
      </c>
      <c r="I34510" s="1" t="s">
        <v>118887</v>
      </c>
      <c r="J34510" s="1" t="s">
        <v>119966</v>
      </c>
    </row>
    <row r="34511" spans="1:10" x14ac:dyDescent="0.35">
      <c r="A34511" s="1" t="s">
        <v>13920</v>
      </c>
      <c r="B34511" s="1" t="s">
        <v>118882</v>
      </c>
      <c r="C34511" s="1" t="s">
        <v>130</v>
      </c>
      <c r="D34511" s="1" t="s">
        <v>31234</v>
      </c>
      <c r="E34511" s="1" t="s">
        <v>119967</v>
      </c>
      <c r="F34511" s="1" t="s">
        <v>119968</v>
      </c>
      <c r="G34511" s="1" t="s">
        <v>119888</v>
      </c>
      <c r="H34511" s="1" t="s">
        <v>119889</v>
      </c>
      <c r="I34511" s="1" t="s">
        <v>118887</v>
      </c>
      <c r="J34511" s="1" t="s">
        <v>119969</v>
      </c>
    </row>
    <row r="34512" spans="1:10" x14ac:dyDescent="0.35">
      <c r="A34512" s="1" t="s">
        <v>13920</v>
      </c>
      <c r="B34512" s="1" t="s">
        <v>118882</v>
      </c>
      <c r="C34512" s="1" t="s">
        <v>135</v>
      </c>
      <c r="D34512" s="1" t="s">
        <v>72020</v>
      </c>
      <c r="E34512" s="1" t="s">
        <v>119970</v>
      </c>
      <c r="F34512" s="1" t="s">
        <v>119971</v>
      </c>
      <c r="G34512" s="1" t="s">
        <v>119888</v>
      </c>
      <c r="H34512" s="1" t="s">
        <v>119889</v>
      </c>
      <c r="I34512" s="1" t="s">
        <v>118887</v>
      </c>
      <c r="J34512" s="1" t="s">
        <v>119972</v>
      </c>
    </row>
    <row r="34513" spans="1:10" x14ac:dyDescent="0.35">
      <c r="A34513" s="1" t="s">
        <v>13920</v>
      </c>
      <c r="B34513" s="1" t="s">
        <v>118882</v>
      </c>
      <c r="C34513" s="1" t="s">
        <v>140</v>
      </c>
      <c r="D34513" s="1" t="s">
        <v>104230</v>
      </c>
      <c r="E34513" s="1" t="s">
        <v>119973</v>
      </c>
      <c r="F34513" s="1" t="s">
        <v>119974</v>
      </c>
      <c r="G34513" s="1" t="s">
        <v>119888</v>
      </c>
      <c r="H34513" s="1" t="s">
        <v>119889</v>
      </c>
      <c r="I34513" s="1" t="s">
        <v>118887</v>
      </c>
      <c r="J34513" s="1" t="s">
        <v>119975</v>
      </c>
    </row>
    <row r="34514" spans="1:10" x14ac:dyDescent="0.35">
      <c r="A34514" s="1" t="s">
        <v>13920</v>
      </c>
      <c r="B34514" s="1" t="s">
        <v>118882</v>
      </c>
      <c r="C34514" s="1" t="s">
        <v>145</v>
      </c>
      <c r="D34514" s="1" t="s">
        <v>119976</v>
      </c>
      <c r="E34514" s="1" t="s">
        <v>119977</v>
      </c>
      <c r="F34514" s="1" t="s">
        <v>119978</v>
      </c>
      <c r="G34514" s="1" t="s">
        <v>119888</v>
      </c>
      <c r="H34514" s="1" t="s">
        <v>119889</v>
      </c>
      <c r="I34514" s="1" t="s">
        <v>118887</v>
      </c>
      <c r="J34514" s="1" t="s">
        <v>119979</v>
      </c>
    </row>
    <row r="34515" spans="1:10" x14ac:dyDescent="0.35">
      <c r="A34515" s="1" t="s">
        <v>13920</v>
      </c>
      <c r="B34515" s="1" t="s">
        <v>118882</v>
      </c>
      <c r="C34515" s="1" t="s">
        <v>150</v>
      </c>
      <c r="D34515" s="1" t="s">
        <v>119980</v>
      </c>
      <c r="E34515" s="1" t="s">
        <v>119981</v>
      </c>
      <c r="F34515" s="1" t="s">
        <v>119982</v>
      </c>
      <c r="G34515" s="1" t="s">
        <v>119888</v>
      </c>
      <c r="H34515" s="1" t="s">
        <v>119889</v>
      </c>
      <c r="I34515" s="1" t="s">
        <v>118887</v>
      </c>
      <c r="J34515" s="1" t="s">
        <v>119983</v>
      </c>
    </row>
    <row r="34516" spans="1:10" x14ac:dyDescent="0.35">
      <c r="A34516" s="1" t="s">
        <v>13920</v>
      </c>
      <c r="B34516" s="1" t="s">
        <v>118882</v>
      </c>
      <c r="C34516" s="1" t="s">
        <v>155</v>
      </c>
      <c r="D34516" s="1" t="s">
        <v>671</v>
      </c>
      <c r="E34516" s="1" t="s">
        <v>119984</v>
      </c>
      <c r="F34516" s="1" t="s">
        <v>119985</v>
      </c>
      <c r="G34516" s="1" t="s">
        <v>119888</v>
      </c>
      <c r="H34516" s="1" t="s">
        <v>119889</v>
      </c>
      <c r="I34516" s="1" t="s">
        <v>118887</v>
      </c>
      <c r="J34516" s="1" t="s">
        <v>119986</v>
      </c>
    </row>
    <row r="34517" spans="1:10" x14ac:dyDescent="0.35">
      <c r="A34517" s="1" t="s">
        <v>13920</v>
      </c>
      <c r="B34517" s="1" t="s">
        <v>118882</v>
      </c>
      <c r="C34517" s="1" t="s">
        <v>160</v>
      </c>
      <c r="D34517" s="1" t="s">
        <v>37629</v>
      </c>
      <c r="E34517" s="1" t="s">
        <v>119987</v>
      </c>
      <c r="F34517" s="1" t="s">
        <v>119988</v>
      </c>
      <c r="G34517" s="1" t="s">
        <v>119888</v>
      </c>
      <c r="H34517" s="1" t="s">
        <v>119889</v>
      </c>
      <c r="I34517" s="1" t="s">
        <v>118887</v>
      </c>
      <c r="J34517" s="1" t="s">
        <v>119989</v>
      </c>
    </row>
    <row r="34518" spans="1:10" x14ac:dyDescent="0.35">
      <c r="A34518" s="1" t="s">
        <v>13920</v>
      </c>
      <c r="B34518" s="1" t="s">
        <v>118882</v>
      </c>
      <c r="C34518" s="1" t="s">
        <v>165</v>
      </c>
      <c r="D34518" s="1" t="s">
        <v>110143</v>
      </c>
      <c r="E34518" s="1" t="s">
        <v>119990</v>
      </c>
      <c r="F34518" s="1" t="s">
        <v>119991</v>
      </c>
      <c r="G34518" s="1" t="s">
        <v>119888</v>
      </c>
      <c r="H34518" s="1" t="s">
        <v>119889</v>
      </c>
      <c r="I34518" s="1" t="s">
        <v>118887</v>
      </c>
      <c r="J34518" s="1" t="s">
        <v>119992</v>
      </c>
    </row>
    <row r="34519" spans="1:10" x14ac:dyDescent="0.35">
      <c r="A34519" s="1" t="s">
        <v>13920</v>
      </c>
      <c r="B34519" s="1" t="s">
        <v>118882</v>
      </c>
      <c r="C34519" s="1" t="s">
        <v>170</v>
      </c>
      <c r="D34519" s="1" t="s">
        <v>11823</v>
      </c>
      <c r="E34519" s="1" t="s">
        <v>119993</v>
      </c>
      <c r="F34519" s="1" t="s">
        <v>119994</v>
      </c>
      <c r="G34519" s="1" t="s">
        <v>119888</v>
      </c>
      <c r="H34519" s="1" t="s">
        <v>119889</v>
      </c>
      <c r="I34519" s="1" t="s">
        <v>118887</v>
      </c>
      <c r="J34519" s="1" t="s">
        <v>119995</v>
      </c>
    </row>
    <row r="34520" spans="1:10" x14ac:dyDescent="0.35">
      <c r="A34520" s="1" t="s">
        <v>4283</v>
      </c>
      <c r="B34520" s="1" t="s">
        <v>118882</v>
      </c>
      <c r="C34520" s="1" t="s">
        <v>8</v>
      </c>
      <c r="D34520" s="1" t="s">
        <v>47291</v>
      </c>
      <c r="E34520" s="1" t="s">
        <v>119996</v>
      </c>
      <c r="F34520" s="1" t="s">
        <v>119997</v>
      </c>
      <c r="G34520" s="1" t="s">
        <v>119998</v>
      </c>
      <c r="H34520" s="1" t="s">
        <v>119999</v>
      </c>
      <c r="I34520" s="1" t="s">
        <v>118887</v>
      </c>
      <c r="J34520" s="1" t="s">
        <v>13</v>
      </c>
    </row>
    <row r="34521" spans="1:10" x14ac:dyDescent="0.35">
      <c r="A34521" s="1" t="s">
        <v>4283</v>
      </c>
      <c r="B34521" s="1" t="s">
        <v>118882</v>
      </c>
      <c r="C34521" s="1" t="s">
        <v>15</v>
      </c>
      <c r="D34521" s="1" t="s">
        <v>13848</v>
      </c>
      <c r="E34521" s="1" t="s">
        <v>120000</v>
      </c>
      <c r="F34521" s="1" t="s">
        <v>120001</v>
      </c>
      <c r="G34521" s="1" t="s">
        <v>119998</v>
      </c>
      <c r="H34521" s="1" t="s">
        <v>119999</v>
      </c>
      <c r="I34521" s="1" t="s">
        <v>118887</v>
      </c>
      <c r="J34521" s="1" t="s">
        <v>120002</v>
      </c>
    </row>
    <row r="34522" spans="1:10" x14ac:dyDescent="0.35">
      <c r="A34522" s="1" t="s">
        <v>4283</v>
      </c>
      <c r="B34522" s="1" t="s">
        <v>118882</v>
      </c>
      <c r="C34522" s="1" t="s">
        <v>20</v>
      </c>
      <c r="D34522" s="1" t="s">
        <v>4278</v>
      </c>
      <c r="E34522" s="1" t="s">
        <v>120003</v>
      </c>
      <c r="F34522" s="1" t="s">
        <v>120004</v>
      </c>
      <c r="G34522" s="1" t="s">
        <v>119998</v>
      </c>
      <c r="H34522" s="1" t="s">
        <v>119999</v>
      </c>
      <c r="I34522" s="1" t="s">
        <v>118887</v>
      </c>
      <c r="J34522" s="1" t="s">
        <v>120005</v>
      </c>
    </row>
    <row r="34523" spans="1:10" x14ac:dyDescent="0.35">
      <c r="A34523" s="1" t="s">
        <v>4283</v>
      </c>
      <c r="B34523" s="1" t="s">
        <v>118882</v>
      </c>
      <c r="C34523" s="1" t="s">
        <v>25</v>
      </c>
      <c r="D34523" s="1" t="s">
        <v>6155</v>
      </c>
      <c r="E34523" s="1" t="s">
        <v>120006</v>
      </c>
      <c r="F34523" s="1" t="s">
        <v>120007</v>
      </c>
      <c r="G34523" s="1" t="s">
        <v>119998</v>
      </c>
      <c r="H34523" s="1" t="s">
        <v>119999</v>
      </c>
      <c r="I34523" s="1" t="s">
        <v>118887</v>
      </c>
      <c r="J34523" s="1" t="s">
        <v>120008</v>
      </c>
    </row>
    <row r="34524" spans="1:10" x14ac:dyDescent="0.35">
      <c r="A34524" s="1" t="s">
        <v>4283</v>
      </c>
      <c r="B34524" s="1" t="s">
        <v>118882</v>
      </c>
      <c r="C34524" s="1" t="s">
        <v>30</v>
      </c>
      <c r="D34524" s="1" t="s">
        <v>9179</v>
      </c>
      <c r="E34524" s="1" t="s">
        <v>120009</v>
      </c>
      <c r="F34524" s="1" t="s">
        <v>120010</v>
      </c>
      <c r="G34524" s="1" t="s">
        <v>119998</v>
      </c>
      <c r="H34524" s="1" t="s">
        <v>119999</v>
      </c>
      <c r="I34524" s="1" t="s">
        <v>118887</v>
      </c>
      <c r="J34524" s="1" t="s">
        <v>120011</v>
      </c>
    </row>
    <row r="34525" spans="1:10" x14ac:dyDescent="0.35">
      <c r="A34525" s="1" t="s">
        <v>4283</v>
      </c>
      <c r="B34525" s="1" t="s">
        <v>118882</v>
      </c>
      <c r="C34525" s="1" t="s">
        <v>35</v>
      </c>
      <c r="D34525" s="1" t="s">
        <v>120012</v>
      </c>
      <c r="E34525" s="1" t="s">
        <v>120013</v>
      </c>
      <c r="F34525" s="1" t="s">
        <v>120014</v>
      </c>
      <c r="G34525" s="1" t="s">
        <v>119998</v>
      </c>
      <c r="H34525" s="1" t="s">
        <v>119999</v>
      </c>
      <c r="I34525" s="1" t="s">
        <v>118887</v>
      </c>
      <c r="J34525" s="1" t="s">
        <v>120015</v>
      </c>
    </row>
    <row r="34526" spans="1:10" x14ac:dyDescent="0.35">
      <c r="A34526" s="1" t="s">
        <v>4283</v>
      </c>
      <c r="B34526" s="1" t="s">
        <v>118882</v>
      </c>
      <c r="C34526" s="1" t="s">
        <v>40</v>
      </c>
      <c r="D34526" s="1" t="s">
        <v>120016</v>
      </c>
      <c r="E34526" s="1" t="s">
        <v>120017</v>
      </c>
      <c r="F34526" s="1" t="s">
        <v>120018</v>
      </c>
      <c r="G34526" s="1" t="s">
        <v>119998</v>
      </c>
      <c r="H34526" s="1" t="s">
        <v>119999</v>
      </c>
      <c r="I34526" s="1" t="s">
        <v>118887</v>
      </c>
      <c r="J34526" s="1" t="s">
        <v>120019</v>
      </c>
    </row>
    <row r="34527" spans="1:10" x14ac:dyDescent="0.35">
      <c r="A34527" s="1" t="s">
        <v>4283</v>
      </c>
      <c r="B34527" s="1" t="s">
        <v>118882</v>
      </c>
      <c r="C34527" s="1" t="s">
        <v>45</v>
      </c>
      <c r="D34527" s="1" t="s">
        <v>29058</v>
      </c>
      <c r="E34527" s="1" t="s">
        <v>120020</v>
      </c>
      <c r="F34527" s="1" t="s">
        <v>120021</v>
      </c>
      <c r="G34527" s="1" t="s">
        <v>119998</v>
      </c>
      <c r="H34527" s="1" t="s">
        <v>119999</v>
      </c>
      <c r="I34527" s="1" t="s">
        <v>118887</v>
      </c>
      <c r="J34527" s="1" t="s">
        <v>120022</v>
      </c>
    </row>
    <row r="34528" spans="1:10" x14ac:dyDescent="0.35">
      <c r="A34528" s="1" t="s">
        <v>4283</v>
      </c>
      <c r="B34528" s="1" t="s">
        <v>118882</v>
      </c>
      <c r="C34528" s="1" t="s">
        <v>50</v>
      </c>
      <c r="D34528" s="1" t="s">
        <v>4361</v>
      </c>
      <c r="E34528" s="1" t="s">
        <v>120023</v>
      </c>
      <c r="F34528" s="1" t="s">
        <v>120024</v>
      </c>
      <c r="G34528" s="1" t="s">
        <v>119998</v>
      </c>
      <c r="H34528" s="1" t="s">
        <v>119999</v>
      </c>
      <c r="I34528" s="1" t="s">
        <v>118887</v>
      </c>
      <c r="J34528" s="1" t="s">
        <v>120025</v>
      </c>
    </row>
    <row r="34529" spans="1:10" x14ac:dyDescent="0.35">
      <c r="A34529" s="1" t="s">
        <v>4283</v>
      </c>
      <c r="B34529" s="1" t="s">
        <v>118882</v>
      </c>
      <c r="C34529" s="1" t="s">
        <v>55</v>
      </c>
      <c r="D34529" s="1" t="s">
        <v>120026</v>
      </c>
      <c r="E34529" s="1" t="s">
        <v>120027</v>
      </c>
      <c r="F34529" s="1" t="s">
        <v>120028</v>
      </c>
      <c r="G34529" s="1" t="s">
        <v>119998</v>
      </c>
      <c r="H34529" s="1" t="s">
        <v>119999</v>
      </c>
      <c r="I34529" s="1" t="s">
        <v>118887</v>
      </c>
      <c r="J34529" s="1" t="s">
        <v>120029</v>
      </c>
    </row>
    <row r="34530" spans="1:10" x14ac:dyDescent="0.35">
      <c r="A34530" s="1" t="s">
        <v>4283</v>
      </c>
      <c r="B34530" s="1" t="s">
        <v>118882</v>
      </c>
      <c r="C34530" s="1" t="s">
        <v>60</v>
      </c>
      <c r="D34530" s="1" t="s">
        <v>120030</v>
      </c>
      <c r="E34530" s="1" t="s">
        <v>120031</v>
      </c>
      <c r="F34530" s="1" t="s">
        <v>120032</v>
      </c>
      <c r="G34530" s="1" t="s">
        <v>119998</v>
      </c>
      <c r="H34530" s="1" t="s">
        <v>119999</v>
      </c>
      <c r="I34530" s="1" t="s">
        <v>118887</v>
      </c>
      <c r="J34530" s="1" t="s">
        <v>120033</v>
      </c>
    </row>
    <row r="34531" spans="1:10" x14ac:dyDescent="0.35">
      <c r="A34531" s="1" t="s">
        <v>4283</v>
      </c>
      <c r="B34531" s="1" t="s">
        <v>118882</v>
      </c>
      <c r="C34531" s="1" t="s">
        <v>65</v>
      </c>
      <c r="D34531" s="1" t="s">
        <v>27806</v>
      </c>
      <c r="E34531" s="1" t="s">
        <v>120034</v>
      </c>
      <c r="F34531" s="1" t="s">
        <v>120035</v>
      </c>
      <c r="G34531" s="1" t="s">
        <v>119998</v>
      </c>
      <c r="H34531" s="1" t="s">
        <v>119999</v>
      </c>
      <c r="I34531" s="1" t="s">
        <v>118887</v>
      </c>
      <c r="J34531" s="1" t="s">
        <v>120036</v>
      </c>
    </row>
    <row r="34532" spans="1:10" x14ac:dyDescent="0.35">
      <c r="A34532" s="1" t="s">
        <v>4283</v>
      </c>
      <c r="B34532" s="1" t="s">
        <v>118882</v>
      </c>
      <c r="C34532" s="1" t="s">
        <v>70</v>
      </c>
      <c r="D34532" s="1" t="s">
        <v>112495</v>
      </c>
      <c r="E34532" s="1" t="s">
        <v>120037</v>
      </c>
      <c r="F34532" s="1" t="s">
        <v>120038</v>
      </c>
      <c r="G34532" s="1" t="s">
        <v>119998</v>
      </c>
      <c r="H34532" s="1" t="s">
        <v>119999</v>
      </c>
      <c r="I34532" s="1" t="s">
        <v>118887</v>
      </c>
      <c r="J34532" s="1" t="s">
        <v>120039</v>
      </c>
    </row>
    <row r="34533" spans="1:10" x14ac:dyDescent="0.35">
      <c r="A34533" s="1" t="s">
        <v>4283</v>
      </c>
      <c r="B34533" s="1" t="s">
        <v>118882</v>
      </c>
      <c r="C34533" s="1" t="s">
        <v>75</v>
      </c>
      <c r="D34533" s="1" t="s">
        <v>8345</v>
      </c>
      <c r="E34533" s="1" t="s">
        <v>120040</v>
      </c>
      <c r="F34533" s="1" t="s">
        <v>120041</v>
      </c>
      <c r="G34533" s="1" t="s">
        <v>119998</v>
      </c>
      <c r="H34533" s="1" t="s">
        <v>119999</v>
      </c>
      <c r="I34533" s="1" t="s">
        <v>118887</v>
      </c>
      <c r="J34533" s="1" t="s">
        <v>120042</v>
      </c>
    </row>
    <row r="34534" spans="1:10" x14ac:dyDescent="0.35">
      <c r="A34534" s="1" t="s">
        <v>4283</v>
      </c>
      <c r="B34534" s="1" t="s">
        <v>118882</v>
      </c>
      <c r="C34534" s="1" t="s">
        <v>80</v>
      </c>
      <c r="D34534" s="1" t="s">
        <v>46348</v>
      </c>
      <c r="E34534" s="1" t="s">
        <v>120043</v>
      </c>
      <c r="F34534" s="1" t="s">
        <v>120044</v>
      </c>
      <c r="G34534" s="1" t="s">
        <v>119998</v>
      </c>
      <c r="H34534" s="1" t="s">
        <v>119999</v>
      </c>
      <c r="I34534" s="1" t="s">
        <v>118887</v>
      </c>
      <c r="J34534" s="1" t="s">
        <v>120045</v>
      </c>
    </row>
    <row r="34535" spans="1:10" x14ac:dyDescent="0.35">
      <c r="A34535" s="1" t="s">
        <v>4283</v>
      </c>
      <c r="B34535" s="1" t="s">
        <v>118882</v>
      </c>
      <c r="C34535" s="1" t="s">
        <v>85</v>
      </c>
      <c r="D34535" s="1" t="s">
        <v>51707</v>
      </c>
      <c r="E34535" s="1" t="s">
        <v>120046</v>
      </c>
      <c r="F34535" s="1" t="s">
        <v>120047</v>
      </c>
      <c r="G34535" s="1" t="s">
        <v>119998</v>
      </c>
      <c r="H34535" s="1" t="s">
        <v>119999</v>
      </c>
      <c r="I34535" s="1" t="s">
        <v>118887</v>
      </c>
      <c r="J34535" s="1" t="s">
        <v>120048</v>
      </c>
    </row>
    <row r="34536" spans="1:10" x14ac:dyDescent="0.35">
      <c r="A34536" s="1" t="s">
        <v>4283</v>
      </c>
      <c r="B34536" s="1" t="s">
        <v>118882</v>
      </c>
      <c r="C34536" s="1" t="s">
        <v>90</v>
      </c>
      <c r="D34536" s="1" t="s">
        <v>120049</v>
      </c>
      <c r="E34536" s="1" t="s">
        <v>120050</v>
      </c>
      <c r="F34536" s="1" t="s">
        <v>120051</v>
      </c>
      <c r="G34536" s="1" t="s">
        <v>119998</v>
      </c>
      <c r="H34536" s="1" t="s">
        <v>119999</v>
      </c>
      <c r="I34536" s="1" t="s">
        <v>118887</v>
      </c>
      <c r="J34536" s="1" t="s">
        <v>120052</v>
      </c>
    </row>
    <row r="34537" spans="1:10" x14ac:dyDescent="0.35">
      <c r="A34537" s="1" t="s">
        <v>4283</v>
      </c>
      <c r="B34537" s="1" t="s">
        <v>118882</v>
      </c>
      <c r="C34537" s="1" t="s">
        <v>95</v>
      </c>
      <c r="D34537" s="1" t="s">
        <v>10948</v>
      </c>
      <c r="E34537" s="1" t="s">
        <v>120053</v>
      </c>
      <c r="F34537" s="1" t="s">
        <v>120054</v>
      </c>
      <c r="G34537" s="1" t="s">
        <v>119998</v>
      </c>
      <c r="H34537" s="1" t="s">
        <v>119999</v>
      </c>
      <c r="I34537" s="1" t="s">
        <v>118887</v>
      </c>
      <c r="J34537" s="1" t="s">
        <v>120055</v>
      </c>
    </row>
    <row r="34538" spans="1:10" x14ac:dyDescent="0.35">
      <c r="A34538" s="1" t="s">
        <v>4283</v>
      </c>
      <c r="B34538" s="1" t="s">
        <v>118882</v>
      </c>
      <c r="C34538" s="1" t="s">
        <v>100</v>
      </c>
      <c r="D34538" s="1" t="s">
        <v>120056</v>
      </c>
      <c r="E34538" s="1" t="s">
        <v>120057</v>
      </c>
      <c r="F34538" s="1" t="s">
        <v>120058</v>
      </c>
      <c r="G34538" s="1" t="s">
        <v>119998</v>
      </c>
      <c r="H34538" s="1" t="s">
        <v>119999</v>
      </c>
      <c r="I34538" s="1" t="s">
        <v>118887</v>
      </c>
      <c r="J34538" s="1" t="s">
        <v>120059</v>
      </c>
    </row>
    <row r="34539" spans="1:10" x14ac:dyDescent="0.35">
      <c r="A34539" s="1" t="s">
        <v>4283</v>
      </c>
      <c r="B34539" s="1" t="s">
        <v>118882</v>
      </c>
      <c r="C34539" s="1" t="s">
        <v>105</v>
      </c>
      <c r="D34539" s="1" t="s">
        <v>10948</v>
      </c>
      <c r="E34539" s="1" t="s">
        <v>120060</v>
      </c>
      <c r="F34539" s="1" t="s">
        <v>120061</v>
      </c>
      <c r="G34539" s="1" t="s">
        <v>119998</v>
      </c>
      <c r="H34539" s="1" t="s">
        <v>119999</v>
      </c>
      <c r="I34539" s="1" t="s">
        <v>118887</v>
      </c>
      <c r="J34539" s="1" t="s">
        <v>120062</v>
      </c>
    </row>
    <row r="34540" spans="1:10" x14ac:dyDescent="0.35">
      <c r="A34540" s="1" t="s">
        <v>4283</v>
      </c>
      <c r="B34540" s="1" t="s">
        <v>118882</v>
      </c>
      <c r="C34540" s="1" t="s">
        <v>110</v>
      </c>
      <c r="D34540" s="1" t="s">
        <v>15220</v>
      </c>
      <c r="E34540" s="1" t="s">
        <v>120063</v>
      </c>
      <c r="F34540" s="1" t="s">
        <v>120064</v>
      </c>
      <c r="G34540" s="1" t="s">
        <v>119998</v>
      </c>
      <c r="H34540" s="1" t="s">
        <v>119999</v>
      </c>
      <c r="I34540" s="1" t="s">
        <v>118887</v>
      </c>
      <c r="J34540" s="1" t="s">
        <v>120065</v>
      </c>
    </row>
    <row r="34541" spans="1:10" x14ac:dyDescent="0.35">
      <c r="A34541" s="1" t="s">
        <v>4283</v>
      </c>
      <c r="B34541" s="1" t="s">
        <v>118882</v>
      </c>
      <c r="C34541" s="1" t="s">
        <v>115</v>
      </c>
      <c r="D34541" s="1" t="s">
        <v>14034</v>
      </c>
      <c r="E34541" s="1" t="s">
        <v>120066</v>
      </c>
      <c r="F34541" s="1" t="s">
        <v>120067</v>
      </c>
      <c r="G34541" s="1" t="s">
        <v>119998</v>
      </c>
      <c r="H34541" s="1" t="s">
        <v>119999</v>
      </c>
      <c r="I34541" s="1" t="s">
        <v>118887</v>
      </c>
      <c r="J34541" s="1" t="s">
        <v>120068</v>
      </c>
    </row>
    <row r="34542" spans="1:10" x14ac:dyDescent="0.35">
      <c r="A34542" s="1" t="s">
        <v>4283</v>
      </c>
      <c r="B34542" s="1" t="s">
        <v>118882</v>
      </c>
      <c r="C34542" s="1" t="s">
        <v>120</v>
      </c>
      <c r="D34542" s="1" t="s">
        <v>27472</v>
      </c>
      <c r="E34542" s="1" t="s">
        <v>120069</v>
      </c>
      <c r="F34542" s="1" t="s">
        <v>120070</v>
      </c>
      <c r="G34542" s="1" t="s">
        <v>119998</v>
      </c>
      <c r="H34542" s="1" t="s">
        <v>119999</v>
      </c>
      <c r="I34542" s="1" t="s">
        <v>118887</v>
      </c>
      <c r="J34542" s="1" t="s">
        <v>120071</v>
      </c>
    </row>
    <row r="34543" spans="1:10" x14ac:dyDescent="0.35">
      <c r="A34543" s="1" t="s">
        <v>4283</v>
      </c>
      <c r="B34543" s="1" t="s">
        <v>118882</v>
      </c>
      <c r="C34543" s="1" t="s">
        <v>125</v>
      </c>
      <c r="D34543" s="1" t="s">
        <v>120072</v>
      </c>
      <c r="E34543" s="1" t="s">
        <v>120073</v>
      </c>
      <c r="F34543" s="1" t="s">
        <v>120074</v>
      </c>
      <c r="G34543" s="1" t="s">
        <v>119998</v>
      </c>
      <c r="H34543" s="1" t="s">
        <v>119999</v>
      </c>
      <c r="I34543" s="1" t="s">
        <v>118887</v>
      </c>
      <c r="J34543" s="1" t="s">
        <v>120075</v>
      </c>
    </row>
    <row r="34544" spans="1:10" x14ac:dyDescent="0.35">
      <c r="A34544" s="1" t="s">
        <v>4283</v>
      </c>
      <c r="B34544" s="1" t="s">
        <v>118882</v>
      </c>
      <c r="C34544" s="1" t="s">
        <v>130</v>
      </c>
      <c r="D34544" s="1" t="s">
        <v>120076</v>
      </c>
      <c r="E34544" s="1" t="s">
        <v>120077</v>
      </c>
      <c r="F34544" s="1" t="s">
        <v>120078</v>
      </c>
      <c r="G34544" s="1" t="s">
        <v>119998</v>
      </c>
      <c r="H34544" s="1" t="s">
        <v>119999</v>
      </c>
      <c r="I34544" s="1" t="s">
        <v>118887</v>
      </c>
      <c r="J34544" s="1" t="s">
        <v>120079</v>
      </c>
    </row>
    <row r="34545" spans="1:10" x14ac:dyDescent="0.35">
      <c r="A34545" s="1" t="s">
        <v>4283</v>
      </c>
      <c r="B34545" s="1" t="s">
        <v>118882</v>
      </c>
      <c r="C34545" s="1" t="s">
        <v>135</v>
      </c>
      <c r="D34545" s="1" t="s">
        <v>24996</v>
      </c>
      <c r="E34545" s="1" t="s">
        <v>120080</v>
      </c>
      <c r="F34545" s="1" t="s">
        <v>120081</v>
      </c>
      <c r="G34545" s="1" t="s">
        <v>119998</v>
      </c>
      <c r="H34545" s="1" t="s">
        <v>119999</v>
      </c>
      <c r="I34545" s="1" t="s">
        <v>118887</v>
      </c>
      <c r="J34545" s="1" t="s">
        <v>120082</v>
      </c>
    </row>
    <row r="34546" spans="1:10" x14ac:dyDescent="0.35">
      <c r="A34546" s="1" t="s">
        <v>4283</v>
      </c>
      <c r="B34546" s="1" t="s">
        <v>118882</v>
      </c>
      <c r="C34546" s="1" t="s">
        <v>140</v>
      </c>
      <c r="D34546" s="1" t="s">
        <v>6592</v>
      </c>
      <c r="E34546" s="1" t="s">
        <v>120083</v>
      </c>
      <c r="F34546" s="1" t="s">
        <v>120084</v>
      </c>
      <c r="G34546" s="1" t="s">
        <v>119998</v>
      </c>
      <c r="H34546" s="1" t="s">
        <v>119999</v>
      </c>
      <c r="I34546" s="1" t="s">
        <v>118887</v>
      </c>
      <c r="J34546" s="1" t="s">
        <v>120085</v>
      </c>
    </row>
    <row r="34547" spans="1:10" x14ac:dyDescent="0.35">
      <c r="A34547" s="1" t="s">
        <v>4283</v>
      </c>
      <c r="B34547" s="1" t="s">
        <v>118882</v>
      </c>
      <c r="C34547" s="1" t="s">
        <v>145</v>
      </c>
      <c r="D34547" s="1" t="s">
        <v>75369</v>
      </c>
      <c r="E34547" s="1" t="s">
        <v>120086</v>
      </c>
      <c r="F34547" s="1" t="s">
        <v>120087</v>
      </c>
      <c r="G34547" s="1" t="s">
        <v>119998</v>
      </c>
      <c r="H34547" s="1" t="s">
        <v>119999</v>
      </c>
      <c r="I34547" s="1" t="s">
        <v>118887</v>
      </c>
      <c r="J34547" s="1" t="s">
        <v>120088</v>
      </c>
    </row>
    <row r="34548" spans="1:10" x14ac:dyDescent="0.35">
      <c r="A34548" s="1" t="s">
        <v>4283</v>
      </c>
      <c r="B34548" s="1" t="s">
        <v>118882</v>
      </c>
      <c r="C34548" s="1" t="s">
        <v>150</v>
      </c>
      <c r="D34548" s="1" t="s">
        <v>28820</v>
      </c>
      <c r="E34548" s="1" t="s">
        <v>120089</v>
      </c>
      <c r="F34548" s="1" t="s">
        <v>120090</v>
      </c>
      <c r="G34548" s="1" t="s">
        <v>119998</v>
      </c>
      <c r="H34548" s="1" t="s">
        <v>119999</v>
      </c>
      <c r="I34548" s="1" t="s">
        <v>118887</v>
      </c>
      <c r="J34548" s="1" t="s">
        <v>120091</v>
      </c>
    </row>
    <row r="34549" spans="1:10" x14ac:dyDescent="0.35">
      <c r="A34549" s="1" t="s">
        <v>4283</v>
      </c>
      <c r="B34549" s="1" t="s">
        <v>118882</v>
      </c>
      <c r="C34549" s="1" t="s">
        <v>155</v>
      </c>
      <c r="D34549" s="1" t="s">
        <v>120092</v>
      </c>
      <c r="E34549" s="1" t="s">
        <v>120093</v>
      </c>
      <c r="F34549" s="1" t="s">
        <v>120094</v>
      </c>
      <c r="G34549" s="1" t="s">
        <v>119998</v>
      </c>
      <c r="H34549" s="1" t="s">
        <v>119999</v>
      </c>
      <c r="I34549" s="1" t="s">
        <v>118887</v>
      </c>
      <c r="J34549" s="1" t="s">
        <v>120095</v>
      </c>
    </row>
    <row r="34550" spans="1:10" x14ac:dyDescent="0.35">
      <c r="A34550" s="1" t="s">
        <v>4283</v>
      </c>
      <c r="B34550" s="1" t="s">
        <v>118882</v>
      </c>
      <c r="C34550" s="1" t="s">
        <v>160</v>
      </c>
      <c r="D34550" s="1" t="s">
        <v>9005</v>
      </c>
      <c r="E34550" s="1" t="s">
        <v>120096</v>
      </c>
      <c r="F34550" s="1" t="s">
        <v>120097</v>
      </c>
      <c r="G34550" s="1" t="s">
        <v>119998</v>
      </c>
      <c r="H34550" s="1" t="s">
        <v>119999</v>
      </c>
      <c r="I34550" s="1" t="s">
        <v>118887</v>
      </c>
      <c r="J34550" s="1" t="s">
        <v>120098</v>
      </c>
    </row>
    <row r="34551" spans="1:10" x14ac:dyDescent="0.35">
      <c r="A34551" s="1" t="s">
        <v>4283</v>
      </c>
      <c r="B34551" s="1" t="s">
        <v>118882</v>
      </c>
      <c r="C34551" s="1" t="s">
        <v>165</v>
      </c>
      <c r="D34551" s="1" t="s">
        <v>29124</v>
      </c>
      <c r="E34551" s="1" t="s">
        <v>120099</v>
      </c>
      <c r="F34551" s="1" t="s">
        <v>120100</v>
      </c>
      <c r="G34551" s="1" t="s">
        <v>119998</v>
      </c>
      <c r="H34551" s="1" t="s">
        <v>119999</v>
      </c>
      <c r="I34551" s="1" t="s">
        <v>118887</v>
      </c>
      <c r="J34551" s="1" t="s">
        <v>120101</v>
      </c>
    </row>
    <row r="34552" spans="1:10" x14ac:dyDescent="0.35">
      <c r="A34552" s="1" t="s">
        <v>4283</v>
      </c>
      <c r="B34552" s="1" t="s">
        <v>118882</v>
      </c>
      <c r="C34552" s="1" t="s">
        <v>170</v>
      </c>
      <c r="D34552" s="1" t="s">
        <v>120102</v>
      </c>
      <c r="E34552" s="1" t="s">
        <v>120103</v>
      </c>
      <c r="F34552" s="1" t="s">
        <v>120104</v>
      </c>
      <c r="G34552" s="1" t="s">
        <v>119998</v>
      </c>
      <c r="H34552" s="1" t="s">
        <v>119999</v>
      </c>
      <c r="I34552" s="1" t="s">
        <v>118887</v>
      </c>
      <c r="J34552" s="1" t="s">
        <v>120105</v>
      </c>
    </row>
    <row r="34553" spans="1:10" x14ac:dyDescent="0.35">
      <c r="A34553" s="1" t="s">
        <v>1532</v>
      </c>
      <c r="B34553" s="1" t="s">
        <v>118882</v>
      </c>
      <c r="C34553" s="1" t="s">
        <v>8</v>
      </c>
      <c r="D34553" s="1" t="s">
        <v>44027</v>
      </c>
      <c r="E34553" s="1" t="s">
        <v>120106</v>
      </c>
      <c r="F34553" s="1" t="s">
        <v>120107</v>
      </c>
      <c r="G34553" s="1" t="s">
        <v>120108</v>
      </c>
      <c r="H34553" s="1" t="s">
        <v>120109</v>
      </c>
      <c r="I34553" s="1" t="s">
        <v>118887</v>
      </c>
      <c r="J34553" s="1" t="s">
        <v>13</v>
      </c>
    </row>
    <row r="34554" spans="1:10" x14ac:dyDescent="0.35">
      <c r="A34554" s="1" t="s">
        <v>1532</v>
      </c>
      <c r="B34554" s="1" t="s">
        <v>118882</v>
      </c>
      <c r="C34554" s="1" t="s">
        <v>15</v>
      </c>
      <c r="D34554" s="1" t="s">
        <v>118881</v>
      </c>
      <c r="E34554" s="1" t="s">
        <v>120110</v>
      </c>
      <c r="F34554" s="1" t="s">
        <v>120111</v>
      </c>
      <c r="G34554" s="1" t="s">
        <v>120108</v>
      </c>
      <c r="H34554" s="1" t="s">
        <v>120109</v>
      </c>
      <c r="I34554" s="1" t="s">
        <v>118887</v>
      </c>
      <c r="J34554" s="1" t="s">
        <v>120112</v>
      </c>
    </row>
    <row r="34555" spans="1:10" x14ac:dyDescent="0.35">
      <c r="A34555" s="1" t="s">
        <v>1532</v>
      </c>
      <c r="B34555" s="1" t="s">
        <v>118882</v>
      </c>
      <c r="C34555" s="1" t="s">
        <v>20</v>
      </c>
      <c r="D34555" s="1" t="s">
        <v>1166</v>
      </c>
      <c r="E34555" s="1" t="s">
        <v>120113</v>
      </c>
      <c r="F34555" s="1" t="s">
        <v>120114</v>
      </c>
      <c r="G34555" s="1" t="s">
        <v>120108</v>
      </c>
      <c r="H34555" s="1" t="s">
        <v>120109</v>
      </c>
      <c r="I34555" s="1" t="s">
        <v>118887</v>
      </c>
      <c r="J34555" s="1" t="s">
        <v>120115</v>
      </c>
    </row>
    <row r="34556" spans="1:10" x14ac:dyDescent="0.35">
      <c r="A34556" s="1" t="s">
        <v>1532</v>
      </c>
      <c r="B34556" s="1" t="s">
        <v>118882</v>
      </c>
      <c r="C34556" s="1" t="s">
        <v>25</v>
      </c>
      <c r="D34556" s="1" t="s">
        <v>120116</v>
      </c>
      <c r="E34556" s="1" t="s">
        <v>120117</v>
      </c>
      <c r="F34556" s="1" t="s">
        <v>120118</v>
      </c>
      <c r="G34556" s="1" t="s">
        <v>120108</v>
      </c>
      <c r="H34556" s="1" t="s">
        <v>120109</v>
      </c>
      <c r="I34556" s="1" t="s">
        <v>118887</v>
      </c>
      <c r="J34556" s="1" t="s">
        <v>120119</v>
      </c>
    </row>
    <row r="34557" spans="1:10" x14ac:dyDescent="0.35">
      <c r="A34557" s="1" t="s">
        <v>1532</v>
      </c>
      <c r="B34557" s="1" t="s">
        <v>118882</v>
      </c>
      <c r="C34557" s="1" t="s">
        <v>30</v>
      </c>
      <c r="D34557" s="1" t="s">
        <v>28859</v>
      </c>
      <c r="E34557" s="1" t="s">
        <v>120120</v>
      </c>
      <c r="F34557" s="1" t="s">
        <v>120121</v>
      </c>
      <c r="G34557" s="1" t="s">
        <v>120108</v>
      </c>
      <c r="H34557" s="1" t="s">
        <v>120109</v>
      </c>
      <c r="I34557" s="1" t="s">
        <v>118887</v>
      </c>
      <c r="J34557" s="1" t="s">
        <v>120122</v>
      </c>
    </row>
    <row r="34558" spans="1:10" x14ac:dyDescent="0.35">
      <c r="A34558" s="1" t="s">
        <v>1532</v>
      </c>
      <c r="B34558" s="1" t="s">
        <v>118882</v>
      </c>
      <c r="C34558" s="1" t="s">
        <v>35</v>
      </c>
      <c r="D34558" s="1" t="s">
        <v>117448</v>
      </c>
      <c r="E34558" s="1" t="s">
        <v>120123</v>
      </c>
      <c r="F34558" s="1" t="s">
        <v>120124</v>
      </c>
      <c r="G34558" s="1" t="s">
        <v>120108</v>
      </c>
      <c r="H34558" s="1" t="s">
        <v>120109</v>
      </c>
      <c r="I34558" s="1" t="s">
        <v>118887</v>
      </c>
      <c r="J34558" s="1" t="s">
        <v>120125</v>
      </c>
    </row>
    <row r="34559" spans="1:10" x14ac:dyDescent="0.35">
      <c r="A34559" s="1" t="s">
        <v>1532</v>
      </c>
      <c r="B34559" s="1" t="s">
        <v>118882</v>
      </c>
      <c r="C34559" s="1" t="s">
        <v>40</v>
      </c>
      <c r="D34559" s="1" t="s">
        <v>1370</v>
      </c>
      <c r="E34559" s="1" t="s">
        <v>120126</v>
      </c>
      <c r="F34559" s="1" t="s">
        <v>120127</v>
      </c>
      <c r="G34559" s="1" t="s">
        <v>120108</v>
      </c>
      <c r="H34559" s="1" t="s">
        <v>120109</v>
      </c>
      <c r="I34559" s="1" t="s">
        <v>118887</v>
      </c>
      <c r="J34559" s="1" t="s">
        <v>120128</v>
      </c>
    </row>
    <row r="34560" spans="1:10" x14ac:dyDescent="0.35">
      <c r="A34560" s="1" t="s">
        <v>1532</v>
      </c>
      <c r="B34560" s="1" t="s">
        <v>118882</v>
      </c>
      <c r="C34560" s="1" t="s">
        <v>45</v>
      </c>
      <c r="D34560" s="1" t="s">
        <v>1989</v>
      </c>
      <c r="E34560" s="1" t="s">
        <v>120129</v>
      </c>
      <c r="F34560" s="1" t="s">
        <v>120130</v>
      </c>
      <c r="G34560" s="1" t="s">
        <v>120108</v>
      </c>
      <c r="H34560" s="1" t="s">
        <v>120109</v>
      </c>
      <c r="I34560" s="1" t="s">
        <v>118887</v>
      </c>
      <c r="J34560" s="1" t="s">
        <v>120131</v>
      </c>
    </row>
    <row r="34561" spans="1:10" x14ac:dyDescent="0.35">
      <c r="A34561" s="1" t="s">
        <v>1532</v>
      </c>
      <c r="B34561" s="1" t="s">
        <v>118882</v>
      </c>
      <c r="C34561" s="1" t="s">
        <v>50</v>
      </c>
      <c r="D34561" s="1" t="s">
        <v>28519</v>
      </c>
      <c r="E34561" s="1" t="s">
        <v>120132</v>
      </c>
      <c r="F34561" s="1" t="s">
        <v>120133</v>
      </c>
      <c r="G34561" s="1" t="s">
        <v>120108</v>
      </c>
      <c r="H34561" s="1" t="s">
        <v>120109</v>
      </c>
      <c r="I34561" s="1" t="s">
        <v>118887</v>
      </c>
      <c r="J34561" s="1" t="s">
        <v>120134</v>
      </c>
    </row>
    <row r="34562" spans="1:10" x14ac:dyDescent="0.35">
      <c r="A34562" s="1" t="s">
        <v>1532</v>
      </c>
      <c r="B34562" s="1" t="s">
        <v>118882</v>
      </c>
      <c r="C34562" s="1" t="s">
        <v>55</v>
      </c>
      <c r="D34562" s="1" t="s">
        <v>25488</v>
      </c>
      <c r="E34562" s="1" t="s">
        <v>120135</v>
      </c>
      <c r="F34562" s="1" t="s">
        <v>120136</v>
      </c>
      <c r="G34562" s="1" t="s">
        <v>120108</v>
      </c>
      <c r="H34562" s="1" t="s">
        <v>120109</v>
      </c>
      <c r="I34562" s="1" t="s">
        <v>118887</v>
      </c>
      <c r="J34562" s="1" t="s">
        <v>120137</v>
      </c>
    </row>
    <row r="34563" spans="1:10" x14ac:dyDescent="0.35">
      <c r="A34563" s="1" t="s">
        <v>1532</v>
      </c>
      <c r="B34563" s="1" t="s">
        <v>118882</v>
      </c>
      <c r="C34563" s="1" t="s">
        <v>60</v>
      </c>
      <c r="D34563" s="1" t="s">
        <v>5518</v>
      </c>
      <c r="E34563" s="1" t="s">
        <v>120138</v>
      </c>
      <c r="F34563" s="1" t="s">
        <v>120139</v>
      </c>
      <c r="G34563" s="1" t="s">
        <v>120108</v>
      </c>
      <c r="H34563" s="1" t="s">
        <v>120109</v>
      </c>
      <c r="I34563" s="1" t="s">
        <v>118887</v>
      </c>
      <c r="J34563" s="1" t="s">
        <v>120140</v>
      </c>
    </row>
    <row r="34564" spans="1:10" x14ac:dyDescent="0.35">
      <c r="A34564" s="1" t="s">
        <v>1532</v>
      </c>
      <c r="B34564" s="1" t="s">
        <v>118882</v>
      </c>
      <c r="C34564" s="1" t="s">
        <v>65</v>
      </c>
      <c r="D34564" s="1" t="s">
        <v>1977</v>
      </c>
      <c r="E34564" s="1" t="s">
        <v>120141</v>
      </c>
      <c r="F34564" s="1" t="s">
        <v>120142</v>
      </c>
      <c r="G34564" s="1" t="s">
        <v>120108</v>
      </c>
      <c r="H34564" s="1" t="s">
        <v>120109</v>
      </c>
      <c r="I34564" s="1" t="s">
        <v>118887</v>
      </c>
      <c r="J34564" s="1" t="s">
        <v>120143</v>
      </c>
    </row>
    <row r="34565" spans="1:10" x14ac:dyDescent="0.35">
      <c r="A34565" s="1" t="s">
        <v>1532</v>
      </c>
      <c r="B34565" s="1" t="s">
        <v>118882</v>
      </c>
      <c r="C34565" s="1" t="s">
        <v>70</v>
      </c>
      <c r="D34565" s="1" t="s">
        <v>30110</v>
      </c>
      <c r="E34565" s="1" t="s">
        <v>120144</v>
      </c>
      <c r="F34565" s="1" t="s">
        <v>120145</v>
      </c>
      <c r="G34565" s="1" t="s">
        <v>120108</v>
      </c>
      <c r="H34565" s="1" t="s">
        <v>120109</v>
      </c>
      <c r="I34565" s="1" t="s">
        <v>118887</v>
      </c>
      <c r="J34565" s="1" t="s">
        <v>120146</v>
      </c>
    </row>
    <row r="34566" spans="1:10" x14ac:dyDescent="0.35">
      <c r="A34566" s="1" t="s">
        <v>1532</v>
      </c>
      <c r="B34566" s="1" t="s">
        <v>118882</v>
      </c>
      <c r="C34566" s="1" t="s">
        <v>75</v>
      </c>
      <c r="D34566" s="1" t="s">
        <v>12108</v>
      </c>
      <c r="E34566" s="1" t="s">
        <v>120147</v>
      </c>
      <c r="F34566" s="1" t="s">
        <v>120148</v>
      </c>
      <c r="G34566" s="1" t="s">
        <v>120108</v>
      </c>
      <c r="H34566" s="1" t="s">
        <v>120109</v>
      </c>
      <c r="I34566" s="1" t="s">
        <v>118887</v>
      </c>
      <c r="J34566" s="1" t="s">
        <v>120149</v>
      </c>
    </row>
    <row r="34567" spans="1:10" x14ac:dyDescent="0.35">
      <c r="A34567" s="1" t="s">
        <v>1532</v>
      </c>
      <c r="B34567" s="1" t="s">
        <v>118882</v>
      </c>
      <c r="C34567" s="1" t="s">
        <v>80</v>
      </c>
      <c r="D34567" s="1" t="s">
        <v>28751</v>
      </c>
      <c r="E34567" s="1" t="s">
        <v>120150</v>
      </c>
      <c r="F34567" s="1" t="s">
        <v>120151</v>
      </c>
      <c r="G34567" s="1" t="s">
        <v>120108</v>
      </c>
      <c r="H34567" s="1" t="s">
        <v>120109</v>
      </c>
      <c r="I34567" s="1" t="s">
        <v>118887</v>
      </c>
      <c r="J34567" s="1" t="s">
        <v>120152</v>
      </c>
    </row>
    <row r="34568" spans="1:10" x14ac:dyDescent="0.35">
      <c r="A34568" s="1" t="s">
        <v>1532</v>
      </c>
      <c r="B34568" s="1" t="s">
        <v>118882</v>
      </c>
      <c r="C34568" s="1" t="s">
        <v>85</v>
      </c>
      <c r="D34568" s="1" t="s">
        <v>45379</v>
      </c>
      <c r="E34568" s="1" t="s">
        <v>120153</v>
      </c>
      <c r="F34568" s="1" t="s">
        <v>120154</v>
      </c>
      <c r="G34568" s="1" t="s">
        <v>120108</v>
      </c>
      <c r="H34568" s="1" t="s">
        <v>120109</v>
      </c>
      <c r="I34568" s="1" t="s">
        <v>118887</v>
      </c>
      <c r="J34568" s="1" t="s">
        <v>120155</v>
      </c>
    </row>
    <row r="34569" spans="1:10" x14ac:dyDescent="0.35">
      <c r="A34569" s="1" t="s">
        <v>1532</v>
      </c>
      <c r="B34569" s="1" t="s">
        <v>118882</v>
      </c>
      <c r="C34569" s="1" t="s">
        <v>90</v>
      </c>
      <c r="D34569" s="1" t="s">
        <v>4388</v>
      </c>
      <c r="E34569" s="1" t="s">
        <v>120156</v>
      </c>
      <c r="F34569" s="1" t="s">
        <v>120157</v>
      </c>
      <c r="G34569" s="1" t="s">
        <v>120108</v>
      </c>
      <c r="H34569" s="1" t="s">
        <v>120109</v>
      </c>
      <c r="I34569" s="1" t="s">
        <v>118887</v>
      </c>
      <c r="J34569" s="1" t="s">
        <v>120158</v>
      </c>
    </row>
    <row r="34570" spans="1:10" x14ac:dyDescent="0.35">
      <c r="A34570" s="1" t="s">
        <v>1532</v>
      </c>
      <c r="B34570" s="1" t="s">
        <v>118882</v>
      </c>
      <c r="C34570" s="1" t="s">
        <v>95</v>
      </c>
      <c r="D34570" s="1" t="s">
        <v>120159</v>
      </c>
      <c r="E34570" s="1" t="s">
        <v>120160</v>
      </c>
      <c r="F34570" s="1" t="s">
        <v>120161</v>
      </c>
      <c r="G34570" s="1" t="s">
        <v>120108</v>
      </c>
      <c r="H34570" s="1" t="s">
        <v>120109</v>
      </c>
      <c r="I34570" s="1" t="s">
        <v>118887</v>
      </c>
      <c r="J34570" s="1" t="s">
        <v>120162</v>
      </c>
    </row>
    <row r="34571" spans="1:10" x14ac:dyDescent="0.35">
      <c r="A34571" s="1" t="s">
        <v>1532</v>
      </c>
      <c r="B34571" s="1" t="s">
        <v>118882</v>
      </c>
      <c r="C34571" s="1" t="s">
        <v>100</v>
      </c>
      <c r="D34571" s="1" t="s">
        <v>27851</v>
      </c>
      <c r="E34571" s="1" t="s">
        <v>120163</v>
      </c>
      <c r="F34571" s="1" t="s">
        <v>120164</v>
      </c>
      <c r="G34571" s="1" t="s">
        <v>120108</v>
      </c>
      <c r="H34571" s="1" t="s">
        <v>120109</v>
      </c>
      <c r="I34571" s="1" t="s">
        <v>118887</v>
      </c>
      <c r="J34571" s="1" t="s">
        <v>120165</v>
      </c>
    </row>
    <row r="34572" spans="1:10" x14ac:dyDescent="0.35">
      <c r="A34572" s="1" t="s">
        <v>1532</v>
      </c>
      <c r="B34572" s="1" t="s">
        <v>118882</v>
      </c>
      <c r="C34572" s="1" t="s">
        <v>105</v>
      </c>
      <c r="D34572" s="1" t="s">
        <v>29448</v>
      </c>
      <c r="E34572" s="1" t="s">
        <v>120166</v>
      </c>
      <c r="F34572" s="1" t="s">
        <v>120167</v>
      </c>
      <c r="G34572" s="1" t="s">
        <v>120108</v>
      </c>
      <c r="H34572" s="1" t="s">
        <v>120109</v>
      </c>
      <c r="I34572" s="1" t="s">
        <v>118887</v>
      </c>
      <c r="J34572" s="1" t="s">
        <v>120168</v>
      </c>
    </row>
    <row r="34573" spans="1:10" x14ac:dyDescent="0.35">
      <c r="A34573" s="1" t="s">
        <v>1532</v>
      </c>
      <c r="B34573" s="1" t="s">
        <v>118882</v>
      </c>
      <c r="C34573" s="1" t="s">
        <v>110</v>
      </c>
      <c r="D34573" s="1" t="s">
        <v>1639</v>
      </c>
      <c r="E34573" s="1" t="s">
        <v>120169</v>
      </c>
      <c r="F34573" s="1" t="s">
        <v>120170</v>
      </c>
      <c r="G34573" s="1" t="s">
        <v>120108</v>
      </c>
      <c r="H34573" s="1" t="s">
        <v>120109</v>
      </c>
      <c r="I34573" s="1" t="s">
        <v>118887</v>
      </c>
      <c r="J34573" s="1" t="s">
        <v>120171</v>
      </c>
    </row>
    <row r="34574" spans="1:10" x14ac:dyDescent="0.35">
      <c r="A34574" s="1" t="s">
        <v>1532</v>
      </c>
      <c r="B34574" s="1" t="s">
        <v>118882</v>
      </c>
      <c r="C34574" s="1" t="s">
        <v>115</v>
      </c>
      <c r="D34574" s="1" t="s">
        <v>112342</v>
      </c>
      <c r="E34574" s="1" t="s">
        <v>120172</v>
      </c>
      <c r="F34574" s="1" t="s">
        <v>120173</v>
      </c>
      <c r="G34574" s="1" t="s">
        <v>120108</v>
      </c>
      <c r="H34574" s="1" t="s">
        <v>120109</v>
      </c>
      <c r="I34574" s="1" t="s">
        <v>118887</v>
      </c>
      <c r="J34574" s="1" t="s">
        <v>120174</v>
      </c>
    </row>
    <row r="34575" spans="1:10" x14ac:dyDescent="0.35">
      <c r="A34575" s="1" t="s">
        <v>1532</v>
      </c>
      <c r="B34575" s="1" t="s">
        <v>118882</v>
      </c>
      <c r="C34575" s="1" t="s">
        <v>120</v>
      </c>
      <c r="D34575" s="1" t="s">
        <v>8099</v>
      </c>
      <c r="E34575" s="1" t="s">
        <v>120175</v>
      </c>
      <c r="F34575" s="1" t="s">
        <v>120176</v>
      </c>
      <c r="G34575" s="1" t="s">
        <v>120108</v>
      </c>
      <c r="H34575" s="1" t="s">
        <v>120109</v>
      </c>
      <c r="I34575" s="1" t="s">
        <v>118887</v>
      </c>
      <c r="J34575" s="1" t="s">
        <v>120177</v>
      </c>
    </row>
    <row r="34576" spans="1:10" x14ac:dyDescent="0.35">
      <c r="A34576" s="1" t="s">
        <v>1532</v>
      </c>
      <c r="B34576" s="1" t="s">
        <v>118882</v>
      </c>
      <c r="C34576" s="1" t="s">
        <v>125</v>
      </c>
      <c r="D34576" s="1" t="s">
        <v>120178</v>
      </c>
      <c r="E34576" s="1" t="s">
        <v>120179</v>
      </c>
      <c r="F34576" s="1" t="s">
        <v>120180</v>
      </c>
      <c r="G34576" s="1" t="s">
        <v>120108</v>
      </c>
      <c r="H34576" s="1" t="s">
        <v>120109</v>
      </c>
      <c r="I34576" s="1" t="s">
        <v>118887</v>
      </c>
      <c r="J34576" s="1" t="s">
        <v>120181</v>
      </c>
    </row>
    <row r="34577" spans="1:10" x14ac:dyDescent="0.35">
      <c r="A34577" s="1" t="s">
        <v>1532</v>
      </c>
      <c r="B34577" s="1" t="s">
        <v>118882</v>
      </c>
      <c r="C34577" s="1" t="s">
        <v>130</v>
      </c>
      <c r="D34577" s="1" t="s">
        <v>46352</v>
      </c>
      <c r="E34577" s="1" t="s">
        <v>120182</v>
      </c>
      <c r="F34577" s="1" t="s">
        <v>120183</v>
      </c>
      <c r="G34577" s="1" t="s">
        <v>120108</v>
      </c>
      <c r="H34577" s="1" t="s">
        <v>120109</v>
      </c>
      <c r="I34577" s="1" t="s">
        <v>118887</v>
      </c>
      <c r="J34577" s="1" t="s">
        <v>120184</v>
      </c>
    </row>
    <row r="34578" spans="1:10" x14ac:dyDescent="0.35">
      <c r="A34578" s="1" t="s">
        <v>1532</v>
      </c>
      <c r="B34578" s="1" t="s">
        <v>118882</v>
      </c>
      <c r="C34578" s="1" t="s">
        <v>135</v>
      </c>
      <c r="D34578" s="1" t="s">
        <v>120185</v>
      </c>
      <c r="E34578" s="1" t="s">
        <v>120186</v>
      </c>
      <c r="F34578" s="1" t="s">
        <v>120187</v>
      </c>
      <c r="G34578" s="1" t="s">
        <v>120108</v>
      </c>
      <c r="H34578" s="1" t="s">
        <v>120109</v>
      </c>
      <c r="I34578" s="1" t="s">
        <v>118887</v>
      </c>
      <c r="J34578" s="1" t="s">
        <v>120188</v>
      </c>
    </row>
    <row r="34579" spans="1:10" x14ac:dyDescent="0.35">
      <c r="A34579" s="1" t="s">
        <v>1532</v>
      </c>
      <c r="B34579" s="1" t="s">
        <v>118882</v>
      </c>
      <c r="C34579" s="1" t="s">
        <v>140</v>
      </c>
      <c r="D34579" s="1" t="s">
        <v>2149</v>
      </c>
      <c r="E34579" s="1" t="s">
        <v>120189</v>
      </c>
      <c r="F34579" s="1" t="s">
        <v>120190</v>
      </c>
      <c r="G34579" s="1" t="s">
        <v>120108</v>
      </c>
      <c r="H34579" s="1" t="s">
        <v>120109</v>
      </c>
      <c r="I34579" s="1" t="s">
        <v>118887</v>
      </c>
      <c r="J34579" s="1" t="s">
        <v>120191</v>
      </c>
    </row>
    <row r="34580" spans="1:10" x14ac:dyDescent="0.35">
      <c r="A34580" s="1" t="s">
        <v>1532</v>
      </c>
      <c r="B34580" s="1" t="s">
        <v>118882</v>
      </c>
      <c r="C34580" s="1" t="s">
        <v>145</v>
      </c>
      <c r="D34580" s="1" t="s">
        <v>1403</v>
      </c>
      <c r="E34580" s="1" t="s">
        <v>120192</v>
      </c>
      <c r="F34580" s="1" t="s">
        <v>120193</v>
      </c>
      <c r="G34580" s="1" t="s">
        <v>120108</v>
      </c>
      <c r="H34580" s="1" t="s">
        <v>120109</v>
      </c>
      <c r="I34580" s="1" t="s">
        <v>118887</v>
      </c>
      <c r="J34580" s="1" t="s">
        <v>120194</v>
      </c>
    </row>
    <row r="34581" spans="1:10" x14ac:dyDescent="0.35">
      <c r="A34581" s="1" t="s">
        <v>1532</v>
      </c>
      <c r="B34581" s="1" t="s">
        <v>118882</v>
      </c>
      <c r="C34581" s="1" t="s">
        <v>150</v>
      </c>
      <c r="D34581" s="1" t="s">
        <v>120195</v>
      </c>
      <c r="E34581" s="1" t="s">
        <v>120196</v>
      </c>
      <c r="F34581" s="1" t="s">
        <v>100084</v>
      </c>
      <c r="G34581" s="1" t="s">
        <v>120108</v>
      </c>
      <c r="H34581" s="1" t="s">
        <v>120109</v>
      </c>
      <c r="I34581" s="1" t="s">
        <v>118887</v>
      </c>
      <c r="J34581" s="1" t="s">
        <v>120197</v>
      </c>
    </row>
    <row r="34582" spans="1:10" x14ac:dyDescent="0.35">
      <c r="A34582" s="1" t="s">
        <v>1532</v>
      </c>
      <c r="B34582" s="1" t="s">
        <v>118882</v>
      </c>
      <c r="C34582" s="1" t="s">
        <v>155</v>
      </c>
      <c r="D34582" s="1" t="s">
        <v>15231</v>
      </c>
      <c r="E34582" s="1" t="s">
        <v>120198</v>
      </c>
      <c r="F34582" s="1" t="s">
        <v>120199</v>
      </c>
      <c r="G34582" s="1" t="s">
        <v>120108</v>
      </c>
      <c r="H34582" s="1" t="s">
        <v>120109</v>
      </c>
      <c r="I34582" s="1" t="s">
        <v>118887</v>
      </c>
      <c r="J34582" s="1" t="s">
        <v>120200</v>
      </c>
    </row>
    <row r="34583" spans="1:10" x14ac:dyDescent="0.35">
      <c r="A34583" s="1" t="s">
        <v>1532</v>
      </c>
      <c r="B34583" s="1" t="s">
        <v>118882</v>
      </c>
      <c r="C34583" s="1" t="s">
        <v>160</v>
      </c>
      <c r="D34583" s="1" t="s">
        <v>45477</v>
      </c>
      <c r="E34583" s="1" t="s">
        <v>120201</v>
      </c>
      <c r="F34583" s="1" t="s">
        <v>120202</v>
      </c>
      <c r="G34583" s="1" t="s">
        <v>120108</v>
      </c>
      <c r="H34583" s="1" t="s">
        <v>120109</v>
      </c>
      <c r="I34583" s="1" t="s">
        <v>118887</v>
      </c>
      <c r="J34583" s="1" t="s">
        <v>120203</v>
      </c>
    </row>
    <row r="34584" spans="1:10" x14ac:dyDescent="0.35">
      <c r="A34584" s="1" t="s">
        <v>1532</v>
      </c>
      <c r="B34584" s="1" t="s">
        <v>118882</v>
      </c>
      <c r="C34584" s="1" t="s">
        <v>165</v>
      </c>
      <c r="D34584" s="1" t="s">
        <v>28210</v>
      </c>
      <c r="E34584" s="1" t="s">
        <v>120204</v>
      </c>
      <c r="F34584" s="1" t="s">
        <v>120205</v>
      </c>
      <c r="G34584" s="1" t="s">
        <v>120108</v>
      </c>
      <c r="H34584" s="1" t="s">
        <v>120109</v>
      </c>
      <c r="I34584" s="1" t="s">
        <v>118887</v>
      </c>
      <c r="J34584" s="1" t="s">
        <v>120206</v>
      </c>
    </row>
    <row r="34585" spans="1:10" x14ac:dyDescent="0.35">
      <c r="A34585" s="1" t="s">
        <v>1532</v>
      </c>
      <c r="B34585" s="1" t="s">
        <v>118882</v>
      </c>
      <c r="C34585" s="1" t="s">
        <v>170</v>
      </c>
      <c r="D34585" s="1" t="s">
        <v>104453</v>
      </c>
      <c r="E34585" s="1" t="s">
        <v>120207</v>
      </c>
      <c r="F34585" s="1" t="s">
        <v>120208</v>
      </c>
      <c r="G34585" s="1" t="s">
        <v>120108</v>
      </c>
      <c r="H34585" s="1" t="s">
        <v>120109</v>
      </c>
      <c r="I34585" s="1" t="s">
        <v>118887</v>
      </c>
      <c r="J34585" s="1" t="s">
        <v>120209</v>
      </c>
    </row>
    <row r="34586" spans="1:10" x14ac:dyDescent="0.35">
      <c r="A34586" s="1" t="s">
        <v>44027</v>
      </c>
      <c r="B34586" s="1" t="s">
        <v>118882</v>
      </c>
      <c r="C34586" s="1" t="s">
        <v>8</v>
      </c>
      <c r="D34586" s="1" t="s">
        <v>20</v>
      </c>
      <c r="E34586" s="1" t="s">
        <v>120210</v>
      </c>
      <c r="F34586" s="1" t="s">
        <v>120211</v>
      </c>
      <c r="G34586" s="1" t="s">
        <v>120212</v>
      </c>
      <c r="H34586" s="1" t="s">
        <v>120213</v>
      </c>
      <c r="I34586" s="1" t="s">
        <v>118887</v>
      </c>
      <c r="J34586" s="1" t="s">
        <v>13</v>
      </c>
    </row>
    <row r="34587" spans="1:10" x14ac:dyDescent="0.35">
      <c r="A34587" s="1" t="s">
        <v>44027</v>
      </c>
      <c r="B34587" s="1" t="s">
        <v>118882</v>
      </c>
      <c r="C34587" s="1" t="s">
        <v>15</v>
      </c>
      <c r="D34587" s="1" t="s">
        <v>5518</v>
      </c>
      <c r="E34587" s="1" t="s">
        <v>120214</v>
      </c>
      <c r="F34587" s="1" t="s">
        <v>120215</v>
      </c>
      <c r="G34587" s="1" t="s">
        <v>120212</v>
      </c>
      <c r="H34587" s="1" t="s">
        <v>120213</v>
      </c>
      <c r="I34587" s="1" t="s">
        <v>118887</v>
      </c>
      <c r="J34587" s="1" t="s">
        <v>120216</v>
      </c>
    </row>
    <row r="34588" spans="1:10" x14ac:dyDescent="0.35">
      <c r="A34588" s="1" t="s">
        <v>44027</v>
      </c>
      <c r="B34588" s="1" t="s">
        <v>118882</v>
      </c>
      <c r="C34588" s="1" t="s">
        <v>20</v>
      </c>
      <c r="D34588" s="1" t="s">
        <v>120217</v>
      </c>
      <c r="E34588" s="1" t="s">
        <v>120218</v>
      </c>
      <c r="F34588" s="1" t="s">
        <v>120219</v>
      </c>
      <c r="G34588" s="1" t="s">
        <v>120212</v>
      </c>
      <c r="H34588" s="1" t="s">
        <v>120213</v>
      </c>
      <c r="I34588" s="1" t="s">
        <v>118887</v>
      </c>
      <c r="J34588" s="1" t="s">
        <v>120220</v>
      </c>
    </row>
    <row r="34589" spans="1:10" x14ac:dyDescent="0.35">
      <c r="A34589" s="1" t="s">
        <v>44027</v>
      </c>
      <c r="B34589" s="1" t="s">
        <v>118882</v>
      </c>
      <c r="C34589" s="1" t="s">
        <v>25</v>
      </c>
      <c r="D34589" s="1" t="s">
        <v>28175</v>
      </c>
      <c r="E34589" s="1" t="s">
        <v>120221</v>
      </c>
      <c r="F34589" s="1" t="s">
        <v>120222</v>
      </c>
      <c r="G34589" s="1" t="s">
        <v>120212</v>
      </c>
      <c r="H34589" s="1" t="s">
        <v>120213</v>
      </c>
      <c r="I34589" s="1" t="s">
        <v>118887</v>
      </c>
      <c r="J34589" s="1" t="s">
        <v>120223</v>
      </c>
    </row>
    <row r="34590" spans="1:10" x14ac:dyDescent="0.35">
      <c r="A34590" s="1" t="s">
        <v>44027</v>
      </c>
      <c r="B34590" s="1" t="s">
        <v>118882</v>
      </c>
      <c r="C34590" s="1" t="s">
        <v>30</v>
      </c>
      <c r="D34590" s="1" t="s">
        <v>6439</v>
      </c>
      <c r="E34590" s="1" t="s">
        <v>120224</v>
      </c>
      <c r="F34590" s="1" t="s">
        <v>120225</v>
      </c>
      <c r="G34590" s="1" t="s">
        <v>120212</v>
      </c>
      <c r="H34590" s="1" t="s">
        <v>120213</v>
      </c>
      <c r="I34590" s="1" t="s">
        <v>118887</v>
      </c>
      <c r="J34590" s="1" t="s">
        <v>120226</v>
      </c>
    </row>
    <row r="34591" spans="1:10" x14ac:dyDescent="0.35">
      <c r="A34591" s="1" t="s">
        <v>44027</v>
      </c>
      <c r="B34591" s="1" t="s">
        <v>118882</v>
      </c>
      <c r="C34591" s="1" t="s">
        <v>35</v>
      </c>
      <c r="D34591" s="1" t="s">
        <v>47316</v>
      </c>
      <c r="E34591" s="1" t="s">
        <v>120227</v>
      </c>
      <c r="F34591" s="1" t="s">
        <v>120228</v>
      </c>
      <c r="G34591" s="1" t="s">
        <v>120212</v>
      </c>
      <c r="H34591" s="1" t="s">
        <v>120213</v>
      </c>
      <c r="I34591" s="1" t="s">
        <v>118887</v>
      </c>
      <c r="J34591" s="1" t="s">
        <v>120229</v>
      </c>
    </row>
    <row r="34592" spans="1:10" x14ac:dyDescent="0.35">
      <c r="A34592" s="1" t="s">
        <v>44027</v>
      </c>
      <c r="B34592" s="1" t="s">
        <v>118882</v>
      </c>
      <c r="C34592" s="1" t="s">
        <v>40</v>
      </c>
      <c r="D34592" s="1" t="s">
        <v>27763</v>
      </c>
      <c r="E34592" s="1" t="s">
        <v>120230</v>
      </c>
      <c r="F34592" s="1" t="s">
        <v>120231</v>
      </c>
      <c r="G34592" s="1" t="s">
        <v>120212</v>
      </c>
      <c r="H34592" s="1" t="s">
        <v>120213</v>
      </c>
      <c r="I34592" s="1" t="s">
        <v>118887</v>
      </c>
      <c r="J34592" s="1" t="s">
        <v>120232</v>
      </c>
    </row>
    <row r="34593" spans="1:10" x14ac:dyDescent="0.35">
      <c r="A34593" s="1" t="s">
        <v>44027</v>
      </c>
      <c r="B34593" s="1" t="s">
        <v>118882</v>
      </c>
      <c r="C34593" s="1" t="s">
        <v>45</v>
      </c>
      <c r="D34593" s="1" t="s">
        <v>9241</v>
      </c>
      <c r="E34593" s="1" t="s">
        <v>120233</v>
      </c>
      <c r="F34593" s="1" t="s">
        <v>120234</v>
      </c>
      <c r="G34593" s="1" t="s">
        <v>120212</v>
      </c>
      <c r="H34593" s="1" t="s">
        <v>120213</v>
      </c>
      <c r="I34593" s="1" t="s">
        <v>118887</v>
      </c>
      <c r="J34593" s="1" t="s">
        <v>120235</v>
      </c>
    </row>
    <row r="34594" spans="1:10" x14ac:dyDescent="0.35">
      <c r="A34594" s="1" t="s">
        <v>44027</v>
      </c>
      <c r="B34594" s="1" t="s">
        <v>118882</v>
      </c>
      <c r="C34594" s="1" t="s">
        <v>50</v>
      </c>
      <c r="D34594" s="1" t="s">
        <v>7040</v>
      </c>
      <c r="E34594" s="1" t="s">
        <v>120236</v>
      </c>
      <c r="F34594" s="1" t="s">
        <v>120237</v>
      </c>
      <c r="G34594" s="1" t="s">
        <v>120212</v>
      </c>
      <c r="H34594" s="1" t="s">
        <v>120213</v>
      </c>
      <c r="I34594" s="1" t="s">
        <v>118887</v>
      </c>
      <c r="J34594" s="1" t="s">
        <v>120238</v>
      </c>
    </row>
    <row r="34595" spans="1:10" x14ac:dyDescent="0.35">
      <c r="A34595" s="1" t="s">
        <v>44027</v>
      </c>
      <c r="B34595" s="1" t="s">
        <v>118882</v>
      </c>
      <c r="C34595" s="1" t="s">
        <v>55</v>
      </c>
      <c r="D34595" s="1" t="s">
        <v>111495</v>
      </c>
      <c r="E34595" s="1" t="s">
        <v>120239</v>
      </c>
      <c r="F34595" s="1" t="s">
        <v>120240</v>
      </c>
      <c r="G34595" s="1" t="s">
        <v>120212</v>
      </c>
      <c r="H34595" s="1" t="s">
        <v>120213</v>
      </c>
      <c r="I34595" s="1" t="s">
        <v>118887</v>
      </c>
      <c r="J34595" s="1" t="s">
        <v>120241</v>
      </c>
    </row>
    <row r="34596" spans="1:10" x14ac:dyDescent="0.35">
      <c r="A34596" s="1" t="s">
        <v>44027</v>
      </c>
      <c r="B34596" s="1" t="s">
        <v>118882</v>
      </c>
      <c r="C34596" s="1" t="s">
        <v>60</v>
      </c>
      <c r="D34596" s="1" t="s">
        <v>15828</v>
      </c>
      <c r="E34596" s="1" t="s">
        <v>120242</v>
      </c>
      <c r="F34596" s="1" t="s">
        <v>120243</v>
      </c>
      <c r="G34596" s="1" t="s">
        <v>120212</v>
      </c>
      <c r="H34596" s="1" t="s">
        <v>120213</v>
      </c>
      <c r="I34596" s="1" t="s">
        <v>118887</v>
      </c>
      <c r="J34596" s="1" t="s">
        <v>120244</v>
      </c>
    </row>
    <row r="34597" spans="1:10" x14ac:dyDescent="0.35">
      <c r="A34597" s="1" t="s">
        <v>44027</v>
      </c>
      <c r="B34597" s="1" t="s">
        <v>118882</v>
      </c>
      <c r="C34597" s="1" t="s">
        <v>65</v>
      </c>
      <c r="D34597" s="1" t="s">
        <v>120245</v>
      </c>
      <c r="E34597" s="1" t="s">
        <v>120246</v>
      </c>
      <c r="F34597" s="1" t="s">
        <v>120247</v>
      </c>
      <c r="G34597" s="1" t="s">
        <v>120212</v>
      </c>
      <c r="H34597" s="1" t="s">
        <v>120213</v>
      </c>
      <c r="I34597" s="1" t="s">
        <v>118887</v>
      </c>
      <c r="J34597" s="1" t="s">
        <v>120248</v>
      </c>
    </row>
    <row r="34598" spans="1:10" x14ac:dyDescent="0.35">
      <c r="A34598" s="1" t="s">
        <v>44027</v>
      </c>
      <c r="B34598" s="1" t="s">
        <v>118882</v>
      </c>
      <c r="C34598" s="1" t="s">
        <v>70</v>
      </c>
      <c r="D34598" s="1" t="s">
        <v>104318</v>
      </c>
      <c r="E34598" s="1" t="s">
        <v>120249</v>
      </c>
      <c r="F34598" s="1" t="s">
        <v>120250</v>
      </c>
      <c r="G34598" s="1" t="s">
        <v>120212</v>
      </c>
      <c r="H34598" s="1" t="s">
        <v>120213</v>
      </c>
      <c r="I34598" s="1" t="s">
        <v>118887</v>
      </c>
      <c r="J34598" s="1" t="s">
        <v>120251</v>
      </c>
    </row>
    <row r="34599" spans="1:10" x14ac:dyDescent="0.35">
      <c r="A34599" s="1" t="s">
        <v>44027</v>
      </c>
      <c r="B34599" s="1" t="s">
        <v>118882</v>
      </c>
      <c r="C34599" s="1" t="s">
        <v>75</v>
      </c>
      <c r="D34599" s="1" t="s">
        <v>120252</v>
      </c>
      <c r="E34599" s="1" t="s">
        <v>120253</v>
      </c>
      <c r="F34599" s="1" t="s">
        <v>120254</v>
      </c>
      <c r="G34599" s="1" t="s">
        <v>120212</v>
      </c>
      <c r="H34599" s="1" t="s">
        <v>120213</v>
      </c>
      <c r="I34599" s="1" t="s">
        <v>118887</v>
      </c>
      <c r="J34599" s="1" t="s">
        <v>120255</v>
      </c>
    </row>
    <row r="34600" spans="1:10" x14ac:dyDescent="0.35">
      <c r="A34600" s="1" t="s">
        <v>44027</v>
      </c>
      <c r="B34600" s="1" t="s">
        <v>118882</v>
      </c>
      <c r="C34600" s="1" t="s">
        <v>80</v>
      </c>
      <c r="D34600" s="1" t="s">
        <v>28206</v>
      </c>
      <c r="E34600" s="1" t="s">
        <v>120256</v>
      </c>
      <c r="F34600" s="1" t="s">
        <v>120257</v>
      </c>
      <c r="G34600" s="1" t="s">
        <v>120212</v>
      </c>
      <c r="H34600" s="1" t="s">
        <v>120213</v>
      </c>
      <c r="I34600" s="1" t="s">
        <v>118887</v>
      </c>
      <c r="J34600" s="1" t="s">
        <v>120258</v>
      </c>
    </row>
    <row r="34601" spans="1:10" x14ac:dyDescent="0.35">
      <c r="A34601" s="1" t="s">
        <v>44027</v>
      </c>
      <c r="B34601" s="1" t="s">
        <v>118882</v>
      </c>
      <c r="C34601" s="1" t="s">
        <v>85</v>
      </c>
      <c r="D34601" s="1" t="s">
        <v>120259</v>
      </c>
      <c r="E34601" s="1" t="s">
        <v>120260</v>
      </c>
      <c r="F34601" s="1" t="s">
        <v>120261</v>
      </c>
      <c r="G34601" s="1" t="s">
        <v>120212</v>
      </c>
      <c r="H34601" s="1" t="s">
        <v>120213</v>
      </c>
      <c r="I34601" s="1" t="s">
        <v>118887</v>
      </c>
      <c r="J34601" s="1" t="s">
        <v>120262</v>
      </c>
    </row>
    <row r="34602" spans="1:10" x14ac:dyDescent="0.35">
      <c r="A34602" s="1" t="s">
        <v>44027</v>
      </c>
      <c r="B34602" s="1" t="s">
        <v>118882</v>
      </c>
      <c r="C34602" s="1" t="s">
        <v>90</v>
      </c>
      <c r="D34602" s="1" t="s">
        <v>120263</v>
      </c>
      <c r="E34602" s="1" t="s">
        <v>120264</v>
      </c>
      <c r="F34602" s="1" t="s">
        <v>120265</v>
      </c>
      <c r="G34602" s="1" t="s">
        <v>120212</v>
      </c>
      <c r="H34602" s="1" t="s">
        <v>120213</v>
      </c>
      <c r="I34602" s="1" t="s">
        <v>118887</v>
      </c>
      <c r="J34602" s="1" t="s">
        <v>120266</v>
      </c>
    </row>
    <row r="34603" spans="1:10" x14ac:dyDescent="0.35">
      <c r="A34603" s="1" t="s">
        <v>44027</v>
      </c>
      <c r="B34603" s="1" t="s">
        <v>118882</v>
      </c>
      <c r="C34603" s="1" t="s">
        <v>95</v>
      </c>
      <c r="D34603" s="1" t="s">
        <v>2323</v>
      </c>
      <c r="E34603" s="1" t="s">
        <v>120267</v>
      </c>
      <c r="F34603" s="1" t="s">
        <v>120268</v>
      </c>
      <c r="G34603" s="1" t="s">
        <v>120212</v>
      </c>
      <c r="H34603" s="1" t="s">
        <v>120213</v>
      </c>
      <c r="I34603" s="1" t="s">
        <v>118887</v>
      </c>
      <c r="J34603" s="1" t="s">
        <v>120269</v>
      </c>
    </row>
    <row r="34604" spans="1:10" x14ac:dyDescent="0.35">
      <c r="A34604" s="1" t="s">
        <v>44027</v>
      </c>
      <c r="B34604" s="1" t="s">
        <v>118882</v>
      </c>
      <c r="C34604" s="1" t="s">
        <v>100</v>
      </c>
      <c r="D34604" s="1" t="s">
        <v>120270</v>
      </c>
      <c r="E34604" s="1" t="s">
        <v>120271</v>
      </c>
      <c r="F34604" s="1" t="s">
        <v>120272</v>
      </c>
      <c r="G34604" s="1" t="s">
        <v>120212</v>
      </c>
      <c r="H34604" s="1" t="s">
        <v>120213</v>
      </c>
      <c r="I34604" s="1" t="s">
        <v>118887</v>
      </c>
      <c r="J34604" s="1" t="s">
        <v>120273</v>
      </c>
    </row>
    <row r="34605" spans="1:10" x14ac:dyDescent="0.35">
      <c r="A34605" s="1" t="s">
        <v>44027</v>
      </c>
      <c r="B34605" s="1" t="s">
        <v>118882</v>
      </c>
      <c r="C34605" s="1" t="s">
        <v>105</v>
      </c>
      <c r="D34605" s="1" t="s">
        <v>120274</v>
      </c>
      <c r="E34605" s="1" t="s">
        <v>120275</v>
      </c>
      <c r="F34605" s="1" t="s">
        <v>120276</v>
      </c>
      <c r="G34605" s="1" t="s">
        <v>120212</v>
      </c>
      <c r="H34605" s="1" t="s">
        <v>120213</v>
      </c>
      <c r="I34605" s="1" t="s">
        <v>118887</v>
      </c>
      <c r="J34605" s="1" t="s">
        <v>120277</v>
      </c>
    </row>
    <row r="34606" spans="1:10" x14ac:dyDescent="0.35">
      <c r="A34606" s="1" t="s">
        <v>44027</v>
      </c>
      <c r="B34606" s="1" t="s">
        <v>118882</v>
      </c>
      <c r="C34606" s="1" t="s">
        <v>110</v>
      </c>
      <c r="D34606" s="1" t="s">
        <v>37411</v>
      </c>
      <c r="E34606" s="1" t="s">
        <v>120278</v>
      </c>
      <c r="F34606" s="1" t="s">
        <v>120279</v>
      </c>
      <c r="G34606" s="1" t="s">
        <v>120212</v>
      </c>
      <c r="H34606" s="1" t="s">
        <v>120213</v>
      </c>
      <c r="I34606" s="1" t="s">
        <v>118887</v>
      </c>
      <c r="J34606" s="1" t="s">
        <v>120280</v>
      </c>
    </row>
    <row r="34607" spans="1:10" x14ac:dyDescent="0.35">
      <c r="A34607" s="1" t="s">
        <v>44027</v>
      </c>
      <c r="B34607" s="1" t="s">
        <v>118882</v>
      </c>
      <c r="C34607" s="1" t="s">
        <v>115</v>
      </c>
      <c r="D34607" s="1" t="s">
        <v>48630</v>
      </c>
      <c r="E34607" s="1" t="s">
        <v>120281</v>
      </c>
      <c r="F34607" s="1" t="s">
        <v>120282</v>
      </c>
      <c r="G34607" s="1" t="s">
        <v>120212</v>
      </c>
      <c r="H34607" s="1" t="s">
        <v>120213</v>
      </c>
      <c r="I34607" s="1" t="s">
        <v>118887</v>
      </c>
      <c r="J34607" s="1" t="s">
        <v>120283</v>
      </c>
    </row>
    <row r="34608" spans="1:10" x14ac:dyDescent="0.35">
      <c r="A34608" s="1" t="s">
        <v>44027</v>
      </c>
      <c r="B34608" s="1" t="s">
        <v>118882</v>
      </c>
      <c r="C34608" s="1" t="s">
        <v>120</v>
      </c>
      <c r="D34608" s="1" t="s">
        <v>8782</v>
      </c>
      <c r="E34608" s="1" t="s">
        <v>120284</v>
      </c>
      <c r="F34608" s="1" t="s">
        <v>120285</v>
      </c>
      <c r="G34608" s="1" t="s">
        <v>120212</v>
      </c>
      <c r="H34608" s="1" t="s">
        <v>120213</v>
      </c>
      <c r="I34608" s="1" t="s">
        <v>118887</v>
      </c>
      <c r="J34608" s="1" t="s">
        <v>120286</v>
      </c>
    </row>
    <row r="34609" spans="1:10" x14ac:dyDescent="0.35">
      <c r="A34609" s="1" t="s">
        <v>44027</v>
      </c>
      <c r="B34609" s="1" t="s">
        <v>118882</v>
      </c>
      <c r="C34609" s="1" t="s">
        <v>125</v>
      </c>
      <c r="D34609" s="1" t="s">
        <v>49561</v>
      </c>
      <c r="E34609" s="1" t="s">
        <v>120287</v>
      </c>
      <c r="F34609" s="1" t="s">
        <v>120288</v>
      </c>
      <c r="G34609" s="1" t="s">
        <v>120212</v>
      </c>
      <c r="H34609" s="1" t="s">
        <v>120213</v>
      </c>
      <c r="I34609" s="1" t="s">
        <v>118887</v>
      </c>
      <c r="J34609" s="1" t="s">
        <v>120289</v>
      </c>
    </row>
    <row r="34610" spans="1:10" x14ac:dyDescent="0.35">
      <c r="A34610" s="1" t="s">
        <v>44027</v>
      </c>
      <c r="B34610" s="1" t="s">
        <v>118882</v>
      </c>
      <c r="C34610" s="1" t="s">
        <v>130</v>
      </c>
      <c r="D34610" s="1" t="s">
        <v>13389</v>
      </c>
      <c r="E34610" s="1" t="s">
        <v>120290</v>
      </c>
      <c r="F34610" s="1" t="s">
        <v>120291</v>
      </c>
      <c r="G34610" s="1" t="s">
        <v>120212</v>
      </c>
      <c r="H34610" s="1" t="s">
        <v>120213</v>
      </c>
      <c r="I34610" s="1" t="s">
        <v>118887</v>
      </c>
      <c r="J34610" s="1" t="s">
        <v>120292</v>
      </c>
    </row>
    <row r="34611" spans="1:10" x14ac:dyDescent="0.35">
      <c r="A34611" s="1" t="s">
        <v>44027</v>
      </c>
      <c r="B34611" s="1" t="s">
        <v>118882</v>
      </c>
      <c r="C34611" s="1" t="s">
        <v>135</v>
      </c>
      <c r="D34611" s="1" t="s">
        <v>72379</v>
      </c>
      <c r="E34611" s="1" t="s">
        <v>120293</v>
      </c>
      <c r="F34611" s="1" t="s">
        <v>120294</v>
      </c>
      <c r="G34611" s="1" t="s">
        <v>120212</v>
      </c>
      <c r="H34611" s="1" t="s">
        <v>120213</v>
      </c>
      <c r="I34611" s="1" t="s">
        <v>118887</v>
      </c>
      <c r="J34611" s="1" t="s">
        <v>120295</v>
      </c>
    </row>
    <row r="34612" spans="1:10" x14ac:dyDescent="0.35">
      <c r="A34612" s="1" t="s">
        <v>44027</v>
      </c>
      <c r="B34612" s="1" t="s">
        <v>118882</v>
      </c>
      <c r="C34612" s="1" t="s">
        <v>140</v>
      </c>
      <c r="D34612" s="1" t="s">
        <v>19868</v>
      </c>
      <c r="E34612" s="1" t="s">
        <v>120296</v>
      </c>
      <c r="F34612" s="1" t="s">
        <v>120297</v>
      </c>
      <c r="G34612" s="1" t="s">
        <v>120212</v>
      </c>
      <c r="H34612" s="1" t="s">
        <v>120213</v>
      </c>
      <c r="I34612" s="1" t="s">
        <v>118887</v>
      </c>
      <c r="J34612" s="1" t="s">
        <v>120298</v>
      </c>
    </row>
    <row r="34613" spans="1:10" x14ac:dyDescent="0.35">
      <c r="A34613" s="1" t="s">
        <v>44027</v>
      </c>
      <c r="B34613" s="1" t="s">
        <v>118882</v>
      </c>
      <c r="C34613" s="1" t="s">
        <v>145</v>
      </c>
      <c r="D34613" s="1" t="s">
        <v>120299</v>
      </c>
      <c r="E34613" s="1" t="s">
        <v>120300</v>
      </c>
      <c r="F34613" s="1" t="s">
        <v>120301</v>
      </c>
      <c r="G34613" s="1" t="s">
        <v>120212</v>
      </c>
      <c r="H34613" s="1" t="s">
        <v>120213</v>
      </c>
      <c r="I34613" s="1" t="s">
        <v>118887</v>
      </c>
      <c r="J34613" s="1" t="s">
        <v>120302</v>
      </c>
    </row>
    <row r="34614" spans="1:10" x14ac:dyDescent="0.35">
      <c r="A34614" s="1" t="s">
        <v>44027</v>
      </c>
      <c r="B34614" s="1" t="s">
        <v>118882</v>
      </c>
      <c r="C34614" s="1" t="s">
        <v>150</v>
      </c>
      <c r="D34614" s="1" t="s">
        <v>120303</v>
      </c>
      <c r="E34614" s="1" t="s">
        <v>120304</v>
      </c>
      <c r="F34614" s="1" t="s">
        <v>120305</v>
      </c>
      <c r="G34614" s="1" t="s">
        <v>120212</v>
      </c>
      <c r="H34614" s="1" t="s">
        <v>120213</v>
      </c>
      <c r="I34614" s="1" t="s">
        <v>118887</v>
      </c>
      <c r="J34614" s="1" t="s">
        <v>120306</v>
      </c>
    </row>
    <row r="34615" spans="1:10" x14ac:dyDescent="0.35">
      <c r="A34615" s="1" t="s">
        <v>44027</v>
      </c>
      <c r="B34615" s="1" t="s">
        <v>118882</v>
      </c>
      <c r="C34615" s="1" t="s">
        <v>155</v>
      </c>
      <c r="D34615" s="1" t="s">
        <v>35366</v>
      </c>
      <c r="E34615" s="1" t="s">
        <v>120307</v>
      </c>
      <c r="F34615" s="1" t="s">
        <v>120308</v>
      </c>
      <c r="G34615" s="1" t="s">
        <v>120212</v>
      </c>
      <c r="H34615" s="1" t="s">
        <v>120213</v>
      </c>
      <c r="I34615" s="1" t="s">
        <v>118887</v>
      </c>
      <c r="J34615" s="1" t="s">
        <v>120309</v>
      </c>
    </row>
    <row r="34616" spans="1:10" x14ac:dyDescent="0.35">
      <c r="A34616" s="1" t="s">
        <v>44027</v>
      </c>
      <c r="B34616" s="1" t="s">
        <v>118882</v>
      </c>
      <c r="C34616" s="1" t="s">
        <v>160</v>
      </c>
      <c r="D34616" s="1" t="s">
        <v>120310</v>
      </c>
      <c r="E34616" s="1" t="s">
        <v>120311</v>
      </c>
      <c r="F34616" s="1" t="s">
        <v>120312</v>
      </c>
      <c r="G34616" s="1" t="s">
        <v>120212</v>
      </c>
      <c r="H34616" s="1" t="s">
        <v>120213</v>
      </c>
      <c r="I34616" s="1" t="s">
        <v>118887</v>
      </c>
      <c r="J34616" s="1" t="s">
        <v>120313</v>
      </c>
    </row>
    <row r="34617" spans="1:10" x14ac:dyDescent="0.35">
      <c r="A34617" s="1" t="s">
        <v>44027</v>
      </c>
      <c r="B34617" s="1" t="s">
        <v>118882</v>
      </c>
      <c r="C34617" s="1" t="s">
        <v>165</v>
      </c>
      <c r="D34617" s="1" t="s">
        <v>31778</v>
      </c>
      <c r="E34617" s="1" t="s">
        <v>120314</v>
      </c>
      <c r="F34617" s="1" t="s">
        <v>120315</v>
      </c>
      <c r="G34617" s="1" t="s">
        <v>120212</v>
      </c>
      <c r="H34617" s="1" t="s">
        <v>120213</v>
      </c>
      <c r="I34617" s="1" t="s">
        <v>118887</v>
      </c>
      <c r="J34617" s="1" t="s">
        <v>120316</v>
      </c>
    </row>
    <row r="34618" spans="1:10" x14ac:dyDescent="0.35">
      <c r="A34618" s="1" t="s">
        <v>44027</v>
      </c>
      <c r="B34618" s="1" t="s">
        <v>118882</v>
      </c>
      <c r="C34618" s="1" t="s">
        <v>170</v>
      </c>
      <c r="D34618" s="1" t="s">
        <v>120317</v>
      </c>
      <c r="E34618" s="1" t="s">
        <v>120318</v>
      </c>
      <c r="F34618" s="1" t="s">
        <v>120319</v>
      </c>
      <c r="G34618" s="1" t="s">
        <v>120212</v>
      </c>
      <c r="H34618" s="1" t="s">
        <v>120213</v>
      </c>
      <c r="I34618" s="1" t="s">
        <v>118887</v>
      </c>
      <c r="J34618" s="1" t="s">
        <v>120320</v>
      </c>
    </row>
    <row r="34619" spans="1:10" x14ac:dyDescent="0.35">
      <c r="A34619" s="1" t="s">
        <v>120321</v>
      </c>
      <c r="B34619" s="1" t="s">
        <v>118882</v>
      </c>
      <c r="C34619" s="1" t="s">
        <v>8</v>
      </c>
      <c r="D34619" s="1" t="s">
        <v>14960</v>
      </c>
      <c r="E34619" s="1" t="s">
        <v>120322</v>
      </c>
      <c r="F34619" s="1" t="s">
        <v>120323</v>
      </c>
      <c r="G34619" s="1" t="s">
        <v>120324</v>
      </c>
      <c r="H34619" s="1" t="s">
        <v>120325</v>
      </c>
      <c r="I34619" s="1" t="s">
        <v>118887</v>
      </c>
      <c r="J34619" s="1" t="s">
        <v>13</v>
      </c>
    </row>
    <row r="34620" spans="1:10" x14ac:dyDescent="0.35">
      <c r="A34620" s="1" t="s">
        <v>120321</v>
      </c>
      <c r="B34620" s="1" t="s">
        <v>118882</v>
      </c>
      <c r="C34620" s="1" t="s">
        <v>15</v>
      </c>
      <c r="D34620" s="1" t="s">
        <v>44306</v>
      </c>
      <c r="E34620" s="1" t="s">
        <v>120326</v>
      </c>
      <c r="F34620" s="1" t="s">
        <v>120327</v>
      </c>
      <c r="G34620" s="1" t="s">
        <v>120324</v>
      </c>
      <c r="H34620" s="1" t="s">
        <v>120325</v>
      </c>
      <c r="I34620" s="1" t="s">
        <v>118887</v>
      </c>
      <c r="J34620" s="1" t="s">
        <v>120328</v>
      </c>
    </row>
    <row r="34621" spans="1:10" x14ac:dyDescent="0.35">
      <c r="A34621" s="1" t="s">
        <v>120321</v>
      </c>
      <c r="B34621" s="1" t="s">
        <v>118882</v>
      </c>
      <c r="C34621" s="1" t="s">
        <v>20</v>
      </c>
      <c r="D34621" s="1" t="s">
        <v>47316</v>
      </c>
      <c r="E34621" s="1" t="s">
        <v>120329</v>
      </c>
      <c r="F34621" s="1" t="s">
        <v>120330</v>
      </c>
      <c r="G34621" s="1" t="s">
        <v>120324</v>
      </c>
      <c r="H34621" s="1" t="s">
        <v>120325</v>
      </c>
      <c r="I34621" s="1" t="s">
        <v>118887</v>
      </c>
      <c r="J34621" s="1" t="s">
        <v>120331</v>
      </c>
    </row>
    <row r="34622" spans="1:10" x14ac:dyDescent="0.35">
      <c r="A34622" s="1" t="s">
        <v>120321</v>
      </c>
      <c r="B34622" s="1" t="s">
        <v>118882</v>
      </c>
      <c r="C34622" s="1" t="s">
        <v>25</v>
      </c>
      <c r="D34622" s="1" t="s">
        <v>14134</v>
      </c>
      <c r="E34622" s="1" t="s">
        <v>120332</v>
      </c>
      <c r="F34622" s="1" t="s">
        <v>120333</v>
      </c>
      <c r="G34622" s="1" t="s">
        <v>120324</v>
      </c>
      <c r="H34622" s="1" t="s">
        <v>120325</v>
      </c>
      <c r="I34622" s="1" t="s">
        <v>118887</v>
      </c>
      <c r="J34622" s="1" t="s">
        <v>120334</v>
      </c>
    </row>
    <row r="34623" spans="1:10" x14ac:dyDescent="0.35">
      <c r="A34623" s="1" t="s">
        <v>120321</v>
      </c>
      <c r="B34623" s="1" t="s">
        <v>118882</v>
      </c>
      <c r="C34623" s="1" t="s">
        <v>30</v>
      </c>
      <c r="D34623" s="1" t="s">
        <v>14109</v>
      </c>
      <c r="E34623" s="1" t="s">
        <v>120335</v>
      </c>
      <c r="F34623" s="1" t="s">
        <v>120336</v>
      </c>
      <c r="G34623" s="1" t="s">
        <v>120324</v>
      </c>
      <c r="H34623" s="1" t="s">
        <v>120325</v>
      </c>
      <c r="I34623" s="1" t="s">
        <v>118887</v>
      </c>
      <c r="J34623" s="1" t="s">
        <v>120337</v>
      </c>
    </row>
    <row r="34624" spans="1:10" x14ac:dyDescent="0.35">
      <c r="A34624" s="1" t="s">
        <v>120321</v>
      </c>
      <c r="B34624" s="1" t="s">
        <v>118882</v>
      </c>
      <c r="C34624" s="1" t="s">
        <v>35</v>
      </c>
      <c r="D34624" s="1" t="s">
        <v>119140</v>
      </c>
      <c r="E34624" s="1" t="s">
        <v>120338</v>
      </c>
      <c r="F34624" s="1" t="s">
        <v>120339</v>
      </c>
      <c r="G34624" s="1" t="s">
        <v>120324</v>
      </c>
      <c r="H34624" s="1" t="s">
        <v>120325</v>
      </c>
      <c r="I34624" s="1" t="s">
        <v>118887</v>
      </c>
      <c r="J34624" s="1" t="s">
        <v>120340</v>
      </c>
    </row>
    <row r="34625" spans="1:10" x14ac:dyDescent="0.35">
      <c r="A34625" s="1" t="s">
        <v>120321</v>
      </c>
      <c r="B34625" s="1" t="s">
        <v>118882</v>
      </c>
      <c r="C34625" s="1" t="s">
        <v>40</v>
      </c>
      <c r="D34625" s="1" t="s">
        <v>4054</v>
      </c>
      <c r="E34625" s="1" t="s">
        <v>120341</v>
      </c>
      <c r="F34625" s="1" t="s">
        <v>120342</v>
      </c>
      <c r="G34625" s="1" t="s">
        <v>120324</v>
      </c>
      <c r="H34625" s="1" t="s">
        <v>120325</v>
      </c>
      <c r="I34625" s="1" t="s">
        <v>118887</v>
      </c>
      <c r="J34625" s="1" t="s">
        <v>120343</v>
      </c>
    </row>
    <row r="34626" spans="1:10" x14ac:dyDescent="0.35">
      <c r="A34626" s="1" t="s">
        <v>120321</v>
      </c>
      <c r="B34626" s="1" t="s">
        <v>118882</v>
      </c>
      <c r="C34626" s="1" t="s">
        <v>45</v>
      </c>
      <c r="D34626" s="1" t="s">
        <v>28547</v>
      </c>
      <c r="E34626" s="1" t="s">
        <v>120344</v>
      </c>
      <c r="F34626" s="1" t="s">
        <v>120345</v>
      </c>
      <c r="G34626" s="1" t="s">
        <v>120324</v>
      </c>
      <c r="H34626" s="1" t="s">
        <v>120325</v>
      </c>
      <c r="I34626" s="1" t="s">
        <v>118887</v>
      </c>
      <c r="J34626" s="1" t="s">
        <v>120346</v>
      </c>
    </row>
    <row r="34627" spans="1:10" x14ac:dyDescent="0.35">
      <c r="A34627" s="1" t="s">
        <v>120321</v>
      </c>
      <c r="B34627" s="1" t="s">
        <v>118882</v>
      </c>
      <c r="C34627" s="1" t="s">
        <v>50</v>
      </c>
      <c r="D34627" s="1" t="s">
        <v>4717</v>
      </c>
      <c r="E34627" s="1" t="s">
        <v>120347</v>
      </c>
      <c r="F34627" s="1" t="s">
        <v>120348</v>
      </c>
      <c r="G34627" s="1" t="s">
        <v>120324</v>
      </c>
      <c r="H34627" s="1" t="s">
        <v>120325</v>
      </c>
      <c r="I34627" s="1" t="s">
        <v>118887</v>
      </c>
      <c r="J34627" s="1" t="s">
        <v>120349</v>
      </c>
    </row>
    <row r="34628" spans="1:10" x14ac:dyDescent="0.35">
      <c r="A34628" s="1" t="s">
        <v>120321</v>
      </c>
      <c r="B34628" s="1" t="s">
        <v>118882</v>
      </c>
      <c r="C34628" s="1" t="s">
        <v>55</v>
      </c>
      <c r="D34628" s="1" t="s">
        <v>51259</v>
      </c>
      <c r="E34628" s="1" t="s">
        <v>120350</v>
      </c>
      <c r="F34628" s="1" t="s">
        <v>120351</v>
      </c>
      <c r="G34628" s="1" t="s">
        <v>120324</v>
      </c>
      <c r="H34628" s="1" t="s">
        <v>120325</v>
      </c>
      <c r="I34628" s="1" t="s">
        <v>118887</v>
      </c>
      <c r="J34628" s="1" t="s">
        <v>120352</v>
      </c>
    </row>
    <row r="34629" spans="1:10" x14ac:dyDescent="0.35">
      <c r="A34629" s="1" t="s">
        <v>120321</v>
      </c>
      <c r="B34629" s="1" t="s">
        <v>118882</v>
      </c>
      <c r="C34629" s="1" t="s">
        <v>60</v>
      </c>
      <c r="D34629" s="1" t="s">
        <v>119792</v>
      </c>
      <c r="E34629" s="1" t="s">
        <v>120353</v>
      </c>
      <c r="F34629" s="1" t="s">
        <v>120354</v>
      </c>
      <c r="G34629" s="1" t="s">
        <v>120324</v>
      </c>
      <c r="H34629" s="1" t="s">
        <v>120325</v>
      </c>
      <c r="I34629" s="1" t="s">
        <v>118887</v>
      </c>
      <c r="J34629" s="1" t="s">
        <v>120355</v>
      </c>
    </row>
    <row r="34630" spans="1:10" x14ac:dyDescent="0.35">
      <c r="A34630" s="1" t="s">
        <v>120321</v>
      </c>
      <c r="B34630" s="1" t="s">
        <v>118882</v>
      </c>
      <c r="C34630" s="1" t="s">
        <v>65</v>
      </c>
      <c r="D34630" s="1" t="s">
        <v>104931</v>
      </c>
      <c r="E34630" s="1" t="s">
        <v>120356</v>
      </c>
      <c r="F34630" s="1" t="s">
        <v>120357</v>
      </c>
      <c r="G34630" s="1" t="s">
        <v>120324</v>
      </c>
      <c r="H34630" s="1" t="s">
        <v>120325</v>
      </c>
      <c r="I34630" s="1" t="s">
        <v>118887</v>
      </c>
      <c r="J34630" s="1" t="s">
        <v>120358</v>
      </c>
    </row>
    <row r="34631" spans="1:10" x14ac:dyDescent="0.35">
      <c r="A34631" s="1" t="s">
        <v>120321</v>
      </c>
      <c r="B34631" s="1" t="s">
        <v>118882</v>
      </c>
      <c r="C34631" s="1" t="s">
        <v>70</v>
      </c>
      <c r="D34631" s="1" t="s">
        <v>120359</v>
      </c>
      <c r="E34631" s="1" t="s">
        <v>120360</v>
      </c>
      <c r="F34631" s="1" t="s">
        <v>120361</v>
      </c>
      <c r="G34631" s="1" t="s">
        <v>120324</v>
      </c>
      <c r="H34631" s="1" t="s">
        <v>120325</v>
      </c>
      <c r="I34631" s="1" t="s">
        <v>118887</v>
      </c>
      <c r="J34631" s="1" t="s">
        <v>120362</v>
      </c>
    </row>
    <row r="34632" spans="1:10" x14ac:dyDescent="0.35">
      <c r="A34632" s="1" t="s">
        <v>120321</v>
      </c>
      <c r="B34632" s="1" t="s">
        <v>118882</v>
      </c>
      <c r="C34632" s="1" t="s">
        <v>75</v>
      </c>
      <c r="D34632" s="1" t="s">
        <v>111219</v>
      </c>
      <c r="E34632" s="1" t="s">
        <v>120363</v>
      </c>
      <c r="F34632" s="1" t="s">
        <v>120364</v>
      </c>
      <c r="G34632" s="1" t="s">
        <v>120324</v>
      </c>
      <c r="H34632" s="1" t="s">
        <v>120325</v>
      </c>
      <c r="I34632" s="1" t="s">
        <v>118887</v>
      </c>
      <c r="J34632" s="1" t="s">
        <v>120365</v>
      </c>
    </row>
    <row r="34633" spans="1:10" x14ac:dyDescent="0.35">
      <c r="A34633" s="1" t="s">
        <v>120321</v>
      </c>
      <c r="B34633" s="1" t="s">
        <v>118882</v>
      </c>
      <c r="C34633" s="1" t="s">
        <v>80</v>
      </c>
      <c r="D34633" s="1" t="s">
        <v>120366</v>
      </c>
      <c r="E34633" s="1" t="s">
        <v>120367</v>
      </c>
      <c r="F34633" s="1" t="s">
        <v>120368</v>
      </c>
      <c r="G34633" s="1" t="s">
        <v>120324</v>
      </c>
      <c r="H34633" s="1" t="s">
        <v>120325</v>
      </c>
      <c r="I34633" s="1" t="s">
        <v>118887</v>
      </c>
      <c r="J34633" s="1" t="s">
        <v>120369</v>
      </c>
    </row>
    <row r="34634" spans="1:10" x14ac:dyDescent="0.35">
      <c r="A34634" s="1" t="s">
        <v>120321</v>
      </c>
      <c r="B34634" s="1" t="s">
        <v>118882</v>
      </c>
      <c r="C34634" s="1" t="s">
        <v>85</v>
      </c>
      <c r="D34634" s="1" t="s">
        <v>120370</v>
      </c>
      <c r="E34634" s="1" t="s">
        <v>120371</v>
      </c>
      <c r="F34634" s="1" t="s">
        <v>120372</v>
      </c>
      <c r="G34634" s="1" t="s">
        <v>120324</v>
      </c>
      <c r="H34634" s="1" t="s">
        <v>120325</v>
      </c>
      <c r="I34634" s="1" t="s">
        <v>118887</v>
      </c>
      <c r="J34634" s="1" t="s">
        <v>120373</v>
      </c>
    </row>
    <row r="34635" spans="1:10" x14ac:dyDescent="0.35">
      <c r="A34635" s="1" t="s">
        <v>120321</v>
      </c>
      <c r="B34635" s="1" t="s">
        <v>118882</v>
      </c>
      <c r="C34635" s="1" t="s">
        <v>90</v>
      </c>
      <c r="D34635" s="1" t="s">
        <v>117200</v>
      </c>
      <c r="E34635" s="1" t="s">
        <v>120374</v>
      </c>
      <c r="F34635" s="1" t="s">
        <v>120375</v>
      </c>
      <c r="G34635" s="1" t="s">
        <v>120324</v>
      </c>
      <c r="H34635" s="1" t="s">
        <v>120325</v>
      </c>
      <c r="I34635" s="1" t="s">
        <v>118887</v>
      </c>
      <c r="J34635" s="1" t="s">
        <v>120376</v>
      </c>
    </row>
    <row r="34636" spans="1:10" x14ac:dyDescent="0.35">
      <c r="A34636" s="1" t="s">
        <v>120321</v>
      </c>
      <c r="B34636" s="1" t="s">
        <v>118882</v>
      </c>
      <c r="C34636" s="1" t="s">
        <v>95</v>
      </c>
      <c r="D34636" s="1" t="s">
        <v>33798</v>
      </c>
      <c r="E34636" s="1" t="s">
        <v>120377</v>
      </c>
      <c r="F34636" s="1" t="s">
        <v>120378</v>
      </c>
      <c r="G34636" s="1" t="s">
        <v>120324</v>
      </c>
      <c r="H34636" s="1" t="s">
        <v>120325</v>
      </c>
      <c r="I34636" s="1" t="s">
        <v>118887</v>
      </c>
      <c r="J34636" s="1" t="s">
        <v>120379</v>
      </c>
    </row>
    <row r="34637" spans="1:10" x14ac:dyDescent="0.35">
      <c r="A34637" s="1" t="s">
        <v>120321</v>
      </c>
      <c r="B34637" s="1" t="s">
        <v>118882</v>
      </c>
      <c r="C34637" s="1" t="s">
        <v>100</v>
      </c>
      <c r="D34637" s="1" t="s">
        <v>35419</v>
      </c>
      <c r="E34637" s="1" t="s">
        <v>120380</v>
      </c>
      <c r="F34637" s="1" t="s">
        <v>120381</v>
      </c>
      <c r="G34637" s="1" t="s">
        <v>120324</v>
      </c>
      <c r="H34637" s="1" t="s">
        <v>120325</v>
      </c>
      <c r="I34637" s="1" t="s">
        <v>118887</v>
      </c>
      <c r="J34637" s="1" t="s">
        <v>120382</v>
      </c>
    </row>
    <row r="34638" spans="1:10" x14ac:dyDescent="0.35">
      <c r="A34638" s="1" t="s">
        <v>120321</v>
      </c>
      <c r="B34638" s="1" t="s">
        <v>118882</v>
      </c>
      <c r="C34638" s="1" t="s">
        <v>105</v>
      </c>
      <c r="D34638" s="1" t="s">
        <v>120383</v>
      </c>
      <c r="E34638" s="1" t="s">
        <v>120384</v>
      </c>
      <c r="F34638" s="1" t="s">
        <v>120385</v>
      </c>
      <c r="G34638" s="1" t="s">
        <v>120324</v>
      </c>
      <c r="H34638" s="1" t="s">
        <v>120325</v>
      </c>
      <c r="I34638" s="1" t="s">
        <v>118887</v>
      </c>
      <c r="J34638" s="1" t="s">
        <v>120386</v>
      </c>
    </row>
    <row r="34639" spans="1:10" x14ac:dyDescent="0.35">
      <c r="A34639" s="1" t="s">
        <v>120321</v>
      </c>
      <c r="B34639" s="1" t="s">
        <v>118882</v>
      </c>
      <c r="C34639" s="1" t="s">
        <v>110</v>
      </c>
      <c r="D34639" s="1" t="s">
        <v>43905</v>
      </c>
      <c r="E34639" s="1" t="s">
        <v>120387</v>
      </c>
      <c r="F34639" s="1" t="s">
        <v>120388</v>
      </c>
      <c r="G34639" s="1" t="s">
        <v>120324</v>
      </c>
      <c r="H34639" s="1" t="s">
        <v>120325</v>
      </c>
      <c r="I34639" s="1" t="s">
        <v>118887</v>
      </c>
      <c r="J34639" s="1" t="s">
        <v>120389</v>
      </c>
    </row>
    <row r="34640" spans="1:10" x14ac:dyDescent="0.35">
      <c r="A34640" s="1" t="s">
        <v>120321</v>
      </c>
      <c r="B34640" s="1" t="s">
        <v>118882</v>
      </c>
      <c r="C34640" s="1" t="s">
        <v>115</v>
      </c>
      <c r="D34640" s="1" t="s">
        <v>120390</v>
      </c>
      <c r="E34640" s="1" t="s">
        <v>120391</v>
      </c>
      <c r="F34640" s="1" t="s">
        <v>120392</v>
      </c>
      <c r="G34640" s="1" t="s">
        <v>120324</v>
      </c>
      <c r="H34640" s="1" t="s">
        <v>120325</v>
      </c>
      <c r="I34640" s="1" t="s">
        <v>118887</v>
      </c>
      <c r="J34640" s="1" t="s">
        <v>120393</v>
      </c>
    </row>
    <row r="34641" spans="1:10" x14ac:dyDescent="0.35">
      <c r="A34641" s="1" t="s">
        <v>120321</v>
      </c>
      <c r="B34641" s="1" t="s">
        <v>118882</v>
      </c>
      <c r="C34641" s="1" t="s">
        <v>120</v>
      </c>
      <c r="D34641" s="1" t="s">
        <v>120394</v>
      </c>
      <c r="E34641" s="1" t="s">
        <v>120395</v>
      </c>
      <c r="F34641" s="1" t="s">
        <v>120396</v>
      </c>
      <c r="G34641" s="1" t="s">
        <v>120324</v>
      </c>
      <c r="H34641" s="1" t="s">
        <v>120325</v>
      </c>
      <c r="I34641" s="1" t="s">
        <v>118887</v>
      </c>
      <c r="J34641" s="1" t="s">
        <v>120397</v>
      </c>
    </row>
    <row r="34642" spans="1:10" x14ac:dyDescent="0.35">
      <c r="A34642" s="1" t="s">
        <v>120321</v>
      </c>
      <c r="B34642" s="1" t="s">
        <v>118882</v>
      </c>
      <c r="C34642" s="1" t="s">
        <v>125</v>
      </c>
      <c r="D34642" s="1" t="s">
        <v>120398</v>
      </c>
      <c r="E34642" s="1" t="s">
        <v>120399</v>
      </c>
      <c r="F34642" s="1" t="s">
        <v>120400</v>
      </c>
      <c r="G34642" s="1" t="s">
        <v>120324</v>
      </c>
      <c r="H34642" s="1" t="s">
        <v>120325</v>
      </c>
      <c r="I34642" s="1" t="s">
        <v>118887</v>
      </c>
      <c r="J34642" s="1" t="s">
        <v>120401</v>
      </c>
    </row>
    <row r="34643" spans="1:10" x14ac:dyDescent="0.35">
      <c r="A34643" s="1" t="s">
        <v>120321</v>
      </c>
      <c r="B34643" s="1" t="s">
        <v>118882</v>
      </c>
      <c r="C34643" s="1" t="s">
        <v>130</v>
      </c>
      <c r="D34643" s="1" t="s">
        <v>120402</v>
      </c>
      <c r="E34643" s="1" t="s">
        <v>120403</v>
      </c>
      <c r="F34643" s="1" t="s">
        <v>120404</v>
      </c>
      <c r="G34643" s="1" t="s">
        <v>120324</v>
      </c>
      <c r="H34643" s="1" t="s">
        <v>120325</v>
      </c>
      <c r="I34643" s="1" t="s">
        <v>118887</v>
      </c>
      <c r="J34643" s="1" t="s">
        <v>120405</v>
      </c>
    </row>
    <row r="34644" spans="1:10" x14ac:dyDescent="0.35">
      <c r="A34644" s="1" t="s">
        <v>120321</v>
      </c>
      <c r="B34644" s="1" t="s">
        <v>118882</v>
      </c>
      <c r="C34644" s="1" t="s">
        <v>135</v>
      </c>
      <c r="D34644" s="1" t="s">
        <v>2973</v>
      </c>
      <c r="E34644" s="1" t="s">
        <v>120406</v>
      </c>
      <c r="F34644" s="1" t="s">
        <v>120407</v>
      </c>
      <c r="G34644" s="1" t="s">
        <v>120324</v>
      </c>
      <c r="H34644" s="1" t="s">
        <v>120325</v>
      </c>
      <c r="I34644" s="1" t="s">
        <v>118887</v>
      </c>
      <c r="J34644" s="1" t="s">
        <v>120408</v>
      </c>
    </row>
    <row r="34645" spans="1:10" x14ac:dyDescent="0.35">
      <c r="A34645" s="1" t="s">
        <v>120321</v>
      </c>
      <c r="B34645" s="1" t="s">
        <v>118882</v>
      </c>
      <c r="C34645" s="1" t="s">
        <v>140</v>
      </c>
      <c r="D34645" s="1" t="s">
        <v>36917</v>
      </c>
      <c r="E34645" s="1" t="s">
        <v>120409</v>
      </c>
      <c r="F34645" s="1" t="s">
        <v>120410</v>
      </c>
      <c r="G34645" s="1" t="s">
        <v>120324</v>
      </c>
      <c r="H34645" s="1" t="s">
        <v>120325</v>
      </c>
      <c r="I34645" s="1" t="s">
        <v>118887</v>
      </c>
      <c r="J34645" s="1" t="s">
        <v>120411</v>
      </c>
    </row>
    <row r="34646" spans="1:10" x14ac:dyDescent="0.35">
      <c r="A34646" s="1" t="s">
        <v>120321</v>
      </c>
      <c r="B34646" s="1" t="s">
        <v>118882</v>
      </c>
      <c r="C34646" s="1" t="s">
        <v>145</v>
      </c>
      <c r="D34646" s="1" t="s">
        <v>120412</v>
      </c>
      <c r="E34646" s="1" t="s">
        <v>120413</v>
      </c>
      <c r="F34646" s="1" t="s">
        <v>120414</v>
      </c>
      <c r="G34646" s="1" t="s">
        <v>120324</v>
      </c>
      <c r="H34646" s="1" t="s">
        <v>120325</v>
      </c>
      <c r="I34646" s="1" t="s">
        <v>118887</v>
      </c>
      <c r="J34646" s="1" t="s">
        <v>120415</v>
      </c>
    </row>
    <row r="34647" spans="1:10" x14ac:dyDescent="0.35">
      <c r="A34647" s="1" t="s">
        <v>120321</v>
      </c>
      <c r="B34647" s="1" t="s">
        <v>118882</v>
      </c>
      <c r="C34647" s="1" t="s">
        <v>150</v>
      </c>
      <c r="D34647" s="1" t="s">
        <v>120416</v>
      </c>
      <c r="E34647" s="1" t="s">
        <v>120417</v>
      </c>
      <c r="F34647" s="1" t="s">
        <v>120418</v>
      </c>
      <c r="G34647" s="1" t="s">
        <v>120324</v>
      </c>
      <c r="H34647" s="1" t="s">
        <v>120325</v>
      </c>
      <c r="I34647" s="1" t="s">
        <v>118887</v>
      </c>
      <c r="J34647" s="1" t="s">
        <v>120419</v>
      </c>
    </row>
    <row r="34648" spans="1:10" x14ac:dyDescent="0.35">
      <c r="A34648" s="1" t="s">
        <v>120321</v>
      </c>
      <c r="B34648" s="1" t="s">
        <v>118882</v>
      </c>
      <c r="C34648" s="1" t="s">
        <v>155</v>
      </c>
      <c r="D34648" s="1" t="s">
        <v>31764</v>
      </c>
      <c r="E34648" s="1" t="s">
        <v>120420</v>
      </c>
      <c r="F34648" s="1" t="s">
        <v>120421</v>
      </c>
      <c r="G34648" s="1" t="s">
        <v>120324</v>
      </c>
      <c r="H34648" s="1" t="s">
        <v>120325</v>
      </c>
      <c r="I34648" s="1" t="s">
        <v>118887</v>
      </c>
      <c r="J34648" s="1" t="s">
        <v>120422</v>
      </c>
    </row>
    <row r="34649" spans="1:10" x14ac:dyDescent="0.35">
      <c r="A34649" s="1" t="s">
        <v>120321</v>
      </c>
      <c r="B34649" s="1" t="s">
        <v>118882</v>
      </c>
      <c r="C34649" s="1" t="s">
        <v>160</v>
      </c>
      <c r="D34649" s="1" t="s">
        <v>17929</v>
      </c>
      <c r="E34649" s="1" t="s">
        <v>120423</v>
      </c>
      <c r="F34649" s="1" t="s">
        <v>120424</v>
      </c>
      <c r="G34649" s="1" t="s">
        <v>120324</v>
      </c>
      <c r="H34649" s="1" t="s">
        <v>120325</v>
      </c>
      <c r="I34649" s="1" t="s">
        <v>118887</v>
      </c>
      <c r="J34649" s="1" t="s">
        <v>120425</v>
      </c>
    </row>
    <row r="34650" spans="1:10" x14ac:dyDescent="0.35">
      <c r="A34650" s="1" t="s">
        <v>120321</v>
      </c>
      <c r="B34650" s="1" t="s">
        <v>118882</v>
      </c>
      <c r="C34650" s="1" t="s">
        <v>165</v>
      </c>
      <c r="D34650" s="1" t="s">
        <v>120426</v>
      </c>
      <c r="E34650" s="1" t="s">
        <v>120427</v>
      </c>
      <c r="F34650" s="1" t="s">
        <v>120428</v>
      </c>
      <c r="G34650" s="1" t="s">
        <v>120324</v>
      </c>
      <c r="H34650" s="1" t="s">
        <v>120325</v>
      </c>
      <c r="I34650" s="1" t="s">
        <v>118887</v>
      </c>
      <c r="J34650" s="1" t="s">
        <v>120429</v>
      </c>
    </row>
    <row r="34651" spans="1:10" x14ac:dyDescent="0.35">
      <c r="A34651" s="1" t="s">
        <v>120321</v>
      </c>
      <c r="B34651" s="1" t="s">
        <v>118882</v>
      </c>
      <c r="C34651" s="1" t="s">
        <v>170</v>
      </c>
      <c r="D34651" s="1" t="s">
        <v>71319</v>
      </c>
      <c r="E34651" s="1" t="s">
        <v>120430</v>
      </c>
      <c r="F34651" s="1" t="s">
        <v>120431</v>
      </c>
      <c r="G34651" s="1" t="s">
        <v>120324</v>
      </c>
      <c r="H34651" s="1" t="s">
        <v>120325</v>
      </c>
      <c r="I34651" s="1" t="s">
        <v>118887</v>
      </c>
      <c r="J34651" s="1" t="s">
        <v>120432</v>
      </c>
    </row>
    <row r="34652" spans="1:10" x14ac:dyDescent="0.35">
      <c r="A34652" s="1" t="s">
        <v>6323</v>
      </c>
      <c r="B34652" s="1" t="s">
        <v>118882</v>
      </c>
      <c r="C34652" s="1" t="s">
        <v>8</v>
      </c>
      <c r="D34652" s="1" t="s">
        <v>118122</v>
      </c>
      <c r="E34652" s="1" t="s">
        <v>120433</v>
      </c>
      <c r="F34652" s="1" t="s">
        <v>120434</v>
      </c>
      <c r="G34652" s="1" t="s">
        <v>120435</v>
      </c>
      <c r="H34652" s="1" t="s">
        <v>120436</v>
      </c>
      <c r="I34652" s="1" t="s">
        <v>118887</v>
      </c>
      <c r="J34652" s="1" t="s">
        <v>13</v>
      </c>
    </row>
    <row r="34653" spans="1:10" x14ac:dyDescent="0.35">
      <c r="A34653" s="1" t="s">
        <v>6323</v>
      </c>
      <c r="B34653" s="1" t="s">
        <v>118882</v>
      </c>
      <c r="C34653" s="1" t="s">
        <v>15</v>
      </c>
      <c r="D34653" s="1" t="s">
        <v>116460</v>
      </c>
      <c r="E34653" s="1" t="s">
        <v>120437</v>
      </c>
      <c r="F34653" s="1" t="s">
        <v>120438</v>
      </c>
      <c r="G34653" s="1" t="s">
        <v>120435</v>
      </c>
      <c r="H34653" s="1" t="s">
        <v>120436</v>
      </c>
      <c r="I34653" s="1" t="s">
        <v>118887</v>
      </c>
      <c r="J34653" s="1" t="s">
        <v>120439</v>
      </c>
    </row>
    <row r="34654" spans="1:10" x14ac:dyDescent="0.35">
      <c r="A34654" s="1" t="s">
        <v>6323</v>
      </c>
      <c r="B34654" s="1" t="s">
        <v>118882</v>
      </c>
      <c r="C34654" s="1" t="s">
        <v>20</v>
      </c>
      <c r="D34654" s="1" t="s">
        <v>29511</v>
      </c>
      <c r="E34654" s="1" t="s">
        <v>120440</v>
      </c>
      <c r="F34654" s="1" t="s">
        <v>120441</v>
      </c>
      <c r="G34654" s="1" t="s">
        <v>120435</v>
      </c>
      <c r="H34654" s="1" t="s">
        <v>120436</v>
      </c>
      <c r="I34654" s="1" t="s">
        <v>118887</v>
      </c>
      <c r="J34654" s="1" t="s">
        <v>120442</v>
      </c>
    </row>
    <row r="34655" spans="1:10" x14ac:dyDescent="0.35">
      <c r="A34655" s="1" t="s">
        <v>6323</v>
      </c>
      <c r="B34655" s="1" t="s">
        <v>118882</v>
      </c>
      <c r="C34655" s="1" t="s">
        <v>25</v>
      </c>
      <c r="D34655" s="1" t="s">
        <v>13199</v>
      </c>
      <c r="E34655" s="1" t="s">
        <v>120443</v>
      </c>
      <c r="F34655" s="1" t="s">
        <v>120444</v>
      </c>
      <c r="G34655" s="1" t="s">
        <v>120435</v>
      </c>
      <c r="H34655" s="1" t="s">
        <v>120436</v>
      </c>
      <c r="I34655" s="1" t="s">
        <v>118887</v>
      </c>
      <c r="J34655" s="1" t="s">
        <v>120445</v>
      </c>
    </row>
    <row r="34656" spans="1:10" x14ac:dyDescent="0.35">
      <c r="A34656" s="1" t="s">
        <v>6323</v>
      </c>
      <c r="B34656" s="1" t="s">
        <v>118882</v>
      </c>
      <c r="C34656" s="1" t="s">
        <v>30</v>
      </c>
      <c r="D34656" s="1" t="s">
        <v>13910</v>
      </c>
      <c r="E34656" s="1" t="s">
        <v>120446</v>
      </c>
      <c r="F34656" s="1" t="s">
        <v>120447</v>
      </c>
      <c r="G34656" s="1" t="s">
        <v>120435</v>
      </c>
      <c r="H34656" s="1" t="s">
        <v>120436</v>
      </c>
      <c r="I34656" s="1" t="s">
        <v>118887</v>
      </c>
      <c r="J34656" s="1" t="s">
        <v>120448</v>
      </c>
    </row>
    <row r="34657" spans="1:10" x14ac:dyDescent="0.35">
      <c r="A34657" s="1" t="s">
        <v>6323</v>
      </c>
      <c r="B34657" s="1" t="s">
        <v>118882</v>
      </c>
      <c r="C34657" s="1" t="s">
        <v>35</v>
      </c>
      <c r="D34657" s="1" t="s">
        <v>13134</v>
      </c>
      <c r="E34657" s="1" t="s">
        <v>120449</v>
      </c>
      <c r="F34657" s="1" t="s">
        <v>120450</v>
      </c>
      <c r="G34657" s="1" t="s">
        <v>120435</v>
      </c>
      <c r="H34657" s="1" t="s">
        <v>120436</v>
      </c>
      <c r="I34657" s="1" t="s">
        <v>118887</v>
      </c>
      <c r="J34657" s="1" t="s">
        <v>120451</v>
      </c>
    </row>
    <row r="34658" spans="1:10" x14ac:dyDescent="0.35">
      <c r="A34658" s="1" t="s">
        <v>6323</v>
      </c>
      <c r="B34658" s="1" t="s">
        <v>118882</v>
      </c>
      <c r="C34658" s="1" t="s">
        <v>40</v>
      </c>
      <c r="D34658" s="1" t="s">
        <v>30106</v>
      </c>
      <c r="E34658" s="1" t="s">
        <v>120452</v>
      </c>
      <c r="F34658" s="1" t="s">
        <v>120453</v>
      </c>
      <c r="G34658" s="1" t="s">
        <v>120435</v>
      </c>
      <c r="H34658" s="1" t="s">
        <v>120436</v>
      </c>
      <c r="I34658" s="1" t="s">
        <v>118887</v>
      </c>
      <c r="J34658" s="1" t="s">
        <v>120454</v>
      </c>
    </row>
    <row r="34659" spans="1:10" x14ac:dyDescent="0.35">
      <c r="A34659" s="1" t="s">
        <v>6323</v>
      </c>
      <c r="B34659" s="1" t="s">
        <v>118882</v>
      </c>
      <c r="C34659" s="1" t="s">
        <v>45</v>
      </c>
      <c r="D34659" s="1" t="s">
        <v>27544</v>
      </c>
      <c r="E34659" s="1" t="s">
        <v>120455</v>
      </c>
      <c r="F34659" s="1" t="s">
        <v>120456</v>
      </c>
      <c r="G34659" s="1" t="s">
        <v>120435</v>
      </c>
      <c r="H34659" s="1" t="s">
        <v>120436</v>
      </c>
      <c r="I34659" s="1" t="s">
        <v>118887</v>
      </c>
      <c r="J34659" s="1" t="s">
        <v>74643</v>
      </c>
    </row>
    <row r="34660" spans="1:10" x14ac:dyDescent="0.35">
      <c r="A34660" s="1" t="s">
        <v>6323</v>
      </c>
      <c r="B34660" s="1" t="s">
        <v>118882</v>
      </c>
      <c r="C34660" s="1" t="s">
        <v>50</v>
      </c>
      <c r="D34660" s="1" t="s">
        <v>25685</v>
      </c>
      <c r="E34660" s="1" t="s">
        <v>120457</v>
      </c>
      <c r="F34660" s="1" t="s">
        <v>120458</v>
      </c>
      <c r="G34660" s="1" t="s">
        <v>120435</v>
      </c>
      <c r="H34660" s="1" t="s">
        <v>120436</v>
      </c>
      <c r="I34660" s="1" t="s">
        <v>118887</v>
      </c>
      <c r="J34660" s="1" t="s">
        <v>120459</v>
      </c>
    </row>
    <row r="34661" spans="1:10" x14ac:dyDescent="0.35">
      <c r="A34661" s="1" t="s">
        <v>6323</v>
      </c>
      <c r="B34661" s="1" t="s">
        <v>118882</v>
      </c>
      <c r="C34661" s="1" t="s">
        <v>55</v>
      </c>
      <c r="D34661" s="1" t="s">
        <v>3892</v>
      </c>
      <c r="E34661" s="1" t="s">
        <v>120460</v>
      </c>
      <c r="F34661" s="1" t="s">
        <v>120461</v>
      </c>
      <c r="G34661" s="1" t="s">
        <v>120435</v>
      </c>
      <c r="H34661" s="1" t="s">
        <v>120436</v>
      </c>
      <c r="I34661" s="1" t="s">
        <v>118887</v>
      </c>
      <c r="J34661" s="1" t="s">
        <v>120462</v>
      </c>
    </row>
    <row r="34662" spans="1:10" x14ac:dyDescent="0.35">
      <c r="A34662" s="1" t="s">
        <v>6323</v>
      </c>
      <c r="B34662" s="1" t="s">
        <v>118882</v>
      </c>
      <c r="C34662" s="1" t="s">
        <v>60</v>
      </c>
      <c r="D34662" s="1" t="s">
        <v>4007</v>
      </c>
      <c r="E34662" s="1" t="s">
        <v>120463</v>
      </c>
      <c r="F34662" s="1" t="s">
        <v>120464</v>
      </c>
      <c r="G34662" s="1" t="s">
        <v>120435</v>
      </c>
      <c r="H34662" s="1" t="s">
        <v>120436</v>
      </c>
      <c r="I34662" s="1" t="s">
        <v>118887</v>
      </c>
      <c r="J34662" s="1" t="s">
        <v>119424</v>
      </c>
    </row>
    <row r="34663" spans="1:10" x14ac:dyDescent="0.35">
      <c r="A34663" s="1" t="s">
        <v>6323</v>
      </c>
      <c r="B34663" s="1" t="s">
        <v>118882</v>
      </c>
      <c r="C34663" s="1" t="s">
        <v>65</v>
      </c>
      <c r="D34663" s="1" t="s">
        <v>5514</v>
      </c>
      <c r="E34663" s="1" t="s">
        <v>120465</v>
      </c>
      <c r="F34663" s="1" t="s">
        <v>120466</v>
      </c>
      <c r="G34663" s="1" t="s">
        <v>120435</v>
      </c>
      <c r="H34663" s="1" t="s">
        <v>120436</v>
      </c>
      <c r="I34663" s="1" t="s">
        <v>118887</v>
      </c>
      <c r="J34663" s="1" t="s">
        <v>120467</v>
      </c>
    </row>
    <row r="34664" spans="1:10" x14ac:dyDescent="0.35">
      <c r="A34664" s="1" t="s">
        <v>6323</v>
      </c>
      <c r="B34664" s="1" t="s">
        <v>118882</v>
      </c>
      <c r="C34664" s="1" t="s">
        <v>70</v>
      </c>
      <c r="D34664" s="1" t="s">
        <v>104072</v>
      </c>
      <c r="E34664" s="1" t="s">
        <v>120468</v>
      </c>
      <c r="F34664" s="1" t="s">
        <v>120469</v>
      </c>
      <c r="G34664" s="1" t="s">
        <v>120435</v>
      </c>
      <c r="H34664" s="1" t="s">
        <v>120436</v>
      </c>
      <c r="I34664" s="1" t="s">
        <v>118887</v>
      </c>
      <c r="J34664" s="1" t="s">
        <v>120470</v>
      </c>
    </row>
    <row r="34665" spans="1:10" x14ac:dyDescent="0.35">
      <c r="A34665" s="1" t="s">
        <v>6323</v>
      </c>
      <c r="B34665" s="1" t="s">
        <v>118882</v>
      </c>
      <c r="C34665" s="1" t="s">
        <v>75</v>
      </c>
      <c r="D34665" s="1" t="s">
        <v>3953</v>
      </c>
      <c r="E34665" s="1" t="s">
        <v>120471</v>
      </c>
      <c r="F34665" s="1" t="s">
        <v>120472</v>
      </c>
      <c r="G34665" s="1" t="s">
        <v>120435</v>
      </c>
      <c r="H34665" s="1" t="s">
        <v>120436</v>
      </c>
      <c r="I34665" s="1" t="s">
        <v>118887</v>
      </c>
      <c r="J34665" s="1" t="s">
        <v>120473</v>
      </c>
    </row>
    <row r="34666" spans="1:10" x14ac:dyDescent="0.35">
      <c r="A34666" s="1" t="s">
        <v>6323</v>
      </c>
      <c r="B34666" s="1" t="s">
        <v>118882</v>
      </c>
      <c r="C34666" s="1" t="s">
        <v>80</v>
      </c>
      <c r="D34666" s="1" t="s">
        <v>29437</v>
      </c>
      <c r="E34666" s="1" t="s">
        <v>120474</v>
      </c>
      <c r="F34666" s="1" t="s">
        <v>120475</v>
      </c>
      <c r="G34666" s="1" t="s">
        <v>120435</v>
      </c>
      <c r="H34666" s="1" t="s">
        <v>120436</v>
      </c>
      <c r="I34666" s="1" t="s">
        <v>118887</v>
      </c>
      <c r="J34666" s="1" t="s">
        <v>120476</v>
      </c>
    </row>
    <row r="34667" spans="1:10" x14ac:dyDescent="0.35">
      <c r="A34667" s="1" t="s">
        <v>6323</v>
      </c>
      <c r="B34667" s="1" t="s">
        <v>118882</v>
      </c>
      <c r="C34667" s="1" t="s">
        <v>85</v>
      </c>
      <c r="D34667" s="1" t="s">
        <v>5697</v>
      </c>
      <c r="E34667" s="1" t="s">
        <v>120477</v>
      </c>
      <c r="F34667" s="1" t="s">
        <v>120478</v>
      </c>
      <c r="G34667" s="1" t="s">
        <v>120435</v>
      </c>
      <c r="H34667" s="1" t="s">
        <v>120436</v>
      </c>
      <c r="I34667" s="1" t="s">
        <v>118887</v>
      </c>
      <c r="J34667" s="1" t="s">
        <v>120479</v>
      </c>
    </row>
    <row r="34668" spans="1:10" x14ac:dyDescent="0.35">
      <c r="A34668" s="1" t="s">
        <v>6323</v>
      </c>
      <c r="B34668" s="1" t="s">
        <v>118882</v>
      </c>
      <c r="C34668" s="1" t="s">
        <v>90</v>
      </c>
      <c r="D34668" s="1" t="s">
        <v>111798</v>
      </c>
      <c r="E34668" s="1" t="s">
        <v>120480</v>
      </c>
      <c r="F34668" s="1" t="s">
        <v>120481</v>
      </c>
      <c r="G34668" s="1" t="s">
        <v>120435</v>
      </c>
      <c r="H34668" s="1" t="s">
        <v>120436</v>
      </c>
      <c r="I34668" s="1" t="s">
        <v>118887</v>
      </c>
      <c r="J34668" s="1" t="s">
        <v>120482</v>
      </c>
    </row>
    <row r="34669" spans="1:10" x14ac:dyDescent="0.35">
      <c r="A34669" s="1" t="s">
        <v>6323</v>
      </c>
      <c r="B34669" s="1" t="s">
        <v>118882</v>
      </c>
      <c r="C34669" s="1" t="s">
        <v>95</v>
      </c>
      <c r="D34669" s="1" t="s">
        <v>120483</v>
      </c>
      <c r="E34669" s="1" t="s">
        <v>120484</v>
      </c>
      <c r="F34669" s="1" t="s">
        <v>120485</v>
      </c>
      <c r="G34669" s="1" t="s">
        <v>120435</v>
      </c>
      <c r="H34669" s="1" t="s">
        <v>120436</v>
      </c>
      <c r="I34669" s="1" t="s">
        <v>118887</v>
      </c>
      <c r="J34669" s="1" t="s">
        <v>120486</v>
      </c>
    </row>
    <row r="34670" spans="1:10" x14ac:dyDescent="0.35">
      <c r="A34670" s="1" t="s">
        <v>6323</v>
      </c>
      <c r="B34670" s="1" t="s">
        <v>118882</v>
      </c>
      <c r="C34670" s="1" t="s">
        <v>100</v>
      </c>
      <c r="D34670" s="1" t="s">
        <v>29078</v>
      </c>
      <c r="E34670" s="1" t="s">
        <v>120487</v>
      </c>
      <c r="F34670" s="1" t="s">
        <v>120488</v>
      </c>
      <c r="G34670" s="1" t="s">
        <v>120435</v>
      </c>
      <c r="H34670" s="1" t="s">
        <v>120436</v>
      </c>
      <c r="I34670" s="1" t="s">
        <v>118887</v>
      </c>
      <c r="J34670" s="1" t="s">
        <v>120489</v>
      </c>
    </row>
    <row r="34671" spans="1:10" x14ac:dyDescent="0.35">
      <c r="A34671" s="1" t="s">
        <v>6323</v>
      </c>
      <c r="B34671" s="1" t="s">
        <v>118882</v>
      </c>
      <c r="C34671" s="1" t="s">
        <v>105</v>
      </c>
      <c r="D34671" s="1" t="s">
        <v>120490</v>
      </c>
      <c r="E34671" s="1" t="s">
        <v>120491</v>
      </c>
      <c r="F34671" s="1" t="s">
        <v>120492</v>
      </c>
      <c r="G34671" s="1" t="s">
        <v>120435</v>
      </c>
      <c r="H34671" s="1" t="s">
        <v>120436</v>
      </c>
      <c r="I34671" s="1" t="s">
        <v>118887</v>
      </c>
      <c r="J34671" s="1" t="s">
        <v>120493</v>
      </c>
    </row>
    <row r="34672" spans="1:10" x14ac:dyDescent="0.35">
      <c r="A34672" s="1" t="s">
        <v>6323</v>
      </c>
      <c r="B34672" s="1" t="s">
        <v>118882</v>
      </c>
      <c r="C34672" s="1" t="s">
        <v>110</v>
      </c>
      <c r="D34672" s="1" t="s">
        <v>120494</v>
      </c>
      <c r="E34672" s="1" t="s">
        <v>120495</v>
      </c>
      <c r="F34672" s="1" t="s">
        <v>120496</v>
      </c>
      <c r="G34672" s="1" t="s">
        <v>120435</v>
      </c>
      <c r="H34672" s="1" t="s">
        <v>120436</v>
      </c>
      <c r="I34672" s="1" t="s">
        <v>118887</v>
      </c>
      <c r="J34672" s="1" t="s">
        <v>120497</v>
      </c>
    </row>
    <row r="34673" spans="1:10" x14ac:dyDescent="0.35">
      <c r="A34673" s="1" t="s">
        <v>6323</v>
      </c>
      <c r="B34673" s="1" t="s">
        <v>118882</v>
      </c>
      <c r="C34673" s="1" t="s">
        <v>115</v>
      </c>
      <c r="D34673" s="1" t="s">
        <v>27813</v>
      </c>
      <c r="E34673" s="1" t="s">
        <v>120498</v>
      </c>
      <c r="F34673" s="1" t="s">
        <v>120499</v>
      </c>
      <c r="G34673" s="1" t="s">
        <v>120435</v>
      </c>
      <c r="H34673" s="1" t="s">
        <v>120436</v>
      </c>
      <c r="I34673" s="1" t="s">
        <v>118887</v>
      </c>
      <c r="J34673" s="1" t="s">
        <v>120500</v>
      </c>
    </row>
    <row r="34674" spans="1:10" x14ac:dyDescent="0.35">
      <c r="A34674" s="1" t="s">
        <v>6323</v>
      </c>
      <c r="B34674" s="1" t="s">
        <v>118882</v>
      </c>
      <c r="C34674" s="1" t="s">
        <v>120</v>
      </c>
      <c r="D34674" s="1" t="s">
        <v>8337</v>
      </c>
      <c r="E34674" s="1" t="s">
        <v>120501</v>
      </c>
      <c r="F34674" s="1" t="s">
        <v>120502</v>
      </c>
      <c r="G34674" s="1" t="s">
        <v>120435</v>
      </c>
      <c r="H34674" s="1" t="s">
        <v>120436</v>
      </c>
      <c r="I34674" s="1" t="s">
        <v>118887</v>
      </c>
      <c r="J34674" s="1" t="s">
        <v>120503</v>
      </c>
    </row>
    <row r="34675" spans="1:10" x14ac:dyDescent="0.35">
      <c r="A34675" s="1" t="s">
        <v>6323</v>
      </c>
      <c r="B34675" s="1" t="s">
        <v>118882</v>
      </c>
      <c r="C34675" s="1" t="s">
        <v>125</v>
      </c>
      <c r="D34675" s="1" t="s">
        <v>4761</v>
      </c>
      <c r="E34675" s="1" t="s">
        <v>120504</v>
      </c>
      <c r="F34675" s="1" t="s">
        <v>120505</v>
      </c>
      <c r="G34675" s="1" t="s">
        <v>120435</v>
      </c>
      <c r="H34675" s="1" t="s">
        <v>120436</v>
      </c>
      <c r="I34675" s="1" t="s">
        <v>118887</v>
      </c>
      <c r="J34675" s="1" t="s">
        <v>120506</v>
      </c>
    </row>
    <row r="34676" spans="1:10" x14ac:dyDescent="0.35">
      <c r="A34676" s="1" t="s">
        <v>6323</v>
      </c>
      <c r="B34676" s="1" t="s">
        <v>118882</v>
      </c>
      <c r="C34676" s="1" t="s">
        <v>130</v>
      </c>
      <c r="D34676" s="1" t="s">
        <v>36658</v>
      </c>
      <c r="E34676" s="1" t="s">
        <v>120507</v>
      </c>
      <c r="F34676" s="1" t="s">
        <v>120508</v>
      </c>
      <c r="G34676" s="1" t="s">
        <v>120435</v>
      </c>
      <c r="H34676" s="1" t="s">
        <v>120436</v>
      </c>
      <c r="I34676" s="1" t="s">
        <v>118887</v>
      </c>
      <c r="J34676" s="1" t="s">
        <v>120509</v>
      </c>
    </row>
    <row r="34677" spans="1:10" x14ac:dyDescent="0.35">
      <c r="A34677" s="1" t="s">
        <v>6323</v>
      </c>
      <c r="B34677" s="1" t="s">
        <v>118882</v>
      </c>
      <c r="C34677" s="1" t="s">
        <v>135</v>
      </c>
      <c r="D34677" s="1" t="s">
        <v>15958</v>
      </c>
      <c r="E34677" s="1" t="s">
        <v>120510</v>
      </c>
      <c r="F34677" s="1" t="s">
        <v>120511</v>
      </c>
      <c r="G34677" s="1" t="s">
        <v>120435</v>
      </c>
      <c r="H34677" s="1" t="s">
        <v>120436</v>
      </c>
      <c r="I34677" s="1" t="s">
        <v>118887</v>
      </c>
      <c r="J34677" s="1" t="s">
        <v>120512</v>
      </c>
    </row>
    <row r="34678" spans="1:10" x14ac:dyDescent="0.35">
      <c r="A34678" s="1" t="s">
        <v>6323</v>
      </c>
      <c r="B34678" s="1" t="s">
        <v>118882</v>
      </c>
      <c r="C34678" s="1" t="s">
        <v>140</v>
      </c>
      <c r="D34678" s="1" t="s">
        <v>7519</v>
      </c>
      <c r="E34678" s="1" t="s">
        <v>120513</v>
      </c>
      <c r="F34678" s="1" t="s">
        <v>120514</v>
      </c>
      <c r="G34678" s="1" t="s">
        <v>120435</v>
      </c>
      <c r="H34678" s="1" t="s">
        <v>120436</v>
      </c>
      <c r="I34678" s="1" t="s">
        <v>118887</v>
      </c>
      <c r="J34678" s="1" t="s">
        <v>120515</v>
      </c>
    </row>
    <row r="34679" spans="1:10" x14ac:dyDescent="0.35">
      <c r="A34679" s="1" t="s">
        <v>6323</v>
      </c>
      <c r="B34679" s="1" t="s">
        <v>118882</v>
      </c>
      <c r="C34679" s="1" t="s">
        <v>145</v>
      </c>
      <c r="D34679" s="1" t="s">
        <v>15234</v>
      </c>
      <c r="E34679" s="1" t="s">
        <v>120516</v>
      </c>
      <c r="F34679" s="1" t="s">
        <v>120517</v>
      </c>
      <c r="G34679" s="1" t="s">
        <v>120435</v>
      </c>
      <c r="H34679" s="1" t="s">
        <v>120436</v>
      </c>
      <c r="I34679" s="1" t="s">
        <v>118887</v>
      </c>
      <c r="J34679" s="1" t="s">
        <v>120518</v>
      </c>
    </row>
    <row r="34680" spans="1:10" x14ac:dyDescent="0.35">
      <c r="A34680" s="1" t="s">
        <v>6323</v>
      </c>
      <c r="B34680" s="1" t="s">
        <v>118882</v>
      </c>
      <c r="C34680" s="1" t="s">
        <v>150</v>
      </c>
      <c r="D34680" s="1" t="s">
        <v>36149</v>
      </c>
      <c r="E34680" s="1" t="s">
        <v>120519</v>
      </c>
      <c r="F34680" s="1" t="s">
        <v>120520</v>
      </c>
      <c r="G34680" s="1" t="s">
        <v>120435</v>
      </c>
      <c r="H34680" s="1" t="s">
        <v>120436</v>
      </c>
      <c r="I34680" s="1" t="s">
        <v>118887</v>
      </c>
      <c r="J34680" s="1" t="s">
        <v>120521</v>
      </c>
    </row>
    <row r="34681" spans="1:10" x14ac:dyDescent="0.35">
      <c r="A34681" s="1" t="s">
        <v>6323</v>
      </c>
      <c r="B34681" s="1" t="s">
        <v>118882</v>
      </c>
      <c r="C34681" s="1" t="s">
        <v>155</v>
      </c>
      <c r="D34681" s="1" t="s">
        <v>120522</v>
      </c>
      <c r="E34681" s="1" t="s">
        <v>120523</v>
      </c>
      <c r="F34681" s="1" t="s">
        <v>120524</v>
      </c>
      <c r="G34681" s="1" t="s">
        <v>120435</v>
      </c>
      <c r="H34681" s="1" t="s">
        <v>120436</v>
      </c>
      <c r="I34681" s="1" t="s">
        <v>118887</v>
      </c>
      <c r="J34681" s="1" t="s">
        <v>120525</v>
      </c>
    </row>
    <row r="34682" spans="1:10" x14ac:dyDescent="0.35">
      <c r="A34682" s="1" t="s">
        <v>6323</v>
      </c>
      <c r="B34682" s="1" t="s">
        <v>118882</v>
      </c>
      <c r="C34682" s="1" t="s">
        <v>160</v>
      </c>
      <c r="D34682" s="1" t="s">
        <v>120526</v>
      </c>
      <c r="E34682" s="1" t="s">
        <v>120527</v>
      </c>
      <c r="F34682" s="1" t="s">
        <v>120528</v>
      </c>
      <c r="G34682" s="1" t="s">
        <v>120435</v>
      </c>
      <c r="H34682" s="1" t="s">
        <v>120436</v>
      </c>
      <c r="I34682" s="1" t="s">
        <v>118887</v>
      </c>
      <c r="J34682" s="1" t="s">
        <v>120529</v>
      </c>
    </row>
    <row r="34683" spans="1:10" x14ac:dyDescent="0.35">
      <c r="A34683" s="1" t="s">
        <v>6323</v>
      </c>
      <c r="B34683" s="1" t="s">
        <v>118882</v>
      </c>
      <c r="C34683" s="1" t="s">
        <v>165</v>
      </c>
      <c r="D34683" s="1" t="s">
        <v>43897</v>
      </c>
      <c r="E34683" s="1" t="s">
        <v>120530</v>
      </c>
      <c r="F34683" s="1" t="s">
        <v>120531</v>
      </c>
      <c r="G34683" s="1" t="s">
        <v>120435</v>
      </c>
      <c r="H34683" s="1" t="s">
        <v>120436</v>
      </c>
      <c r="I34683" s="1" t="s">
        <v>118887</v>
      </c>
      <c r="J34683" s="1" t="s">
        <v>120532</v>
      </c>
    </row>
    <row r="34684" spans="1:10" x14ac:dyDescent="0.35">
      <c r="A34684" s="1" t="s">
        <v>6323</v>
      </c>
      <c r="B34684" s="1" t="s">
        <v>118882</v>
      </c>
      <c r="C34684" s="1" t="s">
        <v>170</v>
      </c>
      <c r="D34684" s="1" t="s">
        <v>35703</v>
      </c>
      <c r="E34684" s="1" t="s">
        <v>120533</v>
      </c>
      <c r="F34684" s="1" t="s">
        <v>120534</v>
      </c>
      <c r="G34684" s="1" t="s">
        <v>120435</v>
      </c>
      <c r="H34684" s="1" t="s">
        <v>120436</v>
      </c>
      <c r="I34684" s="1" t="s">
        <v>118887</v>
      </c>
      <c r="J34684" s="1" t="s">
        <v>120535</v>
      </c>
    </row>
    <row r="34685" spans="1:10" x14ac:dyDescent="0.35">
      <c r="A34685" s="1" t="s">
        <v>6171</v>
      </c>
      <c r="B34685" s="1" t="s">
        <v>118882</v>
      </c>
      <c r="C34685" s="1" t="s">
        <v>8</v>
      </c>
      <c r="D34685" s="1" t="s">
        <v>45005</v>
      </c>
      <c r="E34685" s="1" t="s">
        <v>120536</v>
      </c>
      <c r="F34685" s="1" t="s">
        <v>120537</v>
      </c>
      <c r="G34685" s="1" t="s">
        <v>120538</v>
      </c>
      <c r="H34685" s="1" t="s">
        <v>120539</v>
      </c>
      <c r="I34685" s="1" t="s">
        <v>118887</v>
      </c>
      <c r="J34685" s="1" t="s">
        <v>13</v>
      </c>
    </row>
    <row r="34686" spans="1:10" x14ac:dyDescent="0.35">
      <c r="A34686" s="1" t="s">
        <v>6171</v>
      </c>
      <c r="B34686" s="1" t="s">
        <v>118882</v>
      </c>
      <c r="C34686" s="1" t="s">
        <v>15</v>
      </c>
      <c r="D34686" s="1" t="s">
        <v>28994</v>
      </c>
      <c r="E34686" s="1" t="s">
        <v>120540</v>
      </c>
      <c r="F34686" s="1" t="s">
        <v>120541</v>
      </c>
      <c r="G34686" s="1" t="s">
        <v>120538</v>
      </c>
      <c r="H34686" s="1" t="s">
        <v>120539</v>
      </c>
      <c r="I34686" s="1" t="s">
        <v>118887</v>
      </c>
      <c r="J34686" s="1" t="s">
        <v>120542</v>
      </c>
    </row>
    <row r="34687" spans="1:10" x14ac:dyDescent="0.35">
      <c r="A34687" s="1" t="s">
        <v>6171</v>
      </c>
      <c r="B34687" s="1" t="s">
        <v>118882</v>
      </c>
      <c r="C34687" s="1" t="s">
        <v>20</v>
      </c>
      <c r="D34687" s="1" t="s">
        <v>120543</v>
      </c>
      <c r="E34687" s="1" t="s">
        <v>120544</v>
      </c>
      <c r="F34687" s="1" t="s">
        <v>120545</v>
      </c>
      <c r="G34687" s="1" t="s">
        <v>120538</v>
      </c>
      <c r="H34687" s="1" t="s">
        <v>120539</v>
      </c>
      <c r="I34687" s="1" t="s">
        <v>118887</v>
      </c>
      <c r="J34687" s="1" t="s">
        <v>120546</v>
      </c>
    </row>
    <row r="34688" spans="1:10" x14ac:dyDescent="0.35">
      <c r="A34688" s="1" t="s">
        <v>6171</v>
      </c>
      <c r="B34688" s="1" t="s">
        <v>118882</v>
      </c>
      <c r="C34688" s="1" t="s">
        <v>25</v>
      </c>
      <c r="D34688" s="1" t="s">
        <v>120547</v>
      </c>
      <c r="E34688" s="1" t="s">
        <v>120548</v>
      </c>
      <c r="F34688" s="1" t="s">
        <v>120549</v>
      </c>
      <c r="G34688" s="1" t="s">
        <v>120538</v>
      </c>
      <c r="H34688" s="1" t="s">
        <v>120539</v>
      </c>
      <c r="I34688" s="1" t="s">
        <v>118887</v>
      </c>
      <c r="J34688" s="1" t="s">
        <v>120550</v>
      </c>
    </row>
    <row r="34689" spans="1:10" x14ac:dyDescent="0.35">
      <c r="A34689" s="1" t="s">
        <v>6171</v>
      </c>
      <c r="B34689" s="1" t="s">
        <v>118882</v>
      </c>
      <c r="C34689" s="1" t="s">
        <v>30</v>
      </c>
      <c r="D34689" s="1" t="s">
        <v>37676</v>
      </c>
      <c r="E34689" s="1" t="s">
        <v>120551</v>
      </c>
      <c r="F34689" s="1" t="s">
        <v>120552</v>
      </c>
      <c r="G34689" s="1" t="s">
        <v>120538</v>
      </c>
      <c r="H34689" s="1" t="s">
        <v>120539</v>
      </c>
      <c r="I34689" s="1" t="s">
        <v>118887</v>
      </c>
      <c r="J34689" s="1" t="s">
        <v>120553</v>
      </c>
    </row>
    <row r="34690" spans="1:10" x14ac:dyDescent="0.35">
      <c r="A34690" s="1" t="s">
        <v>6171</v>
      </c>
      <c r="B34690" s="1" t="s">
        <v>118882</v>
      </c>
      <c r="C34690" s="1" t="s">
        <v>35</v>
      </c>
      <c r="D34690" s="1" t="s">
        <v>6512</v>
      </c>
      <c r="E34690" s="1" t="s">
        <v>120554</v>
      </c>
      <c r="F34690" s="1" t="s">
        <v>120555</v>
      </c>
      <c r="G34690" s="1" t="s">
        <v>120538</v>
      </c>
      <c r="H34690" s="1" t="s">
        <v>120539</v>
      </c>
      <c r="I34690" s="1" t="s">
        <v>118887</v>
      </c>
      <c r="J34690" s="1" t="s">
        <v>120556</v>
      </c>
    </row>
    <row r="34691" spans="1:10" x14ac:dyDescent="0.35">
      <c r="A34691" s="1" t="s">
        <v>6171</v>
      </c>
      <c r="B34691" s="1" t="s">
        <v>118882</v>
      </c>
      <c r="C34691" s="1" t="s">
        <v>40</v>
      </c>
      <c r="D34691" s="1" t="s">
        <v>46853</v>
      </c>
      <c r="E34691" s="1" t="s">
        <v>120557</v>
      </c>
      <c r="F34691" s="1" t="s">
        <v>120558</v>
      </c>
      <c r="G34691" s="1" t="s">
        <v>120538</v>
      </c>
      <c r="H34691" s="1" t="s">
        <v>120539</v>
      </c>
      <c r="I34691" s="1" t="s">
        <v>118887</v>
      </c>
      <c r="J34691" s="1" t="s">
        <v>120559</v>
      </c>
    </row>
    <row r="34692" spans="1:10" x14ac:dyDescent="0.35">
      <c r="A34692" s="1" t="s">
        <v>6171</v>
      </c>
      <c r="B34692" s="1" t="s">
        <v>118882</v>
      </c>
      <c r="C34692" s="1" t="s">
        <v>45</v>
      </c>
      <c r="D34692" s="1" t="s">
        <v>118057</v>
      </c>
      <c r="E34692" s="1" t="s">
        <v>120560</v>
      </c>
      <c r="F34692" s="1" t="s">
        <v>120561</v>
      </c>
      <c r="G34692" s="1" t="s">
        <v>120538</v>
      </c>
      <c r="H34692" s="1" t="s">
        <v>120539</v>
      </c>
      <c r="I34692" s="1" t="s">
        <v>118887</v>
      </c>
      <c r="J34692" s="1" t="s">
        <v>120562</v>
      </c>
    </row>
    <row r="34693" spans="1:10" x14ac:dyDescent="0.35">
      <c r="A34693" s="1" t="s">
        <v>6171</v>
      </c>
      <c r="B34693" s="1" t="s">
        <v>118882</v>
      </c>
      <c r="C34693" s="1" t="s">
        <v>50</v>
      </c>
      <c r="D34693" s="1" t="s">
        <v>9706</v>
      </c>
      <c r="E34693" s="1" t="s">
        <v>120563</v>
      </c>
      <c r="F34693" s="1" t="s">
        <v>120564</v>
      </c>
      <c r="G34693" s="1" t="s">
        <v>120538</v>
      </c>
      <c r="H34693" s="1" t="s">
        <v>120539</v>
      </c>
      <c r="I34693" s="1" t="s">
        <v>118887</v>
      </c>
      <c r="J34693" s="1" t="s">
        <v>120565</v>
      </c>
    </row>
    <row r="34694" spans="1:10" x14ac:dyDescent="0.35">
      <c r="A34694" s="1" t="s">
        <v>6171</v>
      </c>
      <c r="B34694" s="1" t="s">
        <v>118882</v>
      </c>
      <c r="C34694" s="1" t="s">
        <v>55</v>
      </c>
      <c r="D34694" s="1" t="s">
        <v>120566</v>
      </c>
      <c r="E34694" s="1" t="s">
        <v>120567</v>
      </c>
      <c r="F34694" s="1" t="s">
        <v>120568</v>
      </c>
      <c r="G34694" s="1" t="s">
        <v>120538</v>
      </c>
      <c r="H34694" s="1" t="s">
        <v>120539</v>
      </c>
      <c r="I34694" s="1" t="s">
        <v>118887</v>
      </c>
      <c r="J34694" s="1" t="s">
        <v>120569</v>
      </c>
    </row>
    <row r="34695" spans="1:10" x14ac:dyDescent="0.35">
      <c r="A34695" s="1" t="s">
        <v>6171</v>
      </c>
      <c r="B34695" s="1" t="s">
        <v>118882</v>
      </c>
      <c r="C34695" s="1" t="s">
        <v>60</v>
      </c>
      <c r="D34695" s="1" t="s">
        <v>49371</v>
      </c>
      <c r="E34695" s="1" t="s">
        <v>120570</v>
      </c>
      <c r="F34695" s="1" t="s">
        <v>120571</v>
      </c>
      <c r="G34695" s="1" t="s">
        <v>120538</v>
      </c>
      <c r="H34695" s="1" t="s">
        <v>120539</v>
      </c>
      <c r="I34695" s="1" t="s">
        <v>118887</v>
      </c>
      <c r="J34695" s="1" t="s">
        <v>120572</v>
      </c>
    </row>
    <row r="34696" spans="1:10" x14ac:dyDescent="0.35">
      <c r="A34696" s="1" t="s">
        <v>6171</v>
      </c>
      <c r="B34696" s="1" t="s">
        <v>118882</v>
      </c>
      <c r="C34696" s="1" t="s">
        <v>65</v>
      </c>
      <c r="D34696" s="1" t="s">
        <v>120573</v>
      </c>
      <c r="E34696" s="1" t="s">
        <v>120574</v>
      </c>
      <c r="F34696" s="1" t="s">
        <v>120575</v>
      </c>
      <c r="G34696" s="1" t="s">
        <v>120538</v>
      </c>
      <c r="H34696" s="1" t="s">
        <v>120539</v>
      </c>
      <c r="I34696" s="1" t="s">
        <v>118887</v>
      </c>
      <c r="J34696" s="1" t="s">
        <v>120576</v>
      </c>
    </row>
    <row r="34697" spans="1:10" x14ac:dyDescent="0.35">
      <c r="A34697" s="1" t="s">
        <v>6171</v>
      </c>
      <c r="B34697" s="1" t="s">
        <v>118882</v>
      </c>
      <c r="C34697" s="1" t="s">
        <v>70</v>
      </c>
      <c r="D34697" s="1" t="s">
        <v>120577</v>
      </c>
      <c r="E34697" s="1" t="s">
        <v>120578</v>
      </c>
      <c r="F34697" s="1" t="s">
        <v>120579</v>
      </c>
      <c r="G34697" s="1" t="s">
        <v>120538</v>
      </c>
      <c r="H34697" s="1" t="s">
        <v>120539</v>
      </c>
      <c r="I34697" s="1" t="s">
        <v>118887</v>
      </c>
      <c r="J34697" s="1" t="s">
        <v>120580</v>
      </c>
    </row>
    <row r="34698" spans="1:10" x14ac:dyDescent="0.35">
      <c r="A34698" s="1" t="s">
        <v>6171</v>
      </c>
      <c r="B34698" s="1" t="s">
        <v>118882</v>
      </c>
      <c r="C34698" s="1" t="s">
        <v>75</v>
      </c>
      <c r="D34698" s="1" t="s">
        <v>71037</v>
      </c>
      <c r="E34698" s="1" t="s">
        <v>120581</v>
      </c>
      <c r="F34698" s="1" t="s">
        <v>120582</v>
      </c>
      <c r="G34698" s="1" t="s">
        <v>120538</v>
      </c>
      <c r="H34698" s="1" t="s">
        <v>120539</v>
      </c>
      <c r="I34698" s="1" t="s">
        <v>118887</v>
      </c>
      <c r="J34698" s="1" t="s">
        <v>120583</v>
      </c>
    </row>
    <row r="34699" spans="1:10" x14ac:dyDescent="0.35">
      <c r="A34699" s="1" t="s">
        <v>6171</v>
      </c>
      <c r="B34699" s="1" t="s">
        <v>118882</v>
      </c>
      <c r="C34699" s="1" t="s">
        <v>80</v>
      </c>
      <c r="D34699" s="1" t="s">
        <v>34466</v>
      </c>
      <c r="E34699" s="1" t="s">
        <v>120584</v>
      </c>
      <c r="F34699" s="1" t="s">
        <v>120585</v>
      </c>
      <c r="G34699" s="1" t="s">
        <v>120538</v>
      </c>
      <c r="H34699" s="1" t="s">
        <v>120539</v>
      </c>
      <c r="I34699" s="1" t="s">
        <v>118887</v>
      </c>
      <c r="J34699" s="1" t="s">
        <v>120586</v>
      </c>
    </row>
    <row r="34700" spans="1:10" x14ac:dyDescent="0.35">
      <c r="A34700" s="1" t="s">
        <v>6171</v>
      </c>
      <c r="B34700" s="1" t="s">
        <v>118882</v>
      </c>
      <c r="C34700" s="1" t="s">
        <v>85</v>
      </c>
      <c r="D34700" s="1" t="s">
        <v>117207</v>
      </c>
      <c r="E34700" s="1" t="s">
        <v>120587</v>
      </c>
      <c r="F34700" s="1" t="s">
        <v>120588</v>
      </c>
      <c r="G34700" s="1" t="s">
        <v>120538</v>
      </c>
      <c r="H34700" s="1" t="s">
        <v>120539</v>
      </c>
      <c r="I34700" s="1" t="s">
        <v>118887</v>
      </c>
      <c r="J34700" s="1" t="s">
        <v>120589</v>
      </c>
    </row>
    <row r="34701" spans="1:10" x14ac:dyDescent="0.35">
      <c r="A34701" s="1" t="s">
        <v>6171</v>
      </c>
      <c r="B34701" s="1" t="s">
        <v>118882</v>
      </c>
      <c r="C34701" s="1" t="s">
        <v>90</v>
      </c>
      <c r="D34701" s="1" t="s">
        <v>7980</v>
      </c>
      <c r="E34701" s="1" t="s">
        <v>120590</v>
      </c>
      <c r="F34701" s="1" t="s">
        <v>120591</v>
      </c>
      <c r="G34701" s="1" t="s">
        <v>120538</v>
      </c>
      <c r="H34701" s="1" t="s">
        <v>120539</v>
      </c>
      <c r="I34701" s="1" t="s">
        <v>118887</v>
      </c>
      <c r="J34701" s="1" t="s">
        <v>120592</v>
      </c>
    </row>
    <row r="34702" spans="1:10" x14ac:dyDescent="0.35">
      <c r="A34702" s="1" t="s">
        <v>6171</v>
      </c>
      <c r="B34702" s="1" t="s">
        <v>118882</v>
      </c>
      <c r="C34702" s="1" t="s">
        <v>95</v>
      </c>
      <c r="D34702" s="1" t="s">
        <v>120593</v>
      </c>
      <c r="E34702" s="1" t="s">
        <v>120594</v>
      </c>
      <c r="F34702" s="1" t="s">
        <v>120595</v>
      </c>
      <c r="G34702" s="1" t="s">
        <v>120538</v>
      </c>
      <c r="H34702" s="1" t="s">
        <v>120539</v>
      </c>
      <c r="I34702" s="1" t="s">
        <v>118887</v>
      </c>
      <c r="J34702" s="1" t="s">
        <v>120596</v>
      </c>
    </row>
    <row r="34703" spans="1:10" x14ac:dyDescent="0.35">
      <c r="A34703" s="1" t="s">
        <v>6171</v>
      </c>
      <c r="B34703" s="1" t="s">
        <v>118882</v>
      </c>
      <c r="C34703" s="1" t="s">
        <v>100</v>
      </c>
      <c r="D34703" s="1" t="s">
        <v>112070</v>
      </c>
      <c r="E34703" s="1" t="s">
        <v>120597</v>
      </c>
      <c r="F34703" s="1" t="s">
        <v>120598</v>
      </c>
      <c r="G34703" s="1" t="s">
        <v>120538</v>
      </c>
      <c r="H34703" s="1" t="s">
        <v>120539</v>
      </c>
      <c r="I34703" s="1" t="s">
        <v>118887</v>
      </c>
      <c r="J34703" s="1" t="s">
        <v>120599</v>
      </c>
    </row>
    <row r="34704" spans="1:10" x14ac:dyDescent="0.35">
      <c r="A34704" s="1" t="s">
        <v>6171</v>
      </c>
      <c r="B34704" s="1" t="s">
        <v>118882</v>
      </c>
      <c r="C34704" s="1" t="s">
        <v>105</v>
      </c>
      <c r="D34704" s="1" t="s">
        <v>120600</v>
      </c>
      <c r="E34704" s="1" t="s">
        <v>120601</v>
      </c>
      <c r="F34704" s="1" t="s">
        <v>120602</v>
      </c>
      <c r="G34704" s="1" t="s">
        <v>120538</v>
      </c>
      <c r="H34704" s="1" t="s">
        <v>120539</v>
      </c>
      <c r="I34704" s="1" t="s">
        <v>118887</v>
      </c>
      <c r="J34704" s="1" t="s">
        <v>120603</v>
      </c>
    </row>
    <row r="34705" spans="1:10" x14ac:dyDescent="0.35">
      <c r="A34705" s="1" t="s">
        <v>6171</v>
      </c>
      <c r="B34705" s="1" t="s">
        <v>118882</v>
      </c>
      <c r="C34705" s="1" t="s">
        <v>110</v>
      </c>
      <c r="D34705" s="1" t="s">
        <v>37761</v>
      </c>
      <c r="E34705" s="1" t="s">
        <v>120604</v>
      </c>
      <c r="F34705" s="1" t="s">
        <v>120605</v>
      </c>
      <c r="G34705" s="1" t="s">
        <v>120538</v>
      </c>
      <c r="H34705" s="1" t="s">
        <v>120539</v>
      </c>
      <c r="I34705" s="1" t="s">
        <v>118887</v>
      </c>
      <c r="J34705" s="1" t="s">
        <v>120606</v>
      </c>
    </row>
    <row r="34706" spans="1:10" x14ac:dyDescent="0.35">
      <c r="A34706" s="1" t="s">
        <v>6171</v>
      </c>
      <c r="B34706" s="1" t="s">
        <v>118882</v>
      </c>
      <c r="C34706" s="1" t="s">
        <v>115</v>
      </c>
      <c r="D34706" s="1" t="s">
        <v>120607</v>
      </c>
      <c r="E34706" s="1" t="s">
        <v>120608</v>
      </c>
      <c r="F34706" s="1" t="s">
        <v>120609</v>
      </c>
      <c r="G34706" s="1" t="s">
        <v>120538</v>
      </c>
      <c r="H34706" s="1" t="s">
        <v>120539</v>
      </c>
      <c r="I34706" s="1" t="s">
        <v>118887</v>
      </c>
      <c r="J34706" s="1" t="s">
        <v>120610</v>
      </c>
    </row>
    <row r="34707" spans="1:10" x14ac:dyDescent="0.35">
      <c r="A34707" s="1" t="s">
        <v>6171</v>
      </c>
      <c r="B34707" s="1" t="s">
        <v>118882</v>
      </c>
      <c r="C34707" s="1" t="s">
        <v>120</v>
      </c>
      <c r="D34707" s="1" t="s">
        <v>16009</v>
      </c>
      <c r="E34707" s="1" t="s">
        <v>120611</v>
      </c>
      <c r="F34707" s="1" t="s">
        <v>120612</v>
      </c>
      <c r="G34707" s="1" t="s">
        <v>120538</v>
      </c>
      <c r="H34707" s="1" t="s">
        <v>120539</v>
      </c>
      <c r="I34707" s="1" t="s">
        <v>118887</v>
      </c>
      <c r="J34707" s="1" t="s">
        <v>120613</v>
      </c>
    </row>
    <row r="34708" spans="1:10" x14ac:dyDescent="0.35">
      <c r="A34708" s="1" t="s">
        <v>6171</v>
      </c>
      <c r="B34708" s="1" t="s">
        <v>118882</v>
      </c>
      <c r="C34708" s="1" t="s">
        <v>125</v>
      </c>
      <c r="D34708" s="1" t="s">
        <v>70923</v>
      </c>
      <c r="E34708" s="1" t="s">
        <v>120614</v>
      </c>
      <c r="F34708" s="1" t="s">
        <v>120615</v>
      </c>
      <c r="G34708" s="1" t="s">
        <v>120538</v>
      </c>
      <c r="H34708" s="1" t="s">
        <v>120539</v>
      </c>
      <c r="I34708" s="1" t="s">
        <v>118887</v>
      </c>
      <c r="J34708" s="1" t="s">
        <v>120616</v>
      </c>
    </row>
    <row r="34709" spans="1:10" x14ac:dyDescent="0.35">
      <c r="A34709" s="1" t="s">
        <v>6171</v>
      </c>
      <c r="B34709" s="1" t="s">
        <v>118882</v>
      </c>
      <c r="C34709" s="1" t="s">
        <v>130</v>
      </c>
      <c r="D34709" s="1" t="s">
        <v>15613</v>
      </c>
      <c r="E34709" s="1" t="s">
        <v>120617</v>
      </c>
      <c r="F34709" s="1" t="s">
        <v>120618</v>
      </c>
      <c r="G34709" s="1" t="s">
        <v>120538</v>
      </c>
      <c r="H34709" s="1" t="s">
        <v>120539</v>
      </c>
      <c r="I34709" s="1" t="s">
        <v>118887</v>
      </c>
      <c r="J34709" s="1" t="s">
        <v>120619</v>
      </c>
    </row>
    <row r="34710" spans="1:10" x14ac:dyDescent="0.35">
      <c r="A34710" s="1" t="s">
        <v>6171</v>
      </c>
      <c r="B34710" s="1" t="s">
        <v>118882</v>
      </c>
      <c r="C34710" s="1" t="s">
        <v>135</v>
      </c>
      <c r="D34710" s="1" t="s">
        <v>120620</v>
      </c>
      <c r="E34710" s="1" t="s">
        <v>120621</v>
      </c>
      <c r="F34710" s="1" t="s">
        <v>120622</v>
      </c>
      <c r="G34710" s="1" t="s">
        <v>120538</v>
      </c>
      <c r="H34710" s="1" t="s">
        <v>120539</v>
      </c>
      <c r="I34710" s="1" t="s">
        <v>118887</v>
      </c>
      <c r="J34710" s="1" t="s">
        <v>120623</v>
      </c>
    </row>
    <row r="34711" spans="1:10" x14ac:dyDescent="0.35">
      <c r="A34711" s="1" t="s">
        <v>6171</v>
      </c>
      <c r="B34711" s="1" t="s">
        <v>118882</v>
      </c>
      <c r="C34711" s="1" t="s">
        <v>140</v>
      </c>
      <c r="D34711" s="1" t="s">
        <v>46965</v>
      </c>
      <c r="E34711" s="1" t="s">
        <v>120624</v>
      </c>
      <c r="F34711" s="1" t="s">
        <v>120625</v>
      </c>
      <c r="G34711" s="1" t="s">
        <v>120538</v>
      </c>
      <c r="H34711" s="1" t="s">
        <v>120539</v>
      </c>
      <c r="I34711" s="1" t="s">
        <v>118887</v>
      </c>
      <c r="J34711" s="1" t="s">
        <v>120626</v>
      </c>
    </row>
    <row r="34712" spans="1:10" x14ac:dyDescent="0.35">
      <c r="A34712" s="1" t="s">
        <v>6171</v>
      </c>
      <c r="B34712" s="1" t="s">
        <v>118882</v>
      </c>
      <c r="C34712" s="1" t="s">
        <v>145</v>
      </c>
      <c r="D34712" s="1" t="s">
        <v>49840</v>
      </c>
      <c r="E34712" s="1" t="s">
        <v>120627</v>
      </c>
      <c r="F34712" s="1" t="s">
        <v>120628</v>
      </c>
      <c r="G34712" s="1" t="s">
        <v>120538</v>
      </c>
      <c r="H34712" s="1" t="s">
        <v>120539</v>
      </c>
      <c r="I34712" s="1" t="s">
        <v>118887</v>
      </c>
      <c r="J34712" s="1" t="s">
        <v>120629</v>
      </c>
    </row>
    <row r="34713" spans="1:10" x14ac:dyDescent="0.35">
      <c r="A34713" s="1" t="s">
        <v>6171</v>
      </c>
      <c r="B34713" s="1" t="s">
        <v>118882</v>
      </c>
      <c r="C34713" s="1" t="s">
        <v>150</v>
      </c>
      <c r="D34713" s="1" t="s">
        <v>120630</v>
      </c>
      <c r="E34713" s="1" t="s">
        <v>120631</v>
      </c>
      <c r="F34713" s="1" t="s">
        <v>120632</v>
      </c>
      <c r="G34713" s="1" t="s">
        <v>120538</v>
      </c>
      <c r="H34713" s="1" t="s">
        <v>120539</v>
      </c>
      <c r="I34713" s="1" t="s">
        <v>118887</v>
      </c>
      <c r="J34713" s="1" t="s">
        <v>120633</v>
      </c>
    </row>
    <row r="34714" spans="1:10" x14ac:dyDescent="0.35">
      <c r="A34714" s="1" t="s">
        <v>6171</v>
      </c>
      <c r="B34714" s="1" t="s">
        <v>118882</v>
      </c>
      <c r="C34714" s="1" t="s">
        <v>155</v>
      </c>
      <c r="D34714" s="1" t="s">
        <v>120634</v>
      </c>
      <c r="E34714" s="1" t="s">
        <v>120635</v>
      </c>
      <c r="F34714" s="1" t="s">
        <v>120636</v>
      </c>
      <c r="G34714" s="1" t="s">
        <v>120538</v>
      </c>
      <c r="H34714" s="1" t="s">
        <v>120539</v>
      </c>
      <c r="I34714" s="1" t="s">
        <v>118887</v>
      </c>
      <c r="J34714" s="1" t="s">
        <v>120637</v>
      </c>
    </row>
    <row r="34715" spans="1:10" x14ac:dyDescent="0.35">
      <c r="A34715" s="1" t="s">
        <v>6171</v>
      </c>
      <c r="B34715" s="1" t="s">
        <v>118882</v>
      </c>
      <c r="C34715" s="1" t="s">
        <v>160</v>
      </c>
      <c r="D34715" s="1" t="s">
        <v>120638</v>
      </c>
      <c r="E34715" s="1" t="s">
        <v>120639</v>
      </c>
      <c r="F34715" s="1" t="s">
        <v>120640</v>
      </c>
      <c r="G34715" s="1" t="s">
        <v>120538</v>
      </c>
      <c r="H34715" s="1" t="s">
        <v>120539</v>
      </c>
      <c r="I34715" s="1" t="s">
        <v>118887</v>
      </c>
      <c r="J34715" s="1" t="s">
        <v>120641</v>
      </c>
    </row>
    <row r="34716" spans="1:10" x14ac:dyDescent="0.35">
      <c r="A34716" s="1" t="s">
        <v>6171</v>
      </c>
      <c r="B34716" s="1" t="s">
        <v>118882</v>
      </c>
      <c r="C34716" s="1" t="s">
        <v>165</v>
      </c>
      <c r="D34716" s="1" t="s">
        <v>32945</v>
      </c>
      <c r="E34716" s="1" t="s">
        <v>120642</v>
      </c>
      <c r="F34716" s="1" t="s">
        <v>120643</v>
      </c>
      <c r="G34716" s="1" t="s">
        <v>120538</v>
      </c>
      <c r="H34716" s="1" t="s">
        <v>120539</v>
      </c>
      <c r="I34716" s="1" t="s">
        <v>118887</v>
      </c>
      <c r="J34716" s="1" t="s">
        <v>120644</v>
      </c>
    </row>
    <row r="34717" spans="1:10" x14ac:dyDescent="0.35">
      <c r="A34717" s="1" t="s">
        <v>6171</v>
      </c>
      <c r="B34717" s="1" t="s">
        <v>118882</v>
      </c>
      <c r="C34717" s="1" t="s">
        <v>170</v>
      </c>
      <c r="D34717" s="1" t="s">
        <v>13509</v>
      </c>
      <c r="E34717" s="1" t="s">
        <v>120645</v>
      </c>
      <c r="F34717" s="1" t="s">
        <v>120646</v>
      </c>
      <c r="G34717" s="1" t="s">
        <v>120538</v>
      </c>
      <c r="H34717" s="1" t="s">
        <v>120539</v>
      </c>
      <c r="I34717" s="1" t="s">
        <v>118887</v>
      </c>
      <c r="J34717" s="1" t="s">
        <v>120647</v>
      </c>
    </row>
    <row r="34718" spans="1:10" x14ac:dyDescent="0.35">
      <c r="A34718" s="1" t="s">
        <v>7021</v>
      </c>
      <c r="B34718" s="1" t="s">
        <v>118882</v>
      </c>
      <c r="C34718" s="1" t="s">
        <v>8</v>
      </c>
      <c r="D34718" s="1" t="s">
        <v>6294</v>
      </c>
      <c r="E34718" s="1" t="s">
        <v>120648</v>
      </c>
      <c r="F34718" s="1" t="s">
        <v>120649</v>
      </c>
      <c r="G34718" s="1" t="s">
        <v>120650</v>
      </c>
      <c r="H34718" s="1" t="s">
        <v>120651</v>
      </c>
      <c r="I34718" s="1" t="s">
        <v>118887</v>
      </c>
      <c r="J34718" s="1" t="s">
        <v>13</v>
      </c>
    </row>
    <row r="34719" spans="1:10" x14ac:dyDescent="0.35">
      <c r="A34719" s="1" t="s">
        <v>7021</v>
      </c>
      <c r="B34719" s="1" t="s">
        <v>118882</v>
      </c>
      <c r="C34719" s="1" t="s">
        <v>15</v>
      </c>
      <c r="D34719" s="1" t="s">
        <v>12028</v>
      </c>
      <c r="E34719" s="1" t="s">
        <v>120652</v>
      </c>
      <c r="F34719" s="1" t="s">
        <v>120653</v>
      </c>
      <c r="G34719" s="1" t="s">
        <v>120650</v>
      </c>
      <c r="H34719" s="1" t="s">
        <v>120651</v>
      </c>
      <c r="I34719" s="1" t="s">
        <v>118887</v>
      </c>
      <c r="J34719" s="1" t="s">
        <v>120654</v>
      </c>
    </row>
    <row r="34720" spans="1:10" x14ac:dyDescent="0.35">
      <c r="A34720" s="1" t="s">
        <v>7021</v>
      </c>
      <c r="B34720" s="1" t="s">
        <v>118882</v>
      </c>
      <c r="C34720" s="1" t="s">
        <v>20</v>
      </c>
      <c r="D34720" s="1" t="s">
        <v>25568</v>
      </c>
      <c r="E34720" s="1" t="s">
        <v>120655</v>
      </c>
      <c r="F34720" s="1" t="s">
        <v>120656</v>
      </c>
      <c r="G34720" s="1" t="s">
        <v>120650</v>
      </c>
      <c r="H34720" s="1" t="s">
        <v>120651</v>
      </c>
      <c r="I34720" s="1" t="s">
        <v>118887</v>
      </c>
      <c r="J34720" s="1" t="s">
        <v>120657</v>
      </c>
    </row>
    <row r="34721" spans="1:10" x14ac:dyDescent="0.35">
      <c r="A34721" s="1" t="s">
        <v>7021</v>
      </c>
      <c r="B34721" s="1" t="s">
        <v>118882</v>
      </c>
      <c r="C34721" s="1" t="s">
        <v>25</v>
      </c>
      <c r="D34721" s="1" t="s">
        <v>6198</v>
      </c>
      <c r="E34721" s="1" t="s">
        <v>120658</v>
      </c>
      <c r="F34721" s="1" t="s">
        <v>120659</v>
      </c>
      <c r="G34721" s="1" t="s">
        <v>120650</v>
      </c>
      <c r="H34721" s="1" t="s">
        <v>120651</v>
      </c>
      <c r="I34721" s="1" t="s">
        <v>118887</v>
      </c>
      <c r="J34721" s="1" t="s">
        <v>120660</v>
      </c>
    </row>
    <row r="34722" spans="1:10" x14ac:dyDescent="0.35">
      <c r="A34722" s="1" t="s">
        <v>7021</v>
      </c>
      <c r="B34722" s="1" t="s">
        <v>118882</v>
      </c>
      <c r="C34722" s="1" t="s">
        <v>30</v>
      </c>
      <c r="D34722" s="1" t="s">
        <v>6175</v>
      </c>
      <c r="E34722" s="1" t="s">
        <v>120661</v>
      </c>
      <c r="F34722" s="1" t="s">
        <v>120662</v>
      </c>
      <c r="G34722" s="1" t="s">
        <v>120650</v>
      </c>
      <c r="H34722" s="1" t="s">
        <v>120651</v>
      </c>
      <c r="I34722" s="1" t="s">
        <v>118887</v>
      </c>
      <c r="J34722" s="1" t="s">
        <v>120663</v>
      </c>
    </row>
    <row r="34723" spans="1:10" x14ac:dyDescent="0.35">
      <c r="A34723" s="1" t="s">
        <v>7021</v>
      </c>
      <c r="B34723" s="1" t="s">
        <v>118882</v>
      </c>
      <c r="C34723" s="1" t="s">
        <v>35</v>
      </c>
      <c r="D34723" s="1" t="s">
        <v>24953</v>
      </c>
      <c r="E34723" s="1" t="s">
        <v>120664</v>
      </c>
      <c r="F34723" s="1" t="s">
        <v>120665</v>
      </c>
      <c r="G34723" s="1" t="s">
        <v>120650</v>
      </c>
      <c r="H34723" s="1" t="s">
        <v>120651</v>
      </c>
      <c r="I34723" s="1" t="s">
        <v>118887</v>
      </c>
      <c r="J34723" s="1" t="s">
        <v>120666</v>
      </c>
    </row>
    <row r="34724" spans="1:10" x14ac:dyDescent="0.35">
      <c r="A34724" s="1" t="s">
        <v>7021</v>
      </c>
      <c r="B34724" s="1" t="s">
        <v>118882</v>
      </c>
      <c r="C34724" s="1" t="s">
        <v>40</v>
      </c>
      <c r="D34724" s="1" t="s">
        <v>28478</v>
      </c>
      <c r="E34724" s="1" t="s">
        <v>120667</v>
      </c>
      <c r="F34724" s="1" t="s">
        <v>120668</v>
      </c>
      <c r="G34724" s="1" t="s">
        <v>120650</v>
      </c>
      <c r="H34724" s="1" t="s">
        <v>120651</v>
      </c>
      <c r="I34724" s="1" t="s">
        <v>118887</v>
      </c>
      <c r="J34724" s="1" t="s">
        <v>120669</v>
      </c>
    </row>
    <row r="34725" spans="1:10" x14ac:dyDescent="0.35">
      <c r="A34725" s="1" t="s">
        <v>7021</v>
      </c>
      <c r="B34725" s="1" t="s">
        <v>118882</v>
      </c>
      <c r="C34725" s="1" t="s">
        <v>45</v>
      </c>
      <c r="D34725" s="1" t="s">
        <v>120012</v>
      </c>
      <c r="E34725" s="1" t="s">
        <v>120670</v>
      </c>
      <c r="F34725" s="1" t="s">
        <v>120671</v>
      </c>
      <c r="G34725" s="1" t="s">
        <v>120650</v>
      </c>
      <c r="H34725" s="1" t="s">
        <v>120651</v>
      </c>
      <c r="I34725" s="1" t="s">
        <v>118887</v>
      </c>
      <c r="J34725" s="1" t="s">
        <v>120672</v>
      </c>
    </row>
    <row r="34726" spans="1:10" x14ac:dyDescent="0.35">
      <c r="A34726" s="1" t="s">
        <v>7021</v>
      </c>
      <c r="B34726" s="1" t="s">
        <v>118882</v>
      </c>
      <c r="C34726" s="1" t="s">
        <v>50</v>
      </c>
      <c r="D34726" s="1" t="s">
        <v>29276</v>
      </c>
      <c r="E34726" s="1" t="s">
        <v>120673</v>
      </c>
      <c r="F34726" s="1" t="s">
        <v>120674</v>
      </c>
      <c r="G34726" s="1" t="s">
        <v>120650</v>
      </c>
      <c r="H34726" s="1" t="s">
        <v>120651</v>
      </c>
      <c r="I34726" s="1" t="s">
        <v>118887</v>
      </c>
      <c r="J34726" s="1" t="s">
        <v>120675</v>
      </c>
    </row>
    <row r="34727" spans="1:10" x14ac:dyDescent="0.35">
      <c r="A34727" s="1" t="s">
        <v>7021</v>
      </c>
      <c r="B34727" s="1" t="s">
        <v>118882</v>
      </c>
      <c r="C34727" s="1" t="s">
        <v>55</v>
      </c>
      <c r="D34727" s="1" t="s">
        <v>120676</v>
      </c>
      <c r="E34727" s="1" t="s">
        <v>120677</v>
      </c>
      <c r="F34727" s="1" t="s">
        <v>120678</v>
      </c>
      <c r="G34727" s="1" t="s">
        <v>120650</v>
      </c>
      <c r="H34727" s="1" t="s">
        <v>120651</v>
      </c>
      <c r="I34727" s="1" t="s">
        <v>118887</v>
      </c>
      <c r="J34727" s="1" t="s">
        <v>120679</v>
      </c>
    </row>
    <row r="34728" spans="1:10" x14ac:dyDescent="0.35">
      <c r="A34728" s="1" t="s">
        <v>7021</v>
      </c>
      <c r="B34728" s="1" t="s">
        <v>118882</v>
      </c>
      <c r="C34728" s="1" t="s">
        <v>60</v>
      </c>
      <c r="D34728" s="1" t="s">
        <v>28371</v>
      </c>
      <c r="E34728" s="1" t="s">
        <v>120680</v>
      </c>
      <c r="F34728" s="1" t="s">
        <v>120681</v>
      </c>
      <c r="G34728" s="1" t="s">
        <v>120650</v>
      </c>
      <c r="H34728" s="1" t="s">
        <v>120651</v>
      </c>
      <c r="I34728" s="1" t="s">
        <v>118887</v>
      </c>
      <c r="J34728" s="1" t="s">
        <v>120682</v>
      </c>
    </row>
    <row r="34729" spans="1:10" x14ac:dyDescent="0.35">
      <c r="A34729" s="1" t="s">
        <v>7021</v>
      </c>
      <c r="B34729" s="1" t="s">
        <v>118882</v>
      </c>
      <c r="C34729" s="1" t="s">
        <v>65</v>
      </c>
      <c r="D34729" s="1" t="s">
        <v>10288</v>
      </c>
      <c r="E34729" s="1" t="s">
        <v>120683</v>
      </c>
      <c r="F34729" s="1" t="s">
        <v>120684</v>
      </c>
      <c r="G34729" s="1" t="s">
        <v>120650</v>
      </c>
      <c r="H34729" s="1" t="s">
        <v>120651</v>
      </c>
      <c r="I34729" s="1" t="s">
        <v>118887</v>
      </c>
      <c r="J34729" s="1" t="s">
        <v>120685</v>
      </c>
    </row>
    <row r="34730" spans="1:10" x14ac:dyDescent="0.35">
      <c r="A34730" s="1" t="s">
        <v>7021</v>
      </c>
      <c r="B34730" s="1" t="s">
        <v>118882</v>
      </c>
      <c r="C34730" s="1" t="s">
        <v>70</v>
      </c>
      <c r="D34730" s="1" t="s">
        <v>51865</v>
      </c>
      <c r="E34730" s="1" t="s">
        <v>120686</v>
      </c>
      <c r="F34730" s="1" t="s">
        <v>120687</v>
      </c>
      <c r="G34730" s="1" t="s">
        <v>120650</v>
      </c>
      <c r="H34730" s="1" t="s">
        <v>120651</v>
      </c>
      <c r="I34730" s="1" t="s">
        <v>118887</v>
      </c>
      <c r="J34730" s="1" t="s">
        <v>120688</v>
      </c>
    </row>
    <row r="34731" spans="1:10" x14ac:dyDescent="0.35">
      <c r="A34731" s="1" t="s">
        <v>7021</v>
      </c>
      <c r="B34731" s="1" t="s">
        <v>118882</v>
      </c>
      <c r="C34731" s="1" t="s">
        <v>75</v>
      </c>
      <c r="D34731" s="1" t="s">
        <v>9403</v>
      </c>
      <c r="E34731" s="1" t="s">
        <v>120689</v>
      </c>
      <c r="F34731" s="1" t="s">
        <v>120690</v>
      </c>
      <c r="G34731" s="1" t="s">
        <v>120650</v>
      </c>
      <c r="H34731" s="1" t="s">
        <v>120651</v>
      </c>
      <c r="I34731" s="1" t="s">
        <v>118887</v>
      </c>
      <c r="J34731" s="1" t="s">
        <v>120691</v>
      </c>
    </row>
    <row r="34732" spans="1:10" x14ac:dyDescent="0.35">
      <c r="A34732" s="1" t="s">
        <v>7021</v>
      </c>
      <c r="B34732" s="1" t="s">
        <v>118882</v>
      </c>
      <c r="C34732" s="1" t="s">
        <v>80</v>
      </c>
      <c r="D34732" s="1" t="s">
        <v>119276</v>
      </c>
      <c r="E34732" s="1" t="s">
        <v>120692</v>
      </c>
      <c r="F34732" s="1" t="s">
        <v>120693</v>
      </c>
      <c r="G34732" s="1" t="s">
        <v>120650</v>
      </c>
      <c r="H34732" s="1" t="s">
        <v>120651</v>
      </c>
      <c r="I34732" s="1" t="s">
        <v>118887</v>
      </c>
      <c r="J34732" s="1" t="s">
        <v>120694</v>
      </c>
    </row>
    <row r="34733" spans="1:10" x14ac:dyDescent="0.35">
      <c r="A34733" s="1" t="s">
        <v>7021</v>
      </c>
      <c r="B34733" s="1" t="s">
        <v>118882</v>
      </c>
      <c r="C34733" s="1" t="s">
        <v>85</v>
      </c>
      <c r="D34733" s="1" t="s">
        <v>2055</v>
      </c>
      <c r="E34733" s="1" t="s">
        <v>120695</v>
      </c>
      <c r="F34733" s="1" t="s">
        <v>120696</v>
      </c>
      <c r="G34733" s="1" t="s">
        <v>120650</v>
      </c>
      <c r="H34733" s="1" t="s">
        <v>120651</v>
      </c>
      <c r="I34733" s="1" t="s">
        <v>118887</v>
      </c>
      <c r="J34733" s="1" t="s">
        <v>120697</v>
      </c>
    </row>
    <row r="34734" spans="1:10" x14ac:dyDescent="0.35">
      <c r="A34734" s="1" t="s">
        <v>7021</v>
      </c>
      <c r="B34734" s="1" t="s">
        <v>118882</v>
      </c>
      <c r="C34734" s="1" t="s">
        <v>90</v>
      </c>
      <c r="D34734" s="1" t="s">
        <v>110576</v>
      </c>
      <c r="E34734" s="1" t="s">
        <v>120698</v>
      </c>
      <c r="F34734" s="1" t="s">
        <v>120699</v>
      </c>
      <c r="G34734" s="1" t="s">
        <v>120650</v>
      </c>
      <c r="H34734" s="1" t="s">
        <v>120651</v>
      </c>
      <c r="I34734" s="1" t="s">
        <v>118887</v>
      </c>
      <c r="J34734" s="1" t="s">
        <v>120700</v>
      </c>
    </row>
    <row r="34735" spans="1:10" x14ac:dyDescent="0.35">
      <c r="A34735" s="1" t="s">
        <v>7021</v>
      </c>
      <c r="B34735" s="1" t="s">
        <v>118882</v>
      </c>
      <c r="C34735" s="1" t="s">
        <v>95</v>
      </c>
      <c r="D34735" s="1" t="s">
        <v>120701</v>
      </c>
      <c r="E34735" s="1" t="s">
        <v>120702</v>
      </c>
      <c r="F34735" s="1" t="s">
        <v>120703</v>
      </c>
      <c r="G34735" s="1" t="s">
        <v>120650</v>
      </c>
      <c r="H34735" s="1" t="s">
        <v>120651</v>
      </c>
      <c r="I34735" s="1" t="s">
        <v>118887</v>
      </c>
      <c r="J34735" s="1" t="s">
        <v>120704</v>
      </c>
    </row>
    <row r="34736" spans="1:10" x14ac:dyDescent="0.35">
      <c r="A34736" s="1" t="s">
        <v>7021</v>
      </c>
      <c r="B34736" s="1" t="s">
        <v>118882</v>
      </c>
      <c r="C34736" s="1" t="s">
        <v>100</v>
      </c>
      <c r="D34736" s="1" t="s">
        <v>25996</v>
      </c>
      <c r="E34736" s="1" t="s">
        <v>120705</v>
      </c>
      <c r="F34736" s="1" t="s">
        <v>120706</v>
      </c>
      <c r="G34736" s="1" t="s">
        <v>120650</v>
      </c>
      <c r="H34736" s="1" t="s">
        <v>120651</v>
      </c>
      <c r="I34736" s="1" t="s">
        <v>118887</v>
      </c>
      <c r="J34736" s="1" t="s">
        <v>120707</v>
      </c>
    </row>
    <row r="34737" spans="1:10" x14ac:dyDescent="0.35">
      <c r="A34737" s="1" t="s">
        <v>7021</v>
      </c>
      <c r="B34737" s="1" t="s">
        <v>118882</v>
      </c>
      <c r="C34737" s="1" t="s">
        <v>105</v>
      </c>
      <c r="D34737" s="1" t="s">
        <v>28985</v>
      </c>
      <c r="E34737" s="1" t="s">
        <v>120708</v>
      </c>
      <c r="F34737" s="1" t="s">
        <v>120709</v>
      </c>
      <c r="G34737" s="1" t="s">
        <v>120650</v>
      </c>
      <c r="H34737" s="1" t="s">
        <v>120651</v>
      </c>
      <c r="I34737" s="1" t="s">
        <v>118887</v>
      </c>
      <c r="J34737" s="1" t="s">
        <v>120710</v>
      </c>
    </row>
    <row r="34738" spans="1:10" x14ac:dyDescent="0.35">
      <c r="A34738" s="1" t="s">
        <v>7021</v>
      </c>
      <c r="B34738" s="1" t="s">
        <v>118882</v>
      </c>
      <c r="C34738" s="1" t="s">
        <v>110</v>
      </c>
      <c r="D34738" s="1" t="s">
        <v>104431</v>
      </c>
      <c r="E34738" s="1" t="s">
        <v>120711</v>
      </c>
      <c r="F34738" s="1" t="s">
        <v>120712</v>
      </c>
      <c r="G34738" s="1" t="s">
        <v>120650</v>
      </c>
      <c r="H34738" s="1" t="s">
        <v>120651</v>
      </c>
      <c r="I34738" s="1" t="s">
        <v>118887</v>
      </c>
      <c r="J34738" s="1" t="s">
        <v>120713</v>
      </c>
    </row>
    <row r="34739" spans="1:10" x14ac:dyDescent="0.35">
      <c r="A34739" s="1" t="s">
        <v>7021</v>
      </c>
      <c r="B34739" s="1" t="s">
        <v>118882</v>
      </c>
      <c r="C34739" s="1" t="s">
        <v>115</v>
      </c>
      <c r="D34739" s="1" t="s">
        <v>30024</v>
      </c>
      <c r="E34739" s="1" t="s">
        <v>120714</v>
      </c>
      <c r="F34739" s="1" t="s">
        <v>120715</v>
      </c>
      <c r="G34739" s="1" t="s">
        <v>120650</v>
      </c>
      <c r="H34739" s="1" t="s">
        <v>120651</v>
      </c>
      <c r="I34739" s="1" t="s">
        <v>118887</v>
      </c>
      <c r="J34739" s="1" t="s">
        <v>120716</v>
      </c>
    </row>
    <row r="34740" spans="1:10" x14ac:dyDescent="0.35">
      <c r="A34740" s="1" t="s">
        <v>7021</v>
      </c>
      <c r="B34740" s="1" t="s">
        <v>118882</v>
      </c>
      <c r="C34740" s="1" t="s">
        <v>120</v>
      </c>
      <c r="D34740" s="1" t="s">
        <v>30037</v>
      </c>
      <c r="E34740" s="1" t="s">
        <v>120717</v>
      </c>
      <c r="F34740" s="1" t="s">
        <v>120718</v>
      </c>
      <c r="G34740" s="1" t="s">
        <v>120650</v>
      </c>
      <c r="H34740" s="1" t="s">
        <v>120651</v>
      </c>
      <c r="I34740" s="1" t="s">
        <v>118887</v>
      </c>
      <c r="J34740" s="1" t="s">
        <v>120719</v>
      </c>
    </row>
    <row r="34741" spans="1:10" x14ac:dyDescent="0.35">
      <c r="A34741" s="1" t="s">
        <v>7021</v>
      </c>
      <c r="B34741" s="1" t="s">
        <v>118882</v>
      </c>
      <c r="C34741" s="1" t="s">
        <v>125</v>
      </c>
      <c r="D34741" s="1" t="s">
        <v>4058</v>
      </c>
      <c r="E34741" s="1" t="s">
        <v>120720</v>
      </c>
      <c r="F34741" s="1" t="s">
        <v>120721</v>
      </c>
      <c r="G34741" s="1" t="s">
        <v>120650</v>
      </c>
      <c r="H34741" s="1" t="s">
        <v>120651</v>
      </c>
      <c r="I34741" s="1" t="s">
        <v>118887</v>
      </c>
      <c r="J34741" s="1" t="s">
        <v>120722</v>
      </c>
    </row>
    <row r="34742" spans="1:10" x14ac:dyDescent="0.35">
      <c r="A34742" s="1" t="s">
        <v>7021</v>
      </c>
      <c r="B34742" s="1" t="s">
        <v>118882</v>
      </c>
      <c r="C34742" s="1" t="s">
        <v>130</v>
      </c>
      <c r="D34742" s="1" t="s">
        <v>112617</v>
      </c>
      <c r="E34742" s="1" t="s">
        <v>120723</v>
      </c>
      <c r="F34742" s="1" t="s">
        <v>120724</v>
      </c>
      <c r="G34742" s="1" t="s">
        <v>120650</v>
      </c>
      <c r="H34742" s="1" t="s">
        <v>120651</v>
      </c>
      <c r="I34742" s="1" t="s">
        <v>118887</v>
      </c>
      <c r="J34742" s="1" t="s">
        <v>120725</v>
      </c>
    </row>
    <row r="34743" spans="1:10" x14ac:dyDescent="0.35">
      <c r="A34743" s="1" t="s">
        <v>7021</v>
      </c>
      <c r="B34743" s="1" t="s">
        <v>118882</v>
      </c>
      <c r="C34743" s="1" t="s">
        <v>135</v>
      </c>
      <c r="D34743" s="1" t="s">
        <v>30049</v>
      </c>
      <c r="E34743" s="1" t="s">
        <v>120726</v>
      </c>
      <c r="F34743" s="1" t="s">
        <v>120727</v>
      </c>
      <c r="G34743" s="1" t="s">
        <v>120650</v>
      </c>
      <c r="H34743" s="1" t="s">
        <v>120651</v>
      </c>
      <c r="I34743" s="1" t="s">
        <v>118887</v>
      </c>
      <c r="J34743" s="1" t="s">
        <v>120728</v>
      </c>
    </row>
    <row r="34744" spans="1:10" x14ac:dyDescent="0.35">
      <c r="A34744" s="1" t="s">
        <v>7021</v>
      </c>
      <c r="B34744" s="1" t="s">
        <v>118882</v>
      </c>
      <c r="C34744" s="1" t="s">
        <v>140</v>
      </c>
      <c r="D34744" s="1" t="s">
        <v>15323</v>
      </c>
      <c r="E34744" s="1" t="s">
        <v>120729</v>
      </c>
      <c r="F34744" s="1" t="s">
        <v>120730</v>
      </c>
      <c r="G34744" s="1" t="s">
        <v>120650</v>
      </c>
      <c r="H34744" s="1" t="s">
        <v>120651</v>
      </c>
      <c r="I34744" s="1" t="s">
        <v>118887</v>
      </c>
      <c r="J34744" s="1" t="s">
        <v>120731</v>
      </c>
    </row>
    <row r="34745" spans="1:10" x14ac:dyDescent="0.35">
      <c r="A34745" s="1" t="s">
        <v>7021</v>
      </c>
      <c r="B34745" s="1" t="s">
        <v>118882</v>
      </c>
      <c r="C34745" s="1" t="s">
        <v>145</v>
      </c>
      <c r="D34745" s="1" t="s">
        <v>6946</v>
      </c>
      <c r="E34745" s="1" t="s">
        <v>120732</v>
      </c>
      <c r="F34745" s="1" t="s">
        <v>120733</v>
      </c>
      <c r="G34745" s="1" t="s">
        <v>120650</v>
      </c>
      <c r="H34745" s="1" t="s">
        <v>120651</v>
      </c>
      <c r="I34745" s="1" t="s">
        <v>118887</v>
      </c>
      <c r="J34745" s="1" t="s">
        <v>120734</v>
      </c>
    </row>
    <row r="34746" spans="1:10" x14ac:dyDescent="0.35">
      <c r="A34746" s="1" t="s">
        <v>7021</v>
      </c>
      <c r="B34746" s="1" t="s">
        <v>118882</v>
      </c>
      <c r="C34746" s="1" t="s">
        <v>150</v>
      </c>
      <c r="D34746" s="1" t="s">
        <v>7063</v>
      </c>
      <c r="E34746" s="1" t="s">
        <v>120735</v>
      </c>
      <c r="F34746" s="1" t="s">
        <v>120736</v>
      </c>
      <c r="G34746" s="1" t="s">
        <v>120650</v>
      </c>
      <c r="H34746" s="1" t="s">
        <v>120651</v>
      </c>
      <c r="I34746" s="1" t="s">
        <v>118887</v>
      </c>
      <c r="J34746" s="1" t="s">
        <v>120737</v>
      </c>
    </row>
    <row r="34747" spans="1:10" x14ac:dyDescent="0.35">
      <c r="A34747" s="1" t="s">
        <v>7021</v>
      </c>
      <c r="B34747" s="1" t="s">
        <v>118882</v>
      </c>
      <c r="C34747" s="1" t="s">
        <v>155</v>
      </c>
      <c r="D34747" s="1" t="s">
        <v>29932</v>
      </c>
      <c r="E34747" s="1" t="s">
        <v>120738</v>
      </c>
      <c r="F34747" s="1" t="s">
        <v>120739</v>
      </c>
      <c r="G34747" s="1" t="s">
        <v>120650</v>
      </c>
      <c r="H34747" s="1" t="s">
        <v>120651</v>
      </c>
      <c r="I34747" s="1" t="s">
        <v>118887</v>
      </c>
      <c r="J34747" s="1" t="s">
        <v>120740</v>
      </c>
    </row>
    <row r="34748" spans="1:10" x14ac:dyDescent="0.35">
      <c r="A34748" s="1" t="s">
        <v>7021</v>
      </c>
      <c r="B34748" s="1" t="s">
        <v>118882</v>
      </c>
      <c r="C34748" s="1" t="s">
        <v>160</v>
      </c>
      <c r="D34748" s="1" t="s">
        <v>1739</v>
      </c>
      <c r="E34748" s="1" t="s">
        <v>120741</v>
      </c>
      <c r="F34748" s="1" t="s">
        <v>120742</v>
      </c>
      <c r="G34748" s="1" t="s">
        <v>120650</v>
      </c>
      <c r="H34748" s="1" t="s">
        <v>120651</v>
      </c>
      <c r="I34748" s="1" t="s">
        <v>118887</v>
      </c>
      <c r="J34748" s="1" t="s">
        <v>120743</v>
      </c>
    </row>
    <row r="34749" spans="1:10" x14ac:dyDescent="0.35">
      <c r="A34749" s="1" t="s">
        <v>7021</v>
      </c>
      <c r="B34749" s="1" t="s">
        <v>118882</v>
      </c>
      <c r="C34749" s="1" t="s">
        <v>165</v>
      </c>
      <c r="D34749" s="1" t="s">
        <v>16093</v>
      </c>
      <c r="E34749" s="1" t="s">
        <v>120744</v>
      </c>
      <c r="F34749" s="1" t="s">
        <v>120745</v>
      </c>
      <c r="G34749" s="1" t="s">
        <v>120650</v>
      </c>
      <c r="H34749" s="1" t="s">
        <v>120651</v>
      </c>
      <c r="I34749" s="1" t="s">
        <v>118887</v>
      </c>
      <c r="J34749" s="1" t="s">
        <v>120746</v>
      </c>
    </row>
    <row r="34750" spans="1:10" x14ac:dyDescent="0.35">
      <c r="A34750" s="1" t="s">
        <v>7021</v>
      </c>
      <c r="B34750" s="1" t="s">
        <v>118882</v>
      </c>
      <c r="C34750" s="1" t="s">
        <v>170</v>
      </c>
      <c r="D34750" s="1" t="s">
        <v>120747</v>
      </c>
      <c r="E34750" s="1" t="s">
        <v>120748</v>
      </c>
      <c r="F34750" s="1" t="s">
        <v>120749</v>
      </c>
      <c r="G34750" s="1" t="s">
        <v>120650</v>
      </c>
      <c r="H34750" s="1" t="s">
        <v>120651</v>
      </c>
      <c r="I34750" s="1" t="s">
        <v>118887</v>
      </c>
      <c r="J34750" s="1" t="s">
        <v>120750</v>
      </c>
    </row>
    <row r="34751" spans="1:10" x14ac:dyDescent="0.35">
      <c r="A34751" s="1" t="s">
        <v>6163</v>
      </c>
      <c r="B34751" s="1" t="s">
        <v>118882</v>
      </c>
      <c r="C34751" s="1" t="s">
        <v>8</v>
      </c>
      <c r="D34751" s="1" t="s">
        <v>8514</v>
      </c>
      <c r="E34751" s="1" t="s">
        <v>120751</v>
      </c>
      <c r="F34751" s="1" t="s">
        <v>120752</v>
      </c>
      <c r="G34751" s="1" t="s">
        <v>120753</v>
      </c>
      <c r="H34751" s="1" t="s">
        <v>120754</v>
      </c>
      <c r="I34751" s="1" t="s">
        <v>118887</v>
      </c>
      <c r="J34751" s="1" t="s">
        <v>13</v>
      </c>
    </row>
    <row r="34752" spans="1:10" x14ac:dyDescent="0.35">
      <c r="A34752" s="1" t="s">
        <v>6163</v>
      </c>
      <c r="B34752" s="1" t="s">
        <v>118882</v>
      </c>
      <c r="C34752" s="1" t="s">
        <v>15</v>
      </c>
      <c r="D34752" s="1" t="s">
        <v>1174</v>
      </c>
      <c r="E34752" s="1" t="s">
        <v>120755</v>
      </c>
      <c r="F34752" s="1" t="s">
        <v>120756</v>
      </c>
      <c r="G34752" s="1" t="s">
        <v>120753</v>
      </c>
      <c r="H34752" s="1" t="s">
        <v>120754</v>
      </c>
      <c r="I34752" s="1" t="s">
        <v>118887</v>
      </c>
      <c r="J34752" s="1" t="s">
        <v>120757</v>
      </c>
    </row>
    <row r="34753" spans="1:10" x14ac:dyDescent="0.35">
      <c r="A34753" s="1" t="s">
        <v>6163</v>
      </c>
      <c r="B34753" s="1" t="s">
        <v>118882</v>
      </c>
      <c r="C34753" s="1" t="s">
        <v>20</v>
      </c>
      <c r="D34753" s="1" t="s">
        <v>25845</v>
      </c>
      <c r="E34753" s="1" t="s">
        <v>120758</v>
      </c>
      <c r="F34753" s="1" t="s">
        <v>120759</v>
      </c>
      <c r="G34753" s="1" t="s">
        <v>120753</v>
      </c>
      <c r="H34753" s="1" t="s">
        <v>120754</v>
      </c>
      <c r="I34753" s="1" t="s">
        <v>118887</v>
      </c>
      <c r="J34753" s="1" t="s">
        <v>120760</v>
      </c>
    </row>
    <row r="34754" spans="1:10" x14ac:dyDescent="0.35">
      <c r="A34754" s="1" t="s">
        <v>6163</v>
      </c>
      <c r="B34754" s="1" t="s">
        <v>118882</v>
      </c>
      <c r="C34754" s="1" t="s">
        <v>25</v>
      </c>
      <c r="D34754" s="1" t="s">
        <v>29268</v>
      </c>
      <c r="E34754" s="1" t="s">
        <v>120761</v>
      </c>
      <c r="F34754" s="1" t="s">
        <v>120762</v>
      </c>
      <c r="G34754" s="1" t="s">
        <v>120753</v>
      </c>
      <c r="H34754" s="1" t="s">
        <v>120754</v>
      </c>
      <c r="I34754" s="1" t="s">
        <v>118887</v>
      </c>
      <c r="J34754" s="1" t="s">
        <v>120763</v>
      </c>
    </row>
    <row r="34755" spans="1:10" x14ac:dyDescent="0.35">
      <c r="A34755" s="1" t="s">
        <v>6163</v>
      </c>
      <c r="B34755" s="1" t="s">
        <v>118882</v>
      </c>
      <c r="C34755" s="1" t="s">
        <v>30</v>
      </c>
      <c r="D34755" s="1" t="s">
        <v>120764</v>
      </c>
      <c r="E34755" s="1" t="s">
        <v>120765</v>
      </c>
      <c r="F34755" s="1" t="s">
        <v>120766</v>
      </c>
      <c r="G34755" s="1" t="s">
        <v>120753</v>
      </c>
      <c r="H34755" s="1" t="s">
        <v>120754</v>
      </c>
      <c r="I34755" s="1" t="s">
        <v>118887</v>
      </c>
      <c r="J34755" s="1" t="s">
        <v>120767</v>
      </c>
    </row>
    <row r="34756" spans="1:10" x14ac:dyDescent="0.35">
      <c r="A34756" s="1" t="s">
        <v>6163</v>
      </c>
      <c r="B34756" s="1" t="s">
        <v>118882</v>
      </c>
      <c r="C34756" s="1" t="s">
        <v>35</v>
      </c>
      <c r="D34756" s="1" t="s">
        <v>120768</v>
      </c>
      <c r="E34756" s="1" t="s">
        <v>120769</v>
      </c>
      <c r="F34756" s="1" t="s">
        <v>120770</v>
      </c>
      <c r="G34756" s="1" t="s">
        <v>120753</v>
      </c>
      <c r="H34756" s="1" t="s">
        <v>120754</v>
      </c>
      <c r="I34756" s="1" t="s">
        <v>118887</v>
      </c>
      <c r="J34756" s="1" t="s">
        <v>120771</v>
      </c>
    </row>
    <row r="34757" spans="1:10" x14ac:dyDescent="0.35">
      <c r="A34757" s="1" t="s">
        <v>6163</v>
      </c>
      <c r="B34757" s="1" t="s">
        <v>118882</v>
      </c>
      <c r="C34757" s="1" t="s">
        <v>40</v>
      </c>
      <c r="D34757" s="1" t="s">
        <v>112292</v>
      </c>
      <c r="E34757" s="1" t="s">
        <v>120772</v>
      </c>
      <c r="F34757" s="1" t="s">
        <v>120773</v>
      </c>
      <c r="G34757" s="1" t="s">
        <v>120753</v>
      </c>
      <c r="H34757" s="1" t="s">
        <v>120754</v>
      </c>
      <c r="I34757" s="1" t="s">
        <v>118887</v>
      </c>
      <c r="J34757" s="1" t="s">
        <v>120774</v>
      </c>
    </row>
    <row r="34758" spans="1:10" x14ac:dyDescent="0.35">
      <c r="A34758" s="1" t="s">
        <v>6163</v>
      </c>
      <c r="B34758" s="1" t="s">
        <v>118882</v>
      </c>
      <c r="C34758" s="1" t="s">
        <v>45</v>
      </c>
      <c r="D34758" s="1" t="s">
        <v>28065</v>
      </c>
      <c r="E34758" s="1" t="s">
        <v>120775</v>
      </c>
      <c r="F34758" s="1" t="s">
        <v>120776</v>
      </c>
      <c r="G34758" s="1" t="s">
        <v>120753</v>
      </c>
      <c r="H34758" s="1" t="s">
        <v>120754</v>
      </c>
      <c r="I34758" s="1" t="s">
        <v>118887</v>
      </c>
      <c r="J34758" s="1" t="s">
        <v>120777</v>
      </c>
    </row>
    <row r="34759" spans="1:10" x14ac:dyDescent="0.35">
      <c r="A34759" s="1" t="s">
        <v>6163</v>
      </c>
      <c r="B34759" s="1" t="s">
        <v>118882</v>
      </c>
      <c r="C34759" s="1" t="s">
        <v>50</v>
      </c>
      <c r="D34759" s="1" t="s">
        <v>28379</v>
      </c>
      <c r="E34759" s="1" t="s">
        <v>120778</v>
      </c>
      <c r="F34759" s="1" t="s">
        <v>120779</v>
      </c>
      <c r="G34759" s="1" t="s">
        <v>120753</v>
      </c>
      <c r="H34759" s="1" t="s">
        <v>120754</v>
      </c>
      <c r="I34759" s="1" t="s">
        <v>118887</v>
      </c>
      <c r="J34759" s="1" t="s">
        <v>120780</v>
      </c>
    </row>
    <row r="34760" spans="1:10" x14ac:dyDescent="0.35">
      <c r="A34760" s="1" t="s">
        <v>6163</v>
      </c>
      <c r="B34760" s="1" t="s">
        <v>118882</v>
      </c>
      <c r="C34760" s="1" t="s">
        <v>55</v>
      </c>
      <c r="D34760" s="1" t="s">
        <v>120781</v>
      </c>
      <c r="E34760" s="1" t="s">
        <v>120782</v>
      </c>
      <c r="F34760" s="1" t="s">
        <v>120783</v>
      </c>
      <c r="G34760" s="1" t="s">
        <v>120753</v>
      </c>
      <c r="H34760" s="1" t="s">
        <v>120754</v>
      </c>
      <c r="I34760" s="1" t="s">
        <v>118887</v>
      </c>
      <c r="J34760" s="1" t="s">
        <v>120784</v>
      </c>
    </row>
    <row r="34761" spans="1:10" x14ac:dyDescent="0.35">
      <c r="A34761" s="1" t="s">
        <v>6163</v>
      </c>
      <c r="B34761" s="1" t="s">
        <v>118882</v>
      </c>
      <c r="C34761" s="1" t="s">
        <v>60</v>
      </c>
      <c r="D34761" s="1" t="s">
        <v>104427</v>
      </c>
      <c r="E34761" s="1" t="s">
        <v>120785</v>
      </c>
      <c r="F34761" s="1" t="s">
        <v>120786</v>
      </c>
      <c r="G34761" s="1" t="s">
        <v>120753</v>
      </c>
      <c r="H34761" s="1" t="s">
        <v>120754</v>
      </c>
      <c r="I34761" s="1" t="s">
        <v>118887</v>
      </c>
      <c r="J34761" s="1" t="s">
        <v>120787</v>
      </c>
    </row>
    <row r="34762" spans="1:10" x14ac:dyDescent="0.35">
      <c r="A34762" s="1" t="s">
        <v>6163</v>
      </c>
      <c r="B34762" s="1" t="s">
        <v>118882</v>
      </c>
      <c r="C34762" s="1" t="s">
        <v>65</v>
      </c>
      <c r="D34762" s="1" t="s">
        <v>35153</v>
      </c>
      <c r="E34762" s="1" t="s">
        <v>120788</v>
      </c>
      <c r="F34762" s="1" t="s">
        <v>120789</v>
      </c>
      <c r="G34762" s="1" t="s">
        <v>120753</v>
      </c>
      <c r="H34762" s="1" t="s">
        <v>120754</v>
      </c>
      <c r="I34762" s="1" t="s">
        <v>118887</v>
      </c>
      <c r="J34762" s="1" t="s">
        <v>120790</v>
      </c>
    </row>
    <row r="34763" spans="1:10" x14ac:dyDescent="0.35">
      <c r="A34763" s="1" t="s">
        <v>6163</v>
      </c>
      <c r="B34763" s="1" t="s">
        <v>118882</v>
      </c>
      <c r="C34763" s="1" t="s">
        <v>70</v>
      </c>
      <c r="D34763" s="1" t="s">
        <v>14251</v>
      </c>
      <c r="E34763" s="1" t="s">
        <v>120791</v>
      </c>
      <c r="F34763" s="1" t="s">
        <v>120792</v>
      </c>
      <c r="G34763" s="1" t="s">
        <v>120753</v>
      </c>
      <c r="H34763" s="1" t="s">
        <v>120754</v>
      </c>
      <c r="I34763" s="1" t="s">
        <v>118887</v>
      </c>
      <c r="J34763" s="1" t="s">
        <v>120793</v>
      </c>
    </row>
    <row r="34764" spans="1:10" x14ac:dyDescent="0.35">
      <c r="A34764" s="1" t="s">
        <v>6163</v>
      </c>
      <c r="B34764" s="1" t="s">
        <v>118882</v>
      </c>
      <c r="C34764" s="1" t="s">
        <v>75</v>
      </c>
      <c r="D34764" s="1" t="s">
        <v>28912</v>
      </c>
      <c r="E34764" s="1" t="s">
        <v>120794</v>
      </c>
      <c r="F34764" s="1" t="s">
        <v>120795</v>
      </c>
      <c r="G34764" s="1" t="s">
        <v>120753</v>
      </c>
      <c r="H34764" s="1" t="s">
        <v>120754</v>
      </c>
      <c r="I34764" s="1" t="s">
        <v>118887</v>
      </c>
      <c r="J34764" s="1" t="s">
        <v>120796</v>
      </c>
    </row>
    <row r="34765" spans="1:10" x14ac:dyDescent="0.35">
      <c r="A34765" s="1" t="s">
        <v>6163</v>
      </c>
      <c r="B34765" s="1" t="s">
        <v>118882</v>
      </c>
      <c r="C34765" s="1" t="s">
        <v>80</v>
      </c>
      <c r="D34765" s="1" t="s">
        <v>104062</v>
      </c>
      <c r="E34765" s="1" t="s">
        <v>120797</v>
      </c>
      <c r="F34765" s="1" t="s">
        <v>120798</v>
      </c>
      <c r="G34765" s="1" t="s">
        <v>120753</v>
      </c>
      <c r="H34765" s="1" t="s">
        <v>120754</v>
      </c>
      <c r="I34765" s="1" t="s">
        <v>118887</v>
      </c>
      <c r="J34765" s="1" t="s">
        <v>120799</v>
      </c>
    </row>
    <row r="34766" spans="1:10" x14ac:dyDescent="0.35">
      <c r="A34766" s="1" t="s">
        <v>6163</v>
      </c>
      <c r="B34766" s="1" t="s">
        <v>118882</v>
      </c>
      <c r="C34766" s="1" t="s">
        <v>85</v>
      </c>
      <c r="D34766" s="1" t="s">
        <v>120800</v>
      </c>
      <c r="E34766" s="1" t="s">
        <v>120801</v>
      </c>
      <c r="F34766" s="1" t="s">
        <v>120802</v>
      </c>
      <c r="G34766" s="1" t="s">
        <v>120753</v>
      </c>
      <c r="H34766" s="1" t="s">
        <v>120754</v>
      </c>
      <c r="I34766" s="1" t="s">
        <v>118887</v>
      </c>
      <c r="J34766" s="1" t="s">
        <v>120803</v>
      </c>
    </row>
    <row r="34767" spans="1:10" x14ac:dyDescent="0.35">
      <c r="A34767" s="1" t="s">
        <v>6163</v>
      </c>
      <c r="B34767" s="1" t="s">
        <v>118882</v>
      </c>
      <c r="C34767" s="1" t="s">
        <v>90</v>
      </c>
      <c r="D34767" s="1" t="s">
        <v>118047</v>
      </c>
      <c r="E34767" s="1" t="s">
        <v>120804</v>
      </c>
      <c r="F34767" s="1" t="s">
        <v>120805</v>
      </c>
      <c r="G34767" s="1" t="s">
        <v>120753</v>
      </c>
      <c r="H34767" s="1" t="s">
        <v>120754</v>
      </c>
      <c r="I34767" s="1" t="s">
        <v>118887</v>
      </c>
      <c r="J34767" s="1" t="s">
        <v>120806</v>
      </c>
    </row>
    <row r="34768" spans="1:10" x14ac:dyDescent="0.35">
      <c r="A34768" s="1" t="s">
        <v>6163</v>
      </c>
      <c r="B34768" s="1" t="s">
        <v>118882</v>
      </c>
      <c r="C34768" s="1" t="s">
        <v>95</v>
      </c>
      <c r="D34768" s="1" t="s">
        <v>11032</v>
      </c>
      <c r="E34768" s="1" t="s">
        <v>120807</v>
      </c>
      <c r="F34768" s="1" t="s">
        <v>120808</v>
      </c>
      <c r="G34768" s="1" t="s">
        <v>120753</v>
      </c>
      <c r="H34768" s="1" t="s">
        <v>120754</v>
      </c>
      <c r="I34768" s="1" t="s">
        <v>118887</v>
      </c>
      <c r="J34768" s="1" t="s">
        <v>120809</v>
      </c>
    </row>
    <row r="34769" spans="1:10" x14ac:dyDescent="0.35">
      <c r="A34769" s="1" t="s">
        <v>6163</v>
      </c>
      <c r="B34769" s="1" t="s">
        <v>118882</v>
      </c>
      <c r="C34769" s="1" t="s">
        <v>100</v>
      </c>
      <c r="D34769" s="1" t="s">
        <v>26026</v>
      </c>
      <c r="E34769" s="1" t="s">
        <v>120810</v>
      </c>
      <c r="F34769" s="1" t="s">
        <v>120811</v>
      </c>
      <c r="G34769" s="1" t="s">
        <v>120753</v>
      </c>
      <c r="H34769" s="1" t="s">
        <v>120754</v>
      </c>
      <c r="I34769" s="1" t="s">
        <v>118887</v>
      </c>
      <c r="J34769" s="1" t="s">
        <v>120812</v>
      </c>
    </row>
    <row r="34770" spans="1:10" x14ac:dyDescent="0.35">
      <c r="A34770" s="1" t="s">
        <v>6163</v>
      </c>
      <c r="B34770" s="1" t="s">
        <v>118882</v>
      </c>
      <c r="C34770" s="1" t="s">
        <v>105</v>
      </c>
      <c r="D34770" s="1" t="s">
        <v>119154</v>
      </c>
      <c r="E34770" s="1" t="s">
        <v>120813</v>
      </c>
      <c r="F34770" s="1" t="s">
        <v>120814</v>
      </c>
      <c r="G34770" s="1" t="s">
        <v>120753</v>
      </c>
      <c r="H34770" s="1" t="s">
        <v>120754</v>
      </c>
      <c r="I34770" s="1" t="s">
        <v>118887</v>
      </c>
      <c r="J34770" s="1" t="s">
        <v>120815</v>
      </c>
    </row>
    <row r="34771" spans="1:10" x14ac:dyDescent="0.35">
      <c r="A34771" s="1" t="s">
        <v>6163</v>
      </c>
      <c r="B34771" s="1" t="s">
        <v>118882</v>
      </c>
      <c r="C34771" s="1" t="s">
        <v>110</v>
      </c>
      <c r="D34771" s="1" t="s">
        <v>120816</v>
      </c>
      <c r="E34771" s="1" t="s">
        <v>120817</v>
      </c>
      <c r="F34771" s="1" t="s">
        <v>120818</v>
      </c>
      <c r="G34771" s="1" t="s">
        <v>120753</v>
      </c>
      <c r="H34771" s="1" t="s">
        <v>120754</v>
      </c>
      <c r="I34771" s="1" t="s">
        <v>118887</v>
      </c>
      <c r="J34771" s="1" t="s">
        <v>120819</v>
      </c>
    </row>
    <row r="34772" spans="1:10" x14ac:dyDescent="0.35">
      <c r="A34772" s="1" t="s">
        <v>6163</v>
      </c>
      <c r="B34772" s="1" t="s">
        <v>118882</v>
      </c>
      <c r="C34772" s="1" t="s">
        <v>115</v>
      </c>
      <c r="D34772" s="1" t="s">
        <v>120820</v>
      </c>
      <c r="E34772" s="1" t="s">
        <v>120821</v>
      </c>
      <c r="F34772" s="1" t="s">
        <v>120822</v>
      </c>
      <c r="G34772" s="1" t="s">
        <v>120753</v>
      </c>
      <c r="H34772" s="1" t="s">
        <v>120754</v>
      </c>
      <c r="I34772" s="1" t="s">
        <v>118887</v>
      </c>
      <c r="J34772" s="1" t="s">
        <v>120823</v>
      </c>
    </row>
    <row r="34773" spans="1:10" x14ac:dyDescent="0.35">
      <c r="A34773" s="1" t="s">
        <v>6163</v>
      </c>
      <c r="B34773" s="1" t="s">
        <v>118882</v>
      </c>
      <c r="C34773" s="1" t="s">
        <v>120</v>
      </c>
      <c r="D34773" s="1" t="s">
        <v>2390</v>
      </c>
      <c r="E34773" s="1" t="s">
        <v>120824</v>
      </c>
      <c r="F34773" s="1" t="s">
        <v>120825</v>
      </c>
      <c r="G34773" s="1" t="s">
        <v>120753</v>
      </c>
      <c r="H34773" s="1" t="s">
        <v>120754</v>
      </c>
      <c r="I34773" s="1" t="s">
        <v>118887</v>
      </c>
      <c r="J34773" s="1" t="s">
        <v>120826</v>
      </c>
    </row>
    <row r="34774" spans="1:10" x14ac:dyDescent="0.35">
      <c r="A34774" s="1" t="s">
        <v>6163</v>
      </c>
      <c r="B34774" s="1" t="s">
        <v>118882</v>
      </c>
      <c r="C34774" s="1" t="s">
        <v>125</v>
      </c>
      <c r="D34774" s="1" t="s">
        <v>120827</v>
      </c>
      <c r="E34774" s="1" t="s">
        <v>120828</v>
      </c>
      <c r="F34774" s="1" t="s">
        <v>120829</v>
      </c>
      <c r="G34774" s="1" t="s">
        <v>120753</v>
      </c>
      <c r="H34774" s="1" t="s">
        <v>120754</v>
      </c>
      <c r="I34774" s="1" t="s">
        <v>118887</v>
      </c>
      <c r="J34774" s="1" t="s">
        <v>120830</v>
      </c>
    </row>
    <row r="34775" spans="1:10" x14ac:dyDescent="0.35">
      <c r="A34775" s="1" t="s">
        <v>6163</v>
      </c>
      <c r="B34775" s="1" t="s">
        <v>118882</v>
      </c>
      <c r="C34775" s="1" t="s">
        <v>130</v>
      </c>
      <c r="D34775" s="1" t="s">
        <v>120831</v>
      </c>
      <c r="E34775" s="1" t="s">
        <v>120832</v>
      </c>
      <c r="F34775" s="1" t="s">
        <v>120833</v>
      </c>
      <c r="G34775" s="1" t="s">
        <v>120753</v>
      </c>
      <c r="H34775" s="1" t="s">
        <v>120754</v>
      </c>
      <c r="I34775" s="1" t="s">
        <v>118887</v>
      </c>
      <c r="J34775" s="1" t="s">
        <v>120834</v>
      </c>
    </row>
    <row r="34776" spans="1:10" x14ac:dyDescent="0.35">
      <c r="A34776" s="1" t="s">
        <v>6163</v>
      </c>
      <c r="B34776" s="1" t="s">
        <v>118882</v>
      </c>
      <c r="C34776" s="1" t="s">
        <v>135</v>
      </c>
      <c r="D34776" s="1" t="s">
        <v>34424</v>
      </c>
      <c r="E34776" s="1" t="s">
        <v>120835</v>
      </c>
      <c r="F34776" s="1" t="s">
        <v>120836</v>
      </c>
      <c r="G34776" s="1" t="s">
        <v>120753</v>
      </c>
      <c r="H34776" s="1" t="s">
        <v>120754</v>
      </c>
      <c r="I34776" s="1" t="s">
        <v>118887</v>
      </c>
      <c r="J34776" s="1" t="s">
        <v>120837</v>
      </c>
    </row>
    <row r="34777" spans="1:10" x14ac:dyDescent="0.35">
      <c r="A34777" s="1" t="s">
        <v>6163</v>
      </c>
      <c r="B34777" s="1" t="s">
        <v>118882</v>
      </c>
      <c r="C34777" s="1" t="s">
        <v>140</v>
      </c>
      <c r="D34777" s="1" t="s">
        <v>120838</v>
      </c>
      <c r="E34777" s="1" t="s">
        <v>120839</v>
      </c>
      <c r="F34777" s="1" t="s">
        <v>120840</v>
      </c>
      <c r="G34777" s="1" t="s">
        <v>120753</v>
      </c>
      <c r="H34777" s="1" t="s">
        <v>120754</v>
      </c>
      <c r="I34777" s="1" t="s">
        <v>118887</v>
      </c>
      <c r="J34777" s="1" t="s">
        <v>116061</v>
      </c>
    </row>
    <row r="34778" spans="1:10" x14ac:dyDescent="0.35">
      <c r="A34778" s="1" t="s">
        <v>6163</v>
      </c>
      <c r="B34778" s="1" t="s">
        <v>118882</v>
      </c>
      <c r="C34778" s="1" t="s">
        <v>145</v>
      </c>
      <c r="D34778" s="1" t="s">
        <v>2820</v>
      </c>
      <c r="E34778" s="1" t="s">
        <v>120841</v>
      </c>
      <c r="F34778" s="1" t="s">
        <v>120842</v>
      </c>
      <c r="G34778" s="1" t="s">
        <v>120753</v>
      </c>
      <c r="H34778" s="1" t="s">
        <v>120754</v>
      </c>
      <c r="I34778" s="1" t="s">
        <v>118887</v>
      </c>
      <c r="J34778" s="1" t="s">
        <v>120843</v>
      </c>
    </row>
    <row r="34779" spans="1:10" x14ac:dyDescent="0.35">
      <c r="A34779" s="1" t="s">
        <v>6163</v>
      </c>
      <c r="B34779" s="1" t="s">
        <v>118882</v>
      </c>
      <c r="C34779" s="1" t="s">
        <v>150</v>
      </c>
      <c r="D34779" s="1" t="s">
        <v>15720</v>
      </c>
      <c r="E34779" s="1" t="s">
        <v>120844</v>
      </c>
      <c r="F34779" s="1" t="s">
        <v>120845</v>
      </c>
      <c r="G34779" s="1" t="s">
        <v>120753</v>
      </c>
      <c r="H34779" s="1" t="s">
        <v>120754</v>
      </c>
      <c r="I34779" s="1" t="s">
        <v>118887</v>
      </c>
      <c r="J34779" s="1" t="s">
        <v>120846</v>
      </c>
    </row>
    <row r="34780" spans="1:10" x14ac:dyDescent="0.35">
      <c r="A34780" s="1" t="s">
        <v>6163</v>
      </c>
      <c r="B34780" s="1" t="s">
        <v>118882</v>
      </c>
      <c r="C34780" s="1" t="s">
        <v>155</v>
      </c>
      <c r="D34780" s="1" t="s">
        <v>2925</v>
      </c>
      <c r="E34780" s="1" t="s">
        <v>120847</v>
      </c>
      <c r="F34780" s="1" t="s">
        <v>120848</v>
      </c>
      <c r="G34780" s="1" t="s">
        <v>120753</v>
      </c>
      <c r="H34780" s="1" t="s">
        <v>120754</v>
      </c>
      <c r="I34780" s="1" t="s">
        <v>118887</v>
      </c>
      <c r="J34780" s="1" t="s">
        <v>120849</v>
      </c>
    </row>
    <row r="34781" spans="1:10" x14ac:dyDescent="0.35">
      <c r="A34781" s="1" t="s">
        <v>6163</v>
      </c>
      <c r="B34781" s="1" t="s">
        <v>118882</v>
      </c>
      <c r="C34781" s="1" t="s">
        <v>160</v>
      </c>
      <c r="D34781" s="1" t="s">
        <v>24935</v>
      </c>
      <c r="E34781" s="1" t="s">
        <v>120850</v>
      </c>
      <c r="F34781" s="1" t="s">
        <v>120851</v>
      </c>
      <c r="G34781" s="1" t="s">
        <v>120753</v>
      </c>
      <c r="H34781" s="1" t="s">
        <v>120754</v>
      </c>
      <c r="I34781" s="1" t="s">
        <v>118887</v>
      </c>
      <c r="J34781" s="1" t="s">
        <v>120852</v>
      </c>
    </row>
    <row r="34782" spans="1:10" x14ac:dyDescent="0.35">
      <c r="A34782" s="1" t="s">
        <v>6163</v>
      </c>
      <c r="B34782" s="1" t="s">
        <v>118882</v>
      </c>
      <c r="C34782" s="1" t="s">
        <v>165</v>
      </c>
      <c r="D34782" s="1" t="s">
        <v>111053</v>
      </c>
      <c r="E34782" s="1" t="s">
        <v>120853</v>
      </c>
      <c r="F34782" s="1" t="s">
        <v>120854</v>
      </c>
      <c r="G34782" s="1" t="s">
        <v>120753</v>
      </c>
      <c r="H34782" s="1" t="s">
        <v>120754</v>
      </c>
      <c r="I34782" s="1" t="s">
        <v>118887</v>
      </c>
      <c r="J34782" s="1" t="s">
        <v>120855</v>
      </c>
    </row>
    <row r="34783" spans="1:10" x14ac:dyDescent="0.35">
      <c r="A34783" s="1" t="s">
        <v>6163</v>
      </c>
      <c r="B34783" s="1" t="s">
        <v>118882</v>
      </c>
      <c r="C34783" s="1" t="s">
        <v>170</v>
      </c>
      <c r="D34783" s="1" t="s">
        <v>111644</v>
      </c>
      <c r="E34783" s="1" t="s">
        <v>120856</v>
      </c>
      <c r="F34783" s="1" t="s">
        <v>120857</v>
      </c>
      <c r="G34783" s="1" t="s">
        <v>120753</v>
      </c>
      <c r="H34783" s="1" t="s">
        <v>120754</v>
      </c>
      <c r="I34783" s="1" t="s">
        <v>118887</v>
      </c>
      <c r="J34783" s="1" t="s">
        <v>120858</v>
      </c>
    </row>
    <row r="34784" spans="1:10" x14ac:dyDescent="0.35">
      <c r="A34784" s="1" t="s">
        <v>120859</v>
      </c>
      <c r="B34784" s="1" t="s">
        <v>118882</v>
      </c>
      <c r="C34784" s="1" t="s">
        <v>8</v>
      </c>
      <c r="D34784" s="1" t="s">
        <v>29875</v>
      </c>
      <c r="E34784" s="1" t="s">
        <v>120860</v>
      </c>
      <c r="F34784" s="1" t="s">
        <v>120861</v>
      </c>
      <c r="G34784" s="1" t="s">
        <v>120862</v>
      </c>
      <c r="H34784" s="1" t="s">
        <v>120863</v>
      </c>
      <c r="I34784" s="1" t="s">
        <v>118887</v>
      </c>
      <c r="J34784" s="1" t="s">
        <v>13</v>
      </c>
    </row>
    <row r="34785" spans="1:10" x14ac:dyDescent="0.35">
      <c r="A34785" s="1" t="s">
        <v>120859</v>
      </c>
      <c r="B34785" s="1" t="s">
        <v>118882</v>
      </c>
      <c r="C34785" s="1" t="s">
        <v>15</v>
      </c>
      <c r="D34785" s="1" t="s">
        <v>120864</v>
      </c>
      <c r="E34785" s="1" t="s">
        <v>120865</v>
      </c>
      <c r="F34785" s="1" t="s">
        <v>120866</v>
      </c>
      <c r="G34785" s="1" t="s">
        <v>120862</v>
      </c>
      <c r="H34785" s="1" t="s">
        <v>120863</v>
      </c>
      <c r="I34785" s="1" t="s">
        <v>118887</v>
      </c>
      <c r="J34785" s="1" t="s">
        <v>120867</v>
      </c>
    </row>
    <row r="34786" spans="1:10" x14ac:dyDescent="0.35">
      <c r="A34786" s="1" t="s">
        <v>120859</v>
      </c>
      <c r="B34786" s="1" t="s">
        <v>118882</v>
      </c>
      <c r="C34786" s="1" t="s">
        <v>20</v>
      </c>
      <c r="D34786" s="1" t="s">
        <v>120868</v>
      </c>
      <c r="E34786" s="1" t="s">
        <v>120869</v>
      </c>
      <c r="F34786" s="1" t="s">
        <v>120870</v>
      </c>
      <c r="G34786" s="1" t="s">
        <v>120862</v>
      </c>
      <c r="H34786" s="1" t="s">
        <v>120863</v>
      </c>
      <c r="I34786" s="1" t="s">
        <v>118887</v>
      </c>
      <c r="J34786" s="1" t="s">
        <v>120871</v>
      </c>
    </row>
    <row r="34787" spans="1:10" x14ac:dyDescent="0.35">
      <c r="A34787" s="1" t="s">
        <v>120859</v>
      </c>
      <c r="B34787" s="1" t="s">
        <v>118882</v>
      </c>
      <c r="C34787" s="1" t="s">
        <v>25</v>
      </c>
      <c r="D34787" s="1" t="s">
        <v>155</v>
      </c>
      <c r="E34787" s="1" t="s">
        <v>120872</v>
      </c>
      <c r="F34787" s="1" t="s">
        <v>120873</v>
      </c>
      <c r="G34787" s="1" t="s">
        <v>120862</v>
      </c>
      <c r="H34787" s="1" t="s">
        <v>120863</v>
      </c>
      <c r="I34787" s="1" t="s">
        <v>118887</v>
      </c>
      <c r="J34787" s="1" t="s">
        <v>120874</v>
      </c>
    </row>
    <row r="34788" spans="1:10" x14ac:dyDescent="0.35">
      <c r="A34788" s="1" t="s">
        <v>120859</v>
      </c>
      <c r="B34788" s="1" t="s">
        <v>118882</v>
      </c>
      <c r="C34788" s="1" t="s">
        <v>30</v>
      </c>
      <c r="D34788" s="1" t="s">
        <v>28886</v>
      </c>
      <c r="E34788" s="1" t="s">
        <v>120875</v>
      </c>
      <c r="F34788" s="1" t="s">
        <v>120876</v>
      </c>
      <c r="G34788" s="1" t="s">
        <v>120862</v>
      </c>
      <c r="H34788" s="1" t="s">
        <v>120863</v>
      </c>
      <c r="I34788" s="1" t="s">
        <v>118887</v>
      </c>
      <c r="J34788" s="1" t="s">
        <v>120877</v>
      </c>
    </row>
    <row r="34789" spans="1:10" x14ac:dyDescent="0.35">
      <c r="A34789" s="1" t="s">
        <v>120859</v>
      </c>
      <c r="B34789" s="1" t="s">
        <v>118882</v>
      </c>
      <c r="C34789" s="1" t="s">
        <v>35</v>
      </c>
      <c r="D34789" s="1" t="s">
        <v>27791</v>
      </c>
      <c r="E34789" s="1" t="s">
        <v>120878</v>
      </c>
      <c r="F34789" s="1" t="s">
        <v>120879</v>
      </c>
      <c r="G34789" s="1" t="s">
        <v>120862</v>
      </c>
      <c r="H34789" s="1" t="s">
        <v>120863</v>
      </c>
      <c r="I34789" s="1" t="s">
        <v>118887</v>
      </c>
      <c r="J34789" s="1" t="s">
        <v>120880</v>
      </c>
    </row>
    <row r="34790" spans="1:10" x14ac:dyDescent="0.35">
      <c r="A34790" s="1" t="s">
        <v>120859</v>
      </c>
      <c r="B34790" s="1" t="s">
        <v>118882</v>
      </c>
      <c r="C34790" s="1" t="s">
        <v>40</v>
      </c>
      <c r="D34790" s="1" t="s">
        <v>27622</v>
      </c>
      <c r="E34790" s="1" t="s">
        <v>120881</v>
      </c>
      <c r="F34790" s="1" t="s">
        <v>120882</v>
      </c>
      <c r="G34790" s="1" t="s">
        <v>120862</v>
      </c>
      <c r="H34790" s="1" t="s">
        <v>120863</v>
      </c>
      <c r="I34790" s="1" t="s">
        <v>118887</v>
      </c>
      <c r="J34790" s="1" t="s">
        <v>120883</v>
      </c>
    </row>
    <row r="34791" spans="1:10" x14ac:dyDescent="0.35">
      <c r="A34791" s="1" t="s">
        <v>120859</v>
      </c>
      <c r="B34791" s="1" t="s">
        <v>118882</v>
      </c>
      <c r="C34791" s="1" t="s">
        <v>45</v>
      </c>
      <c r="D34791" s="1" t="s">
        <v>8769</v>
      </c>
      <c r="E34791" s="1" t="s">
        <v>120884</v>
      </c>
      <c r="F34791" s="1" t="s">
        <v>120885</v>
      </c>
      <c r="G34791" s="1" t="s">
        <v>120862</v>
      </c>
      <c r="H34791" s="1" t="s">
        <v>120863</v>
      </c>
      <c r="I34791" s="1" t="s">
        <v>118887</v>
      </c>
      <c r="J34791" s="1" t="s">
        <v>120886</v>
      </c>
    </row>
    <row r="34792" spans="1:10" x14ac:dyDescent="0.35">
      <c r="A34792" s="1" t="s">
        <v>120859</v>
      </c>
      <c r="B34792" s="1" t="s">
        <v>118882</v>
      </c>
      <c r="C34792" s="1" t="s">
        <v>50</v>
      </c>
      <c r="D34792" s="1" t="s">
        <v>120887</v>
      </c>
      <c r="E34792" s="1" t="s">
        <v>120888</v>
      </c>
      <c r="F34792" s="1" t="s">
        <v>120889</v>
      </c>
      <c r="G34792" s="1" t="s">
        <v>120862</v>
      </c>
      <c r="H34792" s="1" t="s">
        <v>120863</v>
      </c>
      <c r="I34792" s="1" t="s">
        <v>118887</v>
      </c>
      <c r="J34792" s="1" t="s">
        <v>120890</v>
      </c>
    </row>
    <row r="34793" spans="1:10" x14ac:dyDescent="0.35">
      <c r="A34793" s="1" t="s">
        <v>120859</v>
      </c>
      <c r="B34793" s="1" t="s">
        <v>118882</v>
      </c>
      <c r="C34793" s="1" t="s">
        <v>55</v>
      </c>
      <c r="D34793" s="1" t="s">
        <v>120891</v>
      </c>
      <c r="E34793" s="1" t="s">
        <v>10957</v>
      </c>
      <c r="F34793" s="1" t="s">
        <v>120892</v>
      </c>
      <c r="G34793" s="1" t="s">
        <v>120862</v>
      </c>
      <c r="H34793" s="1" t="s">
        <v>120863</v>
      </c>
      <c r="I34793" s="1" t="s">
        <v>118887</v>
      </c>
      <c r="J34793" s="1" t="s">
        <v>120893</v>
      </c>
    </row>
    <row r="34794" spans="1:10" x14ac:dyDescent="0.35">
      <c r="A34794" s="1" t="s">
        <v>120859</v>
      </c>
      <c r="B34794" s="1" t="s">
        <v>118882</v>
      </c>
      <c r="C34794" s="1" t="s">
        <v>60</v>
      </c>
      <c r="D34794" s="1" t="s">
        <v>117028</v>
      </c>
      <c r="E34794" s="1" t="s">
        <v>120894</v>
      </c>
      <c r="F34794" s="1" t="s">
        <v>120895</v>
      </c>
      <c r="G34794" s="1" t="s">
        <v>120862</v>
      </c>
      <c r="H34794" s="1" t="s">
        <v>120863</v>
      </c>
      <c r="I34794" s="1" t="s">
        <v>118887</v>
      </c>
      <c r="J34794" s="1" t="s">
        <v>120896</v>
      </c>
    </row>
    <row r="34795" spans="1:10" x14ac:dyDescent="0.35">
      <c r="A34795" s="1" t="s">
        <v>120859</v>
      </c>
      <c r="B34795" s="1" t="s">
        <v>118882</v>
      </c>
      <c r="C34795" s="1" t="s">
        <v>65</v>
      </c>
      <c r="D34795" s="1" t="s">
        <v>7533</v>
      </c>
      <c r="E34795" s="1" t="s">
        <v>120897</v>
      </c>
      <c r="F34795" s="1" t="s">
        <v>120898</v>
      </c>
      <c r="G34795" s="1" t="s">
        <v>120862</v>
      </c>
      <c r="H34795" s="1" t="s">
        <v>120863</v>
      </c>
      <c r="I34795" s="1" t="s">
        <v>118887</v>
      </c>
      <c r="J34795" s="1" t="s">
        <v>120899</v>
      </c>
    </row>
    <row r="34796" spans="1:10" x14ac:dyDescent="0.35">
      <c r="A34796" s="1" t="s">
        <v>120859</v>
      </c>
      <c r="B34796" s="1" t="s">
        <v>118882</v>
      </c>
      <c r="C34796" s="1" t="s">
        <v>70</v>
      </c>
      <c r="D34796" s="1" t="s">
        <v>2145</v>
      </c>
      <c r="E34796" s="1" t="s">
        <v>120900</v>
      </c>
      <c r="F34796" s="1" t="s">
        <v>120901</v>
      </c>
      <c r="G34796" s="1" t="s">
        <v>120862</v>
      </c>
      <c r="H34796" s="1" t="s">
        <v>120863</v>
      </c>
      <c r="I34796" s="1" t="s">
        <v>118887</v>
      </c>
      <c r="J34796" s="1" t="s">
        <v>120902</v>
      </c>
    </row>
    <row r="34797" spans="1:10" x14ac:dyDescent="0.35">
      <c r="A34797" s="1" t="s">
        <v>120859</v>
      </c>
      <c r="B34797" s="1" t="s">
        <v>118882</v>
      </c>
      <c r="C34797" s="1" t="s">
        <v>75</v>
      </c>
      <c r="D34797" s="1" t="s">
        <v>117171</v>
      </c>
      <c r="E34797" s="1" t="s">
        <v>120903</v>
      </c>
      <c r="F34797" s="1" t="s">
        <v>120904</v>
      </c>
      <c r="G34797" s="1" t="s">
        <v>120862</v>
      </c>
      <c r="H34797" s="1" t="s">
        <v>120863</v>
      </c>
      <c r="I34797" s="1" t="s">
        <v>118887</v>
      </c>
      <c r="J34797" s="1" t="s">
        <v>120905</v>
      </c>
    </row>
    <row r="34798" spans="1:10" x14ac:dyDescent="0.35">
      <c r="A34798" s="1" t="s">
        <v>120859</v>
      </c>
      <c r="B34798" s="1" t="s">
        <v>118882</v>
      </c>
      <c r="C34798" s="1" t="s">
        <v>80</v>
      </c>
      <c r="D34798" s="1" t="s">
        <v>28210</v>
      </c>
      <c r="E34798" s="1" t="s">
        <v>120906</v>
      </c>
      <c r="F34798" s="1" t="s">
        <v>120907</v>
      </c>
      <c r="G34798" s="1" t="s">
        <v>120862</v>
      </c>
      <c r="H34798" s="1" t="s">
        <v>120863</v>
      </c>
      <c r="I34798" s="1" t="s">
        <v>118887</v>
      </c>
      <c r="J34798" s="1" t="s">
        <v>120908</v>
      </c>
    </row>
    <row r="34799" spans="1:10" x14ac:dyDescent="0.35">
      <c r="A34799" s="1" t="s">
        <v>120859</v>
      </c>
      <c r="B34799" s="1" t="s">
        <v>118882</v>
      </c>
      <c r="C34799" s="1" t="s">
        <v>85</v>
      </c>
      <c r="D34799" s="1" t="s">
        <v>344</v>
      </c>
      <c r="E34799" s="1" t="s">
        <v>120909</v>
      </c>
      <c r="F34799" s="1" t="s">
        <v>120910</v>
      </c>
      <c r="G34799" s="1" t="s">
        <v>120862</v>
      </c>
      <c r="H34799" s="1" t="s">
        <v>120863</v>
      </c>
      <c r="I34799" s="1" t="s">
        <v>118887</v>
      </c>
      <c r="J34799" s="1" t="s">
        <v>120911</v>
      </c>
    </row>
    <row r="34800" spans="1:10" x14ac:dyDescent="0.35">
      <c r="A34800" s="1" t="s">
        <v>120859</v>
      </c>
      <c r="B34800" s="1" t="s">
        <v>118882</v>
      </c>
      <c r="C34800" s="1" t="s">
        <v>90</v>
      </c>
      <c r="D34800" s="1" t="s">
        <v>117964</v>
      </c>
      <c r="E34800" s="1" t="s">
        <v>120912</v>
      </c>
      <c r="F34800" s="1" t="s">
        <v>120913</v>
      </c>
      <c r="G34800" s="1" t="s">
        <v>120862</v>
      </c>
      <c r="H34800" s="1" t="s">
        <v>120863</v>
      </c>
      <c r="I34800" s="1" t="s">
        <v>118887</v>
      </c>
      <c r="J34800" s="1" t="s">
        <v>120914</v>
      </c>
    </row>
    <row r="34801" spans="1:10" x14ac:dyDescent="0.35">
      <c r="A34801" s="1" t="s">
        <v>120859</v>
      </c>
      <c r="B34801" s="1" t="s">
        <v>118882</v>
      </c>
      <c r="C34801" s="1" t="s">
        <v>95</v>
      </c>
      <c r="D34801" s="1" t="s">
        <v>120915</v>
      </c>
      <c r="E34801" s="1" t="s">
        <v>120916</v>
      </c>
      <c r="F34801" s="1" t="s">
        <v>120917</v>
      </c>
      <c r="G34801" s="1" t="s">
        <v>120862</v>
      </c>
      <c r="H34801" s="1" t="s">
        <v>120863</v>
      </c>
      <c r="I34801" s="1" t="s">
        <v>118887</v>
      </c>
      <c r="J34801" s="1" t="s">
        <v>120918</v>
      </c>
    </row>
    <row r="34802" spans="1:10" x14ac:dyDescent="0.35">
      <c r="A34802" s="1" t="s">
        <v>120859</v>
      </c>
      <c r="B34802" s="1" t="s">
        <v>118882</v>
      </c>
      <c r="C34802" s="1" t="s">
        <v>100</v>
      </c>
      <c r="D34802" s="1" t="s">
        <v>120915</v>
      </c>
      <c r="E34802" s="1" t="s">
        <v>120919</v>
      </c>
      <c r="F34802" s="1" t="s">
        <v>120920</v>
      </c>
      <c r="G34802" s="1" t="s">
        <v>120862</v>
      </c>
      <c r="H34802" s="1" t="s">
        <v>120863</v>
      </c>
      <c r="I34802" s="1" t="s">
        <v>118887</v>
      </c>
      <c r="J34802" s="1" t="s">
        <v>1180</v>
      </c>
    </row>
    <row r="34803" spans="1:10" x14ac:dyDescent="0.35">
      <c r="A34803" s="1" t="s">
        <v>120859</v>
      </c>
      <c r="B34803" s="1" t="s">
        <v>118882</v>
      </c>
      <c r="C34803" s="1" t="s">
        <v>105</v>
      </c>
      <c r="D34803" s="1" t="s">
        <v>120921</v>
      </c>
      <c r="E34803" s="1" t="s">
        <v>120922</v>
      </c>
      <c r="F34803" s="1" t="s">
        <v>120923</v>
      </c>
      <c r="G34803" s="1" t="s">
        <v>120862</v>
      </c>
      <c r="H34803" s="1" t="s">
        <v>120863</v>
      </c>
      <c r="I34803" s="1" t="s">
        <v>118887</v>
      </c>
      <c r="J34803" s="1" t="s">
        <v>120924</v>
      </c>
    </row>
    <row r="34804" spans="1:10" x14ac:dyDescent="0.35">
      <c r="A34804" s="1" t="s">
        <v>120859</v>
      </c>
      <c r="B34804" s="1" t="s">
        <v>118882</v>
      </c>
      <c r="C34804" s="1" t="s">
        <v>110</v>
      </c>
      <c r="D34804" s="1" t="s">
        <v>49396</v>
      </c>
      <c r="E34804" s="1" t="s">
        <v>120925</v>
      </c>
      <c r="F34804" s="1" t="s">
        <v>120926</v>
      </c>
      <c r="G34804" s="1" t="s">
        <v>120862</v>
      </c>
      <c r="H34804" s="1" t="s">
        <v>120863</v>
      </c>
      <c r="I34804" s="1" t="s">
        <v>118887</v>
      </c>
      <c r="J34804" s="1" t="s">
        <v>120927</v>
      </c>
    </row>
    <row r="34805" spans="1:10" x14ac:dyDescent="0.35">
      <c r="A34805" s="1" t="s">
        <v>120859</v>
      </c>
      <c r="B34805" s="1" t="s">
        <v>118882</v>
      </c>
      <c r="C34805" s="1" t="s">
        <v>115</v>
      </c>
      <c r="D34805" s="1" t="s">
        <v>46360</v>
      </c>
      <c r="E34805" s="1" t="s">
        <v>120928</v>
      </c>
      <c r="F34805" s="1" t="s">
        <v>120929</v>
      </c>
      <c r="G34805" s="1" t="s">
        <v>120862</v>
      </c>
      <c r="H34805" s="1" t="s">
        <v>120863</v>
      </c>
      <c r="I34805" s="1" t="s">
        <v>118887</v>
      </c>
      <c r="J34805" s="1" t="s">
        <v>120930</v>
      </c>
    </row>
    <row r="34806" spans="1:10" x14ac:dyDescent="0.35">
      <c r="A34806" s="1" t="s">
        <v>120859</v>
      </c>
      <c r="B34806" s="1" t="s">
        <v>118882</v>
      </c>
      <c r="C34806" s="1" t="s">
        <v>120</v>
      </c>
      <c r="D34806" s="1" t="s">
        <v>51077</v>
      </c>
      <c r="E34806" s="1" t="s">
        <v>120931</v>
      </c>
      <c r="F34806" s="1" t="s">
        <v>120932</v>
      </c>
      <c r="G34806" s="1" t="s">
        <v>120862</v>
      </c>
      <c r="H34806" s="1" t="s">
        <v>120863</v>
      </c>
      <c r="I34806" s="1" t="s">
        <v>118887</v>
      </c>
      <c r="J34806" s="1" t="s">
        <v>120933</v>
      </c>
    </row>
    <row r="34807" spans="1:10" x14ac:dyDescent="0.35">
      <c r="A34807" s="1" t="s">
        <v>120859</v>
      </c>
      <c r="B34807" s="1" t="s">
        <v>118882</v>
      </c>
      <c r="C34807" s="1" t="s">
        <v>125</v>
      </c>
      <c r="D34807" s="1" t="s">
        <v>34788</v>
      </c>
      <c r="E34807" s="1" t="s">
        <v>120934</v>
      </c>
      <c r="F34807" s="1" t="s">
        <v>120935</v>
      </c>
      <c r="G34807" s="1" t="s">
        <v>120862</v>
      </c>
      <c r="H34807" s="1" t="s">
        <v>120863</v>
      </c>
      <c r="I34807" s="1" t="s">
        <v>118887</v>
      </c>
      <c r="J34807" s="1" t="s">
        <v>120936</v>
      </c>
    </row>
    <row r="34808" spans="1:10" x14ac:dyDescent="0.35">
      <c r="A34808" s="1" t="s">
        <v>120859</v>
      </c>
      <c r="B34808" s="1" t="s">
        <v>118882</v>
      </c>
      <c r="C34808" s="1" t="s">
        <v>130</v>
      </c>
      <c r="D34808" s="1" t="s">
        <v>119063</v>
      </c>
      <c r="E34808" s="1" t="s">
        <v>120937</v>
      </c>
      <c r="F34808" s="1" t="s">
        <v>120938</v>
      </c>
      <c r="G34808" s="1" t="s">
        <v>120862</v>
      </c>
      <c r="H34808" s="1" t="s">
        <v>120863</v>
      </c>
      <c r="I34808" s="1" t="s">
        <v>118887</v>
      </c>
      <c r="J34808" s="1" t="s">
        <v>120939</v>
      </c>
    </row>
    <row r="34809" spans="1:10" x14ac:dyDescent="0.35">
      <c r="A34809" s="1" t="s">
        <v>120859</v>
      </c>
      <c r="B34809" s="1" t="s">
        <v>118882</v>
      </c>
      <c r="C34809" s="1" t="s">
        <v>135</v>
      </c>
      <c r="D34809" s="1" t="s">
        <v>120940</v>
      </c>
      <c r="E34809" s="1" t="s">
        <v>120941</v>
      </c>
      <c r="F34809" s="1" t="s">
        <v>120942</v>
      </c>
      <c r="G34809" s="1" t="s">
        <v>120862</v>
      </c>
      <c r="H34809" s="1" t="s">
        <v>120863</v>
      </c>
      <c r="I34809" s="1" t="s">
        <v>118887</v>
      </c>
      <c r="J34809" s="1" t="s">
        <v>120943</v>
      </c>
    </row>
    <row r="34810" spans="1:10" x14ac:dyDescent="0.35">
      <c r="A34810" s="1" t="s">
        <v>120859</v>
      </c>
      <c r="B34810" s="1" t="s">
        <v>118882</v>
      </c>
      <c r="C34810" s="1" t="s">
        <v>140</v>
      </c>
      <c r="D34810" s="1" t="s">
        <v>120944</v>
      </c>
      <c r="E34810" s="1" t="s">
        <v>120945</v>
      </c>
      <c r="F34810" s="1" t="s">
        <v>120946</v>
      </c>
      <c r="G34810" s="1" t="s">
        <v>120862</v>
      </c>
      <c r="H34810" s="1" t="s">
        <v>120863</v>
      </c>
      <c r="I34810" s="1" t="s">
        <v>118887</v>
      </c>
      <c r="J34810" s="1" t="s">
        <v>120947</v>
      </c>
    </row>
    <row r="34811" spans="1:10" x14ac:dyDescent="0.35">
      <c r="A34811" s="1" t="s">
        <v>120859</v>
      </c>
      <c r="B34811" s="1" t="s">
        <v>118882</v>
      </c>
      <c r="C34811" s="1" t="s">
        <v>145</v>
      </c>
      <c r="D34811" s="1" t="s">
        <v>35442</v>
      </c>
      <c r="E34811" s="1" t="s">
        <v>120948</v>
      </c>
      <c r="F34811" s="1" t="s">
        <v>120949</v>
      </c>
      <c r="G34811" s="1" t="s">
        <v>120862</v>
      </c>
      <c r="H34811" s="1" t="s">
        <v>120863</v>
      </c>
      <c r="I34811" s="1" t="s">
        <v>118887</v>
      </c>
      <c r="J34811" s="1" t="s">
        <v>120950</v>
      </c>
    </row>
    <row r="34812" spans="1:10" x14ac:dyDescent="0.35">
      <c r="A34812" s="1" t="s">
        <v>120859</v>
      </c>
      <c r="B34812" s="1" t="s">
        <v>118882</v>
      </c>
      <c r="C34812" s="1" t="s">
        <v>150</v>
      </c>
      <c r="D34812" s="1" t="s">
        <v>120951</v>
      </c>
      <c r="E34812" s="1" t="s">
        <v>120952</v>
      </c>
      <c r="F34812" s="1" t="s">
        <v>120953</v>
      </c>
      <c r="G34812" s="1" t="s">
        <v>120862</v>
      </c>
      <c r="H34812" s="1" t="s">
        <v>120863</v>
      </c>
      <c r="I34812" s="1" t="s">
        <v>118887</v>
      </c>
      <c r="J34812" s="1" t="s">
        <v>120954</v>
      </c>
    </row>
    <row r="34813" spans="1:10" x14ac:dyDescent="0.35">
      <c r="A34813" s="1" t="s">
        <v>120859</v>
      </c>
      <c r="B34813" s="1" t="s">
        <v>118882</v>
      </c>
      <c r="C34813" s="1" t="s">
        <v>155</v>
      </c>
      <c r="D34813" s="1" t="s">
        <v>51329</v>
      </c>
      <c r="E34813" s="1" t="s">
        <v>120955</v>
      </c>
      <c r="F34813" s="1" t="s">
        <v>120956</v>
      </c>
      <c r="G34813" s="1" t="s">
        <v>120862</v>
      </c>
      <c r="H34813" s="1" t="s">
        <v>120863</v>
      </c>
      <c r="I34813" s="1" t="s">
        <v>118887</v>
      </c>
      <c r="J34813" s="1" t="s">
        <v>120957</v>
      </c>
    </row>
    <row r="34814" spans="1:10" x14ac:dyDescent="0.35">
      <c r="A34814" s="1" t="s">
        <v>120859</v>
      </c>
      <c r="B34814" s="1" t="s">
        <v>118882</v>
      </c>
      <c r="C34814" s="1" t="s">
        <v>160</v>
      </c>
      <c r="D34814" s="1" t="s">
        <v>120958</v>
      </c>
      <c r="E34814" s="1" t="s">
        <v>120959</v>
      </c>
      <c r="F34814" s="1" t="s">
        <v>120960</v>
      </c>
      <c r="G34814" s="1" t="s">
        <v>120862</v>
      </c>
      <c r="H34814" s="1" t="s">
        <v>120863</v>
      </c>
      <c r="I34814" s="1" t="s">
        <v>118887</v>
      </c>
      <c r="J34814" s="1" t="s">
        <v>120961</v>
      </c>
    </row>
    <row r="34815" spans="1:10" x14ac:dyDescent="0.35">
      <c r="A34815" s="1" t="s">
        <v>120859</v>
      </c>
      <c r="B34815" s="1" t="s">
        <v>118882</v>
      </c>
      <c r="C34815" s="1" t="s">
        <v>165</v>
      </c>
      <c r="D34815" s="1" t="s">
        <v>48668</v>
      </c>
      <c r="E34815" s="1" t="s">
        <v>120962</v>
      </c>
      <c r="F34815" s="1" t="s">
        <v>120963</v>
      </c>
      <c r="G34815" s="1" t="s">
        <v>120862</v>
      </c>
      <c r="H34815" s="1" t="s">
        <v>120863</v>
      </c>
      <c r="I34815" s="1" t="s">
        <v>118887</v>
      </c>
      <c r="J34815" s="1" t="s">
        <v>120964</v>
      </c>
    </row>
    <row r="34816" spans="1:10" x14ac:dyDescent="0.35">
      <c r="A34816" s="1" t="s">
        <v>120859</v>
      </c>
      <c r="B34816" s="1" t="s">
        <v>118882</v>
      </c>
      <c r="C34816" s="1" t="s">
        <v>170</v>
      </c>
      <c r="D34816" s="1" t="s">
        <v>37829</v>
      </c>
      <c r="E34816" s="1" t="s">
        <v>120965</v>
      </c>
      <c r="F34816" s="1" t="s">
        <v>120966</v>
      </c>
      <c r="G34816" s="1" t="s">
        <v>120862</v>
      </c>
      <c r="H34816" s="1" t="s">
        <v>120863</v>
      </c>
      <c r="I34816" s="1" t="s">
        <v>118887</v>
      </c>
      <c r="J34816" s="1" t="s">
        <v>120967</v>
      </c>
    </row>
    <row r="34817" spans="1:10" x14ac:dyDescent="0.35">
      <c r="A34817" s="1" t="s">
        <v>120968</v>
      </c>
      <c r="B34817" s="1" t="s">
        <v>118882</v>
      </c>
      <c r="C34817" s="1" t="s">
        <v>8</v>
      </c>
      <c r="D34817" s="1" t="s">
        <v>120969</v>
      </c>
      <c r="E34817" s="1" t="s">
        <v>120970</v>
      </c>
      <c r="F34817" s="1" t="s">
        <v>65674</v>
      </c>
      <c r="G34817" s="1" t="s">
        <v>120971</v>
      </c>
      <c r="H34817" s="1" t="s">
        <v>120972</v>
      </c>
      <c r="I34817" s="1" t="s">
        <v>118887</v>
      </c>
      <c r="J34817" s="1" t="s">
        <v>13</v>
      </c>
    </row>
    <row r="34818" spans="1:10" x14ac:dyDescent="0.35">
      <c r="A34818" s="1" t="s">
        <v>120968</v>
      </c>
      <c r="B34818" s="1" t="s">
        <v>118882</v>
      </c>
      <c r="C34818" s="1" t="s">
        <v>15</v>
      </c>
      <c r="D34818" s="1" t="s">
        <v>50159</v>
      </c>
      <c r="E34818" s="1" t="s">
        <v>120973</v>
      </c>
      <c r="F34818" s="1" t="s">
        <v>52435</v>
      </c>
      <c r="G34818" s="1" t="s">
        <v>120971</v>
      </c>
      <c r="H34818" s="1" t="s">
        <v>120972</v>
      </c>
      <c r="I34818" s="1" t="s">
        <v>118887</v>
      </c>
      <c r="J34818" s="1" t="s">
        <v>120974</v>
      </c>
    </row>
    <row r="34819" spans="1:10" x14ac:dyDescent="0.35">
      <c r="A34819" s="1" t="s">
        <v>120968</v>
      </c>
      <c r="B34819" s="1" t="s">
        <v>118882</v>
      </c>
      <c r="C34819" s="1" t="s">
        <v>20</v>
      </c>
      <c r="D34819" s="1" t="s">
        <v>44403</v>
      </c>
      <c r="E34819" s="1" t="s">
        <v>11820</v>
      </c>
      <c r="F34819" s="1" t="s">
        <v>120975</v>
      </c>
      <c r="G34819" s="1" t="s">
        <v>120971</v>
      </c>
      <c r="H34819" s="1" t="s">
        <v>120972</v>
      </c>
      <c r="I34819" s="1" t="s">
        <v>118887</v>
      </c>
      <c r="J34819" s="1" t="s">
        <v>120976</v>
      </c>
    </row>
    <row r="34820" spans="1:10" x14ac:dyDescent="0.35">
      <c r="A34820" s="1" t="s">
        <v>120968</v>
      </c>
      <c r="B34820" s="1" t="s">
        <v>118882</v>
      </c>
      <c r="C34820" s="1" t="s">
        <v>25</v>
      </c>
      <c r="D34820" s="1" t="s">
        <v>49498</v>
      </c>
      <c r="E34820" s="1" t="s">
        <v>28138</v>
      </c>
      <c r="F34820" s="1" t="s">
        <v>31371</v>
      </c>
      <c r="G34820" s="1" t="s">
        <v>120971</v>
      </c>
      <c r="H34820" s="1" t="s">
        <v>120972</v>
      </c>
      <c r="I34820" s="1" t="s">
        <v>118887</v>
      </c>
      <c r="J34820" s="1" t="s">
        <v>120977</v>
      </c>
    </row>
    <row r="34821" spans="1:10" x14ac:dyDescent="0.35">
      <c r="A34821" s="1" t="s">
        <v>120968</v>
      </c>
      <c r="B34821" s="1" t="s">
        <v>118882</v>
      </c>
      <c r="C34821" s="1" t="s">
        <v>30</v>
      </c>
      <c r="D34821" s="1" t="s">
        <v>35255</v>
      </c>
      <c r="E34821" s="1" t="s">
        <v>11804</v>
      </c>
      <c r="F34821" s="1" t="s">
        <v>120978</v>
      </c>
      <c r="G34821" s="1" t="s">
        <v>120971</v>
      </c>
      <c r="H34821" s="1" t="s">
        <v>120972</v>
      </c>
      <c r="I34821" s="1" t="s">
        <v>118887</v>
      </c>
      <c r="J34821" s="1" t="s">
        <v>120979</v>
      </c>
    </row>
    <row r="34822" spans="1:10" x14ac:dyDescent="0.35">
      <c r="A34822" s="1" t="s">
        <v>120968</v>
      </c>
      <c r="B34822" s="1" t="s">
        <v>118882</v>
      </c>
      <c r="C34822" s="1" t="s">
        <v>35</v>
      </c>
      <c r="D34822" s="1" t="s">
        <v>120980</v>
      </c>
      <c r="E34822" s="1" t="s">
        <v>28323</v>
      </c>
      <c r="F34822" s="1" t="s">
        <v>62673</v>
      </c>
      <c r="G34822" s="1" t="s">
        <v>120971</v>
      </c>
      <c r="H34822" s="1" t="s">
        <v>120972</v>
      </c>
      <c r="I34822" s="1" t="s">
        <v>118887</v>
      </c>
      <c r="J34822" s="1" t="s">
        <v>120981</v>
      </c>
    </row>
    <row r="34823" spans="1:10" x14ac:dyDescent="0.35">
      <c r="A34823" s="1" t="s">
        <v>120968</v>
      </c>
      <c r="B34823" s="1" t="s">
        <v>118882</v>
      </c>
      <c r="C34823" s="1" t="s">
        <v>40</v>
      </c>
      <c r="D34823" s="1" t="s">
        <v>74996</v>
      </c>
      <c r="E34823" s="1" t="s">
        <v>50843</v>
      </c>
      <c r="F34823" s="1" t="s">
        <v>63754</v>
      </c>
      <c r="G34823" s="1" t="s">
        <v>120971</v>
      </c>
      <c r="H34823" s="1" t="s">
        <v>120972</v>
      </c>
      <c r="I34823" s="1" t="s">
        <v>118887</v>
      </c>
      <c r="J34823" s="1" t="s">
        <v>120982</v>
      </c>
    </row>
    <row r="34824" spans="1:10" x14ac:dyDescent="0.35">
      <c r="A34824" s="1" t="s">
        <v>120968</v>
      </c>
      <c r="B34824" s="1" t="s">
        <v>118882</v>
      </c>
      <c r="C34824" s="1" t="s">
        <v>45</v>
      </c>
      <c r="D34824" s="1" t="s">
        <v>70797</v>
      </c>
      <c r="E34824" s="1" t="s">
        <v>120983</v>
      </c>
      <c r="F34824" s="1" t="s">
        <v>65616</v>
      </c>
      <c r="G34824" s="1" t="s">
        <v>120971</v>
      </c>
      <c r="H34824" s="1" t="s">
        <v>120972</v>
      </c>
      <c r="I34824" s="1" t="s">
        <v>118887</v>
      </c>
      <c r="J34824" s="1" t="s">
        <v>120984</v>
      </c>
    </row>
    <row r="34825" spans="1:10" x14ac:dyDescent="0.35">
      <c r="A34825" s="1" t="s">
        <v>120968</v>
      </c>
      <c r="B34825" s="1" t="s">
        <v>118882</v>
      </c>
      <c r="C34825" s="1" t="s">
        <v>50</v>
      </c>
      <c r="D34825" s="1" t="s">
        <v>120985</v>
      </c>
      <c r="E34825" s="1" t="s">
        <v>120986</v>
      </c>
      <c r="F34825" s="1" t="s">
        <v>120987</v>
      </c>
      <c r="G34825" s="1" t="s">
        <v>120971</v>
      </c>
      <c r="H34825" s="1" t="s">
        <v>120972</v>
      </c>
      <c r="I34825" s="1" t="s">
        <v>118887</v>
      </c>
      <c r="J34825" s="1" t="s">
        <v>120988</v>
      </c>
    </row>
    <row r="34826" spans="1:10" x14ac:dyDescent="0.35">
      <c r="A34826" s="1" t="s">
        <v>120968</v>
      </c>
      <c r="B34826" s="1" t="s">
        <v>118882</v>
      </c>
      <c r="C34826" s="1" t="s">
        <v>55</v>
      </c>
      <c r="D34826" s="1" t="s">
        <v>50513</v>
      </c>
      <c r="E34826" s="1" t="s">
        <v>15085</v>
      </c>
      <c r="F34826" s="1" t="s">
        <v>120989</v>
      </c>
      <c r="G34826" s="1" t="s">
        <v>120971</v>
      </c>
      <c r="H34826" s="1" t="s">
        <v>120972</v>
      </c>
      <c r="I34826" s="1" t="s">
        <v>118887</v>
      </c>
      <c r="J34826" s="1" t="s">
        <v>120990</v>
      </c>
    </row>
    <row r="34827" spans="1:10" x14ac:dyDescent="0.35">
      <c r="A34827" s="1" t="s">
        <v>120968</v>
      </c>
      <c r="B34827" s="1" t="s">
        <v>118882</v>
      </c>
      <c r="C34827" s="1" t="s">
        <v>60</v>
      </c>
      <c r="D34827" s="1" t="s">
        <v>38541</v>
      </c>
      <c r="E34827" s="1" t="s">
        <v>28203</v>
      </c>
      <c r="F34827" s="1" t="s">
        <v>54155</v>
      </c>
      <c r="G34827" s="1" t="s">
        <v>120971</v>
      </c>
      <c r="H34827" s="1" t="s">
        <v>120972</v>
      </c>
      <c r="I34827" s="1" t="s">
        <v>118887</v>
      </c>
      <c r="J34827" s="1" t="s">
        <v>120991</v>
      </c>
    </row>
    <row r="34828" spans="1:10" x14ac:dyDescent="0.35">
      <c r="A34828" s="1" t="s">
        <v>120968</v>
      </c>
      <c r="B34828" s="1" t="s">
        <v>118882</v>
      </c>
      <c r="C34828" s="1" t="s">
        <v>65</v>
      </c>
      <c r="D34828" s="1" t="s">
        <v>120992</v>
      </c>
      <c r="E34828" s="1" t="s">
        <v>120993</v>
      </c>
      <c r="F34828" s="1" t="s">
        <v>120994</v>
      </c>
      <c r="G34828" s="1" t="s">
        <v>120971</v>
      </c>
      <c r="H34828" s="1" t="s">
        <v>120972</v>
      </c>
      <c r="I34828" s="1" t="s">
        <v>118887</v>
      </c>
      <c r="J34828" s="1" t="s">
        <v>120995</v>
      </c>
    </row>
    <row r="34829" spans="1:10" x14ac:dyDescent="0.35">
      <c r="A34829" s="1" t="s">
        <v>120968</v>
      </c>
      <c r="B34829" s="1" t="s">
        <v>118882</v>
      </c>
      <c r="C34829" s="1" t="s">
        <v>70</v>
      </c>
      <c r="D34829" s="1" t="s">
        <v>47106</v>
      </c>
      <c r="E34829" s="1" t="s">
        <v>15190</v>
      </c>
      <c r="F34829" s="1" t="s">
        <v>120996</v>
      </c>
      <c r="G34829" s="1" t="s">
        <v>120971</v>
      </c>
      <c r="H34829" s="1" t="s">
        <v>120972</v>
      </c>
      <c r="I34829" s="1" t="s">
        <v>118887</v>
      </c>
      <c r="J34829" s="1" t="s">
        <v>120997</v>
      </c>
    </row>
    <row r="34830" spans="1:10" x14ac:dyDescent="0.35">
      <c r="A34830" s="1" t="s">
        <v>120968</v>
      </c>
      <c r="B34830" s="1" t="s">
        <v>118882</v>
      </c>
      <c r="C34830" s="1" t="s">
        <v>75</v>
      </c>
      <c r="D34830" s="1" t="s">
        <v>32927</v>
      </c>
      <c r="E34830" s="1" t="s">
        <v>28995</v>
      </c>
      <c r="F34830" s="1" t="s">
        <v>98620</v>
      </c>
      <c r="G34830" s="1" t="s">
        <v>120971</v>
      </c>
      <c r="H34830" s="1" t="s">
        <v>120972</v>
      </c>
      <c r="I34830" s="1" t="s">
        <v>118887</v>
      </c>
      <c r="J34830" s="1" t="s">
        <v>120998</v>
      </c>
    </row>
    <row r="34831" spans="1:10" x14ac:dyDescent="0.35">
      <c r="A34831" s="1" t="s">
        <v>120968</v>
      </c>
      <c r="B34831" s="1" t="s">
        <v>118882</v>
      </c>
      <c r="C34831" s="1" t="s">
        <v>80</v>
      </c>
      <c r="D34831" s="1" t="s">
        <v>120999</v>
      </c>
      <c r="E34831" s="1" t="s">
        <v>121000</v>
      </c>
      <c r="F34831" s="1" t="s">
        <v>121001</v>
      </c>
      <c r="G34831" s="1" t="s">
        <v>120971</v>
      </c>
      <c r="H34831" s="1" t="s">
        <v>120972</v>
      </c>
      <c r="I34831" s="1" t="s">
        <v>118887</v>
      </c>
      <c r="J34831" s="1" t="s">
        <v>121002</v>
      </c>
    </row>
    <row r="34832" spans="1:10" x14ac:dyDescent="0.35">
      <c r="A34832" s="1" t="s">
        <v>120968</v>
      </c>
      <c r="B34832" s="1" t="s">
        <v>118882</v>
      </c>
      <c r="C34832" s="1" t="s">
        <v>85</v>
      </c>
      <c r="D34832" s="1" t="s">
        <v>121003</v>
      </c>
      <c r="E34832" s="1" t="s">
        <v>28263</v>
      </c>
      <c r="F34832" s="1" t="s">
        <v>121004</v>
      </c>
      <c r="G34832" s="1" t="s">
        <v>120971</v>
      </c>
      <c r="H34832" s="1" t="s">
        <v>120972</v>
      </c>
      <c r="I34832" s="1" t="s">
        <v>118887</v>
      </c>
      <c r="J34832" s="1" t="s">
        <v>121005</v>
      </c>
    </row>
    <row r="34833" spans="1:10" x14ac:dyDescent="0.35">
      <c r="A34833" s="1" t="s">
        <v>120968</v>
      </c>
      <c r="B34833" s="1" t="s">
        <v>118882</v>
      </c>
      <c r="C34833" s="1" t="s">
        <v>90</v>
      </c>
      <c r="D34833" s="1" t="s">
        <v>35503</v>
      </c>
      <c r="E34833" s="1" t="s">
        <v>121006</v>
      </c>
      <c r="F34833" s="1" t="s">
        <v>60320</v>
      </c>
      <c r="G34833" s="1" t="s">
        <v>120971</v>
      </c>
      <c r="H34833" s="1" t="s">
        <v>120972</v>
      </c>
      <c r="I34833" s="1" t="s">
        <v>118887</v>
      </c>
      <c r="J34833" s="1" t="s">
        <v>121007</v>
      </c>
    </row>
    <row r="34834" spans="1:10" x14ac:dyDescent="0.35">
      <c r="A34834" s="1" t="s">
        <v>120968</v>
      </c>
      <c r="B34834" s="1" t="s">
        <v>118882</v>
      </c>
      <c r="C34834" s="1" t="s">
        <v>95</v>
      </c>
      <c r="D34834" s="1" t="s">
        <v>35946</v>
      </c>
      <c r="E34834" s="1" t="s">
        <v>121008</v>
      </c>
      <c r="F34834" s="1" t="s">
        <v>121009</v>
      </c>
      <c r="G34834" s="1" t="s">
        <v>120971</v>
      </c>
      <c r="H34834" s="1" t="s">
        <v>120972</v>
      </c>
      <c r="I34834" s="1" t="s">
        <v>118887</v>
      </c>
      <c r="J34834" s="1" t="s">
        <v>121010</v>
      </c>
    </row>
    <row r="34835" spans="1:10" x14ac:dyDescent="0.35">
      <c r="A34835" s="1" t="s">
        <v>120968</v>
      </c>
      <c r="B34835" s="1" t="s">
        <v>118882</v>
      </c>
      <c r="C34835" s="1" t="s">
        <v>100</v>
      </c>
      <c r="D34835" s="1" t="s">
        <v>18542</v>
      </c>
      <c r="E34835" s="1" t="s">
        <v>121011</v>
      </c>
      <c r="F34835" s="1" t="s">
        <v>121012</v>
      </c>
      <c r="G34835" s="1" t="s">
        <v>120971</v>
      </c>
      <c r="H34835" s="1" t="s">
        <v>120972</v>
      </c>
      <c r="I34835" s="1" t="s">
        <v>118887</v>
      </c>
      <c r="J34835" s="1" t="s">
        <v>121013</v>
      </c>
    </row>
    <row r="34836" spans="1:10" x14ac:dyDescent="0.35">
      <c r="A34836" s="1" t="s">
        <v>120968</v>
      </c>
      <c r="B34836" s="1" t="s">
        <v>118882</v>
      </c>
      <c r="C34836" s="1" t="s">
        <v>105</v>
      </c>
      <c r="D34836" s="1" t="s">
        <v>121014</v>
      </c>
      <c r="E34836" s="1" t="s">
        <v>28056</v>
      </c>
      <c r="F34836" s="1" t="s">
        <v>101163</v>
      </c>
      <c r="G34836" s="1" t="s">
        <v>120971</v>
      </c>
      <c r="H34836" s="1" t="s">
        <v>120972</v>
      </c>
      <c r="I34836" s="1" t="s">
        <v>118887</v>
      </c>
      <c r="J34836" s="1" t="s">
        <v>121015</v>
      </c>
    </row>
    <row r="34837" spans="1:10" x14ac:dyDescent="0.35">
      <c r="A34837" s="1" t="s">
        <v>120968</v>
      </c>
      <c r="B34837" s="1" t="s">
        <v>118882</v>
      </c>
      <c r="C34837" s="1" t="s">
        <v>110</v>
      </c>
      <c r="D34837" s="1" t="s">
        <v>121016</v>
      </c>
      <c r="E34837" s="1" t="s">
        <v>121017</v>
      </c>
      <c r="F34837" s="1" t="s">
        <v>121018</v>
      </c>
      <c r="G34837" s="1" t="s">
        <v>120971</v>
      </c>
      <c r="H34837" s="1" t="s">
        <v>120972</v>
      </c>
      <c r="I34837" s="1" t="s">
        <v>118887</v>
      </c>
      <c r="J34837" s="1" t="s">
        <v>121019</v>
      </c>
    </row>
    <row r="34838" spans="1:10" x14ac:dyDescent="0.35">
      <c r="A34838" s="1" t="s">
        <v>120968</v>
      </c>
      <c r="B34838" s="1" t="s">
        <v>118882</v>
      </c>
      <c r="C34838" s="1" t="s">
        <v>115</v>
      </c>
      <c r="D34838" s="1" t="s">
        <v>3036</v>
      </c>
      <c r="E34838" s="1" t="s">
        <v>121020</v>
      </c>
      <c r="F34838" s="1" t="s">
        <v>61170</v>
      </c>
      <c r="G34838" s="1" t="s">
        <v>120971</v>
      </c>
      <c r="H34838" s="1" t="s">
        <v>120972</v>
      </c>
      <c r="I34838" s="1" t="s">
        <v>118887</v>
      </c>
      <c r="J34838" s="1" t="s">
        <v>121021</v>
      </c>
    </row>
    <row r="34839" spans="1:10" x14ac:dyDescent="0.35">
      <c r="A34839" s="1" t="s">
        <v>120968</v>
      </c>
      <c r="B34839" s="1" t="s">
        <v>118882</v>
      </c>
      <c r="C34839" s="1" t="s">
        <v>120</v>
      </c>
      <c r="D34839" s="1" t="s">
        <v>71691</v>
      </c>
      <c r="E34839" s="1" t="s">
        <v>11849</v>
      </c>
      <c r="F34839" s="1" t="s">
        <v>121022</v>
      </c>
      <c r="G34839" s="1" t="s">
        <v>120971</v>
      </c>
      <c r="H34839" s="1" t="s">
        <v>120972</v>
      </c>
      <c r="I34839" s="1" t="s">
        <v>118887</v>
      </c>
      <c r="J34839" s="1" t="s">
        <v>121023</v>
      </c>
    </row>
    <row r="34840" spans="1:10" x14ac:dyDescent="0.35">
      <c r="A34840" s="1" t="s">
        <v>120968</v>
      </c>
      <c r="B34840" s="1" t="s">
        <v>118882</v>
      </c>
      <c r="C34840" s="1" t="s">
        <v>125</v>
      </c>
      <c r="D34840" s="1" t="s">
        <v>121024</v>
      </c>
      <c r="E34840" s="1" t="s">
        <v>50832</v>
      </c>
      <c r="F34840" s="1" t="s">
        <v>121025</v>
      </c>
      <c r="G34840" s="1" t="s">
        <v>120971</v>
      </c>
      <c r="H34840" s="1" t="s">
        <v>120972</v>
      </c>
      <c r="I34840" s="1" t="s">
        <v>118887</v>
      </c>
      <c r="J34840" s="1" t="s">
        <v>121026</v>
      </c>
    </row>
    <row r="34841" spans="1:10" x14ac:dyDescent="0.35">
      <c r="A34841" s="1" t="s">
        <v>120968</v>
      </c>
      <c r="B34841" s="1" t="s">
        <v>118882</v>
      </c>
      <c r="C34841" s="1" t="s">
        <v>130</v>
      </c>
      <c r="D34841" s="1" t="s">
        <v>121027</v>
      </c>
      <c r="E34841" s="1" t="s">
        <v>11845</v>
      </c>
      <c r="F34841" s="1" t="s">
        <v>105159</v>
      </c>
      <c r="G34841" s="1" t="s">
        <v>120971</v>
      </c>
      <c r="H34841" s="1" t="s">
        <v>120972</v>
      </c>
      <c r="I34841" s="1" t="s">
        <v>118887</v>
      </c>
      <c r="J34841" s="1" t="s">
        <v>121028</v>
      </c>
    </row>
    <row r="34842" spans="1:10" x14ac:dyDescent="0.35">
      <c r="A34842" s="1" t="s">
        <v>120968</v>
      </c>
      <c r="B34842" s="1" t="s">
        <v>118882</v>
      </c>
      <c r="C34842" s="1" t="s">
        <v>135</v>
      </c>
      <c r="D34842" s="1" t="s">
        <v>121029</v>
      </c>
      <c r="E34842" s="1" t="s">
        <v>121030</v>
      </c>
      <c r="F34842" s="1" t="s">
        <v>101163</v>
      </c>
      <c r="G34842" s="1" t="s">
        <v>120971</v>
      </c>
      <c r="H34842" s="1" t="s">
        <v>120972</v>
      </c>
      <c r="I34842" s="1" t="s">
        <v>118887</v>
      </c>
      <c r="J34842" s="1" t="s">
        <v>121031</v>
      </c>
    </row>
    <row r="34843" spans="1:10" x14ac:dyDescent="0.35">
      <c r="A34843" s="1" t="s">
        <v>120968</v>
      </c>
      <c r="B34843" s="1" t="s">
        <v>118882</v>
      </c>
      <c r="C34843" s="1" t="s">
        <v>140</v>
      </c>
      <c r="D34843" s="1" t="s">
        <v>121032</v>
      </c>
      <c r="E34843" s="1" t="s">
        <v>121033</v>
      </c>
      <c r="F34843" s="1" t="s">
        <v>121034</v>
      </c>
      <c r="G34843" s="1" t="s">
        <v>120971</v>
      </c>
      <c r="H34843" s="1" t="s">
        <v>120972</v>
      </c>
      <c r="I34843" s="1" t="s">
        <v>118887</v>
      </c>
      <c r="J34843" s="1" t="s">
        <v>121035</v>
      </c>
    </row>
    <row r="34844" spans="1:10" x14ac:dyDescent="0.35">
      <c r="A34844" s="1" t="s">
        <v>120968</v>
      </c>
      <c r="B34844" s="1" t="s">
        <v>118882</v>
      </c>
      <c r="C34844" s="1" t="s">
        <v>145</v>
      </c>
      <c r="D34844" s="1" t="s">
        <v>121036</v>
      </c>
      <c r="E34844" s="1" t="s">
        <v>121037</v>
      </c>
      <c r="F34844" s="1" t="s">
        <v>55326</v>
      </c>
      <c r="G34844" s="1" t="s">
        <v>120971</v>
      </c>
      <c r="H34844" s="1" t="s">
        <v>120972</v>
      </c>
      <c r="I34844" s="1" t="s">
        <v>118887</v>
      </c>
      <c r="J34844" s="1" t="s">
        <v>121038</v>
      </c>
    </row>
    <row r="34845" spans="1:10" x14ac:dyDescent="0.35">
      <c r="A34845" s="1" t="s">
        <v>120968</v>
      </c>
      <c r="B34845" s="1" t="s">
        <v>118882</v>
      </c>
      <c r="C34845" s="1" t="s">
        <v>150</v>
      </c>
      <c r="D34845" s="1" t="s">
        <v>121039</v>
      </c>
      <c r="E34845" s="1" t="s">
        <v>28200</v>
      </c>
      <c r="F34845" s="1" t="s">
        <v>121040</v>
      </c>
      <c r="G34845" s="1" t="s">
        <v>120971</v>
      </c>
      <c r="H34845" s="1" t="s">
        <v>120972</v>
      </c>
      <c r="I34845" s="1" t="s">
        <v>118887</v>
      </c>
      <c r="J34845" s="1" t="s">
        <v>121041</v>
      </c>
    </row>
    <row r="34846" spans="1:10" x14ac:dyDescent="0.35">
      <c r="A34846" s="1" t="s">
        <v>120968</v>
      </c>
      <c r="B34846" s="1" t="s">
        <v>118882</v>
      </c>
      <c r="C34846" s="1" t="s">
        <v>155</v>
      </c>
      <c r="D34846" s="1" t="s">
        <v>121042</v>
      </c>
      <c r="E34846" s="1" t="s">
        <v>121043</v>
      </c>
      <c r="F34846" s="1" t="s">
        <v>103337</v>
      </c>
      <c r="G34846" s="1" t="s">
        <v>120971</v>
      </c>
      <c r="H34846" s="1" t="s">
        <v>120972</v>
      </c>
      <c r="I34846" s="1" t="s">
        <v>118887</v>
      </c>
      <c r="J34846" s="1" t="s">
        <v>121044</v>
      </c>
    </row>
    <row r="34847" spans="1:10" x14ac:dyDescent="0.35">
      <c r="A34847" s="1" t="s">
        <v>120968</v>
      </c>
      <c r="B34847" s="1" t="s">
        <v>118882</v>
      </c>
      <c r="C34847" s="1" t="s">
        <v>160</v>
      </c>
      <c r="D34847" s="1" t="s">
        <v>121045</v>
      </c>
      <c r="E34847" s="1" t="s">
        <v>121046</v>
      </c>
      <c r="F34847" s="1" t="s">
        <v>121047</v>
      </c>
      <c r="G34847" s="1" t="s">
        <v>120971</v>
      </c>
      <c r="H34847" s="1" t="s">
        <v>120972</v>
      </c>
      <c r="I34847" s="1" t="s">
        <v>118887</v>
      </c>
      <c r="J34847" s="1" t="s">
        <v>121048</v>
      </c>
    </row>
    <row r="34848" spans="1:10" x14ac:dyDescent="0.35">
      <c r="A34848" s="1" t="s">
        <v>120968</v>
      </c>
      <c r="B34848" s="1" t="s">
        <v>118882</v>
      </c>
      <c r="C34848" s="1" t="s">
        <v>165</v>
      </c>
      <c r="D34848" s="1" t="s">
        <v>121049</v>
      </c>
      <c r="E34848" s="1" t="s">
        <v>110118</v>
      </c>
      <c r="F34848" s="1" t="s">
        <v>41360</v>
      </c>
      <c r="G34848" s="1" t="s">
        <v>120971</v>
      </c>
      <c r="H34848" s="1" t="s">
        <v>120972</v>
      </c>
      <c r="I34848" s="1" t="s">
        <v>118887</v>
      </c>
      <c r="J34848" s="1" t="s">
        <v>121050</v>
      </c>
    </row>
    <row r="34849" spans="1:10" x14ac:dyDescent="0.35">
      <c r="A34849" s="1" t="s">
        <v>120968</v>
      </c>
      <c r="B34849" s="1" t="s">
        <v>118882</v>
      </c>
      <c r="C34849" s="1" t="s">
        <v>170</v>
      </c>
      <c r="D34849" s="1" t="s">
        <v>16810</v>
      </c>
      <c r="E34849" s="1" t="s">
        <v>29022</v>
      </c>
      <c r="F34849" s="1" t="s">
        <v>121051</v>
      </c>
      <c r="G34849" s="1" t="s">
        <v>120971</v>
      </c>
      <c r="H34849" s="1" t="s">
        <v>120972</v>
      </c>
      <c r="I34849" s="1" t="s">
        <v>118887</v>
      </c>
      <c r="J34849" s="1" t="s">
        <v>121052</v>
      </c>
    </row>
    <row r="34850" spans="1:10" x14ac:dyDescent="0.35">
      <c r="A34850" s="1" t="s">
        <v>6135</v>
      </c>
      <c r="B34850" s="1" t="s">
        <v>118882</v>
      </c>
      <c r="C34850" s="1" t="s">
        <v>8</v>
      </c>
      <c r="D34850" s="1" t="s">
        <v>12073</v>
      </c>
      <c r="E34850" s="1" t="s">
        <v>121053</v>
      </c>
      <c r="F34850" s="1" t="s">
        <v>121054</v>
      </c>
      <c r="G34850" s="1" t="s">
        <v>121055</v>
      </c>
      <c r="H34850" s="1" t="s">
        <v>121056</v>
      </c>
      <c r="I34850" s="1" t="s">
        <v>118887</v>
      </c>
      <c r="J34850" s="1" t="s">
        <v>13</v>
      </c>
    </row>
    <row r="34851" spans="1:10" x14ac:dyDescent="0.35">
      <c r="A34851" s="1" t="s">
        <v>6135</v>
      </c>
      <c r="B34851" s="1" t="s">
        <v>118882</v>
      </c>
      <c r="C34851" s="1" t="s">
        <v>15</v>
      </c>
      <c r="D34851" s="1" t="s">
        <v>85</v>
      </c>
      <c r="E34851" s="1" t="s">
        <v>121057</v>
      </c>
      <c r="F34851" s="1" t="s">
        <v>121058</v>
      </c>
      <c r="G34851" s="1" t="s">
        <v>121055</v>
      </c>
      <c r="H34851" s="1" t="s">
        <v>121056</v>
      </c>
      <c r="I34851" s="1" t="s">
        <v>118887</v>
      </c>
      <c r="J34851" s="1" t="s">
        <v>121059</v>
      </c>
    </row>
    <row r="34852" spans="1:10" x14ac:dyDescent="0.35">
      <c r="A34852" s="1" t="s">
        <v>6135</v>
      </c>
      <c r="B34852" s="1" t="s">
        <v>118882</v>
      </c>
      <c r="C34852" s="1" t="s">
        <v>20</v>
      </c>
      <c r="D34852" s="1" t="s">
        <v>10070</v>
      </c>
      <c r="E34852" s="1" t="s">
        <v>121060</v>
      </c>
      <c r="F34852" s="1" t="s">
        <v>121061</v>
      </c>
      <c r="G34852" s="1" t="s">
        <v>121055</v>
      </c>
      <c r="H34852" s="1" t="s">
        <v>121056</v>
      </c>
      <c r="I34852" s="1" t="s">
        <v>118887</v>
      </c>
      <c r="J34852" s="1" t="s">
        <v>121062</v>
      </c>
    </row>
    <row r="34853" spans="1:10" x14ac:dyDescent="0.35">
      <c r="A34853" s="1" t="s">
        <v>6135</v>
      </c>
      <c r="B34853" s="1" t="s">
        <v>118882</v>
      </c>
      <c r="C34853" s="1" t="s">
        <v>25</v>
      </c>
      <c r="D34853" s="1" t="s">
        <v>27341</v>
      </c>
      <c r="E34853" s="1" t="s">
        <v>121063</v>
      </c>
      <c r="F34853" s="1" t="s">
        <v>121064</v>
      </c>
      <c r="G34853" s="1" t="s">
        <v>121055</v>
      </c>
      <c r="H34853" s="1" t="s">
        <v>121056</v>
      </c>
      <c r="I34853" s="1" t="s">
        <v>118887</v>
      </c>
      <c r="J34853" s="1" t="s">
        <v>121065</v>
      </c>
    </row>
    <row r="34854" spans="1:10" x14ac:dyDescent="0.35">
      <c r="A34854" s="1" t="s">
        <v>6135</v>
      </c>
      <c r="B34854" s="1" t="s">
        <v>118882</v>
      </c>
      <c r="C34854" s="1" t="s">
        <v>30</v>
      </c>
      <c r="D34854" s="1" t="s">
        <v>27977</v>
      </c>
      <c r="E34854" s="1" t="s">
        <v>121066</v>
      </c>
      <c r="F34854" s="1" t="s">
        <v>121067</v>
      </c>
      <c r="G34854" s="1" t="s">
        <v>121055</v>
      </c>
      <c r="H34854" s="1" t="s">
        <v>121056</v>
      </c>
      <c r="I34854" s="1" t="s">
        <v>118887</v>
      </c>
      <c r="J34854" s="1" t="s">
        <v>121068</v>
      </c>
    </row>
    <row r="34855" spans="1:10" x14ac:dyDescent="0.35">
      <c r="A34855" s="1" t="s">
        <v>6135</v>
      </c>
      <c r="B34855" s="1" t="s">
        <v>118882</v>
      </c>
      <c r="C34855" s="1" t="s">
        <v>35</v>
      </c>
      <c r="D34855" s="1" t="s">
        <v>28420</v>
      </c>
      <c r="E34855" s="1" t="s">
        <v>121069</v>
      </c>
      <c r="F34855" s="1" t="s">
        <v>121070</v>
      </c>
      <c r="G34855" s="1" t="s">
        <v>121055</v>
      </c>
      <c r="H34855" s="1" t="s">
        <v>121056</v>
      </c>
      <c r="I34855" s="1" t="s">
        <v>118887</v>
      </c>
      <c r="J34855" s="1" t="s">
        <v>121071</v>
      </c>
    </row>
    <row r="34856" spans="1:10" x14ac:dyDescent="0.35">
      <c r="A34856" s="1" t="s">
        <v>6135</v>
      </c>
      <c r="B34856" s="1" t="s">
        <v>118882</v>
      </c>
      <c r="C34856" s="1" t="s">
        <v>40</v>
      </c>
      <c r="D34856" s="1" t="s">
        <v>44994</v>
      </c>
      <c r="E34856" s="1" t="s">
        <v>121072</v>
      </c>
      <c r="F34856" s="1" t="s">
        <v>121073</v>
      </c>
      <c r="G34856" s="1" t="s">
        <v>121055</v>
      </c>
      <c r="H34856" s="1" t="s">
        <v>121056</v>
      </c>
      <c r="I34856" s="1" t="s">
        <v>118887</v>
      </c>
      <c r="J34856" s="1" t="s">
        <v>121074</v>
      </c>
    </row>
    <row r="34857" spans="1:10" x14ac:dyDescent="0.35">
      <c r="A34857" s="1" t="s">
        <v>6135</v>
      </c>
      <c r="B34857" s="1" t="s">
        <v>118882</v>
      </c>
      <c r="C34857" s="1" t="s">
        <v>45</v>
      </c>
      <c r="D34857" s="1" t="s">
        <v>10106</v>
      </c>
      <c r="E34857" s="1" t="s">
        <v>121075</v>
      </c>
      <c r="F34857" s="1" t="s">
        <v>121076</v>
      </c>
      <c r="G34857" s="1" t="s">
        <v>121055</v>
      </c>
      <c r="H34857" s="1" t="s">
        <v>121056</v>
      </c>
      <c r="I34857" s="1" t="s">
        <v>118887</v>
      </c>
      <c r="J34857" s="1" t="s">
        <v>121077</v>
      </c>
    </row>
    <row r="34858" spans="1:10" x14ac:dyDescent="0.35">
      <c r="A34858" s="1" t="s">
        <v>6135</v>
      </c>
      <c r="B34858" s="1" t="s">
        <v>118882</v>
      </c>
      <c r="C34858" s="1" t="s">
        <v>50</v>
      </c>
      <c r="D34858" s="1" t="s">
        <v>45379</v>
      </c>
      <c r="E34858" s="1" t="s">
        <v>121078</v>
      </c>
      <c r="F34858" s="1" t="s">
        <v>121079</v>
      </c>
      <c r="G34858" s="1" t="s">
        <v>121055</v>
      </c>
      <c r="H34858" s="1" t="s">
        <v>121056</v>
      </c>
      <c r="I34858" s="1" t="s">
        <v>118887</v>
      </c>
      <c r="J34858" s="1" t="s">
        <v>121080</v>
      </c>
    </row>
    <row r="34859" spans="1:10" x14ac:dyDescent="0.35">
      <c r="A34859" s="1" t="s">
        <v>6135</v>
      </c>
      <c r="B34859" s="1" t="s">
        <v>118882</v>
      </c>
      <c r="C34859" s="1" t="s">
        <v>55</v>
      </c>
      <c r="D34859" s="1" t="s">
        <v>25065</v>
      </c>
      <c r="E34859" s="1" t="s">
        <v>121081</v>
      </c>
      <c r="F34859" s="1" t="s">
        <v>121082</v>
      </c>
      <c r="G34859" s="1" t="s">
        <v>121055</v>
      </c>
      <c r="H34859" s="1" t="s">
        <v>121056</v>
      </c>
      <c r="I34859" s="1" t="s">
        <v>118887</v>
      </c>
      <c r="J34859" s="1" t="s">
        <v>121083</v>
      </c>
    </row>
    <row r="34860" spans="1:10" x14ac:dyDescent="0.35">
      <c r="A34860" s="1" t="s">
        <v>6135</v>
      </c>
      <c r="B34860" s="1" t="s">
        <v>118882</v>
      </c>
      <c r="C34860" s="1" t="s">
        <v>60</v>
      </c>
      <c r="D34860" s="1" t="s">
        <v>121084</v>
      </c>
      <c r="E34860" s="1" t="s">
        <v>121085</v>
      </c>
      <c r="F34860" s="1" t="s">
        <v>121086</v>
      </c>
      <c r="G34860" s="1" t="s">
        <v>121055</v>
      </c>
      <c r="H34860" s="1" t="s">
        <v>121056</v>
      </c>
      <c r="I34860" s="1" t="s">
        <v>118887</v>
      </c>
      <c r="J34860" s="1" t="s">
        <v>121087</v>
      </c>
    </row>
    <row r="34861" spans="1:10" x14ac:dyDescent="0.35">
      <c r="A34861" s="1" t="s">
        <v>6135</v>
      </c>
      <c r="B34861" s="1" t="s">
        <v>118882</v>
      </c>
      <c r="C34861" s="1" t="s">
        <v>65</v>
      </c>
      <c r="D34861" s="1" t="s">
        <v>8341</v>
      </c>
      <c r="E34861" s="1" t="s">
        <v>121088</v>
      </c>
      <c r="F34861" s="1" t="s">
        <v>121089</v>
      </c>
      <c r="G34861" s="1" t="s">
        <v>121055</v>
      </c>
      <c r="H34861" s="1" t="s">
        <v>121056</v>
      </c>
      <c r="I34861" s="1" t="s">
        <v>118887</v>
      </c>
      <c r="J34861" s="1" t="s">
        <v>121090</v>
      </c>
    </row>
    <row r="34862" spans="1:10" x14ac:dyDescent="0.35">
      <c r="A34862" s="1" t="s">
        <v>6135</v>
      </c>
      <c r="B34862" s="1" t="s">
        <v>118882</v>
      </c>
      <c r="C34862" s="1" t="s">
        <v>70</v>
      </c>
      <c r="D34862" s="1" t="s">
        <v>112262</v>
      </c>
      <c r="E34862" s="1" t="s">
        <v>121091</v>
      </c>
      <c r="F34862" s="1" t="s">
        <v>121092</v>
      </c>
      <c r="G34862" s="1" t="s">
        <v>121055</v>
      </c>
      <c r="H34862" s="1" t="s">
        <v>121056</v>
      </c>
      <c r="I34862" s="1" t="s">
        <v>118887</v>
      </c>
      <c r="J34862" s="1" t="s">
        <v>121093</v>
      </c>
    </row>
    <row r="34863" spans="1:10" x14ac:dyDescent="0.35">
      <c r="A34863" s="1" t="s">
        <v>6135</v>
      </c>
      <c r="B34863" s="1" t="s">
        <v>118882</v>
      </c>
      <c r="C34863" s="1" t="s">
        <v>75</v>
      </c>
      <c r="D34863" s="1" t="s">
        <v>1687</v>
      </c>
      <c r="E34863" s="1" t="s">
        <v>121094</v>
      </c>
      <c r="F34863" s="1" t="s">
        <v>121095</v>
      </c>
      <c r="G34863" s="1" t="s">
        <v>121055</v>
      </c>
      <c r="H34863" s="1" t="s">
        <v>121056</v>
      </c>
      <c r="I34863" s="1" t="s">
        <v>118887</v>
      </c>
      <c r="J34863" s="1" t="s">
        <v>121096</v>
      </c>
    </row>
    <row r="34864" spans="1:10" x14ac:dyDescent="0.35">
      <c r="A34864" s="1" t="s">
        <v>6135</v>
      </c>
      <c r="B34864" s="1" t="s">
        <v>118882</v>
      </c>
      <c r="C34864" s="1" t="s">
        <v>80</v>
      </c>
      <c r="D34864" s="1" t="s">
        <v>51259</v>
      </c>
      <c r="E34864" s="1" t="s">
        <v>121097</v>
      </c>
      <c r="F34864" s="1" t="s">
        <v>121098</v>
      </c>
      <c r="G34864" s="1" t="s">
        <v>121055</v>
      </c>
      <c r="H34864" s="1" t="s">
        <v>121056</v>
      </c>
      <c r="I34864" s="1" t="s">
        <v>118887</v>
      </c>
      <c r="J34864" s="1" t="s">
        <v>121099</v>
      </c>
    </row>
    <row r="34865" spans="1:10" x14ac:dyDescent="0.35">
      <c r="A34865" s="1" t="s">
        <v>6135</v>
      </c>
      <c r="B34865" s="1" t="s">
        <v>118882</v>
      </c>
      <c r="C34865" s="1" t="s">
        <v>85</v>
      </c>
      <c r="D34865" s="1" t="s">
        <v>46468</v>
      </c>
      <c r="E34865" s="1" t="s">
        <v>121100</v>
      </c>
      <c r="F34865" s="1" t="s">
        <v>121101</v>
      </c>
      <c r="G34865" s="1" t="s">
        <v>121055</v>
      </c>
      <c r="H34865" s="1" t="s">
        <v>121056</v>
      </c>
      <c r="I34865" s="1" t="s">
        <v>118887</v>
      </c>
      <c r="J34865" s="1" t="s">
        <v>121102</v>
      </c>
    </row>
    <row r="34866" spans="1:10" x14ac:dyDescent="0.35">
      <c r="A34866" s="1" t="s">
        <v>6135</v>
      </c>
      <c r="B34866" s="1" t="s">
        <v>118882</v>
      </c>
      <c r="C34866" s="1" t="s">
        <v>90</v>
      </c>
      <c r="D34866" s="1" t="s">
        <v>202</v>
      </c>
      <c r="E34866" s="1" t="s">
        <v>121103</v>
      </c>
      <c r="F34866" s="1" t="s">
        <v>121104</v>
      </c>
      <c r="G34866" s="1" t="s">
        <v>121055</v>
      </c>
      <c r="H34866" s="1" t="s">
        <v>121056</v>
      </c>
      <c r="I34866" s="1" t="s">
        <v>118887</v>
      </c>
      <c r="J34866" s="1" t="s">
        <v>121105</v>
      </c>
    </row>
    <row r="34867" spans="1:10" x14ac:dyDescent="0.35">
      <c r="A34867" s="1" t="s">
        <v>6135</v>
      </c>
      <c r="B34867" s="1" t="s">
        <v>118882</v>
      </c>
      <c r="C34867" s="1" t="s">
        <v>95</v>
      </c>
      <c r="D34867" s="1" t="s">
        <v>121106</v>
      </c>
      <c r="E34867" s="1" t="s">
        <v>121107</v>
      </c>
      <c r="F34867" s="1" t="s">
        <v>121108</v>
      </c>
      <c r="G34867" s="1" t="s">
        <v>121055</v>
      </c>
      <c r="H34867" s="1" t="s">
        <v>121056</v>
      </c>
      <c r="I34867" s="1" t="s">
        <v>118887</v>
      </c>
      <c r="J34867" s="1" t="s">
        <v>121109</v>
      </c>
    </row>
    <row r="34868" spans="1:10" x14ac:dyDescent="0.35">
      <c r="A34868" s="1" t="s">
        <v>6135</v>
      </c>
      <c r="B34868" s="1" t="s">
        <v>118882</v>
      </c>
      <c r="C34868" s="1" t="s">
        <v>100</v>
      </c>
      <c r="D34868" s="1" t="s">
        <v>36711</v>
      </c>
      <c r="E34868" s="1" t="s">
        <v>121110</v>
      </c>
      <c r="F34868" s="1" t="s">
        <v>121111</v>
      </c>
      <c r="G34868" s="1" t="s">
        <v>121055</v>
      </c>
      <c r="H34868" s="1" t="s">
        <v>121056</v>
      </c>
      <c r="I34868" s="1" t="s">
        <v>118887</v>
      </c>
      <c r="J34868" s="1" t="s">
        <v>121112</v>
      </c>
    </row>
    <row r="34869" spans="1:10" x14ac:dyDescent="0.35">
      <c r="A34869" s="1" t="s">
        <v>6135</v>
      </c>
      <c r="B34869" s="1" t="s">
        <v>118882</v>
      </c>
      <c r="C34869" s="1" t="s">
        <v>105</v>
      </c>
      <c r="D34869" s="1" t="s">
        <v>8979</v>
      </c>
      <c r="E34869" s="1" t="s">
        <v>121113</v>
      </c>
      <c r="F34869" s="1" t="s">
        <v>121114</v>
      </c>
      <c r="G34869" s="1" t="s">
        <v>121055</v>
      </c>
      <c r="H34869" s="1" t="s">
        <v>121056</v>
      </c>
      <c r="I34869" s="1" t="s">
        <v>118887</v>
      </c>
      <c r="J34869" s="1" t="s">
        <v>121115</v>
      </c>
    </row>
    <row r="34870" spans="1:10" x14ac:dyDescent="0.35">
      <c r="A34870" s="1" t="s">
        <v>6135</v>
      </c>
      <c r="B34870" s="1" t="s">
        <v>118882</v>
      </c>
      <c r="C34870" s="1" t="s">
        <v>110</v>
      </c>
      <c r="D34870" s="1" t="s">
        <v>50781</v>
      </c>
      <c r="E34870" s="1" t="s">
        <v>121116</v>
      </c>
      <c r="F34870" s="1" t="s">
        <v>121117</v>
      </c>
      <c r="G34870" s="1" t="s">
        <v>121055</v>
      </c>
      <c r="H34870" s="1" t="s">
        <v>121056</v>
      </c>
      <c r="I34870" s="1" t="s">
        <v>118887</v>
      </c>
      <c r="J34870" s="1" t="s">
        <v>121118</v>
      </c>
    </row>
    <row r="34871" spans="1:10" x14ac:dyDescent="0.35">
      <c r="A34871" s="1" t="s">
        <v>6135</v>
      </c>
      <c r="B34871" s="1" t="s">
        <v>118882</v>
      </c>
      <c r="C34871" s="1" t="s">
        <v>115</v>
      </c>
      <c r="D34871" s="1" t="s">
        <v>2386</v>
      </c>
      <c r="E34871" s="1" t="s">
        <v>121119</v>
      </c>
      <c r="F34871" s="1" t="s">
        <v>121120</v>
      </c>
      <c r="G34871" s="1" t="s">
        <v>121055</v>
      </c>
      <c r="H34871" s="1" t="s">
        <v>121056</v>
      </c>
      <c r="I34871" s="1" t="s">
        <v>118887</v>
      </c>
      <c r="J34871" s="1" t="s">
        <v>121121</v>
      </c>
    </row>
    <row r="34872" spans="1:10" x14ac:dyDescent="0.35">
      <c r="A34872" s="1" t="s">
        <v>6135</v>
      </c>
      <c r="B34872" s="1" t="s">
        <v>118882</v>
      </c>
      <c r="C34872" s="1" t="s">
        <v>120</v>
      </c>
      <c r="D34872" s="1" t="s">
        <v>14499</v>
      </c>
      <c r="E34872" s="1" t="s">
        <v>121122</v>
      </c>
      <c r="F34872" s="1" t="s">
        <v>121123</v>
      </c>
      <c r="G34872" s="1" t="s">
        <v>121055</v>
      </c>
      <c r="H34872" s="1" t="s">
        <v>121056</v>
      </c>
      <c r="I34872" s="1" t="s">
        <v>118887</v>
      </c>
      <c r="J34872" s="1" t="s">
        <v>121124</v>
      </c>
    </row>
    <row r="34873" spans="1:10" x14ac:dyDescent="0.35">
      <c r="A34873" s="1" t="s">
        <v>6135</v>
      </c>
      <c r="B34873" s="1" t="s">
        <v>118882</v>
      </c>
      <c r="C34873" s="1" t="s">
        <v>125</v>
      </c>
      <c r="D34873" s="1" t="s">
        <v>121125</v>
      </c>
      <c r="E34873" s="1" t="s">
        <v>121126</v>
      </c>
      <c r="F34873" s="1" t="s">
        <v>121127</v>
      </c>
      <c r="G34873" s="1" t="s">
        <v>121055</v>
      </c>
      <c r="H34873" s="1" t="s">
        <v>121056</v>
      </c>
      <c r="I34873" s="1" t="s">
        <v>118887</v>
      </c>
      <c r="J34873" s="1" t="s">
        <v>121128</v>
      </c>
    </row>
    <row r="34874" spans="1:10" x14ac:dyDescent="0.35">
      <c r="A34874" s="1" t="s">
        <v>6135</v>
      </c>
      <c r="B34874" s="1" t="s">
        <v>118882</v>
      </c>
      <c r="C34874" s="1" t="s">
        <v>130</v>
      </c>
      <c r="D34874" s="1" t="s">
        <v>36719</v>
      </c>
      <c r="E34874" s="1" t="s">
        <v>121129</v>
      </c>
      <c r="F34874" s="1" t="s">
        <v>121130</v>
      </c>
      <c r="G34874" s="1" t="s">
        <v>121055</v>
      </c>
      <c r="H34874" s="1" t="s">
        <v>121056</v>
      </c>
      <c r="I34874" s="1" t="s">
        <v>118887</v>
      </c>
      <c r="J34874" s="1" t="s">
        <v>121131</v>
      </c>
    </row>
    <row r="34875" spans="1:10" x14ac:dyDescent="0.35">
      <c r="A34875" s="1" t="s">
        <v>6135</v>
      </c>
      <c r="B34875" s="1" t="s">
        <v>118882</v>
      </c>
      <c r="C34875" s="1" t="s">
        <v>135</v>
      </c>
      <c r="D34875" s="1" t="s">
        <v>360</v>
      </c>
      <c r="E34875" s="1" t="s">
        <v>121132</v>
      </c>
      <c r="F34875" s="1" t="s">
        <v>121133</v>
      </c>
      <c r="G34875" s="1" t="s">
        <v>121055</v>
      </c>
      <c r="H34875" s="1" t="s">
        <v>121056</v>
      </c>
      <c r="I34875" s="1" t="s">
        <v>118887</v>
      </c>
      <c r="J34875" s="1" t="s">
        <v>121134</v>
      </c>
    </row>
    <row r="34876" spans="1:10" x14ac:dyDescent="0.35">
      <c r="A34876" s="1" t="s">
        <v>6135</v>
      </c>
      <c r="B34876" s="1" t="s">
        <v>118882</v>
      </c>
      <c r="C34876" s="1" t="s">
        <v>140</v>
      </c>
      <c r="D34876" s="1" t="s">
        <v>121135</v>
      </c>
      <c r="E34876" s="1" t="s">
        <v>121136</v>
      </c>
      <c r="F34876" s="1" t="s">
        <v>121137</v>
      </c>
      <c r="G34876" s="1" t="s">
        <v>121055</v>
      </c>
      <c r="H34876" s="1" t="s">
        <v>121056</v>
      </c>
      <c r="I34876" s="1" t="s">
        <v>118887</v>
      </c>
      <c r="J34876" s="1" t="s">
        <v>121138</v>
      </c>
    </row>
    <row r="34877" spans="1:10" x14ac:dyDescent="0.35">
      <c r="A34877" s="1" t="s">
        <v>6135</v>
      </c>
      <c r="B34877" s="1" t="s">
        <v>118882</v>
      </c>
      <c r="C34877" s="1" t="s">
        <v>145</v>
      </c>
      <c r="D34877" s="1" t="s">
        <v>12996</v>
      </c>
      <c r="E34877" s="1" t="s">
        <v>121139</v>
      </c>
      <c r="F34877" s="1" t="s">
        <v>121140</v>
      </c>
      <c r="G34877" s="1" t="s">
        <v>121055</v>
      </c>
      <c r="H34877" s="1" t="s">
        <v>121056</v>
      </c>
      <c r="I34877" s="1" t="s">
        <v>118887</v>
      </c>
      <c r="J34877" s="1" t="s">
        <v>121141</v>
      </c>
    </row>
    <row r="34878" spans="1:10" x14ac:dyDescent="0.35">
      <c r="A34878" s="1" t="s">
        <v>6135</v>
      </c>
      <c r="B34878" s="1" t="s">
        <v>118882</v>
      </c>
      <c r="C34878" s="1" t="s">
        <v>150</v>
      </c>
      <c r="D34878" s="1" t="s">
        <v>121142</v>
      </c>
      <c r="E34878" s="1" t="s">
        <v>121143</v>
      </c>
      <c r="F34878" s="1" t="s">
        <v>121144</v>
      </c>
      <c r="G34878" s="1" t="s">
        <v>121055</v>
      </c>
      <c r="H34878" s="1" t="s">
        <v>121056</v>
      </c>
      <c r="I34878" s="1" t="s">
        <v>118887</v>
      </c>
      <c r="J34878" s="1" t="s">
        <v>121145</v>
      </c>
    </row>
    <row r="34879" spans="1:10" x14ac:dyDescent="0.35">
      <c r="A34879" s="1" t="s">
        <v>6135</v>
      </c>
      <c r="B34879" s="1" t="s">
        <v>118882</v>
      </c>
      <c r="C34879" s="1" t="s">
        <v>155</v>
      </c>
      <c r="D34879" s="1" t="s">
        <v>34064</v>
      </c>
      <c r="E34879" s="1" t="s">
        <v>121146</v>
      </c>
      <c r="F34879" s="1" t="s">
        <v>121147</v>
      </c>
      <c r="G34879" s="1" t="s">
        <v>121055</v>
      </c>
      <c r="H34879" s="1" t="s">
        <v>121056</v>
      </c>
      <c r="I34879" s="1" t="s">
        <v>118887</v>
      </c>
      <c r="J34879" s="1" t="s">
        <v>121148</v>
      </c>
    </row>
    <row r="34880" spans="1:10" x14ac:dyDescent="0.35">
      <c r="A34880" s="1" t="s">
        <v>6135</v>
      </c>
      <c r="B34880" s="1" t="s">
        <v>118882</v>
      </c>
      <c r="C34880" s="1" t="s">
        <v>160</v>
      </c>
      <c r="D34880" s="1" t="s">
        <v>115460</v>
      </c>
      <c r="E34880" s="1" t="s">
        <v>121149</v>
      </c>
      <c r="F34880" s="1" t="s">
        <v>121150</v>
      </c>
      <c r="G34880" s="1" t="s">
        <v>121055</v>
      </c>
      <c r="H34880" s="1" t="s">
        <v>121056</v>
      </c>
      <c r="I34880" s="1" t="s">
        <v>118887</v>
      </c>
      <c r="J34880" s="1" t="s">
        <v>121151</v>
      </c>
    </row>
    <row r="34881" spans="1:10" x14ac:dyDescent="0.35">
      <c r="A34881" s="1" t="s">
        <v>6135</v>
      </c>
      <c r="B34881" s="1" t="s">
        <v>118882</v>
      </c>
      <c r="C34881" s="1" t="s">
        <v>165</v>
      </c>
      <c r="D34881" s="1" t="s">
        <v>10915</v>
      </c>
      <c r="E34881" s="1" t="s">
        <v>121152</v>
      </c>
      <c r="F34881" s="1" t="s">
        <v>121153</v>
      </c>
      <c r="G34881" s="1" t="s">
        <v>121055</v>
      </c>
      <c r="H34881" s="1" t="s">
        <v>121056</v>
      </c>
      <c r="I34881" s="1" t="s">
        <v>118887</v>
      </c>
      <c r="J34881" s="1" t="s">
        <v>121154</v>
      </c>
    </row>
    <row r="34882" spans="1:10" x14ac:dyDescent="0.35">
      <c r="A34882" s="1" t="s">
        <v>6135</v>
      </c>
      <c r="B34882" s="1" t="s">
        <v>118882</v>
      </c>
      <c r="C34882" s="1" t="s">
        <v>170</v>
      </c>
      <c r="D34882" s="1" t="s">
        <v>71115</v>
      </c>
      <c r="E34882" s="1" t="s">
        <v>121155</v>
      </c>
      <c r="F34882" s="1" t="s">
        <v>121156</v>
      </c>
      <c r="G34882" s="1" t="s">
        <v>121055</v>
      </c>
      <c r="H34882" s="1" t="s">
        <v>121056</v>
      </c>
      <c r="I34882" s="1" t="s">
        <v>118887</v>
      </c>
      <c r="J34882" s="1" t="s">
        <v>121157</v>
      </c>
    </row>
    <row r="34883" spans="1:10" x14ac:dyDescent="0.35">
      <c r="A34883" s="1" t="s">
        <v>6167</v>
      </c>
      <c r="B34883" s="1" t="s">
        <v>118882</v>
      </c>
      <c r="C34883" s="1" t="s">
        <v>8</v>
      </c>
      <c r="D34883" s="1" t="s">
        <v>100973</v>
      </c>
      <c r="E34883" s="1" t="s">
        <v>121158</v>
      </c>
      <c r="F34883" s="1" t="s">
        <v>121159</v>
      </c>
      <c r="G34883" s="1" t="s">
        <v>121160</v>
      </c>
      <c r="H34883" s="1" t="s">
        <v>121161</v>
      </c>
      <c r="I34883" s="1" t="s">
        <v>118887</v>
      </c>
      <c r="J34883" s="1" t="s">
        <v>13</v>
      </c>
    </row>
    <row r="34884" spans="1:10" x14ac:dyDescent="0.35">
      <c r="A34884" s="1" t="s">
        <v>6167</v>
      </c>
      <c r="B34884" s="1" t="s">
        <v>118882</v>
      </c>
      <c r="C34884" s="1" t="s">
        <v>15</v>
      </c>
      <c r="D34884" s="1" t="s">
        <v>13170</v>
      </c>
      <c r="E34884" s="1" t="s">
        <v>121162</v>
      </c>
      <c r="F34884" s="1" t="s">
        <v>121163</v>
      </c>
      <c r="G34884" s="1" t="s">
        <v>121160</v>
      </c>
      <c r="H34884" s="1" t="s">
        <v>121161</v>
      </c>
      <c r="I34884" s="1" t="s">
        <v>118887</v>
      </c>
      <c r="J34884" s="1" t="s">
        <v>89853</v>
      </c>
    </row>
    <row r="34885" spans="1:10" x14ac:dyDescent="0.35">
      <c r="A34885" s="1" t="s">
        <v>6167</v>
      </c>
      <c r="B34885" s="1" t="s">
        <v>118882</v>
      </c>
      <c r="C34885" s="1" t="s">
        <v>20</v>
      </c>
      <c r="D34885" s="1" t="s">
        <v>45347</v>
      </c>
      <c r="E34885" s="1" t="s">
        <v>121164</v>
      </c>
      <c r="F34885" s="1" t="s">
        <v>121165</v>
      </c>
      <c r="G34885" s="1" t="s">
        <v>121160</v>
      </c>
      <c r="H34885" s="1" t="s">
        <v>121161</v>
      </c>
      <c r="I34885" s="1" t="s">
        <v>118887</v>
      </c>
      <c r="J34885" s="1" t="s">
        <v>121166</v>
      </c>
    </row>
    <row r="34886" spans="1:10" x14ac:dyDescent="0.35">
      <c r="A34886" s="1" t="s">
        <v>6167</v>
      </c>
      <c r="B34886" s="1" t="s">
        <v>118882</v>
      </c>
      <c r="C34886" s="1" t="s">
        <v>25</v>
      </c>
      <c r="D34886" s="1" t="s">
        <v>103660</v>
      </c>
      <c r="E34886" s="1" t="s">
        <v>121167</v>
      </c>
      <c r="F34886" s="1" t="s">
        <v>121168</v>
      </c>
      <c r="G34886" s="1" t="s">
        <v>121160</v>
      </c>
      <c r="H34886" s="1" t="s">
        <v>121161</v>
      </c>
      <c r="I34886" s="1" t="s">
        <v>118887</v>
      </c>
      <c r="J34886" s="1" t="s">
        <v>121169</v>
      </c>
    </row>
    <row r="34887" spans="1:10" x14ac:dyDescent="0.35">
      <c r="A34887" s="1" t="s">
        <v>6167</v>
      </c>
      <c r="B34887" s="1" t="s">
        <v>118882</v>
      </c>
      <c r="C34887" s="1" t="s">
        <v>30</v>
      </c>
      <c r="D34887" s="1" t="s">
        <v>13822</v>
      </c>
      <c r="E34887" s="1" t="s">
        <v>121170</v>
      </c>
      <c r="F34887" s="1" t="s">
        <v>121171</v>
      </c>
      <c r="G34887" s="1" t="s">
        <v>121160</v>
      </c>
      <c r="H34887" s="1" t="s">
        <v>121161</v>
      </c>
      <c r="I34887" s="1" t="s">
        <v>118887</v>
      </c>
      <c r="J34887" s="1" t="s">
        <v>121172</v>
      </c>
    </row>
    <row r="34888" spans="1:10" x14ac:dyDescent="0.35">
      <c r="A34888" s="1" t="s">
        <v>6167</v>
      </c>
      <c r="B34888" s="1" t="s">
        <v>118882</v>
      </c>
      <c r="C34888" s="1" t="s">
        <v>35</v>
      </c>
      <c r="D34888" s="1" t="s">
        <v>33524</v>
      </c>
      <c r="E34888" s="1" t="s">
        <v>121173</v>
      </c>
      <c r="F34888" s="1" t="s">
        <v>121174</v>
      </c>
      <c r="G34888" s="1" t="s">
        <v>121160</v>
      </c>
      <c r="H34888" s="1" t="s">
        <v>121161</v>
      </c>
      <c r="I34888" s="1" t="s">
        <v>118887</v>
      </c>
      <c r="J34888" s="1" t="s">
        <v>121175</v>
      </c>
    </row>
    <row r="34889" spans="1:10" x14ac:dyDescent="0.35">
      <c r="A34889" s="1" t="s">
        <v>6167</v>
      </c>
      <c r="B34889" s="1" t="s">
        <v>118882</v>
      </c>
      <c r="C34889" s="1" t="s">
        <v>40</v>
      </c>
      <c r="D34889" s="1" t="s">
        <v>121176</v>
      </c>
      <c r="E34889" s="1" t="s">
        <v>121177</v>
      </c>
      <c r="F34889" s="1" t="s">
        <v>121178</v>
      </c>
      <c r="G34889" s="1" t="s">
        <v>121160</v>
      </c>
      <c r="H34889" s="1" t="s">
        <v>121161</v>
      </c>
      <c r="I34889" s="1" t="s">
        <v>118887</v>
      </c>
      <c r="J34889" s="1" t="s">
        <v>121179</v>
      </c>
    </row>
    <row r="34890" spans="1:10" x14ac:dyDescent="0.35">
      <c r="A34890" s="1" t="s">
        <v>6167</v>
      </c>
      <c r="B34890" s="1" t="s">
        <v>118882</v>
      </c>
      <c r="C34890" s="1" t="s">
        <v>45</v>
      </c>
      <c r="D34890" s="1" t="s">
        <v>121180</v>
      </c>
      <c r="E34890" s="1" t="s">
        <v>121181</v>
      </c>
      <c r="F34890" s="1" t="s">
        <v>121182</v>
      </c>
      <c r="G34890" s="1" t="s">
        <v>121160</v>
      </c>
      <c r="H34890" s="1" t="s">
        <v>121161</v>
      </c>
      <c r="I34890" s="1" t="s">
        <v>118887</v>
      </c>
      <c r="J34890" s="1" t="s">
        <v>121183</v>
      </c>
    </row>
    <row r="34891" spans="1:10" x14ac:dyDescent="0.35">
      <c r="A34891" s="1" t="s">
        <v>6167</v>
      </c>
      <c r="B34891" s="1" t="s">
        <v>118882</v>
      </c>
      <c r="C34891" s="1" t="s">
        <v>50</v>
      </c>
      <c r="D34891" s="1" t="s">
        <v>4462</v>
      </c>
      <c r="E34891" s="1" t="s">
        <v>121184</v>
      </c>
      <c r="F34891" s="1" t="s">
        <v>121185</v>
      </c>
      <c r="G34891" s="1" t="s">
        <v>121160</v>
      </c>
      <c r="H34891" s="1" t="s">
        <v>121161</v>
      </c>
      <c r="I34891" s="1" t="s">
        <v>118887</v>
      </c>
      <c r="J34891" s="1" t="s">
        <v>121186</v>
      </c>
    </row>
    <row r="34892" spans="1:10" x14ac:dyDescent="0.35">
      <c r="A34892" s="1" t="s">
        <v>6167</v>
      </c>
      <c r="B34892" s="1" t="s">
        <v>118882</v>
      </c>
      <c r="C34892" s="1" t="s">
        <v>55</v>
      </c>
      <c r="D34892" s="1" t="s">
        <v>7025</v>
      </c>
      <c r="E34892" s="1" t="s">
        <v>121187</v>
      </c>
      <c r="F34892" s="1" t="s">
        <v>121188</v>
      </c>
      <c r="G34892" s="1" t="s">
        <v>121160</v>
      </c>
      <c r="H34892" s="1" t="s">
        <v>121161</v>
      </c>
      <c r="I34892" s="1" t="s">
        <v>118887</v>
      </c>
      <c r="J34892" s="1" t="s">
        <v>121189</v>
      </c>
    </row>
    <row r="34893" spans="1:10" x14ac:dyDescent="0.35">
      <c r="A34893" s="1" t="s">
        <v>6167</v>
      </c>
      <c r="B34893" s="1" t="s">
        <v>118882</v>
      </c>
      <c r="C34893" s="1" t="s">
        <v>60</v>
      </c>
      <c r="D34893" s="1" t="s">
        <v>121190</v>
      </c>
      <c r="E34893" s="1" t="s">
        <v>121191</v>
      </c>
      <c r="F34893" s="1" t="s">
        <v>121192</v>
      </c>
      <c r="G34893" s="1" t="s">
        <v>121160</v>
      </c>
      <c r="H34893" s="1" t="s">
        <v>121161</v>
      </c>
      <c r="I34893" s="1" t="s">
        <v>118887</v>
      </c>
      <c r="J34893" s="1" t="s">
        <v>121193</v>
      </c>
    </row>
    <row r="34894" spans="1:10" x14ac:dyDescent="0.35">
      <c r="A34894" s="1" t="s">
        <v>6167</v>
      </c>
      <c r="B34894" s="1" t="s">
        <v>118882</v>
      </c>
      <c r="C34894" s="1" t="s">
        <v>65</v>
      </c>
      <c r="D34894" s="1" t="s">
        <v>4488</v>
      </c>
      <c r="E34894" s="1" t="s">
        <v>121194</v>
      </c>
      <c r="F34894" s="1" t="s">
        <v>121195</v>
      </c>
      <c r="G34894" s="1" t="s">
        <v>121160</v>
      </c>
      <c r="H34894" s="1" t="s">
        <v>121161</v>
      </c>
      <c r="I34894" s="1" t="s">
        <v>118887</v>
      </c>
      <c r="J34894" s="1" t="s">
        <v>121196</v>
      </c>
    </row>
    <row r="34895" spans="1:10" x14ac:dyDescent="0.35">
      <c r="A34895" s="1" t="s">
        <v>6167</v>
      </c>
      <c r="B34895" s="1" t="s">
        <v>118882</v>
      </c>
      <c r="C34895" s="1" t="s">
        <v>70</v>
      </c>
      <c r="D34895" s="1" t="s">
        <v>121197</v>
      </c>
      <c r="E34895" s="1" t="s">
        <v>121198</v>
      </c>
      <c r="F34895" s="1" t="s">
        <v>121199</v>
      </c>
      <c r="G34895" s="1" t="s">
        <v>121160</v>
      </c>
      <c r="H34895" s="1" t="s">
        <v>121161</v>
      </c>
      <c r="I34895" s="1" t="s">
        <v>118887</v>
      </c>
      <c r="J34895" s="1" t="s">
        <v>121200</v>
      </c>
    </row>
    <row r="34896" spans="1:10" x14ac:dyDescent="0.35">
      <c r="A34896" s="1" t="s">
        <v>6167</v>
      </c>
      <c r="B34896" s="1" t="s">
        <v>118882</v>
      </c>
      <c r="C34896" s="1" t="s">
        <v>75</v>
      </c>
      <c r="D34896" s="1" t="s">
        <v>121201</v>
      </c>
      <c r="E34896" s="1" t="s">
        <v>121202</v>
      </c>
      <c r="F34896" s="1" t="s">
        <v>121203</v>
      </c>
      <c r="G34896" s="1" t="s">
        <v>121160</v>
      </c>
      <c r="H34896" s="1" t="s">
        <v>121161</v>
      </c>
      <c r="I34896" s="1" t="s">
        <v>118887</v>
      </c>
      <c r="J34896" s="1" t="s">
        <v>121204</v>
      </c>
    </row>
    <row r="34897" spans="1:10" x14ac:dyDescent="0.35">
      <c r="A34897" s="1" t="s">
        <v>6167</v>
      </c>
      <c r="B34897" s="1" t="s">
        <v>118882</v>
      </c>
      <c r="C34897" s="1" t="s">
        <v>80</v>
      </c>
      <c r="D34897" s="1" t="s">
        <v>14968</v>
      </c>
      <c r="E34897" s="1" t="s">
        <v>121205</v>
      </c>
      <c r="F34897" s="1" t="s">
        <v>121206</v>
      </c>
      <c r="G34897" s="1" t="s">
        <v>121160</v>
      </c>
      <c r="H34897" s="1" t="s">
        <v>121161</v>
      </c>
      <c r="I34897" s="1" t="s">
        <v>118887</v>
      </c>
      <c r="J34897" s="1" t="s">
        <v>121207</v>
      </c>
    </row>
    <row r="34898" spans="1:10" x14ac:dyDescent="0.35">
      <c r="A34898" s="1" t="s">
        <v>6167</v>
      </c>
      <c r="B34898" s="1" t="s">
        <v>118882</v>
      </c>
      <c r="C34898" s="1" t="s">
        <v>85</v>
      </c>
      <c r="D34898" s="1" t="s">
        <v>11036</v>
      </c>
      <c r="E34898" s="1" t="s">
        <v>121208</v>
      </c>
      <c r="F34898" s="1" t="s">
        <v>121209</v>
      </c>
      <c r="G34898" s="1" t="s">
        <v>121160</v>
      </c>
      <c r="H34898" s="1" t="s">
        <v>121161</v>
      </c>
      <c r="I34898" s="1" t="s">
        <v>118887</v>
      </c>
      <c r="J34898" s="1" t="s">
        <v>121210</v>
      </c>
    </row>
    <row r="34899" spans="1:10" x14ac:dyDescent="0.35">
      <c r="A34899" s="1" t="s">
        <v>6167</v>
      </c>
      <c r="B34899" s="1" t="s">
        <v>118882</v>
      </c>
      <c r="C34899" s="1" t="s">
        <v>90</v>
      </c>
      <c r="D34899" s="1" t="s">
        <v>45732</v>
      </c>
      <c r="E34899" s="1" t="s">
        <v>121211</v>
      </c>
      <c r="F34899" s="1" t="s">
        <v>121212</v>
      </c>
      <c r="G34899" s="1" t="s">
        <v>121160</v>
      </c>
      <c r="H34899" s="1" t="s">
        <v>121161</v>
      </c>
      <c r="I34899" s="1" t="s">
        <v>118887</v>
      </c>
      <c r="J34899" s="1" t="s">
        <v>121213</v>
      </c>
    </row>
    <row r="34900" spans="1:10" x14ac:dyDescent="0.35">
      <c r="A34900" s="1" t="s">
        <v>6167</v>
      </c>
      <c r="B34900" s="1" t="s">
        <v>118882</v>
      </c>
      <c r="C34900" s="1" t="s">
        <v>95</v>
      </c>
      <c r="D34900" s="1" t="s">
        <v>4054</v>
      </c>
      <c r="E34900" s="1" t="s">
        <v>121214</v>
      </c>
      <c r="F34900" s="1" t="s">
        <v>121215</v>
      </c>
      <c r="G34900" s="1" t="s">
        <v>121160</v>
      </c>
      <c r="H34900" s="1" t="s">
        <v>121161</v>
      </c>
      <c r="I34900" s="1" t="s">
        <v>118887</v>
      </c>
      <c r="J34900" s="1" t="s">
        <v>121216</v>
      </c>
    </row>
    <row r="34901" spans="1:10" x14ac:dyDescent="0.35">
      <c r="A34901" s="1" t="s">
        <v>6167</v>
      </c>
      <c r="B34901" s="1" t="s">
        <v>118882</v>
      </c>
      <c r="C34901" s="1" t="s">
        <v>100</v>
      </c>
      <c r="D34901" s="1" t="s">
        <v>121217</v>
      </c>
      <c r="E34901" s="1" t="s">
        <v>121218</v>
      </c>
      <c r="F34901" s="1" t="s">
        <v>121219</v>
      </c>
      <c r="G34901" s="1" t="s">
        <v>121160</v>
      </c>
      <c r="H34901" s="1" t="s">
        <v>121161</v>
      </c>
      <c r="I34901" s="1" t="s">
        <v>118887</v>
      </c>
      <c r="J34901" s="1" t="s">
        <v>121220</v>
      </c>
    </row>
    <row r="34902" spans="1:10" x14ac:dyDescent="0.35">
      <c r="A34902" s="1" t="s">
        <v>6167</v>
      </c>
      <c r="B34902" s="1" t="s">
        <v>118882</v>
      </c>
      <c r="C34902" s="1" t="s">
        <v>105</v>
      </c>
      <c r="D34902" s="1" t="s">
        <v>2845</v>
      </c>
      <c r="E34902" s="1" t="s">
        <v>121221</v>
      </c>
      <c r="F34902" s="1" t="s">
        <v>121222</v>
      </c>
      <c r="G34902" s="1" t="s">
        <v>121160</v>
      </c>
      <c r="H34902" s="1" t="s">
        <v>121161</v>
      </c>
      <c r="I34902" s="1" t="s">
        <v>118887</v>
      </c>
      <c r="J34902" s="1" t="s">
        <v>121223</v>
      </c>
    </row>
    <row r="34903" spans="1:10" x14ac:dyDescent="0.35">
      <c r="A34903" s="1" t="s">
        <v>6167</v>
      </c>
      <c r="B34903" s="1" t="s">
        <v>118882</v>
      </c>
      <c r="C34903" s="1" t="s">
        <v>110</v>
      </c>
      <c r="D34903" s="1" t="s">
        <v>25247</v>
      </c>
      <c r="E34903" s="1" t="s">
        <v>121224</v>
      </c>
      <c r="F34903" s="1" t="s">
        <v>121225</v>
      </c>
      <c r="G34903" s="1" t="s">
        <v>121160</v>
      </c>
      <c r="H34903" s="1" t="s">
        <v>121161</v>
      </c>
      <c r="I34903" s="1" t="s">
        <v>118887</v>
      </c>
      <c r="J34903" s="1" t="s">
        <v>121226</v>
      </c>
    </row>
    <row r="34904" spans="1:10" x14ac:dyDescent="0.35">
      <c r="A34904" s="1" t="s">
        <v>6167</v>
      </c>
      <c r="B34904" s="1" t="s">
        <v>118882</v>
      </c>
      <c r="C34904" s="1" t="s">
        <v>115</v>
      </c>
      <c r="D34904" s="1" t="s">
        <v>121227</v>
      </c>
      <c r="E34904" s="1" t="s">
        <v>121228</v>
      </c>
      <c r="F34904" s="1" t="s">
        <v>121229</v>
      </c>
      <c r="G34904" s="1" t="s">
        <v>121160</v>
      </c>
      <c r="H34904" s="1" t="s">
        <v>121161</v>
      </c>
      <c r="I34904" s="1" t="s">
        <v>118887</v>
      </c>
      <c r="J34904" s="1" t="s">
        <v>121230</v>
      </c>
    </row>
    <row r="34905" spans="1:10" x14ac:dyDescent="0.35">
      <c r="A34905" s="1" t="s">
        <v>6167</v>
      </c>
      <c r="B34905" s="1" t="s">
        <v>118882</v>
      </c>
      <c r="C34905" s="1" t="s">
        <v>120</v>
      </c>
      <c r="D34905" s="1" t="s">
        <v>45845</v>
      </c>
      <c r="E34905" s="1" t="s">
        <v>121231</v>
      </c>
      <c r="F34905" s="1" t="s">
        <v>121232</v>
      </c>
      <c r="G34905" s="1" t="s">
        <v>121160</v>
      </c>
      <c r="H34905" s="1" t="s">
        <v>121161</v>
      </c>
      <c r="I34905" s="1" t="s">
        <v>118887</v>
      </c>
      <c r="J34905" s="1" t="s">
        <v>121233</v>
      </c>
    </row>
    <row r="34906" spans="1:10" x14ac:dyDescent="0.35">
      <c r="A34906" s="1" t="s">
        <v>6167</v>
      </c>
      <c r="B34906" s="1" t="s">
        <v>118882</v>
      </c>
      <c r="C34906" s="1" t="s">
        <v>125</v>
      </c>
      <c r="D34906" s="1" t="s">
        <v>112421</v>
      </c>
      <c r="E34906" s="1" t="s">
        <v>121234</v>
      </c>
      <c r="F34906" s="1" t="s">
        <v>121235</v>
      </c>
      <c r="G34906" s="1" t="s">
        <v>121160</v>
      </c>
      <c r="H34906" s="1" t="s">
        <v>121161</v>
      </c>
      <c r="I34906" s="1" t="s">
        <v>118887</v>
      </c>
      <c r="J34906" s="1" t="s">
        <v>121236</v>
      </c>
    </row>
    <row r="34907" spans="1:10" x14ac:dyDescent="0.35">
      <c r="A34907" s="1" t="s">
        <v>6167</v>
      </c>
      <c r="B34907" s="1" t="s">
        <v>118882</v>
      </c>
      <c r="C34907" s="1" t="s">
        <v>130</v>
      </c>
      <c r="D34907" s="1" t="s">
        <v>104820</v>
      </c>
      <c r="E34907" s="1" t="s">
        <v>121237</v>
      </c>
      <c r="F34907" s="1" t="s">
        <v>121238</v>
      </c>
      <c r="G34907" s="1" t="s">
        <v>121160</v>
      </c>
      <c r="H34907" s="1" t="s">
        <v>121161</v>
      </c>
      <c r="I34907" s="1" t="s">
        <v>118887</v>
      </c>
      <c r="J34907" s="1" t="s">
        <v>121239</v>
      </c>
    </row>
    <row r="34908" spans="1:10" x14ac:dyDescent="0.35">
      <c r="A34908" s="1" t="s">
        <v>6167</v>
      </c>
      <c r="B34908" s="1" t="s">
        <v>118882</v>
      </c>
      <c r="C34908" s="1" t="s">
        <v>135</v>
      </c>
      <c r="D34908" s="1" t="s">
        <v>121240</v>
      </c>
      <c r="E34908" s="1" t="s">
        <v>121241</v>
      </c>
      <c r="F34908" s="1" t="s">
        <v>121242</v>
      </c>
      <c r="G34908" s="1" t="s">
        <v>121160</v>
      </c>
      <c r="H34908" s="1" t="s">
        <v>121161</v>
      </c>
      <c r="I34908" s="1" t="s">
        <v>118887</v>
      </c>
      <c r="J34908" s="1" t="s">
        <v>121243</v>
      </c>
    </row>
    <row r="34909" spans="1:10" x14ac:dyDescent="0.35">
      <c r="A34909" s="1" t="s">
        <v>6167</v>
      </c>
      <c r="B34909" s="1" t="s">
        <v>118882</v>
      </c>
      <c r="C34909" s="1" t="s">
        <v>140</v>
      </c>
      <c r="D34909" s="1" t="s">
        <v>44161</v>
      </c>
      <c r="E34909" s="1" t="s">
        <v>121244</v>
      </c>
      <c r="F34909" s="1" t="s">
        <v>121245</v>
      </c>
      <c r="G34909" s="1" t="s">
        <v>121160</v>
      </c>
      <c r="H34909" s="1" t="s">
        <v>121161</v>
      </c>
      <c r="I34909" s="1" t="s">
        <v>118887</v>
      </c>
      <c r="J34909" s="1" t="s">
        <v>121246</v>
      </c>
    </row>
    <row r="34910" spans="1:10" x14ac:dyDescent="0.35">
      <c r="A34910" s="1" t="s">
        <v>6167</v>
      </c>
      <c r="B34910" s="1" t="s">
        <v>118882</v>
      </c>
      <c r="C34910" s="1" t="s">
        <v>145</v>
      </c>
      <c r="D34910" s="1" t="s">
        <v>121247</v>
      </c>
      <c r="E34910" s="1" t="s">
        <v>121248</v>
      </c>
      <c r="F34910" s="1" t="s">
        <v>121249</v>
      </c>
      <c r="G34910" s="1" t="s">
        <v>121160</v>
      </c>
      <c r="H34910" s="1" t="s">
        <v>121161</v>
      </c>
      <c r="I34910" s="1" t="s">
        <v>118887</v>
      </c>
      <c r="J34910" s="1" t="s">
        <v>121250</v>
      </c>
    </row>
    <row r="34911" spans="1:10" x14ac:dyDescent="0.35">
      <c r="A34911" s="1" t="s">
        <v>6167</v>
      </c>
      <c r="B34911" s="1" t="s">
        <v>118882</v>
      </c>
      <c r="C34911" s="1" t="s">
        <v>150</v>
      </c>
      <c r="D34911" s="1" t="s">
        <v>44073</v>
      </c>
      <c r="E34911" s="1" t="s">
        <v>121251</v>
      </c>
      <c r="F34911" s="1" t="s">
        <v>121252</v>
      </c>
      <c r="G34911" s="1" t="s">
        <v>121160</v>
      </c>
      <c r="H34911" s="1" t="s">
        <v>121161</v>
      </c>
      <c r="I34911" s="1" t="s">
        <v>118887</v>
      </c>
      <c r="J34911" s="1" t="s">
        <v>121253</v>
      </c>
    </row>
    <row r="34912" spans="1:10" x14ac:dyDescent="0.35">
      <c r="A34912" s="1" t="s">
        <v>6167</v>
      </c>
      <c r="B34912" s="1" t="s">
        <v>118882</v>
      </c>
      <c r="C34912" s="1" t="s">
        <v>155</v>
      </c>
      <c r="D34912" s="1" t="s">
        <v>71166</v>
      </c>
      <c r="E34912" s="1" t="s">
        <v>121254</v>
      </c>
      <c r="F34912" s="1" t="s">
        <v>121255</v>
      </c>
      <c r="G34912" s="1" t="s">
        <v>121160</v>
      </c>
      <c r="H34912" s="1" t="s">
        <v>121161</v>
      </c>
      <c r="I34912" s="1" t="s">
        <v>118887</v>
      </c>
      <c r="J34912" s="1" t="s">
        <v>121256</v>
      </c>
    </row>
    <row r="34913" spans="1:10" x14ac:dyDescent="0.35">
      <c r="A34913" s="1" t="s">
        <v>6167</v>
      </c>
      <c r="B34913" s="1" t="s">
        <v>118882</v>
      </c>
      <c r="C34913" s="1" t="s">
        <v>160</v>
      </c>
      <c r="D34913" s="1" t="s">
        <v>28232</v>
      </c>
      <c r="E34913" s="1" t="s">
        <v>121257</v>
      </c>
      <c r="F34913" s="1" t="s">
        <v>121258</v>
      </c>
      <c r="G34913" s="1" t="s">
        <v>121160</v>
      </c>
      <c r="H34913" s="1" t="s">
        <v>121161</v>
      </c>
      <c r="I34913" s="1" t="s">
        <v>118887</v>
      </c>
      <c r="J34913" s="1" t="s">
        <v>121259</v>
      </c>
    </row>
    <row r="34914" spans="1:10" x14ac:dyDescent="0.35">
      <c r="A34914" s="1" t="s">
        <v>6167</v>
      </c>
      <c r="B34914" s="1" t="s">
        <v>118882</v>
      </c>
      <c r="C34914" s="1" t="s">
        <v>165</v>
      </c>
      <c r="D34914" s="1" t="s">
        <v>121260</v>
      </c>
      <c r="E34914" s="1" t="s">
        <v>121261</v>
      </c>
      <c r="F34914" s="1" t="s">
        <v>121262</v>
      </c>
      <c r="G34914" s="1" t="s">
        <v>121160</v>
      </c>
      <c r="H34914" s="1" t="s">
        <v>121161</v>
      </c>
      <c r="I34914" s="1" t="s">
        <v>118887</v>
      </c>
      <c r="J34914" s="1" t="s">
        <v>121263</v>
      </c>
    </row>
    <row r="34915" spans="1:10" x14ac:dyDescent="0.35">
      <c r="A34915" s="1" t="s">
        <v>6167</v>
      </c>
      <c r="B34915" s="1" t="s">
        <v>118882</v>
      </c>
      <c r="C34915" s="1" t="s">
        <v>170</v>
      </c>
      <c r="D34915" s="1" t="s">
        <v>36735</v>
      </c>
      <c r="E34915" s="1" t="s">
        <v>121264</v>
      </c>
      <c r="F34915" s="1" t="s">
        <v>121265</v>
      </c>
      <c r="G34915" s="1" t="s">
        <v>121160</v>
      </c>
      <c r="H34915" s="1" t="s">
        <v>121161</v>
      </c>
      <c r="I34915" s="1" t="s">
        <v>118887</v>
      </c>
      <c r="J34915" s="1" t="s">
        <v>121266</v>
      </c>
    </row>
    <row r="34916" spans="1:10" x14ac:dyDescent="0.35">
      <c r="A34916" s="1" t="s">
        <v>121267</v>
      </c>
      <c r="B34916" s="1" t="s">
        <v>118882</v>
      </c>
      <c r="C34916" s="1" t="s">
        <v>8</v>
      </c>
      <c r="D34916" s="1" t="s">
        <v>4737</v>
      </c>
      <c r="E34916" s="1" t="s">
        <v>121268</v>
      </c>
      <c r="F34916" s="1" t="s">
        <v>121269</v>
      </c>
      <c r="G34916" s="1" t="s">
        <v>121270</v>
      </c>
      <c r="H34916" s="1" t="s">
        <v>121271</v>
      </c>
      <c r="I34916" s="1" t="s">
        <v>118887</v>
      </c>
      <c r="J34916" s="1" t="s">
        <v>13</v>
      </c>
    </row>
    <row r="34917" spans="1:10" x14ac:dyDescent="0.35">
      <c r="A34917" s="1" t="s">
        <v>121267</v>
      </c>
      <c r="B34917" s="1" t="s">
        <v>118882</v>
      </c>
      <c r="C34917" s="1" t="s">
        <v>15</v>
      </c>
      <c r="D34917" s="1" t="s">
        <v>2075</v>
      </c>
      <c r="E34917" s="1" t="s">
        <v>121272</v>
      </c>
      <c r="F34917" s="1" t="s">
        <v>121273</v>
      </c>
      <c r="G34917" s="1" t="s">
        <v>121270</v>
      </c>
      <c r="H34917" s="1" t="s">
        <v>121271</v>
      </c>
      <c r="I34917" s="1" t="s">
        <v>118887</v>
      </c>
      <c r="J34917" s="1" t="s">
        <v>121274</v>
      </c>
    </row>
    <row r="34918" spans="1:10" x14ac:dyDescent="0.35">
      <c r="A34918" s="1" t="s">
        <v>121267</v>
      </c>
      <c r="B34918" s="1" t="s">
        <v>118882</v>
      </c>
      <c r="C34918" s="1" t="s">
        <v>20</v>
      </c>
      <c r="D34918" s="1" t="s">
        <v>45143</v>
      </c>
      <c r="E34918" s="1" t="s">
        <v>121275</v>
      </c>
      <c r="F34918" s="1" t="s">
        <v>121276</v>
      </c>
      <c r="G34918" s="1" t="s">
        <v>121270</v>
      </c>
      <c r="H34918" s="1" t="s">
        <v>121271</v>
      </c>
      <c r="I34918" s="1" t="s">
        <v>118887</v>
      </c>
      <c r="J34918" s="1" t="s">
        <v>121277</v>
      </c>
    </row>
    <row r="34919" spans="1:10" x14ac:dyDescent="0.35">
      <c r="A34919" s="1" t="s">
        <v>121267</v>
      </c>
      <c r="B34919" s="1" t="s">
        <v>118882</v>
      </c>
      <c r="C34919" s="1" t="s">
        <v>25</v>
      </c>
      <c r="D34919" s="1" t="s">
        <v>27820</v>
      </c>
      <c r="E34919" s="1" t="s">
        <v>121278</v>
      </c>
      <c r="F34919" s="1" t="s">
        <v>121279</v>
      </c>
      <c r="G34919" s="1" t="s">
        <v>121270</v>
      </c>
      <c r="H34919" s="1" t="s">
        <v>121271</v>
      </c>
      <c r="I34919" s="1" t="s">
        <v>118887</v>
      </c>
      <c r="J34919" s="1" t="s">
        <v>121280</v>
      </c>
    </row>
    <row r="34920" spans="1:10" x14ac:dyDescent="0.35">
      <c r="A34920" s="1" t="s">
        <v>121267</v>
      </c>
      <c r="B34920" s="1" t="s">
        <v>118882</v>
      </c>
      <c r="C34920" s="1" t="s">
        <v>30</v>
      </c>
      <c r="D34920" s="1" t="s">
        <v>8111</v>
      </c>
      <c r="E34920" s="1" t="s">
        <v>121281</v>
      </c>
      <c r="F34920" s="1" t="s">
        <v>121282</v>
      </c>
      <c r="G34920" s="1" t="s">
        <v>121270</v>
      </c>
      <c r="H34920" s="1" t="s">
        <v>121271</v>
      </c>
      <c r="I34920" s="1" t="s">
        <v>118887</v>
      </c>
      <c r="J34920" s="1" t="s">
        <v>121283</v>
      </c>
    </row>
    <row r="34921" spans="1:10" x14ac:dyDescent="0.35">
      <c r="A34921" s="1" t="s">
        <v>121267</v>
      </c>
      <c r="B34921" s="1" t="s">
        <v>118882</v>
      </c>
      <c r="C34921" s="1" t="s">
        <v>35</v>
      </c>
      <c r="D34921" s="1" t="s">
        <v>11771</v>
      </c>
      <c r="E34921" s="1" t="s">
        <v>121284</v>
      </c>
      <c r="F34921" s="1" t="s">
        <v>121285</v>
      </c>
      <c r="G34921" s="1" t="s">
        <v>121270</v>
      </c>
      <c r="H34921" s="1" t="s">
        <v>121271</v>
      </c>
      <c r="I34921" s="1" t="s">
        <v>118887</v>
      </c>
      <c r="J34921" s="1" t="s">
        <v>121286</v>
      </c>
    </row>
    <row r="34922" spans="1:10" x14ac:dyDescent="0.35">
      <c r="A34922" s="1" t="s">
        <v>121267</v>
      </c>
      <c r="B34922" s="1" t="s">
        <v>118882</v>
      </c>
      <c r="C34922" s="1" t="s">
        <v>40</v>
      </c>
      <c r="D34922" s="1" t="s">
        <v>121287</v>
      </c>
      <c r="E34922" s="1" t="s">
        <v>121288</v>
      </c>
      <c r="F34922" s="1" t="s">
        <v>121289</v>
      </c>
      <c r="G34922" s="1" t="s">
        <v>121270</v>
      </c>
      <c r="H34922" s="1" t="s">
        <v>121271</v>
      </c>
      <c r="I34922" s="1" t="s">
        <v>118887</v>
      </c>
      <c r="J34922" s="1" t="s">
        <v>121290</v>
      </c>
    </row>
    <row r="34923" spans="1:10" x14ac:dyDescent="0.35">
      <c r="A34923" s="1" t="s">
        <v>121267</v>
      </c>
      <c r="B34923" s="1" t="s">
        <v>118882</v>
      </c>
      <c r="C34923" s="1" t="s">
        <v>45</v>
      </c>
      <c r="D34923" s="1" t="s">
        <v>121291</v>
      </c>
      <c r="E34923" s="1" t="s">
        <v>121292</v>
      </c>
      <c r="F34923" s="1" t="s">
        <v>121293</v>
      </c>
      <c r="G34923" s="1" t="s">
        <v>121270</v>
      </c>
      <c r="H34923" s="1" t="s">
        <v>121271</v>
      </c>
      <c r="I34923" s="1" t="s">
        <v>118887</v>
      </c>
      <c r="J34923" s="1" t="s">
        <v>121294</v>
      </c>
    </row>
    <row r="34924" spans="1:10" x14ac:dyDescent="0.35">
      <c r="A34924" s="1" t="s">
        <v>121267</v>
      </c>
      <c r="B34924" s="1" t="s">
        <v>118882</v>
      </c>
      <c r="C34924" s="1" t="s">
        <v>50</v>
      </c>
      <c r="D34924" s="1" t="s">
        <v>121295</v>
      </c>
      <c r="E34924" s="1" t="s">
        <v>121296</v>
      </c>
      <c r="F34924" s="1" t="s">
        <v>121297</v>
      </c>
      <c r="G34924" s="1" t="s">
        <v>121270</v>
      </c>
      <c r="H34924" s="1" t="s">
        <v>121271</v>
      </c>
      <c r="I34924" s="1" t="s">
        <v>118887</v>
      </c>
      <c r="J34924" s="1" t="s">
        <v>77286</v>
      </c>
    </row>
    <row r="34925" spans="1:10" x14ac:dyDescent="0.35">
      <c r="A34925" s="1" t="s">
        <v>121267</v>
      </c>
      <c r="B34925" s="1" t="s">
        <v>118882</v>
      </c>
      <c r="C34925" s="1" t="s">
        <v>55</v>
      </c>
      <c r="D34925" s="1" t="s">
        <v>121298</v>
      </c>
      <c r="E34925" s="1" t="s">
        <v>121299</v>
      </c>
      <c r="F34925" s="1" t="s">
        <v>121300</v>
      </c>
      <c r="G34925" s="1" t="s">
        <v>121270</v>
      </c>
      <c r="H34925" s="1" t="s">
        <v>121271</v>
      </c>
      <c r="I34925" s="1" t="s">
        <v>118887</v>
      </c>
      <c r="J34925" s="1" t="s">
        <v>121301</v>
      </c>
    </row>
    <row r="34926" spans="1:10" x14ac:dyDescent="0.35">
      <c r="A34926" s="1" t="s">
        <v>121267</v>
      </c>
      <c r="B34926" s="1" t="s">
        <v>118882</v>
      </c>
      <c r="C34926" s="1" t="s">
        <v>60</v>
      </c>
      <c r="D34926" s="1" t="s">
        <v>9690</v>
      </c>
      <c r="E34926" s="1" t="s">
        <v>121302</v>
      </c>
      <c r="F34926" s="1" t="s">
        <v>121303</v>
      </c>
      <c r="G34926" s="1" t="s">
        <v>121270</v>
      </c>
      <c r="H34926" s="1" t="s">
        <v>121271</v>
      </c>
      <c r="I34926" s="1" t="s">
        <v>118887</v>
      </c>
      <c r="J34926" s="1" t="s">
        <v>121304</v>
      </c>
    </row>
    <row r="34927" spans="1:10" x14ac:dyDescent="0.35">
      <c r="A34927" s="1" t="s">
        <v>121267</v>
      </c>
      <c r="B34927" s="1" t="s">
        <v>118882</v>
      </c>
      <c r="C34927" s="1" t="s">
        <v>65</v>
      </c>
      <c r="D34927" s="1" t="s">
        <v>121305</v>
      </c>
      <c r="E34927" s="1" t="s">
        <v>121306</v>
      </c>
      <c r="F34927" s="1" t="s">
        <v>121307</v>
      </c>
      <c r="G34927" s="1" t="s">
        <v>121270</v>
      </c>
      <c r="H34927" s="1" t="s">
        <v>121271</v>
      </c>
      <c r="I34927" s="1" t="s">
        <v>118887</v>
      </c>
      <c r="J34927" s="1" t="s">
        <v>121308</v>
      </c>
    </row>
    <row r="34928" spans="1:10" x14ac:dyDescent="0.35">
      <c r="A34928" s="1" t="s">
        <v>121267</v>
      </c>
      <c r="B34928" s="1" t="s">
        <v>118882</v>
      </c>
      <c r="C34928" s="1" t="s">
        <v>70</v>
      </c>
      <c r="D34928" s="1" t="s">
        <v>36715</v>
      </c>
      <c r="E34928" s="1" t="s">
        <v>121309</v>
      </c>
      <c r="F34928" s="1" t="s">
        <v>121310</v>
      </c>
      <c r="G34928" s="1" t="s">
        <v>121270</v>
      </c>
      <c r="H34928" s="1" t="s">
        <v>121271</v>
      </c>
      <c r="I34928" s="1" t="s">
        <v>118887</v>
      </c>
      <c r="J34928" s="1" t="s">
        <v>121311</v>
      </c>
    </row>
    <row r="34929" spans="1:10" x14ac:dyDescent="0.35">
      <c r="A34929" s="1" t="s">
        <v>121267</v>
      </c>
      <c r="B34929" s="1" t="s">
        <v>118882</v>
      </c>
      <c r="C34929" s="1" t="s">
        <v>75</v>
      </c>
      <c r="D34929" s="1" t="s">
        <v>121312</v>
      </c>
      <c r="E34929" s="1" t="s">
        <v>121313</v>
      </c>
      <c r="F34929" s="1" t="s">
        <v>121314</v>
      </c>
      <c r="G34929" s="1" t="s">
        <v>121270</v>
      </c>
      <c r="H34929" s="1" t="s">
        <v>121271</v>
      </c>
      <c r="I34929" s="1" t="s">
        <v>118887</v>
      </c>
      <c r="J34929" s="1" t="s">
        <v>121315</v>
      </c>
    </row>
    <row r="34930" spans="1:10" x14ac:dyDescent="0.35">
      <c r="A34930" s="1" t="s">
        <v>121267</v>
      </c>
      <c r="B34930" s="1" t="s">
        <v>118882</v>
      </c>
      <c r="C34930" s="1" t="s">
        <v>80</v>
      </c>
      <c r="D34930" s="1" t="s">
        <v>121316</v>
      </c>
      <c r="E34930" s="1" t="s">
        <v>121317</v>
      </c>
      <c r="F34930" s="1" t="s">
        <v>121318</v>
      </c>
      <c r="G34930" s="1" t="s">
        <v>121270</v>
      </c>
      <c r="H34930" s="1" t="s">
        <v>121271</v>
      </c>
      <c r="I34930" s="1" t="s">
        <v>118887</v>
      </c>
      <c r="J34930" s="1" t="s">
        <v>121319</v>
      </c>
    </row>
    <row r="34931" spans="1:10" x14ac:dyDescent="0.35">
      <c r="A34931" s="1" t="s">
        <v>121267</v>
      </c>
      <c r="B34931" s="1" t="s">
        <v>118882</v>
      </c>
      <c r="C34931" s="1" t="s">
        <v>85</v>
      </c>
      <c r="D34931" s="1" t="s">
        <v>25165</v>
      </c>
      <c r="E34931" s="1" t="s">
        <v>121320</v>
      </c>
      <c r="F34931" s="1" t="s">
        <v>121321</v>
      </c>
      <c r="G34931" s="1" t="s">
        <v>121270</v>
      </c>
      <c r="H34931" s="1" t="s">
        <v>121271</v>
      </c>
      <c r="I34931" s="1" t="s">
        <v>118887</v>
      </c>
      <c r="J34931" s="1" t="s">
        <v>121322</v>
      </c>
    </row>
    <row r="34932" spans="1:10" x14ac:dyDescent="0.35">
      <c r="A34932" s="1" t="s">
        <v>121267</v>
      </c>
      <c r="B34932" s="1" t="s">
        <v>118882</v>
      </c>
      <c r="C34932" s="1" t="s">
        <v>90</v>
      </c>
      <c r="D34932" s="1" t="s">
        <v>121323</v>
      </c>
      <c r="E34932" s="1" t="s">
        <v>121324</v>
      </c>
      <c r="F34932" s="1" t="s">
        <v>121325</v>
      </c>
      <c r="G34932" s="1" t="s">
        <v>121270</v>
      </c>
      <c r="H34932" s="1" t="s">
        <v>121271</v>
      </c>
      <c r="I34932" s="1" t="s">
        <v>118887</v>
      </c>
      <c r="J34932" s="1" t="s">
        <v>121326</v>
      </c>
    </row>
    <row r="34933" spans="1:10" x14ac:dyDescent="0.35">
      <c r="A34933" s="1" t="s">
        <v>121267</v>
      </c>
      <c r="B34933" s="1" t="s">
        <v>118882</v>
      </c>
      <c r="C34933" s="1" t="s">
        <v>95</v>
      </c>
      <c r="D34933" s="1" t="s">
        <v>121327</v>
      </c>
      <c r="E34933" s="1" t="s">
        <v>121328</v>
      </c>
      <c r="F34933" s="1" t="s">
        <v>121329</v>
      </c>
      <c r="G34933" s="1" t="s">
        <v>121270</v>
      </c>
      <c r="H34933" s="1" t="s">
        <v>121271</v>
      </c>
      <c r="I34933" s="1" t="s">
        <v>118887</v>
      </c>
      <c r="J34933" s="1" t="s">
        <v>121330</v>
      </c>
    </row>
    <row r="34934" spans="1:10" x14ac:dyDescent="0.35">
      <c r="A34934" s="1" t="s">
        <v>121267</v>
      </c>
      <c r="B34934" s="1" t="s">
        <v>118882</v>
      </c>
      <c r="C34934" s="1" t="s">
        <v>100</v>
      </c>
      <c r="D34934" s="1" t="s">
        <v>14568</v>
      </c>
      <c r="E34934" s="1" t="s">
        <v>121331</v>
      </c>
      <c r="F34934" s="1" t="s">
        <v>121332</v>
      </c>
      <c r="G34934" s="1" t="s">
        <v>121270</v>
      </c>
      <c r="H34934" s="1" t="s">
        <v>121271</v>
      </c>
      <c r="I34934" s="1" t="s">
        <v>118887</v>
      </c>
      <c r="J34934" s="1" t="s">
        <v>121333</v>
      </c>
    </row>
    <row r="34935" spans="1:10" x14ac:dyDescent="0.35">
      <c r="A34935" s="1" t="s">
        <v>121267</v>
      </c>
      <c r="B34935" s="1" t="s">
        <v>118882</v>
      </c>
      <c r="C34935" s="1" t="s">
        <v>105</v>
      </c>
      <c r="D34935" s="1" t="s">
        <v>121334</v>
      </c>
      <c r="E34935" s="1" t="s">
        <v>121335</v>
      </c>
      <c r="F34935" s="1" t="s">
        <v>121336</v>
      </c>
      <c r="G34935" s="1" t="s">
        <v>121270</v>
      </c>
      <c r="H34935" s="1" t="s">
        <v>121271</v>
      </c>
      <c r="I34935" s="1" t="s">
        <v>118887</v>
      </c>
      <c r="J34935" s="1" t="s">
        <v>121337</v>
      </c>
    </row>
    <row r="34936" spans="1:10" x14ac:dyDescent="0.35">
      <c r="A34936" s="1" t="s">
        <v>121267</v>
      </c>
      <c r="B34936" s="1" t="s">
        <v>118882</v>
      </c>
      <c r="C34936" s="1" t="s">
        <v>110</v>
      </c>
      <c r="D34936" s="1" t="s">
        <v>104124</v>
      </c>
      <c r="E34936" s="1" t="s">
        <v>121338</v>
      </c>
      <c r="F34936" s="1" t="s">
        <v>121339</v>
      </c>
      <c r="G34936" s="1" t="s">
        <v>121270</v>
      </c>
      <c r="H34936" s="1" t="s">
        <v>121271</v>
      </c>
      <c r="I34936" s="1" t="s">
        <v>118887</v>
      </c>
      <c r="J34936" s="1" t="s">
        <v>121340</v>
      </c>
    </row>
    <row r="34937" spans="1:10" x14ac:dyDescent="0.35">
      <c r="A34937" s="1" t="s">
        <v>121267</v>
      </c>
      <c r="B34937" s="1" t="s">
        <v>118882</v>
      </c>
      <c r="C34937" s="1" t="s">
        <v>115</v>
      </c>
      <c r="D34937" s="1" t="s">
        <v>47233</v>
      </c>
      <c r="E34937" s="1" t="s">
        <v>121341</v>
      </c>
      <c r="F34937" s="1" t="s">
        <v>121342</v>
      </c>
      <c r="G34937" s="1" t="s">
        <v>121270</v>
      </c>
      <c r="H34937" s="1" t="s">
        <v>121271</v>
      </c>
      <c r="I34937" s="1" t="s">
        <v>118887</v>
      </c>
      <c r="J34937" s="1" t="s">
        <v>121343</v>
      </c>
    </row>
    <row r="34938" spans="1:10" x14ac:dyDescent="0.35">
      <c r="A34938" s="1" t="s">
        <v>121267</v>
      </c>
      <c r="B34938" s="1" t="s">
        <v>118882</v>
      </c>
      <c r="C34938" s="1" t="s">
        <v>120</v>
      </c>
      <c r="D34938" s="1" t="s">
        <v>112041</v>
      </c>
      <c r="E34938" s="1" t="s">
        <v>121344</v>
      </c>
      <c r="F34938" s="1" t="s">
        <v>121345</v>
      </c>
      <c r="G34938" s="1" t="s">
        <v>121270</v>
      </c>
      <c r="H34938" s="1" t="s">
        <v>121271</v>
      </c>
      <c r="I34938" s="1" t="s">
        <v>118887</v>
      </c>
      <c r="J34938" s="1" t="s">
        <v>121346</v>
      </c>
    </row>
    <row r="34939" spans="1:10" x14ac:dyDescent="0.35">
      <c r="A34939" s="1" t="s">
        <v>121267</v>
      </c>
      <c r="B34939" s="1" t="s">
        <v>118882</v>
      </c>
      <c r="C34939" s="1" t="s">
        <v>125</v>
      </c>
      <c r="D34939" s="1" t="s">
        <v>121347</v>
      </c>
      <c r="E34939" s="1" t="s">
        <v>121348</v>
      </c>
      <c r="F34939" s="1" t="s">
        <v>121349</v>
      </c>
      <c r="G34939" s="1" t="s">
        <v>121270</v>
      </c>
      <c r="H34939" s="1" t="s">
        <v>121271</v>
      </c>
      <c r="I34939" s="1" t="s">
        <v>118887</v>
      </c>
      <c r="J34939" s="1" t="s">
        <v>121350</v>
      </c>
    </row>
    <row r="34940" spans="1:10" x14ac:dyDescent="0.35">
      <c r="A34940" s="1" t="s">
        <v>121267</v>
      </c>
      <c r="B34940" s="1" t="s">
        <v>118882</v>
      </c>
      <c r="C34940" s="1" t="s">
        <v>130</v>
      </c>
      <c r="D34940" s="1" t="s">
        <v>118080</v>
      </c>
      <c r="E34940" s="1" t="s">
        <v>121351</v>
      </c>
      <c r="F34940" s="1" t="s">
        <v>121352</v>
      </c>
      <c r="G34940" s="1" t="s">
        <v>121270</v>
      </c>
      <c r="H34940" s="1" t="s">
        <v>121271</v>
      </c>
      <c r="I34940" s="1" t="s">
        <v>118887</v>
      </c>
      <c r="J34940" s="1" t="s">
        <v>121353</v>
      </c>
    </row>
    <row r="34941" spans="1:10" x14ac:dyDescent="0.35">
      <c r="A34941" s="1" t="s">
        <v>121267</v>
      </c>
      <c r="B34941" s="1" t="s">
        <v>118882</v>
      </c>
      <c r="C34941" s="1" t="s">
        <v>135</v>
      </c>
      <c r="D34941" s="1" t="s">
        <v>51214</v>
      </c>
      <c r="E34941" s="1" t="s">
        <v>121354</v>
      </c>
      <c r="F34941" s="1" t="s">
        <v>121355</v>
      </c>
      <c r="G34941" s="1" t="s">
        <v>121270</v>
      </c>
      <c r="H34941" s="1" t="s">
        <v>121271</v>
      </c>
      <c r="I34941" s="1" t="s">
        <v>118887</v>
      </c>
      <c r="J34941" s="1" t="s">
        <v>121356</v>
      </c>
    </row>
    <row r="34942" spans="1:10" x14ac:dyDescent="0.35">
      <c r="A34942" s="1" t="s">
        <v>121267</v>
      </c>
      <c r="B34942" s="1" t="s">
        <v>118882</v>
      </c>
      <c r="C34942" s="1" t="s">
        <v>140</v>
      </c>
      <c r="D34942" s="1" t="s">
        <v>1476</v>
      </c>
      <c r="E34942" s="1" t="s">
        <v>121357</v>
      </c>
      <c r="F34942" s="1" t="s">
        <v>121358</v>
      </c>
      <c r="G34942" s="1" t="s">
        <v>121270</v>
      </c>
      <c r="H34942" s="1" t="s">
        <v>121271</v>
      </c>
      <c r="I34942" s="1" t="s">
        <v>118887</v>
      </c>
      <c r="J34942" s="1" t="s">
        <v>121359</v>
      </c>
    </row>
    <row r="34943" spans="1:10" x14ac:dyDescent="0.35">
      <c r="A34943" s="1" t="s">
        <v>121267</v>
      </c>
      <c r="B34943" s="1" t="s">
        <v>118882</v>
      </c>
      <c r="C34943" s="1" t="s">
        <v>145</v>
      </c>
      <c r="D34943" s="1" t="s">
        <v>19525</v>
      </c>
      <c r="E34943" s="1" t="s">
        <v>121360</v>
      </c>
      <c r="F34943" s="1" t="s">
        <v>121361</v>
      </c>
      <c r="G34943" s="1" t="s">
        <v>121270</v>
      </c>
      <c r="H34943" s="1" t="s">
        <v>121271</v>
      </c>
      <c r="I34943" s="1" t="s">
        <v>118887</v>
      </c>
      <c r="J34943" s="1" t="s">
        <v>121362</v>
      </c>
    </row>
    <row r="34944" spans="1:10" x14ac:dyDescent="0.35">
      <c r="A34944" s="1" t="s">
        <v>121267</v>
      </c>
      <c r="B34944" s="1" t="s">
        <v>118882</v>
      </c>
      <c r="C34944" s="1" t="s">
        <v>150</v>
      </c>
      <c r="D34944" s="1" t="s">
        <v>4575</v>
      </c>
      <c r="E34944" s="1" t="s">
        <v>121363</v>
      </c>
      <c r="F34944" s="1" t="s">
        <v>121364</v>
      </c>
      <c r="G34944" s="1" t="s">
        <v>121270</v>
      </c>
      <c r="H34944" s="1" t="s">
        <v>121271</v>
      </c>
      <c r="I34944" s="1" t="s">
        <v>118887</v>
      </c>
      <c r="J34944" s="1" t="s">
        <v>121365</v>
      </c>
    </row>
    <row r="34945" spans="1:10" x14ac:dyDescent="0.35">
      <c r="A34945" s="1" t="s">
        <v>121267</v>
      </c>
      <c r="B34945" s="1" t="s">
        <v>118882</v>
      </c>
      <c r="C34945" s="1" t="s">
        <v>155</v>
      </c>
      <c r="D34945" s="1" t="s">
        <v>74076</v>
      </c>
      <c r="E34945" s="1" t="s">
        <v>121366</v>
      </c>
      <c r="F34945" s="1" t="s">
        <v>121367</v>
      </c>
      <c r="G34945" s="1" t="s">
        <v>121270</v>
      </c>
      <c r="H34945" s="1" t="s">
        <v>121271</v>
      </c>
      <c r="I34945" s="1" t="s">
        <v>118887</v>
      </c>
      <c r="J34945" s="1" t="s">
        <v>121368</v>
      </c>
    </row>
    <row r="34946" spans="1:10" x14ac:dyDescent="0.35">
      <c r="A34946" s="1" t="s">
        <v>121267</v>
      </c>
      <c r="B34946" s="1" t="s">
        <v>118882</v>
      </c>
      <c r="C34946" s="1" t="s">
        <v>160</v>
      </c>
      <c r="D34946" s="1" t="s">
        <v>70918</v>
      </c>
      <c r="E34946" s="1" t="s">
        <v>121369</v>
      </c>
      <c r="F34946" s="1" t="s">
        <v>121370</v>
      </c>
      <c r="G34946" s="1" t="s">
        <v>121270</v>
      </c>
      <c r="H34946" s="1" t="s">
        <v>121271</v>
      </c>
      <c r="I34946" s="1" t="s">
        <v>118887</v>
      </c>
      <c r="J34946" s="1" t="s">
        <v>121371</v>
      </c>
    </row>
    <row r="34947" spans="1:10" x14ac:dyDescent="0.35">
      <c r="A34947" s="1" t="s">
        <v>121267</v>
      </c>
      <c r="B34947" s="1" t="s">
        <v>118882</v>
      </c>
      <c r="C34947" s="1" t="s">
        <v>165</v>
      </c>
      <c r="D34947" s="1" t="s">
        <v>83087</v>
      </c>
      <c r="E34947" s="1" t="s">
        <v>121372</v>
      </c>
      <c r="F34947" s="1" t="s">
        <v>121373</v>
      </c>
      <c r="G34947" s="1" t="s">
        <v>121270</v>
      </c>
      <c r="H34947" s="1" t="s">
        <v>121271</v>
      </c>
      <c r="I34947" s="1" t="s">
        <v>118887</v>
      </c>
      <c r="J34947" s="1" t="s">
        <v>121374</v>
      </c>
    </row>
    <row r="34948" spans="1:10" x14ac:dyDescent="0.35">
      <c r="A34948" s="1" t="s">
        <v>121267</v>
      </c>
      <c r="B34948" s="1" t="s">
        <v>118882</v>
      </c>
      <c r="C34948" s="1" t="s">
        <v>170</v>
      </c>
      <c r="D34948" s="1" t="s">
        <v>4582</v>
      </c>
      <c r="E34948" s="1" t="s">
        <v>121375</v>
      </c>
      <c r="F34948" s="1" t="s">
        <v>121376</v>
      </c>
      <c r="G34948" s="1" t="s">
        <v>121270</v>
      </c>
      <c r="H34948" s="1" t="s">
        <v>121271</v>
      </c>
      <c r="I34948" s="1" t="s">
        <v>118887</v>
      </c>
      <c r="J34948" s="1" t="s">
        <v>121377</v>
      </c>
    </row>
    <row r="34949" spans="1:10" x14ac:dyDescent="0.35">
      <c r="A34949" s="1" t="s">
        <v>10243</v>
      </c>
      <c r="B34949" s="1" t="s">
        <v>118882</v>
      </c>
      <c r="C34949" s="1" t="s">
        <v>8</v>
      </c>
      <c r="D34949" s="1" t="s">
        <v>121378</v>
      </c>
      <c r="E34949" s="1" t="s">
        <v>121379</v>
      </c>
      <c r="F34949" s="1" t="s">
        <v>121380</v>
      </c>
      <c r="G34949" s="1" t="s">
        <v>121381</v>
      </c>
      <c r="H34949" s="1" t="s">
        <v>121382</v>
      </c>
      <c r="I34949" s="1" t="s">
        <v>118887</v>
      </c>
      <c r="J34949" s="1" t="s">
        <v>13</v>
      </c>
    </row>
    <row r="34950" spans="1:10" x14ac:dyDescent="0.35">
      <c r="A34950" s="1" t="s">
        <v>10243</v>
      </c>
      <c r="B34950" s="1" t="s">
        <v>118882</v>
      </c>
      <c r="C34950" s="1" t="s">
        <v>15</v>
      </c>
      <c r="D34950" s="1" t="s">
        <v>28141</v>
      </c>
      <c r="E34950" s="1" t="s">
        <v>121383</v>
      </c>
      <c r="F34950" s="1" t="s">
        <v>121384</v>
      </c>
      <c r="G34950" s="1" t="s">
        <v>121381</v>
      </c>
      <c r="H34950" s="1" t="s">
        <v>121382</v>
      </c>
      <c r="I34950" s="1" t="s">
        <v>118887</v>
      </c>
      <c r="J34950" s="1" t="s">
        <v>121385</v>
      </c>
    </row>
    <row r="34951" spans="1:10" x14ac:dyDescent="0.35">
      <c r="A34951" s="1" t="s">
        <v>10243</v>
      </c>
      <c r="B34951" s="1" t="s">
        <v>118882</v>
      </c>
      <c r="C34951" s="1" t="s">
        <v>20</v>
      </c>
      <c r="D34951" s="1" t="s">
        <v>121386</v>
      </c>
      <c r="E34951" s="1" t="s">
        <v>121387</v>
      </c>
      <c r="F34951" s="1" t="s">
        <v>121388</v>
      </c>
      <c r="G34951" s="1" t="s">
        <v>121381</v>
      </c>
      <c r="H34951" s="1" t="s">
        <v>121382</v>
      </c>
      <c r="I34951" s="1" t="s">
        <v>118887</v>
      </c>
      <c r="J34951" s="1" t="s">
        <v>121389</v>
      </c>
    </row>
    <row r="34952" spans="1:10" x14ac:dyDescent="0.35">
      <c r="A34952" s="1" t="s">
        <v>10243</v>
      </c>
      <c r="B34952" s="1" t="s">
        <v>118882</v>
      </c>
      <c r="C34952" s="1" t="s">
        <v>25</v>
      </c>
      <c r="D34952" s="1" t="s">
        <v>28137</v>
      </c>
      <c r="E34952" s="1" t="s">
        <v>121390</v>
      </c>
      <c r="F34952" s="1" t="s">
        <v>121391</v>
      </c>
      <c r="G34952" s="1" t="s">
        <v>121381</v>
      </c>
      <c r="H34952" s="1" t="s">
        <v>121382</v>
      </c>
      <c r="I34952" s="1" t="s">
        <v>118887</v>
      </c>
      <c r="J34952" s="1" t="s">
        <v>121392</v>
      </c>
    </row>
    <row r="34953" spans="1:10" x14ac:dyDescent="0.35">
      <c r="A34953" s="1" t="s">
        <v>10243</v>
      </c>
      <c r="B34953" s="1" t="s">
        <v>118882</v>
      </c>
      <c r="C34953" s="1" t="s">
        <v>30</v>
      </c>
      <c r="D34953" s="1" t="s">
        <v>29542</v>
      </c>
      <c r="E34953" s="1" t="s">
        <v>121393</v>
      </c>
      <c r="F34953" s="1" t="s">
        <v>121394</v>
      </c>
      <c r="G34953" s="1" t="s">
        <v>121381</v>
      </c>
      <c r="H34953" s="1" t="s">
        <v>121382</v>
      </c>
      <c r="I34953" s="1" t="s">
        <v>118887</v>
      </c>
      <c r="J34953" s="1" t="s">
        <v>121395</v>
      </c>
    </row>
    <row r="34954" spans="1:10" x14ac:dyDescent="0.35">
      <c r="A34954" s="1" t="s">
        <v>10243</v>
      </c>
      <c r="B34954" s="1" t="s">
        <v>118882</v>
      </c>
      <c r="C34954" s="1" t="s">
        <v>35</v>
      </c>
      <c r="D34954" s="1" t="s">
        <v>46701</v>
      </c>
      <c r="E34954" s="1" t="s">
        <v>121396</v>
      </c>
      <c r="F34954" s="1" t="s">
        <v>121397</v>
      </c>
      <c r="G34954" s="1" t="s">
        <v>121381</v>
      </c>
      <c r="H34954" s="1" t="s">
        <v>121382</v>
      </c>
      <c r="I34954" s="1" t="s">
        <v>118887</v>
      </c>
      <c r="J34954" s="1" t="s">
        <v>121398</v>
      </c>
    </row>
    <row r="34955" spans="1:10" x14ac:dyDescent="0.35">
      <c r="A34955" s="1" t="s">
        <v>10243</v>
      </c>
      <c r="B34955" s="1" t="s">
        <v>118882</v>
      </c>
      <c r="C34955" s="1" t="s">
        <v>40</v>
      </c>
      <c r="D34955" s="1" t="s">
        <v>121399</v>
      </c>
      <c r="E34955" s="1" t="s">
        <v>121400</v>
      </c>
      <c r="F34955" s="1" t="s">
        <v>121401</v>
      </c>
      <c r="G34955" s="1" t="s">
        <v>121381</v>
      </c>
      <c r="H34955" s="1" t="s">
        <v>121382</v>
      </c>
      <c r="I34955" s="1" t="s">
        <v>118887</v>
      </c>
      <c r="J34955" s="1" t="s">
        <v>121402</v>
      </c>
    </row>
    <row r="34956" spans="1:10" x14ac:dyDescent="0.35">
      <c r="A34956" s="1" t="s">
        <v>10243</v>
      </c>
      <c r="B34956" s="1" t="s">
        <v>118882</v>
      </c>
      <c r="C34956" s="1" t="s">
        <v>45</v>
      </c>
      <c r="D34956" s="1" t="s">
        <v>27341</v>
      </c>
      <c r="E34956" s="1" t="s">
        <v>121403</v>
      </c>
      <c r="F34956" s="1" t="s">
        <v>121404</v>
      </c>
      <c r="G34956" s="1" t="s">
        <v>121381</v>
      </c>
      <c r="H34956" s="1" t="s">
        <v>121382</v>
      </c>
      <c r="I34956" s="1" t="s">
        <v>118887</v>
      </c>
      <c r="J34956" s="1" t="s">
        <v>121405</v>
      </c>
    </row>
    <row r="34957" spans="1:10" x14ac:dyDescent="0.35">
      <c r="A34957" s="1" t="s">
        <v>10243</v>
      </c>
      <c r="B34957" s="1" t="s">
        <v>118882</v>
      </c>
      <c r="C34957" s="1" t="s">
        <v>50</v>
      </c>
      <c r="D34957" s="1" t="s">
        <v>4380</v>
      </c>
      <c r="E34957" s="1" t="s">
        <v>121406</v>
      </c>
      <c r="F34957" s="1" t="s">
        <v>121407</v>
      </c>
      <c r="G34957" s="1" t="s">
        <v>121381</v>
      </c>
      <c r="H34957" s="1" t="s">
        <v>121382</v>
      </c>
      <c r="I34957" s="1" t="s">
        <v>118887</v>
      </c>
      <c r="J34957" s="1" t="s">
        <v>121408</v>
      </c>
    </row>
    <row r="34958" spans="1:10" x14ac:dyDescent="0.35">
      <c r="A34958" s="1" t="s">
        <v>10243</v>
      </c>
      <c r="B34958" s="1" t="s">
        <v>118882</v>
      </c>
      <c r="C34958" s="1" t="s">
        <v>55</v>
      </c>
      <c r="D34958" s="1" t="s">
        <v>121409</v>
      </c>
      <c r="E34958" s="1" t="s">
        <v>121410</v>
      </c>
      <c r="F34958" s="1" t="s">
        <v>121411</v>
      </c>
      <c r="G34958" s="1" t="s">
        <v>121381</v>
      </c>
      <c r="H34958" s="1" t="s">
        <v>121382</v>
      </c>
      <c r="I34958" s="1" t="s">
        <v>118887</v>
      </c>
      <c r="J34958" s="1" t="s">
        <v>121412</v>
      </c>
    </row>
    <row r="34959" spans="1:10" x14ac:dyDescent="0.35">
      <c r="A34959" s="1" t="s">
        <v>10243</v>
      </c>
      <c r="B34959" s="1" t="s">
        <v>118882</v>
      </c>
      <c r="C34959" s="1" t="s">
        <v>60</v>
      </c>
      <c r="D34959" s="1" t="s">
        <v>4435</v>
      </c>
      <c r="E34959" s="1" t="s">
        <v>121413</v>
      </c>
      <c r="F34959" s="1" t="s">
        <v>121414</v>
      </c>
      <c r="G34959" s="1" t="s">
        <v>121381</v>
      </c>
      <c r="H34959" s="1" t="s">
        <v>121382</v>
      </c>
      <c r="I34959" s="1" t="s">
        <v>118887</v>
      </c>
      <c r="J34959" s="1" t="s">
        <v>121415</v>
      </c>
    </row>
    <row r="34960" spans="1:10" x14ac:dyDescent="0.35">
      <c r="A34960" s="1" t="s">
        <v>10243</v>
      </c>
      <c r="B34960" s="1" t="s">
        <v>118882</v>
      </c>
      <c r="C34960" s="1" t="s">
        <v>65</v>
      </c>
      <c r="D34960" s="1" t="s">
        <v>27791</v>
      </c>
      <c r="E34960" s="1" t="s">
        <v>121416</v>
      </c>
      <c r="F34960" s="1" t="s">
        <v>121417</v>
      </c>
      <c r="G34960" s="1" t="s">
        <v>121381</v>
      </c>
      <c r="H34960" s="1" t="s">
        <v>121382</v>
      </c>
      <c r="I34960" s="1" t="s">
        <v>118887</v>
      </c>
      <c r="J34960" s="1" t="s">
        <v>121418</v>
      </c>
    </row>
    <row r="34961" spans="1:10" x14ac:dyDescent="0.35">
      <c r="A34961" s="1" t="s">
        <v>10243</v>
      </c>
      <c r="B34961" s="1" t="s">
        <v>118882</v>
      </c>
      <c r="C34961" s="1" t="s">
        <v>70</v>
      </c>
      <c r="D34961" s="1" t="s">
        <v>121419</v>
      </c>
      <c r="E34961" s="1" t="s">
        <v>121420</v>
      </c>
      <c r="F34961" s="1" t="s">
        <v>121421</v>
      </c>
      <c r="G34961" s="1" t="s">
        <v>121381</v>
      </c>
      <c r="H34961" s="1" t="s">
        <v>121382</v>
      </c>
      <c r="I34961" s="1" t="s">
        <v>118887</v>
      </c>
      <c r="J34961" s="1" t="s">
        <v>121422</v>
      </c>
    </row>
    <row r="34962" spans="1:10" x14ac:dyDescent="0.35">
      <c r="A34962" s="1" t="s">
        <v>10243</v>
      </c>
      <c r="B34962" s="1" t="s">
        <v>118882</v>
      </c>
      <c r="C34962" s="1" t="s">
        <v>75</v>
      </c>
      <c r="D34962" s="1" t="s">
        <v>28178</v>
      </c>
      <c r="E34962" s="1" t="s">
        <v>121423</v>
      </c>
      <c r="F34962" s="1" t="s">
        <v>121424</v>
      </c>
      <c r="G34962" s="1" t="s">
        <v>121381</v>
      </c>
      <c r="H34962" s="1" t="s">
        <v>121382</v>
      </c>
      <c r="I34962" s="1" t="s">
        <v>118887</v>
      </c>
      <c r="J34962" s="1" t="s">
        <v>121425</v>
      </c>
    </row>
    <row r="34963" spans="1:10" x14ac:dyDescent="0.35">
      <c r="A34963" s="1" t="s">
        <v>10243</v>
      </c>
      <c r="B34963" s="1" t="s">
        <v>118882</v>
      </c>
      <c r="C34963" s="1" t="s">
        <v>80</v>
      </c>
      <c r="D34963" s="1" t="s">
        <v>9979</v>
      </c>
      <c r="E34963" s="1" t="s">
        <v>121426</v>
      </c>
      <c r="F34963" s="1" t="s">
        <v>121427</v>
      </c>
      <c r="G34963" s="1" t="s">
        <v>121381</v>
      </c>
      <c r="H34963" s="1" t="s">
        <v>121382</v>
      </c>
      <c r="I34963" s="1" t="s">
        <v>118887</v>
      </c>
      <c r="J34963" s="1" t="s">
        <v>121428</v>
      </c>
    </row>
    <row r="34964" spans="1:10" x14ac:dyDescent="0.35">
      <c r="A34964" s="1" t="s">
        <v>10243</v>
      </c>
      <c r="B34964" s="1" t="s">
        <v>118882</v>
      </c>
      <c r="C34964" s="1" t="s">
        <v>85</v>
      </c>
      <c r="D34964" s="1" t="s">
        <v>28902</v>
      </c>
      <c r="E34964" s="1" t="s">
        <v>121429</v>
      </c>
      <c r="F34964" s="1" t="s">
        <v>121430</v>
      </c>
      <c r="G34964" s="1" t="s">
        <v>121381</v>
      </c>
      <c r="H34964" s="1" t="s">
        <v>121382</v>
      </c>
      <c r="I34964" s="1" t="s">
        <v>118887</v>
      </c>
      <c r="J34964" s="1" t="s">
        <v>121431</v>
      </c>
    </row>
    <row r="34965" spans="1:10" x14ac:dyDescent="0.35">
      <c r="A34965" s="1" t="s">
        <v>10243</v>
      </c>
      <c r="B34965" s="1" t="s">
        <v>118882</v>
      </c>
      <c r="C34965" s="1" t="s">
        <v>90</v>
      </c>
      <c r="D34965" s="1" t="s">
        <v>109998</v>
      </c>
      <c r="E34965" s="1" t="s">
        <v>121432</v>
      </c>
      <c r="F34965" s="1" t="s">
        <v>121433</v>
      </c>
      <c r="G34965" s="1" t="s">
        <v>121381</v>
      </c>
      <c r="H34965" s="1" t="s">
        <v>121382</v>
      </c>
      <c r="I34965" s="1" t="s">
        <v>118887</v>
      </c>
      <c r="J34965" s="1" t="s">
        <v>121434</v>
      </c>
    </row>
    <row r="34966" spans="1:10" x14ac:dyDescent="0.35">
      <c r="A34966" s="1" t="s">
        <v>10243</v>
      </c>
      <c r="B34966" s="1" t="s">
        <v>118882</v>
      </c>
      <c r="C34966" s="1" t="s">
        <v>95</v>
      </c>
      <c r="D34966" s="1" t="s">
        <v>2097</v>
      </c>
      <c r="E34966" s="1" t="s">
        <v>121435</v>
      </c>
      <c r="F34966" s="1" t="s">
        <v>121436</v>
      </c>
      <c r="G34966" s="1" t="s">
        <v>121381</v>
      </c>
      <c r="H34966" s="1" t="s">
        <v>121382</v>
      </c>
      <c r="I34966" s="1" t="s">
        <v>118887</v>
      </c>
      <c r="J34966" s="1" t="s">
        <v>121437</v>
      </c>
    </row>
    <row r="34967" spans="1:10" x14ac:dyDescent="0.35">
      <c r="A34967" s="1" t="s">
        <v>10243</v>
      </c>
      <c r="B34967" s="1" t="s">
        <v>118882</v>
      </c>
      <c r="C34967" s="1" t="s">
        <v>100</v>
      </c>
      <c r="D34967" s="1" t="s">
        <v>111514</v>
      </c>
      <c r="E34967" s="1" t="s">
        <v>121438</v>
      </c>
      <c r="F34967" s="1" t="s">
        <v>121439</v>
      </c>
      <c r="G34967" s="1" t="s">
        <v>121381</v>
      </c>
      <c r="H34967" s="1" t="s">
        <v>121382</v>
      </c>
      <c r="I34967" s="1" t="s">
        <v>118887</v>
      </c>
      <c r="J34967" s="1" t="s">
        <v>121440</v>
      </c>
    </row>
    <row r="34968" spans="1:10" x14ac:dyDescent="0.35">
      <c r="A34968" s="1" t="s">
        <v>10243</v>
      </c>
      <c r="B34968" s="1" t="s">
        <v>118882</v>
      </c>
      <c r="C34968" s="1" t="s">
        <v>105</v>
      </c>
      <c r="D34968" s="1" t="s">
        <v>109730</v>
      </c>
      <c r="E34968" s="1" t="s">
        <v>121441</v>
      </c>
      <c r="F34968" s="1" t="s">
        <v>121442</v>
      </c>
      <c r="G34968" s="1" t="s">
        <v>121381</v>
      </c>
      <c r="H34968" s="1" t="s">
        <v>121382</v>
      </c>
      <c r="I34968" s="1" t="s">
        <v>118887</v>
      </c>
      <c r="J34968" s="1" t="s">
        <v>121443</v>
      </c>
    </row>
    <row r="34969" spans="1:10" x14ac:dyDescent="0.35">
      <c r="A34969" s="1" t="s">
        <v>10243</v>
      </c>
      <c r="B34969" s="1" t="s">
        <v>118882</v>
      </c>
      <c r="C34969" s="1" t="s">
        <v>110</v>
      </c>
      <c r="D34969" s="1" t="s">
        <v>6532</v>
      </c>
      <c r="E34969" s="1" t="s">
        <v>121444</v>
      </c>
      <c r="F34969" s="1" t="s">
        <v>121445</v>
      </c>
      <c r="G34969" s="1" t="s">
        <v>121381</v>
      </c>
      <c r="H34969" s="1" t="s">
        <v>121382</v>
      </c>
      <c r="I34969" s="1" t="s">
        <v>118887</v>
      </c>
      <c r="J34969" s="1" t="s">
        <v>121446</v>
      </c>
    </row>
    <row r="34970" spans="1:10" x14ac:dyDescent="0.35">
      <c r="A34970" s="1" t="s">
        <v>10243</v>
      </c>
      <c r="B34970" s="1" t="s">
        <v>118882</v>
      </c>
      <c r="C34970" s="1" t="s">
        <v>115</v>
      </c>
      <c r="D34970" s="1" t="s">
        <v>28570</v>
      </c>
      <c r="E34970" s="1" t="s">
        <v>121447</v>
      </c>
      <c r="F34970" s="1" t="s">
        <v>121448</v>
      </c>
      <c r="G34970" s="1" t="s">
        <v>121381</v>
      </c>
      <c r="H34970" s="1" t="s">
        <v>121382</v>
      </c>
      <c r="I34970" s="1" t="s">
        <v>118887</v>
      </c>
      <c r="J34970" s="1" t="s">
        <v>121449</v>
      </c>
    </row>
    <row r="34971" spans="1:10" x14ac:dyDescent="0.35">
      <c r="A34971" s="1" t="s">
        <v>10243</v>
      </c>
      <c r="B34971" s="1" t="s">
        <v>118882</v>
      </c>
      <c r="C34971" s="1" t="s">
        <v>120</v>
      </c>
      <c r="D34971" s="1" t="s">
        <v>11775</v>
      </c>
      <c r="E34971" s="1" t="s">
        <v>121450</v>
      </c>
      <c r="F34971" s="1" t="s">
        <v>121451</v>
      </c>
      <c r="G34971" s="1" t="s">
        <v>121381</v>
      </c>
      <c r="H34971" s="1" t="s">
        <v>121382</v>
      </c>
      <c r="I34971" s="1" t="s">
        <v>118887</v>
      </c>
      <c r="J34971" s="1" t="s">
        <v>121452</v>
      </c>
    </row>
    <row r="34972" spans="1:10" x14ac:dyDescent="0.35">
      <c r="A34972" s="1" t="s">
        <v>10243</v>
      </c>
      <c r="B34972" s="1" t="s">
        <v>118882</v>
      </c>
      <c r="C34972" s="1" t="s">
        <v>125</v>
      </c>
      <c r="D34972" s="1" t="s">
        <v>50974</v>
      </c>
      <c r="E34972" s="1" t="s">
        <v>121453</v>
      </c>
      <c r="F34972" s="1" t="s">
        <v>121454</v>
      </c>
      <c r="G34972" s="1" t="s">
        <v>121381</v>
      </c>
      <c r="H34972" s="1" t="s">
        <v>121382</v>
      </c>
      <c r="I34972" s="1" t="s">
        <v>118887</v>
      </c>
      <c r="J34972" s="1" t="s">
        <v>121455</v>
      </c>
    </row>
    <row r="34973" spans="1:10" x14ac:dyDescent="0.35">
      <c r="A34973" s="1" t="s">
        <v>10243</v>
      </c>
      <c r="B34973" s="1" t="s">
        <v>118882</v>
      </c>
      <c r="C34973" s="1" t="s">
        <v>130</v>
      </c>
      <c r="D34973" s="1" t="s">
        <v>2339</v>
      </c>
      <c r="E34973" s="1" t="s">
        <v>121456</v>
      </c>
      <c r="F34973" s="1" t="s">
        <v>121457</v>
      </c>
      <c r="G34973" s="1" t="s">
        <v>121381</v>
      </c>
      <c r="H34973" s="1" t="s">
        <v>121382</v>
      </c>
      <c r="I34973" s="1" t="s">
        <v>118887</v>
      </c>
      <c r="J34973" s="1" t="s">
        <v>121458</v>
      </c>
    </row>
    <row r="34974" spans="1:10" x14ac:dyDescent="0.35">
      <c r="A34974" s="1" t="s">
        <v>10243</v>
      </c>
      <c r="B34974" s="1" t="s">
        <v>118882</v>
      </c>
      <c r="C34974" s="1" t="s">
        <v>135</v>
      </c>
      <c r="D34974" s="1" t="s">
        <v>121459</v>
      </c>
      <c r="E34974" s="1" t="s">
        <v>121460</v>
      </c>
      <c r="F34974" s="1" t="s">
        <v>121461</v>
      </c>
      <c r="G34974" s="1" t="s">
        <v>121381</v>
      </c>
      <c r="H34974" s="1" t="s">
        <v>121382</v>
      </c>
      <c r="I34974" s="1" t="s">
        <v>118887</v>
      </c>
      <c r="J34974" s="1" t="s">
        <v>121462</v>
      </c>
    </row>
    <row r="34975" spans="1:10" x14ac:dyDescent="0.35">
      <c r="A34975" s="1" t="s">
        <v>10243</v>
      </c>
      <c r="B34975" s="1" t="s">
        <v>118882</v>
      </c>
      <c r="C34975" s="1" t="s">
        <v>140</v>
      </c>
      <c r="D34975" s="1" t="s">
        <v>43897</v>
      </c>
      <c r="E34975" s="1" t="s">
        <v>121463</v>
      </c>
      <c r="F34975" s="1" t="s">
        <v>121464</v>
      </c>
      <c r="G34975" s="1" t="s">
        <v>121381</v>
      </c>
      <c r="H34975" s="1" t="s">
        <v>121382</v>
      </c>
      <c r="I34975" s="1" t="s">
        <v>118887</v>
      </c>
      <c r="J34975" s="1" t="s">
        <v>121465</v>
      </c>
    </row>
    <row r="34976" spans="1:10" x14ac:dyDescent="0.35">
      <c r="A34976" s="1" t="s">
        <v>10243</v>
      </c>
      <c r="B34976" s="1" t="s">
        <v>118882</v>
      </c>
      <c r="C34976" s="1" t="s">
        <v>145</v>
      </c>
      <c r="D34976" s="1" t="s">
        <v>121466</v>
      </c>
      <c r="E34976" s="1" t="s">
        <v>121467</v>
      </c>
      <c r="F34976" s="1" t="s">
        <v>121468</v>
      </c>
      <c r="G34976" s="1" t="s">
        <v>121381</v>
      </c>
      <c r="H34976" s="1" t="s">
        <v>121382</v>
      </c>
      <c r="I34976" s="1" t="s">
        <v>118887</v>
      </c>
      <c r="J34976" s="1" t="s">
        <v>121469</v>
      </c>
    </row>
    <row r="34977" spans="1:10" x14ac:dyDescent="0.35">
      <c r="A34977" s="1" t="s">
        <v>10243</v>
      </c>
      <c r="B34977" s="1" t="s">
        <v>118882</v>
      </c>
      <c r="C34977" s="1" t="s">
        <v>150</v>
      </c>
      <c r="D34977" s="1" t="s">
        <v>44336</v>
      </c>
      <c r="E34977" s="1" t="s">
        <v>121470</v>
      </c>
      <c r="F34977" s="1" t="s">
        <v>121471</v>
      </c>
      <c r="G34977" s="1" t="s">
        <v>121381</v>
      </c>
      <c r="H34977" s="1" t="s">
        <v>121382</v>
      </c>
      <c r="I34977" s="1" t="s">
        <v>118887</v>
      </c>
      <c r="J34977" s="1" t="s">
        <v>121472</v>
      </c>
    </row>
    <row r="34978" spans="1:10" x14ac:dyDescent="0.35">
      <c r="A34978" s="1" t="s">
        <v>10243</v>
      </c>
      <c r="B34978" s="1" t="s">
        <v>118882</v>
      </c>
      <c r="C34978" s="1" t="s">
        <v>155</v>
      </c>
      <c r="D34978" s="1" t="s">
        <v>8010</v>
      </c>
      <c r="E34978" s="1" t="s">
        <v>121473</v>
      </c>
      <c r="F34978" s="1" t="s">
        <v>121474</v>
      </c>
      <c r="G34978" s="1" t="s">
        <v>121381</v>
      </c>
      <c r="H34978" s="1" t="s">
        <v>121382</v>
      </c>
      <c r="I34978" s="1" t="s">
        <v>118887</v>
      </c>
      <c r="J34978" s="1" t="s">
        <v>121475</v>
      </c>
    </row>
    <row r="34979" spans="1:10" x14ac:dyDescent="0.35">
      <c r="A34979" s="1" t="s">
        <v>10243</v>
      </c>
      <c r="B34979" s="1" t="s">
        <v>118882</v>
      </c>
      <c r="C34979" s="1" t="s">
        <v>160</v>
      </c>
      <c r="D34979" s="1" t="s">
        <v>121476</v>
      </c>
      <c r="E34979" s="1" t="s">
        <v>121477</v>
      </c>
      <c r="F34979" s="1" t="s">
        <v>121478</v>
      </c>
      <c r="G34979" s="1" t="s">
        <v>121381</v>
      </c>
      <c r="H34979" s="1" t="s">
        <v>121382</v>
      </c>
      <c r="I34979" s="1" t="s">
        <v>118887</v>
      </c>
      <c r="J34979" s="1" t="s">
        <v>121479</v>
      </c>
    </row>
    <row r="34980" spans="1:10" x14ac:dyDescent="0.35">
      <c r="A34980" s="1" t="s">
        <v>10243</v>
      </c>
      <c r="B34980" s="1" t="s">
        <v>118882</v>
      </c>
      <c r="C34980" s="1" t="s">
        <v>165</v>
      </c>
      <c r="D34980" s="1" t="s">
        <v>29129</v>
      </c>
      <c r="E34980" s="1" t="s">
        <v>121480</v>
      </c>
      <c r="F34980" s="1" t="s">
        <v>121481</v>
      </c>
      <c r="G34980" s="1" t="s">
        <v>121381</v>
      </c>
      <c r="H34980" s="1" t="s">
        <v>121382</v>
      </c>
      <c r="I34980" s="1" t="s">
        <v>118887</v>
      </c>
      <c r="J34980" s="1" t="s">
        <v>121482</v>
      </c>
    </row>
    <row r="34981" spans="1:10" x14ac:dyDescent="0.35">
      <c r="A34981" s="1" t="s">
        <v>10243</v>
      </c>
      <c r="B34981" s="1" t="s">
        <v>118882</v>
      </c>
      <c r="C34981" s="1" t="s">
        <v>170</v>
      </c>
      <c r="D34981" s="1" t="s">
        <v>115759</v>
      </c>
      <c r="E34981" s="1" t="s">
        <v>121483</v>
      </c>
      <c r="F34981" s="1" t="s">
        <v>121484</v>
      </c>
      <c r="G34981" s="1" t="s">
        <v>121381</v>
      </c>
      <c r="H34981" s="1" t="s">
        <v>121382</v>
      </c>
      <c r="I34981" s="1" t="s">
        <v>118887</v>
      </c>
      <c r="J34981" s="1" t="s">
        <v>121485</v>
      </c>
    </row>
    <row r="34982" spans="1:10" x14ac:dyDescent="0.35">
      <c r="A34982" s="1" t="s">
        <v>6175</v>
      </c>
      <c r="B34982" s="1" t="s">
        <v>118882</v>
      </c>
      <c r="C34982" s="1" t="s">
        <v>8</v>
      </c>
      <c r="D34982" s="1" t="s">
        <v>5686</v>
      </c>
      <c r="E34982" s="1" t="s">
        <v>121486</v>
      </c>
      <c r="F34982" s="1" t="s">
        <v>121487</v>
      </c>
      <c r="G34982" s="1" t="s">
        <v>121488</v>
      </c>
      <c r="H34982" s="1" t="s">
        <v>121489</v>
      </c>
      <c r="I34982" s="1" t="s">
        <v>118887</v>
      </c>
      <c r="J34982" s="1" t="s">
        <v>13</v>
      </c>
    </row>
    <row r="34983" spans="1:10" x14ac:dyDescent="0.35">
      <c r="A34983" s="1" t="s">
        <v>6175</v>
      </c>
      <c r="B34983" s="1" t="s">
        <v>118882</v>
      </c>
      <c r="C34983" s="1" t="s">
        <v>15</v>
      </c>
      <c r="D34983" s="1" t="s">
        <v>112292</v>
      </c>
      <c r="E34983" s="1" t="s">
        <v>121490</v>
      </c>
      <c r="F34983" s="1" t="s">
        <v>121491</v>
      </c>
      <c r="G34983" s="1" t="s">
        <v>121488</v>
      </c>
      <c r="H34983" s="1" t="s">
        <v>121489</v>
      </c>
      <c r="I34983" s="1" t="s">
        <v>118887</v>
      </c>
      <c r="J34983" s="1" t="s">
        <v>121492</v>
      </c>
    </row>
    <row r="34984" spans="1:10" x14ac:dyDescent="0.35">
      <c r="A34984" s="1" t="s">
        <v>6175</v>
      </c>
      <c r="B34984" s="1" t="s">
        <v>118882</v>
      </c>
      <c r="C34984" s="1" t="s">
        <v>20</v>
      </c>
      <c r="D34984" s="1" t="s">
        <v>110</v>
      </c>
      <c r="E34984" s="1" t="s">
        <v>121493</v>
      </c>
      <c r="F34984" s="1" t="s">
        <v>121494</v>
      </c>
      <c r="G34984" s="1" t="s">
        <v>121488</v>
      </c>
      <c r="H34984" s="1" t="s">
        <v>121489</v>
      </c>
      <c r="I34984" s="1" t="s">
        <v>118887</v>
      </c>
      <c r="J34984" s="1" t="s">
        <v>121495</v>
      </c>
    </row>
    <row r="34985" spans="1:10" x14ac:dyDescent="0.35">
      <c r="A34985" s="1" t="s">
        <v>6175</v>
      </c>
      <c r="B34985" s="1" t="s">
        <v>118882</v>
      </c>
      <c r="C34985" s="1" t="s">
        <v>25</v>
      </c>
      <c r="D34985" s="1" t="s">
        <v>117929</v>
      </c>
      <c r="E34985" s="1" t="s">
        <v>121496</v>
      </c>
      <c r="F34985" s="1" t="s">
        <v>121497</v>
      </c>
      <c r="G34985" s="1" t="s">
        <v>121488</v>
      </c>
      <c r="H34985" s="1" t="s">
        <v>121489</v>
      </c>
      <c r="I34985" s="1" t="s">
        <v>118887</v>
      </c>
      <c r="J34985" s="1" t="s">
        <v>121498</v>
      </c>
    </row>
    <row r="34986" spans="1:10" x14ac:dyDescent="0.35">
      <c r="A34986" s="1" t="s">
        <v>6175</v>
      </c>
      <c r="B34986" s="1" t="s">
        <v>118882</v>
      </c>
      <c r="C34986" s="1" t="s">
        <v>30</v>
      </c>
      <c r="D34986" s="1" t="s">
        <v>14165</v>
      </c>
      <c r="E34986" s="1" t="s">
        <v>121499</v>
      </c>
      <c r="F34986" s="1" t="s">
        <v>121500</v>
      </c>
      <c r="G34986" s="1" t="s">
        <v>121488</v>
      </c>
      <c r="H34986" s="1" t="s">
        <v>121489</v>
      </c>
      <c r="I34986" s="1" t="s">
        <v>118887</v>
      </c>
      <c r="J34986" s="1" t="s">
        <v>121501</v>
      </c>
    </row>
    <row r="34987" spans="1:10" x14ac:dyDescent="0.35">
      <c r="A34987" s="1" t="s">
        <v>6175</v>
      </c>
      <c r="B34987" s="1" t="s">
        <v>118882</v>
      </c>
      <c r="C34987" s="1" t="s">
        <v>35</v>
      </c>
      <c r="D34987" s="1" t="s">
        <v>121502</v>
      </c>
      <c r="E34987" s="1" t="s">
        <v>121503</v>
      </c>
      <c r="F34987" s="1" t="s">
        <v>121504</v>
      </c>
      <c r="G34987" s="1" t="s">
        <v>121488</v>
      </c>
      <c r="H34987" s="1" t="s">
        <v>121489</v>
      </c>
      <c r="I34987" s="1" t="s">
        <v>118887</v>
      </c>
      <c r="J34987" s="1" t="s">
        <v>121505</v>
      </c>
    </row>
    <row r="34988" spans="1:10" x14ac:dyDescent="0.35">
      <c r="A34988" s="1" t="s">
        <v>6175</v>
      </c>
      <c r="B34988" s="1" t="s">
        <v>118882</v>
      </c>
      <c r="C34988" s="1" t="s">
        <v>40</v>
      </c>
      <c r="D34988" s="1" t="s">
        <v>10278</v>
      </c>
      <c r="E34988" s="1" t="s">
        <v>121506</v>
      </c>
      <c r="F34988" s="1" t="s">
        <v>121507</v>
      </c>
      <c r="G34988" s="1" t="s">
        <v>121488</v>
      </c>
      <c r="H34988" s="1" t="s">
        <v>121489</v>
      </c>
      <c r="I34988" s="1" t="s">
        <v>118887</v>
      </c>
      <c r="J34988" s="1" t="s">
        <v>119018</v>
      </c>
    </row>
    <row r="34989" spans="1:10" x14ac:dyDescent="0.35">
      <c r="A34989" s="1" t="s">
        <v>6175</v>
      </c>
      <c r="B34989" s="1" t="s">
        <v>118882</v>
      </c>
      <c r="C34989" s="1" t="s">
        <v>45</v>
      </c>
      <c r="D34989" s="1" t="s">
        <v>104427</v>
      </c>
      <c r="E34989" s="1" t="s">
        <v>121508</v>
      </c>
      <c r="F34989" s="1" t="s">
        <v>121509</v>
      </c>
      <c r="G34989" s="1" t="s">
        <v>121488</v>
      </c>
      <c r="H34989" s="1" t="s">
        <v>121489</v>
      </c>
      <c r="I34989" s="1" t="s">
        <v>118887</v>
      </c>
      <c r="J34989" s="1" t="s">
        <v>121510</v>
      </c>
    </row>
    <row r="34990" spans="1:10" x14ac:dyDescent="0.35">
      <c r="A34990" s="1" t="s">
        <v>6175</v>
      </c>
      <c r="B34990" s="1" t="s">
        <v>118882</v>
      </c>
      <c r="C34990" s="1" t="s">
        <v>50</v>
      </c>
      <c r="D34990" s="1" t="s">
        <v>44878</v>
      </c>
      <c r="E34990" s="1" t="s">
        <v>121511</v>
      </c>
      <c r="F34990" s="1" t="s">
        <v>121512</v>
      </c>
      <c r="G34990" s="1" t="s">
        <v>121488</v>
      </c>
      <c r="H34990" s="1" t="s">
        <v>121489</v>
      </c>
      <c r="I34990" s="1" t="s">
        <v>118887</v>
      </c>
      <c r="J34990" s="1" t="s">
        <v>121513</v>
      </c>
    </row>
    <row r="34991" spans="1:10" x14ac:dyDescent="0.35">
      <c r="A34991" s="1" t="s">
        <v>6175</v>
      </c>
      <c r="B34991" s="1" t="s">
        <v>118882</v>
      </c>
      <c r="C34991" s="1" t="s">
        <v>55</v>
      </c>
      <c r="D34991" s="1" t="s">
        <v>121514</v>
      </c>
      <c r="E34991" s="1" t="s">
        <v>121515</v>
      </c>
      <c r="F34991" s="1" t="s">
        <v>121516</v>
      </c>
      <c r="G34991" s="1" t="s">
        <v>121488</v>
      </c>
      <c r="H34991" s="1" t="s">
        <v>121489</v>
      </c>
      <c r="I34991" s="1" t="s">
        <v>118887</v>
      </c>
      <c r="J34991" s="1" t="s">
        <v>121517</v>
      </c>
    </row>
    <row r="34992" spans="1:10" x14ac:dyDescent="0.35">
      <c r="A34992" s="1" t="s">
        <v>6175</v>
      </c>
      <c r="B34992" s="1" t="s">
        <v>118882</v>
      </c>
      <c r="C34992" s="1" t="s">
        <v>60</v>
      </c>
      <c r="D34992" s="1" t="s">
        <v>45732</v>
      </c>
      <c r="E34992" s="1" t="s">
        <v>121518</v>
      </c>
      <c r="F34992" s="1" t="s">
        <v>121519</v>
      </c>
      <c r="G34992" s="1" t="s">
        <v>121488</v>
      </c>
      <c r="H34992" s="1" t="s">
        <v>121489</v>
      </c>
      <c r="I34992" s="1" t="s">
        <v>118887</v>
      </c>
      <c r="J34992" s="1" t="s">
        <v>121520</v>
      </c>
    </row>
    <row r="34993" spans="1:10" x14ac:dyDescent="0.35">
      <c r="A34993" s="1" t="s">
        <v>6175</v>
      </c>
      <c r="B34993" s="1" t="s">
        <v>118882</v>
      </c>
      <c r="C34993" s="1" t="s">
        <v>65</v>
      </c>
      <c r="D34993" s="1" t="s">
        <v>112644</v>
      </c>
      <c r="E34993" s="1" t="s">
        <v>121521</v>
      </c>
      <c r="F34993" s="1" t="s">
        <v>121522</v>
      </c>
      <c r="G34993" s="1" t="s">
        <v>121488</v>
      </c>
      <c r="H34993" s="1" t="s">
        <v>121489</v>
      </c>
      <c r="I34993" s="1" t="s">
        <v>118887</v>
      </c>
      <c r="J34993" s="1" t="s">
        <v>121523</v>
      </c>
    </row>
    <row r="34994" spans="1:10" x14ac:dyDescent="0.35">
      <c r="A34994" s="1" t="s">
        <v>6175</v>
      </c>
      <c r="B34994" s="1" t="s">
        <v>118882</v>
      </c>
      <c r="C34994" s="1" t="s">
        <v>70</v>
      </c>
      <c r="D34994" s="1" t="s">
        <v>2071</v>
      </c>
      <c r="E34994" s="1" t="s">
        <v>121524</v>
      </c>
      <c r="F34994" s="1" t="s">
        <v>121525</v>
      </c>
      <c r="G34994" s="1" t="s">
        <v>121488</v>
      </c>
      <c r="H34994" s="1" t="s">
        <v>121489</v>
      </c>
      <c r="I34994" s="1" t="s">
        <v>118887</v>
      </c>
      <c r="J34994" s="1" t="s">
        <v>121526</v>
      </c>
    </row>
    <row r="34995" spans="1:10" x14ac:dyDescent="0.35">
      <c r="A34995" s="1" t="s">
        <v>6175</v>
      </c>
      <c r="B34995" s="1" t="s">
        <v>118882</v>
      </c>
      <c r="C34995" s="1" t="s">
        <v>75</v>
      </c>
      <c r="D34995" s="1" t="s">
        <v>10952</v>
      </c>
      <c r="E34995" s="1" t="s">
        <v>121527</v>
      </c>
      <c r="F34995" s="1" t="s">
        <v>121528</v>
      </c>
      <c r="G34995" s="1" t="s">
        <v>121488</v>
      </c>
      <c r="H34995" s="1" t="s">
        <v>121489</v>
      </c>
      <c r="I34995" s="1" t="s">
        <v>118887</v>
      </c>
      <c r="J34995" s="1" t="s">
        <v>121529</v>
      </c>
    </row>
    <row r="34996" spans="1:10" x14ac:dyDescent="0.35">
      <c r="A34996" s="1" t="s">
        <v>6175</v>
      </c>
      <c r="B34996" s="1" t="s">
        <v>118882</v>
      </c>
      <c r="C34996" s="1" t="s">
        <v>80</v>
      </c>
      <c r="D34996" s="1" t="s">
        <v>121530</v>
      </c>
      <c r="E34996" s="1" t="s">
        <v>121531</v>
      </c>
      <c r="F34996" s="1" t="s">
        <v>121532</v>
      </c>
      <c r="G34996" s="1" t="s">
        <v>121488</v>
      </c>
      <c r="H34996" s="1" t="s">
        <v>121489</v>
      </c>
      <c r="I34996" s="1" t="s">
        <v>118887</v>
      </c>
      <c r="J34996" s="1" t="s">
        <v>110540</v>
      </c>
    </row>
    <row r="34997" spans="1:10" x14ac:dyDescent="0.35">
      <c r="A34997" s="1" t="s">
        <v>6175</v>
      </c>
      <c r="B34997" s="1" t="s">
        <v>118882</v>
      </c>
      <c r="C34997" s="1" t="s">
        <v>85</v>
      </c>
      <c r="D34997" s="1" t="s">
        <v>111947</v>
      </c>
      <c r="E34997" s="1" t="s">
        <v>121533</v>
      </c>
      <c r="F34997" s="1" t="s">
        <v>121534</v>
      </c>
      <c r="G34997" s="1" t="s">
        <v>121488</v>
      </c>
      <c r="H34997" s="1" t="s">
        <v>121489</v>
      </c>
      <c r="I34997" s="1" t="s">
        <v>118887</v>
      </c>
      <c r="J34997" s="1" t="s">
        <v>121535</v>
      </c>
    </row>
    <row r="34998" spans="1:10" x14ac:dyDescent="0.35">
      <c r="A34998" s="1" t="s">
        <v>6175</v>
      </c>
      <c r="B34998" s="1" t="s">
        <v>118882</v>
      </c>
      <c r="C34998" s="1" t="s">
        <v>90</v>
      </c>
      <c r="D34998" s="1" t="s">
        <v>28933</v>
      </c>
      <c r="E34998" s="1" t="s">
        <v>121536</v>
      </c>
      <c r="F34998" s="1" t="s">
        <v>121537</v>
      </c>
      <c r="G34998" s="1" t="s">
        <v>121488</v>
      </c>
      <c r="H34998" s="1" t="s">
        <v>121489</v>
      </c>
      <c r="I34998" s="1" t="s">
        <v>118887</v>
      </c>
      <c r="J34998" s="1" t="s">
        <v>121538</v>
      </c>
    </row>
    <row r="34999" spans="1:10" x14ac:dyDescent="0.35">
      <c r="A34999" s="1" t="s">
        <v>6175</v>
      </c>
      <c r="B34999" s="1" t="s">
        <v>118882</v>
      </c>
      <c r="C34999" s="1" t="s">
        <v>95</v>
      </c>
      <c r="D34999" s="1" t="s">
        <v>121539</v>
      </c>
      <c r="E34999" s="1" t="s">
        <v>121540</v>
      </c>
      <c r="F34999" s="1" t="s">
        <v>121541</v>
      </c>
      <c r="G34999" s="1" t="s">
        <v>121488</v>
      </c>
      <c r="H34999" s="1" t="s">
        <v>121489</v>
      </c>
      <c r="I34999" s="1" t="s">
        <v>118887</v>
      </c>
      <c r="J34999" s="1" t="s">
        <v>121542</v>
      </c>
    </row>
    <row r="35000" spans="1:10" x14ac:dyDescent="0.35">
      <c r="A35000" s="1" t="s">
        <v>6175</v>
      </c>
      <c r="B35000" s="1" t="s">
        <v>118882</v>
      </c>
      <c r="C35000" s="1" t="s">
        <v>100</v>
      </c>
      <c r="D35000" s="1" t="s">
        <v>120577</v>
      </c>
      <c r="E35000" s="1" t="s">
        <v>121543</v>
      </c>
      <c r="F35000" s="1" t="s">
        <v>121544</v>
      </c>
      <c r="G35000" s="1" t="s">
        <v>121488</v>
      </c>
      <c r="H35000" s="1" t="s">
        <v>121489</v>
      </c>
      <c r="I35000" s="1" t="s">
        <v>118887</v>
      </c>
      <c r="J35000" s="1" t="s">
        <v>121545</v>
      </c>
    </row>
    <row r="35001" spans="1:10" x14ac:dyDescent="0.35">
      <c r="A35001" s="1" t="s">
        <v>6175</v>
      </c>
      <c r="B35001" s="1" t="s">
        <v>118882</v>
      </c>
      <c r="C35001" s="1" t="s">
        <v>105</v>
      </c>
      <c r="D35001" s="1" t="s">
        <v>2347</v>
      </c>
      <c r="E35001" s="1" t="s">
        <v>121546</v>
      </c>
      <c r="F35001" s="1" t="s">
        <v>121547</v>
      </c>
      <c r="G35001" s="1" t="s">
        <v>121488</v>
      </c>
      <c r="H35001" s="1" t="s">
        <v>121489</v>
      </c>
      <c r="I35001" s="1" t="s">
        <v>118887</v>
      </c>
      <c r="J35001" s="1" t="s">
        <v>121548</v>
      </c>
    </row>
    <row r="35002" spans="1:10" x14ac:dyDescent="0.35">
      <c r="A35002" s="1" t="s">
        <v>6175</v>
      </c>
      <c r="B35002" s="1" t="s">
        <v>118882</v>
      </c>
      <c r="C35002" s="1" t="s">
        <v>110</v>
      </c>
      <c r="D35002" s="1" t="s">
        <v>121549</v>
      </c>
      <c r="E35002" s="1" t="s">
        <v>121550</v>
      </c>
      <c r="F35002" s="1" t="s">
        <v>121551</v>
      </c>
      <c r="G35002" s="1" t="s">
        <v>121488</v>
      </c>
      <c r="H35002" s="1" t="s">
        <v>121489</v>
      </c>
      <c r="I35002" s="1" t="s">
        <v>118887</v>
      </c>
      <c r="J35002" s="1" t="s">
        <v>121552</v>
      </c>
    </row>
    <row r="35003" spans="1:10" x14ac:dyDescent="0.35">
      <c r="A35003" s="1" t="s">
        <v>6175</v>
      </c>
      <c r="B35003" s="1" t="s">
        <v>118882</v>
      </c>
      <c r="C35003" s="1" t="s">
        <v>115</v>
      </c>
      <c r="D35003" s="1" t="s">
        <v>121553</v>
      </c>
      <c r="E35003" s="1" t="s">
        <v>121554</v>
      </c>
      <c r="F35003" s="1" t="s">
        <v>121555</v>
      </c>
      <c r="G35003" s="1" t="s">
        <v>121488</v>
      </c>
      <c r="H35003" s="1" t="s">
        <v>121489</v>
      </c>
      <c r="I35003" s="1" t="s">
        <v>118887</v>
      </c>
      <c r="J35003" s="1" t="s">
        <v>121556</v>
      </c>
    </row>
    <row r="35004" spans="1:10" x14ac:dyDescent="0.35">
      <c r="A35004" s="1" t="s">
        <v>6175</v>
      </c>
      <c r="B35004" s="1" t="s">
        <v>118882</v>
      </c>
      <c r="C35004" s="1" t="s">
        <v>120</v>
      </c>
      <c r="D35004" s="1" t="s">
        <v>121557</v>
      </c>
      <c r="E35004" s="1" t="s">
        <v>121558</v>
      </c>
      <c r="F35004" s="1" t="s">
        <v>121559</v>
      </c>
      <c r="G35004" s="1" t="s">
        <v>121488</v>
      </c>
      <c r="H35004" s="1" t="s">
        <v>121489</v>
      </c>
      <c r="I35004" s="1" t="s">
        <v>118887</v>
      </c>
      <c r="J35004" s="1" t="s">
        <v>121560</v>
      </c>
    </row>
    <row r="35005" spans="1:10" x14ac:dyDescent="0.35">
      <c r="A35005" s="1" t="s">
        <v>6175</v>
      </c>
      <c r="B35005" s="1" t="s">
        <v>118882</v>
      </c>
      <c r="C35005" s="1" t="s">
        <v>125</v>
      </c>
      <c r="D35005" s="1" t="s">
        <v>121561</v>
      </c>
      <c r="E35005" s="1" t="s">
        <v>121562</v>
      </c>
      <c r="F35005" s="1" t="s">
        <v>121563</v>
      </c>
      <c r="G35005" s="1" t="s">
        <v>121488</v>
      </c>
      <c r="H35005" s="1" t="s">
        <v>121489</v>
      </c>
      <c r="I35005" s="1" t="s">
        <v>118887</v>
      </c>
      <c r="J35005" s="1" t="s">
        <v>121564</v>
      </c>
    </row>
    <row r="35006" spans="1:10" x14ac:dyDescent="0.35">
      <c r="A35006" s="1" t="s">
        <v>6175</v>
      </c>
      <c r="B35006" s="1" t="s">
        <v>118882</v>
      </c>
      <c r="C35006" s="1" t="s">
        <v>130</v>
      </c>
      <c r="D35006" s="1" t="s">
        <v>121565</v>
      </c>
      <c r="E35006" s="1" t="s">
        <v>121566</v>
      </c>
      <c r="F35006" s="1" t="s">
        <v>121567</v>
      </c>
      <c r="G35006" s="1" t="s">
        <v>121488</v>
      </c>
      <c r="H35006" s="1" t="s">
        <v>121489</v>
      </c>
      <c r="I35006" s="1" t="s">
        <v>118887</v>
      </c>
      <c r="J35006" s="1" t="s">
        <v>121568</v>
      </c>
    </row>
    <row r="35007" spans="1:10" x14ac:dyDescent="0.35">
      <c r="A35007" s="1" t="s">
        <v>6175</v>
      </c>
      <c r="B35007" s="1" t="s">
        <v>118882</v>
      </c>
      <c r="C35007" s="1" t="s">
        <v>135</v>
      </c>
      <c r="D35007" s="1" t="s">
        <v>121569</v>
      </c>
      <c r="E35007" s="1" t="s">
        <v>121570</v>
      </c>
      <c r="F35007" s="1" t="s">
        <v>121571</v>
      </c>
      <c r="G35007" s="1" t="s">
        <v>121488</v>
      </c>
      <c r="H35007" s="1" t="s">
        <v>121489</v>
      </c>
      <c r="I35007" s="1" t="s">
        <v>118887</v>
      </c>
      <c r="J35007" s="1" t="s">
        <v>121572</v>
      </c>
    </row>
    <row r="35008" spans="1:10" x14ac:dyDescent="0.35">
      <c r="A35008" s="1" t="s">
        <v>6175</v>
      </c>
      <c r="B35008" s="1" t="s">
        <v>118882</v>
      </c>
      <c r="C35008" s="1" t="s">
        <v>140</v>
      </c>
      <c r="D35008" s="1" t="s">
        <v>121573</v>
      </c>
      <c r="E35008" s="1" t="s">
        <v>121574</v>
      </c>
      <c r="F35008" s="1" t="s">
        <v>121575</v>
      </c>
      <c r="G35008" s="1" t="s">
        <v>121488</v>
      </c>
      <c r="H35008" s="1" t="s">
        <v>121489</v>
      </c>
      <c r="I35008" s="1" t="s">
        <v>118887</v>
      </c>
      <c r="J35008" s="1" t="s">
        <v>121576</v>
      </c>
    </row>
    <row r="35009" spans="1:10" x14ac:dyDescent="0.35">
      <c r="A35009" s="1" t="s">
        <v>6175</v>
      </c>
      <c r="B35009" s="1" t="s">
        <v>118882</v>
      </c>
      <c r="C35009" s="1" t="s">
        <v>145</v>
      </c>
      <c r="D35009" s="1" t="s">
        <v>113100</v>
      </c>
      <c r="E35009" s="1" t="s">
        <v>121577</v>
      </c>
      <c r="F35009" s="1" t="s">
        <v>121578</v>
      </c>
      <c r="G35009" s="1" t="s">
        <v>121488</v>
      </c>
      <c r="H35009" s="1" t="s">
        <v>121489</v>
      </c>
      <c r="I35009" s="1" t="s">
        <v>118887</v>
      </c>
      <c r="J35009" s="1" t="s">
        <v>121579</v>
      </c>
    </row>
    <row r="35010" spans="1:10" x14ac:dyDescent="0.35">
      <c r="A35010" s="1" t="s">
        <v>6175</v>
      </c>
      <c r="B35010" s="1" t="s">
        <v>118882</v>
      </c>
      <c r="C35010" s="1" t="s">
        <v>150</v>
      </c>
      <c r="D35010" s="1" t="s">
        <v>121580</v>
      </c>
      <c r="E35010" s="1" t="s">
        <v>121581</v>
      </c>
      <c r="F35010" s="1" t="s">
        <v>121582</v>
      </c>
      <c r="G35010" s="1" t="s">
        <v>121488</v>
      </c>
      <c r="H35010" s="1" t="s">
        <v>121489</v>
      </c>
      <c r="I35010" s="1" t="s">
        <v>118887</v>
      </c>
      <c r="J35010" s="1" t="s">
        <v>121583</v>
      </c>
    </row>
    <row r="35011" spans="1:10" x14ac:dyDescent="0.35">
      <c r="A35011" s="1" t="s">
        <v>6175</v>
      </c>
      <c r="B35011" s="1" t="s">
        <v>118882</v>
      </c>
      <c r="C35011" s="1" t="s">
        <v>155</v>
      </c>
      <c r="D35011" s="1" t="s">
        <v>121584</v>
      </c>
      <c r="E35011" s="1" t="s">
        <v>121585</v>
      </c>
      <c r="F35011" s="1" t="s">
        <v>121586</v>
      </c>
      <c r="G35011" s="1" t="s">
        <v>121488</v>
      </c>
      <c r="H35011" s="1" t="s">
        <v>121489</v>
      </c>
      <c r="I35011" s="1" t="s">
        <v>118887</v>
      </c>
      <c r="J35011" s="1" t="s">
        <v>121587</v>
      </c>
    </row>
    <row r="35012" spans="1:10" x14ac:dyDescent="0.35">
      <c r="A35012" s="1" t="s">
        <v>6175</v>
      </c>
      <c r="B35012" s="1" t="s">
        <v>118882</v>
      </c>
      <c r="C35012" s="1" t="s">
        <v>160</v>
      </c>
      <c r="D35012" s="1" t="s">
        <v>38710</v>
      </c>
      <c r="E35012" s="1" t="s">
        <v>121588</v>
      </c>
      <c r="F35012" s="1" t="s">
        <v>121589</v>
      </c>
      <c r="G35012" s="1" t="s">
        <v>121488</v>
      </c>
      <c r="H35012" s="1" t="s">
        <v>121489</v>
      </c>
      <c r="I35012" s="1" t="s">
        <v>118887</v>
      </c>
      <c r="J35012" s="1" t="s">
        <v>121590</v>
      </c>
    </row>
    <row r="35013" spans="1:10" x14ac:dyDescent="0.35">
      <c r="A35013" s="1" t="s">
        <v>6175</v>
      </c>
      <c r="B35013" s="1" t="s">
        <v>118882</v>
      </c>
      <c r="C35013" s="1" t="s">
        <v>165</v>
      </c>
      <c r="D35013" s="1" t="s">
        <v>121591</v>
      </c>
      <c r="E35013" s="1" t="s">
        <v>121592</v>
      </c>
      <c r="F35013" s="1" t="s">
        <v>121593</v>
      </c>
      <c r="G35013" s="1" t="s">
        <v>121488</v>
      </c>
      <c r="H35013" s="1" t="s">
        <v>121489</v>
      </c>
      <c r="I35013" s="1" t="s">
        <v>118887</v>
      </c>
      <c r="J35013" s="1" t="s">
        <v>121594</v>
      </c>
    </row>
    <row r="35014" spans="1:10" x14ac:dyDescent="0.35">
      <c r="A35014" s="1" t="s">
        <v>6175</v>
      </c>
      <c r="B35014" s="1" t="s">
        <v>118882</v>
      </c>
      <c r="C35014" s="1" t="s">
        <v>170</v>
      </c>
      <c r="D35014" s="1" t="s">
        <v>121595</v>
      </c>
      <c r="E35014" s="1" t="s">
        <v>121596</v>
      </c>
      <c r="F35014" s="1" t="s">
        <v>121597</v>
      </c>
      <c r="G35014" s="1" t="s">
        <v>121488</v>
      </c>
      <c r="H35014" s="1" t="s">
        <v>121489</v>
      </c>
      <c r="I35014" s="1" t="s">
        <v>118887</v>
      </c>
      <c r="J35014" s="1" t="s">
        <v>121598</v>
      </c>
    </row>
    <row r="35015" spans="1:10" x14ac:dyDescent="0.35">
      <c r="A35015" s="1" t="s">
        <v>6206</v>
      </c>
      <c r="B35015" s="1" t="s">
        <v>118882</v>
      </c>
      <c r="C35015" s="1" t="s">
        <v>8</v>
      </c>
      <c r="D35015" s="1" t="s">
        <v>119136</v>
      </c>
      <c r="E35015" s="1" t="s">
        <v>121599</v>
      </c>
      <c r="F35015" s="1" t="s">
        <v>121600</v>
      </c>
      <c r="G35015" s="1" t="s">
        <v>121601</v>
      </c>
      <c r="H35015" s="1" t="s">
        <v>121602</v>
      </c>
      <c r="I35015" s="1" t="s">
        <v>118887</v>
      </c>
      <c r="J35015" s="1" t="s">
        <v>13</v>
      </c>
    </row>
    <row r="35016" spans="1:10" x14ac:dyDescent="0.35">
      <c r="A35016" s="1" t="s">
        <v>6206</v>
      </c>
      <c r="B35016" s="1" t="s">
        <v>118882</v>
      </c>
      <c r="C35016" s="1" t="s">
        <v>15</v>
      </c>
      <c r="D35016" s="1" t="s">
        <v>121603</v>
      </c>
      <c r="E35016" s="1" t="s">
        <v>121604</v>
      </c>
      <c r="F35016" s="1" t="s">
        <v>121605</v>
      </c>
      <c r="G35016" s="1" t="s">
        <v>121601</v>
      </c>
      <c r="H35016" s="1" t="s">
        <v>121602</v>
      </c>
      <c r="I35016" s="1" t="s">
        <v>118887</v>
      </c>
      <c r="J35016" s="1" t="s">
        <v>121606</v>
      </c>
    </row>
    <row r="35017" spans="1:10" x14ac:dyDescent="0.35">
      <c r="A35017" s="1" t="s">
        <v>6206</v>
      </c>
      <c r="B35017" s="1" t="s">
        <v>118882</v>
      </c>
      <c r="C35017" s="1" t="s">
        <v>20</v>
      </c>
      <c r="D35017" s="1" t="s">
        <v>51189</v>
      </c>
      <c r="E35017" s="1" t="s">
        <v>121607</v>
      </c>
      <c r="F35017" s="1" t="s">
        <v>121608</v>
      </c>
      <c r="G35017" s="1" t="s">
        <v>121601</v>
      </c>
      <c r="H35017" s="1" t="s">
        <v>121602</v>
      </c>
      <c r="I35017" s="1" t="s">
        <v>118887</v>
      </c>
      <c r="J35017" s="1" t="s">
        <v>121609</v>
      </c>
    </row>
    <row r="35018" spans="1:10" x14ac:dyDescent="0.35">
      <c r="A35018" s="1" t="s">
        <v>6206</v>
      </c>
      <c r="B35018" s="1" t="s">
        <v>118882</v>
      </c>
      <c r="C35018" s="1" t="s">
        <v>25</v>
      </c>
      <c r="D35018" s="1" t="s">
        <v>28985</v>
      </c>
      <c r="E35018" s="1" t="s">
        <v>121610</v>
      </c>
      <c r="F35018" s="1" t="s">
        <v>121611</v>
      </c>
      <c r="G35018" s="1" t="s">
        <v>121601</v>
      </c>
      <c r="H35018" s="1" t="s">
        <v>121602</v>
      </c>
      <c r="I35018" s="1" t="s">
        <v>118887</v>
      </c>
      <c r="J35018" s="1" t="s">
        <v>121612</v>
      </c>
    </row>
    <row r="35019" spans="1:10" x14ac:dyDescent="0.35">
      <c r="A35019" s="1" t="s">
        <v>6206</v>
      </c>
      <c r="B35019" s="1" t="s">
        <v>118882</v>
      </c>
      <c r="C35019" s="1" t="s">
        <v>30</v>
      </c>
      <c r="D35019" s="1" t="s">
        <v>121613</v>
      </c>
      <c r="E35019" s="1" t="s">
        <v>8588</v>
      </c>
      <c r="F35019" s="1" t="s">
        <v>121614</v>
      </c>
      <c r="G35019" s="1" t="s">
        <v>121601</v>
      </c>
      <c r="H35019" s="1" t="s">
        <v>121602</v>
      </c>
      <c r="I35019" s="1" t="s">
        <v>118887</v>
      </c>
      <c r="J35019" s="1" t="s">
        <v>121615</v>
      </c>
    </row>
    <row r="35020" spans="1:10" x14ac:dyDescent="0.35">
      <c r="A35020" s="1" t="s">
        <v>6206</v>
      </c>
      <c r="B35020" s="1" t="s">
        <v>118882</v>
      </c>
      <c r="C35020" s="1" t="s">
        <v>35</v>
      </c>
      <c r="D35020" s="1" t="s">
        <v>121616</v>
      </c>
      <c r="E35020" s="1" t="s">
        <v>121617</v>
      </c>
      <c r="F35020" s="1" t="s">
        <v>121618</v>
      </c>
      <c r="G35020" s="1" t="s">
        <v>121601</v>
      </c>
      <c r="H35020" s="1" t="s">
        <v>121602</v>
      </c>
      <c r="I35020" s="1" t="s">
        <v>118887</v>
      </c>
      <c r="J35020" s="1" t="s">
        <v>121619</v>
      </c>
    </row>
    <row r="35021" spans="1:10" x14ac:dyDescent="0.35">
      <c r="A35021" s="1" t="s">
        <v>6206</v>
      </c>
      <c r="B35021" s="1" t="s">
        <v>118882</v>
      </c>
      <c r="C35021" s="1" t="s">
        <v>40</v>
      </c>
      <c r="D35021" s="1" t="s">
        <v>9960</v>
      </c>
      <c r="E35021" s="1" t="s">
        <v>121620</v>
      </c>
      <c r="F35021" s="1" t="s">
        <v>121621</v>
      </c>
      <c r="G35021" s="1" t="s">
        <v>121601</v>
      </c>
      <c r="H35021" s="1" t="s">
        <v>121602</v>
      </c>
      <c r="I35021" s="1" t="s">
        <v>118887</v>
      </c>
      <c r="J35021" s="1" t="s">
        <v>121622</v>
      </c>
    </row>
    <row r="35022" spans="1:10" x14ac:dyDescent="0.35">
      <c r="A35022" s="1" t="s">
        <v>6206</v>
      </c>
      <c r="B35022" s="1" t="s">
        <v>118882</v>
      </c>
      <c r="C35022" s="1" t="s">
        <v>45</v>
      </c>
      <c r="D35022" s="1" t="s">
        <v>2097</v>
      </c>
      <c r="E35022" s="1" t="s">
        <v>121623</v>
      </c>
      <c r="F35022" s="1" t="s">
        <v>121624</v>
      </c>
      <c r="G35022" s="1" t="s">
        <v>121601</v>
      </c>
      <c r="H35022" s="1" t="s">
        <v>121602</v>
      </c>
      <c r="I35022" s="1" t="s">
        <v>118887</v>
      </c>
      <c r="J35022" s="1" t="s">
        <v>121625</v>
      </c>
    </row>
    <row r="35023" spans="1:10" x14ac:dyDescent="0.35">
      <c r="A35023" s="1" t="s">
        <v>6206</v>
      </c>
      <c r="B35023" s="1" t="s">
        <v>118882</v>
      </c>
      <c r="C35023" s="1" t="s">
        <v>50</v>
      </c>
      <c r="D35023" s="1" t="s">
        <v>10948</v>
      </c>
      <c r="E35023" s="1" t="s">
        <v>121626</v>
      </c>
      <c r="F35023" s="1" t="s">
        <v>121627</v>
      </c>
      <c r="G35023" s="1" t="s">
        <v>121601</v>
      </c>
      <c r="H35023" s="1" t="s">
        <v>121602</v>
      </c>
      <c r="I35023" s="1" t="s">
        <v>118887</v>
      </c>
      <c r="J35023" s="1" t="s">
        <v>121628</v>
      </c>
    </row>
    <row r="35024" spans="1:10" x14ac:dyDescent="0.35">
      <c r="A35024" s="1" t="s">
        <v>6206</v>
      </c>
      <c r="B35024" s="1" t="s">
        <v>118882</v>
      </c>
      <c r="C35024" s="1" t="s">
        <v>55</v>
      </c>
      <c r="D35024" s="1" t="s">
        <v>121629</v>
      </c>
      <c r="E35024" s="1" t="s">
        <v>121630</v>
      </c>
      <c r="F35024" s="1" t="s">
        <v>121631</v>
      </c>
      <c r="G35024" s="1" t="s">
        <v>121601</v>
      </c>
      <c r="H35024" s="1" t="s">
        <v>121602</v>
      </c>
      <c r="I35024" s="1" t="s">
        <v>118887</v>
      </c>
      <c r="J35024" s="1" t="s">
        <v>121632</v>
      </c>
    </row>
    <row r="35025" spans="1:10" x14ac:dyDescent="0.35">
      <c r="A35025" s="1" t="s">
        <v>6206</v>
      </c>
      <c r="B35025" s="1" t="s">
        <v>118882</v>
      </c>
      <c r="C35025" s="1" t="s">
        <v>60</v>
      </c>
      <c r="D35025" s="1" t="s">
        <v>29004</v>
      </c>
      <c r="E35025" s="1" t="s">
        <v>121633</v>
      </c>
      <c r="F35025" s="1" t="s">
        <v>121634</v>
      </c>
      <c r="G35025" s="1" t="s">
        <v>121601</v>
      </c>
      <c r="H35025" s="1" t="s">
        <v>121602</v>
      </c>
      <c r="I35025" s="1" t="s">
        <v>118887</v>
      </c>
      <c r="J35025" s="1" t="s">
        <v>121635</v>
      </c>
    </row>
    <row r="35026" spans="1:10" x14ac:dyDescent="0.35">
      <c r="A35026" s="1" t="s">
        <v>6206</v>
      </c>
      <c r="B35026" s="1" t="s">
        <v>118882</v>
      </c>
      <c r="C35026" s="1" t="s">
        <v>65</v>
      </c>
      <c r="D35026" s="1" t="s">
        <v>121636</v>
      </c>
      <c r="E35026" s="1" t="s">
        <v>121637</v>
      </c>
      <c r="F35026" s="1" t="s">
        <v>121638</v>
      </c>
      <c r="G35026" s="1" t="s">
        <v>121601</v>
      </c>
      <c r="H35026" s="1" t="s">
        <v>121602</v>
      </c>
      <c r="I35026" s="1" t="s">
        <v>118887</v>
      </c>
      <c r="J35026" s="1" t="s">
        <v>121639</v>
      </c>
    </row>
    <row r="35027" spans="1:10" x14ac:dyDescent="0.35">
      <c r="A35027" s="1" t="s">
        <v>6206</v>
      </c>
      <c r="B35027" s="1" t="s">
        <v>118882</v>
      </c>
      <c r="C35027" s="1" t="s">
        <v>70</v>
      </c>
      <c r="D35027" s="1" t="s">
        <v>121640</v>
      </c>
      <c r="E35027" s="1" t="s">
        <v>121641</v>
      </c>
      <c r="F35027" s="1" t="s">
        <v>121642</v>
      </c>
      <c r="G35027" s="1" t="s">
        <v>121601</v>
      </c>
      <c r="H35027" s="1" t="s">
        <v>121602</v>
      </c>
      <c r="I35027" s="1" t="s">
        <v>118887</v>
      </c>
      <c r="J35027" s="1" t="s">
        <v>121643</v>
      </c>
    </row>
    <row r="35028" spans="1:10" x14ac:dyDescent="0.35">
      <c r="A35028" s="1" t="s">
        <v>6206</v>
      </c>
      <c r="B35028" s="1" t="s">
        <v>118882</v>
      </c>
      <c r="C35028" s="1" t="s">
        <v>75</v>
      </c>
      <c r="D35028" s="1" t="s">
        <v>121291</v>
      </c>
      <c r="E35028" s="1" t="s">
        <v>121644</v>
      </c>
      <c r="F35028" s="1" t="s">
        <v>121645</v>
      </c>
      <c r="G35028" s="1" t="s">
        <v>121601</v>
      </c>
      <c r="H35028" s="1" t="s">
        <v>121602</v>
      </c>
      <c r="I35028" s="1" t="s">
        <v>118887</v>
      </c>
      <c r="J35028" s="1" t="s">
        <v>73207</v>
      </c>
    </row>
    <row r="35029" spans="1:10" x14ac:dyDescent="0.35">
      <c r="A35029" s="1" t="s">
        <v>6206</v>
      </c>
      <c r="B35029" s="1" t="s">
        <v>118882</v>
      </c>
      <c r="C35029" s="1" t="s">
        <v>80</v>
      </c>
      <c r="D35029" s="1" t="s">
        <v>109835</v>
      </c>
      <c r="E35029" s="1" t="s">
        <v>121646</v>
      </c>
      <c r="F35029" s="1" t="s">
        <v>121647</v>
      </c>
      <c r="G35029" s="1" t="s">
        <v>121601</v>
      </c>
      <c r="H35029" s="1" t="s">
        <v>121602</v>
      </c>
      <c r="I35029" s="1" t="s">
        <v>118887</v>
      </c>
      <c r="J35029" s="1" t="s">
        <v>121648</v>
      </c>
    </row>
    <row r="35030" spans="1:10" x14ac:dyDescent="0.35">
      <c r="A35030" s="1" t="s">
        <v>6206</v>
      </c>
      <c r="B35030" s="1" t="s">
        <v>118882</v>
      </c>
      <c r="C35030" s="1" t="s">
        <v>85</v>
      </c>
      <c r="D35030" s="1" t="s">
        <v>104201</v>
      </c>
      <c r="E35030" s="1" t="s">
        <v>121649</v>
      </c>
      <c r="F35030" s="1" t="s">
        <v>121650</v>
      </c>
      <c r="G35030" s="1" t="s">
        <v>121601</v>
      </c>
      <c r="H35030" s="1" t="s">
        <v>121602</v>
      </c>
      <c r="I35030" s="1" t="s">
        <v>118887</v>
      </c>
      <c r="J35030" s="1" t="s">
        <v>121651</v>
      </c>
    </row>
    <row r="35031" spans="1:10" x14ac:dyDescent="0.35">
      <c r="A35031" s="1" t="s">
        <v>6206</v>
      </c>
      <c r="B35031" s="1" t="s">
        <v>118882</v>
      </c>
      <c r="C35031" s="1" t="s">
        <v>90</v>
      </c>
      <c r="D35031" s="1" t="s">
        <v>25173</v>
      </c>
      <c r="E35031" s="1" t="s">
        <v>121652</v>
      </c>
      <c r="F35031" s="1" t="s">
        <v>121653</v>
      </c>
      <c r="G35031" s="1" t="s">
        <v>121601</v>
      </c>
      <c r="H35031" s="1" t="s">
        <v>121602</v>
      </c>
      <c r="I35031" s="1" t="s">
        <v>118887</v>
      </c>
      <c r="J35031" s="1" t="s">
        <v>121654</v>
      </c>
    </row>
    <row r="35032" spans="1:10" x14ac:dyDescent="0.35">
      <c r="A35032" s="1" t="s">
        <v>6206</v>
      </c>
      <c r="B35032" s="1" t="s">
        <v>118882</v>
      </c>
      <c r="C35032" s="1" t="s">
        <v>95</v>
      </c>
      <c r="D35032" s="1" t="s">
        <v>35667</v>
      </c>
      <c r="E35032" s="1" t="s">
        <v>121655</v>
      </c>
      <c r="F35032" s="1" t="s">
        <v>121656</v>
      </c>
      <c r="G35032" s="1" t="s">
        <v>121601</v>
      </c>
      <c r="H35032" s="1" t="s">
        <v>121602</v>
      </c>
      <c r="I35032" s="1" t="s">
        <v>118887</v>
      </c>
      <c r="J35032" s="1" t="s">
        <v>121657</v>
      </c>
    </row>
    <row r="35033" spans="1:10" x14ac:dyDescent="0.35">
      <c r="A35033" s="1" t="s">
        <v>6206</v>
      </c>
      <c r="B35033" s="1" t="s">
        <v>118882</v>
      </c>
      <c r="C35033" s="1" t="s">
        <v>100</v>
      </c>
      <c r="D35033" s="1" t="s">
        <v>229</v>
      </c>
      <c r="E35033" s="1" t="s">
        <v>121658</v>
      </c>
      <c r="F35033" s="1" t="s">
        <v>121659</v>
      </c>
      <c r="G35033" s="1" t="s">
        <v>121601</v>
      </c>
      <c r="H35033" s="1" t="s">
        <v>121602</v>
      </c>
      <c r="I35033" s="1" t="s">
        <v>118887</v>
      </c>
      <c r="J35033" s="1" t="s">
        <v>121660</v>
      </c>
    </row>
    <row r="35034" spans="1:10" x14ac:dyDescent="0.35">
      <c r="A35034" s="1" t="s">
        <v>6206</v>
      </c>
      <c r="B35034" s="1" t="s">
        <v>118882</v>
      </c>
      <c r="C35034" s="1" t="s">
        <v>105</v>
      </c>
      <c r="D35034" s="1" t="s">
        <v>115460</v>
      </c>
      <c r="E35034" s="1" t="s">
        <v>121661</v>
      </c>
      <c r="F35034" s="1" t="s">
        <v>121662</v>
      </c>
      <c r="G35034" s="1" t="s">
        <v>121601</v>
      </c>
      <c r="H35034" s="1" t="s">
        <v>121602</v>
      </c>
      <c r="I35034" s="1" t="s">
        <v>118887</v>
      </c>
      <c r="J35034" s="1" t="s">
        <v>121663</v>
      </c>
    </row>
    <row r="35035" spans="1:10" x14ac:dyDescent="0.35">
      <c r="A35035" s="1" t="s">
        <v>6206</v>
      </c>
      <c r="B35035" s="1" t="s">
        <v>118882</v>
      </c>
      <c r="C35035" s="1" t="s">
        <v>110</v>
      </c>
      <c r="D35035" s="1" t="s">
        <v>121664</v>
      </c>
      <c r="E35035" s="1" t="s">
        <v>121665</v>
      </c>
      <c r="F35035" s="1" t="s">
        <v>121666</v>
      </c>
      <c r="G35035" s="1" t="s">
        <v>121601</v>
      </c>
      <c r="H35035" s="1" t="s">
        <v>121602</v>
      </c>
      <c r="I35035" s="1" t="s">
        <v>118887</v>
      </c>
      <c r="J35035" s="1" t="s">
        <v>121667</v>
      </c>
    </row>
    <row r="35036" spans="1:10" x14ac:dyDescent="0.35">
      <c r="A35036" s="1" t="s">
        <v>6206</v>
      </c>
      <c r="B35036" s="1" t="s">
        <v>118882</v>
      </c>
      <c r="C35036" s="1" t="s">
        <v>115</v>
      </c>
      <c r="D35036" s="1" t="s">
        <v>7143</v>
      </c>
      <c r="E35036" s="1" t="s">
        <v>121668</v>
      </c>
      <c r="F35036" s="1" t="s">
        <v>121669</v>
      </c>
      <c r="G35036" s="1" t="s">
        <v>121601</v>
      </c>
      <c r="H35036" s="1" t="s">
        <v>121602</v>
      </c>
      <c r="I35036" s="1" t="s">
        <v>118887</v>
      </c>
      <c r="J35036" s="1" t="s">
        <v>121670</v>
      </c>
    </row>
    <row r="35037" spans="1:10" x14ac:dyDescent="0.35">
      <c r="A35037" s="1" t="s">
        <v>6206</v>
      </c>
      <c r="B35037" s="1" t="s">
        <v>118882</v>
      </c>
      <c r="C35037" s="1" t="s">
        <v>120</v>
      </c>
      <c r="D35037" s="1" t="s">
        <v>121671</v>
      </c>
      <c r="E35037" s="1" t="s">
        <v>121672</v>
      </c>
      <c r="F35037" s="1" t="s">
        <v>121673</v>
      </c>
      <c r="G35037" s="1" t="s">
        <v>121601</v>
      </c>
      <c r="H35037" s="1" t="s">
        <v>121602</v>
      </c>
      <c r="I35037" s="1" t="s">
        <v>118887</v>
      </c>
      <c r="J35037" s="1" t="s">
        <v>121674</v>
      </c>
    </row>
    <row r="35038" spans="1:10" x14ac:dyDescent="0.35">
      <c r="A35038" s="1" t="s">
        <v>6206</v>
      </c>
      <c r="B35038" s="1" t="s">
        <v>118882</v>
      </c>
      <c r="C35038" s="1" t="s">
        <v>125</v>
      </c>
      <c r="D35038" s="1" t="s">
        <v>31261</v>
      </c>
      <c r="E35038" s="1" t="s">
        <v>121675</v>
      </c>
      <c r="F35038" s="1" t="s">
        <v>121676</v>
      </c>
      <c r="G35038" s="1" t="s">
        <v>121601</v>
      </c>
      <c r="H35038" s="1" t="s">
        <v>121602</v>
      </c>
      <c r="I35038" s="1" t="s">
        <v>118887</v>
      </c>
      <c r="J35038" s="1" t="s">
        <v>121677</v>
      </c>
    </row>
    <row r="35039" spans="1:10" x14ac:dyDescent="0.35">
      <c r="A35039" s="1" t="s">
        <v>6206</v>
      </c>
      <c r="B35039" s="1" t="s">
        <v>118882</v>
      </c>
      <c r="C35039" s="1" t="s">
        <v>130</v>
      </c>
      <c r="D35039" s="1" t="s">
        <v>121678</v>
      </c>
      <c r="E35039" s="1" t="s">
        <v>121679</v>
      </c>
      <c r="F35039" s="1" t="s">
        <v>121680</v>
      </c>
      <c r="G35039" s="1" t="s">
        <v>121601</v>
      </c>
      <c r="H35039" s="1" t="s">
        <v>121602</v>
      </c>
      <c r="I35039" s="1" t="s">
        <v>118887</v>
      </c>
      <c r="J35039" s="1" t="s">
        <v>121681</v>
      </c>
    </row>
    <row r="35040" spans="1:10" x14ac:dyDescent="0.35">
      <c r="A35040" s="1" t="s">
        <v>6206</v>
      </c>
      <c r="B35040" s="1" t="s">
        <v>118882</v>
      </c>
      <c r="C35040" s="1" t="s">
        <v>135</v>
      </c>
      <c r="D35040" s="1" t="s">
        <v>37036</v>
      </c>
      <c r="E35040" s="1" t="s">
        <v>121682</v>
      </c>
      <c r="F35040" s="1" t="s">
        <v>121683</v>
      </c>
      <c r="G35040" s="1" t="s">
        <v>121601</v>
      </c>
      <c r="H35040" s="1" t="s">
        <v>121602</v>
      </c>
      <c r="I35040" s="1" t="s">
        <v>118887</v>
      </c>
      <c r="J35040" s="1" t="s">
        <v>121684</v>
      </c>
    </row>
    <row r="35041" spans="1:10" x14ac:dyDescent="0.35">
      <c r="A35041" s="1" t="s">
        <v>6206</v>
      </c>
      <c r="B35041" s="1" t="s">
        <v>118882</v>
      </c>
      <c r="C35041" s="1" t="s">
        <v>140</v>
      </c>
      <c r="D35041" s="1" t="s">
        <v>118329</v>
      </c>
      <c r="E35041" s="1" t="s">
        <v>121685</v>
      </c>
      <c r="F35041" s="1" t="s">
        <v>121686</v>
      </c>
      <c r="G35041" s="1" t="s">
        <v>121601</v>
      </c>
      <c r="H35041" s="1" t="s">
        <v>121602</v>
      </c>
      <c r="I35041" s="1" t="s">
        <v>118887</v>
      </c>
      <c r="J35041" s="1" t="s">
        <v>121687</v>
      </c>
    </row>
    <row r="35042" spans="1:10" x14ac:dyDescent="0.35">
      <c r="A35042" s="1" t="s">
        <v>6206</v>
      </c>
      <c r="B35042" s="1" t="s">
        <v>118882</v>
      </c>
      <c r="C35042" s="1" t="s">
        <v>145</v>
      </c>
      <c r="D35042" s="1" t="s">
        <v>121688</v>
      </c>
      <c r="E35042" s="1" t="s">
        <v>121689</v>
      </c>
      <c r="F35042" s="1" t="s">
        <v>121690</v>
      </c>
      <c r="G35042" s="1" t="s">
        <v>121601</v>
      </c>
      <c r="H35042" s="1" t="s">
        <v>121602</v>
      </c>
      <c r="I35042" s="1" t="s">
        <v>118887</v>
      </c>
      <c r="J35042" s="1" t="s">
        <v>121691</v>
      </c>
    </row>
    <row r="35043" spans="1:10" x14ac:dyDescent="0.35">
      <c r="A35043" s="1" t="s">
        <v>6206</v>
      </c>
      <c r="B35043" s="1" t="s">
        <v>118882</v>
      </c>
      <c r="C35043" s="1" t="s">
        <v>150</v>
      </c>
      <c r="D35043" s="1" t="s">
        <v>82997</v>
      </c>
      <c r="E35043" s="1" t="s">
        <v>121692</v>
      </c>
      <c r="F35043" s="1" t="s">
        <v>121693</v>
      </c>
      <c r="G35043" s="1" t="s">
        <v>121601</v>
      </c>
      <c r="H35043" s="1" t="s">
        <v>121602</v>
      </c>
      <c r="I35043" s="1" t="s">
        <v>118887</v>
      </c>
      <c r="J35043" s="1" t="s">
        <v>121694</v>
      </c>
    </row>
    <row r="35044" spans="1:10" x14ac:dyDescent="0.35">
      <c r="A35044" s="1" t="s">
        <v>6206</v>
      </c>
      <c r="B35044" s="1" t="s">
        <v>118882</v>
      </c>
      <c r="C35044" s="1" t="s">
        <v>155</v>
      </c>
      <c r="D35044" s="1" t="s">
        <v>121695</v>
      </c>
      <c r="E35044" s="1" t="s">
        <v>121696</v>
      </c>
      <c r="F35044" s="1" t="s">
        <v>121697</v>
      </c>
      <c r="G35044" s="1" t="s">
        <v>121601</v>
      </c>
      <c r="H35044" s="1" t="s">
        <v>121602</v>
      </c>
      <c r="I35044" s="1" t="s">
        <v>118887</v>
      </c>
      <c r="J35044" s="1" t="s">
        <v>121698</v>
      </c>
    </row>
    <row r="35045" spans="1:10" x14ac:dyDescent="0.35">
      <c r="A35045" s="1" t="s">
        <v>6206</v>
      </c>
      <c r="B35045" s="1" t="s">
        <v>118882</v>
      </c>
      <c r="C35045" s="1" t="s">
        <v>160</v>
      </c>
      <c r="D35045" s="1" t="s">
        <v>121699</v>
      </c>
      <c r="E35045" s="1" t="s">
        <v>121700</v>
      </c>
      <c r="F35045" s="1" t="s">
        <v>121701</v>
      </c>
      <c r="G35045" s="1" t="s">
        <v>121601</v>
      </c>
      <c r="H35045" s="1" t="s">
        <v>121602</v>
      </c>
      <c r="I35045" s="1" t="s">
        <v>118887</v>
      </c>
      <c r="J35045" s="1" t="s">
        <v>121702</v>
      </c>
    </row>
    <row r="35046" spans="1:10" x14ac:dyDescent="0.35">
      <c r="A35046" s="1" t="s">
        <v>6206</v>
      </c>
      <c r="B35046" s="1" t="s">
        <v>118882</v>
      </c>
      <c r="C35046" s="1" t="s">
        <v>165</v>
      </c>
      <c r="D35046" s="1" t="s">
        <v>31865</v>
      </c>
      <c r="E35046" s="1" t="s">
        <v>121703</v>
      </c>
      <c r="F35046" s="1" t="s">
        <v>121704</v>
      </c>
      <c r="G35046" s="1" t="s">
        <v>121601</v>
      </c>
      <c r="H35046" s="1" t="s">
        <v>121602</v>
      </c>
      <c r="I35046" s="1" t="s">
        <v>118887</v>
      </c>
      <c r="J35046" s="1" t="s">
        <v>121705</v>
      </c>
    </row>
    <row r="35047" spans="1:10" x14ac:dyDescent="0.35">
      <c r="A35047" s="1" t="s">
        <v>6206</v>
      </c>
      <c r="B35047" s="1" t="s">
        <v>118882</v>
      </c>
      <c r="C35047" s="1" t="s">
        <v>170</v>
      </c>
      <c r="D35047" s="1" t="s">
        <v>121706</v>
      </c>
      <c r="E35047" s="1" t="s">
        <v>121707</v>
      </c>
      <c r="F35047" s="1" t="s">
        <v>121708</v>
      </c>
      <c r="G35047" s="1" t="s">
        <v>121601</v>
      </c>
      <c r="H35047" s="1" t="s">
        <v>121602</v>
      </c>
      <c r="I35047" s="1" t="s">
        <v>118887</v>
      </c>
      <c r="J35047" s="1" t="s">
        <v>121709</v>
      </c>
    </row>
    <row r="35048" spans="1:10" x14ac:dyDescent="0.35">
      <c r="A35048" s="1" t="s">
        <v>121710</v>
      </c>
      <c r="B35048" s="1" t="s">
        <v>118882</v>
      </c>
      <c r="C35048" s="1" t="s">
        <v>8</v>
      </c>
      <c r="D35048" s="1" t="s">
        <v>12931</v>
      </c>
      <c r="E35048" s="1" t="s">
        <v>121711</v>
      </c>
      <c r="F35048" s="1" t="s">
        <v>121712</v>
      </c>
      <c r="G35048" s="1" t="s">
        <v>121713</v>
      </c>
      <c r="H35048" s="1" t="s">
        <v>121714</v>
      </c>
      <c r="I35048" s="1" t="s">
        <v>118887</v>
      </c>
      <c r="J35048" s="1" t="s">
        <v>13</v>
      </c>
    </row>
    <row r="35049" spans="1:10" x14ac:dyDescent="0.35">
      <c r="A35049" s="1" t="s">
        <v>121710</v>
      </c>
      <c r="B35049" s="1" t="s">
        <v>118882</v>
      </c>
      <c r="C35049" s="1" t="s">
        <v>15</v>
      </c>
      <c r="D35049" s="1" t="s">
        <v>1973</v>
      </c>
      <c r="E35049" s="1" t="s">
        <v>121715</v>
      </c>
      <c r="F35049" s="1" t="s">
        <v>121716</v>
      </c>
      <c r="G35049" s="1" t="s">
        <v>121713</v>
      </c>
      <c r="H35049" s="1" t="s">
        <v>121714</v>
      </c>
      <c r="I35049" s="1" t="s">
        <v>118887</v>
      </c>
      <c r="J35049" s="1" t="s">
        <v>121717</v>
      </c>
    </row>
    <row r="35050" spans="1:10" x14ac:dyDescent="0.35">
      <c r="A35050" s="1" t="s">
        <v>121710</v>
      </c>
      <c r="B35050" s="1" t="s">
        <v>118882</v>
      </c>
      <c r="C35050" s="1" t="s">
        <v>20</v>
      </c>
      <c r="D35050" s="1" t="s">
        <v>121718</v>
      </c>
      <c r="E35050" s="1" t="s">
        <v>121719</v>
      </c>
      <c r="F35050" s="1" t="s">
        <v>121720</v>
      </c>
      <c r="G35050" s="1" t="s">
        <v>121713</v>
      </c>
      <c r="H35050" s="1" t="s">
        <v>121714</v>
      </c>
      <c r="I35050" s="1" t="s">
        <v>118887</v>
      </c>
      <c r="J35050" s="1" t="s">
        <v>121721</v>
      </c>
    </row>
    <row r="35051" spans="1:10" x14ac:dyDescent="0.35">
      <c r="A35051" s="1" t="s">
        <v>121710</v>
      </c>
      <c r="B35051" s="1" t="s">
        <v>118882</v>
      </c>
      <c r="C35051" s="1" t="s">
        <v>25</v>
      </c>
      <c r="D35051" s="1" t="s">
        <v>9334</v>
      </c>
      <c r="E35051" s="1" t="s">
        <v>121722</v>
      </c>
      <c r="F35051" s="1" t="s">
        <v>121723</v>
      </c>
      <c r="G35051" s="1" t="s">
        <v>121713</v>
      </c>
      <c r="H35051" s="1" t="s">
        <v>121714</v>
      </c>
      <c r="I35051" s="1" t="s">
        <v>118887</v>
      </c>
      <c r="J35051" s="1" t="s">
        <v>121724</v>
      </c>
    </row>
    <row r="35052" spans="1:10" x14ac:dyDescent="0.35">
      <c r="A35052" s="1" t="s">
        <v>121710</v>
      </c>
      <c r="B35052" s="1" t="s">
        <v>118882</v>
      </c>
      <c r="C35052" s="1" t="s">
        <v>30</v>
      </c>
      <c r="D35052" s="1" t="s">
        <v>13870</v>
      </c>
      <c r="E35052" s="1" t="s">
        <v>121725</v>
      </c>
      <c r="F35052" s="1" t="s">
        <v>121726</v>
      </c>
      <c r="G35052" s="1" t="s">
        <v>121713</v>
      </c>
      <c r="H35052" s="1" t="s">
        <v>121714</v>
      </c>
      <c r="I35052" s="1" t="s">
        <v>118887</v>
      </c>
      <c r="J35052" s="1" t="s">
        <v>121727</v>
      </c>
    </row>
    <row r="35053" spans="1:10" x14ac:dyDescent="0.35">
      <c r="A35053" s="1" t="s">
        <v>121710</v>
      </c>
      <c r="B35053" s="1" t="s">
        <v>118882</v>
      </c>
      <c r="C35053" s="1" t="s">
        <v>35</v>
      </c>
      <c r="D35053" s="1" t="s">
        <v>12108</v>
      </c>
      <c r="E35053" s="1" t="s">
        <v>121728</v>
      </c>
      <c r="F35053" s="1" t="s">
        <v>121729</v>
      </c>
      <c r="G35053" s="1" t="s">
        <v>121713</v>
      </c>
      <c r="H35053" s="1" t="s">
        <v>121714</v>
      </c>
      <c r="I35053" s="1" t="s">
        <v>118887</v>
      </c>
      <c r="J35053" s="1" t="s">
        <v>121730</v>
      </c>
    </row>
    <row r="35054" spans="1:10" x14ac:dyDescent="0.35">
      <c r="A35054" s="1" t="s">
        <v>121710</v>
      </c>
      <c r="B35054" s="1" t="s">
        <v>118882</v>
      </c>
      <c r="C35054" s="1" t="s">
        <v>40</v>
      </c>
      <c r="D35054" s="1" t="s">
        <v>121731</v>
      </c>
      <c r="E35054" s="1" t="s">
        <v>121732</v>
      </c>
      <c r="F35054" s="1" t="s">
        <v>121733</v>
      </c>
      <c r="G35054" s="1" t="s">
        <v>121713</v>
      </c>
      <c r="H35054" s="1" t="s">
        <v>121714</v>
      </c>
      <c r="I35054" s="1" t="s">
        <v>118887</v>
      </c>
      <c r="J35054" s="1" t="s">
        <v>121734</v>
      </c>
    </row>
    <row r="35055" spans="1:10" x14ac:dyDescent="0.35">
      <c r="A35055" s="1" t="s">
        <v>121710</v>
      </c>
      <c r="B35055" s="1" t="s">
        <v>118882</v>
      </c>
      <c r="C35055" s="1" t="s">
        <v>45</v>
      </c>
      <c r="D35055" s="1" t="s">
        <v>121735</v>
      </c>
      <c r="E35055" s="1" t="s">
        <v>121736</v>
      </c>
      <c r="F35055" s="1" t="s">
        <v>121737</v>
      </c>
      <c r="G35055" s="1" t="s">
        <v>121713</v>
      </c>
      <c r="H35055" s="1" t="s">
        <v>121714</v>
      </c>
      <c r="I35055" s="1" t="s">
        <v>118887</v>
      </c>
      <c r="J35055" s="1" t="s">
        <v>121738</v>
      </c>
    </row>
    <row r="35056" spans="1:10" x14ac:dyDescent="0.35">
      <c r="A35056" s="1" t="s">
        <v>121710</v>
      </c>
      <c r="B35056" s="1" t="s">
        <v>118882</v>
      </c>
      <c r="C35056" s="1" t="s">
        <v>50</v>
      </c>
      <c r="D35056" s="1" t="s">
        <v>10292</v>
      </c>
      <c r="E35056" s="1" t="s">
        <v>121739</v>
      </c>
      <c r="F35056" s="1" t="s">
        <v>121740</v>
      </c>
      <c r="G35056" s="1" t="s">
        <v>121713</v>
      </c>
      <c r="H35056" s="1" t="s">
        <v>121714</v>
      </c>
      <c r="I35056" s="1" t="s">
        <v>118887</v>
      </c>
      <c r="J35056" s="1" t="s">
        <v>121741</v>
      </c>
    </row>
    <row r="35057" spans="1:10" x14ac:dyDescent="0.35">
      <c r="A35057" s="1" t="s">
        <v>121710</v>
      </c>
      <c r="B35057" s="1" t="s">
        <v>118882</v>
      </c>
      <c r="C35057" s="1" t="s">
        <v>55</v>
      </c>
      <c r="D35057" s="1" t="s">
        <v>25405</v>
      </c>
      <c r="E35057" s="1" t="s">
        <v>121742</v>
      </c>
      <c r="F35057" s="1" t="s">
        <v>121743</v>
      </c>
      <c r="G35057" s="1" t="s">
        <v>121713</v>
      </c>
      <c r="H35057" s="1" t="s">
        <v>121714</v>
      </c>
      <c r="I35057" s="1" t="s">
        <v>118887</v>
      </c>
      <c r="J35057" s="1" t="s">
        <v>121744</v>
      </c>
    </row>
    <row r="35058" spans="1:10" x14ac:dyDescent="0.35">
      <c r="A35058" s="1" t="s">
        <v>121710</v>
      </c>
      <c r="B35058" s="1" t="s">
        <v>118882</v>
      </c>
      <c r="C35058" s="1" t="s">
        <v>60</v>
      </c>
      <c r="D35058" s="1" t="s">
        <v>110654</v>
      </c>
      <c r="E35058" s="1" t="s">
        <v>121745</v>
      </c>
      <c r="F35058" s="1" t="s">
        <v>121746</v>
      </c>
      <c r="G35058" s="1" t="s">
        <v>121713</v>
      </c>
      <c r="H35058" s="1" t="s">
        <v>121714</v>
      </c>
      <c r="I35058" s="1" t="s">
        <v>118887</v>
      </c>
      <c r="J35058" s="1" t="s">
        <v>121747</v>
      </c>
    </row>
    <row r="35059" spans="1:10" x14ac:dyDescent="0.35">
      <c r="A35059" s="1" t="s">
        <v>121710</v>
      </c>
      <c r="B35059" s="1" t="s">
        <v>118882</v>
      </c>
      <c r="C35059" s="1" t="s">
        <v>65</v>
      </c>
      <c r="D35059" s="1" t="s">
        <v>121616</v>
      </c>
      <c r="E35059" s="1" t="s">
        <v>121748</v>
      </c>
      <c r="F35059" s="1" t="s">
        <v>121749</v>
      </c>
      <c r="G35059" s="1" t="s">
        <v>121713</v>
      </c>
      <c r="H35059" s="1" t="s">
        <v>121714</v>
      </c>
      <c r="I35059" s="1" t="s">
        <v>118887</v>
      </c>
      <c r="J35059" s="1" t="s">
        <v>121750</v>
      </c>
    </row>
    <row r="35060" spans="1:10" x14ac:dyDescent="0.35">
      <c r="A35060" s="1" t="s">
        <v>121710</v>
      </c>
      <c r="B35060" s="1" t="s">
        <v>118882</v>
      </c>
      <c r="C35060" s="1" t="s">
        <v>70</v>
      </c>
      <c r="D35060" s="1" t="s">
        <v>45743</v>
      </c>
      <c r="E35060" s="1" t="s">
        <v>121751</v>
      </c>
      <c r="F35060" s="1" t="s">
        <v>121752</v>
      </c>
      <c r="G35060" s="1" t="s">
        <v>121713</v>
      </c>
      <c r="H35060" s="1" t="s">
        <v>121714</v>
      </c>
      <c r="I35060" s="1" t="s">
        <v>118887</v>
      </c>
      <c r="J35060" s="1" t="s">
        <v>121753</v>
      </c>
    </row>
    <row r="35061" spans="1:10" x14ac:dyDescent="0.35">
      <c r="A35061" s="1" t="s">
        <v>121710</v>
      </c>
      <c r="B35061" s="1" t="s">
        <v>118882</v>
      </c>
      <c r="C35061" s="1" t="s">
        <v>75</v>
      </c>
      <c r="D35061" s="1" t="s">
        <v>121217</v>
      </c>
      <c r="E35061" s="1" t="s">
        <v>121754</v>
      </c>
      <c r="F35061" s="1" t="s">
        <v>121755</v>
      </c>
      <c r="G35061" s="1" t="s">
        <v>121713</v>
      </c>
      <c r="H35061" s="1" t="s">
        <v>121714</v>
      </c>
      <c r="I35061" s="1" t="s">
        <v>118887</v>
      </c>
      <c r="J35061" s="1" t="s">
        <v>121756</v>
      </c>
    </row>
    <row r="35062" spans="1:10" x14ac:dyDescent="0.35">
      <c r="A35062" s="1" t="s">
        <v>121710</v>
      </c>
      <c r="B35062" s="1" t="s">
        <v>118882</v>
      </c>
      <c r="C35062" s="1" t="s">
        <v>80</v>
      </c>
      <c r="D35062" s="1" t="s">
        <v>25538</v>
      </c>
      <c r="E35062" s="1" t="s">
        <v>121757</v>
      </c>
      <c r="F35062" s="1" t="s">
        <v>121758</v>
      </c>
      <c r="G35062" s="1" t="s">
        <v>121713</v>
      </c>
      <c r="H35062" s="1" t="s">
        <v>121714</v>
      </c>
      <c r="I35062" s="1" t="s">
        <v>118887</v>
      </c>
      <c r="J35062" s="1" t="s">
        <v>121759</v>
      </c>
    </row>
    <row r="35063" spans="1:10" x14ac:dyDescent="0.35">
      <c r="A35063" s="1" t="s">
        <v>121710</v>
      </c>
      <c r="B35063" s="1" t="s">
        <v>118882</v>
      </c>
      <c r="C35063" s="1" t="s">
        <v>85</v>
      </c>
      <c r="D35063" s="1" t="s">
        <v>110863</v>
      </c>
      <c r="E35063" s="1" t="s">
        <v>121760</v>
      </c>
      <c r="F35063" s="1" t="s">
        <v>121761</v>
      </c>
      <c r="G35063" s="1" t="s">
        <v>121713</v>
      </c>
      <c r="H35063" s="1" t="s">
        <v>121714</v>
      </c>
      <c r="I35063" s="1" t="s">
        <v>118887</v>
      </c>
      <c r="J35063" s="1" t="s">
        <v>121762</v>
      </c>
    </row>
    <row r="35064" spans="1:10" x14ac:dyDescent="0.35">
      <c r="A35064" s="1" t="s">
        <v>121710</v>
      </c>
      <c r="B35064" s="1" t="s">
        <v>118882</v>
      </c>
      <c r="C35064" s="1" t="s">
        <v>90</v>
      </c>
      <c r="D35064" s="1" t="s">
        <v>121763</v>
      </c>
      <c r="E35064" s="1" t="s">
        <v>121764</v>
      </c>
      <c r="F35064" s="1" t="s">
        <v>121765</v>
      </c>
      <c r="G35064" s="1" t="s">
        <v>121713</v>
      </c>
      <c r="H35064" s="1" t="s">
        <v>121714</v>
      </c>
      <c r="I35064" s="1" t="s">
        <v>118887</v>
      </c>
      <c r="J35064" s="1" t="s">
        <v>121766</v>
      </c>
    </row>
    <row r="35065" spans="1:10" x14ac:dyDescent="0.35">
      <c r="A35065" s="1" t="s">
        <v>121710</v>
      </c>
      <c r="B35065" s="1" t="s">
        <v>118882</v>
      </c>
      <c r="C35065" s="1" t="s">
        <v>95</v>
      </c>
      <c r="D35065" s="1" t="s">
        <v>121767</v>
      </c>
      <c r="E35065" s="1" t="s">
        <v>121768</v>
      </c>
      <c r="F35065" s="1" t="s">
        <v>121769</v>
      </c>
      <c r="G35065" s="1" t="s">
        <v>121713</v>
      </c>
      <c r="H35065" s="1" t="s">
        <v>121714</v>
      </c>
      <c r="I35065" s="1" t="s">
        <v>118887</v>
      </c>
      <c r="J35065" s="1" t="s">
        <v>121770</v>
      </c>
    </row>
    <row r="35066" spans="1:10" x14ac:dyDescent="0.35">
      <c r="A35066" s="1" t="s">
        <v>121710</v>
      </c>
      <c r="B35066" s="1" t="s">
        <v>118882</v>
      </c>
      <c r="C35066" s="1" t="s">
        <v>100</v>
      </c>
      <c r="D35066" s="1" t="s">
        <v>25147</v>
      </c>
      <c r="E35066" s="1" t="s">
        <v>121771</v>
      </c>
      <c r="F35066" s="1" t="s">
        <v>121772</v>
      </c>
      <c r="G35066" s="1" t="s">
        <v>121713</v>
      </c>
      <c r="H35066" s="1" t="s">
        <v>121714</v>
      </c>
      <c r="I35066" s="1" t="s">
        <v>118887</v>
      </c>
      <c r="J35066" s="1" t="s">
        <v>121773</v>
      </c>
    </row>
    <row r="35067" spans="1:10" x14ac:dyDescent="0.35">
      <c r="A35067" s="1" t="s">
        <v>121710</v>
      </c>
      <c r="B35067" s="1" t="s">
        <v>118882</v>
      </c>
      <c r="C35067" s="1" t="s">
        <v>105</v>
      </c>
      <c r="D35067" s="1" t="s">
        <v>121774</v>
      </c>
      <c r="E35067" s="1" t="s">
        <v>121775</v>
      </c>
      <c r="F35067" s="1" t="s">
        <v>121776</v>
      </c>
      <c r="G35067" s="1" t="s">
        <v>121713</v>
      </c>
      <c r="H35067" s="1" t="s">
        <v>121714</v>
      </c>
      <c r="I35067" s="1" t="s">
        <v>118887</v>
      </c>
      <c r="J35067" s="1" t="s">
        <v>121777</v>
      </c>
    </row>
    <row r="35068" spans="1:10" x14ac:dyDescent="0.35">
      <c r="A35068" s="1" t="s">
        <v>121710</v>
      </c>
      <c r="B35068" s="1" t="s">
        <v>118882</v>
      </c>
      <c r="C35068" s="1" t="s">
        <v>110</v>
      </c>
      <c r="D35068" s="1" t="s">
        <v>73183</v>
      </c>
      <c r="E35068" s="1" t="s">
        <v>121778</v>
      </c>
      <c r="F35068" s="1" t="s">
        <v>121779</v>
      </c>
      <c r="G35068" s="1" t="s">
        <v>121713</v>
      </c>
      <c r="H35068" s="1" t="s">
        <v>121714</v>
      </c>
      <c r="I35068" s="1" t="s">
        <v>118887</v>
      </c>
      <c r="J35068" s="1" t="s">
        <v>121780</v>
      </c>
    </row>
    <row r="35069" spans="1:10" x14ac:dyDescent="0.35">
      <c r="A35069" s="1" t="s">
        <v>121710</v>
      </c>
      <c r="B35069" s="1" t="s">
        <v>118882</v>
      </c>
      <c r="C35069" s="1" t="s">
        <v>115</v>
      </c>
      <c r="D35069" s="1" t="s">
        <v>121781</v>
      </c>
      <c r="E35069" s="1" t="s">
        <v>121782</v>
      </c>
      <c r="F35069" s="1" t="s">
        <v>121783</v>
      </c>
      <c r="G35069" s="1" t="s">
        <v>121713</v>
      </c>
      <c r="H35069" s="1" t="s">
        <v>121714</v>
      </c>
      <c r="I35069" s="1" t="s">
        <v>118887</v>
      </c>
      <c r="J35069" s="1" t="s">
        <v>121784</v>
      </c>
    </row>
    <row r="35070" spans="1:10" x14ac:dyDescent="0.35">
      <c r="A35070" s="1" t="s">
        <v>121710</v>
      </c>
      <c r="B35070" s="1" t="s">
        <v>118882</v>
      </c>
      <c r="C35070" s="1" t="s">
        <v>120</v>
      </c>
      <c r="D35070" s="1" t="s">
        <v>72516</v>
      </c>
      <c r="E35070" s="1" t="s">
        <v>121785</v>
      </c>
      <c r="F35070" s="1" t="s">
        <v>121786</v>
      </c>
      <c r="G35070" s="1" t="s">
        <v>121713</v>
      </c>
      <c r="H35070" s="1" t="s">
        <v>121714</v>
      </c>
      <c r="I35070" s="1" t="s">
        <v>118887</v>
      </c>
      <c r="J35070" s="1" t="s">
        <v>121787</v>
      </c>
    </row>
    <row r="35071" spans="1:10" x14ac:dyDescent="0.35">
      <c r="A35071" s="1" t="s">
        <v>121710</v>
      </c>
      <c r="B35071" s="1" t="s">
        <v>118882</v>
      </c>
      <c r="C35071" s="1" t="s">
        <v>125</v>
      </c>
      <c r="D35071" s="1" t="s">
        <v>118417</v>
      </c>
      <c r="E35071" s="1" t="s">
        <v>121788</v>
      </c>
      <c r="F35071" s="1" t="s">
        <v>121789</v>
      </c>
      <c r="G35071" s="1" t="s">
        <v>121713</v>
      </c>
      <c r="H35071" s="1" t="s">
        <v>121714</v>
      </c>
      <c r="I35071" s="1" t="s">
        <v>118887</v>
      </c>
      <c r="J35071" s="1" t="s">
        <v>121790</v>
      </c>
    </row>
    <row r="35072" spans="1:10" x14ac:dyDescent="0.35">
      <c r="A35072" s="1" t="s">
        <v>121710</v>
      </c>
      <c r="B35072" s="1" t="s">
        <v>118882</v>
      </c>
      <c r="C35072" s="1" t="s">
        <v>130</v>
      </c>
      <c r="D35072" s="1" t="s">
        <v>121791</v>
      </c>
      <c r="E35072" s="1" t="s">
        <v>121792</v>
      </c>
      <c r="F35072" s="1" t="s">
        <v>121793</v>
      </c>
      <c r="G35072" s="1" t="s">
        <v>121713</v>
      </c>
      <c r="H35072" s="1" t="s">
        <v>121714</v>
      </c>
      <c r="I35072" s="1" t="s">
        <v>118887</v>
      </c>
      <c r="J35072" s="1" t="s">
        <v>121794</v>
      </c>
    </row>
    <row r="35073" spans="1:10" x14ac:dyDescent="0.35">
      <c r="A35073" s="1" t="s">
        <v>121710</v>
      </c>
      <c r="B35073" s="1" t="s">
        <v>118882</v>
      </c>
      <c r="C35073" s="1" t="s">
        <v>135</v>
      </c>
      <c r="D35073" s="1" t="s">
        <v>121795</v>
      </c>
      <c r="E35073" s="1" t="s">
        <v>121796</v>
      </c>
      <c r="F35073" s="1" t="s">
        <v>121797</v>
      </c>
      <c r="G35073" s="1" t="s">
        <v>121713</v>
      </c>
      <c r="H35073" s="1" t="s">
        <v>121714</v>
      </c>
      <c r="I35073" s="1" t="s">
        <v>118887</v>
      </c>
      <c r="J35073" s="1" t="s">
        <v>121798</v>
      </c>
    </row>
    <row r="35074" spans="1:10" x14ac:dyDescent="0.35">
      <c r="A35074" s="1" t="s">
        <v>121710</v>
      </c>
      <c r="B35074" s="1" t="s">
        <v>118882</v>
      </c>
      <c r="C35074" s="1" t="s">
        <v>140</v>
      </c>
      <c r="D35074" s="1" t="s">
        <v>50561</v>
      </c>
      <c r="E35074" s="1" t="s">
        <v>121799</v>
      </c>
      <c r="F35074" s="1" t="s">
        <v>121800</v>
      </c>
      <c r="G35074" s="1" t="s">
        <v>121713</v>
      </c>
      <c r="H35074" s="1" t="s">
        <v>121714</v>
      </c>
      <c r="I35074" s="1" t="s">
        <v>118887</v>
      </c>
      <c r="J35074" s="1" t="s">
        <v>121801</v>
      </c>
    </row>
    <row r="35075" spans="1:10" x14ac:dyDescent="0.35">
      <c r="A35075" s="1" t="s">
        <v>121710</v>
      </c>
      <c r="B35075" s="1" t="s">
        <v>118882</v>
      </c>
      <c r="C35075" s="1" t="s">
        <v>145</v>
      </c>
      <c r="D35075" s="1" t="s">
        <v>38308</v>
      </c>
      <c r="E35075" s="1" t="s">
        <v>121802</v>
      </c>
      <c r="F35075" s="1" t="s">
        <v>121803</v>
      </c>
      <c r="G35075" s="1" t="s">
        <v>121713</v>
      </c>
      <c r="H35075" s="1" t="s">
        <v>121714</v>
      </c>
      <c r="I35075" s="1" t="s">
        <v>118887</v>
      </c>
      <c r="J35075" s="1" t="s">
        <v>121804</v>
      </c>
    </row>
    <row r="35076" spans="1:10" x14ac:dyDescent="0.35">
      <c r="A35076" s="1" t="s">
        <v>121710</v>
      </c>
      <c r="B35076" s="1" t="s">
        <v>118882</v>
      </c>
      <c r="C35076" s="1" t="s">
        <v>150</v>
      </c>
      <c r="D35076" s="1" t="s">
        <v>121805</v>
      </c>
      <c r="E35076" s="1" t="s">
        <v>121806</v>
      </c>
      <c r="F35076" s="1" t="s">
        <v>121807</v>
      </c>
      <c r="G35076" s="1" t="s">
        <v>121713</v>
      </c>
      <c r="H35076" s="1" t="s">
        <v>121714</v>
      </c>
      <c r="I35076" s="1" t="s">
        <v>118887</v>
      </c>
      <c r="J35076" s="1" t="s">
        <v>121808</v>
      </c>
    </row>
    <row r="35077" spans="1:10" x14ac:dyDescent="0.35">
      <c r="A35077" s="1" t="s">
        <v>121710</v>
      </c>
      <c r="B35077" s="1" t="s">
        <v>118882</v>
      </c>
      <c r="C35077" s="1" t="s">
        <v>155</v>
      </c>
      <c r="D35077" s="1" t="s">
        <v>17006</v>
      </c>
      <c r="E35077" s="1" t="s">
        <v>121809</v>
      </c>
      <c r="F35077" s="1" t="s">
        <v>121810</v>
      </c>
      <c r="G35077" s="1" t="s">
        <v>121713</v>
      </c>
      <c r="H35077" s="1" t="s">
        <v>121714</v>
      </c>
      <c r="I35077" s="1" t="s">
        <v>118887</v>
      </c>
      <c r="J35077" s="1" t="s">
        <v>121811</v>
      </c>
    </row>
    <row r="35078" spans="1:10" x14ac:dyDescent="0.35">
      <c r="A35078" s="1" t="s">
        <v>121710</v>
      </c>
      <c r="B35078" s="1" t="s">
        <v>118882</v>
      </c>
      <c r="C35078" s="1" t="s">
        <v>160</v>
      </c>
      <c r="D35078" s="1" t="s">
        <v>9620</v>
      </c>
      <c r="E35078" s="1" t="s">
        <v>121812</v>
      </c>
      <c r="F35078" s="1" t="s">
        <v>121813</v>
      </c>
      <c r="G35078" s="1" t="s">
        <v>121713</v>
      </c>
      <c r="H35078" s="1" t="s">
        <v>121714</v>
      </c>
      <c r="I35078" s="1" t="s">
        <v>118887</v>
      </c>
      <c r="J35078" s="1" t="s">
        <v>121814</v>
      </c>
    </row>
    <row r="35079" spans="1:10" x14ac:dyDescent="0.35">
      <c r="A35079" s="1" t="s">
        <v>121710</v>
      </c>
      <c r="B35079" s="1" t="s">
        <v>118882</v>
      </c>
      <c r="C35079" s="1" t="s">
        <v>165</v>
      </c>
      <c r="D35079" s="1" t="s">
        <v>121815</v>
      </c>
      <c r="E35079" s="1" t="s">
        <v>121816</v>
      </c>
      <c r="F35079" s="1" t="s">
        <v>121817</v>
      </c>
      <c r="G35079" s="1" t="s">
        <v>121713</v>
      </c>
      <c r="H35079" s="1" t="s">
        <v>121714</v>
      </c>
      <c r="I35079" s="1" t="s">
        <v>118887</v>
      </c>
      <c r="J35079" s="1" t="s">
        <v>121818</v>
      </c>
    </row>
    <row r="35080" spans="1:10" x14ac:dyDescent="0.35">
      <c r="A35080" s="1" t="s">
        <v>121710</v>
      </c>
      <c r="B35080" s="1" t="s">
        <v>118882</v>
      </c>
      <c r="C35080" s="1" t="s">
        <v>170</v>
      </c>
      <c r="D35080" s="1" t="s">
        <v>118118</v>
      </c>
      <c r="E35080" s="1" t="s">
        <v>121819</v>
      </c>
      <c r="F35080" s="1" t="s">
        <v>121820</v>
      </c>
      <c r="G35080" s="1" t="s">
        <v>121713</v>
      </c>
      <c r="H35080" s="1" t="s">
        <v>121714</v>
      </c>
      <c r="I35080" s="1" t="s">
        <v>118887</v>
      </c>
      <c r="J35080" s="1" t="s">
        <v>121821</v>
      </c>
    </row>
    <row r="35081" spans="1:10" x14ac:dyDescent="0.35">
      <c r="A35081" s="1" t="s">
        <v>121822</v>
      </c>
      <c r="B35081" s="1" t="s">
        <v>118882</v>
      </c>
      <c r="C35081" s="1" t="s">
        <v>8</v>
      </c>
      <c r="D35081" s="1" t="s">
        <v>121267</v>
      </c>
      <c r="E35081" s="1" t="s">
        <v>121823</v>
      </c>
      <c r="F35081" s="1" t="s">
        <v>121824</v>
      </c>
      <c r="G35081" s="1" t="s">
        <v>121825</v>
      </c>
      <c r="H35081" s="1" t="s">
        <v>121826</v>
      </c>
      <c r="I35081" s="1" t="s">
        <v>118887</v>
      </c>
      <c r="J35081" s="1" t="s">
        <v>13</v>
      </c>
    </row>
    <row r="35082" spans="1:10" x14ac:dyDescent="0.35">
      <c r="A35082" s="1" t="s">
        <v>121822</v>
      </c>
      <c r="B35082" s="1" t="s">
        <v>118882</v>
      </c>
      <c r="C35082" s="1" t="s">
        <v>15</v>
      </c>
      <c r="D35082" s="1" t="s">
        <v>13920</v>
      </c>
      <c r="E35082" s="1" t="s">
        <v>121827</v>
      </c>
      <c r="F35082" s="1" t="s">
        <v>121828</v>
      </c>
      <c r="G35082" s="1" t="s">
        <v>121825</v>
      </c>
      <c r="H35082" s="1" t="s">
        <v>121826</v>
      </c>
      <c r="I35082" s="1" t="s">
        <v>118887</v>
      </c>
      <c r="J35082" s="1" t="s">
        <v>121829</v>
      </c>
    </row>
    <row r="35083" spans="1:10" x14ac:dyDescent="0.35">
      <c r="A35083" s="1" t="s">
        <v>121822</v>
      </c>
      <c r="B35083" s="1" t="s">
        <v>118882</v>
      </c>
      <c r="C35083" s="1" t="s">
        <v>20</v>
      </c>
      <c r="D35083" s="1" t="s">
        <v>13218</v>
      </c>
      <c r="E35083" s="1" t="s">
        <v>121830</v>
      </c>
      <c r="F35083" s="1" t="s">
        <v>121831</v>
      </c>
      <c r="G35083" s="1" t="s">
        <v>121825</v>
      </c>
      <c r="H35083" s="1" t="s">
        <v>121826</v>
      </c>
      <c r="I35083" s="1" t="s">
        <v>118887</v>
      </c>
      <c r="J35083" s="1" t="s">
        <v>121832</v>
      </c>
    </row>
    <row r="35084" spans="1:10" x14ac:dyDescent="0.35">
      <c r="A35084" s="1" t="s">
        <v>121822</v>
      </c>
      <c r="B35084" s="1" t="s">
        <v>118882</v>
      </c>
      <c r="C35084" s="1" t="s">
        <v>25</v>
      </c>
      <c r="D35084" s="1" t="s">
        <v>8510</v>
      </c>
      <c r="E35084" s="1" t="s">
        <v>121833</v>
      </c>
      <c r="F35084" s="1" t="s">
        <v>121834</v>
      </c>
      <c r="G35084" s="1" t="s">
        <v>121825</v>
      </c>
      <c r="H35084" s="1" t="s">
        <v>121826</v>
      </c>
      <c r="I35084" s="1" t="s">
        <v>118887</v>
      </c>
      <c r="J35084" s="1" t="s">
        <v>121835</v>
      </c>
    </row>
    <row r="35085" spans="1:10" x14ac:dyDescent="0.35">
      <c r="A35085" s="1" t="s">
        <v>121822</v>
      </c>
      <c r="B35085" s="1" t="s">
        <v>118882</v>
      </c>
      <c r="C35085" s="1" t="s">
        <v>30</v>
      </c>
      <c r="D35085" s="1" t="s">
        <v>6085</v>
      </c>
      <c r="E35085" s="1" t="s">
        <v>121836</v>
      </c>
      <c r="F35085" s="1" t="s">
        <v>121837</v>
      </c>
      <c r="G35085" s="1" t="s">
        <v>121825</v>
      </c>
      <c r="H35085" s="1" t="s">
        <v>121826</v>
      </c>
      <c r="I35085" s="1" t="s">
        <v>118887</v>
      </c>
      <c r="J35085" s="1" t="s">
        <v>121838</v>
      </c>
    </row>
    <row r="35086" spans="1:10" x14ac:dyDescent="0.35">
      <c r="A35086" s="1" t="s">
        <v>121822</v>
      </c>
      <c r="B35086" s="1" t="s">
        <v>118882</v>
      </c>
      <c r="C35086" s="1" t="s">
        <v>35</v>
      </c>
      <c r="D35086" s="1" t="s">
        <v>121839</v>
      </c>
      <c r="E35086" s="1" t="s">
        <v>121840</v>
      </c>
      <c r="F35086" s="1" t="s">
        <v>121841</v>
      </c>
      <c r="G35086" s="1" t="s">
        <v>121825</v>
      </c>
      <c r="H35086" s="1" t="s">
        <v>121826</v>
      </c>
      <c r="I35086" s="1" t="s">
        <v>118887</v>
      </c>
      <c r="J35086" s="1" t="s">
        <v>121842</v>
      </c>
    </row>
    <row r="35087" spans="1:10" x14ac:dyDescent="0.35">
      <c r="A35087" s="1" t="s">
        <v>121822</v>
      </c>
      <c r="B35087" s="1" t="s">
        <v>118882</v>
      </c>
      <c r="C35087" s="1" t="s">
        <v>40</v>
      </c>
      <c r="D35087" s="1" t="s">
        <v>46331</v>
      </c>
      <c r="E35087" s="1" t="s">
        <v>121843</v>
      </c>
      <c r="F35087" s="1" t="s">
        <v>121844</v>
      </c>
      <c r="G35087" s="1" t="s">
        <v>121825</v>
      </c>
      <c r="H35087" s="1" t="s">
        <v>121826</v>
      </c>
      <c r="I35087" s="1" t="s">
        <v>118887</v>
      </c>
      <c r="J35087" s="1" t="s">
        <v>121845</v>
      </c>
    </row>
    <row r="35088" spans="1:10" x14ac:dyDescent="0.35">
      <c r="A35088" s="1" t="s">
        <v>121822</v>
      </c>
      <c r="B35088" s="1" t="s">
        <v>118882</v>
      </c>
      <c r="C35088" s="1" t="s">
        <v>45</v>
      </c>
      <c r="D35088" s="1" t="s">
        <v>27366</v>
      </c>
      <c r="E35088" s="1" t="s">
        <v>121846</v>
      </c>
      <c r="F35088" s="1" t="s">
        <v>121847</v>
      </c>
      <c r="G35088" s="1" t="s">
        <v>121825</v>
      </c>
      <c r="H35088" s="1" t="s">
        <v>121826</v>
      </c>
      <c r="I35088" s="1" t="s">
        <v>118887</v>
      </c>
      <c r="J35088" s="1" t="s">
        <v>121848</v>
      </c>
    </row>
    <row r="35089" spans="1:10" x14ac:dyDescent="0.35">
      <c r="A35089" s="1" t="s">
        <v>121822</v>
      </c>
      <c r="B35089" s="1" t="s">
        <v>118882</v>
      </c>
      <c r="C35089" s="1" t="s">
        <v>50</v>
      </c>
      <c r="D35089" s="1" t="s">
        <v>44867</v>
      </c>
      <c r="E35089" s="1" t="s">
        <v>121849</v>
      </c>
      <c r="F35089" s="1" t="s">
        <v>121850</v>
      </c>
      <c r="G35089" s="1" t="s">
        <v>121825</v>
      </c>
      <c r="H35089" s="1" t="s">
        <v>121826</v>
      </c>
      <c r="I35089" s="1" t="s">
        <v>118887</v>
      </c>
      <c r="J35089" s="1" t="s">
        <v>121851</v>
      </c>
    </row>
    <row r="35090" spans="1:10" x14ac:dyDescent="0.35">
      <c r="A35090" s="1" t="s">
        <v>121822</v>
      </c>
      <c r="B35090" s="1" t="s">
        <v>118882</v>
      </c>
      <c r="C35090" s="1" t="s">
        <v>55</v>
      </c>
      <c r="D35090" s="1" t="s">
        <v>28886</v>
      </c>
      <c r="E35090" s="1" t="s">
        <v>121852</v>
      </c>
      <c r="F35090" s="1" t="s">
        <v>121853</v>
      </c>
      <c r="G35090" s="1" t="s">
        <v>121825</v>
      </c>
      <c r="H35090" s="1" t="s">
        <v>121826</v>
      </c>
      <c r="I35090" s="1" t="s">
        <v>118887</v>
      </c>
      <c r="J35090" s="1" t="s">
        <v>121854</v>
      </c>
    </row>
    <row r="35091" spans="1:10" x14ac:dyDescent="0.35">
      <c r="A35091" s="1" t="s">
        <v>121822</v>
      </c>
      <c r="B35091" s="1" t="s">
        <v>118882</v>
      </c>
      <c r="C35091" s="1" t="s">
        <v>60</v>
      </c>
      <c r="D35091" s="1" t="s">
        <v>110346</v>
      </c>
      <c r="E35091" s="1" t="s">
        <v>121855</v>
      </c>
      <c r="F35091" s="1" t="s">
        <v>121856</v>
      </c>
      <c r="G35091" s="1" t="s">
        <v>121825</v>
      </c>
      <c r="H35091" s="1" t="s">
        <v>121826</v>
      </c>
      <c r="I35091" s="1" t="s">
        <v>118887</v>
      </c>
      <c r="J35091" s="1" t="s">
        <v>121857</v>
      </c>
    </row>
    <row r="35092" spans="1:10" x14ac:dyDescent="0.35">
      <c r="A35092" s="1" t="s">
        <v>121822</v>
      </c>
      <c r="B35092" s="1" t="s">
        <v>118882</v>
      </c>
      <c r="C35092" s="1" t="s">
        <v>65</v>
      </c>
      <c r="D35092" s="1" t="s">
        <v>45139</v>
      </c>
      <c r="E35092" s="1" t="s">
        <v>121858</v>
      </c>
      <c r="F35092" s="1" t="s">
        <v>121859</v>
      </c>
      <c r="G35092" s="1" t="s">
        <v>121825</v>
      </c>
      <c r="H35092" s="1" t="s">
        <v>121826</v>
      </c>
      <c r="I35092" s="1" t="s">
        <v>118887</v>
      </c>
      <c r="J35092" s="1" t="s">
        <v>121860</v>
      </c>
    </row>
    <row r="35093" spans="1:10" x14ac:dyDescent="0.35">
      <c r="A35093" s="1" t="s">
        <v>121822</v>
      </c>
      <c r="B35093" s="1" t="s">
        <v>118882</v>
      </c>
      <c r="C35093" s="1" t="s">
        <v>70</v>
      </c>
      <c r="D35093" s="1" t="s">
        <v>8909</v>
      </c>
      <c r="E35093" s="1" t="s">
        <v>121861</v>
      </c>
      <c r="F35093" s="1" t="s">
        <v>121862</v>
      </c>
      <c r="G35093" s="1" t="s">
        <v>121825</v>
      </c>
      <c r="H35093" s="1" t="s">
        <v>121826</v>
      </c>
      <c r="I35093" s="1" t="s">
        <v>118887</v>
      </c>
      <c r="J35093" s="1" t="s">
        <v>121863</v>
      </c>
    </row>
    <row r="35094" spans="1:10" x14ac:dyDescent="0.35">
      <c r="A35094" s="1" t="s">
        <v>121822</v>
      </c>
      <c r="B35094" s="1" t="s">
        <v>118882</v>
      </c>
      <c r="C35094" s="1" t="s">
        <v>75</v>
      </c>
      <c r="D35094" s="1" t="s">
        <v>121864</v>
      </c>
      <c r="E35094" s="1" t="s">
        <v>121865</v>
      </c>
      <c r="F35094" s="1" t="s">
        <v>121866</v>
      </c>
      <c r="G35094" s="1" t="s">
        <v>121825</v>
      </c>
      <c r="H35094" s="1" t="s">
        <v>121826</v>
      </c>
      <c r="I35094" s="1" t="s">
        <v>118887</v>
      </c>
      <c r="J35094" s="1" t="s">
        <v>121867</v>
      </c>
    </row>
    <row r="35095" spans="1:10" x14ac:dyDescent="0.35">
      <c r="A35095" s="1" t="s">
        <v>121822</v>
      </c>
      <c r="B35095" s="1" t="s">
        <v>118882</v>
      </c>
      <c r="C35095" s="1" t="s">
        <v>80</v>
      </c>
      <c r="D35095" s="1" t="s">
        <v>117376</v>
      </c>
      <c r="E35095" s="1" t="s">
        <v>121868</v>
      </c>
      <c r="F35095" s="1" t="s">
        <v>121869</v>
      </c>
      <c r="G35095" s="1" t="s">
        <v>121825</v>
      </c>
      <c r="H35095" s="1" t="s">
        <v>121826</v>
      </c>
      <c r="I35095" s="1" t="s">
        <v>118887</v>
      </c>
      <c r="J35095" s="1" t="s">
        <v>121870</v>
      </c>
    </row>
    <row r="35096" spans="1:10" x14ac:dyDescent="0.35">
      <c r="A35096" s="1" t="s">
        <v>121822</v>
      </c>
      <c r="B35096" s="1" t="s">
        <v>118882</v>
      </c>
      <c r="C35096" s="1" t="s">
        <v>85</v>
      </c>
      <c r="D35096" s="1" t="s">
        <v>6516</v>
      </c>
      <c r="E35096" s="1" t="s">
        <v>121871</v>
      </c>
      <c r="F35096" s="1" t="s">
        <v>121872</v>
      </c>
      <c r="G35096" s="1" t="s">
        <v>121825</v>
      </c>
      <c r="H35096" s="1" t="s">
        <v>121826</v>
      </c>
      <c r="I35096" s="1" t="s">
        <v>118887</v>
      </c>
      <c r="J35096" s="1" t="s">
        <v>121873</v>
      </c>
    </row>
    <row r="35097" spans="1:10" x14ac:dyDescent="0.35">
      <c r="A35097" s="1" t="s">
        <v>121822</v>
      </c>
      <c r="B35097" s="1" t="s">
        <v>118882</v>
      </c>
      <c r="C35097" s="1" t="s">
        <v>90</v>
      </c>
      <c r="D35097" s="1" t="s">
        <v>33544</v>
      </c>
      <c r="E35097" s="1" t="s">
        <v>121874</v>
      </c>
      <c r="F35097" s="1" t="s">
        <v>121875</v>
      </c>
      <c r="G35097" s="1" t="s">
        <v>121825</v>
      </c>
      <c r="H35097" s="1" t="s">
        <v>121826</v>
      </c>
      <c r="I35097" s="1" t="s">
        <v>118887</v>
      </c>
      <c r="J35097" s="1" t="s">
        <v>121876</v>
      </c>
    </row>
    <row r="35098" spans="1:10" x14ac:dyDescent="0.35">
      <c r="A35098" s="1" t="s">
        <v>121822</v>
      </c>
      <c r="B35098" s="1" t="s">
        <v>118882</v>
      </c>
      <c r="C35098" s="1" t="s">
        <v>95</v>
      </c>
      <c r="D35098" s="1" t="s">
        <v>16328</v>
      </c>
      <c r="E35098" s="1" t="s">
        <v>121877</v>
      </c>
      <c r="F35098" s="1" t="s">
        <v>121878</v>
      </c>
      <c r="G35098" s="1" t="s">
        <v>121825</v>
      </c>
      <c r="H35098" s="1" t="s">
        <v>121826</v>
      </c>
      <c r="I35098" s="1" t="s">
        <v>118887</v>
      </c>
      <c r="J35098" s="1" t="s">
        <v>121879</v>
      </c>
    </row>
    <row r="35099" spans="1:10" x14ac:dyDescent="0.35">
      <c r="A35099" s="1" t="s">
        <v>121822</v>
      </c>
      <c r="B35099" s="1" t="s">
        <v>118882</v>
      </c>
      <c r="C35099" s="1" t="s">
        <v>100</v>
      </c>
      <c r="D35099" s="1" t="s">
        <v>121880</v>
      </c>
      <c r="E35099" s="1" t="s">
        <v>121881</v>
      </c>
      <c r="F35099" s="1" t="s">
        <v>121882</v>
      </c>
      <c r="G35099" s="1" t="s">
        <v>121825</v>
      </c>
      <c r="H35099" s="1" t="s">
        <v>121826</v>
      </c>
      <c r="I35099" s="1" t="s">
        <v>118887</v>
      </c>
      <c r="J35099" s="1" t="s">
        <v>121883</v>
      </c>
    </row>
    <row r="35100" spans="1:10" x14ac:dyDescent="0.35">
      <c r="A35100" s="1" t="s">
        <v>121822</v>
      </c>
      <c r="B35100" s="1" t="s">
        <v>118882</v>
      </c>
      <c r="C35100" s="1" t="s">
        <v>105</v>
      </c>
      <c r="D35100" s="1" t="s">
        <v>45849</v>
      </c>
      <c r="E35100" s="1" t="s">
        <v>121884</v>
      </c>
      <c r="F35100" s="1" t="s">
        <v>121885</v>
      </c>
      <c r="G35100" s="1" t="s">
        <v>121825</v>
      </c>
      <c r="H35100" s="1" t="s">
        <v>121826</v>
      </c>
      <c r="I35100" s="1" t="s">
        <v>118887</v>
      </c>
      <c r="J35100" s="1" t="s">
        <v>121886</v>
      </c>
    </row>
    <row r="35101" spans="1:10" x14ac:dyDescent="0.35">
      <c r="A35101" s="1" t="s">
        <v>121822</v>
      </c>
      <c r="B35101" s="1" t="s">
        <v>118882</v>
      </c>
      <c r="C35101" s="1" t="s">
        <v>110</v>
      </c>
      <c r="D35101" s="1" t="s">
        <v>50090</v>
      </c>
      <c r="E35101" s="1" t="s">
        <v>121887</v>
      </c>
      <c r="F35101" s="1" t="s">
        <v>121888</v>
      </c>
      <c r="G35101" s="1" t="s">
        <v>121825</v>
      </c>
      <c r="H35101" s="1" t="s">
        <v>121826</v>
      </c>
      <c r="I35101" s="1" t="s">
        <v>118887</v>
      </c>
      <c r="J35101" s="1" t="s">
        <v>121889</v>
      </c>
    </row>
    <row r="35102" spans="1:10" x14ac:dyDescent="0.35">
      <c r="A35102" s="1" t="s">
        <v>121822</v>
      </c>
      <c r="B35102" s="1" t="s">
        <v>118882</v>
      </c>
      <c r="C35102" s="1" t="s">
        <v>115</v>
      </c>
      <c r="D35102" s="1" t="s">
        <v>2909</v>
      </c>
      <c r="E35102" s="1" t="s">
        <v>121890</v>
      </c>
      <c r="F35102" s="1" t="s">
        <v>121891</v>
      </c>
      <c r="G35102" s="1" t="s">
        <v>121825</v>
      </c>
      <c r="H35102" s="1" t="s">
        <v>121826</v>
      </c>
      <c r="I35102" s="1" t="s">
        <v>118887</v>
      </c>
      <c r="J35102" s="1" t="s">
        <v>121892</v>
      </c>
    </row>
    <row r="35103" spans="1:10" x14ac:dyDescent="0.35">
      <c r="A35103" s="1" t="s">
        <v>121822</v>
      </c>
      <c r="B35103" s="1" t="s">
        <v>118882</v>
      </c>
      <c r="C35103" s="1" t="s">
        <v>120</v>
      </c>
      <c r="D35103" s="1" t="s">
        <v>121893</v>
      </c>
      <c r="E35103" s="1" t="s">
        <v>121894</v>
      </c>
      <c r="F35103" s="1" t="s">
        <v>121895</v>
      </c>
      <c r="G35103" s="1" t="s">
        <v>121825</v>
      </c>
      <c r="H35103" s="1" t="s">
        <v>121826</v>
      </c>
      <c r="I35103" s="1" t="s">
        <v>118887</v>
      </c>
      <c r="J35103" s="1" t="s">
        <v>121896</v>
      </c>
    </row>
    <row r="35104" spans="1:10" x14ac:dyDescent="0.35">
      <c r="A35104" s="1" t="s">
        <v>121822</v>
      </c>
      <c r="B35104" s="1" t="s">
        <v>118882</v>
      </c>
      <c r="C35104" s="1" t="s">
        <v>125</v>
      </c>
      <c r="D35104" s="1" t="s">
        <v>121897</v>
      </c>
      <c r="E35104" s="1" t="s">
        <v>121898</v>
      </c>
      <c r="F35104" s="1" t="s">
        <v>121899</v>
      </c>
      <c r="G35104" s="1" t="s">
        <v>121825</v>
      </c>
      <c r="H35104" s="1" t="s">
        <v>121826</v>
      </c>
      <c r="I35104" s="1" t="s">
        <v>118887</v>
      </c>
      <c r="J35104" s="1" t="s">
        <v>121900</v>
      </c>
    </row>
    <row r="35105" spans="1:10" x14ac:dyDescent="0.35">
      <c r="A35105" s="1" t="s">
        <v>121822</v>
      </c>
      <c r="B35105" s="1" t="s">
        <v>118882</v>
      </c>
      <c r="C35105" s="1" t="s">
        <v>130</v>
      </c>
      <c r="D35105" s="1" t="s">
        <v>24935</v>
      </c>
      <c r="E35105" s="1" t="s">
        <v>121901</v>
      </c>
      <c r="F35105" s="1" t="s">
        <v>121902</v>
      </c>
      <c r="G35105" s="1" t="s">
        <v>121825</v>
      </c>
      <c r="H35105" s="1" t="s">
        <v>121826</v>
      </c>
      <c r="I35105" s="1" t="s">
        <v>118887</v>
      </c>
      <c r="J35105" s="1" t="s">
        <v>121903</v>
      </c>
    </row>
    <row r="35106" spans="1:10" x14ac:dyDescent="0.35">
      <c r="A35106" s="1" t="s">
        <v>121822</v>
      </c>
      <c r="B35106" s="1" t="s">
        <v>118882</v>
      </c>
      <c r="C35106" s="1" t="s">
        <v>135</v>
      </c>
      <c r="D35106" s="1" t="s">
        <v>121904</v>
      </c>
      <c r="E35106" s="1" t="s">
        <v>121905</v>
      </c>
      <c r="F35106" s="1" t="s">
        <v>121906</v>
      </c>
      <c r="G35106" s="1" t="s">
        <v>121825</v>
      </c>
      <c r="H35106" s="1" t="s">
        <v>121826</v>
      </c>
      <c r="I35106" s="1" t="s">
        <v>118887</v>
      </c>
      <c r="J35106" s="1" t="s">
        <v>121907</v>
      </c>
    </row>
    <row r="35107" spans="1:10" x14ac:dyDescent="0.35">
      <c r="A35107" s="1" t="s">
        <v>121822</v>
      </c>
      <c r="B35107" s="1" t="s">
        <v>118882</v>
      </c>
      <c r="C35107" s="1" t="s">
        <v>140</v>
      </c>
      <c r="D35107" s="1" t="s">
        <v>49154</v>
      </c>
      <c r="E35107" s="1" t="s">
        <v>121908</v>
      </c>
      <c r="F35107" s="1" t="s">
        <v>121909</v>
      </c>
      <c r="G35107" s="1" t="s">
        <v>121825</v>
      </c>
      <c r="H35107" s="1" t="s">
        <v>121826</v>
      </c>
      <c r="I35107" s="1" t="s">
        <v>118887</v>
      </c>
      <c r="J35107" s="1" t="s">
        <v>121910</v>
      </c>
    </row>
    <row r="35108" spans="1:10" x14ac:dyDescent="0.35">
      <c r="A35108" s="1" t="s">
        <v>121822</v>
      </c>
      <c r="B35108" s="1" t="s">
        <v>118882</v>
      </c>
      <c r="C35108" s="1" t="s">
        <v>145</v>
      </c>
      <c r="D35108" s="1" t="s">
        <v>121911</v>
      </c>
      <c r="E35108" s="1" t="s">
        <v>121912</v>
      </c>
      <c r="F35108" s="1" t="s">
        <v>121913</v>
      </c>
      <c r="G35108" s="1" t="s">
        <v>121825</v>
      </c>
      <c r="H35108" s="1" t="s">
        <v>121826</v>
      </c>
      <c r="I35108" s="1" t="s">
        <v>118887</v>
      </c>
      <c r="J35108" s="1" t="s">
        <v>121914</v>
      </c>
    </row>
    <row r="35109" spans="1:10" x14ac:dyDescent="0.35">
      <c r="A35109" s="1" t="s">
        <v>121822</v>
      </c>
      <c r="B35109" s="1" t="s">
        <v>118882</v>
      </c>
      <c r="C35109" s="1" t="s">
        <v>150</v>
      </c>
      <c r="D35109" s="1" t="s">
        <v>121915</v>
      </c>
      <c r="E35109" s="1" t="s">
        <v>121916</v>
      </c>
      <c r="F35109" s="1" t="s">
        <v>121917</v>
      </c>
      <c r="G35109" s="1" t="s">
        <v>121825</v>
      </c>
      <c r="H35109" s="1" t="s">
        <v>121826</v>
      </c>
      <c r="I35109" s="1" t="s">
        <v>118887</v>
      </c>
      <c r="J35109" s="1" t="s">
        <v>77053</v>
      </c>
    </row>
    <row r="35110" spans="1:10" x14ac:dyDescent="0.35">
      <c r="A35110" s="1" t="s">
        <v>121822</v>
      </c>
      <c r="B35110" s="1" t="s">
        <v>118882</v>
      </c>
      <c r="C35110" s="1" t="s">
        <v>155</v>
      </c>
      <c r="D35110" s="1" t="s">
        <v>121918</v>
      </c>
      <c r="E35110" s="1" t="s">
        <v>121919</v>
      </c>
      <c r="F35110" s="1" t="s">
        <v>121920</v>
      </c>
      <c r="G35110" s="1" t="s">
        <v>121825</v>
      </c>
      <c r="H35110" s="1" t="s">
        <v>121826</v>
      </c>
      <c r="I35110" s="1" t="s">
        <v>118887</v>
      </c>
      <c r="J35110" s="1" t="s">
        <v>121921</v>
      </c>
    </row>
    <row r="35111" spans="1:10" x14ac:dyDescent="0.35">
      <c r="A35111" s="1" t="s">
        <v>121822</v>
      </c>
      <c r="B35111" s="1" t="s">
        <v>118882</v>
      </c>
      <c r="C35111" s="1" t="s">
        <v>160</v>
      </c>
      <c r="D35111" s="1" t="s">
        <v>121922</v>
      </c>
      <c r="E35111" s="1" t="s">
        <v>121923</v>
      </c>
      <c r="F35111" s="1" t="s">
        <v>121924</v>
      </c>
      <c r="G35111" s="1" t="s">
        <v>121825</v>
      </c>
      <c r="H35111" s="1" t="s">
        <v>121826</v>
      </c>
      <c r="I35111" s="1" t="s">
        <v>118887</v>
      </c>
      <c r="J35111" s="1" t="s">
        <v>121925</v>
      </c>
    </row>
    <row r="35112" spans="1:10" x14ac:dyDescent="0.35">
      <c r="A35112" s="1" t="s">
        <v>121822</v>
      </c>
      <c r="B35112" s="1" t="s">
        <v>118882</v>
      </c>
      <c r="C35112" s="1" t="s">
        <v>165</v>
      </c>
      <c r="D35112" s="1" t="s">
        <v>70837</v>
      </c>
      <c r="E35112" s="1" t="s">
        <v>121926</v>
      </c>
      <c r="F35112" s="1" t="s">
        <v>121927</v>
      </c>
      <c r="G35112" s="1" t="s">
        <v>121825</v>
      </c>
      <c r="H35112" s="1" t="s">
        <v>121826</v>
      </c>
      <c r="I35112" s="1" t="s">
        <v>118887</v>
      </c>
      <c r="J35112" s="1" t="s">
        <v>121928</v>
      </c>
    </row>
    <row r="35113" spans="1:10" x14ac:dyDescent="0.35">
      <c r="A35113" s="1" t="s">
        <v>121822</v>
      </c>
      <c r="B35113" s="1" t="s">
        <v>118882</v>
      </c>
      <c r="C35113" s="1" t="s">
        <v>170</v>
      </c>
      <c r="D35113" s="1" t="s">
        <v>34072</v>
      </c>
      <c r="E35113" s="1" t="s">
        <v>121929</v>
      </c>
      <c r="F35113" s="1" t="s">
        <v>121930</v>
      </c>
      <c r="G35113" s="1" t="s">
        <v>121825</v>
      </c>
      <c r="H35113" s="1" t="s">
        <v>121826</v>
      </c>
      <c r="I35113" s="1" t="s">
        <v>118887</v>
      </c>
      <c r="J35113" s="1" t="s">
        <v>121931</v>
      </c>
    </row>
    <row r="35114" spans="1:10" x14ac:dyDescent="0.35">
      <c r="A35114" s="1" t="s">
        <v>121932</v>
      </c>
      <c r="B35114" s="1" t="s">
        <v>118882</v>
      </c>
      <c r="C35114" s="1" t="s">
        <v>8</v>
      </c>
      <c r="D35114" s="1" t="s">
        <v>7346</v>
      </c>
      <c r="E35114" s="1" t="s">
        <v>121933</v>
      </c>
      <c r="F35114" s="1" t="s">
        <v>121934</v>
      </c>
      <c r="G35114" s="1" t="s">
        <v>121935</v>
      </c>
      <c r="H35114" s="1" t="s">
        <v>121936</v>
      </c>
      <c r="I35114" s="1" t="s">
        <v>118887</v>
      </c>
      <c r="J35114" s="1" t="s">
        <v>13</v>
      </c>
    </row>
    <row r="35115" spans="1:10" x14ac:dyDescent="0.35">
      <c r="A35115" s="1" t="s">
        <v>121932</v>
      </c>
      <c r="B35115" s="1" t="s">
        <v>118882</v>
      </c>
      <c r="C35115" s="1" t="s">
        <v>15</v>
      </c>
      <c r="D35115" s="1" t="s">
        <v>121937</v>
      </c>
      <c r="E35115" s="1" t="s">
        <v>121938</v>
      </c>
      <c r="F35115" s="1" t="s">
        <v>121939</v>
      </c>
      <c r="G35115" s="1" t="s">
        <v>121935</v>
      </c>
      <c r="H35115" s="1" t="s">
        <v>121936</v>
      </c>
      <c r="I35115" s="1" t="s">
        <v>118887</v>
      </c>
      <c r="J35115" s="1" t="s">
        <v>121940</v>
      </c>
    </row>
    <row r="35116" spans="1:10" x14ac:dyDescent="0.35">
      <c r="A35116" s="1" t="s">
        <v>121932</v>
      </c>
      <c r="B35116" s="1" t="s">
        <v>118882</v>
      </c>
      <c r="C35116" s="1" t="s">
        <v>20</v>
      </c>
      <c r="D35116" s="1" t="s">
        <v>9841</v>
      </c>
      <c r="E35116" s="1" t="s">
        <v>121941</v>
      </c>
      <c r="F35116" s="1" t="s">
        <v>121942</v>
      </c>
      <c r="G35116" s="1" t="s">
        <v>121935</v>
      </c>
      <c r="H35116" s="1" t="s">
        <v>121936</v>
      </c>
      <c r="I35116" s="1" t="s">
        <v>118887</v>
      </c>
      <c r="J35116" s="1" t="s">
        <v>121943</v>
      </c>
    </row>
    <row r="35117" spans="1:10" x14ac:dyDescent="0.35">
      <c r="A35117" s="1" t="s">
        <v>121932</v>
      </c>
      <c r="B35117" s="1" t="s">
        <v>118882</v>
      </c>
      <c r="C35117" s="1" t="s">
        <v>25</v>
      </c>
      <c r="D35117" s="1" t="s">
        <v>7354</v>
      </c>
      <c r="E35117" s="1" t="s">
        <v>121944</v>
      </c>
      <c r="F35117" s="1" t="s">
        <v>121945</v>
      </c>
      <c r="G35117" s="1" t="s">
        <v>121935</v>
      </c>
      <c r="H35117" s="1" t="s">
        <v>121936</v>
      </c>
      <c r="I35117" s="1" t="s">
        <v>118887</v>
      </c>
      <c r="J35117" s="1" t="s">
        <v>121946</v>
      </c>
    </row>
    <row r="35118" spans="1:10" x14ac:dyDescent="0.35">
      <c r="A35118" s="1" t="s">
        <v>121932</v>
      </c>
      <c r="B35118" s="1" t="s">
        <v>118882</v>
      </c>
      <c r="C35118" s="1" t="s">
        <v>30</v>
      </c>
      <c r="D35118" s="1" t="s">
        <v>106229</v>
      </c>
      <c r="E35118" s="1" t="s">
        <v>121947</v>
      </c>
      <c r="F35118" s="1" t="s">
        <v>121948</v>
      </c>
      <c r="G35118" s="1" t="s">
        <v>121935</v>
      </c>
      <c r="H35118" s="1" t="s">
        <v>121936</v>
      </c>
      <c r="I35118" s="1" t="s">
        <v>118887</v>
      </c>
      <c r="J35118" s="1" t="s">
        <v>121949</v>
      </c>
    </row>
    <row r="35119" spans="1:10" x14ac:dyDescent="0.35">
      <c r="A35119" s="1" t="s">
        <v>121932</v>
      </c>
      <c r="B35119" s="1" t="s">
        <v>118882</v>
      </c>
      <c r="C35119" s="1" t="s">
        <v>35</v>
      </c>
      <c r="D35119" s="1" t="s">
        <v>121950</v>
      </c>
      <c r="E35119" s="1" t="s">
        <v>121951</v>
      </c>
      <c r="F35119" s="1" t="s">
        <v>121952</v>
      </c>
      <c r="G35119" s="1" t="s">
        <v>121935</v>
      </c>
      <c r="H35119" s="1" t="s">
        <v>121936</v>
      </c>
      <c r="I35119" s="1" t="s">
        <v>118887</v>
      </c>
      <c r="J35119" s="1" t="s">
        <v>121953</v>
      </c>
    </row>
    <row r="35120" spans="1:10" x14ac:dyDescent="0.35">
      <c r="A35120" s="1" t="s">
        <v>121932</v>
      </c>
      <c r="B35120" s="1" t="s">
        <v>118882</v>
      </c>
      <c r="C35120" s="1" t="s">
        <v>40</v>
      </c>
      <c r="D35120" s="1" t="s">
        <v>119769</v>
      </c>
      <c r="E35120" s="1" t="s">
        <v>121954</v>
      </c>
      <c r="F35120" s="1" t="s">
        <v>121955</v>
      </c>
      <c r="G35120" s="1" t="s">
        <v>121935</v>
      </c>
      <c r="H35120" s="1" t="s">
        <v>121936</v>
      </c>
      <c r="I35120" s="1" t="s">
        <v>118887</v>
      </c>
      <c r="J35120" s="1" t="s">
        <v>121956</v>
      </c>
    </row>
    <row r="35121" spans="1:10" x14ac:dyDescent="0.35">
      <c r="A35121" s="1" t="s">
        <v>121932</v>
      </c>
      <c r="B35121" s="1" t="s">
        <v>118882</v>
      </c>
      <c r="C35121" s="1" t="s">
        <v>45</v>
      </c>
      <c r="D35121" s="1" t="s">
        <v>6363</v>
      </c>
      <c r="E35121" s="1" t="s">
        <v>121957</v>
      </c>
      <c r="F35121" s="1" t="s">
        <v>121958</v>
      </c>
      <c r="G35121" s="1" t="s">
        <v>121935</v>
      </c>
      <c r="H35121" s="1" t="s">
        <v>121936</v>
      </c>
      <c r="I35121" s="1" t="s">
        <v>118887</v>
      </c>
      <c r="J35121" s="1" t="s">
        <v>121959</v>
      </c>
    </row>
    <row r="35122" spans="1:10" x14ac:dyDescent="0.35">
      <c r="A35122" s="1" t="s">
        <v>121932</v>
      </c>
      <c r="B35122" s="1" t="s">
        <v>118882</v>
      </c>
      <c r="C35122" s="1" t="s">
        <v>50</v>
      </c>
      <c r="D35122" s="1" t="s">
        <v>1174</v>
      </c>
      <c r="E35122" s="1" t="s">
        <v>121960</v>
      </c>
      <c r="F35122" s="1" t="s">
        <v>121961</v>
      </c>
      <c r="G35122" s="1" t="s">
        <v>121935</v>
      </c>
      <c r="H35122" s="1" t="s">
        <v>121936</v>
      </c>
      <c r="I35122" s="1" t="s">
        <v>118887</v>
      </c>
      <c r="J35122" s="1" t="s">
        <v>121962</v>
      </c>
    </row>
    <row r="35123" spans="1:10" x14ac:dyDescent="0.35">
      <c r="A35123" s="1" t="s">
        <v>121932</v>
      </c>
      <c r="B35123" s="1" t="s">
        <v>118882</v>
      </c>
      <c r="C35123" s="1" t="s">
        <v>55</v>
      </c>
      <c r="D35123" s="1" t="s">
        <v>4305</v>
      </c>
      <c r="E35123" s="1" t="s">
        <v>121963</v>
      </c>
      <c r="F35123" s="1" t="s">
        <v>121964</v>
      </c>
      <c r="G35123" s="1" t="s">
        <v>121935</v>
      </c>
      <c r="H35123" s="1" t="s">
        <v>121936</v>
      </c>
      <c r="I35123" s="1" t="s">
        <v>118887</v>
      </c>
      <c r="J35123" s="1" t="s">
        <v>121965</v>
      </c>
    </row>
    <row r="35124" spans="1:10" x14ac:dyDescent="0.35">
      <c r="A35124" s="1" t="s">
        <v>121932</v>
      </c>
      <c r="B35124" s="1" t="s">
        <v>118882</v>
      </c>
      <c r="C35124" s="1" t="s">
        <v>60</v>
      </c>
      <c r="D35124" s="1" t="s">
        <v>45963</v>
      </c>
      <c r="E35124" s="1" t="s">
        <v>121966</v>
      </c>
      <c r="F35124" s="1" t="s">
        <v>121967</v>
      </c>
      <c r="G35124" s="1" t="s">
        <v>121935</v>
      </c>
      <c r="H35124" s="1" t="s">
        <v>121936</v>
      </c>
      <c r="I35124" s="1" t="s">
        <v>118887</v>
      </c>
      <c r="J35124" s="1" t="s">
        <v>121968</v>
      </c>
    </row>
    <row r="35125" spans="1:10" x14ac:dyDescent="0.35">
      <c r="A35125" s="1" t="s">
        <v>121932</v>
      </c>
      <c r="B35125" s="1" t="s">
        <v>118882</v>
      </c>
      <c r="C35125" s="1" t="s">
        <v>65</v>
      </c>
      <c r="D35125" s="1" t="s">
        <v>7025</v>
      </c>
      <c r="E35125" s="1" t="s">
        <v>121969</v>
      </c>
      <c r="F35125" s="1" t="s">
        <v>121970</v>
      </c>
      <c r="G35125" s="1" t="s">
        <v>121935</v>
      </c>
      <c r="H35125" s="1" t="s">
        <v>121936</v>
      </c>
      <c r="I35125" s="1" t="s">
        <v>118887</v>
      </c>
      <c r="J35125" s="1" t="s">
        <v>121971</v>
      </c>
    </row>
    <row r="35126" spans="1:10" x14ac:dyDescent="0.35">
      <c r="A35126" s="1" t="s">
        <v>121932</v>
      </c>
      <c r="B35126" s="1" t="s">
        <v>118882</v>
      </c>
      <c r="C35126" s="1" t="s">
        <v>70</v>
      </c>
      <c r="D35126" s="1" t="s">
        <v>110807</v>
      </c>
      <c r="E35126" s="1" t="s">
        <v>121972</v>
      </c>
      <c r="F35126" s="1" t="s">
        <v>121973</v>
      </c>
      <c r="G35126" s="1" t="s">
        <v>121935</v>
      </c>
      <c r="H35126" s="1" t="s">
        <v>121936</v>
      </c>
      <c r="I35126" s="1" t="s">
        <v>118887</v>
      </c>
      <c r="J35126" s="1" t="s">
        <v>121974</v>
      </c>
    </row>
    <row r="35127" spans="1:10" x14ac:dyDescent="0.35">
      <c r="A35127" s="1" t="s">
        <v>121932</v>
      </c>
      <c r="B35127" s="1" t="s">
        <v>118882</v>
      </c>
      <c r="C35127" s="1" t="s">
        <v>75</v>
      </c>
      <c r="D35127" s="1" t="s">
        <v>4333</v>
      </c>
      <c r="E35127" s="1" t="s">
        <v>121975</v>
      </c>
      <c r="F35127" s="1" t="s">
        <v>121976</v>
      </c>
      <c r="G35127" s="1" t="s">
        <v>121935</v>
      </c>
      <c r="H35127" s="1" t="s">
        <v>121936</v>
      </c>
      <c r="I35127" s="1" t="s">
        <v>118887</v>
      </c>
      <c r="J35127" s="1" t="s">
        <v>121977</v>
      </c>
    </row>
    <row r="35128" spans="1:10" x14ac:dyDescent="0.35">
      <c r="A35128" s="1" t="s">
        <v>121932</v>
      </c>
      <c r="B35128" s="1" t="s">
        <v>118882</v>
      </c>
      <c r="C35128" s="1" t="s">
        <v>80</v>
      </c>
      <c r="D35128" s="1" t="s">
        <v>4353</v>
      </c>
      <c r="E35128" s="1" t="s">
        <v>121978</v>
      </c>
      <c r="F35128" s="1" t="s">
        <v>121979</v>
      </c>
      <c r="G35128" s="1" t="s">
        <v>121935</v>
      </c>
      <c r="H35128" s="1" t="s">
        <v>121936</v>
      </c>
      <c r="I35128" s="1" t="s">
        <v>118887</v>
      </c>
      <c r="J35128" s="1" t="s">
        <v>121980</v>
      </c>
    </row>
    <row r="35129" spans="1:10" x14ac:dyDescent="0.35">
      <c r="A35129" s="1" t="s">
        <v>121932</v>
      </c>
      <c r="B35129" s="1" t="s">
        <v>118882</v>
      </c>
      <c r="C35129" s="1" t="s">
        <v>85</v>
      </c>
      <c r="D35129" s="1" t="s">
        <v>27548</v>
      </c>
      <c r="E35129" s="1" t="s">
        <v>121981</v>
      </c>
      <c r="F35129" s="1" t="s">
        <v>121982</v>
      </c>
      <c r="G35129" s="1" t="s">
        <v>121935</v>
      </c>
      <c r="H35129" s="1" t="s">
        <v>121936</v>
      </c>
      <c r="I35129" s="1" t="s">
        <v>118887</v>
      </c>
      <c r="J35129" s="1" t="s">
        <v>121983</v>
      </c>
    </row>
    <row r="35130" spans="1:10" x14ac:dyDescent="0.35">
      <c r="A35130" s="1" t="s">
        <v>121932</v>
      </c>
      <c r="B35130" s="1" t="s">
        <v>118882</v>
      </c>
      <c r="C35130" s="1" t="s">
        <v>90</v>
      </c>
      <c r="D35130" s="1" t="s">
        <v>121984</v>
      </c>
      <c r="E35130" s="1" t="s">
        <v>121985</v>
      </c>
      <c r="F35130" s="1" t="s">
        <v>121986</v>
      </c>
      <c r="G35130" s="1" t="s">
        <v>121935</v>
      </c>
      <c r="H35130" s="1" t="s">
        <v>121936</v>
      </c>
      <c r="I35130" s="1" t="s">
        <v>118887</v>
      </c>
      <c r="J35130" s="1" t="s">
        <v>121987</v>
      </c>
    </row>
    <row r="35131" spans="1:10" x14ac:dyDescent="0.35">
      <c r="A35131" s="1" t="s">
        <v>121932</v>
      </c>
      <c r="B35131" s="1" t="s">
        <v>118882</v>
      </c>
      <c r="C35131" s="1" t="s">
        <v>95</v>
      </c>
      <c r="D35131" s="1" t="s">
        <v>12978</v>
      </c>
      <c r="E35131" s="1" t="s">
        <v>121988</v>
      </c>
      <c r="F35131" s="1" t="s">
        <v>121989</v>
      </c>
      <c r="G35131" s="1" t="s">
        <v>121935</v>
      </c>
      <c r="H35131" s="1" t="s">
        <v>121936</v>
      </c>
      <c r="I35131" s="1" t="s">
        <v>118887</v>
      </c>
      <c r="J35131" s="1" t="s">
        <v>121990</v>
      </c>
    </row>
    <row r="35132" spans="1:10" x14ac:dyDescent="0.35">
      <c r="A35132" s="1" t="s">
        <v>121932</v>
      </c>
      <c r="B35132" s="1" t="s">
        <v>118882</v>
      </c>
      <c r="C35132" s="1" t="s">
        <v>100</v>
      </c>
      <c r="D35132" s="1" t="s">
        <v>112302</v>
      </c>
      <c r="E35132" s="1" t="s">
        <v>121991</v>
      </c>
      <c r="F35132" s="1" t="s">
        <v>121992</v>
      </c>
      <c r="G35132" s="1" t="s">
        <v>121935</v>
      </c>
      <c r="H35132" s="1" t="s">
        <v>121936</v>
      </c>
      <c r="I35132" s="1" t="s">
        <v>118887</v>
      </c>
      <c r="J35132" s="1" t="s">
        <v>121993</v>
      </c>
    </row>
    <row r="35133" spans="1:10" x14ac:dyDescent="0.35">
      <c r="A35133" s="1" t="s">
        <v>121932</v>
      </c>
      <c r="B35133" s="1" t="s">
        <v>118882</v>
      </c>
      <c r="C35133" s="1" t="s">
        <v>105</v>
      </c>
      <c r="D35133" s="1" t="s">
        <v>121994</v>
      </c>
      <c r="E35133" s="1" t="s">
        <v>121995</v>
      </c>
      <c r="F35133" s="1" t="s">
        <v>121996</v>
      </c>
      <c r="G35133" s="1" t="s">
        <v>121935</v>
      </c>
      <c r="H35133" s="1" t="s">
        <v>121936</v>
      </c>
      <c r="I35133" s="1" t="s">
        <v>118887</v>
      </c>
      <c r="J35133" s="1" t="s">
        <v>121997</v>
      </c>
    </row>
    <row r="35134" spans="1:10" x14ac:dyDescent="0.35">
      <c r="A35134" s="1" t="s">
        <v>121932</v>
      </c>
      <c r="B35134" s="1" t="s">
        <v>118882</v>
      </c>
      <c r="C35134" s="1" t="s">
        <v>110</v>
      </c>
      <c r="D35134" s="1" t="s">
        <v>29078</v>
      </c>
      <c r="E35134" s="1" t="s">
        <v>121998</v>
      </c>
      <c r="F35134" s="1" t="s">
        <v>121999</v>
      </c>
      <c r="G35134" s="1" t="s">
        <v>121935</v>
      </c>
      <c r="H35134" s="1" t="s">
        <v>121936</v>
      </c>
      <c r="I35134" s="1" t="s">
        <v>118887</v>
      </c>
      <c r="J35134" s="1" t="s">
        <v>122000</v>
      </c>
    </row>
    <row r="35135" spans="1:10" x14ac:dyDescent="0.35">
      <c r="A35135" s="1" t="s">
        <v>121932</v>
      </c>
      <c r="B35135" s="1" t="s">
        <v>118882</v>
      </c>
      <c r="C35135" s="1" t="s">
        <v>115</v>
      </c>
      <c r="D35135" s="1" t="s">
        <v>109672</v>
      </c>
      <c r="E35135" s="1" t="s">
        <v>122001</v>
      </c>
      <c r="F35135" s="1" t="s">
        <v>122002</v>
      </c>
      <c r="G35135" s="1" t="s">
        <v>121935</v>
      </c>
      <c r="H35135" s="1" t="s">
        <v>121936</v>
      </c>
      <c r="I35135" s="1" t="s">
        <v>118887</v>
      </c>
      <c r="J35135" s="1" t="s">
        <v>122003</v>
      </c>
    </row>
    <row r="35136" spans="1:10" x14ac:dyDescent="0.35">
      <c r="A35136" s="1" t="s">
        <v>121932</v>
      </c>
      <c r="B35136" s="1" t="s">
        <v>118882</v>
      </c>
      <c r="C35136" s="1" t="s">
        <v>120</v>
      </c>
      <c r="D35136" s="1" t="s">
        <v>122004</v>
      </c>
      <c r="E35136" s="1" t="s">
        <v>122005</v>
      </c>
      <c r="F35136" s="1" t="s">
        <v>122006</v>
      </c>
      <c r="G35136" s="1" t="s">
        <v>121935</v>
      </c>
      <c r="H35136" s="1" t="s">
        <v>121936</v>
      </c>
      <c r="I35136" s="1" t="s">
        <v>118887</v>
      </c>
      <c r="J35136" s="1" t="s">
        <v>122007</v>
      </c>
    </row>
    <row r="35137" spans="1:10" x14ac:dyDescent="0.35">
      <c r="A35137" s="1" t="s">
        <v>121932</v>
      </c>
      <c r="B35137" s="1" t="s">
        <v>118882</v>
      </c>
      <c r="C35137" s="1" t="s">
        <v>125</v>
      </c>
      <c r="D35137" s="1" t="s">
        <v>30139</v>
      </c>
      <c r="E35137" s="1" t="s">
        <v>122008</v>
      </c>
      <c r="F35137" s="1" t="s">
        <v>122009</v>
      </c>
      <c r="G35137" s="1" t="s">
        <v>121935</v>
      </c>
      <c r="H35137" s="1" t="s">
        <v>121936</v>
      </c>
      <c r="I35137" s="1" t="s">
        <v>118887</v>
      </c>
      <c r="J35137" s="1" t="s">
        <v>122010</v>
      </c>
    </row>
    <row r="35138" spans="1:10" x14ac:dyDescent="0.35">
      <c r="A35138" s="1" t="s">
        <v>121932</v>
      </c>
      <c r="B35138" s="1" t="s">
        <v>118882</v>
      </c>
      <c r="C35138" s="1" t="s">
        <v>130</v>
      </c>
      <c r="D35138" s="1" t="s">
        <v>122011</v>
      </c>
      <c r="E35138" s="1" t="s">
        <v>122012</v>
      </c>
      <c r="F35138" s="1" t="s">
        <v>122013</v>
      </c>
      <c r="G35138" s="1" t="s">
        <v>121935</v>
      </c>
      <c r="H35138" s="1" t="s">
        <v>121936</v>
      </c>
      <c r="I35138" s="1" t="s">
        <v>118887</v>
      </c>
      <c r="J35138" s="1" t="s">
        <v>122014</v>
      </c>
    </row>
    <row r="35139" spans="1:10" x14ac:dyDescent="0.35">
      <c r="A35139" s="1" t="s">
        <v>121932</v>
      </c>
      <c r="B35139" s="1" t="s">
        <v>118882</v>
      </c>
      <c r="C35139" s="1" t="s">
        <v>135</v>
      </c>
      <c r="D35139" s="1" t="s">
        <v>122015</v>
      </c>
      <c r="E35139" s="1" t="s">
        <v>122016</v>
      </c>
      <c r="F35139" s="1" t="s">
        <v>122017</v>
      </c>
      <c r="G35139" s="1" t="s">
        <v>121935</v>
      </c>
      <c r="H35139" s="1" t="s">
        <v>121936</v>
      </c>
      <c r="I35139" s="1" t="s">
        <v>118887</v>
      </c>
      <c r="J35139" s="1" t="s">
        <v>122018</v>
      </c>
    </row>
    <row r="35140" spans="1:10" x14ac:dyDescent="0.35">
      <c r="A35140" s="1" t="s">
        <v>121932</v>
      </c>
      <c r="B35140" s="1" t="s">
        <v>118882</v>
      </c>
      <c r="C35140" s="1" t="s">
        <v>140</v>
      </c>
      <c r="D35140" s="1" t="s">
        <v>27444</v>
      </c>
      <c r="E35140" s="1" t="s">
        <v>122019</v>
      </c>
      <c r="F35140" s="1" t="s">
        <v>122020</v>
      </c>
      <c r="G35140" s="1" t="s">
        <v>121935</v>
      </c>
      <c r="H35140" s="1" t="s">
        <v>121936</v>
      </c>
      <c r="I35140" s="1" t="s">
        <v>118887</v>
      </c>
      <c r="J35140" s="1" t="s">
        <v>122021</v>
      </c>
    </row>
    <row r="35141" spans="1:10" x14ac:dyDescent="0.35">
      <c r="A35141" s="1" t="s">
        <v>121932</v>
      </c>
      <c r="B35141" s="1" t="s">
        <v>118882</v>
      </c>
      <c r="C35141" s="1" t="s">
        <v>145</v>
      </c>
      <c r="D35141" s="1" t="s">
        <v>110880</v>
      </c>
      <c r="E35141" s="1" t="s">
        <v>122022</v>
      </c>
      <c r="F35141" s="1" t="s">
        <v>122023</v>
      </c>
      <c r="G35141" s="1" t="s">
        <v>121935</v>
      </c>
      <c r="H35141" s="1" t="s">
        <v>121936</v>
      </c>
      <c r="I35141" s="1" t="s">
        <v>118887</v>
      </c>
      <c r="J35141" s="1" t="s">
        <v>122024</v>
      </c>
    </row>
    <row r="35142" spans="1:10" x14ac:dyDescent="0.35">
      <c r="A35142" s="1" t="s">
        <v>121932</v>
      </c>
      <c r="B35142" s="1" t="s">
        <v>118882</v>
      </c>
      <c r="C35142" s="1" t="s">
        <v>150</v>
      </c>
      <c r="D35142" s="1" t="s">
        <v>112401</v>
      </c>
      <c r="E35142" s="1" t="s">
        <v>122025</v>
      </c>
      <c r="F35142" s="1" t="s">
        <v>122026</v>
      </c>
      <c r="G35142" s="1" t="s">
        <v>121935</v>
      </c>
      <c r="H35142" s="1" t="s">
        <v>121936</v>
      </c>
      <c r="I35142" s="1" t="s">
        <v>118887</v>
      </c>
      <c r="J35142" s="1" t="s">
        <v>122027</v>
      </c>
    </row>
    <row r="35143" spans="1:10" x14ac:dyDescent="0.35">
      <c r="A35143" s="1" t="s">
        <v>121932</v>
      </c>
      <c r="B35143" s="1" t="s">
        <v>118882</v>
      </c>
      <c r="C35143" s="1" t="s">
        <v>155</v>
      </c>
      <c r="D35143" s="1" t="s">
        <v>14196</v>
      </c>
      <c r="E35143" s="1" t="s">
        <v>122028</v>
      </c>
      <c r="F35143" s="1" t="s">
        <v>122029</v>
      </c>
      <c r="G35143" s="1" t="s">
        <v>121935</v>
      </c>
      <c r="H35143" s="1" t="s">
        <v>121936</v>
      </c>
      <c r="I35143" s="1" t="s">
        <v>118887</v>
      </c>
      <c r="J35143" s="1" t="s">
        <v>122030</v>
      </c>
    </row>
    <row r="35144" spans="1:10" x14ac:dyDescent="0.35">
      <c r="A35144" s="1" t="s">
        <v>121932</v>
      </c>
      <c r="B35144" s="1" t="s">
        <v>118882</v>
      </c>
      <c r="C35144" s="1" t="s">
        <v>160</v>
      </c>
      <c r="D35144" s="1" t="s">
        <v>122031</v>
      </c>
      <c r="E35144" s="1" t="s">
        <v>122032</v>
      </c>
      <c r="F35144" s="1" t="s">
        <v>122033</v>
      </c>
      <c r="G35144" s="1" t="s">
        <v>121935</v>
      </c>
      <c r="H35144" s="1" t="s">
        <v>121936</v>
      </c>
      <c r="I35144" s="1" t="s">
        <v>118887</v>
      </c>
      <c r="J35144" s="1" t="s">
        <v>122034</v>
      </c>
    </row>
    <row r="35145" spans="1:10" x14ac:dyDescent="0.35">
      <c r="A35145" s="1" t="s">
        <v>121932</v>
      </c>
      <c r="B35145" s="1" t="s">
        <v>118882</v>
      </c>
      <c r="C35145" s="1" t="s">
        <v>165</v>
      </c>
      <c r="D35145" s="1" t="s">
        <v>120543</v>
      </c>
      <c r="E35145" s="1" t="s">
        <v>122035</v>
      </c>
      <c r="F35145" s="1" t="s">
        <v>122036</v>
      </c>
      <c r="G35145" s="1" t="s">
        <v>121935</v>
      </c>
      <c r="H35145" s="1" t="s">
        <v>121936</v>
      </c>
      <c r="I35145" s="1" t="s">
        <v>118887</v>
      </c>
      <c r="J35145" s="1" t="s">
        <v>122037</v>
      </c>
    </row>
    <row r="35146" spans="1:10" x14ac:dyDescent="0.35">
      <c r="A35146" s="1" t="s">
        <v>121932</v>
      </c>
      <c r="B35146" s="1" t="s">
        <v>118882</v>
      </c>
      <c r="C35146" s="1" t="s">
        <v>170</v>
      </c>
      <c r="D35146" s="1" t="s">
        <v>122038</v>
      </c>
      <c r="E35146" s="1" t="s">
        <v>122039</v>
      </c>
      <c r="F35146" s="1" t="s">
        <v>122040</v>
      </c>
      <c r="G35146" s="1" t="s">
        <v>121935</v>
      </c>
      <c r="H35146" s="1" t="s">
        <v>121936</v>
      </c>
      <c r="I35146" s="1" t="s">
        <v>118887</v>
      </c>
      <c r="J35146" s="1" t="s">
        <v>122041</v>
      </c>
    </row>
    <row r="35147" spans="1:10" x14ac:dyDescent="0.35">
      <c r="A35147" s="1" t="s">
        <v>122042</v>
      </c>
      <c r="B35147" s="1" t="s">
        <v>118882</v>
      </c>
      <c r="C35147" s="1" t="s">
        <v>8</v>
      </c>
      <c r="D35147" s="1" t="s">
        <v>6155</v>
      </c>
      <c r="E35147" s="1" t="s">
        <v>122043</v>
      </c>
      <c r="F35147" s="1" t="s">
        <v>122044</v>
      </c>
      <c r="G35147" s="1" t="s">
        <v>122045</v>
      </c>
      <c r="H35147" s="1" t="s">
        <v>122046</v>
      </c>
      <c r="I35147" s="1" t="s">
        <v>118887</v>
      </c>
      <c r="J35147" s="1" t="s">
        <v>13</v>
      </c>
    </row>
    <row r="35148" spans="1:10" x14ac:dyDescent="0.35">
      <c r="A35148" s="1" t="s">
        <v>122042</v>
      </c>
      <c r="B35148" s="1" t="s">
        <v>118882</v>
      </c>
      <c r="C35148" s="1" t="s">
        <v>15</v>
      </c>
      <c r="D35148" s="1" t="s">
        <v>122047</v>
      </c>
      <c r="E35148" s="1" t="s">
        <v>122048</v>
      </c>
      <c r="F35148" s="1" t="s">
        <v>122049</v>
      </c>
      <c r="G35148" s="1" t="s">
        <v>122045</v>
      </c>
      <c r="H35148" s="1" t="s">
        <v>122046</v>
      </c>
      <c r="I35148" s="1" t="s">
        <v>118887</v>
      </c>
      <c r="J35148" s="1" t="s">
        <v>122050</v>
      </c>
    </row>
    <row r="35149" spans="1:10" x14ac:dyDescent="0.35">
      <c r="A35149" s="1" t="s">
        <v>122042</v>
      </c>
      <c r="B35149" s="1" t="s">
        <v>118882</v>
      </c>
      <c r="C35149" s="1" t="s">
        <v>20</v>
      </c>
      <c r="D35149" s="1" t="s">
        <v>13210</v>
      </c>
      <c r="E35149" s="1" t="s">
        <v>122051</v>
      </c>
      <c r="F35149" s="1" t="s">
        <v>122052</v>
      </c>
      <c r="G35149" s="1" t="s">
        <v>122045</v>
      </c>
      <c r="H35149" s="1" t="s">
        <v>122046</v>
      </c>
      <c r="I35149" s="1" t="s">
        <v>118887</v>
      </c>
      <c r="J35149" s="1" t="s">
        <v>58316</v>
      </c>
    </row>
    <row r="35150" spans="1:10" x14ac:dyDescent="0.35">
      <c r="A35150" s="1" t="s">
        <v>122042</v>
      </c>
      <c r="B35150" s="1" t="s">
        <v>118882</v>
      </c>
      <c r="C35150" s="1" t="s">
        <v>25</v>
      </c>
      <c r="D35150" s="1" t="s">
        <v>8495</v>
      </c>
      <c r="E35150" s="1" t="s">
        <v>122053</v>
      </c>
      <c r="F35150" s="1" t="s">
        <v>122054</v>
      </c>
      <c r="G35150" s="1" t="s">
        <v>122045</v>
      </c>
      <c r="H35150" s="1" t="s">
        <v>122046</v>
      </c>
      <c r="I35150" s="1" t="s">
        <v>118887</v>
      </c>
      <c r="J35150" s="1" t="s">
        <v>122055</v>
      </c>
    </row>
    <row r="35151" spans="1:10" x14ac:dyDescent="0.35">
      <c r="A35151" s="1" t="s">
        <v>122042</v>
      </c>
      <c r="B35151" s="1" t="s">
        <v>118882</v>
      </c>
      <c r="C35151" s="1" t="s">
        <v>30</v>
      </c>
      <c r="D35151" s="1" t="s">
        <v>4484</v>
      </c>
      <c r="E35151" s="1" t="s">
        <v>122056</v>
      </c>
      <c r="F35151" s="1" t="s">
        <v>122057</v>
      </c>
      <c r="G35151" s="1" t="s">
        <v>122045</v>
      </c>
      <c r="H35151" s="1" t="s">
        <v>122046</v>
      </c>
      <c r="I35151" s="1" t="s">
        <v>118887</v>
      </c>
      <c r="J35151" s="1" t="s">
        <v>122058</v>
      </c>
    </row>
    <row r="35152" spans="1:10" x14ac:dyDescent="0.35">
      <c r="A35152" s="1" t="s">
        <v>122042</v>
      </c>
      <c r="B35152" s="1" t="s">
        <v>118882</v>
      </c>
      <c r="C35152" s="1" t="s">
        <v>35</v>
      </c>
      <c r="D35152" s="1" t="s">
        <v>30106</v>
      </c>
      <c r="E35152" s="1" t="s">
        <v>122059</v>
      </c>
      <c r="F35152" s="1" t="s">
        <v>122060</v>
      </c>
      <c r="G35152" s="1" t="s">
        <v>122045</v>
      </c>
      <c r="H35152" s="1" t="s">
        <v>122046</v>
      </c>
      <c r="I35152" s="1" t="s">
        <v>118887</v>
      </c>
      <c r="J35152" s="1" t="s">
        <v>122061</v>
      </c>
    </row>
    <row r="35153" spans="1:10" x14ac:dyDescent="0.35">
      <c r="A35153" s="1" t="s">
        <v>122042</v>
      </c>
      <c r="B35153" s="1" t="s">
        <v>118882</v>
      </c>
      <c r="C35153" s="1" t="s">
        <v>40</v>
      </c>
      <c r="D35153" s="1" t="s">
        <v>27559</v>
      </c>
      <c r="E35153" s="1" t="s">
        <v>122062</v>
      </c>
      <c r="F35153" s="1" t="s">
        <v>122063</v>
      </c>
      <c r="G35153" s="1" t="s">
        <v>122045</v>
      </c>
      <c r="H35153" s="1" t="s">
        <v>122046</v>
      </c>
      <c r="I35153" s="1" t="s">
        <v>118887</v>
      </c>
      <c r="J35153" s="1" t="s">
        <v>122064</v>
      </c>
    </row>
    <row r="35154" spans="1:10" x14ac:dyDescent="0.35">
      <c r="A35154" s="1" t="s">
        <v>122042</v>
      </c>
      <c r="B35154" s="1" t="s">
        <v>118882</v>
      </c>
      <c r="C35154" s="1" t="s">
        <v>45</v>
      </c>
      <c r="D35154" s="1" t="s">
        <v>3988</v>
      </c>
      <c r="E35154" s="1" t="s">
        <v>122065</v>
      </c>
      <c r="F35154" s="1" t="s">
        <v>122066</v>
      </c>
      <c r="G35154" s="1" t="s">
        <v>122045</v>
      </c>
      <c r="H35154" s="1" t="s">
        <v>122046</v>
      </c>
      <c r="I35154" s="1" t="s">
        <v>118887</v>
      </c>
      <c r="J35154" s="1" t="s">
        <v>122067</v>
      </c>
    </row>
    <row r="35155" spans="1:10" x14ac:dyDescent="0.35">
      <c r="A35155" s="1" t="s">
        <v>122042</v>
      </c>
      <c r="B35155" s="1" t="s">
        <v>118882</v>
      </c>
      <c r="C35155" s="1" t="s">
        <v>50</v>
      </c>
      <c r="D35155" s="1" t="s">
        <v>100</v>
      </c>
      <c r="E35155" s="1" t="s">
        <v>122068</v>
      </c>
      <c r="F35155" s="1" t="s">
        <v>122069</v>
      </c>
      <c r="G35155" s="1" t="s">
        <v>122045</v>
      </c>
      <c r="H35155" s="1" t="s">
        <v>122046</v>
      </c>
      <c r="I35155" s="1" t="s">
        <v>118887</v>
      </c>
      <c r="J35155" s="1" t="s">
        <v>122070</v>
      </c>
    </row>
    <row r="35156" spans="1:10" x14ac:dyDescent="0.35">
      <c r="A35156" s="1" t="s">
        <v>122042</v>
      </c>
      <c r="B35156" s="1" t="s">
        <v>118882</v>
      </c>
      <c r="C35156" s="1" t="s">
        <v>55</v>
      </c>
      <c r="D35156" s="1" t="s">
        <v>25117</v>
      </c>
      <c r="E35156" s="1" t="s">
        <v>122071</v>
      </c>
      <c r="F35156" s="1" t="s">
        <v>122072</v>
      </c>
      <c r="G35156" s="1" t="s">
        <v>122045</v>
      </c>
      <c r="H35156" s="1" t="s">
        <v>122046</v>
      </c>
      <c r="I35156" s="1" t="s">
        <v>118887</v>
      </c>
      <c r="J35156" s="1" t="s">
        <v>122073</v>
      </c>
    </row>
    <row r="35157" spans="1:10" x14ac:dyDescent="0.35">
      <c r="A35157" s="1" t="s">
        <v>122042</v>
      </c>
      <c r="B35157" s="1" t="s">
        <v>118882</v>
      </c>
      <c r="C35157" s="1" t="s">
        <v>60</v>
      </c>
      <c r="D35157" s="1" t="s">
        <v>122074</v>
      </c>
      <c r="E35157" s="1" t="s">
        <v>122075</v>
      </c>
      <c r="F35157" s="1" t="s">
        <v>122076</v>
      </c>
      <c r="G35157" s="1" t="s">
        <v>122045</v>
      </c>
      <c r="H35157" s="1" t="s">
        <v>122046</v>
      </c>
      <c r="I35157" s="1" t="s">
        <v>118887</v>
      </c>
      <c r="J35157" s="1" t="s">
        <v>122077</v>
      </c>
    </row>
    <row r="35158" spans="1:10" x14ac:dyDescent="0.35">
      <c r="A35158" s="1" t="s">
        <v>122042</v>
      </c>
      <c r="B35158" s="1" t="s">
        <v>118882</v>
      </c>
      <c r="C35158" s="1" t="s">
        <v>65</v>
      </c>
      <c r="D35158" s="1" t="s">
        <v>44380</v>
      </c>
      <c r="E35158" s="1" t="s">
        <v>122078</v>
      </c>
      <c r="F35158" s="1" t="s">
        <v>122079</v>
      </c>
      <c r="G35158" s="1" t="s">
        <v>122045</v>
      </c>
      <c r="H35158" s="1" t="s">
        <v>122046</v>
      </c>
      <c r="I35158" s="1" t="s">
        <v>118887</v>
      </c>
      <c r="J35158" s="1" t="s">
        <v>122080</v>
      </c>
    </row>
    <row r="35159" spans="1:10" x14ac:dyDescent="0.35">
      <c r="A35159" s="1" t="s">
        <v>122042</v>
      </c>
      <c r="B35159" s="1" t="s">
        <v>118882</v>
      </c>
      <c r="C35159" s="1" t="s">
        <v>70</v>
      </c>
      <c r="D35159" s="1" t="s">
        <v>28432</v>
      </c>
      <c r="E35159" s="1" t="s">
        <v>122081</v>
      </c>
      <c r="F35159" s="1" t="s">
        <v>122082</v>
      </c>
      <c r="G35159" s="1" t="s">
        <v>122045</v>
      </c>
      <c r="H35159" s="1" t="s">
        <v>122046</v>
      </c>
      <c r="I35159" s="1" t="s">
        <v>118887</v>
      </c>
      <c r="J35159" s="1" t="s">
        <v>122083</v>
      </c>
    </row>
    <row r="35160" spans="1:10" x14ac:dyDescent="0.35">
      <c r="A35160" s="1" t="s">
        <v>122042</v>
      </c>
      <c r="B35160" s="1" t="s">
        <v>118882</v>
      </c>
      <c r="C35160" s="1" t="s">
        <v>75</v>
      </c>
      <c r="D35160" s="1" t="s">
        <v>14185</v>
      </c>
      <c r="E35160" s="1" t="s">
        <v>122084</v>
      </c>
      <c r="F35160" s="1" t="s">
        <v>122085</v>
      </c>
      <c r="G35160" s="1" t="s">
        <v>122045</v>
      </c>
      <c r="H35160" s="1" t="s">
        <v>122046</v>
      </c>
      <c r="I35160" s="1" t="s">
        <v>118887</v>
      </c>
      <c r="J35160" s="1" t="s">
        <v>122086</v>
      </c>
    </row>
    <row r="35161" spans="1:10" x14ac:dyDescent="0.35">
      <c r="A35161" s="1" t="s">
        <v>122042</v>
      </c>
      <c r="B35161" s="1" t="s">
        <v>118882</v>
      </c>
      <c r="C35161" s="1" t="s">
        <v>80</v>
      </c>
      <c r="D35161" s="1" t="s">
        <v>112401</v>
      </c>
      <c r="E35161" s="1" t="s">
        <v>122087</v>
      </c>
      <c r="F35161" s="1" t="s">
        <v>122088</v>
      </c>
      <c r="G35161" s="1" t="s">
        <v>122045</v>
      </c>
      <c r="H35161" s="1" t="s">
        <v>122046</v>
      </c>
      <c r="I35161" s="1" t="s">
        <v>118887</v>
      </c>
      <c r="J35161" s="1" t="s">
        <v>122089</v>
      </c>
    </row>
    <row r="35162" spans="1:10" x14ac:dyDescent="0.35">
      <c r="A35162" s="1" t="s">
        <v>122042</v>
      </c>
      <c r="B35162" s="1" t="s">
        <v>118882</v>
      </c>
      <c r="C35162" s="1" t="s">
        <v>85</v>
      </c>
      <c r="D35162" s="1" t="s">
        <v>6952</v>
      </c>
      <c r="E35162" s="1" t="s">
        <v>122090</v>
      </c>
      <c r="F35162" s="1" t="s">
        <v>122091</v>
      </c>
      <c r="G35162" s="1" t="s">
        <v>122045</v>
      </c>
      <c r="H35162" s="1" t="s">
        <v>122046</v>
      </c>
      <c r="I35162" s="1" t="s">
        <v>118887</v>
      </c>
      <c r="J35162" s="1" t="s">
        <v>122092</v>
      </c>
    </row>
    <row r="35163" spans="1:10" x14ac:dyDescent="0.35">
      <c r="A35163" s="1" t="s">
        <v>122042</v>
      </c>
      <c r="B35163" s="1" t="s">
        <v>118882</v>
      </c>
      <c r="C35163" s="1" t="s">
        <v>90</v>
      </c>
      <c r="D35163" s="1" t="s">
        <v>7063</v>
      </c>
      <c r="E35163" s="1" t="s">
        <v>122093</v>
      </c>
      <c r="F35163" s="1" t="s">
        <v>122094</v>
      </c>
      <c r="G35163" s="1" t="s">
        <v>122045</v>
      </c>
      <c r="H35163" s="1" t="s">
        <v>122046</v>
      </c>
      <c r="I35163" s="1" t="s">
        <v>118887</v>
      </c>
      <c r="J35163" s="1" t="s">
        <v>122095</v>
      </c>
    </row>
    <row r="35164" spans="1:10" x14ac:dyDescent="0.35">
      <c r="A35164" s="1" t="s">
        <v>122042</v>
      </c>
      <c r="B35164" s="1" t="s">
        <v>118882</v>
      </c>
      <c r="C35164" s="1" t="s">
        <v>95</v>
      </c>
      <c r="D35164" s="1" t="s">
        <v>2390</v>
      </c>
      <c r="E35164" s="1" t="s">
        <v>122096</v>
      </c>
      <c r="F35164" s="1" t="s">
        <v>122097</v>
      </c>
      <c r="G35164" s="1" t="s">
        <v>122045</v>
      </c>
      <c r="H35164" s="1" t="s">
        <v>122046</v>
      </c>
      <c r="I35164" s="1" t="s">
        <v>118887</v>
      </c>
      <c r="J35164" s="1" t="s">
        <v>122098</v>
      </c>
    </row>
    <row r="35165" spans="1:10" x14ac:dyDescent="0.35">
      <c r="A35165" s="1" t="s">
        <v>122042</v>
      </c>
      <c r="B35165" s="1" t="s">
        <v>118882</v>
      </c>
      <c r="C35165" s="1" t="s">
        <v>100</v>
      </c>
      <c r="D35165" s="1" t="s">
        <v>7074</v>
      </c>
      <c r="E35165" s="1" t="s">
        <v>122099</v>
      </c>
      <c r="F35165" s="1" t="s">
        <v>122100</v>
      </c>
      <c r="G35165" s="1" t="s">
        <v>122045</v>
      </c>
      <c r="H35165" s="1" t="s">
        <v>122046</v>
      </c>
      <c r="I35165" s="1" t="s">
        <v>118887</v>
      </c>
      <c r="J35165" s="1" t="s">
        <v>122101</v>
      </c>
    </row>
    <row r="35166" spans="1:10" x14ac:dyDescent="0.35">
      <c r="A35166" s="1" t="s">
        <v>122042</v>
      </c>
      <c r="B35166" s="1" t="s">
        <v>118882</v>
      </c>
      <c r="C35166" s="1" t="s">
        <v>105</v>
      </c>
      <c r="D35166" s="1" t="s">
        <v>111860</v>
      </c>
      <c r="E35166" s="1" t="s">
        <v>122102</v>
      </c>
      <c r="F35166" s="1" t="s">
        <v>122103</v>
      </c>
      <c r="G35166" s="1" t="s">
        <v>122045</v>
      </c>
      <c r="H35166" s="1" t="s">
        <v>122046</v>
      </c>
      <c r="I35166" s="1" t="s">
        <v>118887</v>
      </c>
      <c r="J35166" s="1" t="s">
        <v>122104</v>
      </c>
    </row>
    <row r="35167" spans="1:10" x14ac:dyDescent="0.35">
      <c r="A35167" s="1" t="s">
        <v>122042</v>
      </c>
      <c r="B35167" s="1" t="s">
        <v>118882</v>
      </c>
      <c r="C35167" s="1" t="s">
        <v>110</v>
      </c>
      <c r="D35167" s="1" t="s">
        <v>112034</v>
      </c>
      <c r="E35167" s="1" t="s">
        <v>122105</v>
      </c>
      <c r="F35167" s="1" t="s">
        <v>122106</v>
      </c>
      <c r="G35167" s="1" t="s">
        <v>122045</v>
      </c>
      <c r="H35167" s="1" t="s">
        <v>122046</v>
      </c>
      <c r="I35167" s="1" t="s">
        <v>118887</v>
      </c>
      <c r="J35167" s="1" t="s">
        <v>122107</v>
      </c>
    </row>
    <row r="35168" spans="1:10" x14ac:dyDescent="0.35">
      <c r="A35168" s="1" t="s">
        <v>122042</v>
      </c>
      <c r="B35168" s="1" t="s">
        <v>118882</v>
      </c>
      <c r="C35168" s="1" t="s">
        <v>115</v>
      </c>
      <c r="D35168" s="1" t="s">
        <v>28326</v>
      </c>
      <c r="E35168" s="1" t="s">
        <v>122108</v>
      </c>
      <c r="F35168" s="1" t="s">
        <v>122109</v>
      </c>
      <c r="G35168" s="1" t="s">
        <v>122045</v>
      </c>
      <c r="H35168" s="1" t="s">
        <v>122046</v>
      </c>
      <c r="I35168" s="1" t="s">
        <v>118887</v>
      </c>
      <c r="J35168" s="1" t="s">
        <v>122110</v>
      </c>
    </row>
    <row r="35169" spans="1:10" x14ac:dyDescent="0.35">
      <c r="A35169" s="1" t="s">
        <v>122042</v>
      </c>
      <c r="B35169" s="1" t="s">
        <v>118882</v>
      </c>
      <c r="C35169" s="1" t="s">
        <v>120</v>
      </c>
      <c r="D35169" s="1" t="s">
        <v>109915</v>
      </c>
      <c r="E35169" s="1" t="s">
        <v>122111</v>
      </c>
      <c r="F35169" s="1" t="s">
        <v>122112</v>
      </c>
      <c r="G35169" s="1" t="s">
        <v>122045</v>
      </c>
      <c r="H35169" s="1" t="s">
        <v>122046</v>
      </c>
      <c r="I35169" s="1" t="s">
        <v>118887</v>
      </c>
      <c r="J35169" s="1" t="s">
        <v>122113</v>
      </c>
    </row>
    <row r="35170" spans="1:10" x14ac:dyDescent="0.35">
      <c r="A35170" s="1" t="s">
        <v>122042</v>
      </c>
      <c r="B35170" s="1" t="s">
        <v>118882</v>
      </c>
      <c r="C35170" s="1" t="s">
        <v>125</v>
      </c>
      <c r="D35170" s="1" t="s">
        <v>34745</v>
      </c>
      <c r="E35170" s="1" t="s">
        <v>122114</v>
      </c>
      <c r="F35170" s="1" t="s">
        <v>122115</v>
      </c>
      <c r="G35170" s="1" t="s">
        <v>122045</v>
      </c>
      <c r="H35170" s="1" t="s">
        <v>122046</v>
      </c>
      <c r="I35170" s="1" t="s">
        <v>118887</v>
      </c>
      <c r="J35170" s="1" t="s">
        <v>122116</v>
      </c>
    </row>
    <row r="35171" spans="1:10" x14ac:dyDescent="0.35">
      <c r="A35171" s="1" t="s">
        <v>122042</v>
      </c>
      <c r="B35171" s="1" t="s">
        <v>118882</v>
      </c>
      <c r="C35171" s="1" t="s">
        <v>130</v>
      </c>
      <c r="D35171" s="1" t="s">
        <v>17380</v>
      </c>
      <c r="E35171" s="1" t="s">
        <v>122117</v>
      </c>
      <c r="F35171" s="1" t="s">
        <v>122118</v>
      </c>
      <c r="G35171" s="1" t="s">
        <v>122045</v>
      </c>
      <c r="H35171" s="1" t="s">
        <v>122046</v>
      </c>
      <c r="I35171" s="1" t="s">
        <v>118887</v>
      </c>
      <c r="J35171" s="1" t="s">
        <v>122119</v>
      </c>
    </row>
    <row r="35172" spans="1:10" x14ac:dyDescent="0.35">
      <c r="A35172" s="1" t="s">
        <v>122042</v>
      </c>
      <c r="B35172" s="1" t="s">
        <v>118882</v>
      </c>
      <c r="C35172" s="1" t="s">
        <v>135</v>
      </c>
      <c r="D35172" s="1" t="s">
        <v>122120</v>
      </c>
      <c r="E35172" s="1" t="s">
        <v>122121</v>
      </c>
      <c r="F35172" s="1" t="s">
        <v>122122</v>
      </c>
      <c r="G35172" s="1" t="s">
        <v>122045</v>
      </c>
      <c r="H35172" s="1" t="s">
        <v>122046</v>
      </c>
      <c r="I35172" s="1" t="s">
        <v>118887</v>
      </c>
      <c r="J35172" s="1" t="s">
        <v>122123</v>
      </c>
    </row>
    <row r="35173" spans="1:10" x14ac:dyDescent="0.35">
      <c r="A35173" s="1" t="s">
        <v>122042</v>
      </c>
      <c r="B35173" s="1" t="s">
        <v>118882</v>
      </c>
      <c r="C35173" s="1" t="s">
        <v>140</v>
      </c>
      <c r="D35173" s="1" t="s">
        <v>122124</v>
      </c>
      <c r="E35173" s="1" t="s">
        <v>122125</v>
      </c>
      <c r="F35173" s="1" t="s">
        <v>122126</v>
      </c>
      <c r="G35173" s="1" t="s">
        <v>122045</v>
      </c>
      <c r="H35173" s="1" t="s">
        <v>122046</v>
      </c>
      <c r="I35173" s="1" t="s">
        <v>118887</v>
      </c>
      <c r="J35173" s="1" t="s">
        <v>122127</v>
      </c>
    </row>
    <row r="35174" spans="1:10" x14ac:dyDescent="0.35">
      <c r="A35174" s="1" t="s">
        <v>122042</v>
      </c>
      <c r="B35174" s="1" t="s">
        <v>118882</v>
      </c>
      <c r="C35174" s="1" t="s">
        <v>145</v>
      </c>
      <c r="D35174" s="1" t="s">
        <v>47118</v>
      </c>
      <c r="E35174" s="1" t="s">
        <v>122128</v>
      </c>
      <c r="F35174" s="1" t="s">
        <v>122129</v>
      </c>
      <c r="G35174" s="1" t="s">
        <v>122045</v>
      </c>
      <c r="H35174" s="1" t="s">
        <v>122046</v>
      </c>
      <c r="I35174" s="1" t="s">
        <v>118887</v>
      </c>
      <c r="J35174" s="1" t="s">
        <v>122130</v>
      </c>
    </row>
    <row r="35175" spans="1:10" x14ac:dyDescent="0.35">
      <c r="A35175" s="1" t="s">
        <v>122042</v>
      </c>
      <c r="B35175" s="1" t="s">
        <v>118882</v>
      </c>
      <c r="C35175" s="1" t="s">
        <v>150</v>
      </c>
      <c r="D35175" s="1" t="s">
        <v>122131</v>
      </c>
      <c r="E35175" s="1" t="s">
        <v>122132</v>
      </c>
      <c r="F35175" s="1" t="s">
        <v>122133</v>
      </c>
      <c r="G35175" s="1" t="s">
        <v>122045</v>
      </c>
      <c r="H35175" s="1" t="s">
        <v>122046</v>
      </c>
      <c r="I35175" s="1" t="s">
        <v>118887</v>
      </c>
      <c r="J35175" s="1" t="s">
        <v>122134</v>
      </c>
    </row>
    <row r="35176" spans="1:10" x14ac:dyDescent="0.35">
      <c r="A35176" s="1" t="s">
        <v>122042</v>
      </c>
      <c r="B35176" s="1" t="s">
        <v>118882</v>
      </c>
      <c r="C35176" s="1" t="s">
        <v>155</v>
      </c>
      <c r="D35176" s="1" t="s">
        <v>17629</v>
      </c>
      <c r="E35176" s="1" t="s">
        <v>122135</v>
      </c>
      <c r="F35176" s="1" t="s">
        <v>122136</v>
      </c>
      <c r="G35176" s="1" t="s">
        <v>122045</v>
      </c>
      <c r="H35176" s="1" t="s">
        <v>122046</v>
      </c>
      <c r="I35176" s="1" t="s">
        <v>118887</v>
      </c>
      <c r="J35176" s="1" t="s">
        <v>122137</v>
      </c>
    </row>
    <row r="35177" spans="1:10" x14ac:dyDescent="0.35">
      <c r="A35177" s="1" t="s">
        <v>122042</v>
      </c>
      <c r="B35177" s="1" t="s">
        <v>118882</v>
      </c>
      <c r="C35177" s="1" t="s">
        <v>160</v>
      </c>
      <c r="D35177" s="1" t="s">
        <v>32560</v>
      </c>
      <c r="E35177" s="1" t="s">
        <v>122138</v>
      </c>
      <c r="F35177" s="1" t="s">
        <v>122139</v>
      </c>
      <c r="G35177" s="1" t="s">
        <v>122045</v>
      </c>
      <c r="H35177" s="1" t="s">
        <v>122046</v>
      </c>
      <c r="I35177" s="1" t="s">
        <v>118887</v>
      </c>
      <c r="J35177" s="1" t="s">
        <v>122140</v>
      </c>
    </row>
    <row r="35178" spans="1:10" x14ac:dyDescent="0.35">
      <c r="A35178" s="1" t="s">
        <v>122042</v>
      </c>
      <c r="B35178" s="1" t="s">
        <v>118882</v>
      </c>
      <c r="C35178" s="1" t="s">
        <v>165</v>
      </c>
      <c r="D35178" s="1" t="s">
        <v>6731</v>
      </c>
      <c r="E35178" s="1" t="s">
        <v>122141</v>
      </c>
      <c r="F35178" s="1" t="s">
        <v>122142</v>
      </c>
      <c r="G35178" s="1" t="s">
        <v>122045</v>
      </c>
      <c r="H35178" s="1" t="s">
        <v>122046</v>
      </c>
      <c r="I35178" s="1" t="s">
        <v>118887</v>
      </c>
      <c r="J35178" s="1" t="s">
        <v>122143</v>
      </c>
    </row>
    <row r="35179" spans="1:10" x14ac:dyDescent="0.35">
      <c r="A35179" s="1" t="s">
        <v>122042</v>
      </c>
      <c r="B35179" s="1" t="s">
        <v>118882</v>
      </c>
      <c r="C35179" s="1" t="s">
        <v>170</v>
      </c>
      <c r="D35179" s="1" t="s">
        <v>122144</v>
      </c>
      <c r="E35179" s="1" t="s">
        <v>122145</v>
      </c>
      <c r="F35179" s="1" t="s">
        <v>122146</v>
      </c>
      <c r="G35179" s="1" t="s">
        <v>122045</v>
      </c>
      <c r="H35179" s="1" t="s">
        <v>122046</v>
      </c>
      <c r="I35179" s="1" t="s">
        <v>118887</v>
      </c>
      <c r="J35179" s="1" t="s">
        <v>122147</v>
      </c>
    </row>
    <row r="35180" spans="1:10" x14ac:dyDescent="0.35">
      <c r="A35180" s="1" t="s">
        <v>4278</v>
      </c>
      <c r="B35180" s="1" t="s">
        <v>118882</v>
      </c>
      <c r="C35180" s="1" t="s">
        <v>8</v>
      </c>
      <c r="D35180" s="1" t="s">
        <v>121190</v>
      </c>
      <c r="E35180" s="1" t="s">
        <v>122148</v>
      </c>
      <c r="F35180" s="1" t="s">
        <v>122149</v>
      </c>
      <c r="G35180" s="1" t="s">
        <v>122150</v>
      </c>
      <c r="H35180" s="1" t="s">
        <v>122151</v>
      </c>
      <c r="I35180" s="1" t="s">
        <v>118887</v>
      </c>
      <c r="J35180" s="1" t="s">
        <v>13</v>
      </c>
    </row>
    <row r="35181" spans="1:10" x14ac:dyDescent="0.35">
      <c r="A35181" s="1" t="s">
        <v>4278</v>
      </c>
      <c r="B35181" s="1" t="s">
        <v>118882</v>
      </c>
      <c r="C35181" s="1" t="s">
        <v>15</v>
      </c>
      <c r="D35181" s="1" t="s">
        <v>10507</v>
      </c>
      <c r="E35181" s="1" t="s">
        <v>122152</v>
      </c>
      <c r="F35181" s="1" t="s">
        <v>122153</v>
      </c>
      <c r="G35181" s="1" t="s">
        <v>122150</v>
      </c>
      <c r="H35181" s="1" t="s">
        <v>122151</v>
      </c>
      <c r="I35181" s="1" t="s">
        <v>118887</v>
      </c>
      <c r="J35181" s="1" t="s">
        <v>122154</v>
      </c>
    </row>
    <row r="35182" spans="1:10" x14ac:dyDescent="0.35">
      <c r="A35182" s="1" t="s">
        <v>4278</v>
      </c>
      <c r="B35182" s="1" t="s">
        <v>118882</v>
      </c>
      <c r="C35182" s="1" t="s">
        <v>20</v>
      </c>
      <c r="D35182" s="1" t="s">
        <v>28050</v>
      </c>
      <c r="E35182" s="1" t="s">
        <v>122155</v>
      </c>
      <c r="F35182" s="1" t="s">
        <v>122156</v>
      </c>
      <c r="G35182" s="1" t="s">
        <v>122150</v>
      </c>
      <c r="H35182" s="1" t="s">
        <v>122151</v>
      </c>
      <c r="I35182" s="1" t="s">
        <v>118887</v>
      </c>
      <c r="J35182" s="1" t="s">
        <v>122157</v>
      </c>
    </row>
    <row r="35183" spans="1:10" x14ac:dyDescent="0.35">
      <c r="A35183" s="1" t="s">
        <v>4278</v>
      </c>
      <c r="B35183" s="1" t="s">
        <v>118882</v>
      </c>
      <c r="C35183" s="1" t="s">
        <v>25</v>
      </c>
      <c r="D35183" s="1" t="s">
        <v>25685</v>
      </c>
      <c r="E35183" s="1" t="s">
        <v>122158</v>
      </c>
      <c r="F35183" s="1" t="s">
        <v>122159</v>
      </c>
      <c r="G35183" s="1" t="s">
        <v>122150</v>
      </c>
      <c r="H35183" s="1" t="s">
        <v>122151</v>
      </c>
      <c r="I35183" s="1" t="s">
        <v>118887</v>
      </c>
      <c r="J35183" s="1" t="s">
        <v>122160</v>
      </c>
    </row>
    <row r="35184" spans="1:10" x14ac:dyDescent="0.35">
      <c r="A35184" s="1" t="s">
        <v>4278</v>
      </c>
      <c r="B35184" s="1" t="s">
        <v>118882</v>
      </c>
      <c r="C35184" s="1" t="s">
        <v>30</v>
      </c>
      <c r="D35184" s="1" t="s">
        <v>8</v>
      </c>
      <c r="E35184" s="1" t="s">
        <v>122161</v>
      </c>
      <c r="F35184" s="1" t="s">
        <v>122162</v>
      </c>
      <c r="G35184" s="1" t="s">
        <v>122150</v>
      </c>
      <c r="H35184" s="1" t="s">
        <v>122151</v>
      </c>
      <c r="I35184" s="1" t="s">
        <v>118887</v>
      </c>
      <c r="J35184" s="1" t="s">
        <v>122163</v>
      </c>
    </row>
    <row r="35185" spans="1:10" x14ac:dyDescent="0.35">
      <c r="A35185" s="1" t="s">
        <v>4278</v>
      </c>
      <c r="B35185" s="1" t="s">
        <v>118882</v>
      </c>
      <c r="C35185" s="1" t="s">
        <v>35</v>
      </c>
      <c r="D35185" s="1" t="s">
        <v>45368</v>
      </c>
      <c r="E35185" s="1" t="s">
        <v>122164</v>
      </c>
      <c r="F35185" s="1" t="s">
        <v>122165</v>
      </c>
      <c r="G35185" s="1" t="s">
        <v>122150</v>
      </c>
      <c r="H35185" s="1" t="s">
        <v>122151</v>
      </c>
      <c r="I35185" s="1" t="s">
        <v>118887</v>
      </c>
      <c r="J35185" s="1" t="s">
        <v>122166</v>
      </c>
    </row>
    <row r="35186" spans="1:10" x14ac:dyDescent="0.35">
      <c r="A35186" s="1" t="s">
        <v>4278</v>
      </c>
      <c r="B35186" s="1" t="s">
        <v>118882</v>
      </c>
      <c r="C35186" s="1" t="s">
        <v>40</v>
      </c>
      <c r="D35186" s="1" t="s">
        <v>11040</v>
      </c>
      <c r="E35186" s="1" t="s">
        <v>122167</v>
      </c>
      <c r="F35186" s="1" t="s">
        <v>122168</v>
      </c>
      <c r="G35186" s="1" t="s">
        <v>122150</v>
      </c>
      <c r="H35186" s="1" t="s">
        <v>122151</v>
      </c>
      <c r="I35186" s="1" t="s">
        <v>118887</v>
      </c>
      <c r="J35186" s="1" t="s">
        <v>122169</v>
      </c>
    </row>
    <row r="35187" spans="1:10" x14ac:dyDescent="0.35">
      <c r="A35187" s="1" t="s">
        <v>4278</v>
      </c>
      <c r="B35187" s="1" t="s">
        <v>118882</v>
      </c>
      <c r="C35187" s="1" t="s">
        <v>45</v>
      </c>
      <c r="D35187" s="1" t="s">
        <v>29557</v>
      </c>
      <c r="E35187" s="1" t="s">
        <v>122170</v>
      </c>
      <c r="F35187" s="1" t="s">
        <v>122171</v>
      </c>
      <c r="G35187" s="1" t="s">
        <v>122150</v>
      </c>
      <c r="H35187" s="1" t="s">
        <v>122151</v>
      </c>
      <c r="I35187" s="1" t="s">
        <v>118887</v>
      </c>
      <c r="J35187" s="1" t="s">
        <v>122172</v>
      </c>
    </row>
    <row r="35188" spans="1:10" x14ac:dyDescent="0.35">
      <c r="A35188" s="1" t="s">
        <v>4278</v>
      </c>
      <c r="B35188" s="1" t="s">
        <v>118882</v>
      </c>
      <c r="C35188" s="1" t="s">
        <v>50</v>
      </c>
      <c r="D35188" s="1" t="s">
        <v>120483</v>
      </c>
      <c r="E35188" s="1" t="s">
        <v>122173</v>
      </c>
      <c r="F35188" s="1" t="s">
        <v>122174</v>
      </c>
      <c r="G35188" s="1" t="s">
        <v>122150</v>
      </c>
      <c r="H35188" s="1" t="s">
        <v>122151</v>
      </c>
      <c r="I35188" s="1" t="s">
        <v>118887</v>
      </c>
      <c r="J35188" s="1" t="s">
        <v>122175</v>
      </c>
    </row>
    <row r="35189" spans="1:10" x14ac:dyDescent="0.35">
      <c r="A35189" s="1" t="s">
        <v>4278</v>
      </c>
      <c r="B35189" s="1" t="s">
        <v>118882</v>
      </c>
      <c r="C35189" s="1" t="s">
        <v>55</v>
      </c>
      <c r="D35189" s="1" t="s">
        <v>9979</v>
      </c>
      <c r="E35189" s="1" t="s">
        <v>122176</v>
      </c>
      <c r="F35189" s="1" t="s">
        <v>122177</v>
      </c>
      <c r="G35189" s="1" t="s">
        <v>122150</v>
      </c>
      <c r="H35189" s="1" t="s">
        <v>122151</v>
      </c>
      <c r="I35189" s="1" t="s">
        <v>118887</v>
      </c>
      <c r="J35189" s="1" t="s">
        <v>122178</v>
      </c>
    </row>
    <row r="35190" spans="1:10" x14ac:dyDescent="0.35">
      <c r="A35190" s="1" t="s">
        <v>4278</v>
      </c>
      <c r="B35190" s="1" t="s">
        <v>118882</v>
      </c>
      <c r="C35190" s="1" t="s">
        <v>60</v>
      </c>
      <c r="D35190" s="1" t="s">
        <v>14116</v>
      </c>
      <c r="E35190" s="1" t="s">
        <v>122179</v>
      </c>
      <c r="F35190" s="1" t="s">
        <v>122180</v>
      </c>
      <c r="G35190" s="1" t="s">
        <v>122150</v>
      </c>
      <c r="H35190" s="1" t="s">
        <v>122151</v>
      </c>
      <c r="I35190" s="1" t="s">
        <v>118887</v>
      </c>
      <c r="J35190" s="1" t="s">
        <v>122181</v>
      </c>
    </row>
    <row r="35191" spans="1:10" x14ac:dyDescent="0.35">
      <c r="A35191" s="1" t="s">
        <v>4278</v>
      </c>
      <c r="B35191" s="1" t="s">
        <v>118882</v>
      </c>
      <c r="C35191" s="1" t="s">
        <v>65</v>
      </c>
      <c r="D35191" s="1" t="s">
        <v>122182</v>
      </c>
      <c r="E35191" s="1" t="s">
        <v>122183</v>
      </c>
      <c r="F35191" s="1" t="s">
        <v>122184</v>
      </c>
      <c r="G35191" s="1" t="s">
        <v>122150</v>
      </c>
      <c r="H35191" s="1" t="s">
        <v>122151</v>
      </c>
      <c r="I35191" s="1" t="s">
        <v>118887</v>
      </c>
      <c r="J35191" s="1" t="s">
        <v>122185</v>
      </c>
    </row>
    <row r="35192" spans="1:10" x14ac:dyDescent="0.35">
      <c r="A35192" s="1" t="s">
        <v>4278</v>
      </c>
      <c r="B35192" s="1" t="s">
        <v>118882</v>
      </c>
      <c r="C35192" s="1" t="s">
        <v>70</v>
      </c>
      <c r="D35192" s="1" t="s">
        <v>45473</v>
      </c>
      <c r="E35192" s="1" t="s">
        <v>122186</v>
      </c>
      <c r="F35192" s="1" t="s">
        <v>122187</v>
      </c>
      <c r="G35192" s="1" t="s">
        <v>122150</v>
      </c>
      <c r="H35192" s="1" t="s">
        <v>122151</v>
      </c>
      <c r="I35192" s="1" t="s">
        <v>118887</v>
      </c>
      <c r="J35192" s="1" t="s">
        <v>122188</v>
      </c>
    </row>
    <row r="35193" spans="1:10" x14ac:dyDescent="0.35">
      <c r="A35193" s="1" t="s">
        <v>4278</v>
      </c>
      <c r="B35193" s="1" t="s">
        <v>118882</v>
      </c>
      <c r="C35193" s="1" t="s">
        <v>75</v>
      </c>
      <c r="D35193" s="1" t="s">
        <v>2881</v>
      </c>
      <c r="E35193" s="1" t="s">
        <v>122189</v>
      </c>
      <c r="F35193" s="1" t="s">
        <v>122190</v>
      </c>
      <c r="G35193" s="1" t="s">
        <v>122150</v>
      </c>
      <c r="H35193" s="1" t="s">
        <v>122151</v>
      </c>
      <c r="I35193" s="1" t="s">
        <v>118887</v>
      </c>
      <c r="J35193" s="1" t="s">
        <v>122191</v>
      </c>
    </row>
    <row r="35194" spans="1:10" x14ac:dyDescent="0.35">
      <c r="A35194" s="1" t="s">
        <v>4278</v>
      </c>
      <c r="B35194" s="1" t="s">
        <v>118882</v>
      </c>
      <c r="C35194" s="1" t="s">
        <v>80</v>
      </c>
      <c r="D35194" s="1" t="s">
        <v>27828</v>
      </c>
      <c r="E35194" s="1" t="s">
        <v>122192</v>
      </c>
      <c r="F35194" s="1" t="s">
        <v>122193</v>
      </c>
      <c r="G35194" s="1" t="s">
        <v>122150</v>
      </c>
      <c r="H35194" s="1" t="s">
        <v>122151</v>
      </c>
      <c r="I35194" s="1" t="s">
        <v>118887</v>
      </c>
      <c r="J35194" s="1" t="s">
        <v>122194</v>
      </c>
    </row>
    <row r="35195" spans="1:10" x14ac:dyDescent="0.35">
      <c r="A35195" s="1" t="s">
        <v>4278</v>
      </c>
      <c r="B35195" s="1" t="s">
        <v>118882</v>
      </c>
      <c r="C35195" s="1" t="s">
        <v>85</v>
      </c>
      <c r="D35195" s="1" t="s">
        <v>37672</v>
      </c>
      <c r="E35195" s="1" t="s">
        <v>122195</v>
      </c>
      <c r="F35195" s="1" t="s">
        <v>122196</v>
      </c>
      <c r="G35195" s="1" t="s">
        <v>122150</v>
      </c>
      <c r="H35195" s="1" t="s">
        <v>122151</v>
      </c>
      <c r="I35195" s="1" t="s">
        <v>118887</v>
      </c>
      <c r="J35195" s="1" t="s">
        <v>122197</v>
      </c>
    </row>
    <row r="35196" spans="1:10" x14ac:dyDescent="0.35">
      <c r="A35196" s="1" t="s">
        <v>4278</v>
      </c>
      <c r="B35196" s="1" t="s">
        <v>118882</v>
      </c>
      <c r="C35196" s="1" t="s">
        <v>90</v>
      </c>
      <c r="D35196" s="1" t="s">
        <v>118803</v>
      </c>
      <c r="E35196" s="1" t="s">
        <v>122198</v>
      </c>
      <c r="F35196" s="1" t="s">
        <v>122199</v>
      </c>
      <c r="G35196" s="1" t="s">
        <v>122150</v>
      </c>
      <c r="H35196" s="1" t="s">
        <v>122151</v>
      </c>
      <c r="I35196" s="1" t="s">
        <v>118887</v>
      </c>
      <c r="J35196" s="1" t="s">
        <v>122200</v>
      </c>
    </row>
    <row r="35197" spans="1:10" x14ac:dyDescent="0.35">
      <c r="A35197" s="1" t="s">
        <v>4278</v>
      </c>
      <c r="B35197" s="1" t="s">
        <v>118882</v>
      </c>
      <c r="C35197" s="1" t="s">
        <v>95</v>
      </c>
      <c r="D35197" s="1" t="s">
        <v>29102</v>
      </c>
      <c r="E35197" s="1" t="s">
        <v>122201</v>
      </c>
      <c r="F35197" s="1" t="s">
        <v>122202</v>
      </c>
      <c r="G35197" s="1" t="s">
        <v>122150</v>
      </c>
      <c r="H35197" s="1" t="s">
        <v>122151</v>
      </c>
      <c r="I35197" s="1" t="s">
        <v>118887</v>
      </c>
      <c r="J35197" s="1" t="s">
        <v>122203</v>
      </c>
    </row>
    <row r="35198" spans="1:10" x14ac:dyDescent="0.35">
      <c r="A35198" s="1" t="s">
        <v>4278</v>
      </c>
      <c r="B35198" s="1" t="s">
        <v>118882</v>
      </c>
      <c r="C35198" s="1" t="s">
        <v>100</v>
      </c>
      <c r="D35198" s="1" t="s">
        <v>10312</v>
      </c>
      <c r="E35198" s="1" t="s">
        <v>122204</v>
      </c>
      <c r="F35198" s="1" t="s">
        <v>122205</v>
      </c>
      <c r="G35198" s="1" t="s">
        <v>122150</v>
      </c>
      <c r="H35198" s="1" t="s">
        <v>122151</v>
      </c>
      <c r="I35198" s="1" t="s">
        <v>118887</v>
      </c>
      <c r="J35198" s="1" t="s">
        <v>122206</v>
      </c>
    </row>
    <row r="35199" spans="1:10" x14ac:dyDescent="0.35">
      <c r="A35199" s="1" t="s">
        <v>4278</v>
      </c>
      <c r="B35199" s="1" t="s">
        <v>118882</v>
      </c>
      <c r="C35199" s="1" t="s">
        <v>105</v>
      </c>
      <c r="D35199" s="1" t="s">
        <v>122207</v>
      </c>
      <c r="E35199" s="1" t="s">
        <v>122208</v>
      </c>
      <c r="F35199" s="1" t="s">
        <v>122209</v>
      </c>
      <c r="G35199" s="1" t="s">
        <v>122150</v>
      </c>
      <c r="H35199" s="1" t="s">
        <v>122151</v>
      </c>
      <c r="I35199" s="1" t="s">
        <v>118887</v>
      </c>
      <c r="J35199" s="1" t="s">
        <v>122210</v>
      </c>
    </row>
    <row r="35200" spans="1:10" x14ac:dyDescent="0.35">
      <c r="A35200" s="1" t="s">
        <v>4278</v>
      </c>
      <c r="B35200" s="1" t="s">
        <v>118882</v>
      </c>
      <c r="C35200" s="1" t="s">
        <v>110</v>
      </c>
      <c r="D35200" s="1" t="s">
        <v>122211</v>
      </c>
      <c r="E35200" s="1" t="s">
        <v>122212</v>
      </c>
      <c r="F35200" s="1" t="s">
        <v>122213</v>
      </c>
      <c r="G35200" s="1" t="s">
        <v>122150</v>
      </c>
      <c r="H35200" s="1" t="s">
        <v>122151</v>
      </c>
      <c r="I35200" s="1" t="s">
        <v>118887</v>
      </c>
      <c r="J35200" s="1" t="s">
        <v>122214</v>
      </c>
    </row>
    <row r="35201" spans="1:10" x14ac:dyDescent="0.35">
      <c r="A35201" s="1" t="s">
        <v>4278</v>
      </c>
      <c r="B35201" s="1" t="s">
        <v>118882</v>
      </c>
      <c r="C35201" s="1" t="s">
        <v>115</v>
      </c>
      <c r="D35201" s="1" t="s">
        <v>29817</v>
      </c>
      <c r="E35201" s="1" t="s">
        <v>122215</v>
      </c>
      <c r="F35201" s="1" t="s">
        <v>122216</v>
      </c>
      <c r="G35201" s="1" t="s">
        <v>122150</v>
      </c>
      <c r="H35201" s="1" t="s">
        <v>122151</v>
      </c>
      <c r="I35201" s="1" t="s">
        <v>118887</v>
      </c>
      <c r="J35201" s="1" t="s">
        <v>122217</v>
      </c>
    </row>
    <row r="35202" spans="1:10" x14ac:dyDescent="0.35">
      <c r="A35202" s="1" t="s">
        <v>4278</v>
      </c>
      <c r="B35202" s="1" t="s">
        <v>118882</v>
      </c>
      <c r="C35202" s="1" t="s">
        <v>120</v>
      </c>
      <c r="D35202" s="1" t="s">
        <v>1739</v>
      </c>
      <c r="E35202" s="1" t="s">
        <v>122218</v>
      </c>
      <c r="F35202" s="1" t="s">
        <v>122219</v>
      </c>
      <c r="G35202" s="1" t="s">
        <v>122150</v>
      </c>
      <c r="H35202" s="1" t="s">
        <v>122151</v>
      </c>
      <c r="I35202" s="1" t="s">
        <v>118887</v>
      </c>
      <c r="J35202" s="1" t="s">
        <v>122220</v>
      </c>
    </row>
    <row r="35203" spans="1:10" x14ac:dyDescent="0.35">
      <c r="A35203" s="1" t="s">
        <v>4278</v>
      </c>
      <c r="B35203" s="1" t="s">
        <v>118882</v>
      </c>
      <c r="C35203" s="1" t="s">
        <v>125</v>
      </c>
      <c r="D35203" s="1" t="s">
        <v>122221</v>
      </c>
      <c r="E35203" s="1" t="s">
        <v>122222</v>
      </c>
      <c r="F35203" s="1" t="s">
        <v>122223</v>
      </c>
      <c r="G35203" s="1" t="s">
        <v>122150</v>
      </c>
      <c r="H35203" s="1" t="s">
        <v>122151</v>
      </c>
      <c r="I35203" s="1" t="s">
        <v>118887</v>
      </c>
      <c r="J35203" s="1" t="s">
        <v>122224</v>
      </c>
    </row>
    <row r="35204" spans="1:10" x14ac:dyDescent="0.35">
      <c r="A35204" s="1" t="s">
        <v>4278</v>
      </c>
      <c r="B35204" s="1" t="s">
        <v>118882</v>
      </c>
      <c r="C35204" s="1" t="s">
        <v>130</v>
      </c>
      <c r="D35204" s="1" t="s">
        <v>5087</v>
      </c>
      <c r="E35204" s="1" t="s">
        <v>122225</v>
      </c>
      <c r="F35204" s="1" t="s">
        <v>122226</v>
      </c>
      <c r="G35204" s="1" t="s">
        <v>122150</v>
      </c>
      <c r="H35204" s="1" t="s">
        <v>122151</v>
      </c>
      <c r="I35204" s="1" t="s">
        <v>118887</v>
      </c>
      <c r="J35204" s="1" t="s">
        <v>122227</v>
      </c>
    </row>
    <row r="35205" spans="1:10" x14ac:dyDescent="0.35">
      <c r="A35205" s="1" t="s">
        <v>4278</v>
      </c>
      <c r="B35205" s="1" t="s">
        <v>118882</v>
      </c>
      <c r="C35205" s="1" t="s">
        <v>135</v>
      </c>
      <c r="D35205" s="1" t="s">
        <v>122228</v>
      </c>
      <c r="E35205" s="1" t="s">
        <v>122229</v>
      </c>
      <c r="F35205" s="1" t="s">
        <v>122230</v>
      </c>
      <c r="G35205" s="1" t="s">
        <v>122150</v>
      </c>
      <c r="H35205" s="1" t="s">
        <v>122151</v>
      </c>
      <c r="I35205" s="1" t="s">
        <v>118887</v>
      </c>
      <c r="J35205" s="1" t="s">
        <v>122231</v>
      </c>
    </row>
    <row r="35206" spans="1:10" x14ac:dyDescent="0.35">
      <c r="A35206" s="1" t="s">
        <v>4278</v>
      </c>
      <c r="B35206" s="1" t="s">
        <v>118882</v>
      </c>
      <c r="C35206" s="1" t="s">
        <v>140</v>
      </c>
      <c r="D35206" s="1" t="s">
        <v>48294</v>
      </c>
      <c r="E35206" s="1" t="s">
        <v>122232</v>
      </c>
      <c r="F35206" s="1" t="s">
        <v>122233</v>
      </c>
      <c r="G35206" s="1" t="s">
        <v>122150</v>
      </c>
      <c r="H35206" s="1" t="s">
        <v>122151</v>
      </c>
      <c r="I35206" s="1" t="s">
        <v>118887</v>
      </c>
      <c r="J35206" s="1" t="s">
        <v>122234</v>
      </c>
    </row>
    <row r="35207" spans="1:10" x14ac:dyDescent="0.35">
      <c r="A35207" s="1" t="s">
        <v>4278</v>
      </c>
      <c r="B35207" s="1" t="s">
        <v>118882</v>
      </c>
      <c r="C35207" s="1" t="s">
        <v>145</v>
      </c>
      <c r="D35207" s="1" t="s">
        <v>37303</v>
      </c>
      <c r="E35207" s="1" t="s">
        <v>122235</v>
      </c>
      <c r="F35207" s="1" t="s">
        <v>122236</v>
      </c>
      <c r="G35207" s="1" t="s">
        <v>122150</v>
      </c>
      <c r="H35207" s="1" t="s">
        <v>122151</v>
      </c>
      <c r="I35207" s="1" t="s">
        <v>118887</v>
      </c>
      <c r="J35207" s="1" t="s">
        <v>122237</v>
      </c>
    </row>
    <row r="35208" spans="1:10" x14ac:dyDescent="0.35">
      <c r="A35208" s="1" t="s">
        <v>4278</v>
      </c>
      <c r="B35208" s="1" t="s">
        <v>118882</v>
      </c>
      <c r="C35208" s="1" t="s">
        <v>150</v>
      </c>
      <c r="D35208" s="1" t="s">
        <v>44910</v>
      </c>
      <c r="E35208" s="1" t="s">
        <v>122238</v>
      </c>
      <c r="F35208" s="1" t="s">
        <v>122239</v>
      </c>
      <c r="G35208" s="1" t="s">
        <v>122150</v>
      </c>
      <c r="H35208" s="1" t="s">
        <v>122151</v>
      </c>
      <c r="I35208" s="1" t="s">
        <v>118887</v>
      </c>
      <c r="J35208" s="1" t="s">
        <v>122240</v>
      </c>
    </row>
    <row r="35209" spans="1:10" x14ac:dyDescent="0.35">
      <c r="A35209" s="1" t="s">
        <v>4278</v>
      </c>
      <c r="B35209" s="1" t="s">
        <v>118882</v>
      </c>
      <c r="C35209" s="1" t="s">
        <v>155</v>
      </c>
      <c r="D35209" s="1" t="s">
        <v>36020</v>
      </c>
      <c r="E35209" s="1" t="s">
        <v>122241</v>
      </c>
      <c r="F35209" s="1" t="s">
        <v>122242</v>
      </c>
      <c r="G35209" s="1" t="s">
        <v>122150</v>
      </c>
      <c r="H35209" s="1" t="s">
        <v>122151</v>
      </c>
      <c r="I35209" s="1" t="s">
        <v>118887</v>
      </c>
      <c r="J35209" s="1" t="s">
        <v>122243</v>
      </c>
    </row>
    <row r="35210" spans="1:10" x14ac:dyDescent="0.35">
      <c r="A35210" s="1" t="s">
        <v>4278</v>
      </c>
      <c r="B35210" s="1" t="s">
        <v>118882</v>
      </c>
      <c r="C35210" s="1" t="s">
        <v>160</v>
      </c>
      <c r="D35210" s="1" t="s">
        <v>33425</v>
      </c>
      <c r="E35210" s="1" t="s">
        <v>122244</v>
      </c>
      <c r="F35210" s="1" t="s">
        <v>122245</v>
      </c>
      <c r="G35210" s="1" t="s">
        <v>122150</v>
      </c>
      <c r="H35210" s="1" t="s">
        <v>122151</v>
      </c>
      <c r="I35210" s="1" t="s">
        <v>118887</v>
      </c>
      <c r="J35210" s="1" t="s">
        <v>122246</v>
      </c>
    </row>
    <row r="35211" spans="1:10" x14ac:dyDescent="0.35">
      <c r="A35211" s="1" t="s">
        <v>4278</v>
      </c>
      <c r="B35211" s="1" t="s">
        <v>118882</v>
      </c>
      <c r="C35211" s="1" t="s">
        <v>165</v>
      </c>
      <c r="D35211" s="1" t="s">
        <v>122247</v>
      </c>
      <c r="E35211" s="1" t="s">
        <v>122248</v>
      </c>
      <c r="F35211" s="1" t="s">
        <v>122249</v>
      </c>
      <c r="G35211" s="1" t="s">
        <v>122150</v>
      </c>
      <c r="H35211" s="1" t="s">
        <v>122151</v>
      </c>
      <c r="I35211" s="1" t="s">
        <v>118887</v>
      </c>
      <c r="J35211" s="1" t="s">
        <v>122250</v>
      </c>
    </row>
    <row r="35212" spans="1:10" x14ac:dyDescent="0.35">
      <c r="A35212" s="1" t="s">
        <v>4278</v>
      </c>
      <c r="B35212" s="1" t="s">
        <v>118882</v>
      </c>
      <c r="C35212" s="1" t="s">
        <v>170</v>
      </c>
      <c r="D35212" s="1" t="s">
        <v>122251</v>
      </c>
      <c r="E35212" s="1" t="s">
        <v>122252</v>
      </c>
      <c r="F35212" s="1" t="s">
        <v>122253</v>
      </c>
      <c r="G35212" s="1" t="s">
        <v>122150</v>
      </c>
      <c r="H35212" s="1" t="s">
        <v>122151</v>
      </c>
      <c r="I35212" s="1" t="s">
        <v>118887</v>
      </c>
      <c r="J35212" s="1" t="s">
        <v>122254</v>
      </c>
    </row>
    <row r="35213" spans="1:10" x14ac:dyDescent="0.35">
      <c r="A35213" s="1" t="s">
        <v>6179</v>
      </c>
      <c r="B35213" s="1" t="s">
        <v>122255</v>
      </c>
      <c r="C35213" s="1" t="s">
        <v>8</v>
      </c>
      <c r="D35213" s="1" t="s">
        <v>122256</v>
      </c>
      <c r="E35213" s="1" t="s">
        <v>122257</v>
      </c>
      <c r="F35213" s="1" t="s">
        <v>122258</v>
      </c>
      <c r="G35213" s="1" t="s">
        <v>122259</v>
      </c>
      <c r="H35213" s="1" t="s">
        <v>122260</v>
      </c>
      <c r="I35213" s="1" t="s">
        <v>122261</v>
      </c>
      <c r="J35213" s="1" t="s">
        <v>13</v>
      </c>
    </row>
    <row r="35214" spans="1:10" x14ac:dyDescent="0.35">
      <c r="A35214" s="1" t="s">
        <v>6179</v>
      </c>
      <c r="B35214" s="1" t="s">
        <v>122255</v>
      </c>
      <c r="C35214" s="1" t="s">
        <v>15</v>
      </c>
      <c r="D35214" s="1" t="s">
        <v>122262</v>
      </c>
      <c r="E35214" s="1" t="s">
        <v>122263</v>
      </c>
      <c r="F35214" s="1" t="s">
        <v>122264</v>
      </c>
      <c r="G35214" s="1" t="s">
        <v>122259</v>
      </c>
      <c r="H35214" s="1" t="s">
        <v>122260</v>
      </c>
      <c r="I35214" s="1" t="s">
        <v>122261</v>
      </c>
      <c r="J35214" s="1" t="s">
        <v>122265</v>
      </c>
    </row>
    <row r="35215" spans="1:10" x14ac:dyDescent="0.35">
      <c r="A35215" s="1" t="s">
        <v>6179</v>
      </c>
      <c r="B35215" s="1" t="s">
        <v>122255</v>
      </c>
      <c r="C35215" s="1" t="s">
        <v>20</v>
      </c>
      <c r="D35215" s="1" t="s">
        <v>122266</v>
      </c>
      <c r="E35215" s="1" t="s">
        <v>122267</v>
      </c>
      <c r="F35215" s="1" t="s">
        <v>122268</v>
      </c>
      <c r="G35215" s="1" t="s">
        <v>122259</v>
      </c>
      <c r="H35215" s="1" t="s">
        <v>122260</v>
      </c>
      <c r="I35215" s="1" t="s">
        <v>122261</v>
      </c>
      <c r="J35215" s="1" t="s">
        <v>122269</v>
      </c>
    </row>
    <row r="35216" spans="1:10" x14ac:dyDescent="0.35">
      <c r="A35216" s="1" t="s">
        <v>6179</v>
      </c>
      <c r="B35216" s="1" t="s">
        <v>122255</v>
      </c>
      <c r="C35216" s="1" t="s">
        <v>25</v>
      </c>
      <c r="D35216" s="1" t="s">
        <v>122270</v>
      </c>
      <c r="E35216" s="1" t="s">
        <v>122271</v>
      </c>
      <c r="F35216" s="1" t="s">
        <v>122272</v>
      </c>
      <c r="G35216" s="1" t="s">
        <v>122259</v>
      </c>
      <c r="H35216" s="1" t="s">
        <v>122260</v>
      </c>
      <c r="I35216" s="1" t="s">
        <v>122261</v>
      </c>
      <c r="J35216" s="1" t="s">
        <v>122273</v>
      </c>
    </row>
    <row r="35217" spans="1:10" x14ac:dyDescent="0.35">
      <c r="A35217" s="1" t="s">
        <v>6179</v>
      </c>
      <c r="B35217" s="1" t="s">
        <v>122255</v>
      </c>
      <c r="C35217" s="1" t="s">
        <v>30</v>
      </c>
      <c r="D35217" s="1" t="s">
        <v>122274</v>
      </c>
      <c r="E35217" s="1" t="s">
        <v>122275</v>
      </c>
      <c r="F35217" s="1" t="s">
        <v>122276</v>
      </c>
      <c r="G35217" s="1" t="s">
        <v>122259</v>
      </c>
      <c r="H35217" s="1" t="s">
        <v>122260</v>
      </c>
      <c r="I35217" s="1" t="s">
        <v>122261</v>
      </c>
      <c r="J35217" s="1" t="s">
        <v>122277</v>
      </c>
    </row>
    <row r="35218" spans="1:10" x14ac:dyDescent="0.35">
      <c r="A35218" s="1" t="s">
        <v>6179</v>
      </c>
      <c r="B35218" s="1" t="s">
        <v>122255</v>
      </c>
      <c r="C35218" s="1" t="s">
        <v>35</v>
      </c>
      <c r="D35218" s="1" t="s">
        <v>122278</v>
      </c>
      <c r="E35218" s="1" t="s">
        <v>122279</v>
      </c>
      <c r="F35218" s="1" t="s">
        <v>122280</v>
      </c>
      <c r="G35218" s="1" t="s">
        <v>122259</v>
      </c>
      <c r="H35218" s="1" t="s">
        <v>122260</v>
      </c>
      <c r="I35218" s="1" t="s">
        <v>122261</v>
      </c>
      <c r="J35218" s="1" t="s">
        <v>122281</v>
      </c>
    </row>
    <row r="35219" spans="1:10" x14ac:dyDescent="0.35">
      <c r="A35219" s="1" t="s">
        <v>6179</v>
      </c>
      <c r="B35219" s="1" t="s">
        <v>122255</v>
      </c>
      <c r="C35219" s="1" t="s">
        <v>40</v>
      </c>
      <c r="D35219" s="1" t="s">
        <v>122282</v>
      </c>
      <c r="E35219" s="1" t="s">
        <v>122283</v>
      </c>
      <c r="F35219" s="1" t="s">
        <v>122284</v>
      </c>
      <c r="G35219" s="1" t="s">
        <v>122259</v>
      </c>
      <c r="H35219" s="1" t="s">
        <v>122260</v>
      </c>
      <c r="I35219" s="1" t="s">
        <v>122261</v>
      </c>
      <c r="J35219" s="1" t="s">
        <v>122285</v>
      </c>
    </row>
    <row r="35220" spans="1:10" x14ac:dyDescent="0.35">
      <c r="A35220" s="1" t="s">
        <v>6179</v>
      </c>
      <c r="B35220" s="1" t="s">
        <v>122255</v>
      </c>
      <c r="C35220" s="1" t="s">
        <v>45</v>
      </c>
      <c r="D35220" s="1" t="s">
        <v>122286</v>
      </c>
      <c r="E35220" s="1" t="s">
        <v>122287</v>
      </c>
      <c r="F35220" s="1" t="s">
        <v>122288</v>
      </c>
      <c r="G35220" s="1" t="s">
        <v>122259</v>
      </c>
      <c r="H35220" s="1" t="s">
        <v>122260</v>
      </c>
      <c r="I35220" s="1" t="s">
        <v>122261</v>
      </c>
      <c r="J35220" s="1" t="s">
        <v>122289</v>
      </c>
    </row>
    <row r="35221" spans="1:10" x14ac:dyDescent="0.35">
      <c r="A35221" s="1" t="s">
        <v>6179</v>
      </c>
      <c r="B35221" s="1" t="s">
        <v>122255</v>
      </c>
      <c r="C35221" s="1" t="s">
        <v>50</v>
      </c>
      <c r="D35221" s="1" t="s">
        <v>122290</v>
      </c>
      <c r="E35221" s="1" t="s">
        <v>122291</v>
      </c>
      <c r="F35221" s="1" t="s">
        <v>122292</v>
      </c>
      <c r="G35221" s="1" t="s">
        <v>122259</v>
      </c>
      <c r="H35221" s="1" t="s">
        <v>122260</v>
      </c>
      <c r="I35221" s="1" t="s">
        <v>122261</v>
      </c>
      <c r="J35221" s="1" t="s">
        <v>122293</v>
      </c>
    </row>
    <row r="35222" spans="1:10" x14ac:dyDescent="0.35">
      <c r="A35222" s="1" t="s">
        <v>6179</v>
      </c>
      <c r="B35222" s="1" t="s">
        <v>122255</v>
      </c>
      <c r="C35222" s="1" t="s">
        <v>55</v>
      </c>
      <c r="D35222" s="1" t="s">
        <v>36291</v>
      </c>
      <c r="E35222" s="1" t="s">
        <v>122294</v>
      </c>
      <c r="F35222" s="1" t="s">
        <v>122295</v>
      </c>
      <c r="G35222" s="1" t="s">
        <v>122259</v>
      </c>
      <c r="H35222" s="1" t="s">
        <v>122260</v>
      </c>
      <c r="I35222" s="1" t="s">
        <v>122261</v>
      </c>
      <c r="J35222" s="1" t="s">
        <v>122296</v>
      </c>
    </row>
    <row r="35223" spans="1:10" x14ac:dyDescent="0.35">
      <c r="A35223" s="1" t="s">
        <v>6179</v>
      </c>
      <c r="B35223" s="1" t="s">
        <v>122255</v>
      </c>
      <c r="C35223" s="1" t="s">
        <v>60</v>
      </c>
      <c r="D35223" s="1" t="s">
        <v>95150</v>
      </c>
      <c r="E35223" s="1" t="s">
        <v>122297</v>
      </c>
      <c r="F35223" s="1" t="s">
        <v>122298</v>
      </c>
      <c r="G35223" s="1" t="s">
        <v>122259</v>
      </c>
      <c r="H35223" s="1" t="s">
        <v>122260</v>
      </c>
      <c r="I35223" s="1" t="s">
        <v>122261</v>
      </c>
      <c r="J35223" s="1" t="s">
        <v>122299</v>
      </c>
    </row>
    <row r="35224" spans="1:10" x14ac:dyDescent="0.35">
      <c r="A35224" s="1" t="s">
        <v>6179</v>
      </c>
      <c r="B35224" s="1" t="s">
        <v>122255</v>
      </c>
      <c r="C35224" s="1" t="s">
        <v>65</v>
      </c>
      <c r="D35224" s="1" t="s">
        <v>122300</v>
      </c>
      <c r="E35224" s="1" t="s">
        <v>122301</v>
      </c>
      <c r="F35224" s="1" t="s">
        <v>122302</v>
      </c>
      <c r="G35224" s="1" t="s">
        <v>122259</v>
      </c>
      <c r="H35224" s="1" t="s">
        <v>122260</v>
      </c>
      <c r="I35224" s="1" t="s">
        <v>122261</v>
      </c>
      <c r="J35224" s="1" t="s">
        <v>122303</v>
      </c>
    </row>
    <row r="35225" spans="1:10" x14ac:dyDescent="0.35">
      <c r="A35225" s="1" t="s">
        <v>6179</v>
      </c>
      <c r="B35225" s="1" t="s">
        <v>122255</v>
      </c>
      <c r="C35225" s="1" t="s">
        <v>70</v>
      </c>
      <c r="D35225" s="1" t="s">
        <v>20606</v>
      </c>
      <c r="E35225" s="1" t="s">
        <v>122304</v>
      </c>
      <c r="F35225" s="1" t="s">
        <v>122305</v>
      </c>
      <c r="G35225" s="1" t="s">
        <v>122259</v>
      </c>
      <c r="H35225" s="1" t="s">
        <v>122260</v>
      </c>
      <c r="I35225" s="1" t="s">
        <v>122261</v>
      </c>
      <c r="J35225" s="1" t="s">
        <v>122306</v>
      </c>
    </row>
    <row r="35226" spans="1:10" x14ac:dyDescent="0.35">
      <c r="A35226" s="1" t="s">
        <v>6179</v>
      </c>
      <c r="B35226" s="1" t="s">
        <v>122255</v>
      </c>
      <c r="C35226" s="1" t="s">
        <v>75</v>
      </c>
      <c r="D35226" s="1" t="s">
        <v>56888</v>
      </c>
      <c r="E35226" s="1" t="s">
        <v>122307</v>
      </c>
      <c r="F35226" s="1" t="s">
        <v>122308</v>
      </c>
      <c r="G35226" s="1" t="s">
        <v>122259</v>
      </c>
      <c r="H35226" s="1" t="s">
        <v>122260</v>
      </c>
      <c r="I35226" s="1" t="s">
        <v>122261</v>
      </c>
      <c r="J35226" s="1" t="s">
        <v>122309</v>
      </c>
    </row>
    <row r="35227" spans="1:10" x14ac:dyDescent="0.35">
      <c r="A35227" s="1" t="s">
        <v>6179</v>
      </c>
      <c r="B35227" s="1" t="s">
        <v>122255</v>
      </c>
      <c r="C35227" s="1" t="s">
        <v>80</v>
      </c>
      <c r="D35227" s="1" t="s">
        <v>122310</v>
      </c>
      <c r="E35227" s="1" t="s">
        <v>122311</v>
      </c>
      <c r="F35227" s="1" t="s">
        <v>122312</v>
      </c>
      <c r="G35227" s="1" t="s">
        <v>122259</v>
      </c>
      <c r="H35227" s="1" t="s">
        <v>122260</v>
      </c>
      <c r="I35227" s="1" t="s">
        <v>122261</v>
      </c>
      <c r="J35227" s="1" t="s">
        <v>122313</v>
      </c>
    </row>
    <row r="35228" spans="1:10" x14ac:dyDescent="0.35">
      <c r="A35228" s="1" t="s">
        <v>6179</v>
      </c>
      <c r="B35228" s="1" t="s">
        <v>122255</v>
      </c>
      <c r="C35228" s="1" t="s">
        <v>85</v>
      </c>
      <c r="D35228" s="1" t="s">
        <v>122314</v>
      </c>
      <c r="E35228" s="1" t="s">
        <v>122315</v>
      </c>
      <c r="F35228" s="1" t="s">
        <v>122316</v>
      </c>
      <c r="G35228" s="1" t="s">
        <v>122259</v>
      </c>
      <c r="H35228" s="1" t="s">
        <v>122260</v>
      </c>
      <c r="I35228" s="1" t="s">
        <v>122261</v>
      </c>
      <c r="J35228" s="1" t="s">
        <v>122317</v>
      </c>
    </row>
    <row r="35229" spans="1:10" x14ac:dyDescent="0.35">
      <c r="A35229" s="1" t="s">
        <v>6179</v>
      </c>
      <c r="B35229" s="1" t="s">
        <v>122255</v>
      </c>
      <c r="C35229" s="1" t="s">
        <v>90</v>
      </c>
      <c r="D35229" s="1" t="s">
        <v>59979</v>
      </c>
      <c r="E35229" s="1" t="s">
        <v>122318</v>
      </c>
      <c r="F35229" s="1" t="s">
        <v>122319</v>
      </c>
      <c r="G35229" s="1" t="s">
        <v>122259</v>
      </c>
      <c r="H35229" s="1" t="s">
        <v>122260</v>
      </c>
      <c r="I35229" s="1" t="s">
        <v>122261</v>
      </c>
      <c r="J35229" s="1" t="s">
        <v>122320</v>
      </c>
    </row>
    <row r="35230" spans="1:10" x14ac:dyDescent="0.35">
      <c r="A35230" s="1" t="s">
        <v>6179</v>
      </c>
      <c r="B35230" s="1" t="s">
        <v>122255</v>
      </c>
      <c r="C35230" s="1" t="s">
        <v>95</v>
      </c>
      <c r="D35230" s="1" t="s">
        <v>122321</v>
      </c>
      <c r="E35230" s="1" t="s">
        <v>122322</v>
      </c>
      <c r="F35230" s="1" t="s">
        <v>122323</v>
      </c>
      <c r="G35230" s="1" t="s">
        <v>122259</v>
      </c>
      <c r="H35230" s="1" t="s">
        <v>122260</v>
      </c>
      <c r="I35230" s="1" t="s">
        <v>122261</v>
      </c>
      <c r="J35230" s="1" t="s">
        <v>122324</v>
      </c>
    </row>
    <row r="35231" spans="1:10" x14ac:dyDescent="0.35">
      <c r="A35231" s="1" t="s">
        <v>6179</v>
      </c>
      <c r="B35231" s="1" t="s">
        <v>122255</v>
      </c>
      <c r="C35231" s="1" t="s">
        <v>100</v>
      </c>
      <c r="D35231" s="1" t="s">
        <v>26870</v>
      </c>
      <c r="E35231" s="1" t="s">
        <v>122325</v>
      </c>
      <c r="F35231" s="1" t="s">
        <v>122326</v>
      </c>
      <c r="G35231" s="1" t="s">
        <v>122259</v>
      </c>
      <c r="H35231" s="1" t="s">
        <v>122260</v>
      </c>
      <c r="I35231" s="1" t="s">
        <v>122261</v>
      </c>
      <c r="J35231" s="1" t="s">
        <v>122327</v>
      </c>
    </row>
    <row r="35232" spans="1:10" x14ac:dyDescent="0.35">
      <c r="A35232" s="1" t="s">
        <v>6179</v>
      </c>
      <c r="B35232" s="1" t="s">
        <v>122255</v>
      </c>
      <c r="C35232" s="1" t="s">
        <v>105</v>
      </c>
      <c r="D35232" s="1" t="s">
        <v>68010</v>
      </c>
      <c r="E35232" s="1" t="s">
        <v>122328</v>
      </c>
      <c r="F35232" s="1" t="s">
        <v>122329</v>
      </c>
      <c r="G35232" s="1" t="s">
        <v>122259</v>
      </c>
      <c r="H35232" s="1" t="s">
        <v>122260</v>
      </c>
      <c r="I35232" s="1" t="s">
        <v>122261</v>
      </c>
      <c r="J35232" s="1" t="s">
        <v>122330</v>
      </c>
    </row>
    <row r="35233" spans="1:10" x14ac:dyDescent="0.35">
      <c r="A35233" s="1" t="s">
        <v>6179</v>
      </c>
      <c r="B35233" s="1" t="s">
        <v>122255</v>
      </c>
      <c r="C35233" s="1" t="s">
        <v>110</v>
      </c>
      <c r="D35233" s="1" t="s">
        <v>89009</v>
      </c>
      <c r="E35233" s="1" t="s">
        <v>122331</v>
      </c>
      <c r="F35233" s="1" t="s">
        <v>122332</v>
      </c>
      <c r="G35233" s="1" t="s">
        <v>122259</v>
      </c>
      <c r="H35233" s="1" t="s">
        <v>122260</v>
      </c>
      <c r="I35233" s="1" t="s">
        <v>122261</v>
      </c>
      <c r="J35233" s="1" t="s">
        <v>122333</v>
      </c>
    </row>
    <row r="35234" spans="1:10" x14ac:dyDescent="0.35">
      <c r="A35234" s="1" t="s">
        <v>6179</v>
      </c>
      <c r="B35234" s="1" t="s">
        <v>122255</v>
      </c>
      <c r="C35234" s="1" t="s">
        <v>115</v>
      </c>
      <c r="D35234" s="1" t="s">
        <v>54962</v>
      </c>
      <c r="E35234" s="1" t="s">
        <v>122334</v>
      </c>
      <c r="F35234" s="1" t="s">
        <v>122335</v>
      </c>
      <c r="G35234" s="1" t="s">
        <v>122259</v>
      </c>
      <c r="H35234" s="1" t="s">
        <v>122260</v>
      </c>
      <c r="I35234" s="1" t="s">
        <v>122261</v>
      </c>
      <c r="J35234" s="1" t="s">
        <v>122336</v>
      </c>
    </row>
    <row r="35235" spans="1:10" x14ac:dyDescent="0.35">
      <c r="A35235" s="1" t="s">
        <v>6179</v>
      </c>
      <c r="B35235" s="1" t="s">
        <v>122255</v>
      </c>
      <c r="C35235" s="1" t="s">
        <v>120</v>
      </c>
      <c r="D35235" s="1" t="s">
        <v>20303</v>
      </c>
      <c r="E35235" s="1" t="s">
        <v>122337</v>
      </c>
      <c r="F35235" s="1" t="s">
        <v>122338</v>
      </c>
      <c r="G35235" s="1" t="s">
        <v>122259</v>
      </c>
      <c r="H35235" s="1" t="s">
        <v>122260</v>
      </c>
      <c r="I35235" s="1" t="s">
        <v>122261</v>
      </c>
      <c r="J35235" s="1" t="s">
        <v>122339</v>
      </c>
    </row>
    <row r="35236" spans="1:10" x14ac:dyDescent="0.35">
      <c r="A35236" s="1" t="s">
        <v>6179</v>
      </c>
      <c r="B35236" s="1" t="s">
        <v>122255</v>
      </c>
      <c r="C35236" s="1" t="s">
        <v>125</v>
      </c>
      <c r="D35236" s="1" t="s">
        <v>122340</v>
      </c>
      <c r="E35236" s="1" t="s">
        <v>122341</v>
      </c>
      <c r="F35236" s="1" t="s">
        <v>122342</v>
      </c>
      <c r="G35236" s="1" t="s">
        <v>122259</v>
      </c>
      <c r="H35236" s="1" t="s">
        <v>122260</v>
      </c>
      <c r="I35236" s="1" t="s">
        <v>122261</v>
      </c>
      <c r="J35236" s="1" t="s">
        <v>122343</v>
      </c>
    </row>
    <row r="35237" spans="1:10" x14ac:dyDescent="0.35">
      <c r="A35237" s="1" t="s">
        <v>6179</v>
      </c>
      <c r="B35237" s="1" t="s">
        <v>122255</v>
      </c>
      <c r="C35237" s="1" t="s">
        <v>130</v>
      </c>
      <c r="D35237" s="1" t="s">
        <v>43468</v>
      </c>
      <c r="E35237" s="1" t="s">
        <v>122344</v>
      </c>
      <c r="F35237" s="1" t="s">
        <v>122345</v>
      </c>
      <c r="G35237" s="1" t="s">
        <v>122259</v>
      </c>
      <c r="H35237" s="1" t="s">
        <v>122260</v>
      </c>
      <c r="I35237" s="1" t="s">
        <v>122261</v>
      </c>
      <c r="J35237" s="1" t="s">
        <v>122346</v>
      </c>
    </row>
    <row r="35238" spans="1:10" x14ac:dyDescent="0.35">
      <c r="A35238" s="1" t="s">
        <v>6179</v>
      </c>
      <c r="B35238" s="1" t="s">
        <v>122255</v>
      </c>
      <c r="C35238" s="1" t="s">
        <v>135</v>
      </c>
      <c r="D35238" s="1" t="s">
        <v>57933</v>
      </c>
      <c r="E35238" s="1" t="s">
        <v>122347</v>
      </c>
      <c r="F35238" s="1" t="s">
        <v>122348</v>
      </c>
      <c r="G35238" s="1" t="s">
        <v>122259</v>
      </c>
      <c r="H35238" s="1" t="s">
        <v>122260</v>
      </c>
      <c r="I35238" s="1" t="s">
        <v>122261</v>
      </c>
      <c r="J35238" s="1" t="s">
        <v>122349</v>
      </c>
    </row>
    <row r="35239" spans="1:10" x14ac:dyDescent="0.35">
      <c r="A35239" s="1" t="s">
        <v>6179</v>
      </c>
      <c r="B35239" s="1" t="s">
        <v>122255</v>
      </c>
      <c r="C35239" s="1" t="s">
        <v>140</v>
      </c>
      <c r="D35239" s="1" t="s">
        <v>122350</v>
      </c>
      <c r="E35239" s="1" t="s">
        <v>122351</v>
      </c>
      <c r="F35239" s="1" t="s">
        <v>122352</v>
      </c>
      <c r="G35239" s="1" t="s">
        <v>122259</v>
      </c>
      <c r="H35239" s="1" t="s">
        <v>122260</v>
      </c>
      <c r="I35239" s="1" t="s">
        <v>122261</v>
      </c>
      <c r="J35239" s="1" t="s">
        <v>122353</v>
      </c>
    </row>
    <row r="35240" spans="1:10" x14ac:dyDescent="0.35">
      <c r="A35240" s="1" t="s">
        <v>6179</v>
      </c>
      <c r="B35240" s="1" t="s">
        <v>122255</v>
      </c>
      <c r="C35240" s="1" t="s">
        <v>145</v>
      </c>
      <c r="D35240" s="1" t="s">
        <v>93648</v>
      </c>
      <c r="E35240" s="1" t="s">
        <v>122354</v>
      </c>
      <c r="F35240" s="1" t="s">
        <v>122355</v>
      </c>
      <c r="G35240" s="1" t="s">
        <v>122259</v>
      </c>
      <c r="H35240" s="1" t="s">
        <v>122260</v>
      </c>
      <c r="I35240" s="1" t="s">
        <v>122261</v>
      </c>
      <c r="J35240" s="1" t="s">
        <v>122356</v>
      </c>
    </row>
    <row r="35241" spans="1:10" x14ac:dyDescent="0.35">
      <c r="A35241" s="1" t="s">
        <v>6179</v>
      </c>
      <c r="B35241" s="1" t="s">
        <v>122255</v>
      </c>
      <c r="C35241" s="1" t="s">
        <v>150</v>
      </c>
      <c r="D35241" s="1" t="s">
        <v>76866</v>
      </c>
      <c r="E35241" s="1" t="s">
        <v>122357</v>
      </c>
      <c r="F35241" s="1" t="s">
        <v>122358</v>
      </c>
      <c r="G35241" s="1" t="s">
        <v>122259</v>
      </c>
      <c r="H35241" s="1" t="s">
        <v>122260</v>
      </c>
      <c r="I35241" s="1" t="s">
        <v>122261</v>
      </c>
      <c r="J35241" s="1" t="s">
        <v>122359</v>
      </c>
    </row>
    <row r="35242" spans="1:10" x14ac:dyDescent="0.35">
      <c r="A35242" s="1" t="s">
        <v>6179</v>
      </c>
      <c r="B35242" s="1" t="s">
        <v>122255</v>
      </c>
      <c r="C35242" s="1" t="s">
        <v>155</v>
      </c>
      <c r="D35242" s="1" t="s">
        <v>56259</v>
      </c>
      <c r="E35242" s="1" t="s">
        <v>122360</v>
      </c>
      <c r="F35242" s="1" t="s">
        <v>122361</v>
      </c>
      <c r="G35242" s="1" t="s">
        <v>122259</v>
      </c>
      <c r="H35242" s="1" t="s">
        <v>122260</v>
      </c>
      <c r="I35242" s="1" t="s">
        <v>122261</v>
      </c>
      <c r="J35242" s="1" t="s">
        <v>122362</v>
      </c>
    </row>
    <row r="35243" spans="1:10" x14ac:dyDescent="0.35">
      <c r="A35243" s="1" t="s">
        <v>6179</v>
      </c>
      <c r="B35243" s="1" t="s">
        <v>122255</v>
      </c>
      <c r="C35243" s="1" t="s">
        <v>160</v>
      </c>
      <c r="D35243" s="1" t="s">
        <v>122363</v>
      </c>
      <c r="E35243" s="1" t="s">
        <v>122364</v>
      </c>
      <c r="F35243" s="1" t="s">
        <v>122365</v>
      </c>
      <c r="G35243" s="1" t="s">
        <v>122259</v>
      </c>
      <c r="H35243" s="1" t="s">
        <v>122260</v>
      </c>
      <c r="I35243" s="1" t="s">
        <v>122261</v>
      </c>
      <c r="J35243" s="1" t="s">
        <v>122366</v>
      </c>
    </row>
    <row r="35244" spans="1:10" x14ac:dyDescent="0.35">
      <c r="A35244" s="1" t="s">
        <v>6179</v>
      </c>
      <c r="B35244" s="1" t="s">
        <v>122255</v>
      </c>
      <c r="C35244" s="1" t="s">
        <v>165</v>
      </c>
      <c r="D35244" s="1" t="s">
        <v>53475</v>
      </c>
      <c r="E35244" s="1" t="s">
        <v>122367</v>
      </c>
      <c r="F35244" s="1" t="s">
        <v>122368</v>
      </c>
      <c r="G35244" s="1" t="s">
        <v>122259</v>
      </c>
      <c r="H35244" s="1" t="s">
        <v>122260</v>
      </c>
      <c r="I35244" s="1" t="s">
        <v>122261</v>
      </c>
      <c r="J35244" s="1" t="s">
        <v>122369</v>
      </c>
    </row>
    <row r="35245" spans="1:10" x14ac:dyDescent="0.35">
      <c r="A35245" s="1" t="s">
        <v>6179</v>
      </c>
      <c r="B35245" s="1" t="s">
        <v>122255</v>
      </c>
      <c r="C35245" s="1" t="s">
        <v>170</v>
      </c>
      <c r="D35245" s="1" t="s">
        <v>122370</v>
      </c>
      <c r="E35245" s="1" t="s">
        <v>122371</v>
      </c>
      <c r="F35245" s="1" t="s">
        <v>122372</v>
      </c>
      <c r="G35245" s="1" t="s">
        <v>122259</v>
      </c>
      <c r="H35245" s="1" t="s">
        <v>122260</v>
      </c>
      <c r="I35245" s="1" t="s">
        <v>122261</v>
      </c>
      <c r="J35245" s="1" t="s">
        <v>122373</v>
      </c>
    </row>
    <row r="35246" spans="1:10" x14ac:dyDescent="0.35">
      <c r="A35246" s="1" t="s">
        <v>6105</v>
      </c>
      <c r="B35246" s="1" t="s">
        <v>122255</v>
      </c>
      <c r="C35246" s="1" t="s">
        <v>8</v>
      </c>
      <c r="D35246" s="1" t="s">
        <v>122374</v>
      </c>
      <c r="E35246" s="1" t="s">
        <v>122375</v>
      </c>
      <c r="F35246" s="1" t="s">
        <v>122376</v>
      </c>
      <c r="G35246" s="1" t="s">
        <v>122377</v>
      </c>
      <c r="H35246" s="1" t="s">
        <v>122378</v>
      </c>
      <c r="I35246" s="1" t="s">
        <v>122261</v>
      </c>
      <c r="J35246" s="1" t="s">
        <v>13</v>
      </c>
    </row>
    <row r="35247" spans="1:10" x14ac:dyDescent="0.35">
      <c r="A35247" s="1" t="s">
        <v>6105</v>
      </c>
      <c r="B35247" s="1" t="s">
        <v>122255</v>
      </c>
      <c r="C35247" s="1" t="s">
        <v>15</v>
      </c>
      <c r="D35247" s="1" t="s">
        <v>122379</v>
      </c>
      <c r="E35247" s="1" t="s">
        <v>122380</v>
      </c>
      <c r="F35247" s="1" t="s">
        <v>122381</v>
      </c>
      <c r="G35247" s="1" t="s">
        <v>122377</v>
      </c>
      <c r="H35247" s="1" t="s">
        <v>122378</v>
      </c>
      <c r="I35247" s="1" t="s">
        <v>122261</v>
      </c>
      <c r="J35247" s="1" t="s">
        <v>122382</v>
      </c>
    </row>
    <row r="35248" spans="1:10" x14ac:dyDescent="0.35">
      <c r="A35248" s="1" t="s">
        <v>6105</v>
      </c>
      <c r="B35248" s="1" t="s">
        <v>122255</v>
      </c>
      <c r="C35248" s="1" t="s">
        <v>20</v>
      </c>
      <c r="D35248" s="1" t="s">
        <v>86388</v>
      </c>
      <c r="E35248" s="1" t="s">
        <v>122383</v>
      </c>
      <c r="F35248" s="1" t="s">
        <v>122384</v>
      </c>
      <c r="G35248" s="1" t="s">
        <v>122377</v>
      </c>
      <c r="H35248" s="1" t="s">
        <v>122378</v>
      </c>
      <c r="I35248" s="1" t="s">
        <v>122261</v>
      </c>
      <c r="J35248" s="1" t="s">
        <v>122385</v>
      </c>
    </row>
    <row r="35249" spans="1:10" x14ac:dyDescent="0.35">
      <c r="A35249" s="1" t="s">
        <v>6105</v>
      </c>
      <c r="B35249" s="1" t="s">
        <v>122255</v>
      </c>
      <c r="C35249" s="1" t="s">
        <v>25</v>
      </c>
      <c r="D35249" s="1" t="s">
        <v>89572</v>
      </c>
      <c r="E35249" s="1" t="s">
        <v>122386</v>
      </c>
      <c r="F35249" s="1" t="s">
        <v>122387</v>
      </c>
      <c r="G35249" s="1" t="s">
        <v>122377</v>
      </c>
      <c r="H35249" s="1" t="s">
        <v>122378</v>
      </c>
      <c r="I35249" s="1" t="s">
        <v>122261</v>
      </c>
      <c r="J35249" s="1" t="s">
        <v>122388</v>
      </c>
    </row>
    <row r="35250" spans="1:10" x14ac:dyDescent="0.35">
      <c r="A35250" s="1" t="s">
        <v>6105</v>
      </c>
      <c r="B35250" s="1" t="s">
        <v>122255</v>
      </c>
      <c r="C35250" s="1" t="s">
        <v>30</v>
      </c>
      <c r="D35250" s="1" t="s">
        <v>122389</v>
      </c>
      <c r="E35250" s="1" t="s">
        <v>122390</v>
      </c>
      <c r="F35250" s="1" t="s">
        <v>122391</v>
      </c>
      <c r="G35250" s="1" t="s">
        <v>122377</v>
      </c>
      <c r="H35250" s="1" t="s">
        <v>122378</v>
      </c>
      <c r="I35250" s="1" t="s">
        <v>122261</v>
      </c>
      <c r="J35250" s="1" t="s">
        <v>122392</v>
      </c>
    </row>
    <row r="35251" spans="1:10" x14ac:dyDescent="0.35">
      <c r="A35251" s="1" t="s">
        <v>6105</v>
      </c>
      <c r="B35251" s="1" t="s">
        <v>122255</v>
      </c>
      <c r="C35251" s="1" t="s">
        <v>35</v>
      </c>
      <c r="D35251" s="1" t="s">
        <v>122393</v>
      </c>
      <c r="E35251" s="1" t="s">
        <v>122394</v>
      </c>
      <c r="F35251" s="1" t="s">
        <v>122395</v>
      </c>
      <c r="G35251" s="1" t="s">
        <v>122377</v>
      </c>
      <c r="H35251" s="1" t="s">
        <v>122378</v>
      </c>
      <c r="I35251" s="1" t="s">
        <v>122261</v>
      </c>
      <c r="J35251" s="1" t="s">
        <v>122396</v>
      </c>
    </row>
    <row r="35252" spans="1:10" x14ac:dyDescent="0.35">
      <c r="A35252" s="1" t="s">
        <v>6105</v>
      </c>
      <c r="B35252" s="1" t="s">
        <v>122255</v>
      </c>
      <c r="C35252" s="1" t="s">
        <v>40</v>
      </c>
      <c r="D35252" s="1" t="s">
        <v>122397</v>
      </c>
      <c r="E35252" s="1" t="s">
        <v>122398</v>
      </c>
      <c r="F35252" s="1" t="s">
        <v>122399</v>
      </c>
      <c r="G35252" s="1" t="s">
        <v>122377</v>
      </c>
      <c r="H35252" s="1" t="s">
        <v>122378</v>
      </c>
      <c r="I35252" s="1" t="s">
        <v>122261</v>
      </c>
      <c r="J35252" s="1" t="s">
        <v>122400</v>
      </c>
    </row>
    <row r="35253" spans="1:10" x14ac:dyDescent="0.35">
      <c r="A35253" s="1" t="s">
        <v>6105</v>
      </c>
      <c r="B35253" s="1" t="s">
        <v>122255</v>
      </c>
      <c r="C35253" s="1" t="s">
        <v>45</v>
      </c>
      <c r="D35253" s="1" t="s">
        <v>62723</v>
      </c>
      <c r="E35253" s="1" t="s">
        <v>122401</v>
      </c>
      <c r="F35253" s="1" t="s">
        <v>122402</v>
      </c>
      <c r="G35253" s="1" t="s">
        <v>122377</v>
      </c>
      <c r="H35253" s="1" t="s">
        <v>122378</v>
      </c>
      <c r="I35253" s="1" t="s">
        <v>122261</v>
      </c>
      <c r="J35253" s="1" t="s">
        <v>122403</v>
      </c>
    </row>
    <row r="35254" spans="1:10" x14ac:dyDescent="0.35">
      <c r="A35254" s="1" t="s">
        <v>6105</v>
      </c>
      <c r="B35254" s="1" t="s">
        <v>122255</v>
      </c>
      <c r="C35254" s="1" t="s">
        <v>50</v>
      </c>
      <c r="D35254" s="1" t="s">
        <v>122404</v>
      </c>
      <c r="E35254" s="1" t="s">
        <v>122405</v>
      </c>
      <c r="F35254" s="1" t="s">
        <v>122406</v>
      </c>
      <c r="G35254" s="1" t="s">
        <v>122377</v>
      </c>
      <c r="H35254" s="1" t="s">
        <v>122378</v>
      </c>
      <c r="I35254" s="1" t="s">
        <v>122261</v>
      </c>
      <c r="J35254" s="1" t="s">
        <v>122407</v>
      </c>
    </row>
    <row r="35255" spans="1:10" x14ac:dyDescent="0.35">
      <c r="A35255" s="1" t="s">
        <v>6105</v>
      </c>
      <c r="B35255" s="1" t="s">
        <v>122255</v>
      </c>
      <c r="C35255" s="1" t="s">
        <v>55</v>
      </c>
      <c r="D35255" s="1" t="s">
        <v>21258</v>
      </c>
      <c r="E35255" s="1" t="s">
        <v>122408</v>
      </c>
      <c r="F35255" s="1" t="s">
        <v>122409</v>
      </c>
      <c r="G35255" s="1" t="s">
        <v>122377</v>
      </c>
      <c r="H35255" s="1" t="s">
        <v>122378</v>
      </c>
      <c r="I35255" s="1" t="s">
        <v>122261</v>
      </c>
      <c r="J35255" s="1" t="s">
        <v>122410</v>
      </c>
    </row>
    <row r="35256" spans="1:10" x14ac:dyDescent="0.35">
      <c r="A35256" s="1" t="s">
        <v>6105</v>
      </c>
      <c r="B35256" s="1" t="s">
        <v>122255</v>
      </c>
      <c r="C35256" s="1" t="s">
        <v>60</v>
      </c>
      <c r="D35256" s="1" t="s">
        <v>122411</v>
      </c>
      <c r="E35256" s="1" t="s">
        <v>122412</v>
      </c>
      <c r="F35256" s="1" t="s">
        <v>122413</v>
      </c>
      <c r="G35256" s="1" t="s">
        <v>122377</v>
      </c>
      <c r="H35256" s="1" t="s">
        <v>122378</v>
      </c>
      <c r="I35256" s="1" t="s">
        <v>122261</v>
      </c>
      <c r="J35256" s="1" t="s">
        <v>122414</v>
      </c>
    </row>
    <row r="35257" spans="1:10" x14ac:dyDescent="0.35">
      <c r="A35257" s="1" t="s">
        <v>6105</v>
      </c>
      <c r="B35257" s="1" t="s">
        <v>122255</v>
      </c>
      <c r="C35257" s="1" t="s">
        <v>65</v>
      </c>
      <c r="D35257" s="1" t="s">
        <v>94876</v>
      </c>
      <c r="E35257" s="1" t="s">
        <v>122415</v>
      </c>
      <c r="F35257" s="1" t="s">
        <v>122416</v>
      </c>
      <c r="G35257" s="1" t="s">
        <v>122377</v>
      </c>
      <c r="H35257" s="1" t="s">
        <v>122378</v>
      </c>
      <c r="I35257" s="1" t="s">
        <v>122261</v>
      </c>
      <c r="J35257" s="1" t="s">
        <v>122417</v>
      </c>
    </row>
    <row r="35258" spans="1:10" x14ac:dyDescent="0.35">
      <c r="A35258" s="1" t="s">
        <v>6105</v>
      </c>
      <c r="B35258" s="1" t="s">
        <v>122255</v>
      </c>
      <c r="C35258" s="1" t="s">
        <v>70</v>
      </c>
      <c r="D35258" s="1" t="s">
        <v>122418</v>
      </c>
      <c r="E35258" s="1" t="s">
        <v>122419</v>
      </c>
      <c r="F35258" s="1" t="s">
        <v>122420</v>
      </c>
      <c r="G35258" s="1" t="s">
        <v>122377</v>
      </c>
      <c r="H35258" s="1" t="s">
        <v>122378</v>
      </c>
      <c r="I35258" s="1" t="s">
        <v>122261</v>
      </c>
      <c r="J35258" s="1" t="s">
        <v>122421</v>
      </c>
    </row>
    <row r="35259" spans="1:10" x14ac:dyDescent="0.35">
      <c r="A35259" s="1" t="s">
        <v>6105</v>
      </c>
      <c r="B35259" s="1" t="s">
        <v>122255</v>
      </c>
      <c r="C35259" s="1" t="s">
        <v>75</v>
      </c>
      <c r="D35259" s="1" t="s">
        <v>122422</v>
      </c>
      <c r="E35259" s="1" t="s">
        <v>122423</v>
      </c>
      <c r="F35259" s="1" t="s">
        <v>122424</v>
      </c>
      <c r="G35259" s="1" t="s">
        <v>122377</v>
      </c>
      <c r="H35259" s="1" t="s">
        <v>122378</v>
      </c>
      <c r="I35259" s="1" t="s">
        <v>122261</v>
      </c>
      <c r="J35259" s="1" t="s">
        <v>122425</v>
      </c>
    </row>
    <row r="35260" spans="1:10" x14ac:dyDescent="0.35">
      <c r="A35260" s="1" t="s">
        <v>6105</v>
      </c>
      <c r="B35260" s="1" t="s">
        <v>122255</v>
      </c>
      <c r="C35260" s="1" t="s">
        <v>80</v>
      </c>
      <c r="D35260" s="1" t="s">
        <v>122426</v>
      </c>
      <c r="E35260" s="1" t="s">
        <v>122427</v>
      </c>
      <c r="F35260" s="1" t="s">
        <v>122428</v>
      </c>
      <c r="G35260" s="1" t="s">
        <v>122377</v>
      </c>
      <c r="H35260" s="1" t="s">
        <v>122378</v>
      </c>
      <c r="I35260" s="1" t="s">
        <v>122261</v>
      </c>
      <c r="J35260" s="1" t="s">
        <v>122429</v>
      </c>
    </row>
    <row r="35261" spans="1:10" x14ac:dyDescent="0.35">
      <c r="A35261" s="1" t="s">
        <v>6105</v>
      </c>
      <c r="B35261" s="1" t="s">
        <v>122255</v>
      </c>
      <c r="C35261" s="1" t="s">
        <v>85</v>
      </c>
      <c r="D35261" s="1" t="s">
        <v>122430</v>
      </c>
      <c r="E35261" s="1" t="s">
        <v>122431</v>
      </c>
      <c r="F35261" s="1" t="s">
        <v>122432</v>
      </c>
      <c r="G35261" s="1" t="s">
        <v>122377</v>
      </c>
      <c r="H35261" s="1" t="s">
        <v>122378</v>
      </c>
      <c r="I35261" s="1" t="s">
        <v>122261</v>
      </c>
      <c r="J35261" s="1" t="s">
        <v>122433</v>
      </c>
    </row>
    <row r="35262" spans="1:10" x14ac:dyDescent="0.35">
      <c r="A35262" s="1" t="s">
        <v>6105</v>
      </c>
      <c r="B35262" s="1" t="s">
        <v>122255</v>
      </c>
      <c r="C35262" s="1" t="s">
        <v>90</v>
      </c>
      <c r="D35262" s="1" t="s">
        <v>122434</v>
      </c>
      <c r="E35262" s="1" t="s">
        <v>122435</v>
      </c>
      <c r="F35262" s="1" t="s">
        <v>122436</v>
      </c>
      <c r="G35262" s="1" t="s">
        <v>122377</v>
      </c>
      <c r="H35262" s="1" t="s">
        <v>122378</v>
      </c>
      <c r="I35262" s="1" t="s">
        <v>122261</v>
      </c>
      <c r="J35262" s="1" t="s">
        <v>122437</v>
      </c>
    </row>
    <row r="35263" spans="1:10" x14ac:dyDescent="0.35">
      <c r="A35263" s="1" t="s">
        <v>6105</v>
      </c>
      <c r="B35263" s="1" t="s">
        <v>122255</v>
      </c>
      <c r="C35263" s="1" t="s">
        <v>95</v>
      </c>
      <c r="D35263" s="1" t="s">
        <v>122438</v>
      </c>
      <c r="E35263" s="1" t="s">
        <v>122439</v>
      </c>
      <c r="F35263" s="1" t="s">
        <v>122440</v>
      </c>
      <c r="G35263" s="1" t="s">
        <v>122377</v>
      </c>
      <c r="H35263" s="1" t="s">
        <v>122378</v>
      </c>
      <c r="I35263" s="1" t="s">
        <v>122261</v>
      </c>
      <c r="J35263" s="1" t="s">
        <v>122441</v>
      </c>
    </row>
    <row r="35264" spans="1:10" x14ac:dyDescent="0.35">
      <c r="A35264" s="1" t="s">
        <v>6105</v>
      </c>
      <c r="B35264" s="1" t="s">
        <v>122255</v>
      </c>
      <c r="C35264" s="1" t="s">
        <v>100</v>
      </c>
      <c r="D35264" s="1" t="s">
        <v>122442</v>
      </c>
      <c r="E35264" s="1" t="s">
        <v>122443</v>
      </c>
      <c r="F35264" s="1" t="s">
        <v>122444</v>
      </c>
      <c r="G35264" s="1" t="s">
        <v>122377</v>
      </c>
      <c r="H35264" s="1" t="s">
        <v>122378</v>
      </c>
      <c r="I35264" s="1" t="s">
        <v>122261</v>
      </c>
      <c r="J35264" s="1" t="s">
        <v>122445</v>
      </c>
    </row>
    <row r="35265" spans="1:10" x14ac:dyDescent="0.35">
      <c r="A35265" s="1" t="s">
        <v>6105</v>
      </c>
      <c r="B35265" s="1" t="s">
        <v>122255</v>
      </c>
      <c r="C35265" s="1" t="s">
        <v>105</v>
      </c>
      <c r="D35265" s="1" t="s">
        <v>12203</v>
      </c>
      <c r="E35265" s="1" t="s">
        <v>122446</v>
      </c>
      <c r="F35265" s="1" t="s">
        <v>122447</v>
      </c>
      <c r="G35265" s="1" t="s">
        <v>122377</v>
      </c>
      <c r="H35265" s="1" t="s">
        <v>122378</v>
      </c>
      <c r="I35265" s="1" t="s">
        <v>122261</v>
      </c>
      <c r="J35265" s="1" t="s">
        <v>122448</v>
      </c>
    </row>
    <row r="35266" spans="1:10" x14ac:dyDescent="0.35">
      <c r="A35266" s="1" t="s">
        <v>6105</v>
      </c>
      <c r="B35266" s="1" t="s">
        <v>122255</v>
      </c>
      <c r="C35266" s="1" t="s">
        <v>110</v>
      </c>
      <c r="D35266" s="1" t="s">
        <v>122449</v>
      </c>
      <c r="E35266" s="1" t="s">
        <v>122450</v>
      </c>
      <c r="F35266" s="1" t="s">
        <v>122451</v>
      </c>
      <c r="G35266" s="1" t="s">
        <v>122377</v>
      </c>
      <c r="H35266" s="1" t="s">
        <v>122378</v>
      </c>
      <c r="I35266" s="1" t="s">
        <v>122261</v>
      </c>
      <c r="J35266" s="1" t="s">
        <v>122452</v>
      </c>
    </row>
    <row r="35267" spans="1:10" x14ac:dyDescent="0.35">
      <c r="A35267" s="1" t="s">
        <v>6105</v>
      </c>
      <c r="B35267" s="1" t="s">
        <v>122255</v>
      </c>
      <c r="C35267" s="1" t="s">
        <v>115</v>
      </c>
      <c r="D35267" s="1" t="s">
        <v>122453</v>
      </c>
      <c r="E35267" s="1" t="s">
        <v>122454</v>
      </c>
      <c r="F35267" s="1" t="s">
        <v>122455</v>
      </c>
      <c r="G35267" s="1" t="s">
        <v>122377</v>
      </c>
      <c r="H35267" s="1" t="s">
        <v>122378</v>
      </c>
      <c r="I35267" s="1" t="s">
        <v>122261</v>
      </c>
      <c r="J35267" s="1" t="s">
        <v>122456</v>
      </c>
    </row>
    <row r="35268" spans="1:10" x14ac:dyDescent="0.35">
      <c r="A35268" s="1" t="s">
        <v>6105</v>
      </c>
      <c r="B35268" s="1" t="s">
        <v>122255</v>
      </c>
      <c r="C35268" s="1" t="s">
        <v>120</v>
      </c>
      <c r="D35268" s="1" t="s">
        <v>122457</v>
      </c>
      <c r="E35268" s="1" t="s">
        <v>122458</v>
      </c>
      <c r="F35268" s="1" t="s">
        <v>122459</v>
      </c>
      <c r="G35268" s="1" t="s">
        <v>122377</v>
      </c>
      <c r="H35268" s="1" t="s">
        <v>122378</v>
      </c>
      <c r="I35268" s="1" t="s">
        <v>122261</v>
      </c>
      <c r="J35268" s="1" t="s">
        <v>122460</v>
      </c>
    </row>
    <row r="35269" spans="1:10" x14ac:dyDescent="0.35">
      <c r="A35269" s="1" t="s">
        <v>6105</v>
      </c>
      <c r="B35269" s="1" t="s">
        <v>122255</v>
      </c>
      <c r="C35269" s="1" t="s">
        <v>125</v>
      </c>
      <c r="D35269" s="1" t="s">
        <v>122461</v>
      </c>
      <c r="E35269" s="1" t="s">
        <v>122462</v>
      </c>
      <c r="F35269" s="1" t="s">
        <v>122463</v>
      </c>
      <c r="G35269" s="1" t="s">
        <v>122377</v>
      </c>
      <c r="H35269" s="1" t="s">
        <v>122378</v>
      </c>
      <c r="I35269" s="1" t="s">
        <v>122261</v>
      </c>
      <c r="J35269" s="1" t="s">
        <v>122464</v>
      </c>
    </row>
    <row r="35270" spans="1:10" x14ac:dyDescent="0.35">
      <c r="A35270" s="1" t="s">
        <v>6105</v>
      </c>
      <c r="B35270" s="1" t="s">
        <v>122255</v>
      </c>
      <c r="C35270" s="1" t="s">
        <v>130</v>
      </c>
      <c r="D35270" s="1" t="s">
        <v>122465</v>
      </c>
      <c r="E35270" s="1" t="s">
        <v>122466</v>
      </c>
      <c r="F35270" s="1" t="s">
        <v>122467</v>
      </c>
      <c r="G35270" s="1" t="s">
        <v>122377</v>
      </c>
      <c r="H35270" s="1" t="s">
        <v>122378</v>
      </c>
      <c r="I35270" s="1" t="s">
        <v>122261</v>
      </c>
      <c r="J35270" s="1" t="s">
        <v>122468</v>
      </c>
    </row>
    <row r="35271" spans="1:10" x14ac:dyDescent="0.35">
      <c r="A35271" s="1" t="s">
        <v>6105</v>
      </c>
      <c r="B35271" s="1" t="s">
        <v>122255</v>
      </c>
      <c r="C35271" s="1" t="s">
        <v>135</v>
      </c>
      <c r="D35271" s="1" t="s">
        <v>122469</v>
      </c>
      <c r="E35271" s="1" t="s">
        <v>122470</v>
      </c>
      <c r="F35271" s="1" t="s">
        <v>122471</v>
      </c>
      <c r="G35271" s="1" t="s">
        <v>122377</v>
      </c>
      <c r="H35271" s="1" t="s">
        <v>122378</v>
      </c>
      <c r="I35271" s="1" t="s">
        <v>122261</v>
      </c>
      <c r="J35271" s="1" t="s">
        <v>122472</v>
      </c>
    </row>
    <row r="35272" spans="1:10" x14ac:dyDescent="0.35">
      <c r="A35272" s="1" t="s">
        <v>6105</v>
      </c>
      <c r="B35272" s="1" t="s">
        <v>122255</v>
      </c>
      <c r="C35272" s="1" t="s">
        <v>140</v>
      </c>
      <c r="D35272" s="1" t="s">
        <v>122473</v>
      </c>
      <c r="E35272" s="1" t="s">
        <v>122474</v>
      </c>
      <c r="F35272" s="1" t="s">
        <v>122475</v>
      </c>
      <c r="G35272" s="1" t="s">
        <v>122377</v>
      </c>
      <c r="H35272" s="1" t="s">
        <v>122378</v>
      </c>
      <c r="I35272" s="1" t="s">
        <v>122261</v>
      </c>
      <c r="J35272" s="1" t="s">
        <v>122476</v>
      </c>
    </row>
    <row r="35273" spans="1:10" x14ac:dyDescent="0.35">
      <c r="A35273" s="1" t="s">
        <v>6105</v>
      </c>
      <c r="B35273" s="1" t="s">
        <v>122255</v>
      </c>
      <c r="C35273" s="1" t="s">
        <v>145</v>
      </c>
      <c r="D35273" s="1" t="s">
        <v>122477</v>
      </c>
      <c r="E35273" s="1" t="s">
        <v>122478</v>
      </c>
      <c r="F35273" s="1" t="s">
        <v>122479</v>
      </c>
      <c r="G35273" s="1" t="s">
        <v>122377</v>
      </c>
      <c r="H35273" s="1" t="s">
        <v>122378</v>
      </c>
      <c r="I35273" s="1" t="s">
        <v>122261</v>
      </c>
      <c r="J35273" s="1" t="s">
        <v>122480</v>
      </c>
    </row>
    <row r="35274" spans="1:10" x14ac:dyDescent="0.35">
      <c r="A35274" s="1" t="s">
        <v>6105</v>
      </c>
      <c r="B35274" s="1" t="s">
        <v>122255</v>
      </c>
      <c r="C35274" s="1" t="s">
        <v>150</v>
      </c>
      <c r="D35274" s="1" t="s">
        <v>122481</v>
      </c>
      <c r="E35274" s="1" t="s">
        <v>122482</v>
      </c>
      <c r="F35274" s="1" t="s">
        <v>122483</v>
      </c>
      <c r="G35274" s="1" t="s">
        <v>122377</v>
      </c>
      <c r="H35274" s="1" t="s">
        <v>122378</v>
      </c>
      <c r="I35274" s="1" t="s">
        <v>122261</v>
      </c>
      <c r="J35274" s="1" t="s">
        <v>122484</v>
      </c>
    </row>
    <row r="35275" spans="1:10" x14ac:dyDescent="0.35">
      <c r="A35275" s="1" t="s">
        <v>6105</v>
      </c>
      <c r="B35275" s="1" t="s">
        <v>122255</v>
      </c>
      <c r="C35275" s="1" t="s">
        <v>155</v>
      </c>
      <c r="D35275" s="1" t="s">
        <v>122485</v>
      </c>
      <c r="E35275" s="1" t="s">
        <v>122486</v>
      </c>
      <c r="F35275" s="1" t="s">
        <v>122487</v>
      </c>
      <c r="G35275" s="1" t="s">
        <v>122377</v>
      </c>
      <c r="H35275" s="1" t="s">
        <v>122378</v>
      </c>
      <c r="I35275" s="1" t="s">
        <v>122261</v>
      </c>
      <c r="J35275" s="1" t="s">
        <v>122488</v>
      </c>
    </row>
    <row r="35276" spans="1:10" x14ac:dyDescent="0.35">
      <c r="A35276" s="1" t="s">
        <v>6105</v>
      </c>
      <c r="B35276" s="1" t="s">
        <v>122255</v>
      </c>
      <c r="C35276" s="1" t="s">
        <v>160</v>
      </c>
      <c r="D35276" s="1" t="s">
        <v>122489</v>
      </c>
      <c r="E35276" s="1" t="s">
        <v>122490</v>
      </c>
      <c r="F35276" s="1" t="s">
        <v>122491</v>
      </c>
      <c r="G35276" s="1" t="s">
        <v>122377</v>
      </c>
      <c r="H35276" s="1" t="s">
        <v>122378</v>
      </c>
      <c r="I35276" s="1" t="s">
        <v>122261</v>
      </c>
      <c r="J35276" s="1" t="s">
        <v>122492</v>
      </c>
    </row>
    <row r="35277" spans="1:10" x14ac:dyDescent="0.35">
      <c r="A35277" s="1" t="s">
        <v>6105</v>
      </c>
      <c r="B35277" s="1" t="s">
        <v>122255</v>
      </c>
      <c r="C35277" s="1" t="s">
        <v>165</v>
      </c>
      <c r="D35277" s="1" t="s">
        <v>122493</v>
      </c>
      <c r="E35277" s="1" t="s">
        <v>122494</v>
      </c>
      <c r="F35277" s="1" t="s">
        <v>122495</v>
      </c>
      <c r="G35277" s="1" t="s">
        <v>122377</v>
      </c>
      <c r="H35277" s="1" t="s">
        <v>122378</v>
      </c>
      <c r="I35277" s="1" t="s">
        <v>122261</v>
      </c>
      <c r="J35277" s="1" t="s">
        <v>122496</v>
      </c>
    </row>
    <row r="35278" spans="1:10" x14ac:dyDescent="0.35">
      <c r="A35278" s="1" t="s">
        <v>6105</v>
      </c>
      <c r="B35278" s="1" t="s">
        <v>122255</v>
      </c>
      <c r="C35278" s="1" t="s">
        <v>170</v>
      </c>
      <c r="D35278" s="1" t="s">
        <v>122497</v>
      </c>
      <c r="E35278" s="1" t="s">
        <v>122498</v>
      </c>
      <c r="F35278" s="1" t="s">
        <v>122499</v>
      </c>
      <c r="G35278" s="1" t="s">
        <v>122377</v>
      </c>
      <c r="H35278" s="1" t="s">
        <v>122378</v>
      </c>
      <c r="I35278" s="1" t="s">
        <v>122261</v>
      </c>
      <c r="J35278" s="1" t="s">
        <v>122500</v>
      </c>
    </row>
    <row r="35279" spans="1:10" x14ac:dyDescent="0.35">
      <c r="A35279" s="1" t="s">
        <v>46321</v>
      </c>
      <c r="B35279" s="1" t="s">
        <v>122255</v>
      </c>
      <c r="C35279" s="1" t="s">
        <v>8</v>
      </c>
      <c r="D35279" s="1" t="s">
        <v>122501</v>
      </c>
      <c r="E35279" s="1" t="s">
        <v>122502</v>
      </c>
      <c r="F35279" s="1" t="s">
        <v>122503</v>
      </c>
      <c r="G35279" s="1" t="s">
        <v>122504</v>
      </c>
      <c r="H35279" s="1" t="s">
        <v>122505</v>
      </c>
      <c r="I35279" s="1" t="s">
        <v>122261</v>
      </c>
      <c r="J35279" s="1" t="s">
        <v>13</v>
      </c>
    </row>
    <row r="35280" spans="1:10" x14ac:dyDescent="0.35">
      <c r="A35280" s="1" t="s">
        <v>46321</v>
      </c>
      <c r="B35280" s="1" t="s">
        <v>122255</v>
      </c>
      <c r="C35280" s="1" t="s">
        <v>15</v>
      </c>
      <c r="D35280" s="1" t="s">
        <v>99584</v>
      </c>
      <c r="E35280" s="1" t="s">
        <v>122506</v>
      </c>
      <c r="F35280" s="1" t="s">
        <v>122507</v>
      </c>
      <c r="G35280" s="1" t="s">
        <v>122504</v>
      </c>
      <c r="H35280" s="1" t="s">
        <v>122505</v>
      </c>
      <c r="I35280" s="1" t="s">
        <v>122261</v>
      </c>
      <c r="J35280" s="1" t="s">
        <v>122508</v>
      </c>
    </row>
    <row r="35281" spans="1:10" x14ac:dyDescent="0.35">
      <c r="A35281" s="1" t="s">
        <v>46321</v>
      </c>
      <c r="B35281" s="1" t="s">
        <v>122255</v>
      </c>
      <c r="C35281" s="1" t="s">
        <v>20</v>
      </c>
      <c r="D35281" s="1" t="s">
        <v>122509</v>
      </c>
      <c r="E35281" s="1" t="s">
        <v>122510</v>
      </c>
      <c r="F35281" s="1" t="s">
        <v>122511</v>
      </c>
      <c r="G35281" s="1" t="s">
        <v>122504</v>
      </c>
      <c r="H35281" s="1" t="s">
        <v>122505</v>
      </c>
      <c r="I35281" s="1" t="s">
        <v>122261</v>
      </c>
      <c r="J35281" s="1" t="s">
        <v>122512</v>
      </c>
    </row>
    <row r="35282" spans="1:10" x14ac:dyDescent="0.35">
      <c r="A35282" s="1" t="s">
        <v>46321</v>
      </c>
      <c r="B35282" s="1" t="s">
        <v>122255</v>
      </c>
      <c r="C35282" s="1" t="s">
        <v>25</v>
      </c>
      <c r="D35282" s="1" t="s">
        <v>98408</v>
      </c>
      <c r="E35282" s="1" t="s">
        <v>122513</v>
      </c>
      <c r="F35282" s="1" t="s">
        <v>122514</v>
      </c>
      <c r="G35282" s="1" t="s">
        <v>122504</v>
      </c>
      <c r="H35282" s="1" t="s">
        <v>122505</v>
      </c>
      <c r="I35282" s="1" t="s">
        <v>122261</v>
      </c>
      <c r="J35282" s="1" t="s">
        <v>122515</v>
      </c>
    </row>
    <row r="35283" spans="1:10" x14ac:dyDescent="0.35">
      <c r="A35283" s="1" t="s">
        <v>46321</v>
      </c>
      <c r="B35283" s="1" t="s">
        <v>122255</v>
      </c>
      <c r="C35283" s="1" t="s">
        <v>30</v>
      </c>
      <c r="D35283" s="1" t="s">
        <v>122516</v>
      </c>
      <c r="E35283" s="1" t="s">
        <v>122517</v>
      </c>
      <c r="F35283" s="1" t="s">
        <v>122518</v>
      </c>
      <c r="G35283" s="1" t="s">
        <v>122504</v>
      </c>
      <c r="H35283" s="1" t="s">
        <v>122505</v>
      </c>
      <c r="I35283" s="1" t="s">
        <v>122261</v>
      </c>
      <c r="J35283" s="1" t="s">
        <v>122519</v>
      </c>
    </row>
    <row r="35284" spans="1:10" x14ac:dyDescent="0.35">
      <c r="A35284" s="1" t="s">
        <v>46321</v>
      </c>
      <c r="B35284" s="1" t="s">
        <v>122255</v>
      </c>
      <c r="C35284" s="1" t="s">
        <v>35</v>
      </c>
      <c r="D35284" s="1" t="s">
        <v>122520</v>
      </c>
      <c r="E35284" s="1" t="s">
        <v>122521</v>
      </c>
      <c r="F35284" s="1" t="s">
        <v>122522</v>
      </c>
      <c r="G35284" s="1" t="s">
        <v>122504</v>
      </c>
      <c r="H35284" s="1" t="s">
        <v>122505</v>
      </c>
      <c r="I35284" s="1" t="s">
        <v>122261</v>
      </c>
      <c r="J35284" s="1" t="s">
        <v>122523</v>
      </c>
    </row>
    <row r="35285" spans="1:10" x14ac:dyDescent="0.35">
      <c r="A35285" s="1" t="s">
        <v>46321</v>
      </c>
      <c r="B35285" s="1" t="s">
        <v>122255</v>
      </c>
      <c r="C35285" s="1" t="s">
        <v>40</v>
      </c>
      <c r="D35285" s="1" t="s">
        <v>122524</v>
      </c>
      <c r="E35285" s="1" t="s">
        <v>122525</v>
      </c>
      <c r="F35285" s="1" t="s">
        <v>122526</v>
      </c>
      <c r="G35285" s="1" t="s">
        <v>122504</v>
      </c>
      <c r="H35285" s="1" t="s">
        <v>122505</v>
      </c>
      <c r="I35285" s="1" t="s">
        <v>122261</v>
      </c>
      <c r="J35285" s="1" t="s">
        <v>122527</v>
      </c>
    </row>
    <row r="35286" spans="1:10" x14ac:dyDescent="0.35">
      <c r="A35286" s="1" t="s">
        <v>46321</v>
      </c>
      <c r="B35286" s="1" t="s">
        <v>122255</v>
      </c>
      <c r="C35286" s="1" t="s">
        <v>45</v>
      </c>
      <c r="D35286" s="1" t="s">
        <v>87106</v>
      </c>
      <c r="E35286" s="1" t="s">
        <v>122528</v>
      </c>
      <c r="F35286" s="1" t="s">
        <v>122529</v>
      </c>
      <c r="G35286" s="1" t="s">
        <v>122504</v>
      </c>
      <c r="H35286" s="1" t="s">
        <v>122505</v>
      </c>
      <c r="I35286" s="1" t="s">
        <v>122261</v>
      </c>
      <c r="J35286" s="1" t="s">
        <v>122530</v>
      </c>
    </row>
    <row r="35287" spans="1:10" x14ac:dyDescent="0.35">
      <c r="A35287" s="1" t="s">
        <v>46321</v>
      </c>
      <c r="B35287" s="1" t="s">
        <v>122255</v>
      </c>
      <c r="C35287" s="1" t="s">
        <v>50</v>
      </c>
      <c r="D35287" s="1" t="s">
        <v>92309</v>
      </c>
      <c r="E35287" s="1" t="s">
        <v>122531</v>
      </c>
      <c r="F35287" s="1" t="s">
        <v>122532</v>
      </c>
      <c r="G35287" s="1" t="s">
        <v>122504</v>
      </c>
      <c r="H35287" s="1" t="s">
        <v>122505</v>
      </c>
      <c r="I35287" s="1" t="s">
        <v>122261</v>
      </c>
      <c r="J35287" s="1" t="s">
        <v>122533</v>
      </c>
    </row>
    <row r="35288" spans="1:10" x14ac:dyDescent="0.35">
      <c r="A35288" s="1" t="s">
        <v>46321</v>
      </c>
      <c r="B35288" s="1" t="s">
        <v>122255</v>
      </c>
      <c r="C35288" s="1" t="s">
        <v>55</v>
      </c>
      <c r="D35288" s="1" t="s">
        <v>122534</v>
      </c>
      <c r="E35288" s="1" t="s">
        <v>122535</v>
      </c>
      <c r="F35288" s="1" t="s">
        <v>122536</v>
      </c>
      <c r="G35288" s="1" t="s">
        <v>122504</v>
      </c>
      <c r="H35288" s="1" t="s">
        <v>122505</v>
      </c>
      <c r="I35288" s="1" t="s">
        <v>122261</v>
      </c>
      <c r="J35288" s="1" t="s">
        <v>122537</v>
      </c>
    </row>
    <row r="35289" spans="1:10" x14ac:dyDescent="0.35">
      <c r="A35289" s="1" t="s">
        <v>46321</v>
      </c>
      <c r="B35289" s="1" t="s">
        <v>122255</v>
      </c>
      <c r="C35289" s="1" t="s">
        <v>60</v>
      </c>
      <c r="D35289" s="1" t="s">
        <v>122538</v>
      </c>
      <c r="E35289" s="1" t="s">
        <v>122539</v>
      </c>
      <c r="F35289" s="1" t="s">
        <v>122540</v>
      </c>
      <c r="G35289" s="1" t="s">
        <v>122504</v>
      </c>
      <c r="H35289" s="1" t="s">
        <v>122505</v>
      </c>
      <c r="I35289" s="1" t="s">
        <v>122261</v>
      </c>
      <c r="J35289" s="1" t="s">
        <v>122541</v>
      </c>
    </row>
    <row r="35290" spans="1:10" x14ac:dyDescent="0.35">
      <c r="A35290" s="1" t="s">
        <v>46321</v>
      </c>
      <c r="B35290" s="1" t="s">
        <v>122255</v>
      </c>
      <c r="C35290" s="1" t="s">
        <v>65</v>
      </c>
      <c r="D35290" s="1" t="s">
        <v>122542</v>
      </c>
      <c r="E35290" s="1" t="s">
        <v>122543</v>
      </c>
      <c r="F35290" s="1" t="s">
        <v>122544</v>
      </c>
      <c r="G35290" s="1" t="s">
        <v>122504</v>
      </c>
      <c r="H35290" s="1" t="s">
        <v>122505</v>
      </c>
      <c r="I35290" s="1" t="s">
        <v>122261</v>
      </c>
      <c r="J35290" s="1" t="s">
        <v>122545</v>
      </c>
    </row>
    <row r="35291" spans="1:10" x14ac:dyDescent="0.35">
      <c r="A35291" s="1" t="s">
        <v>46321</v>
      </c>
      <c r="B35291" s="1" t="s">
        <v>122255</v>
      </c>
      <c r="C35291" s="1" t="s">
        <v>70</v>
      </c>
      <c r="D35291" s="1" t="s">
        <v>26056</v>
      </c>
      <c r="E35291" s="1" t="s">
        <v>122546</v>
      </c>
      <c r="F35291" s="1" t="s">
        <v>122547</v>
      </c>
      <c r="G35291" s="1" t="s">
        <v>122504</v>
      </c>
      <c r="H35291" s="1" t="s">
        <v>122505</v>
      </c>
      <c r="I35291" s="1" t="s">
        <v>122261</v>
      </c>
      <c r="J35291" s="1" t="s">
        <v>122548</v>
      </c>
    </row>
    <row r="35292" spans="1:10" x14ac:dyDescent="0.35">
      <c r="A35292" s="1" t="s">
        <v>46321</v>
      </c>
      <c r="B35292" s="1" t="s">
        <v>122255</v>
      </c>
      <c r="C35292" s="1" t="s">
        <v>75</v>
      </c>
      <c r="D35292" s="1" t="s">
        <v>122549</v>
      </c>
      <c r="E35292" s="1" t="s">
        <v>122550</v>
      </c>
      <c r="F35292" s="1" t="s">
        <v>122551</v>
      </c>
      <c r="G35292" s="1" t="s">
        <v>122504</v>
      </c>
      <c r="H35292" s="1" t="s">
        <v>122505</v>
      </c>
      <c r="I35292" s="1" t="s">
        <v>122261</v>
      </c>
      <c r="J35292" s="1" t="s">
        <v>122552</v>
      </c>
    </row>
    <row r="35293" spans="1:10" x14ac:dyDescent="0.35">
      <c r="A35293" s="1" t="s">
        <v>46321</v>
      </c>
      <c r="B35293" s="1" t="s">
        <v>122255</v>
      </c>
      <c r="C35293" s="1" t="s">
        <v>80</v>
      </c>
      <c r="D35293" s="1" t="s">
        <v>97585</v>
      </c>
      <c r="E35293" s="1" t="s">
        <v>122553</v>
      </c>
      <c r="F35293" s="1" t="s">
        <v>122554</v>
      </c>
      <c r="G35293" s="1" t="s">
        <v>122504</v>
      </c>
      <c r="H35293" s="1" t="s">
        <v>122505</v>
      </c>
      <c r="I35293" s="1" t="s">
        <v>122261</v>
      </c>
      <c r="J35293" s="1" t="s">
        <v>122555</v>
      </c>
    </row>
    <row r="35294" spans="1:10" x14ac:dyDescent="0.35">
      <c r="A35294" s="1" t="s">
        <v>46321</v>
      </c>
      <c r="B35294" s="1" t="s">
        <v>122255</v>
      </c>
      <c r="C35294" s="1" t="s">
        <v>85</v>
      </c>
      <c r="D35294" s="1" t="s">
        <v>122556</v>
      </c>
      <c r="E35294" s="1" t="s">
        <v>122557</v>
      </c>
      <c r="F35294" s="1" t="s">
        <v>122558</v>
      </c>
      <c r="G35294" s="1" t="s">
        <v>122504</v>
      </c>
      <c r="H35294" s="1" t="s">
        <v>122505</v>
      </c>
      <c r="I35294" s="1" t="s">
        <v>122261</v>
      </c>
      <c r="J35294" s="1" t="s">
        <v>122559</v>
      </c>
    </row>
    <row r="35295" spans="1:10" x14ac:dyDescent="0.35">
      <c r="A35295" s="1" t="s">
        <v>46321</v>
      </c>
      <c r="B35295" s="1" t="s">
        <v>122255</v>
      </c>
      <c r="C35295" s="1" t="s">
        <v>90</v>
      </c>
      <c r="D35295" s="1" t="s">
        <v>122560</v>
      </c>
      <c r="E35295" s="1" t="s">
        <v>122561</v>
      </c>
      <c r="F35295" s="1" t="s">
        <v>122562</v>
      </c>
      <c r="G35295" s="1" t="s">
        <v>122504</v>
      </c>
      <c r="H35295" s="1" t="s">
        <v>122505</v>
      </c>
      <c r="I35295" s="1" t="s">
        <v>122261</v>
      </c>
      <c r="J35295" s="1" t="s">
        <v>122563</v>
      </c>
    </row>
    <row r="35296" spans="1:10" x14ac:dyDescent="0.35">
      <c r="A35296" s="1" t="s">
        <v>46321</v>
      </c>
      <c r="B35296" s="1" t="s">
        <v>122255</v>
      </c>
      <c r="C35296" s="1" t="s">
        <v>95</v>
      </c>
      <c r="D35296" s="1" t="s">
        <v>122564</v>
      </c>
      <c r="E35296" s="1" t="s">
        <v>122565</v>
      </c>
      <c r="F35296" s="1" t="s">
        <v>122566</v>
      </c>
      <c r="G35296" s="1" t="s">
        <v>122504</v>
      </c>
      <c r="H35296" s="1" t="s">
        <v>122505</v>
      </c>
      <c r="I35296" s="1" t="s">
        <v>122261</v>
      </c>
      <c r="J35296" s="1" t="s">
        <v>122567</v>
      </c>
    </row>
    <row r="35297" spans="1:10" x14ac:dyDescent="0.35">
      <c r="A35297" s="1" t="s">
        <v>46321</v>
      </c>
      <c r="B35297" s="1" t="s">
        <v>122255</v>
      </c>
      <c r="C35297" s="1" t="s">
        <v>100</v>
      </c>
      <c r="D35297" s="1" t="s">
        <v>39560</v>
      </c>
      <c r="E35297" s="1" t="s">
        <v>122568</v>
      </c>
      <c r="F35297" s="1" t="s">
        <v>122569</v>
      </c>
      <c r="G35297" s="1" t="s">
        <v>122504</v>
      </c>
      <c r="H35297" s="1" t="s">
        <v>122505</v>
      </c>
      <c r="I35297" s="1" t="s">
        <v>122261</v>
      </c>
      <c r="J35297" s="1" t="s">
        <v>122570</v>
      </c>
    </row>
    <row r="35298" spans="1:10" x14ac:dyDescent="0.35">
      <c r="A35298" s="1" t="s">
        <v>46321</v>
      </c>
      <c r="B35298" s="1" t="s">
        <v>122255</v>
      </c>
      <c r="C35298" s="1" t="s">
        <v>105</v>
      </c>
      <c r="D35298" s="1" t="s">
        <v>122571</v>
      </c>
      <c r="E35298" s="1" t="s">
        <v>122572</v>
      </c>
      <c r="F35298" s="1" t="s">
        <v>122573</v>
      </c>
      <c r="G35298" s="1" t="s">
        <v>122504</v>
      </c>
      <c r="H35298" s="1" t="s">
        <v>122505</v>
      </c>
      <c r="I35298" s="1" t="s">
        <v>122261</v>
      </c>
      <c r="J35298" s="1" t="s">
        <v>122574</v>
      </c>
    </row>
    <row r="35299" spans="1:10" x14ac:dyDescent="0.35">
      <c r="A35299" s="1" t="s">
        <v>46321</v>
      </c>
      <c r="B35299" s="1" t="s">
        <v>122255</v>
      </c>
      <c r="C35299" s="1" t="s">
        <v>110</v>
      </c>
      <c r="D35299" s="1" t="s">
        <v>122575</v>
      </c>
      <c r="E35299" s="1" t="s">
        <v>122576</v>
      </c>
      <c r="F35299" s="1" t="s">
        <v>122577</v>
      </c>
      <c r="G35299" s="1" t="s">
        <v>122504</v>
      </c>
      <c r="H35299" s="1" t="s">
        <v>122505</v>
      </c>
      <c r="I35299" s="1" t="s">
        <v>122261</v>
      </c>
      <c r="J35299" s="1" t="s">
        <v>122578</v>
      </c>
    </row>
    <row r="35300" spans="1:10" x14ac:dyDescent="0.35">
      <c r="A35300" s="1" t="s">
        <v>46321</v>
      </c>
      <c r="B35300" s="1" t="s">
        <v>122255</v>
      </c>
      <c r="C35300" s="1" t="s">
        <v>115</v>
      </c>
      <c r="D35300" s="1" t="s">
        <v>99737</v>
      </c>
      <c r="E35300" s="1" t="s">
        <v>122579</v>
      </c>
      <c r="F35300" s="1" t="s">
        <v>122580</v>
      </c>
      <c r="G35300" s="1" t="s">
        <v>122504</v>
      </c>
      <c r="H35300" s="1" t="s">
        <v>122505</v>
      </c>
      <c r="I35300" s="1" t="s">
        <v>122261</v>
      </c>
      <c r="J35300" s="1" t="s">
        <v>122581</v>
      </c>
    </row>
    <row r="35301" spans="1:10" x14ac:dyDescent="0.35">
      <c r="A35301" s="1" t="s">
        <v>46321</v>
      </c>
      <c r="B35301" s="1" t="s">
        <v>122255</v>
      </c>
      <c r="C35301" s="1" t="s">
        <v>120</v>
      </c>
      <c r="D35301" s="1" t="s">
        <v>20796</v>
      </c>
      <c r="E35301" s="1" t="s">
        <v>122582</v>
      </c>
      <c r="F35301" s="1" t="s">
        <v>122583</v>
      </c>
      <c r="G35301" s="1" t="s">
        <v>122504</v>
      </c>
      <c r="H35301" s="1" t="s">
        <v>122505</v>
      </c>
      <c r="I35301" s="1" t="s">
        <v>122261</v>
      </c>
      <c r="J35301" s="1" t="s">
        <v>122584</v>
      </c>
    </row>
    <row r="35302" spans="1:10" x14ac:dyDescent="0.35">
      <c r="A35302" s="1" t="s">
        <v>46321</v>
      </c>
      <c r="B35302" s="1" t="s">
        <v>122255</v>
      </c>
      <c r="C35302" s="1" t="s">
        <v>125</v>
      </c>
      <c r="D35302" s="1" t="s">
        <v>57025</v>
      </c>
      <c r="E35302" s="1" t="s">
        <v>122585</v>
      </c>
      <c r="F35302" s="1" t="s">
        <v>122586</v>
      </c>
      <c r="G35302" s="1" t="s">
        <v>122504</v>
      </c>
      <c r="H35302" s="1" t="s">
        <v>122505</v>
      </c>
      <c r="I35302" s="1" t="s">
        <v>122261</v>
      </c>
      <c r="J35302" s="1" t="s">
        <v>122587</v>
      </c>
    </row>
    <row r="35303" spans="1:10" x14ac:dyDescent="0.35">
      <c r="A35303" s="1" t="s">
        <v>46321</v>
      </c>
      <c r="B35303" s="1" t="s">
        <v>122255</v>
      </c>
      <c r="C35303" s="1" t="s">
        <v>130</v>
      </c>
      <c r="D35303" s="1" t="s">
        <v>122588</v>
      </c>
      <c r="E35303" s="1" t="s">
        <v>122589</v>
      </c>
      <c r="F35303" s="1" t="s">
        <v>122590</v>
      </c>
      <c r="G35303" s="1" t="s">
        <v>122504</v>
      </c>
      <c r="H35303" s="1" t="s">
        <v>122505</v>
      </c>
      <c r="I35303" s="1" t="s">
        <v>122261</v>
      </c>
      <c r="J35303" s="1" t="s">
        <v>122591</v>
      </c>
    </row>
    <row r="35304" spans="1:10" x14ac:dyDescent="0.35">
      <c r="A35304" s="1" t="s">
        <v>46321</v>
      </c>
      <c r="B35304" s="1" t="s">
        <v>122255</v>
      </c>
      <c r="C35304" s="1" t="s">
        <v>135</v>
      </c>
      <c r="D35304" s="1" t="s">
        <v>122592</v>
      </c>
      <c r="E35304" s="1" t="s">
        <v>122593</v>
      </c>
      <c r="F35304" s="1" t="s">
        <v>122594</v>
      </c>
      <c r="G35304" s="1" t="s">
        <v>122504</v>
      </c>
      <c r="H35304" s="1" t="s">
        <v>122505</v>
      </c>
      <c r="I35304" s="1" t="s">
        <v>122261</v>
      </c>
      <c r="J35304" s="1" t="s">
        <v>122595</v>
      </c>
    </row>
    <row r="35305" spans="1:10" x14ac:dyDescent="0.35">
      <c r="A35305" s="1" t="s">
        <v>46321</v>
      </c>
      <c r="B35305" s="1" t="s">
        <v>122255</v>
      </c>
      <c r="C35305" s="1" t="s">
        <v>140</v>
      </c>
      <c r="D35305" s="1" t="s">
        <v>122596</v>
      </c>
      <c r="E35305" s="1" t="s">
        <v>122597</v>
      </c>
      <c r="F35305" s="1" t="s">
        <v>122598</v>
      </c>
      <c r="G35305" s="1" t="s">
        <v>122504</v>
      </c>
      <c r="H35305" s="1" t="s">
        <v>122505</v>
      </c>
      <c r="I35305" s="1" t="s">
        <v>122261</v>
      </c>
      <c r="J35305" s="1" t="s">
        <v>122599</v>
      </c>
    </row>
    <row r="35306" spans="1:10" x14ac:dyDescent="0.35">
      <c r="A35306" s="1" t="s">
        <v>46321</v>
      </c>
      <c r="B35306" s="1" t="s">
        <v>122255</v>
      </c>
      <c r="C35306" s="1" t="s">
        <v>145</v>
      </c>
      <c r="D35306" s="1" t="s">
        <v>122600</v>
      </c>
      <c r="E35306" s="1" t="s">
        <v>122601</v>
      </c>
      <c r="F35306" s="1" t="s">
        <v>122602</v>
      </c>
      <c r="G35306" s="1" t="s">
        <v>122504</v>
      </c>
      <c r="H35306" s="1" t="s">
        <v>122505</v>
      </c>
      <c r="I35306" s="1" t="s">
        <v>122261</v>
      </c>
      <c r="J35306" s="1" t="s">
        <v>122603</v>
      </c>
    </row>
    <row r="35307" spans="1:10" x14ac:dyDescent="0.35">
      <c r="A35307" s="1" t="s">
        <v>46321</v>
      </c>
      <c r="B35307" s="1" t="s">
        <v>122255</v>
      </c>
      <c r="C35307" s="1" t="s">
        <v>150</v>
      </c>
      <c r="D35307" s="1" t="s">
        <v>122604</v>
      </c>
      <c r="E35307" s="1" t="s">
        <v>122605</v>
      </c>
      <c r="F35307" s="1" t="s">
        <v>122606</v>
      </c>
      <c r="G35307" s="1" t="s">
        <v>122504</v>
      </c>
      <c r="H35307" s="1" t="s">
        <v>122505</v>
      </c>
      <c r="I35307" s="1" t="s">
        <v>122261</v>
      </c>
      <c r="J35307" s="1" t="s">
        <v>122607</v>
      </c>
    </row>
    <row r="35308" spans="1:10" x14ac:dyDescent="0.35">
      <c r="A35308" s="1" t="s">
        <v>46321</v>
      </c>
      <c r="B35308" s="1" t="s">
        <v>122255</v>
      </c>
      <c r="C35308" s="1" t="s">
        <v>155</v>
      </c>
      <c r="D35308" s="1" t="s">
        <v>122608</v>
      </c>
      <c r="E35308" s="1" t="s">
        <v>122609</v>
      </c>
      <c r="F35308" s="1" t="s">
        <v>122610</v>
      </c>
      <c r="G35308" s="1" t="s">
        <v>122504</v>
      </c>
      <c r="H35308" s="1" t="s">
        <v>122505</v>
      </c>
      <c r="I35308" s="1" t="s">
        <v>122261</v>
      </c>
      <c r="J35308" s="1" t="s">
        <v>122611</v>
      </c>
    </row>
    <row r="35309" spans="1:10" x14ac:dyDescent="0.35">
      <c r="A35309" s="1" t="s">
        <v>46321</v>
      </c>
      <c r="B35309" s="1" t="s">
        <v>122255</v>
      </c>
      <c r="C35309" s="1" t="s">
        <v>160</v>
      </c>
      <c r="D35309" s="1" t="s">
        <v>122612</v>
      </c>
      <c r="E35309" s="1" t="s">
        <v>122613</v>
      </c>
      <c r="F35309" s="1" t="s">
        <v>122614</v>
      </c>
      <c r="G35309" s="1" t="s">
        <v>122504</v>
      </c>
      <c r="H35309" s="1" t="s">
        <v>122505</v>
      </c>
      <c r="I35309" s="1" t="s">
        <v>122261</v>
      </c>
      <c r="J35309" s="1" t="s">
        <v>122615</v>
      </c>
    </row>
    <row r="35310" spans="1:10" x14ac:dyDescent="0.35">
      <c r="A35310" s="1" t="s">
        <v>46321</v>
      </c>
      <c r="B35310" s="1" t="s">
        <v>122255</v>
      </c>
      <c r="C35310" s="1" t="s">
        <v>165</v>
      </c>
      <c r="D35310" s="1" t="s">
        <v>122616</v>
      </c>
      <c r="E35310" s="1" t="s">
        <v>122617</v>
      </c>
      <c r="F35310" s="1" t="s">
        <v>122618</v>
      </c>
      <c r="G35310" s="1" t="s">
        <v>122504</v>
      </c>
      <c r="H35310" s="1" t="s">
        <v>122505</v>
      </c>
      <c r="I35310" s="1" t="s">
        <v>122261</v>
      </c>
      <c r="J35310" s="1" t="s">
        <v>122619</v>
      </c>
    </row>
    <row r="35311" spans="1:10" x14ac:dyDescent="0.35">
      <c r="A35311" s="1" t="s">
        <v>46321</v>
      </c>
      <c r="B35311" s="1" t="s">
        <v>122255</v>
      </c>
      <c r="C35311" s="1" t="s">
        <v>170</v>
      </c>
      <c r="D35311" s="1" t="s">
        <v>122620</v>
      </c>
      <c r="E35311" s="1" t="s">
        <v>122621</v>
      </c>
      <c r="F35311" s="1" t="s">
        <v>122622</v>
      </c>
      <c r="G35311" s="1" t="s">
        <v>122504</v>
      </c>
      <c r="H35311" s="1" t="s">
        <v>122505</v>
      </c>
      <c r="I35311" s="1" t="s">
        <v>122261</v>
      </c>
      <c r="J35311" s="1" t="s">
        <v>122623</v>
      </c>
    </row>
    <row r="35312" spans="1:10" x14ac:dyDescent="0.35">
      <c r="A35312" s="1" t="s">
        <v>121176</v>
      </c>
      <c r="B35312" s="1" t="s">
        <v>122255</v>
      </c>
      <c r="C35312" s="1" t="s">
        <v>8</v>
      </c>
      <c r="D35312" s="1" t="s">
        <v>108480</v>
      </c>
      <c r="E35312" s="1" t="s">
        <v>122624</v>
      </c>
      <c r="F35312" s="1" t="s">
        <v>122625</v>
      </c>
      <c r="G35312" s="1" t="s">
        <v>122626</v>
      </c>
      <c r="H35312" s="1" t="s">
        <v>122627</v>
      </c>
      <c r="I35312" s="1" t="s">
        <v>122261</v>
      </c>
      <c r="J35312" s="1" t="s">
        <v>13</v>
      </c>
    </row>
    <row r="35313" spans="1:10" x14ac:dyDescent="0.35">
      <c r="A35313" s="1" t="s">
        <v>121176</v>
      </c>
      <c r="B35313" s="1" t="s">
        <v>122255</v>
      </c>
      <c r="C35313" s="1" t="s">
        <v>15</v>
      </c>
      <c r="D35313" s="1" t="s">
        <v>122628</v>
      </c>
      <c r="E35313" s="1" t="s">
        <v>122629</v>
      </c>
      <c r="F35313" s="1" t="s">
        <v>122630</v>
      </c>
      <c r="G35313" s="1" t="s">
        <v>122626</v>
      </c>
      <c r="H35313" s="1" t="s">
        <v>122627</v>
      </c>
      <c r="I35313" s="1" t="s">
        <v>122261</v>
      </c>
      <c r="J35313" s="1" t="s">
        <v>122631</v>
      </c>
    </row>
    <row r="35314" spans="1:10" x14ac:dyDescent="0.35">
      <c r="A35314" s="1" t="s">
        <v>121176</v>
      </c>
      <c r="B35314" s="1" t="s">
        <v>122255</v>
      </c>
      <c r="C35314" s="1" t="s">
        <v>20</v>
      </c>
      <c r="D35314" s="1" t="s">
        <v>107913</v>
      </c>
      <c r="E35314" s="1" t="s">
        <v>122632</v>
      </c>
      <c r="F35314" s="1" t="s">
        <v>122633</v>
      </c>
      <c r="G35314" s="1" t="s">
        <v>122626</v>
      </c>
      <c r="H35314" s="1" t="s">
        <v>122627</v>
      </c>
      <c r="I35314" s="1" t="s">
        <v>122261</v>
      </c>
      <c r="J35314" s="1" t="s">
        <v>122634</v>
      </c>
    </row>
    <row r="35315" spans="1:10" x14ac:dyDescent="0.35">
      <c r="A35315" s="1" t="s">
        <v>121176</v>
      </c>
      <c r="B35315" s="1" t="s">
        <v>122255</v>
      </c>
      <c r="C35315" s="1" t="s">
        <v>25</v>
      </c>
      <c r="D35315" s="1" t="s">
        <v>122635</v>
      </c>
      <c r="E35315" s="1" t="s">
        <v>122636</v>
      </c>
      <c r="F35315" s="1" t="s">
        <v>122637</v>
      </c>
      <c r="G35315" s="1" t="s">
        <v>122626</v>
      </c>
      <c r="H35315" s="1" t="s">
        <v>122627</v>
      </c>
      <c r="I35315" s="1" t="s">
        <v>122261</v>
      </c>
      <c r="J35315" s="1" t="s">
        <v>122638</v>
      </c>
    </row>
    <row r="35316" spans="1:10" x14ac:dyDescent="0.35">
      <c r="A35316" s="1" t="s">
        <v>121176</v>
      </c>
      <c r="B35316" s="1" t="s">
        <v>122255</v>
      </c>
      <c r="C35316" s="1" t="s">
        <v>30</v>
      </c>
      <c r="D35316" s="1" t="s">
        <v>122639</v>
      </c>
      <c r="E35316" s="1" t="s">
        <v>122640</v>
      </c>
      <c r="F35316" s="1" t="s">
        <v>122641</v>
      </c>
      <c r="G35316" s="1" t="s">
        <v>122626</v>
      </c>
      <c r="H35316" s="1" t="s">
        <v>122627</v>
      </c>
      <c r="I35316" s="1" t="s">
        <v>122261</v>
      </c>
      <c r="J35316" s="1" t="s">
        <v>122642</v>
      </c>
    </row>
    <row r="35317" spans="1:10" x14ac:dyDescent="0.35">
      <c r="A35317" s="1" t="s">
        <v>121176</v>
      </c>
      <c r="B35317" s="1" t="s">
        <v>122255</v>
      </c>
      <c r="C35317" s="1" t="s">
        <v>35</v>
      </c>
      <c r="D35317" s="1" t="s">
        <v>122643</v>
      </c>
      <c r="E35317" s="1" t="s">
        <v>122644</v>
      </c>
      <c r="F35317" s="1" t="s">
        <v>122645</v>
      </c>
      <c r="G35317" s="1" t="s">
        <v>122626</v>
      </c>
      <c r="H35317" s="1" t="s">
        <v>122627</v>
      </c>
      <c r="I35317" s="1" t="s">
        <v>122261</v>
      </c>
      <c r="J35317" s="1" t="s">
        <v>122646</v>
      </c>
    </row>
    <row r="35318" spans="1:10" x14ac:dyDescent="0.35">
      <c r="A35318" s="1" t="s">
        <v>121176</v>
      </c>
      <c r="B35318" s="1" t="s">
        <v>122255</v>
      </c>
      <c r="C35318" s="1" t="s">
        <v>40</v>
      </c>
      <c r="D35318" s="1" t="s">
        <v>102691</v>
      </c>
      <c r="E35318" s="1" t="s">
        <v>122647</v>
      </c>
      <c r="F35318" s="1" t="s">
        <v>122648</v>
      </c>
      <c r="G35318" s="1" t="s">
        <v>122626</v>
      </c>
      <c r="H35318" s="1" t="s">
        <v>122627</v>
      </c>
      <c r="I35318" s="1" t="s">
        <v>122261</v>
      </c>
      <c r="J35318" s="1" t="s">
        <v>122649</v>
      </c>
    </row>
    <row r="35319" spans="1:10" x14ac:dyDescent="0.35">
      <c r="A35319" s="1" t="s">
        <v>121176</v>
      </c>
      <c r="B35319" s="1" t="s">
        <v>122255</v>
      </c>
      <c r="C35319" s="1" t="s">
        <v>45</v>
      </c>
      <c r="D35319" s="1" t="s">
        <v>122650</v>
      </c>
      <c r="E35319" s="1" t="s">
        <v>122651</v>
      </c>
      <c r="F35319" s="1" t="s">
        <v>122652</v>
      </c>
      <c r="G35319" s="1" t="s">
        <v>122626</v>
      </c>
      <c r="H35319" s="1" t="s">
        <v>122627</v>
      </c>
      <c r="I35319" s="1" t="s">
        <v>122261</v>
      </c>
      <c r="J35319" s="1" t="s">
        <v>122653</v>
      </c>
    </row>
    <row r="35320" spans="1:10" x14ac:dyDescent="0.35">
      <c r="A35320" s="1" t="s">
        <v>121176</v>
      </c>
      <c r="B35320" s="1" t="s">
        <v>122255</v>
      </c>
      <c r="C35320" s="1" t="s">
        <v>50</v>
      </c>
      <c r="D35320" s="1" t="s">
        <v>122654</v>
      </c>
      <c r="E35320" s="1" t="s">
        <v>122655</v>
      </c>
      <c r="F35320" s="1" t="s">
        <v>122656</v>
      </c>
      <c r="G35320" s="1" t="s">
        <v>122626</v>
      </c>
      <c r="H35320" s="1" t="s">
        <v>122627</v>
      </c>
      <c r="I35320" s="1" t="s">
        <v>122261</v>
      </c>
      <c r="J35320" s="1" t="s">
        <v>122657</v>
      </c>
    </row>
    <row r="35321" spans="1:10" x14ac:dyDescent="0.35">
      <c r="A35321" s="1" t="s">
        <v>121176</v>
      </c>
      <c r="B35321" s="1" t="s">
        <v>122255</v>
      </c>
      <c r="C35321" s="1" t="s">
        <v>55</v>
      </c>
      <c r="D35321" s="1" t="s">
        <v>85831</v>
      </c>
      <c r="E35321" s="1" t="s">
        <v>122658</v>
      </c>
      <c r="F35321" s="1" t="s">
        <v>122659</v>
      </c>
      <c r="G35321" s="1" t="s">
        <v>122626</v>
      </c>
      <c r="H35321" s="1" t="s">
        <v>122627</v>
      </c>
      <c r="I35321" s="1" t="s">
        <v>122261</v>
      </c>
      <c r="J35321" s="1" t="s">
        <v>122660</v>
      </c>
    </row>
    <row r="35322" spans="1:10" x14ac:dyDescent="0.35">
      <c r="A35322" s="1" t="s">
        <v>121176</v>
      </c>
      <c r="B35322" s="1" t="s">
        <v>122255</v>
      </c>
      <c r="C35322" s="1" t="s">
        <v>60</v>
      </c>
      <c r="D35322" s="1" t="s">
        <v>91271</v>
      </c>
      <c r="E35322" s="1" t="s">
        <v>122661</v>
      </c>
      <c r="F35322" s="1" t="s">
        <v>122662</v>
      </c>
      <c r="G35322" s="1" t="s">
        <v>122626</v>
      </c>
      <c r="H35322" s="1" t="s">
        <v>122627</v>
      </c>
      <c r="I35322" s="1" t="s">
        <v>122261</v>
      </c>
      <c r="J35322" s="1" t="s">
        <v>122663</v>
      </c>
    </row>
    <row r="35323" spans="1:10" x14ac:dyDescent="0.35">
      <c r="A35323" s="1" t="s">
        <v>121176</v>
      </c>
      <c r="B35323" s="1" t="s">
        <v>122255</v>
      </c>
      <c r="C35323" s="1" t="s">
        <v>65</v>
      </c>
      <c r="D35323" s="1" t="s">
        <v>78613</v>
      </c>
      <c r="E35323" s="1" t="s">
        <v>122664</v>
      </c>
      <c r="F35323" s="1" t="s">
        <v>122665</v>
      </c>
      <c r="G35323" s="1" t="s">
        <v>122626</v>
      </c>
      <c r="H35323" s="1" t="s">
        <v>122627</v>
      </c>
      <c r="I35323" s="1" t="s">
        <v>122261</v>
      </c>
      <c r="J35323" s="1" t="s">
        <v>122666</v>
      </c>
    </row>
    <row r="35324" spans="1:10" x14ac:dyDescent="0.35">
      <c r="A35324" s="1" t="s">
        <v>121176</v>
      </c>
      <c r="B35324" s="1" t="s">
        <v>122255</v>
      </c>
      <c r="C35324" s="1" t="s">
        <v>70</v>
      </c>
      <c r="D35324" s="1" t="s">
        <v>58080</v>
      </c>
      <c r="E35324" s="1" t="s">
        <v>122667</v>
      </c>
      <c r="F35324" s="1" t="s">
        <v>122668</v>
      </c>
      <c r="G35324" s="1" t="s">
        <v>122626</v>
      </c>
      <c r="H35324" s="1" t="s">
        <v>122627</v>
      </c>
      <c r="I35324" s="1" t="s">
        <v>122261</v>
      </c>
      <c r="J35324" s="1" t="s">
        <v>122669</v>
      </c>
    </row>
    <row r="35325" spans="1:10" x14ac:dyDescent="0.35">
      <c r="A35325" s="1" t="s">
        <v>121176</v>
      </c>
      <c r="B35325" s="1" t="s">
        <v>122255</v>
      </c>
      <c r="C35325" s="1" t="s">
        <v>75</v>
      </c>
      <c r="D35325" s="1" t="s">
        <v>122670</v>
      </c>
      <c r="E35325" s="1" t="s">
        <v>122671</v>
      </c>
      <c r="F35325" s="1" t="s">
        <v>122672</v>
      </c>
      <c r="G35325" s="1" t="s">
        <v>122626</v>
      </c>
      <c r="H35325" s="1" t="s">
        <v>122627</v>
      </c>
      <c r="I35325" s="1" t="s">
        <v>122261</v>
      </c>
      <c r="J35325" s="1" t="s">
        <v>122673</v>
      </c>
    </row>
    <row r="35326" spans="1:10" x14ac:dyDescent="0.35">
      <c r="A35326" s="1" t="s">
        <v>121176</v>
      </c>
      <c r="B35326" s="1" t="s">
        <v>122255</v>
      </c>
      <c r="C35326" s="1" t="s">
        <v>80</v>
      </c>
      <c r="D35326" s="1" t="s">
        <v>122674</v>
      </c>
      <c r="E35326" s="1" t="s">
        <v>122675</v>
      </c>
      <c r="F35326" s="1" t="s">
        <v>122676</v>
      </c>
      <c r="G35326" s="1" t="s">
        <v>122626</v>
      </c>
      <c r="H35326" s="1" t="s">
        <v>122627</v>
      </c>
      <c r="I35326" s="1" t="s">
        <v>122261</v>
      </c>
      <c r="J35326" s="1" t="s">
        <v>122677</v>
      </c>
    </row>
    <row r="35327" spans="1:10" x14ac:dyDescent="0.35">
      <c r="A35327" s="1" t="s">
        <v>121176</v>
      </c>
      <c r="B35327" s="1" t="s">
        <v>122255</v>
      </c>
      <c r="C35327" s="1" t="s">
        <v>85</v>
      </c>
      <c r="D35327" s="1" t="s">
        <v>122678</v>
      </c>
      <c r="E35327" s="1" t="s">
        <v>122679</v>
      </c>
      <c r="F35327" s="1" t="s">
        <v>122680</v>
      </c>
      <c r="G35327" s="1" t="s">
        <v>122626</v>
      </c>
      <c r="H35327" s="1" t="s">
        <v>122627</v>
      </c>
      <c r="I35327" s="1" t="s">
        <v>122261</v>
      </c>
      <c r="J35327" s="1" t="s">
        <v>122681</v>
      </c>
    </row>
    <row r="35328" spans="1:10" x14ac:dyDescent="0.35">
      <c r="A35328" s="1" t="s">
        <v>121176</v>
      </c>
      <c r="B35328" s="1" t="s">
        <v>122255</v>
      </c>
      <c r="C35328" s="1" t="s">
        <v>90</v>
      </c>
      <c r="D35328" s="1" t="s">
        <v>80542</v>
      </c>
      <c r="E35328" s="1" t="s">
        <v>122682</v>
      </c>
      <c r="F35328" s="1" t="s">
        <v>122683</v>
      </c>
      <c r="G35328" s="1" t="s">
        <v>122626</v>
      </c>
      <c r="H35328" s="1" t="s">
        <v>122627</v>
      </c>
      <c r="I35328" s="1" t="s">
        <v>122261</v>
      </c>
      <c r="J35328" s="1" t="s">
        <v>122684</v>
      </c>
    </row>
    <row r="35329" spans="1:10" x14ac:dyDescent="0.35">
      <c r="A35329" s="1" t="s">
        <v>121176</v>
      </c>
      <c r="B35329" s="1" t="s">
        <v>122255</v>
      </c>
      <c r="C35329" s="1" t="s">
        <v>95</v>
      </c>
      <c r="D35329" s="1" t="s">
        <v>122685</v>
      </c>
      <c r="E35329" s="1" t="s">
        <v>122686</v>
      </c>
      <c r="F35329" s="1" t="s">
        <v>122687</v>
      </c>
      <c r="G35329" s="1" t="s">
        <v>122626</v>
      </c>
      <c r="H35329" s="1" t="s">
        <v>122627</v>
      </c>
      <c r="I35329" s="1" t="s">
        <v>122261</v>
      </c>
      <c r="J35329" s="1" t="s">
        <v>122688</v>
      </c>
    </row>
    <row r="35330" spans="1:10" x14ac:dyDescent="0.35">
      <c r="A35330" s="1" t="s">
        <v>121176</v>
      </c>
      <c r="B35330" s="1" t="s">
        <v>122255</v>
      </c>
      <c r="C35330" s="1" t="s">
        <v>100</v>
      </c>
      <c r="D35330" s="1" t="s">
        <v>3288</v>
      </c>
      <c r="E35330" s="1" t="s">
        <v>122689</v>
      </c>
      <c r="F35330" s="1" t="s">
        <v>122690</v>
      </c>
      <c r="G35330" s="1" t="s">
        <v>122626</v>
      </c>
      <c r="H35330" s="1" t="s">
        <v>122627</v>
      </c>
      <c r="I35330" s="1" t="s">
        <v>122261</v>
      </c>
      <c r="J35330" s="1" t="s">
        <v>122691</v>
      </c>
    </row>
    <row r="35331" spans="1:10" x14ac:dyDescent="0.35">
      <c r="A35331" s="1" t="s">
        <v>121176</v>
      </c>
      <c r="B35331" s="1" t="s">
        <v>122255</v>
      </c>
      <c r="C35331" s="1" t="s">
        <v>105</v>
      </c>
      <c r="D35331" s="1" t="s">
        <v>122692</v>
      </c>
      <c r="E35331" s="1" t="s">
        <v>122693</v>
      </c>
      <c r="F35331" s="1" t="s">
        <v>122694</v>
      </c>
      <c r="G35331" s="1" t="s">
        <v>122626</v>
      </c>
      <c r="H35331" s="1" t="s">
        <v>122627</v>
      </c>
      <c r="I35331" s="1" t="s">
        <v>122261</v>
      </c>
      <c r="J35331" s="1" t="s">
        <v>122695</v>
      </c>
    </row>
    <row r="35332" spans="1:10" x14ac:dyDescent="0.35">
      <c r="A35332" s="1" t="s">
        <v>121176</v>
      </c>
      <c r="B35332" s="1" t="s">
        <v>122255</v>
      </c>
      <c r="C35332" s="1" t="s">
        <v>110</v>
      </c>
      <c r="D35332" s="1" t="s">
        <v>122696</v>
      </c>
      <c r="E35332" s="1" t="s">
        <v>122697</v>
      </c>
      <c r="F35332" s="1" t="s">
        <v>122698</v>
      </c>
      <c r="G35332" s="1" t="s">
        <v>122626</v>
      </c>
      <c r="H35332" s="1" t="s">
        <v>122627</v>
      </c>
      <c r="I35332" s="1" t="s">
        <v>122261</v>
      </c>
      <c r="J35332" s="1" t="s">
        <v>122699</v>
      </c>
    </row>
    <row r="35333" spans="1:10" x14ac:dyDescent="0.35">
      <c r="A35333" s="1" t="s">
        <v>121176</v>
      </c>
      <c r="B35333" s="1" t="s">
        <v>122255</v>
      </c>
      <c r="C35333" s="1" t="s">
        <v>115</v>
      </c>
      <c r="D35333" s="1" t="s">
        <v>122700</v>
      </c>
      <c r="E35333" s="1" t="s">
        <v>122701</v>
      </c>
      <c r="F35333" s="1" t="s">
        <v>122702</v>
      </c>
      <c r="G35333" s="1" t="s">
        <v>122626</v>
      </c>
      <c r="H35333" s="1" t="s">
        <v>122627</v>
      </c>
      <c r="I35333" s="1" t="s">
        <v>122261</v>
      </c>
      <c r="J35333" s="1" t="s">
        <v>122703</v>
      </c>
    </row>
    <row r="35334" spans="1:10" x14ac:dyDescent="0.35">
      <c r="A35334" s="1" t="s">
        <v>121176</v>
      </c>
      <c r="B35334" s="1" t="s">
        <v>122255</v>
      </c>
      <c r="C35334" s="1" t="s">
        <v>120</v>
      </c>
      <c r="D35334" s="1" t="s">
        <v>102262</v>
      </c>
      <c r="E35334" s="1" t="s">
        <v>122704</v>
      </c>
      <c r="F35334" s="1" t="s">
        <v>122705</v>
      </c>
      <c r="G35334" s="1" t="s">
        <v>122626</v>
      </c>
      <c r="H35334" s="1" t="s">
        <v>122627</v>
      </c>
      <c r="I35334" s="1" t="s">
        <v>122261</v>
      </c>
      <c r="J35334" s="1" t="s">
        <v>122706</v>
      </c>
    </row>
    <row r="35335" spans="1:10" x14ac:dyDescent="0.35">
      <c r="A35335" s="1" t="s">
        <v>121176</v>
      </c>
      <c r="B35335" s="1" t="s">
        <v>122255</v>
      </c>
      <c r="C35335" s="1" t="s">
        <v>125</v>
      </c>
      <c r="D35335" s="1" t="s">
        <v>88937</v>
      </c>
      <c r="E35335" s="1" t="s">
        <v>122707</v>
      </c>
      <c r="F35335" s="1" t="s">
        <v>122708</v>
      </c>
      <c r="G35335" s="1" t="s">
        <v>122626</v>
      </c>
      <c r="H35335" s="1" t="s">
        <v>122627</v>
      </c>
      <c r="I35335" s="1" t="s">
        <v>122261</v>
      </c>
      <c r="J35335" s="1" t="s">
        <v>122709</v>
      </c>
    </row>
    <row r="35336" spans="1:10" x14ac:dyDescent="0.35">
      <c r="A35336" s="1" t="s">
        <v>121176</v>
      </c>
      <c r="B35336" s="1" t="s">
        <v>122255</v>
      </c>
      <c r="C35336" s="1" t="s">
        <v>130</v>
      </c>
      <c r="D35336" s="1" t="s">
        <v>99144</v>
      </c>
      <c r="E35336" s="1" t="s">
        <v>122710</v>
      </c>
      <c r="F35336" s="1" t="s">
        <v>122711</v>
      </c>
      <c r="G35336" s="1" t="s">
        <v>122626</v>
      </c>
      <c r="H35336" s="1" t="s">
        <v>122627</v>
      </c>
      <c r="I35336" s="1" t="s">
        <v>122261</v>
      </c>
      <c r="J35336" s="1" t="s">
        <v>122712</v>
      </c>
    </row>
    <row r="35337" spans="1:10" x14ac:dyDescent="0.35">
      <c r="A35337" s="1" t="s">
        <v>121176</v>
      </c>
      <c r="B35337" s="1" t="s">
        <v>122255</v>
      </c>
      <c r="C35337" s="1" t="s">
        <v>135</v>
      </c>
      <c r="D35337" s="1" t="s">
        <v>61760</v>
      </c>
      <c r="E35337" s="1" t="s">
        <v>122713</v>
      </c>
      <c r="F35337" s="1" t="s">
        <v>122714</v>
      </c>
      <c r="G35337" s="1" t="s">
        <v>122626</v>
      </c>
      <c r="H35337" s="1" t="s">
        <v>122627</v>
      </c>
      <c r="I35337" s="1" t="s">
        <v>122261</v>
      </c>
      <c r="J35337" s="1" t="s">
        <v>122715</v>
      </c>
    </row>
    <row r="35338" spans="1:10" x14ac:dyDescent="0.35">
      <c r="A35338" s="1" t="s">
        <v>121176</v>
      </c>
      <c r="B35338" s="1" t="s">
        <v>122255</v>
      </c>
      <c r="C35338" s="1" t="s">
        <v>140</v>
      </c>
      <c r="D35338" s="1" t="s">
        <v>122716</v>
      </c>
      <c r="E35338" s="1" t="s">
        <v>122717</v>
      </c>
      <c r="F35338" s="1" t="s">
        <v>122718</v>
      </c>
      <c r="G35338" s="1" t="s">
        <v>122626</v>
      </c>
      <c r="H35338" s="1" t="s">
        <v>122627</v>
      </c>
      <c r="I35338" s="1" t="s">
        <v>122261</v>
      </c>
      <c r="J35338" s="1" t="s">
        <v>122719</v>
      </c>
    </row>
    <row r="35339" spans="1:10" x14ac:dyDescent="0.35">
      <c r="A35339" s="1" t="s">
        <v>121176</v>
      </c>
      <c r="B35339" s="1" t="s">
        <v>122255</v>
      </c>
      <c r="C35339" s="1" t="s">
        <v>145</v>
      </c>
      <c r="D35339" s="1" t="s">
        <v>122720</v>
      </c>
      <c r="E35339" s="1" t="s">
        <v>122721</v>
      </c>
      <c r="F35339" s="1" t="s">
        <v>122722</v>
      </c>
      <c r="G35339" s="1" t="s">
        <v>122626</v>
      </c>
      <c r="H35339" s="1" t="s">
        <v>122627</v>
      </c>
      <c r="I35339" s="1" t="s">
        <v>122261</v>
      </c>
      <c r="J35339" s="1" t="s">
        <v>122723</v>
      </c>
    </row>
    <row r="35340" spans="1:10" x14ac:dyDescent="0.35">
      <c r="A35340" s="1" t="s">
        <v>121176</v>
      </c>
      <c r="B35340" s="1" t="s">
        <v>122255</v>
      </c>
      <c r="C35340" s="1" t="s">
        <v>150</v>
      </c>
      <c r="D35340" s="1" t="s">
        <v>53006</v>
      </c>
      <c r="E35340" s="1" t="s">
        <v>122724</v>
      </c>
      <c r="F35340" s="1" t="s">
        <v>122725</v>
      </c>
      <c r="G35340" s="1" t="s">
        <v>122626</v>
      </c>
      <c r="H35340" s="1" t="s">
        <v>122627</v>
      </c>
      <c r="I35340" s="1" t="s">
        <v>122261</v>
      </c>
      <c r="J35340" s="1" t="s">
        <v>122726</v>
      </c>
    </row>
    <row r="35341" spans="1:10" x14ac:dyDescent="0.35">
      <c r="A35341" s="1" t="s">
        <v>121176</v>
      </c>
      <c r="B35341" s="1" t="s">
        <v>122255</v>
      </c>
      <c r="C35341" s="1" t="s">
        <v>155</v>
      </c>
      <c r="D35341" s="1" t="s">
        <v>122727</v>
      </c>
      <c r="E35341" s="1" t="s">
        <v>122728</v>
      </c>
      <c r="F35341" s="1" t="s">
        <v>122729</v>
      </c>
      <c r="G35341" s="1" t="s">
        <v>122626</v>
      </c>
      <c r="H35341" s="1" t="s">
        <v>122627</v>
      </c>
      <c r="I35341" s="1" t="s">
        <v>122261</v>
      </c>
      <c r="J35341" s="1" t="s">
        <v>122730</v>
      </c>
    </row>
    <row r="35342" spans="1:10" x14ac:dyDescent="0.35">
      <c r="A35342" s="1" t="s">
        <v>121176</v>
      </c>
      <c r="B35342" s="1" t="s">
        <v>122255</v>
      </c>
      <c r="C35342" s="1" t="s">
        <v>160</v>
      </c>
      <c r="D35342" s="1" t="s">
        <v>69375</v>
      </c>
      <c r="E35342" s="1" t="s">
        <v>122731</v>
      </c>
      <c r="F35342" s="1" t="s">
        <v>122732</v>
      </c>
      <c r="G35342" s="1" t="s">
        <v>122626</v>
      </c>
      <c r="H35342" s="1" t="s">
        <v>122627</v>
      </c>
      <c r="I35342" s="1" t="s">
        <v>122261</v>
      </c>
      <c r="J35342" s="1" t="s">
        <v>122733</v>
      </c>
    </row>
    <row r="35343" spans="1:10" x14ac:dyDescent="0.35">
      <c r="A35343" s="1" t="s">
        <v>121176</v>
      </c>
      <c r="B35343" s="1" t="s">
        <v>122255</v>
      </c>
      <c r="C35343" s="1" t="s">
        <v>165</v>
      </c>
      <c r="D35343" s="1" t="s">
        <v>22660</v>
      </c>
      <c r="E35343" s="1" t="s">
        <v>122734</v>
      </c>
      <c r="F35343" s="1" t="s">
        <v>122735</v>
      </c>
      <c r="G35343" s="1" t="s">
        <v>122626</v>
      </c>
      <c r="H35343" s="1" t="s">
        <v>122627</v>
      </c>
      <c r="I35343" s="1" t="s">
        <v>122261</v>
      </c>
      <c r="J35343" s="1" t="s">
        <v>122736</v>
      </c>
    </row>
    <row r="35344" spans="1:10" x14ac:dyDescent="0.35">
      <c r="A35344" s="1" t="s">
        <v>121176</v>
      </c>
      <c r="B35344" s="1" t="s">
        <v>122255</v>
      </c>
      <c r="C35344" s="1" t="s">
        <v>170</v>
      </c>
      <c r="D35344" s="1" t="s">
        <v>122737</v>
      </c>
      <c r="E35344" s="1" t="s">
        <v>122738</v>
      </c>
      <c r="F35344" s="1" t="s">
        <v>122739</v>
      </c>
      <c r="G35344" s="1" t="s">
        <v>122626</v>
      </c>
      <c r="H35344" s="1" t="s">
        <v>122627</v>
      </c>
      <c r="I35344" s="1" t="s">
        <v>122261</v>
      </c>
      <c r="J35344" s="1" t="s">
        <v>122740</v>
      </c>
    </row>
    <row r="35345" spans="1:10" x14ac:dyDescent="0.35">
      <c r="A35345" s="1" t="s">
        <v>6159</v>
      </c>
      <c r="B35345" s="1" t="s">
        <v>122255</v>
      </c>
      <c r="C35345" s="1" t="s">
        <v>8</v>
      </c>
      <c r="D35345" s="1" t="s">
        <v>122741</v>
      </c>
      <c r="E35345" s="1" t="s">
        <v>122742</v>
      </c>
      <c r="F35345" s="1" t="s">
        <v>122743</v>
      </c>
      <c r="G35345" s="1" t="s">
        <v>122744</v>
      </c>
      <c r="H35345" s="1" t="s">
        <v>122745</v>
      </c>
      <c r="I35345" s="1" t="s">
        <v>122261</v>
      </c>
      <c r="J35345" s="1" t="s">
        <v>13</v>
      </c>
    </row>
    <row r="35346" spans="1:10" x14ac:dyDescent="0.35">
      <c r="A35346" s="1" t="s">
        <v>6159</v>
      </c>
      <c r="B35346" s="1" t="s">
        <v>122255</v>
      </c>
      <c r="C35346" s="1" t="s">
        <v>15</v>
      </c>
      <c r="D35346" s="1" t="s">
        <v>106008</v>
      </c>
      <c r="E35346" s="1" t="s">
        <v>122746</v>
      </c>
      <c r="F35346" s="1" t="s">
        <v>122747</v>
      </c>
      <c r="G35346" s="1" t="s">
        <v>122744</v>
      </c>
      <c r="H35346" s="1" t="s">
        <v>122745</v>
      </c>
      <c r="I35346" s="1" t="s">
        <v>122261</v>
      </c>
      <c r="J35346" s="1" t="s">
        <v>122748</v>
      </c>
    </row>
    <row r="35347" spans="1:10" x14ac:dyDescent="0.35">
      <c r="A35347" s="1" t="s">
        <v>6159</v>
      </c>
      <c r="B35347" s="1" t="s">
        <v>122255</v>
      </c>
      <c r="C35347" s="1" t="s">
        <v>20</v>
      </c>
      <c r="D35347" s="1" t="s">
        <v>122749</v>
      </c>
      <c r="E35347" s="1" t="s">
        <v>122750</v>
      </c>
      <c r="F35347" s="1" t="s">
        <v>122751</v>
      </c>
      <c r="G35347" s="1" t="s">
        <v>122744</v>
      </c>
      <c r="H35347" s="1" t="s">
        <v>122745</v>
      </c>
      <c r="I35347" s="1" t="s">
        <v>122261</v>
      </c>
      <c r="J35347" s="1" t="s">
        <v>122752</v>
      </c>
    </row>
    <row r="35348" spans="1:10" x14ac:dyDescent="0.35">
      <c r="A35348" s="1" t="s">
        <v>6159</v>
      </c>
      <c r="B35348" s="1" t="s">
        <v>122255</v>
      </c>
      <c r="C35348" s="1" t="s">
        <v>25</v>
      </c>
      <c r="D35348" s="1" t="s">
        <v>122753</v>
      </c>
      <c r="E35348" s="1" t="s">
        <v>122754</v>
      </c>
      <c r="F35348" s="1" t="s">
        <v>122755</v>
      </c>
      <c r="G35348" s="1" t="s">
        <v>122744</v>
      </c>
      <c r="H35348" s="1" t="s">
        <v>122745</v>
      </c>
      <c r="I35348" s="1" t="s">
        <v>122261</v>
      </c>
      <c r="J35348" s="1" t="s">
        <v>122756</v>
      </c>
    </row>
    <row r="35349" spans="1:10" x14ac:dyDescent="0.35">
      <c r="A35349" s="1" t="s">
        <v>6159</v>
      </c>
      <c r="B35349" s="1" t="s">
        <v>122255</v>
      </c>
      <c r="C35349" s="1" t="s">
        <v>30</v>
      </c>
      <c r="D35349" s="1" t="s">
        <v>122757</v>
      </c>
      <c r="E35349" s="1" t="s">
        <v>122758</v>
      </c>
      <c r="F35349" s="1" t="s">
        <v>122759</v>
      </c>
      <c r="G35349" s="1" t="s">
        <v>122744</v>
      </c>
      <c r="H35349" s="1" t="s">
        <v>122745</v>
      </c>
      <c r="I35349" s="1" t="s">
        <v>122261</v>
      </c>
      <c r="J35349" s="1" t="s">
        <v>122760</v>
      </c>
    </row>
    <row r="35350" spans="1:10" x14ac:dyDescent="0.35">
      <c r="A35350" s="1" t="s">
        <v>6159</v>
      </c>
      <c r="B35350" s="1" t="s">
        <v>122255</v>
      </c>
      <c r="C35350" s="1" t="s">
        <v>35</v>
      </c>
      <c r="D35350" s="1" t="s">
        <v>64022</v>
      </c>
      <c r="E35350" s="1" t="s">
        <v>122761</v>
      </c>
      <c r="F35350" s="1" t="s">
        <v>122762</v>
      </c>
      <c r="G35350" s="1" t="s">
        <v>122744</v>
      </c>
      <c r="H35350" s="1" t="s">
        <v>122745</v>
      </c>
      <c r="I35350" s="1" t="s">
        <v>122261</v>
      </c>
      <c r="J35350" s="1" t="s">
        <v>122763</v>
      </c>
    </row>
    <row r="35351" spans="1:10" x14ac:dyDescent="0.35">
      <c r="A35351" s="1" t="s">
        <v>6159</v>
      </c>
      <c r="B35351" s="1" t="s">
        <v>122255</v>
      </c>
      <c r="C35351" s="1" t="s">
        <v>40</v>
      </c>
      <c r="D35351" s="1" t="s">
        <v>122764</v>
      </c>
      <c r="E35351" s="1" t="s">
        <v>122765</v>
      </c>
      <c r="F35351" s="1" t="s">
        <v>122766</v>
      </c>
      <c r="G35351" s="1" t="s">
        <v>122744</v>
      </c>
      <c r="H35351" s="1" t="s">
        <v>122745</v>
      </c>
      <c r="I35351" s="1" t="s">
        <v>122261</v>
      </c>
      <c r="J35351" s="1" t="s">
        <v>122767</v>
      </c>
    </row>
    <row r="35352" spans="1:10" x14ac:dyDescent="0.35">
      <c r="A35352" s="1" t="s">
        <v>6159</v>
      </c>
      <c r="B35352" s="1" t="s">
        <v>122255</v>
      </c>
      <c r="C35352" s="1" t="s">
        <v>45</v>
      </c>
      <c r="D35352" s="1" t="s">
        <v>122768</v>
      </c>
      <c r="E35352" s="1" t="s">
        <v>122769</v>
      </c>
      <c r="F35352" s="1" t="s">
        <v>122770</v>
      </c>
      <c r="G35352" s="1" t="s">
        <v>122744</v>
      </c>
      <c r="H35352" s="1" t="s">
        <v>122745</v>
      </c>
      <c r="I35352" s="1" t="s">
        <v>122261</v>
      </c>
      <c r="J35352" s="1" t="s">
        <v>122771</v>
      </c>
    </row>
    <row r="35353" spans="1:10" x14ac:dyDescent="0.35">
      <c r="A35353" s="1" t="s">
        <v>6159</v>
      </c>
      <c r="B35353" s="1" t="s">
        <v>122255</v>
      </c>
      <c r="C35353" s="1" t="s">
        <v>50</v>
      </c>
      <c r="D35353" s="1" t="s">
        <v>87867</v>
      </c>
      <c r="E35353" s="1" t="s">
        <v>122772</v>
      </c>
      <c r="F35353" s="1" t="s">
        <v>122773</v>
      </c>
      <c r="G35353" s="1" t="s">
        <v>122744</v>
      </c>
      <c r="H35353" s="1" t="s">
        <v>122745</v>
      </c>
      <c r="I35353" s="1" t="s">
        <v>122261</v>
      </c>
      <c r="J35353" s="1" t="s">
        <v>122774</v>
      </c>
    </row>
    <row r="35354" spans="1:10" x14ac:dyDescent="0.35">
      <c r="A35354" s="1" t="s">
        <v>6159</v>
      </c>
      <c r="B35354" s="1" t="s">
        <v>122255</v>
      </c>
      <c r="C35354" s="1" t="s">
        <v>55</v>
      </c>
      <c r="D35354" s="1" t="s">
        <v>122775</v>
      </c>
      <c r="E35354" s="1" t="s">
        <v>122776</v>
      </c>
      <c r="F35354" s="1" t="s">
        <v>122777</v>
      </c>
      <c r="G35354" s="1" t="s">
        <v>122744</v>
      </c>
      <c r="H35354" s="1" t="s">
        <v>122745</v>
      </c>
      <c r="I35354" s="1" t="s">
        <v>122261</v>
      </c>
      <c r="J35354" s="1" t="s">
        <v>122778</v>
      </c>
    </row>
    <row r="35355" spans="1:10" x14ac:dyDescent="0.35">
      <c r="A35355" s="1" t="s">
        <v>6159</v>
      </c>
      <c r="B35355" s="1" t="s">
        <v>122255</v>
      </c>
      <c r="C35355" s="1" t="s">
        <v>60</v>
      </c>
      <c r="D35355" s="1" t="s">
        <v>68819</v>
      </c>
      <c r="E35355" s="1" t="s">
        <v>122779</v>
      </c>
      <c r="F35355" s="1" t="s">
        <v>122780</v>
      </c>
      <c r="G35355" s="1" t="s">
        <v>122744</v>
      </c>
      <c r="H35355" s="1" t="s">
        <v>122745</v>
      </c>
      <c r="I35355" s="1" t="s">
        <v>122261</v>
      </c>
      <c r="J35355" s="1" t="s">
        <v>122781</v>
      </c>
    </row>
    <row r="35356" spans="1:10" x14ac:dyDescent="0.35">
      <c r="A35356" s="1" t="s">
        <v>6159</v>
      </c>
      <c r="B35356" s="1" t="s">
        <v>122255</v>
      </c>
      <c r="C35356" s="1" t="s">
        <v>65</v>
      </c>
      <c r="D35356" s="1" t="s">
        <v>69214</v>
      </c>
      <c r="E35356" s="1" t="s">
        <v>122782</v>
      </c>
      <c r="F35356" s="1" t="s">
        <v>122783</v>
      </c>
      <c r="G35356" s="1" t="s">
        <v>122744</v>
      </c>
      <c r="H35356" s="1" t="s">
        <v>122745</v>
      </c>
      <c r="I35356" s="1" t="s">
        <v>122261</v>
      </c>
      <c r="J35356" s="1" t="s">
        <v>122784</v>
      </c>
    </row>
    <row r="35357" spans="1:10" x14ac:dyDescent="0.35">
      <c r="A35357" s="1" t="s">
        <v>6159</v>
      </c>
      <c r="B35357" s="1" t="s">
        <v>122255</v>
      </c>
      <c r="C35357" s="1" t="s">
        <v>70</v>
      </c>
      <c r="D35357" s="1" t="s">
        <v>85640</v>
      </c>
      <c r="E35357" s="1" t="s">
        <v>122785</v>
      </c>
      <c r="F35357" s="1" t="s">
        <v>122786</v>
      </c>
      <c r="G35357" s="1" t="s">
        <v>122744</v>
      </c>
      <c r="H35357" s="1" t="s">
        <v>122745</v>
      </c>
      <c r="I35357" s="1" t="s">
        <v>122261</v>
      </c>
      <c r="J35357" s="1" t="s">
        <v>122787</v>
      </c>
    </row>
    <row r="35358" spans="1:10" x14ac:dyDescent="0.35">
      <c r="A35358" s="1" t="s">
        <v>6159</v>
      </c>
      <c r="B35358" s="1" t="s">
        <v>122255</v>
      </c>
      <c r="C35358" s="1" t="s">
        <v>75</v>
      </c>
      <c r="D35358" s="1" t="s">
        <v>122788</v>
      </c>
      <c r="E35358" s="1" t="s">
        <v>122789</v>
      </c>
      <c r="F35358" s="1" t="s">
        <v>122790</v>
      </c>
      <c r="G35358" s="1" t="s">
        <v>122744</v>
      </c>
      <c r="H35358" s="1" t="s">
        <v>122745</v>
      </c>
      <c r="I35358" s="1" t="s">
        <v>122261</v>
      </c>
      <c r="J35358" s="1" t="s">
        <v>122791</v>
      </c>
    </row>
    <row r="35359" spans="1:10" x14ac:dyDescent="0.35">
      <c r="A35359" s="1" t="s">
        <v>6159</v>
      </c>
      <c r="B35359" s="1" t="s">
        <v>122255</v>
      </c>
      <c r="C35359" s="1" t="s">
        <v>80</v>
      </c>
      <c r="D35359" s="1" t="s">
        <v>62708</v>
      </c>
      <c r="E35359" s="1" t="s">
        <v>122792</v>
      </c>
      <c r="F35359" s="1" t="s">
        <v>122793</v>
      </c>
      <c r="G35359" s="1" t="s">
        <v>122744</v>
      </c>
      <c r="H35359" s="1" t="s">
        <v>122745</v>
      </c>
      <c r="I35359" s="1" t="s">
        <v>122261</v>
      </c>
      <c r="J35359" s="1" t="s">
        <v>122794</v>
      </c>
    </row>
    <row r="35360" spans="1:10" x14ac:dyDescent="0.35">
      <c r="A35360" s="1" t="s">
        <v>6159</v>
      </c>
      <c r="B35360" s="1" t="s">
        <v>122255</v>
      </c>
      <c r="C35360" s="1" t="s">
        <v>85</v>
      </c>
      <c r="D35360" s="1" t="s">
        <v>76492</v>
      </c>
      <c r="E35360" s="1" t="s">
        <v>122795</v>
      </c>
      <c r="F35360" s="1" t="s">
        <v>122796</v>
      </c>
      <c r="G35360" s="1" t="s">
        <v>122744</v>
      </c>
      <c r="H35360" s="1" t="s">
        <v>122745</v>
      </c>
      <c r="I35360" s="1" t="s">
        <v>122261</v>
      </c>
      <c r="J35360" s="1" t="s">
        <v>122797</v>
      </c>
    </row>
    <row r="35361" spans="1:10" x14ac:dyDescent="0.35">
      <c r="A35361" s="1" t="s">
        <v>6159</v>
      </c>
      <c r="B35361" s="1" t="s">
        <v>122255</v>
      </c>
      <c r="C35361" s="1" t="s">
        <v>90</v>
      </c>
      <c r="D35361" s="1" t="s">
        <v>122798</v>
      </c>
      <c r="E35361" s="1" t="s">
        <v>122799</v>
      </c>
      <c r="F35361" s="1" t="s">
        <v>122800</v>
      </c>
      <c r="G35361" s="1" t="s">
        <v>122744</v>
      </c>
      <c r="H35361" s="1" t="s">
        <v>122745</v>
      </c>
      <c r="I35361" s="1" t="s">
        <v>122261</v>
      </c>
      <c r="J35361" s="1" t="s">
        <v>122801</v>
      </c>
    </row>
    <row r="35362" spans="1:10" x14ac:dyDescent="0.35">
      <c r="A35362" s="1" t="s">
        <v>6159</v>
      </c>
      <c r="B35362" s="1" t="s">
        <v>122255</v>
      </c>
      <c r="C35362" s="1" t="s">
        <v>95</v>
      </c>
      <c r="D35362" s="1" t="s">
        <v>122802</v>
      </c>
      <c r="E35362" s="1" t="s">
        <v>122803</v>
      </c>
      <c r="F35362" s="1" t="s">
        <v>122804</v>
      </c>
      <c r="G35362" s="1" t="s">
        <v>122744</v>
      </c>
      <c r="H35362" s="1" t="s">
        <v>122745</v>
      </c>
      <c r="I35362" s="1" t="s">
        <v>122261</v>
      </c>
      <c r="J35362" s="1" t="s">
        <v>122805</v>
      </c>
    </row>
    <row r="35363" spans="1:10" x14ac:dyDescent="0.35">
      <c r="A35363" s="1" t="s">
        <v>6159</v>
      </c>
      <c r="B35363" s="1" t="s">
        <v>122255</v>
      </c>
      <c r="C35363" s="1" t="s">
        <v>100</v>
      </c>
      <c r="D35363" s="1" t="s">
        <v>67313</v>
      </c>
      <c r="E35363" s="1" t="s">
        <v>122806</v>
      </c>
      <c r="F35363" s="1" t="s">
        <v>122807</v>
      </c>
      <c r="G35363" s="1" t="s">
        <v>122744</v>
      </c>
      <c r="H35363" s="1" t="s">
        <v>122745</v>
      </c>
      <c r="I35363" s="1" t="s">
        <v>122261</v>
      </c>
      <c r="J35363" s="1" t="s">
        <v>122808</v>
      </c>
    </row>
    <row r="35364" spans="1:10" x14ac:dyDescent="0.35">
      <c r="A35364" s="1" t="s">
        <v>6159</v>
      </c>
      <c r="B35364" s="1" t="s">
        <v>122255</v>
      </c>
      <c r="C35364" s="1" t="s">
        <v>105</v>
      </c>
      <c r="D35364" s="1" t="s">
        <v>122809</v>
      </c>
      <c r="E35364" s="1" t="s">
        <v>122810</v>
      </c>
      <c r="F35364" s="1" t="s">
        <v>122811</v>
      </c>
      <c r="G35364" s="1" t="s">
        <v>122744</v>
      </c>
      <c r="H35364" s="1" t="s">
        <v>122745</v>
      </c>
      <c r="I35364" s="1" t="s">
        <v>122261</v>
      </c>
      <c r="J35364" s="1" t="s">
        <v>122812</v>
      </c>
    </row>
    <row r="35365" spans="1:10" x14ac:dyDescent="0.35">
      <c r="A35365" s="1" t="s">
        <v>6159</v>
      </c>
      <c r="B35365" s="1" t="s">
        <v>122255</v>
      </c>
      <c r="C35365" s="1" t="s">
        <v>110</v>
      </c>
      <c r="D35365" s="1" t="s">
        <v>122813</v>
      </c>
      <c r="E35365" s="1" t="s">
        <v>122814</v>
      </c>
      <c r="F35365" s="1" t="s">
        <v>122815</v>
      </c>
      <c r="G35365" s="1" t="s">
        <v>122744</v>
      </c>
      <c r="H35365" s="1" t="s">
        <v>122745</v>
      </c>
      <c r="I35365" s="1" t="s">
        <v>122261</v>
      </c>
      <c r="J35365" s="1" t="s">
        <v>122816</v>
      </c>
    </row>
    <row r="35366" spans="1:10" x14ac:dyDescent="0.35">
      <c r="A35366" s="1" t="s">
        <v>6159</v>
      </c>
      <c r="B35366" s="1" t="s">
        <v>122255</v>
      </c>
      <c r="C35366" s="1" t="s">
        <v>115</v>
      </c>
      <c r="D35366" s="1" t="s">
        <v>122817</v>
      </c>
      <c r="E35366" s="1" t="s">
        <v>122818</v>
      </c>
      <c r="F35366" s="1" t="s">
        <v>122819</v>
      </c>
      <c r="G35366" s="1" t="s">
        <v>122744</v>
      </c>
      <c r="H35366" s="1" t="s">
        <v>122745</v>
      </c>
      <c r="I35366" s="1" t="s">
        <v>122261</v>
      </c>
      <c r="J35366" s="1" t="s">
        <v>122820</v>
      </c>
    </row>
    <row r="35367" spans="1:10" x14ac:dyDescent="0.35">
      <c r="A35367" s="1" t="s">
        <v>6159</v>
      </c>
      <c r="B35367" s="1" t="s">
        <v>122255</v>
      </c>
      <c r="C35367" s="1" t="s">
        <v>120</v>
      </c>
      <c r="D35367" s="1" t="s">
        <v>122821</v>
      </c>
      <c r="E35367" s="1" t="s">
        <v>122822</v>
      </c>
      <c r="F35367" s="1" t="s">
        <v>122823</v>
      </c>
      <c r="G35367" s="1" t="s">
        <v>122744</v>
      </c>
      <c r="H35367" s="1" t="s">
        <v>122745</v>
      </c>
      <c r="I35367" s="1" t="s">
        <v>122261</v>
      </c>
      <c r="J35367" s="1" t="s">
        <v>122824</v>
      </c>
    </row>
    <row r="35368" spans="1:10" x14ac:dyDescent="0.35">
      <c r="A35368" s="1" t="s">
        <v>6159</v>
      </c>
      <c r="B35368" s="1" t="s">
        <v>122255</v>
      </c>
      <c r="C35368" s="1" t="s">
        <v>125</v>
      </c>
      <c r="D35368" s="1" t="s">
        <v>89288</v>
      </c>
      <c r="E35368" s="1" t="s">
        <v>122825</v>
      </c>
      <c r="F35368" s="1" t="s">
        <v>122826</v>
      </c>
      <c r="G35368" s="1" t="s">
        <v>122744</v>
      </c>
      <c r="H35368" s="1" t="s">
        <v>122745</v>
      </c>
      <c r="I35368" s="1" t="s">
        <v>122261</v>
      </c>
      <c r="J35368" s="1" t="s">
        <v>122827</v>
      </c>
    </row>
    <row r="35369" spans="1:10" x14ac:dyDescent="0.35">
      <c r="A35369" s="1" t="s">
        <v>6159</v>
      </c>
      <c r="B35369" s="1" t="s">
        <v>122255</v>
      </c>
      <c r="C35369" s="1" t="s">
        <v>130</v>
      </c>
      <c r="D35369" s="1" t="s">
        <v>122828</v>
      </c>
      <c r="E35369" s="1" t="s">
        <v>122829</v>
      </c>
      <c r="F35369" s="1" t="s">
        <v>122830</v>
      </c>
      <c r="G35369" s="1" t="s">
        <v>122744</v>
      </c>
      <c r="H35369" s="1" t="s">
        <v>122745</v>
      </c>
      <c r="I35369" s="1" t="s">
        <v>122261</v>
      </c>
      <c r="J35369" s="1" t="s">
        <v>122831</v>
      </c>
    </row>
    <row r="35370" spans="1:10" x14ac:dyDescent="0.35">
      <c r="A35370" s="1" t="s">
        <v>6159</v>
      </c>
      <c r="B35370" s="1" t="s">
        <v>122255</v>
      </c>
      <c r="C35370" s="1" t="s">
        <v>135</v>
      </c>
      <c r="D35370" s="1" t="s">
        <v>122832</v>
      </c>
      <c r="E35370" s="1" t="s">
        <v>122833</v>
      </c>
      <c r="F35370" s="1" t="s">
        <v>122834</v>
      </c>
      <c r="G35370" s="1" t="s">
        <v>122744</v>
      </c>
      <c r="H35370" s="1" t="s">
        <v>122745</v>
      </c>
      <c r="I35370" s="1" t="s">
        <v>122261</v>
      </c>
      <c r="J35370" s="1" t="s">
        <v>122835</v>
      </c>
    </row>
    <row r="35371" spans="1:10" x14ac:dyDescent="0.35">
      <c r="A35371" s="1" t="s">
        <v>6159</v>
      </c>
      <c r="B35371" s="1" t="s">
        <v>122255</v>
      </c>
      <c r="C35371" s="1" t="s">
        <v>140</v>
      </c>
      <c r="D35371" s="1" t="s">
        <v>92380</v>
      </c>
      <c r="E35371" s="1" t="s">
        <v>122836</v>
      </c>
      <c r="F35371" s="1" t="s">
        <v>122837</v>
      </c>
      <c r="G35371" s="1" t="s">
        <v>122744</v>
      </c>
      <c r="H35371" s="1" t="s">
        <v>122745</v>
      </c>
      <c r="I35371" s="1" t="s">
        <v>122261</v>
      </c>
      <c r="J35371" s="1" t="s">
        <v>122838</v>
      </c>
    </row>
    <row r="35372" spans="1:10" x14ac:dyDescent="0.35">
      <c r="A35372" s="1" t="s">
        <v>6159</v>
      </c>
      <c r="B35372" s="1" t="s">
        <v>122255</v>
      </c>
      <c r="C35372" s="1" t="s">
        <v>145</v>
      </c>
      <c r="D35372" s="1" t="s">
        <v>122839</v>
      </c>
      <c r="E35372" s="1" t="s">
        <v>122840</v>
      </c>
      <c r="F35372" s="1" t="s">
        <v>122841</v>
      </c>
      <c r="G35372" s="1" t="s">
        <v>122744</v>
      </c>
      <c r="H35372" s="1" t="s">
        <v>122745</v>
      </c>
      <c r="I35372" s="1" t="s">
        <v>122261</v>
      </c>
      <c r="J35372" s="1" t="s">
        <v>122842</v>
      </c>
    </row>
    <row r="35373" spans="1:10" x14ac:dyDescent="0.35">
      <c r="A35373" s="1" t="s">
        <v>6159</v>
      </c>
      <c r="B35373" s="1" t="s">
        <v>122255</v>
      </c>
      <c r="C35373" s="1" t="s">
        <v>150</v>
      </c>
      <c r="D35373" s="1" t="s">
        <v>122843</v>
      </c>
      <c r="E35373" s="1" t="s">
        <v>122844</v>
      </c>
      <c r="F35373" s="1" t="s">
        <v>122845</v>
      </c>
      <c r="G35373" s="1" t="s">
        <v>122744</v>
      </c>
      <c r="H35373" s="1" t="s">
        <v>122745</v>
      </c>
      <c r="I35373" s="1" t="s">
        <v>122261</v>
      </c>
      <c r="J35373" s="1" t="s">
        <v>122846</v>
      </c>
    </row>
    <row r="35374" spans="1:10" x14ac:dyDescent="0.35">
      <c r="A35374" s="1" t="s">
        <v>6159</v>
      </c>
      <c r="B35374" s="1" t="s">
        <v>122255</v>
      </c>
      <c r="C35374" s="1" t="s">
        <v>155</v>
      </c>
      <c r="D35374" s="1" t="s">
        <v>122847</v>
      </c>
      <c r="E35374" s="1" t="s">
        <v>122848</v>
      </c>
      <c r="F35374" s="1" t="s">
        <v>122849</v>
      </c>
      <c r="G35374" s="1" t="s">
        <v>122744</v>
      </c>
      <c r="H35374" s="1" t="s">
        <v>122745</v>
      </c>
      <c r="I35374" s="1" t="s">
        <v>122261</v>
      </c>
      <c r="J35374" s="1" t="s">
        <v>122850</v>
      </c>
    </row>
    <row r="35375" spans="1:10" x14ac:dyDescent="0.35">
      <c r="A35375" s="1" t="s">
        <v>6159</v>
      </c>
      <c r="B35375" s="1" t="s">
        <v>122255</v>
      </c>
      <c r="C35375" s="1" t="s">
        <v>160</v>
      </c>
      <c r="D35375" s="1" t="s">
        <v>122851</v>
      </c>
      <c r="E35375" s="1" t="s">
        <v>122852</v>
      </c>
      <c r="F35375" s="1" t="s">
        <v>122853</v>
      </c>
      <c r="G35375" s="1" t="s">
        <v>122744</v>
      </c>
      <c r="H35375" s="1" t="s">
        <v>122745</v>
      </c>
      <c r="I35375" s="1" t="s">
        <v>122261</v>
      </c>
      <c r="J35375" s="1" t="s">
        <v>122854</v>
      </c>
    </row>
    <row r="35376" spans="1:10" x14ac:dyDescent="0.35">
      <c r="A35376" s="1" t="s">
        <v>6159</v>
      </c>
      <c r="B35376" s="1" t="s">
        <v>122255</v>
      </c>
      <c r="C35376" s="1" t="s">
        <v>165</v>
      </c>
      <c r="D35376" s="1" t="s">
        <v>122855</v>
      </c>
      <c r="E35376" s="1" t="s">
        <v>122856</v>
      </c>
      <c r="F35376" s="1" t="s">
        <v>122857</v>
      </c>
      <c r="G35376" s="1" t="s">
        <v>122744</v>
      </c>
      <c r="H35376" s="1" t="s">
        <v>122745</v>
      </c>
      <c r="I35376" s="1" t="s">
        <v>122261</v>
      </c>
      <c r="J35376" s="1" t="s">
        <v>122858</v>
      </c>
    </row>
    <row r="35377" spans="1:10" x14ac:dyDescent="0.35">
      <c r="A35377" s="1" t="s">
        <v>6159</v>
      </c>
      <c r="B35377" s="1" t="s">
        <v>122255</v>
      </c>
      <c r="C35377" s="1" t="s">
        <v>170</v>
      </c>
      <c r="D35377" s="1" t="s">
        <v>122859</v>
      </c>
      <c r="E35377" s="1" t="s">
        <v>122860</v>
      </c>
      <c r="F35377" s="1" t="s">
        <v>122861</v>
      </c>
      <c r="G35377" s="1" t="s">
        <v>122744</v>
      </c>
      <c r="H35377" s="1" t="s">
        <v>122745</v>
      </c>
      <c r="I35377" s="1" t="s">
        <v>122261</v>
      </c>
      <c r="J35377" s="1" t="s">
        <v>122862</v>
      </c>
    </row>
    <row r="35378" spans="1:10" x14ac:dyDescent="0.35">
      <c r="A35378" s="1" t="s">
        <v>4289</v>
      </c>
      <c r="B35378" s="1" t="s">
        <v>122255</v>
      </c>
      <c r="C35378" s="1" t="s">
        <v>8</v>
      </c>
      <c r="D35378" s="1" t="s">
        <v>122863</v>
      </c>
      <c r="E35378" s="1" t="s">
        <v>122864</v>
      </c>
      <c r="F35378" s="1" t="s">
        <v>122865</v>
      </c>
      <c r="G35378" s="1" t="s">
        <v>122866</v>
      </c>
      <c r="H35378" s="1" t="s">
        <v>122867</v>
      </c>
      <c r="I35378" s="1" t="s">
        <v>122261</v>
      </c>
      <c r="J35378" s="1" t="s">
        <v>13</v>
      </c>
    </row>
    <row r="35379" spans="1:10" x14ac:dyDescent="0.35">
      <c r="A35379" s="1" t="s">
        <v>4289</v>
      </c>
      <c r="B35379" s="1" t="s">
        <v>122255</v>
      </c>
      <c r="C35379" s="1" t="s">
        <v>15</v>
      </c>
      <c r="D35379" s="1" t="s">
        <v>122868</v>
      </c>
      <c r="E35379" s="1" t="s">
        <v>122869</v>
      </c>
      <c r="F35379" s="1" t="s">
        <v>122870</v>
      </c>
      <c r="G35379" s="1" t="s">
        <v>122866</v>
      </c>
      <c r="H35379" s="1" t="s">
        <v>122867</v>
      </c>
      <c r="I35379" s="1" t="s">
        <v>122261</v>
      </c>
      <c r="J35379" s="1" t="s">
        <v>122871</v>
      </c>
    </row>
    <row r="35380" spans="1:10" x14ac:dyDescent="0.35">
      <c r="A35380" s="1" t="s">
        <v>4289</v>
      </c>
      <c r="B35380" s="1" t="s">
        <v>122255</v>
      </c>
      <c r="C35380" s="1" t="s">
        <v>20</v>
      </c>
      <c r="D35380" s="1" t="s">
        <v>122872</v>
      </c>
      <c r="E35380" s="1" t="s">
        <v>122873</v>
      </c>
      <c r="F35380" s="1" t="s">
        <v>122874</v>
      </c>
      <c r="G35380" s="1" t="s">
        <v>122866</v>
      </c>
      <c r="H35380" s="1" t="s">
        <v>122867</v>
      </c>
      <c r="I35380" s="1" t="s">
        <v>122261</v>
      </c>
      <c r="J35380" s="1" t="s">
        <v>122875</v>
      </c>
    </row>
    <row r="35381" spans="1:10" x14ac:dyDescent="0.35">
      <c r="A35381" s="1" t="s">
        <v>4289</v>
      </c>
      <c r="B35381" s="1" t="s">
        <v>122255</v>
      </c>
      <c r="C35381" s="1" t="s">
        <v>25</v>
      </c>
      <c r="D35381" s="1" t="s">
        <v>106732</v>
      </c>
      <c r="E35381" s="1" t="s">
        <v>122876</v>
      </c>
      <c r="F35381" s="1" t="s">
        <v>122877</v>
      </c>
      <c r="G35381" s="1" t="s">
        <v>122866</v>
      </c>
      <c r="H35381" s="1" t="s">
        <v>122867</v>
      </c>
      <c r="I35381" s="1" t="s">
        <v>122261</v>
      </c>
      <c r="J35381" s="1" t="s">
        <v>122878</v>
      </c>
    </row>
    <row r="35382" spans="1:10" x14ac:dyDescent="0.35">
      <c r="A35382" s="1" t="s">
        <v>4289</v>
      </c>
      <c r="B35382" s="1" t="s">
        <v>122255</v>
      </c>
      <c r="C35382" s="1" t="s">
        <v>30</v>
      </c>
      <c r="D35382" s="1" t="s">
        <v>78714</v>
      </c>
      <c r="E35382" s="1" t="s">
        <v>122879</v>
      </c>
      <c r="F35382" s="1" t="s">
        <v>122880</v>
      </c>
      <c r="G35382" s="1" t="s">
        <v>122866</v>
      </c>
      <c r="H35382" s="1" t="s">
        <v>122867</v>
      </c>
      <c r="I35382" s="1" t="s">
        <v>122261</v>
      </c>
      <c r="J35382" s="1" t="s">
        <v>122881</v>
      </c>
    </row>
    <row r="35383" spans="1:10" x14ac:dyDescent="0.35">
      <c r="A35383" s="1" t="s">
        <v>4289</v>
      </c>
      <c r="B35383" s="1" t="s">
        <v>122255</v>
      </c>
      <c r="C35383" s="1" t="s">
        <v>35</v>
      </c>
      <c r="D35383" s="1" t="s">
        <v>58484</v>
      </c>
      <c r="E35383" s="1" t="s">
        <v>122882</v>
      </c>
      <c r="F35383" s="1" t="s">
        <v>122883</v>
      </c>
      <c r="G35383" s="1" t="s">
        <v>122866</v>
      </c>
      <c r="H35383" s="1" t="s">
        <v>122867</v>
      </c>
      <c r="I35383" s="1" t="s">
        <v>122261</v>
      </c>
      <c r="J35383" s="1" t="s">
        <v>122884</v>
      </c>
    </row>
    <row r="35384" spans="1:10" x14ac:dyDescent="0.35">
      <c r="A35384" s="1" t="s">
        <v>4289</v>
      </c>
      <c r="B35384" s="1" t="s">
        <v>122255</v>
      </c>
      <c r="C35384" s="1" t="s">
        <v>40</v>
      </c>
      <c r="D35384" s="1" t="s">
        <v>92301</v>
      </c>
      <c r="E35384" s="1" t="s">
        <v>122885</v>
      </c>
      <c r="F35384" s="1" t="s">
        <v>122886</v>
      </c>
      <c r="G35384" s="1" t="s">
        <v>122866</v>
      </c>
      <c r="H35384" s="1" t="s">
        <v>122867</v>
      </c>
      <c r="I35384" s="1" t="s">
        <v>122261</v>
      </c>
      <c r="J35384" s="1" t="s">
        <v>122887</v>
      </c>
    </row>
    <row r="35385" spans="1:10" x14ac:dyDescent="0.35">
      <c r="A35385" s="1" t="s">
        <v>4289</v>
      </c>
      <c r="B35385" s="1" t="s">
        <v>122255</v>
      </c>
      <c r="C35385" s="1" t="s">
        <v>45</v>
      </c>
      <c r="D35385" s="1" t="s">
        <v>122888</v>
      </c>
      <c r="E35385" s="1" t="s">
        <v>122889</v>
      </c>
      <c r="F35385" s="1" t="s">
        <v>122890</v>
      </c>
      <c r="G35385" s="1" t="s">
        <v>122866</v>
      </c>
      <c r="H35385" s="1" t="s">
        <v>122867</v>
      </c>
      <c r="I35385" s="1" t="s">
        <v>122261</v>
      </c>
      <c r="J35385" s="1" t="s">
        <v>122891</v>
      </c>
    </row>
    <row r="35386" spans="1:10" x14ac:dyDescent="0.35">
      <c r="A35386" s="1" t="s">
        <v>4289</v>
      </c>
      <c r="B35386" s="1" t="s">
        <v>122255</v>
      </c>
      <c r="C35386" s="1" t="s">
        <v>50</v>
      </c>
      <c r="D35386" s="1" t="s">
        <v>27103</v>
      </c>
      <c r="E35386" s="1" t="s">
        <v>122892</v>
      </c>
      <c r="F35386" s="1" t="s">
        <v>122893</v>
      </c>
      <c r="G35386" s="1" t="s">
        <v>122866</v>
      </c>
      <c r="H35386" s="1" t="s">
        <v>122867</v>
      </c>
      <c r="I35386" s="1" t="s">
        <v>122261</v>
      </c>
      <c r="J35386" s="1" t="s">
        <v>122894</v>
      </c>
    </row>
    <row r="35387" spans="1:10" x14ac:dyDescent="0.35">
      <c r="A35387" s="1" t="s">
        <v>4289</v>
      </c>
      <c r="B35387" s="1" t="s">
        <v>122255</v>
      </c>
      <c r="C35387" s="1" t="s">
        <v>55</v>
      </c>
      <c r="D35387" s="1" t="s">
        <v>63146</v>
      </c>
      <c r="E35387" s="1" t="s">
        <v>122895</v>
      </c>
      <c r="F35387" s="1" t="s">
        <v>122896</v>
      </c>
      <c r="G35387" s="1" t="s">
        <v>122866</v>
      </c>
      <c r="H35387" s="1" t="s">
        <v>122867</v>
      </c>
      <c r="I35387" s="1" t="s">
        <v>122261</v>
      </c>
      <c r="J35387" s="1" t="s">
        <v>122897</v>
      </c>
    </row>
    <row r="35388" spans="1:10" x14ac:dyDescent="0.35">
      <c r="A35388" s="1" t="s">
        <v>4289</v>
      </c>
      <c r="B35388" s="1" t="s">
        <v>122255</v>
      </c>
      <c r="C35388" s="1" t="s">
        <v>60</v>
      </c>
      <c r="D35388" s="1" t="s">
        <v>122898</v>
      </c>
      <c r="E35388" s="1" t="s">
        <v>122899</v>
      </c>
      <c r="F35388" s="1" t="s">
        <v>122900</v>
      </c>
      <c r="G35388" s="1" t="s">
        <v>122866</v>
      </c>
      <c r="H35388" s="1" t="s">
        <v>122867</v>
      </c>
      <c r="I35388" s="1" t="s">
        <v>122261</v>
      </c>
      <c r="J35388" s="1" t="s">
        <v>122901</v>
      </c>
    </row>
    <row r="35389" spans="1:10" x14ac:dyDescent="0.35">
      <c r="A35389" s="1" t="s">
        <v>4289</v>
      </c>
      <c r="B35389" s="1" t="s">
        <v>122255</v>
      </c>
      <c r="C35389" s="1" t="s">
        <v>65</v>
      </c>
      <c r="D35389" s="1" t="s">
        <v>122902</v>
      </c>
      <c r="E35389" s="1" t="s">
        <v>122903</v>
      </c>
      <c r="F35389" s="1" t="s">
        <v>122904</v>
      </c>
      <c r="G35389" s="1" t="s">
        <v>122866</v>
      </c>
      <c r="H35389" s="1" t="s">
        <v>122867</v>
      </c>
      <c r="I35389" s="1" t="s">
        <v>122261</v>
      </c>
      <c r="J35389" s="1" t="s">
        <v>122905</v>
      </c>
    </row>
    <row r="35390" spans="1:10" x14ac:dyDescent="0.35">
      <c r="A35390" s="1" t="s">
        <v>4289</v>
      </c>
      <c r="B35390" s="1" t="s">
        <v>122255</v>
      </c>
      <c r="C35390" s="1" t="s">
        <v>70</v>
      </c>
      <c r="D35390" s="1" t="s">
        <v>122906</v>
      </c>
      <c r="E35390" s="1" t="s">
        <v>122907</v>
      </c>
      <c r="F35390" s="1" t="s">
        <v>122908</v>
      </c>
      <c r="G35390" s="1" t="s">
        <v>122866</v>
      </c>
      <c r="H35390" s="1" t="s">
        <v>122867</v>
      </c>
      <c r="I35390" s="1" t="s">
        <v>122261</v>
      </c>
      <c r="J35390" s="1" t="s">
        <v>122909</v>
      </c>
    </row>
    <row r="35391" spans="1:10" x14ac:dyDescent="0.35">
      <c r="A35391" s="1" t="s">
        <v>4289</v>
      </c>
      <c r="B35391" s="1" t="s">
        <v>122255</v>
      </c>
      <c r="C35391" s="1" t="s">
        <v>75</v>
      </c>
      <c r="D35391" s="1" t="s">
        <v>122910</v>
      </c>
      <c r="E35391" s="1" t="s">
        <v>122911</v>
      </c>
      <c r="F35391" s="1" t="s">
        <v>122912</v>
      </c>
      <c r="G35391" s="1" t="s">
        <v>122866</v>
      </c>
      <c r="H35391" s="1" t="s">
        <v>122867</v>
      </c>
      <c r="I35391" s="1" t="s">
        <v>122261</v>
      </c>
      <c r="J35391" s="1" t="s">
        <v>122913</v>
      </c>
    </row>
    <row r="35392" spans="1:10" x14ac:dyDescent="0.35">
      <c r="A35392" s="1" t="s">
        <v>4289</v>
      </c>
      <c r="B35392" s="1" t="s">
        <v>122255</v>
      </c>
      <c r="C35392" s="1" t="s">
        <v>80</v>
      </c>
      <c r="D35392" s="1" t="s">
        <v>122914</v>
      </c>
      <c r="E35392" s="1" t="s">
        <v>122915</v>
      </c>
      <c r="F35392" s="1" t="s">
        <v>122916</v>
      </c>
      <c r="G35392" s="1" t="s">
        <v>122866</v>
      </c>
      <c r="H35392" s="1" t="s">
        <v>122867</v>
      </c>
      <c r="I35392" s="1" t="s">
        <v>122261</v>
      </c>
      <c r="J35392" s="1" t="s">
        <v>122917</v>
      </c>
    </row>
    <row r="35393" spans="1:10" x14ac:dyDescent="0.35">
      <c r="A35393" s="1" t="s">
        <v>4289</v>
      </c>
      <c r="B35393" s="1" t="s">
        <v>122255</v>
      </c>
      <c r="C35393" s="1" t="s">
        <v>85</v>
      </c>
      <c r="D35393" s="1" t="s">
        <v>122918</v>
      </c>
      <c r="E35393" s="1" t="s">
        <v>122919</v>
      </c>
      <c r="F35393" s="1" t="s">
        <v>122920</v>
      </c>
      <c r="G35393" s="1" t="s">
        <v>122866</v>
      </c>
      <c r="H35393" s="1" t="s">
        <v>122867</v>
      </c>
      <c r="I35393" s="1" t="s">
        <v>122261</v>
      </c>
      <c r="J35393" s="1" t="s">
        <v>122921</v>
      </c>
    </row>
    <row r="35394" spans="1:10" x14ac:dyDescent="0.35">
      <c r="A35394" s="1" t="s">
        <v>4289</v>
      </c>
      <c r="B35394" s="1" t="s">
        <v>122255</v>
      </c>
      <c r="C35394" s="1" t="s">
        <v>90</v>
      </c>
      <c r="D35394" s="1" t="s">
        <v>122922</v>
      </c>
      <c r="E35394" s="1" t="s">
        <v>122923</v>
      </c>
      <c r="F35394" s="1" t="s">
        <v>122924</v>
      </c>
      <c r="G35394" s="1" t="s">
        <v>122866</v>
      </c>
      <c r="H35394" s="1" t="s">
        <v>122867</v>
      </c>
      <c r="I35394" s="1" t="s">
        <v>122261</v>
      </c>
      <c r="J35394" s="1" t="s">
        <v>122925</v>
      </c>
    </row>
    <row r="35395" spans="1:10" x14ac:dyDescent="0.35">
      <c r="A35395" s="1" t="s">
        <v>4289</v>
      </c>
      <c r="B35395" s="1" t="s">
        <v>122255</v>
      </c>
      <c r="C35395" s="1" t="s">
        <v>95</v>
      </c>
      <c r="D35395" s="1" t="s">
        <v>122926</v>
      </c>
      <c r="E35395" s="1" t="s">
        <v>122927</v>
      </c>
      <c r="F35395" s="1" t="s">
        <v>122928</v>
      </c>
      <c r="G35395" s="1" t="s">
        <v>122866</v>
      </c>
      <c r="H35395" s="1" t="s">
        <v>122867</v>
      </c>
      <c r="I35395" s="1" t="s">
        <v>122261</v>
      </c>
      <c r="J35395" s="1" t="s">
        <v>122929</v>
      </c>
    </row>
    <row r="35396" spans="1:10" x14ac:dyDescent="0.35">
      <c r="A35396" s="1" t="s">
        <v>4289</v>
      </c>
      <c r="B35396" s="1" t="s">
        <v>122255</v>
      </c>
      <c r="C35396" s="1" t="s">
        <v>100</v>
      </c>
      <c r="D35396" s="1" t="s">
        <v>122930</v>
      </c>
      <c r="E35396" s="1" t="s">
        <v>122931</v>
      </c>
      <c r="F35396" s="1" t="s">
        <v>122932</v>
      </c>
      <c r="G35396" s="1" t="s">
        <v>122866</v>
      </c>
      <c r="H35396" s="1" t="s">
        <v>122867</v>
      </c>
      <c r="I35396" s="1" t="s">
        <v>122261</v>
      </c>
      <c r="J35396" s="1" t="s">
        <v>122933</v>
      </c>
    </row>
    <row r="35397" spans="1:10" x14ac:dyDescent="0.35">
      <c r="A35397" s="1" t="s">
        <v>4289</v>
      </c>
      <c r="B35397" s="1" t="s">
        <v>122255</v>
      </c>
      <c r="C35397" s="1" t="s">
        <v>105</v>
      </c>
      <c r="D35397" s="1" t="s">
        <v>122934</v>
      </c>
      <c r="E35397" s="1" t="s">
        <v>122935</v>
      </c>
      <c r="F35397" s="1" t="s">
        <v>122936</v>
      </c>
      <c r="G35397" s="1" t="s">
        <v>122866</v>
      </c>
      <c r="H35397" s="1" t="s">
        <v>122867</v>
      </c>
      <c r="I35397" s="1" t="s">
        <v>122261</v>
      </c>
      <c r="J35397" s="1" t="s">
        <v>122937</v>
      </c>
    </row>
    <row r="35398" spans="1:10" x14ac:dyDescent="0.35">
      <c r="A35398" s="1" t="s">
        <v>4289</v>
      </c>
      <c r="B35398" s="1" t="s">
        <v>122255</v>
      </c>
      <c r="C35398" s="1" t="s">
        <v>110</v>
      </c>
      <c r="D35398" s="1" t="s">
        <v>122938</v>
      </c>
      <c r="E35398" s="1" t="s">
        <v>122939</v>
      </c>
      <c r="F35398" s="1" t="s">
        <v>122940</v>
      </c>
      <c r="G35398" s="1" t="s">
        <v>122866</v>
      </c>
      <c r="H35398" s="1" t="s">
        <v>122867</v>
      </c>
      <c r="I35398" s="1" t="s">
        <v>122261</v>
      </c>
      <c r="J35398" s="1" t="s">
        <v>122941</v>
      </c>
    </row>
    <row r="35399" spans="1:10" x14ac:dyDescent="0.35">
      <c r="A35399" s="1" t="s">
        <v>4289</v>
      </c>
      <c r="B35399" s="1" t="s">
        <v>122255</v>
      </c>
      <c r="C35399" s="1" t="s">
        <v>115</v>
      </c>
      <c r="D35399" s="1" t="s">
        <v>971</v>
      </c>
      <c r="E35399" s="1" t="s">
        <v>122942</v>
      </c>
      <c r="F35399" s="1" t="s">
        <v>122943</v>
      </c>
      <c r="G35399" s="1" t="s">
        <v>122866</v>
      </c>
      <c r="H35399" s="1" t="s">
        <v>122867</v>
      </c>
      <c r="I35399" s="1" t="s">
        <v>122261</v>
      </c>
      <c r="J35399" s="1" t="s">
        <v>122944</v>
      </c>
    </row>
    <row r="35400" spans="1:10" x14ac:dyDescent="0.35">
      <c r="A35400" s="1" t="s">
        <v>4289</v>
      </c>
      <c r="B35400" s="1" t="s">
        <v>122255</v>
      </c>
      <c r="C35400" s="1" t="s">
        <v>120</v>
      </c>
      <c r="D35400" s="1" t="s">
        <v>122945</v>
      </c>
      <c r="E35400" s="1" t="s">
        <v>122946</v>
      </c>
      <c r="F35400" s="1" t="s">
        <v>122947</v>
      </c>
      <c r="G35400" s="1" t="s">
        <v>122866</v>
      </c>
      <c r="H35400" s="1" t="s">
        <v>122867</v>
      </c>
      <c r="I35400" s="1" t="s">
        <v>122261</v>
      </c>
      <c r="J35400" s="1" t="s">
        <v>122948</v>
      </c>
    </row>
    <row r="35401" spans="1:10" x14ac:dyDescent="0.35">
      <c r="A35401" s="1" t="s">
        <v>4289</v>
      </c>
      <c r="B35401" s="1" t="s">
        <v>122255</v>
      </c>
      <c r="C35401" s="1" t="s">
        <v>125</v>
      </c>
      <c r="D35401" s="1" t="s">
        <v>122949</v>
      </c>
      <c r="E35401" s="1" t="s">
        <v>122950</v>
      </c>
      <c r="F35401" s="1" t="s">
        <v>122951</v>
      </c>
      <c r="G35401" s="1" t="s">
        <v>122866</v>
      </c>
      <c r="H35401" s="1" t="s">
        <v>122867</v>
      </c>
      <c r="I35401" s="1" t="s">
        <v>122261</v>
      </c>
      <c r="J35401" s="1" t="s">
        <v>122952</v>
      </c>
    </row>
    <row r="35402" spans="1:10" x14ac:dyDescent="0.35">
      <c r="A35402" s="1" t="s">
        <v>4289</v>
      </c>
      <c r="B35402" s="1" t="s">
        <v>122255</v>
      </c>
      <c r="C35402" s="1" t="s">
        <v>130</v>
      </c>
      <c r="D35402" s="1" t="s">
        <v>122953</v>
      </c>
      <c r="E35402" s="1" t="s">
        <v>122954</v>
      </c>
      <c r="F35402" s="1" t="s">
        <v>122955</v>
      </c>
      <c r="G35402" s="1" t="s">
        <v>122866</v>
      </c>
      <c r="H35402" s="1" t="s">
        <v>122867</v>
      </c>
      <c r="I35402" s="1" t="s">
        <v>122261</v>
      </c>
      <c r="J35402" s="1" t="s">
        <v>122956</v>
      </c>
    </row>
    <row r="35403" spans="1:10" x14ac:dyDescent="0.35">
      <c r="A35403" s="1" t="s">
        <v>4289</v>
      </c>
      <c r="B35403" s="1" t="s">
        <v>122255</v>
      </c>
      <c r="C35403" s="1" t="s">
        <v>135</v>
      </c>
      <c r="D35403" s="1" t="s">
        <v>122957</v>
      </c>
      <c r="E35403" s="1" t="s">
        <v>122958</v>
      </c>
      <c r="F35403" s="1" t="s">
        <v>122959</v>
      </c>
      <c r="G35403" s="1" t="s">
        <v>122866</v>
      </c>
      <c r="H35403" s="1" t="s">
        <v>122867</v>
      </c>
      <c r="I35403" s="1" t="s">
        <v>122261</v>
      </c>
      <c r="J35403" s="1" t="s">
        <v>122960</v>
      </c>
    </row>
    <row r="35404" spans="1:10" x14ac:dyDescent="0.35">
      <c r="A35404" s="1" t="s">
        <v>4289</v>
      </c>
      <c r="B35404" s="1" t="s">
        <v>122255</v>
      </c>
      <c r="C35404" s="1" t="s">
        <v>140</v>
      </c>
      <c r="D35404" s="1" t="s">
        <v>122961</v>
      </c>
      <c r="E35404" s="1" t="s">
        <v>122962</v>
      </c>
      <c r="F35404" s="1" t="s">
        <v>122963</v>
      </c>
      <c r="G35404" s="1" t="s">
        <v>122866</v>
      </c>
      <c r="H35404" s="1" t="s">
        <v>122867</v>
      </c>
      <c r="I35404" s="1" t="s">
        <v>122261</v>
      </c>
      <c r="J35404" s="1" t="s">
        <v>122964</v>
      </c>
    </row>
    <row r="35405" spans="1:10" x14ac:dyDescent="0.35">
      <c r="A35405" s="1" t="s">
        <v>4289</v>
      </c>
      <c r="B35405" s="1" t="s">
        <v>122255</v>
      </c>
      <c r="C35405" s="1" t="s">
        <v>145</v>
      </c>
      <c r="D35405" s="1" t="s">
        <v>122965</v>
      </c>
      <c r="E35405" s="1" t="s">
        <v>122966</v>
      </c>
      <c r="F35405" s="1" t="s">
        <v>122967</v>
      </c>
      <c r="G35405" s="1" t="s">
        <v>122866</v>
      </c>
      <c r="H35405" s="1" t="s">
        <v>122867</v>
      </c>
      <c r="I35405" s="1" t="s">
        <v>122261</v>
      </c>
      <c r="J35405" s="1" t="s">
        <v>122968</v>
      </c>
    </row>
    <row r="35406" spans="1:10" x14ac:dyDescent="0.35">
      <c r="A35406" s="1" t="s">
        <v>4289</v>
      </c>
      <c r="B35406" s="1" t="s">
        <v>122255</v>
      </c>
      <c r="C35406" s="1" t="s">
        <v>150</v>
      </c>
      <c r="D35406" s="1" t="s">
        <v>122969</v>
      </c>
      <c r="E35406" s="1" t="s">
        <v>122970</v>
      </c>
      <c r="F35406" s="1" t="s">
        <v>122971</v>
      </c>
      <c r="G35406" s="1" t="s">
        <v>122866</v>
      </c>
      <c r="H35406" s="1" t="s">
        <v>122867</v>
      </c>
      <c r="I35406" s="1" t="s">
        <v>122261</v>
      </c>
      <c r="J35406" s="1" t="s">
        <v>122972</v>
      </c>
    </row>
    <row r="35407" spans="1:10" x14ac:dyDescent="0.35">
      <c r="A35407" s="1" t="s">
        <v>4289</v>
      </c>
      <c r="B35407" s="1" t="s">
        <v>122255</v>
      </c>
      <c r="C35407" s="1" t="s">
        <v>155</v>
      </c>
      <c r="D35407" s="1" t="s">
        <v>122973</v>
      </c>
      <c r="E35407" s="1" t="s">
        <v>122974</v>
      </c>
      <c r="F35407" s="1" t="s">
        <v>122975</v>
      </c>
      <c r="G35407" s="1" t="s">
        <v>122866</v>
      </c>
      <c r="H35407" s="1" t="s">
        <v>122867</v>
      </c>
      <c r="I35407" s="1" t="s">
        <v>122261</v>
      </c>
      <c r="J35407" s="1" t="s">
        <v>122976</v>
      </c>
    </row>
    <row r="35408" spans="1:10" x14ac:dyDescent="0.35">
      <c r="A35408" s="1" t="s">
        <v>4289</v>
      </c>
      <c r="B35408" s="1" t="s">
        <v>122255</v>
      </c>
      <c r="C35408" s="1" t="s">
        <v>160</v>
      </c>
      <c r="D35408" s="1" t="s">
        <v>122977</v>
      </c>
      <c r="E35408" s="1" t="s">
        <v>122978</v>
      </c>
      <c r="F35408" s="1" t="s">
        <v>122979</v>
      </c>
      <c r="G35408" s="1" t="s">
        <v>122866</v>
      </c>
      <c r="H35408" s="1" t="s">
        <v>122867</v>
      </c>
      <c r="I35408" s="1" t="s">
        <v>122261</v>
      </c>
      <c r="J35408" s="1" t="s">
        <v>122980</v>
      </c>
    </row>
    <row r="35409" spans="1:10" x14ac:dyDescent="0.35">
      <c r="A35409" s="1" t="s">
        <v>4289</v>
      </c>
      <c r="B35409" s="1" t="s">
        <v>122255</v>
      </c>
      <c r="C35409" s="1" t="s">
        <v>165</v>
      </c>
      <c r="D35409" s="1" t="s">
        <v>122981</v>
      </c>
      <c r="E35409" s="1" t="s">
        <v>122982</v>
      </c>
      <c r="F35409" s="1" t="s">
        <v>122983</v>
      </c>
      <c r="G35409" s="1" t="s">
        <v>122866</v>
      </c>
      <c r="H35409" s="1" t="s">
        <v>122867</v>
      </c>
      <c r="I35409" s="1" t="s">
        <v>122261</v>
      </c>
      <c r="J35409" s="1" t="s">
        <v>122984</v>
      </c>
    </row>
    <row r="35410" spans="1:10" x14ac:dyDescent="0.35">
      <c r="A35410" s="1" t="s">
        <v>4289</v>
      </c>
      <c r="B35410" s="1" t="s">
        <v>122255</v>
      </c>
      <c r="C35410" s="1" t="s">
        <v>170</v>
      </c>
      <c r="D35410" s="1" t="s">
        <v>122985</v>
      </c>
      <c r="E35410" s="1" t="s">
        <v>122986</v>
      </c>
      <c r="F35410" s="1" t="s">
        <v>122987</v>
      </c>
      <c r="G35410" s="1" t="s">
        <v>122866</v>
      </c>
      <c r="H35410" s="1" t="s">
        <v>122867</v>
      </c>
      <c r="I35410" s="1" t="s">
        <v>122261</v>
      </c>
      <c r="J35410" s="1" t="s">
        <v>122988</v>
      </c>
    </row>
    <row r="35411" spans="1:10" x14ac:dyDescent="0.35">
      <c r="A35411" s="1" t="s">
        <v>6363</v>
      </c>
      <c r="B35411" s="1" t="s">
        <v>122255</v>
      </c>
      <c r="C35411" s="1" t="s">
        <v>8</v>
      </c>
      <c r="D35411" s="1" t="s">
        <v>122989</v>
      </c>
      <c r="E35411" s="1" t="s">
        <v>122990</v>
      </c>
      <c r="F35411" s="1" t="s">
        <v>122991</v>
      </c>
      <c r="G35411" s="1" t="s">
        <v>122992</v>
      </c>
      <c r="H35411" s="1" t="s">
        <v>122993</v>
      </c>
      <c r="I35411" s="1" t="s">
        <v>122261</v>
      </c>
      <c r="J35411" s="1" t="s">
        <v>13</v>
      </c>
    </row>
    <row r="35412" spans="1:10" x14ac:dyDescent="0.35">
      <c r="A35412" s="1" t="s">
        <v>6363</v>
      </c>
      <c r="B35412" s="1" t="s">
        <v>122255</v>
      </c>
      <c r="C35412" s="1" t="s">
        <v>15</v>
      </c>
      <c r="D35412" s="1" t="s">
        <v>116981</v>
      </c>
      <c r="E35412" s="1" t="s">
        <v>122994</v>
      </c>
      <c r="F35412" s="1" t="s">
        <v>122995</v>
      </c>
      <c r="G35412" s="1" t="s">
        <v>122992</v>
      </c>
      <c r="H35412" s="1" t="s">
        <v>122993</v>
      </c>
      <c r="I35412" s="1" t="s">
        <v>122261</v>
      </c>
      <c r="J35412" s="1" t="s">
        <v>122996</v>
      </c>
    </row>
    <row r="35413" spans="1:10" x14ac:dyDescent="0.35">
      <c r="A35413" s="1" t="s">
        <v>6363</v>
      </c>
      <c r="B35413" s="1" t="s">
        <v>122255</v>
      </c>
      <c r="C35413" s="1" t="s">
        <v>20</v>
      </c>
      <c r="D35413" s="1" t="s">
        <v>122997</v>
      </c>
      <c r="E35413" s="1" t="s">
        <v>122998</v>
      </c>
      <c r="F35413" s="1" t="s">
        <v>122999</v>
      </c>
      <c r="G35413" s="1" t="s">
        <v>122992</v>
      </c>
      <c r="H35413" s="1" t="s">
        <v>122993</v>
      </c>
      <c r="I35413" s="1" t="s">
        <v>122261</v>
      </c>
      <c r="J35413" s="1" t="s">
        <v>123000</v>
      </c>
    </row>
    <row r="35414" spans="1:10" x14ac:dyDescent="0.35">
      <c r="A35414" s="1" t="s">
        <v>6363</v>
      </c>
      <c r="B35414" s="1" t="s">
        <v>122255</v>
      </c>
      <c r="C35414" s="1" t="s">
        <v>25</v>
      </c>
      <c r="D35414" s="1" t="s">
        <v>11262</v>
      </c>
      <c r="E35414" s="1" t="s">
        <v>123001</v>
      </c>
      <c r="F35414" s="1" t="s">
        <v>123002</v>
      </c>
      <c r="G35414" s="1" t="s">
        <v>122992</v>
      </c>
      <c r="H35414" s="1" t="s">
        <v>122993</v>
      </c>
      <c r="I35414" s="1" t="s">
        <v>122261</v>
      </c>
      <c r="J35414" s="1" t="s">
        <v>123003</v>
      </c>
    </row>
    <row r="35415" spans="1:10" x14ac:dyDescent="0.35">
      <c r="A35415" s="1" t="s">
        <v>6363</v>
      </c>
      <c r="B35415" s="1" t="s">
        <v>122255</v>
      </c>
      <c r="C35415" s="1" t="s">
        <v>30</v>
      </c>
      <c r="D35415" s="1" t="s">
        <v>123004</v>
      </c>
      <c r="E35415" s="1" t="s">
        <v>123005</v>
      </c>
      <c r="F35415" s="1" t="s">
        <v>123006</v>
      </c>
      <c r="G35415" s="1" t="s">
        <v>122992</v>
      </c>
      <c r="H35415" s="1" t="s">
        <v>122993</v>
      </c>
      <c r="I35415" s="1" t="s">
        <v>122261</v>
      </c>
      <c r="J35415" s="1" t="s">
        <v>123007</v>
      </c>
    </row>
    <row r="35416" spans="1:10" x14ac:dyDescent="0.35">
      <c r="A35416" s="1" t="s">
        <v>6363</v>
      </c>
      <c r="B35416" s="1" t="s">
        <v>122255</v>
      </c>
      <c r="C35416" s="1" t="s">
        <v>35</v>
      </c>
      <c r="D35416" s="1" t="s">
        <v>24228</v>
      </c>
      <c r="E35416" s="1" t="s">
        <v>123008</v>
      </c>
      <c r="F35416" s="1" t="s">
        <v>123009</v>
      </c>
      <c r="G35416" s="1" t="s">
        <v>122992</v>
      </c>
      <c r="H35416" s="1" t="s">
        <v>122993</v>
      </c>
      <c r="I35416" s="1" t="s">
        <v>122261</v>
      </c>
      <c r="J35416" s="1" t="s">
        <v>123010</v>
      </c>
    </row>
    <row r="35417" spans="1:10" x14ac:dyDescent="0.35">
      <c r="A35417" s="1" t="s">
        <v>6363</v>
      </c>
      <c r="B35417" s="1" t="s">
        <v>122255</v>
      </c>
      <c r="C35417" s="1" t="s">
        <v>40</v>
      </c>
      <c r="D35417" s="1" t="s">
        <v>66598</v>
      </c>
      <c r="E35417" s="1" t="s">
        <v>123011</v>
      </c>
      <c r="F35417" s="1" t="s">
        <v>123012</v>
      </c>
      <c r="G35417" s="1" t="s">
        <v>122992</v>
      </c>
      <c r="H35417" s="1" t="s">
        <v>122993</v>
      </c>
      <c r="I35417" s="1" t="s">
        <v>122261</v>
      </c>
      <c r="J35417" s="1" t="s">
        <v>123013</v>
      </c>
    </row>
    <row r="35418" spans="1:10" x14ac:dyDescent="0.35">
      <c r="A35418" s="1" t="s">
        <v>6363</v>
      </c>
      <c r="B35418" s="1" t="s">
        <v>122255</v>
      </c>
      <c r="C35418" s="1" t="s">
        <v>45</v>
      </c>
      <c r="D35418" s="1" t="s">
        <v>93738</v>
      </c>
      <c r="E35418" s="1" t="s">
        <v>123014</v>
      </c>
      <c r="F35418" s="1" t="s">
        <v>123015</v>
      </c>
      <c r="G35418" s="1" t="s">
        <v>122992</v>
      </c>
      <c r="H35418" s="1" t="s">
        <v>122993</v>
      </c>
      <c r="I35418" s="1" t="s">
        <v>122261</v>
      </c>
      <c r="J35418" s="1" t="s">
        <v>123016</v>
      </c>
    </row>
    <row r="35419" spans="1:10" x14ac:dyDescent="0.35">
      <c r="A35419" s="1" t="s">
        <v>6363</v>
      </c>
      <c r="B35419" s="1" t="s">
        <v>122255</v>
      </c>
      <c r="C35419" s="1" t="s">
        <v>50</v>
      </c>
      <c r="D35419" s="1" t="s">
        <v>123017</v>
      </c>
      <c r="E35419" s="1" t="s">
        <v>123018</v>
      </c>
      <c r="F35419" s="1" t="s">
        <v>123019</v>
      </c>
      <c r="G35419" s="1" t="s">
        <v>122992</v>
      </c>
      <c r="H35419" s="1" t="s">
        <v>122993</v>
      </c>
      <c r="I35419" s="1" t="s">
        <v>122261</v>
      </c>
      <c r="J35419" s="1" t="s">
        <v>123020</v>
      </c>
    </row>
    <row r="35420" spans="1:10" x14ac:dyDescent="0.35">
      <c r="A35420" s="1" t="s">
        <v>6363</v>
      </c>
      <c r="B35420" s="1" t="s">
        <v>122255</v>
      </c>
      <c r="C35420" s="1" t="s">
        <v>55</v>
      </c>
      <c r="D35420" s="1" t="s">
        <v>59166</v>
      </c>
      <c r="E35420" s="1" t="s">
        <v>123021</v>
      </c>
      <c r="F35420" s="1" t="s">
        <v>123022</v>
      </c>
      <c r="G35420" s="1" t="s">
        <v>122992</v>
      </c>
      <c r="H35420" s="1" t="s">
        <v>122993</v>
      </c>
      <c r="I35420" s="1" t="s">
        <v>122261</v>
      </c>
      <c r="J35420" s="1" t="s">
        <v>123023</v>
      </c>
    </row>
    <row r="35421" spans="1:10" x14ac:dyDescent="0.35">
      <c r="A35421" s="1" t="s">
        <v>6363</v>
      </c>
      <c r="B35421" s="1" t="s">
        <v>122255</v>
      </c>
      <c r="C35421" s="1" t="s">
        <v>60</v>
      </c>
      <c r="D35421" s="1" t="s">
        <v>123024</v>
      </c>
      <c r="E35421" s="1" t="s">
        <v>123025</v>
      </c>
      <c r="F35421" s="1" t="s">
        <v>123026</v>
      </c>
      <c r="G35421" s="1" t="s">
        <v>122992</v>
      </c>
      <c r="H35421" s="1" t="s">
        <v>122993</v>
      </c>
      <c r="I35421" s="1" t="s">
        <v>122261</v>
      </c>
      <c r="J35421" s="1" t="s">
        <v>123027</v>
      </c>
    </row>
    <row r="35422" spans="1:10" x14ac:dyDescent="0.35">
      <c r="A35422" s="1" t="s">
        <v>6363</v>
      </c>
      <c r="B35422" s="1" t="s">
        <v>122255</v>
      </c>
      <c r="C35422" s="1" t="s">
        <v>65</v>
      </c>
      <c r="D35422" s="1" t="s">
        <v>104035</v>
      </c>
      <c r="E35422" s="1" t="s">
        <v>123028</v>
      </c>
      <c r="F35422" s="1" t="s">
        <v>123029</v>
      </c>
      <c r="G35422" s="1" t="s">
        <v>122992</v>
      </c>
      <c r="H35422" s="1" t="s">
        <v>122993</v>
      </c>
      <c r="I35422" s="1" t="s">
        <v>122261</v>
      </c>
      <c r="J35422" s="1" t="s">
        <v>123030</v>
      </c>
    </row>
    <row r="35423" spans="1:10" x14ac:dyDescent="0.35">
      <c r="A35423" s="1" t="s">
        <v>6363</v>
      </c>
      <c r="B35423" s="1" t="s">
        <v>122255</v>
      </c>
      <c r="C35423" s="1" t="s">
        <v>70</v>
      </c>
      <c r="D35423" s="1" t="s">
        <v>101926</v>
      </c>
      <c r="E35423" s="1" t="s">
        <v>123031</v>
      </c>
      <c r="F35423" s="1" t="s">
        <v>123032</v>
      </c>
      <c r="G35423" s="1" t="s">
        <v>122992</v>
      </c>
      <c r="H35423" s="1" t="s">
        <v>122993</v>
      </c>
      <c r="I35423" s="1" t="s">
        <v>122261</v>
      </c>
      <c r="J35423" s="1" t="s">
        <v>123033</v>
      </c>
    </row>
    <row r="35424" spans="1:10" x14ac:dyDescent="0.35">
      <c r="A35424" s="1" t="s">
        <v>6363</v>
      </c>
      <c r="B35424" s="1" t="s">
        <v>122255</v>
      </c>
      <c r="C35424" s="1" t="s">
        <v>75</v>
      </c>
      <c r="D35424" s="1" t="s">
        <v>65015</v>
      </c>
      <c r="E35424" s="1" t="s">
        <v>123034</v>
      </c>
      <c r="F35424" s="1" t="s">
        <v>123035</v>
      </c>
      <c r="G35424" s="1" t="s">
        <v>122992</v>
      </c>
      <c r="H35424" s="1" t="s">
        <v>122993</v>
      </c>
      <c r="I35424" s="1" t="s">
        <v>122261</v>
      </c>
      <c r="J35424" s="1" t="s">
        <v>123036</v>
      </c>
    </row>
    <row r="35425" spans="1:10" x14ac:dyDescent="0.35">
      <c r="A35425" s="1" t="s">
        <v>6363</v>
      </c>
      <c r="B35425" s="1" t="s">
        <v>122255</v>
      </c>
      <c r="C35425" s="1" t="s">
        <v>80</v>
      </c>
      <c r="D35425" s="1" t="s">
        <v>12347</v>
      </c>
      <c r="E35425" s="1" t="s">
        <v>123037</v>
      </c>
      <c r="F35425" s="1" t="s">
        <v>123038</v>
      </c>
      <c r="G35425" s="1" t="s">
        <v>122992</v>
      </c>
      <c r="H35425" s="1" t="s">
        <v>122993</v>
      </c>
      <c r="I35425" s="1" t="s">
        <v>122261</v>
      </c>
      <c r="J35425" s="1" t="s">
        <v>123039</v>
      </c>
    </row>
    <row r="35426" spans="1:10" x14ac:dyDescent="0.35">
      <c r="A35426" s="1" t="s">
        <v>6363</v>
      </c>
      <c r="B35426" s="1" t="s">
        <v>122255</v>
      </c>
      <c r="C35426" s="1" t="s">
        <v>85</v>
      </c>
      <c r="D35426" s="1" t="s">
        <v>123040</v>
      </c>
      <c r="E35426" s="1" t="s">
        <v>123041</v>
      </c>
      <c r="F35426" s="1" t="s">
        <v>123042</v>
      </c>
      <c r="G35426" s="1" t="s">
        <v>122992</v>
      </c>
      <c r="H35426" s="1" t="s">
        <v>122993</v>
      </c>
      <c r="I35426" s="1" t="s">
        <v>122261</v>
      </c>
      <c r="J35426" s="1" t="s">
        <v>123043</v>
      </c>
    </row>
    <row r="35427" spans="1:10" x14ac:dyDescent="0.35">
      <c r="A35427" s="1" t="s">
        <v>6363</v>
      </c>
      <c r="B35427" s="1" t="s">
        <v>122255</v>
      </c>
      <c r="C35427" s="1" t="s">
        <v>90</v>
      </c>
      <c r="D35427" s="1" t="s">
        <v>97482</v>
      </c>
      <c r="E35427" s="1" t="s">
        <v>123044</v>
      </c>
      <c r="F35427" s="1" t="s">
        <v>123045</v>
      </c>
      <c r="G35427" s="1" t="s">
        <v>122992</v>
      </c>
      <c r="H35427" s="1" t="s">
        <v>122993</v>
      </c>
      <c r="I35427" s="1" t="s">
        <v>122261</v>
      </c>
      <c r="J35427" s="1" t="s">
        <v>123046</v>
      </c>
    </row>
    <row r="35428" spans="1:10" x14ac:dyDescent="0.35">
      <c r="A35428" s="1" t="s">
        <v>6363</v>
      </c>
      <c r="B35428" s="1" t="s">
        <v>122255</v>
      </c>
      <c r="C35428" s="1" t="s">
        <v>95</v>
      </c>
      <c r="D35428" s="1" t="s">
        <v>123047</v>
      </c>
      <c r="E35428" s="1" t="s">
        <v>123048</v>
      </c>
      <c r="F35428" s="1" t="s">
        <v>123049</v>
      </c>
      <c r="G35428" s="1" t="s">
        <v>122992</v>
      </c>
      <c r="H35428" s="1" t="s">
        <v>122993</v>
      </c>
      <c r="I35428" s="1" t="s">
        <v>122261</v>
      </c>
      <c r="J35428" s="1" t="s">
        <v>123050</v>
      </c>
    </row>
    <row r="35429" spans="1:10" x14ac:dyDescent="0.35">
      <c r="A35429" s="1" t="s">
        <v>6363</v>
      </c>
      <c r="B35429" s="1" t="s">
        <v>122255</v>
      </c>
      <c r="C35429" s="1" t="s">
        <v>100</v>
      </c>
      <c r="D35429" s="1" t="s">
        <v>123051</v>
      </c>
      <c r="E35429" s="1" t="s">
        <v>123052</v>
      </c>
      <c r="F35429" s="1" t="s">
        <v>123053</v>
      </c>
      <c r="G35429" s="1" t="s">
        <v>122992</v>
      </c>
      <c r="H35429" s="1" t="s">
        <v>122993</v>
      </c>
      <c r="I35429" s="1" t="s">
        <v>122261</v>
      </c>
      <c r="J35429" s="1" t="s">
        <v>123054</v>
      </c>
    </row>
    <row r="35430" spans="1:10" x14ac:dyDescent="0.35">
      <c r="A35430" s="1" t="s">
        <v>6363</v>
      </c>
      <c r="B35430" s="1" t="s">
        <v>122255</v>
      </c>
      <c r="C35430" s="1" t="s">
        <v>105</v>
      </c>
      <c r="D35430" s="1" t="s">
        <v>123055</v>
      </c>
      <c r="E35430" s="1" t="s">
        <v>123056</v>
      </c>
      <c r="F35430" s="1" t="s">
        <v>123057</v>
      </c>
      <c r="G35430" s="1" t="s">
        <v>122992</v>
      </c>
      <c r="H35430" s="1" t="s">
        <v>122993</v>
      </c>
      <c r="I35430" s="1" t="s">
        <v>122261</v>
      </c>
      <c r="J35430" s="1" t="s">
        <v>123058</v>
      </c>
    </row>
    <row r="35431" spans="1:10" x14ac:dyDescent="0.35">
      <c r="A35431" s="1" t="s">
        <v>6363</v>
      </c>
      <c r="B35431" s="1" t="s">
        <v>122255</v>
      </c>
      <c r="C35431" s="1" t="s">
        <v>110</v>
      </c>
      <c r="D35431" s="1" t="s">
        <v>123059</v>
      </c>
      <c r="E35431" s="1" t="s">
        <v>123060</v>
      </c>
      <c r="F35431" s="1" t="s">
        <v>123061</v>
      </c>
      <c r="G35431" s="1" t="s">
        <v>122992</v>
      </c>
      <c r="H35431" s="1" t="s">
        <v>122993</v>
      </c>
      <c r="I35431" s="1" t="s">
        <v>122261</v>
      </c>
      <c r="J35431" s="1" t="s">
        <v>123062</v>
      </c>
    </row>
    <row r="35432" spans="1:10" x14ac:dyDescent="0.35">
      <c r="A35432" s="1" t="s">
        <v>6363</v>
      </c>
      <c r="B35432" s="1" t="s">
        <v>122255</v>
      </c>
      <c r="C35432" s="1" t="s">
        <v>115</v>
      </c>
      <c r="D35432" s="1" t="s">
        <v>123063</v>
      </c>
      <c r="E35432" s="1" t="s">
        <v>123064</v>
      </c>
      <c r="F35432" s="1" t="s">
        <v>123065</v>
      </c>
      <c r="G35432" s="1" t="s">
        <v>122992</v>
      </c>
      <c r="H35432" s="1" t="s">
        <v>122993</v>
      </c>
      <c r="I35432" s="1" t="s">
        <v>122261</v>
      </c>
      <c r="J35432" s="1" t="s">
        <v>123066</v>
      </c>
    </row>
    <row r="35433" spans="1:10" x14ac:dyDescent="0.35">
      <c r="A35433" s="1" t="s">
        <v>6363</v>
      </c>
      <c r="B35433" s="1" t="s">
        <v>122255</v>
      </c>
      <c r="C35433" s="1" t="s">
        <v>120</v>
      </c>
      <c r="D35433" s="1" t="s">
        <v>123067</v>
      </c>
      <c r="E35433" s="1" t="s">
        <v>123068</v>
      </c>
      <c r="F35433" s="1" t="s">
        <v>123069</v>
      </c>
      <c r="G35433" s="1" t="s">
        <v>122992</v>
      </c>
      <c r="H35433" s="1" t="s">
        <v>122993</v>
      </c>
      <c r="I35433" s="1" t="s">
        <v>122261</v>
      </c>
      <c r="J35433" s="1" t="s">
        <v>123070</v>
      </c>
    </row>
    <row r="35434" spans="1:10" x14ac:dyDescent="0.35">
      <c r="A35434" s="1" t="s">
        <v>6363</v>
      </c>
      <c r="B35434" s="1" t="s">
        <v>122255</v>
      </c>
      <c r="C35434" s="1" t="s">
        <v>125</v>
      </c>
      <c r="D35434" s="1" t="s">
        <v>65679</v>
      </c>
      <c r="E35434" s="1" t="s">
        <v>123071</v>
      </c>
      <c r="F35434" s="1" t="s">
        <v>123072</v>
      </c>
      <c r="G35434" s="1" t="s">
        <v>122992</v>
      </c>
      <c r="H35434" s="1" t="s">
        <v>122993</v>
      </c>
      <c r="I35434" s="1" t="s">
        <v>122261</v>
      </c>
      <c r="J35434" s="1" t="s">
        <v>123073</v>
      </c>
    </row>
    <row r="35435" spans="1:10" x14ac:dyDescent="0.35">
      <c r="A35435" s="1" t="s">
        <v>6363</v>
      </c>
      <c r="B35435" s="1" t="s">
        <v>122255</v>
      </c>
      <c r="C35435" s="1" t="s">
        <v>130</v>
      </c>
      <c r="D35435" s="1" t="s">
        <v>123074</v>
      </c>
      <c r="E35435" s="1" t="s">
        <v>123075</v>
      </c>
      <c r="F35435" s="1" t="s">
        <v>123076</v>
      </c>
      <c r="G35435" s="1" t="s">
        <v>122992</v>
      </c>
      <c r="H35435" s="1" t="s">
        <v>122993</v>
      </c>
      <c r="I35435" s="1" t="s">
        <v>122261</v>
      </c>
      <c r="J35435" s="1" t="s">
        <v>123077</v>
      </c>
    </row>
    <row r="35436" spans="1:10" x14ac:dyDescent="0.35">
      <c r="A35436" s="1" t="s">
        <v>6363</v>
      </c>
      <c r="B35436" s="1" t="s">
        <v>122255</v>
      </c>
      <c r="C35436" s="1" t="s">
        <v>135</v>
      </c>
      <c r="D35436" s="1" t="s">
        <v>123078</v>
      </c>
      <c r="E35436" s="1" t="s">
        <v>123079</v>
      </c>
      <c r="F35436" s="1" t="s">
        <v>123080</v>
      </c>
      <c r="G35436" s="1" t="s">
        <v>122992</v>
      </c>
      <c r="H35436" s="1" t="s">
        <v>122993</v>
      </c>
      <c r="I35436" s="1" t="s">
        <v>122261</v>
      </c>
      <c r="J35436" s="1" t="s">
        <v>123081</v>
      </c>
    </row>
    <row r="35437" spans="1:10" x14ac:dyDescent="0.35">
      <c r="A35437" s="1" t="s">
        <v>6363</v>
      </c>
      <c r="B35437" s="1" t="s">
        <v>122255</v>
      </c>
      <c r="C35437" s="1" t="s">
        <v>140</v>
      </c>
      <c r="D35437" s="1" t="s">
        <v>41343</v>
      </c>
      <c r="E35437" s="1" t="s">
        <v>123082</v>
      </c>
      <c r="F35437" s="1" t="s">
        <v>123083</v>
      </c>
      <c r="G35437" s="1" t="s">
        <v>122992</v>
      </c>
      <c r="H35437" s="1" t="s">
        <v>122993</v>
      </c>
      <c r="I35437" s="1" t="s">
        <v>122261</v>
      </c>
      <c r="J35437" s="1" t="s">
        <v>123084</v>
      </c>
    </row>
    <row r="35438" spans="1:10" x14ac:dyDescent="0.35">
      <c r="A35438" s="1" t="s">
        <v>6363</v>
      </c>
      <c r="B35438" s="1" t="s">
        <v>122255</v>
      </c>
      <c r="C35438" s="1" t="s">
        <v>145</v>
      </c>
      <c r="D35438" s="1" t="s">
        <v>90048</v>
      </c>
      <c r="E35438" s="1" t="s">
        <v>123085</v>
      </c>
      <c r="F35438" s="1" t="s">
        <v>123086</v>
      </c>
      <c r="G35438" s="1" t="s">
        <v>122992</v>
      </c>
      <c r="H35438" s="1" t="s">
        <v>122993</v>
      </c>
      <c r="I35438" s="1" t="s">
        <v>122261</v>
      </c>
      <c r="J35438" s="1" t="s">
        <v>123087</v>
      </c>
    </row>
    <row r="35439" spans="1:10" x14ac:dyDescent="0.35">
      <c r="A35439" s="1" t="s">
        <v>6363</v>
      </c>
      <c r="B35439" s="1" t="s">
        <v>122255</v>
      </c>
      <c r="C35439" s="1" t="s">
        <v>150</v>
      </c>
      <c r="D35439" s="1" t="s">
        <v>90009</v>
      </c>
      <c r="E35439" s="1" t="s">
        <v>123088</v>
      </c>
      <c r="F35439" s="1" t="s">
        <v>123089</v>
      </c>
      <c r="G35439" s="1" t="s">
        <v>122992</v>
      </c>
      <c r="H35439" s="1" t="s">
        <v>122993</v>
      </c>
      <c r="I35439" s="1" t="s">
        <v>122261</v>
      </c>
      <c r="J35439" s="1" t="s">
        <v>123090</v>
      </c>
    </row>
    <row r="35440" spans="1:10" x14ac:dyDescent="0.35">
      <c r="A35440" s="1" t="s">
        <v>6363</v>
      </c>
      <c r="B35440" s="1" t="s">
        <v>122255</v>
      </c>
      <c r="C35440" s="1" t="s">
        <v>155</v>
      </c>
      <c r="D35440" s="1" t="s">
        <v>123091</v>
      </c>
      <c r="E35440" s="1" t="s">
        <v>123092</v>
      </c>
      <c r="F35440" s="1" t="s">
        <v>123093</v>
      </c>
      <c r="G35440" s="1" t="s">
        <v>122992</v>
      </c>
      <c r="H35440" s="1" t="s">
        <v>122993</v>
      </c>
      <c r="I35440" s="1" t="s">
        <v>122261</v>
      </c>
      <c r="J35440" s="1" t="s">
        <v>123094</v>
      </c>
    </row>
    <row r="35441" spans="1:10" x14ac:dyDescent="0.35">
      <c r="A35441" s="1" t="s">
        <v>6363</v>
      </c>
      <c r="B35441" s="1" t="s">
        <v>122255</v>
      </c>
      <c r="C35441" s="1" t="s">
        <v>160</v>
      </c>
      <c r="D35441" s="1" t="s">
        <v>62075</v>
      </c>
      <c r="E35441" s="1" t="s">
        <v>123095</v>
      </c>
      <c r="F35441" s="1" t="s">
        <v>123096</v>
      </c>
      <c r="G35441" s="1" t="s">
        <v>122992</v>
      </c>
      <c r="H35441" s="1" t="s">
        <v>122993</v>
      </c>
      <c r="I35441" s="1" t="s">
        <v>122261</v>
      </c>
      <c r="J35441" s="1" t="s">
        <v>123097</v>
      </c>
    </row>
    <row r="35442" spans="1:10" x14ac:dyDescent="0.35">
      <c r="A35442" s="1" t="s">
        <v>6363</v>
      </c>
      <c r="B35442" s="1" t="s">
        <v>122255</v>
      </c>
      <c r="C35442" s="1" t="s">
        <v>165</v>
      </c>
      <c r="D35442" s="1" t="s">
        <v>123098</v>
      </c>
      <c r="E35442" s="1" t="s">
        <v>123099</v>
      </c>
      <c r="F35442" s="1" t="s">
        <v>123100</v>
      </c>
      <c r="G35442" s="1" t="s">
        <v>122992</v>
      </c>
      <c r="H35442" s="1" t="s">
        <v>122993</v>
      </c>
      <c r="I35442" s="1" t="s">
        <v>122261</v>
      </c>
      <c r="J35442" s="1" t="s">
        <v>123101</v>
      </c>
    </row>
    <row r="35443" spans="1:10" x14ac:dyDescent="0.35">
      <c r="A35443" s="1" t="s">
        <v>6363</v>
      </c>
      <c r="B35443" s="1" t="s">
        <v>122255</v>
      </c>
      <c r="C35443" s="1" t="s">
        <v>170</v>
      </c>
      <c r="D35443" s="1" t="s">
        <v>123102</v>
      </c>
      <c r="E35443" s="1" t="s">
        <v>123103</v>
      </c>
      <c r="F35443" s="1" t="s">
        <v>123104</v>
      </c>
      <c r="G35443" s="1" t="s">
        <v>122992</v>
      </c>
      <c r="H35443" s="1" t="s">
        <v>122993</v>
      </c>
      <c r="I35443" s="1" t="s">
        <v>122261</v>
      </c>
      <c r="J35443" s="1" t="s">
        <v>123105</v>
      </c>
    </row>
    <row r="35444" spans="1:10" x14ac:dyDescent="0.35">
      <c r="A35444" s="1" t="s">
        <v>6109</v>
      </c>
      <c r="B35444" s="1" t="s">
        <v>123106</v>
      </c>
      <c r="C35444" s="1" t="s">
        <v>8</v>
      </c>
      <c r="D35444" s="1" t="s">
        <v>72379</v>
      </c>
      <c r="E35444" s="1" t="s">
        <v>123107</v>
      </c>
      <c r="F35444" s="1" t="s">
        <v>123108</v>
      </c>
      <c r="G35444" s="1" t="s">
        <v>123109</v>
      </c>
      <c r="H35444" s="1" t="s">
        <v>123110</v>
      </c>
      <c r="I35444" s="1" t="s">
        <v>123111</v>
      </c>
      <c r="J35444" s="1" t="s">
        <v>13</v>
      </c>
    </row>
    <row r="35445" spans="1:10" x14ac:dyDescent="0.35">
      <c r="A35445" s="1" t="s">
        <v>6109</v>
      </c>
      <c r="B35445" s="1" t="s">
        <v>123106</v>
      </c>
      <c r="C35445" s="1" t="s">
        <v>15</v>
      </c>
      <c r="D35445" s="1" t="s">
        <v>49916</v>
      </c>
      <c r="E35445" s="1" t="s">
        <v>123112</v>
      </c>
      <c r="F35445" s="1" t="s">
        <v>123113</v>
      </c>
      <c r="G35445" s="1" t="s">
        <v>123109</v>
      </c>
      <c r="H35445" s="1" t="s">
        <v>123110</v>
      </c>
      <c r="I35445" s="1" t="s">
        <v>123111</v>
      </c>
      <c r="J35445" s="1" t="s">
        <v>123114</v>
      </c>
    </row>
    <row r="35446" spans="1:10" x14ac:dyDescent="0.35">
      <c r="A35446" s="1" t="s">
        <v>6109</v>
      </c>
      <c r="B35446" s="1" t="s">
        <v>123106</v>
      </c>
      <c r="C35446" s="1" t="s">
        <v>20</v>
      </c>
      <c r="D35446" s="1" t="s">
        <v>115419</v>
      </c>
      <c r="E35446" s="1" t="s">
        <v>123115</v>
      </c>
      <c r="F35446" s="1" t="s">
        <v>123116</v>
      </c>
      <c r="G35446" s="1" t="s">
        <v>123109</v>
      </c>
      <c r="H35446" s="1" t="s">
        <v>123110</v>
      </c>
      <c r="I35446" s="1" t="s">
        <v>123111</v>
      </c>
      <c r="J35446" s="1" t="s">
        <v>123117</v>
      </c>
    </row>
    <row r="35447" spans="1:10" x14ac:dyDescent="0.35">
      <c r="A35447" s="1" t="s">
        <v>6109</v>
      </c>
      <c r="B35447" s="1" t="s">
        <v>123106</v>
      </c>
      <c r="C35447" s="1" t="s">
        <v>25</v>
      </c>
      <c r="D35447" s="1" t="s">
        <v>18871</v>
      </c>
      <c r="E35447" s="1" t="s">
        <v>123118</v>
      </c>
      <c r="F35447" s="1" t="s">
        <v>123119</v>
      </c>
      <c r="G35447" s="1" t="s">
        <v>123109</v>
      </c>
      <c r="H35447" s="1" t="s">
        <v>123110</v>
      </c>
      <c r="I35447" s="1" t="s">
        <v>123111</v>
      </c>
      <c r="J35447" s="1" t="s">
        <v>123120</v>
      </c>
    </row>
    <row r="35448" spans="1:10" x14ac:dyDescent="0.35">
      <c r="A35448" s="1" t="s">
        <v>6109</v>
      </c>
      <c r="B35448" s="1" t="s">
        <v>123106</v>
      </c>
      <c r="C35448" s="1" t="s">
        <v>30</v>
      </c>
      <c r="D35448" s="1" t="s">
        <v>16149</v>
      </c>
      <c r="E35448" s="1" t="s">
        <v>123121</v>
      </c>
      <c r="F35448" s="1" t="s">
        <v>123122</v>
      </c>
      <c r="G35448" s="1" t="s">
        <v>123109</v>
      </c>
      <c r="H35448" s="1" t="s">
        <v>123110</v>
      </c>
      <c r="I35448" s="1" t="s">
        <v>123111</v>
      </c>
      <c r="J35448" s="1" t="s">
        <v>123123</v>
      </c>
    </row>
    <row r="35449" spans="1:10" x14ac:dyDescent="0.35">
      <c r="A35449" s="1" t="s">
        <v>6109</v>
      </c>
      <c r="B35449" s="1" t="s">
        <v>123106</v>
      </c>
      <c r="C35449" s="1" t="s">
        <v>35</v>
      </c>
      <c r="D35449" s="1" t="s">
        <v>123124</v>
      </c>
      <c r="E35449" s="1" t="s">
        <v>123125</v>
      </c>
      <c r="F35449" s="1" t="s">
        <v>123126</v>
      </c>
      <c r="G35449" s="1" t="s">
        <v>123109</v>
      </c>
      <c r="H35449" s="1" t="s">
        <v>123110</v>
      </c>
      <c r="I35449" s="1" t="s">
        <v>123111</v>
      </c>
      <c r="J35449" s="1" t="s">
        <v>123127</v>
      </c>
    </row>
    <row r="35450" spans="1:10" x14ac:dyDescent="0.35">
      <c r="A35450" s="1" t="s">
        <v>6109</v>
      </c>
      <c r="B35450" s="1" t="s">
        <v>123106</v>
      </c>
      <c r="C35450" s="1" t="s">
        <v>40</v>
      </c>
      <c r="D35450" s="1" t="s">
        <v>123128</v>
      </c>
      <c r="E35450" s="1" t="s">
        <v>123129</v>
      </c>
      <c r="F35450" s="1" t="s">
        <v>123130</v>
      </c>
      <c r="G35450" s="1" t="s">
        <v>123109</v>
      </c>
      <c r="H35450" s="1" t="s">
        <v>123110</v>
      </c>
      <c r="I35450" s="1" t="s">
        <v>123111</v>
      </c>
      <c r="J35450" s="1" t="s">
        <v>123131</v>
      </c>
    </row>
    <row r="35451" spans="1:10" x14ac:dyDescent="0.35">
      <c r="A35451" s="1" t="s">
        <v>6109</v>
      </c>
      <c r="B35451" s="1" t="s">
        <v>123106</v>
      </c>
      <c r="C35451" s="1" t="s">
        <v>45</v>
      </c>
      <c r="D35451" s="1" t="s">
        <v>74673</v>
      </c>
      <c r="E35451" s="1" t="s">
        <v>123132</v>
      </c>
      <c r="F35451" s="1" t="s">
        <v>123133</v>
      </c>
      <c r="G35451" s="1" t="s">
        <v>123109</v>
      </c>
      <c r="H35451" s="1" t="s">
        <v>123110</v>
      </c>
      <c r="I35451" s="1" t="s">
        <v>123111</v>
      </c>
      <c r="J35451" s="1" t="s">
        <v>123134</v>
      </c>
    </row>
    <row r="35452" spans="1:10" x14ac:dyDescent="0.35">
      <c r="A35452" s="1" t="s">
        <v>6109</v>
      </c>
      <c r="B35452" s="1" t="s">
        <v>123106</v>
      </c>
      <c r="C35452" s="1" t="s">
        <v>50</v>
      </c>
      <c r="D35452" s="1" t="s">
        <v>49966</v>
      </c>
      <c r="E35452" s="1" t="s">
        <v>123135</v>
      </c>
      <c r="F35452" s="1" t="s">
        <v>123136</v>
      </c>
      <c r="G35452" s="1" t="s">
        <v>123109</v>
      </c>
      <c r="H35452" s="1" t="s">
        <v>123110</v>
      </c>
      <c r="I35452" s="1" t="s">
        <v>123111</v>
      </c>
      <c r="J35452" s="1" t="s">
        <v>123137</v>
      </c>
    </row>
    <row r="35453" spans="1:10" x14ac:dyDescent="0.35">
      <c r="A35453" s="1" t="s">
        <v>6109</v>
      </c>
      <c r="B35453" s="1" t="s">
        <v>123106</v>
      </c>
      <c r="C35453" s="1" t="s">
        <v>55</v>
      </c>
      <c r="D35453" s="1" t="s">
        <v>17389</v>
      </c>
      <c r="E35453" s="1" t="s">
        <v>123138</v>
      </c>
      <c r="F35453" s="1" t="s">
        <v>123139</v>
      </c>
      <c r="G35453" s="1" t="s">
        <v>123109</v>
      </c>
      <c r="H35453" s="1" t="s">
        <v>123110</v>
      </c>
      <c r="I35453" s="1" t="s">
        <v>123111</v>
      </c>
      <c r="J35453" s="1" t="s">
        <v>123140</v>
      </c>
    </row>
    <row r="35454" spans="1:10" x14ac:dyDescent="0.35">
      <c r="A35454" s="1" t="s">
        <v>6109</v>
      </c>
      <c r="B35454" s="1" t="s">
        <v>123106</v>
      </c>
      <c r="C35454" s="1" t="s">
        <v>60</v>
      </c>
      <c r="D35454" s="1" t="s">
        <v>123141</v>
      </c>
      <c r="E35454" s="1" t="s">
        <v>123142</v>
      </c>
      <c r="F35454" s="1" t="s">
        <v>123143</v>
      </c>
      <c r="G35454" s="1" t="s">
        <v>123109</v>
      </c>
      <c r="H35454" s="1" t="s">
        <v>123110</v>
      </c>
      <c r="I35454" s="1" t="s">
        <v>123111</v>
      </c>
      <c r="J35454" s="1" t="s">
        <v>123144</v>
      </c>
    </row>
    <row r="35455" spans="1:10" x14ac:dyDescent="0.35">
      <c r="A35455" s="1" t="s">
        <v>6109</v>
      </c>
      <c r="B35455" s="1" t="s">
        <v>123106</v>
      </c>
      <c r="C35455" s="1" t="s">
        <v>65</v>
      </c>
      <c r="D35455" s="1" t="s">
        <v>123145</v>
      </c>
      <c r="E35455" s="1" t="s">
        <v>123146</v>
      </c>
      <c r="F35455" s="1" t="s">
        <v>123147</v>
      </c>
      <c r="G35455" s="1" t="s">
        <v>123109</v>
      </c>
      <c r="H35455" s="1" t="s">
        <v>123110</v>
      </c>
      <c r="I35455" s="1" t="s">
        <v>123111</v>
      </c>
      <c r="J35455" s="1" t="s">
        <v>123148</v>
      </c>
    </row>
    <row r="35456" spans="1:10" x14ac:dyDescent="0.35">
      <c r="A35456" s="1" t="s">
        <v>6109</v>
      </c>
      <c r="B35456" s="1" t="s">
        <v>123106</v>
      </c>
      <c r="C35456" s="1" t="s">
        <v>70</v>
      </c>
      <c r="D35456" s="1" t="s">
        <v>123149</v>
      </c>
      <c r="E35456" s="1" t="s">
        <v>123150</v>
      </c>
      <c r="F35456" s="1" t="s">
        <v>123151</v>
      </c>
      <c r="G35456" s="1" t="s">
        <v>123109</v>
      </c>
      <c r="H35456" s="1" t="s">
        <v>123110</v>
      </c>
      <c r="I35456" s="1" t="s">
        <v>123111</v>
      </c>
      <c r="J35456" s="1" t="s">
        <v>123152</v>
      </c>
    </row>
    <row r="35457" spans="1:10" x14ac:dyDescent="0.35">
      <c r="A35457" s="1" t="s">
        <v>6109</v>
      </c>
      <c r="B35457" s="1" t="s">
        <v>123106</v>
      </c>
      <c r="C35457" s="1" t="s">
        <v>75</v>
      </c>
      <c r="D35457" s="1" t="s">
        <v>123153</v>
      </c>
      <c r="E35457" s="1" t="s">
        <v>123154</v>
      </c>
      <c r="F35457" s="1" t="s">
        <v>123155</v>
      </c>
      <c r="G35457" s="1" t="s">
        <v>123109</v>
      </c>
      <c r="H35457" s="1" t="s">
        <v>123110</v>
      </c>
      <c r="I35457" s="1" t="s">
        <v>123111</v>
      </c>
      <c r="J35457" s="1" t="s">
        <v>123156</v>
      </c>
    </row>
    <row r="35458" spans="1:10" x14ac:dyDescent="0.35">
      <c r="A35458" s="1" t="s">
        <v>6109</v>
      </c>
      <c r="B35458" s="1" t="s">
        <v>123106</v>
      </c>
      <c r="C35458" s="1" t="s">
        <v>80</v>
      </c>
      <c r="D35458" s="1" t="s">
        <v>15667</v>
      </c>
      <c r="E35458" s="1" t="s">
        <v>123157</v>
      </c>
      <c r="F35458" s="1" t="s">
        <v>123158</v>
      </c>
      <c r="G35458" s="1" t="s">
        <v>123109</v>
      </c>
      <c r="H35458" s="1" t="s">
        <v>123110</v>
      </c>
      <c r="I35458" s="1" t="s">
        <v>123111</v>
      </c>
      <c r="J35458" s="1" t="s">
        <v>123159</v>
      </c>
    </row>
    <row r="35459" spans="1:10" x14ac:dyDescent="0.35">
      <c r="A35459" s="1" t="s">
        <v>6109</v>
      </c>
      <c r="B35459" s="1" t="s">
        <v>123106</v>
      </c>
      <c r="C35459" s="1" t="s">
        <v>85</v>
      </c>
      <c r="D35459" s="1" t="s">
        <v>36445</v>
      </c>
      <c r="E35459" s="1" t="s">
        <v>123160</v>
      </c>
      <c r="F35459" s="1" t="s">
        <v>123161</v>
      </c>
      <c r="G35459" s="1" t="s">
        <v>123109</v>
      </c>
      <c r="H35459" s="1" t="s">
        <v>123110</v>
      </c>
      <c r="I35459" s="1" t="s">
        <v>123111</v>
      </c>
      <c r="J35459" s="1" t="s">
        <v>123162</v>
      </c>
    </row>
    <row r="35460" spans="1:10" x14ac:dyDescent="0.35">
      <c r="A35460" s="1" t="s">
        <v>6109</v>
      </c>
      <c r="B35460" s="1" t="s">
        <v>123106</v>
      </c>
      <c r="C35460" s="1" t="s">
        <v>90</v>
      </c>
      <c r="D35460" s="1" t="s">
        <v>123163</v>
      </c>
      <c r="E35460" s="1" t="s">
        <v>123164</v>
      </c>
      <c r="F35460" s="1" t="s">
        <v>123165</v>
      </c>
      <c r="G35460" s="1" t="s">
        <v>123109</v>
      </c>
      <c r="H35460" s="1" t="s">
        <v>123110</v>
      </c>
      <c r="I35460" s="1" t="s">
        <v>123111</v>
      </c>
      <c r="J35460" s="1" t="s">
        <v>123166</v>
      </c>
    </row>
    <row r="35461" spans="1:10" x14ac:dyDescent="0.35">
      <c r="A35461" s="1" t="s">
        <v>6109</v>
      </c>
      <c r="B35461" s="1" t="s">
        <v>123106</v>
      </c>
      <c r="C35461" s="1" t="s">
        <v>95</v>
      </c>
      <c r="D35461" s="1" t="s">
        <v>123167</v>
      </c>
      <c r="E35461" s="1" t="s">
        <v>123168</v>
      </c>
      <c r="F35461" s="1" t="s">
        <v>123169</v>
      </c>
      <c r="G35461" s="1" t="s">
        <v>123109</v>
      </c>
      <c r="H35461" s="1" t="s">
        <v>123110</v>
      </c>
      <c r="I35461" s="1" t="s">
        <v>123111</v>
      </c>
      <c r="J35461" s="1" t="s">
        <v>123170</v>
      </c>
    </row>
    <row r="35462" spans="1:10" x14ac:dyDescent="0.35">
      <c r="A35462" s="1" t="s">
        <v>6109</v>
      </c>
      <c r="B35462" s="1" t="s">
        <v>123106</v>
      </c>
      <c r="C35462" s="1" t="s">
        <v>100</v>
      </c>
      <c r="D35462" s="1" t="s">
        <v>123171</v>
      </c>
      <c r="E35462" s="1" t="s">
        <v>123172</v>
      </c>
      <c r="F35462" s="1" t="s">
        <v>123173</v>
      </c>
      <c r="G35462" s="1" t="s">
        <v>123109</v>
      </c>
      <c r="H35462" s="1" t="s">
        <v>123110</v>
      </c>
      <c r="I35462" s="1" t="s">
        <v>123111</v>
      </c>
      <c r="J35462" s="1" t="s">
        <v>123174</v>
      </c>
    </row>
    <row r="35463" spans="1:10" x14ac:dyDescent="0.35">
      <c r="A35463" s="1" t="s">
        <v>6109</v>
      </c>
      <c r="B35463" s="1" t="s">
        <v>123106</v>
      </c>
      <c r="C35463" s="1" t="s">
        <v>105</v>
      </c>
      <c r="D35463" s="1" t="s">
        <v>17530</v>
      </c>
      <c r="E35463" s="1" t="s">
        <v>123175</v>
      </c>
      <c r="F35463" s="1" t="s">
        <v>123176</v>
      </c>
      <c r="G35463" s="1" t="s">
        <v>123109</v>
      </c>
      <c r="H35463" s="1" t="s">
        <v>123110</v>
      </c>
      <c r="I35463" s="1" t="s">
        <v>123111</v>
      </c>
      <c r="J35463" s="1" t="s">
        <v>123177</v>
      </c>
    </row>
    <row r="35464" spans="1:10" x14ac:dyDescent="0.35">
      <c r="A35464" s="1" t="s">
        <v>6109</v>
      </c>
      <c r="B35464" s="1" t="s">
        <v>123106</v>
      </c>
      <c r="C35464" s="1" t="s">
        <v>110</v>
      </c>
      <c r="D35464" s="1" t="s">
        <v>123178</v>
      </c>
      <c r="E35464" s="1" t="s">
        <v>123179</v>
      </c>
      <c r="F35464" s="1" t="s">
        <v>123180</v>
      </c>
      <c r="G35464" s="1" t="s">
        <v>123109</v>
      </c>
      <c r="H35464" s="1" t="s">
        <v>123110</v>
      </c>
      <c r="I35464" s="1" t="s">
        <v>123111</v>
      </c>
      <c r="J35464" s="1" t="s">
        <v>123181</v>
      </c>
    </row>
    <row r="35465" spans="1:10" x14ac:dyDescent="0.35">
      <c r="A35465" s="1" t="s">
        <v>6109</v>
      </c>
      <c r="B35465" s="1" t="s">
        <v>123106</v>
      </c>
      <c r="C35465" s="1" t="s">
        <v>115</v>
      </c>
      <c r="D35465" s="1" t="s">
        <v>123182</v>
      </c>
      <c r="E35465" s="1" t="s">
        <v>123183</v>
      </c>
      <c r="F35465" s="1" t="s">
        <v>123184</v>
      </c>
      <c r="G35465" s="1" t="s">
        <v>123109</v>
      </c>
      <c r="H35465" s="1" t="s">
        <v>123110</v>
      </c>
      <c r="I35465" s="1" t="s">
        <v>123111</v>
      </c>
      <c r="J35465" s="1" t="s">
        <v>123185</v>
      </c>
    </row>
    <row r="35466" spans="1:10" x14ac:dyDescent="0.35">
      <c r="A35466" s="1" t="s">
        <v>6109</v>
      </c>
      <c r="B35466" s="1" t="s">
        <v>123106</v>
      </c>
      <c r="C35466" s="1" t="s">
        <v>120</v>
      </c>
      <c r="D35466" s="1" t="s">
        <v>33021</v>
      </c>
      <c r="E35466" s="1" t="s">
        <v>123186</v>
      </c>
      <c r="F35466" s="1" t="s">
        <v>123187</v>
      </c>
      <c r="G35466" s="1" t="s">
        <v>123109</v>
      </c>
      <c r="H35466" s="1" t="s">
        <v>123110</v>
      </c>
      <c r="I35466" s="1" t="s">
        <v>123111</v>
      </c>
      <c r="J35466" s="1" t="s">
        <v>123188</v>
      </c>
    </row>
    <row r="35467" spans="1:10" x14ac:dyDescent="0.35">
      <c r="A35467" s="1" t="s">
        <v>6109</v>
      </c>
      <c r="B35467" s="1" t="s">
        <v>123106</v>
      </c>
      <c r="C35467" s="1" t="s">
        <v>125</v>
      </c>
      <c r="D35467" s="1" t="s">
        <v>123189</v>
      </c>
      <c r="E35467" s="1" t="s">
        <v>123190</v>
      </c>
      <c r="F35467" s="1" t="s">
        <v>123191</v>
      </c>
      <c r="G35467" s="1" t="s">
        <v>123109</v>
      </c>
      <c r="H35467" s="1" t="s">
        <v>123110</v>
      </c>
      <c r="I35467" s="1" t="s">
        <v>123111</v>
      </c>
      <c r="J35467" s="1" t="s">
        <v>123192</v>
      </c>
    </row>
    <row r="35468" spans="1:10" x14ac:dyDescent="0.35">
      <c r="A35468" s="1" t="s">
        <v>6109</v>
      </c>
      <c r="B35468" s="1" t="s">
        <v>123106</v>
      </c>
      <c r="C35468" s="1" t="s">
        <v>130</v>
      </c>
      <c r="D35468" s="1" t="s">
        <v>82801</v>
      </c>
      <c r="E35468" s="1" t="s">
        <v>123193</v>
      </c>
      <c r="F35468" s="1" t="s">
        <v>123194</v>
      </c>
      <c r="G35468" s="1" t="s">
        <v>123109</v>
      </c>
      <c r="H35468" s="1" t="s">
        <v>123110</v>
      </c>
      <c r="I35468" s="1" t="s">
        <v>123111</v>
      </c>
      <c r="J35468" s="1" t="s">
        <v>123195</v>
      </c>
    </row>
    <row r="35469" spans="1:10" x14ac:dyDescent="0.35">
      <c r="A35469" s="1" t="s">
        <v>6109</v>
      </c>
      <c r="B35469" s="1" t="s">
        <v>123106</v>
      </c>
      <c r="C35469" s="1" t="s">
        <v>135</v>
      </c>
      <c r="D35469" s="1" t="s">
        <v>123196</v>
      </c>
      <c r="E35469" s="1" t="s">
        <v>123197</v>
      </c>
      <c r="F35469" s="1" t="s">
        <v>123198</v>
      </c>
      <c r="G35469" s="1" t="s">
        <v>123109</v>
      </c>
      <c r="H35469" s="1" t="s">
        <v>123110</v>
      </c>
      <c r="I35469" s="1" t="s">
        <v>123111</v>
      </c>
      <c r="J35469" s="1" t="s">
        <v>123199</v>
      </c>
    </row>
    <row r="35470" spans="1:10" x14ac:dyDescent="0.35">
      <c r="A35470" s="1" t="s">
        <v>6109</v>
      </c>
      <c r="B35470" s="1" t="s">
        <v>123106</v>
      </c>
      <c r="C35470" s="1" t="s">
        <v>140</v>
      </c>
      <c r="D35470" s="1" t="s">
        <v>123200</v>
      </c>
      <c r="E35470" s="1" t="s">
        <v>123201</v>
      </c>
      <c r="F35470" s="1" t="s">
        <v>123202</v>
      </c>
      <c r="G35470" s="1" t="s">
        <v>123109</v>
      </c>
      <c r="H35470" s="1" t="s">
        <v>123110</v>
      </c>
      <c r="I35470" s="1" t="s">
        <v>123111</v>
      </c>
      <c r="J35470" s="1" t="s">
        <v>123203</v>
      </c>
    </row>
    <row r="35471" spans="1:10" x14ac:dyDescent="0.35">
      <c r="A35471" s="1" t="s">
        <v>6109</v>
      </c>
      <c r="B35471" s="1" t="s">
        <v>123106</v>
      </c>
      <c r="C35471" s="1" t="s">
        <v>145</v>
      </c>
      <c r="D35471" s="1" t="s">
        <v>123204</v>
      </c>
      <c r="E35471" s="1" t="s">
        <v>123205</v>
      </c>
      <c r="F35471" s="1" t="s">
        <v>123206</v>
      </c>
      <c r="G35471" s="1" t="s">
        <v>123109</v>
      </c>
      <c r="H35471" s="1" t="s">
        <v>123110</v>
      </c>
      <c r="I35471" s="1" t="s">
        <v>123111</v>
      </c>
      <c r="J35471" s="1" t="s">
        <v>123207</v>
      </c>
    </row>
    <row r="35472" spans="1:10" x14ac:dyDescent="0.35">
      <c r="A35472" s="1" t="s">
        <v>6109</v>
      </c>
      <c r="B35472" s="1" t="s">
        <v>123106</v>
      </c>
      <c r="C35472" s="1" t="s">
        <v>150</v>
      </c>
      <c r="D35472" s="1" t="s">
        <v>75260</v>
      </c>
      <c r="E35472" s="1" t="s">
        <v>123208</v>
      </c>
      <c r="F35472" s="1" t="s">
        <v>123209</v>
      </c>
      <c r="G35472" s="1" t="s">
        <v>123109</v>
      </c>
      <c r="H35472" s="1" t="s">
        <v>123110</v>
      </c>
      <c r="I35472" s="1" t="s">
        <v>123111</v>
      </c>
      <c r="J35472" s="1" t="s">
        <v>123210</v>
      </c>
    </row>
    <row r="35473" spans="1:10" x14ac:dyDescent="0.35">
      <c r="A35473" s="1" t="s">
        <v>6109</v>
      </c>
      <c r="B35473" s="1" t="s">
        <v>123106</v>
      </c>
      <c r="C35473" s="1" t="s">
        <v>155</v>
      </c>
      <c r="D35473" s="1" t="s">
        <v>123211</v>
      </c>
      <c r="E35473" s="1" t="s">
        <v>123212</v>
      </c>
      <c r="F35473" s="1" t="s">
        <v>123213</v>
      </c>
      <c r="G35473" s="1" t="s">
        <v>123109</v>
      </c>
      <c r="H35473" s="1" t="s">
        <v>123110</v>
      </c>
      <c r="I35473" s="1" t="s">
        <v>123111</v>
      </c>
      <c r="J35473" s="1" t="s">
        <v>123214</v>
      </c>
    </row>
    <row r="35474" spans="1:10" x14ac:dyDescent="0.35">
      <c r="A35474" s="1" t="s">
        <v>6109</v>
      </c>
      <c r="B35474" s="1" t="s">
        <v>123106</v>
      </c>
      <c r="C35474" s="1" t="s">
        <v>160</v>
      </c>
      <c r="D35474" s="1" t="s">
        <v>123215</v>
      </c>
      <c r="E35474" s="1" t="s">
        <v>123216</v>
      </c>
      <c r="F35474" s="1" t="s">
        <v>123217</v>
      </c>
      <c r="G35474" s="1" t="s">
        <v>123109</v>
      </c>
      <c r="H35474" s="1" t="s">
        <v>123110</v>
      </c>
      <c r="I35474" s="1" t="s">
        <v>123111</v>
      </c>
      <c r="J35474" s="1" t="s">
        <v>123218</v>
      </c>
    </row>
    <row r="35475" spans="1:10" x14ac:dyDescent="0.35">
      <c r="A35475" s="1" t="s">
        <v>6109</v>
      </c>
      <c r="B35475" s="1" t="s">
        <v>123106</v>
      </c>
      <c r="C35475" s="1" t="s">
        <v>165</v>
      </c>
      <c r="D35475" s="1" t="s">
        <v>10594</v>
      </c>
      <c r="E35475" s="1" t="s">
        <v>123219</v>
      </c>
      <c r="F35475" s="1" t="s">
        <v>123220</v>
      </c>
      <c r="G35475" s="1" t="s">
        <v>123109</v>
      </c>
      <c r="H35475" s="1" t="s">
        <v>123110</v>
      </c>
      <c r="I35475" s="1" t="s">
        <v>123111</v>
      </c>
      <c r="J35475" s="1" t="s">
        <v>123221</v>
      </c>
    </row>
    <row r="35476" spans="1:10" x14ac:dyDescent="0.35">
      <c r="A35476" s="1" t="s">
        <v>6109</v>
      </c>
      <c r="B35476" s="1" t="s">
        <v>123106</v>
      </c>
      <c r="C35476" s="1" t="s">
        <v>170</v>
      </c>
      <c r="D35476" s="1" t="s">
        <v>31335</v>
      </c>
      <c r="E35476" s="1" t="s">
        <v>123222</v>
      </c>
      <c r="F35476" s="1" t="s">
        <v>123223</v>
      </c>
      <c r="G35476" s="1" t="s">
        <v>123109</v>
      </c>
      <c r="H35476" s="1" t="s">
        <v>123110</v>
      </c>
      <c r="I35476" s="1" t="s">
        <v>123111</v>
      </c>
      <c r="J35476" s="1" t="s">
        <v>123224</v>
      </c>
    </row>
    <row r="35477" spans="1:10" x14ac:dyDescent="0.35">
      <c r="A35477" s="1" t="s">
        <v>8506</v>
      </c>
      <c r="B35477" s="1" t="s">
        <v>123106</v>
      </c>
      <c r="C35477" s="1" t="s">
        <v>8</v>
      </c>
      <c r="D35477" s="1" t="s">
        <v>7953</v>
      </c>
      <c r="E35477" s="1" t="s">
        <v>123225</v>
      </c>
      <c r="F35477" s="1" t="s">
        <v>123226</v>
      </c>
      <c r="G35477" s="1" t="s">
        <v>123227</v>
      </c>
      <c r="H35477" s="1" t="s">
        <v>123228</v>
      </c>
      <c r="I35477" s="1" t="s">
        <v>123111</v>
      </c>
      <c r="J35477" s="1" t="s">
        <v>13</v>
      </c>
    </row>
    <row r="35478" spans="1:10" x14ac:dyDescent="0.35">
      <c r="A35478" s="1" t="s">
        <v>8506</v>
      </c>
      <c r="B35478" s="1" t="s">
        <v>123106</v>
      </c>
      <c r="C35478" s="1" t="s">
        <v>15</v>
      </c>
      <c r="D35478" s="1" t="s">
        <v>73194</v>
      </c>
      <c r="E35478" s="1" t="s">
        <v>123229</v>
      </c>
      <c r="F35478" s="1" t="s">
        <v>123230</v>
      </c>
      <c r="G35478" s="1" t="s">
        <v>123227</v>
      </c>
      <c r="H35478" s="1" t="s">
        <v>123228</v>
      </c>
      <c r="I35478" s="1" t="s">
        <v>123111</v>
      </c>
      <c r="J35478" s="1" t="s">
        <v>123231</v>
      </c>
    </row>
    <row r="35479" spans="1:10" x14ac:dyDescent="0.35">
      <c r="A35479" s="1" t="s">
        <v>8506</v>
      </c>
      <c r="B35479" s="1" t="s">
        <v>123106</v>
      </c>
      <c r="C35479" s="1" t="s">
        <v>20</v>
      </c>
      <c r="D35479" s="1" t="s">
        <v>123232</v>
      </c>
      <c r="E35479" s="1" t="s">
        <v>123233</v>
      </c>
      <c r="F35479" s="1" t="s">
        <v>123234</v>
      </c>
      <c r="G35479" s="1" t="s">
        <v>123227</v>
      </c>
      <c r="H35479" s="1" t="s">
        <v>123228</v>
      </c>
      <c r="I35479" s="1" t="s">
        <v>123111</v>
      </c>
      <c r="J35479" s="1" t="s">
        <v>123235</v>
      </c>
    </row>
    <row r="35480" spans="1:10" x14ac:dyDescent="0.35">
      <c r="A35480" s="1" t="s">
        <v>8506</v>
      </c>
      <c r="B35480" s="1" t="s">
        <v>123106</v>
      </c>
      <c r="C35480" s="1" t="s">
        <v>25</v>
      </c>
      <c r="D35480" s="1" t="s">
        <v>123236</v>
      </c>
      <c r="E35480" s="1" t="s">
        <v>123237</v>
      </c>
      <c r="F35480" s="1" t="s">
        <v>123238</v>
      </c>
      <c r="G35480" s="1" t="s">
        <v>123227</v>
      </c>
      <c r="H35480" s="1" t="s">
        <v>123228</v>
      </c>
      <c r="I35480" s="1" t="s">
        <v>123111</v>
      </c>
      <c r="J35480" s="1" t="s">
        <v>123239</v>
      </c>
    </row>
    <row r="35481" spans="1:10" x14ac:dyDescent="0.35">
      <c r="A35481" s="1" t="s">
        <v>8506</v>
      </c>
      <c r="B35481" s="1" t="s">
        <v>123106</v>
      </c>
      <c r="C35481" s="1" t="s">
        <v>30</v>
      </c>
      <c r="D35481" s="1" t="s">
        <v>123240</v>
      </c>
      <c r="E35481" s="1" t="s">
        <v>123241</v>
      </c>
      <c r="F35481" s="1" t="s">
        <v>123242</v>
      </c>
      <c r="G35481" s="1" t="s">
        <v>123227</v>
      </c>
      <c r="H35481" s="1" t="s">
        <v>123228</v>
      </c>
      <c r="I35481" s="1" t="s">
        <v>123111</v>
      </c>
      <c r="J35481" s="1" t="s">
        <v>123243</v>
      </c>
    </row>
    <row r="35482" spans="1:10" x14ac:dyDescent="0.35">
      <c r="A35482" s="1" t="s">
        <v>8506</v>
      </c>
      <c r="B35482" s="1" t="s">
        <v>123106</v>
      </c>
      <c r="C35482" s="1" t="s">
        <v>35</v>
      </c>
      <c r="D35482" s="1" t="s">
        <v>5770</v>
      </c>
      <c r="E35482" s="1" t="s">
        <v>123244</v>
      </c>
      <c r="F35482" s="1" t="s">
        <v>123245</v>
      </c>
      <c r="G35482" s="1" t="s">
        <v>123227</v>
      </c>
      <c r="H35482" s="1" t="s">
        <v>123228</v>
      </c>
      <c r="I35482" s="1" t="s">
        <v>123111</v>
      </c>
      <c r="J35482" s="1" t="s">
        <v>123246</v>
      </c>
    </row>
    <row r="35483" spans="1:10" x14ac:dyDescent="0.35">
      <c r="A35483" s="1" t="s">
        <v>8506</v>
      </c>
      <c r="B35483" s="1" t="s">
        <v>123106</v>
      </c>
      <c r="C35483" s="1" t="s">
        <v>40</v>
      </c>
      <c r="D35483" s="1" t="s">
        <v>112034</v>
      </c>
      <c r="E35483" s="1" t="s">
        <v>123247</v>
      </c>
      <c r="F35483" s="1" t="s">
        <v>123248</v>
      </c>
      <c r="G35483" s="1" t="s">
        <v>123227</v>
      </c>
      <c r="H35483" s="1" t="s">
        <v>123228</v>
      </c>
      <c r="I35483" s="1" t="s">
        <v>123111</v>
      </c>
      <c r="J35483" s="1" t="s">
        <v>123249</v>
      </c>
    </row>
    <row r="35484" spans="1:10" x14ac:dyDescent="0.35">
      <c r="A35484" s="1" t="s">
        <v>8506</v>
      </c>
      <c r="B35484" s="1" t="s">
        <v>123106</v>
      </c>
      <c r="C35484" s="1" t="s">
        <v>45</v>
      </c>
      <c r="D35484" s="1" t="s">
        <v>36065</v>
      </c>
      <c r="E35484" s="1" t="s">
        <v>123250</v>
      </c>
      <c r="F35484" s="1" t="s">
        <v>123251</v>
      </c>
      <c r="G35484" s="1" t="s">
        <v>123227</v>
      </c>
      <c r="H35484" s="1" t="s">
        <v>123228</v>
      </c>
      <c r="I35484" s="1" t="s">
        <v>123111</v>
      </c>
      <c r="J35484" s="1" t="s">
        <v>123252</v>
      </c>
    </row>
    <row r="35485" spans="1:10" x14ac:dyDescent="0.35">
      <c r="A35485" s="1" t="s">
        <v>8506</v>
      </c>
      <c r="B35485" s="1" t="s">
        <v>123106</v>
      </c>
      <c r="C35485" s="1" t="s">
        <v>50</v>
      </c>
      <c r="D35485" s="1" t="s">
        <v>36208</v>
      </c>
      <c r="E35485" s="1" t="s">
        <v>123253</v>
      </c>
      <c r="F35485" s="1" t="s">
        <v>123254</v>
      </c>
      <c r="G35485" s="1" t="s">
        <v>123227</v>
      </c>
      <c r="H35485" s="1" t="s">
        <v>123228</v>
      </c>
      <c r="I35485" s="1" t="s">
        <v>123111</v>
      </c>
      <c r="J35485" s="1" t="s">
        <v>123255</v>
      </c>
    </row>
    <row r="35486" spans="1:10" x14ac:dyDescent="0.35">
      <c r="A35486" s="1" t="s">
        <v>8506</v>
      </c>
      <c r="B35486" s="1" t="s">
        <v>123106</v>
      </c>
      <c r="C35486" s="1" t="s">
        <v>55</v>
      </c>
      <c r="D35486" s="1" t="s">
        <v>123256</v>
      </c>
      <c r="E35486" s="1" t="s">
        <v>123257</v>
      </c>
      <c r="F35486" s="1" t="s">
        <v>123258</v>
      </c>
      <c r="G35486" s="1" t="s">
        <v>123227</v>
      </c>
      <c r="H35486" s="1" t="s">
        <v>123228</v>
      </c>
      <c r="I35486" s="1" t="s">
        <v>123111</v>
      </c>
      <c r="J35486" s="1" t="s">
        <v>123259</v>
      </c>
    </row>
    <row r="35487" spans="1:10" x14ac:dyDescent="0.35">
      <c r="A35487" s="1" t="s">
        <v>8506</v>
      </c>
      <c r="B35487" s="1" t="s">
        <v>123106</v>
      </c>
      <c r="C35487" s="1" t="s">
        <v>60</v>
      </c>
      <c r="D35487" s="1" t="s">
        <v>49224</v>
      </c>
      <c r="E35487" s="1" t="s">
        <v>123260</v>
      </c>
      <c r="F35487" s="1" t="s">
        <v>123261</v>
      </c>
      <c r="G35487" s="1" t="s">
        <v>123227</v>
      </c>
      <c r="H35487" s="1" t="s">
        <v>123228</v>
      </c>
      <c r="I35487" s="1" t="s">
        <v>123111</v>
      </c>
      <c r="J35487" s="1" t="s">
        <v>123262</v>
      </c>
    </row>
    <row r="35488" spans="1:10" x14ac:dyDescent="0.35">
      <c r="A35488" s="1" t="s">
        <v>8506</v>
      </c>
      <c r="B35488" s="1" t="s">
        <v>123106</v>
      </c>
      <c r="C35488" s="1" t="s">
        <v>65</v>
      </c>
      <c r="D35488" s="1" t="s">
        <v>16128</v>
      </c>
      <c r="E35488" s="1" t="s">
        <v>123263</v>
      </c>
      <c r="F35488" s="1" t="s">
        <v>123264</v>
      </c>
      <c r="G35488" s="1" t="s">
        <v>123227</v>
      </c>
      <c r="H35488" s="1" t="s">
        <v>123228</v>
      </c>
      <c r="I35488" s="1" t="s">
        <v>123111</v>
      </c>
      <c r="J35488" s="1" t="s">
        <v>123265</v>
      </c>
    </row>
    <row r="35489" spans="1:10" x14ac:dyDescent="0.35">
      <c r="A35489" s="1" t="s">
        <v>8506</v>
      </c>
      <c r="B35489" s="1" t="s">
        <v>123106</v>
      </c>
      <c r="C35489" s="1" t="s">
        <v>70</v>
      </c>
      <c r="D35489" s="1" t="s">
        <v>123266</v>
      </c>
      <c r="E35489" s="1" t="s">
        <v>123267</v>
      </c>
      <c r="F35489" s="1" t="s">
        <v>123268</v>
      </c>
      <c r="G35489" s="1" t="s">
        <v>123227</v>
      </c>
      <c r="H35489" s="1" t="s">
        <v>123228</v>
      </c>
      <c r="I35489" s="1" t="s">
        <v>123111</v>
      </c>
      <c r="J35489" s="1" t="s">
        <v>123269</v>
      </c>
    </row>
    <row r="35490" spans="1:10" x14ac:dyDescent="0.35">
      <c r="A35490" s="1" t="s">
        <v>8506</v>
      </c>
      <c r="B35490" s="1" t="s">
        <v>123106</v>
      </c>
      <c r="C35490" s="1" t="s">
        <v>75</v>
      </c>
      <c r="D35490" s="1" t="s">
        <v>74834</v>
      </c>
      <c r="E35490" s="1" t="s">
        <v>123270</v>
      </c>
      <c r="F35490" s="1" t="s">
        <v>123271</v>
      </c>
      <c r="G35490" s="1" t="s">
        <v>123227</v>
      </c>
      <c r="H35490" s="1" t="s">
        <v>123228</v>
      </c>
      <c r="I35490" s="1" t="s">
        <v>123111</v>
      </c>
      <c r="J35490" s="1" t="s">
        <v>123272</v>
      </c>
    </row>
    <row r="35491" spans="1:10" x14ac:dyDescent="0.35">
      <c r="A35491" s="1" t="s">
        <v>8506</v>
      </c>
      <c r="B35491" s="1" t="s">
        <v>123106</v>
      </c>
      <c r="C35491" s="1" t="s">
        <v>80</v>
      </c>
      <c r="D35491" s="1" t="s">
        <v>123273</v>
      </c>
      <c r="E35491" s="1" t="s">
        <v>123274</v>
      </c>
      <c r="F35491" s="1" t="s">
        <v>123275</v>
      </c>
      <c r="G35491" s="1" t="s">
        <v>123227</v>
      </c>
      <c r="H35491" s="1" t="s">
        <v>123228</v>
      </c>
      <c r="I35491" s="1" t="s">
        <v>123111</v>
      </c>
      <c r="J35491" s="1" t="s">
        <v>123276</v>
      </c>
    </row>
    <row r="35492" spans="1:10" x14ac:dyDescent="0.35">
      <c r="A35492" s="1" t="s">
        <v>8506</v>
      </c>
      <c r="B35492" s="1" t="s">
        <v>123106</v>
      </c>
      <c r="C35492" s="1" t="s">
        <v>85</v>
      </c>
      <c r="D35492" s="1" t="s">
        <v>123277</v>
      </c>
      <c r="E35492" s="1" t="s">
        <v>123278</v>
      </c>
      <c r="F35492" s="1" t="s">
        <v>123279</v>
      </c>
      <c r="G35492" s="1" t="s">
        <v>123227</v>
      </c>
      <c r="H35492" s="1" t="s">
        <v>123228</v>
      </c>
      <c r="I35492" s="1" t="s">
        <v>123111</v>
      </c>
      <c r="J35492" s="1" t="s">
        <v>123280</v>
      </c>
    </row>
    <row r="35493" spans="1:10" x14ac:dyDescent="0.35">
      <c r="A35493" s="1" t="s">
        <v>8506</v>
      </c>
      <c r="B35493" s="1" t="s">
        <v>123106</v>
      </c>
      <c r="C35493" s="1" t="s">
        <v>90</v>
      </c>
      <c r="D35493" s="1" t="s">
        <v>15402</v>
      </c>
      <c r="E35493" s="1" t="s">
        <v>123281</v>
      </c>
      <c r="F35493" s="1" t="s">
        <v>123282</v>
      </c>
      <c r="G35493" s="1" t="s">
        <v>123227</v>
      </c>
      <c r="H35493" s="1" t="s">
        <v>123228</v>
      </c>
      <c r="I35493" s="1" t="s">
        <v>123111</v>
      </c>
      <c r="J35493" s="1" t="s">
        <v>123283</v>
      </c>
    </row>
    <row r="35494" spans="1:10" x14ac:dyDescent="0.35">
      <c r="A35494" s="1" t="s">
        <v>8506</v>
      </c>
      <c r="B35494" s="1" t="s">
        <v>123106</v>
      </c>
      <c r="C35494" s="1" t="s">
        <v>95</v>
      </c>
      <c r="D35494" s="1" t="s">
        <v>123284</v>
      </c>
      <c r="E35494" s="1" t="s">
        <v>123285</v>
      </c>
      <c r="F35494" s="1" t="s">
        <v>123286</v>
      </c>
      <c r="G35494" s="1" t="s">
        <v>123227</v>
      </c>
      <c r="H35494" s="1" t="s">
        <v>123228</v>
      </c>
      <c r="I35494" s="1" t="s">
        <v>123111</v>
      </c>
      <c r="J35494" s="1" t="s">
        <v>123287</v>
      </c>
    </row>
    <row r="35495" spans="1:10" x14ac:dyDescent="0.35">
      <c r="A35495" s="1" t="s">
        <v>8506</v>
      </c>
      <c r="B35495" s="1" t="s">
        <v>123106</v>
      </c>
      <c r="C35495" s="1" t="s">
        <v>100</v>
      </c>
      <c r="D35495" s="1" t="s">
        <v>17909</v>
      </c>
      <c r="E35495" s="1" t="s">
        <v>123288</v>
      </c>
      <c r="F35495" s="1" t="s">
        <v>123289</v>
      </c>
      <c r="G35495" s="1" t="s">
        <v>123227</v>
      </c>
      <c r="H35495" s="1" t="s">
        <v>123228</v>
      </c>
      <c r="I35495" s="1" t="s">
        <v>123111</v>
      </c>
      <c r="J35495" s="1" t="s">
        <v>123290</v>
      </c>
    </row>
    <row r="35496" spans="1:10" x14ac:dyDescent="0.35">
      <c r="A35496" s="1" t="s">
        <v>8506</v>
      </c>
      <c r="B35496" s="1" t="s">
        <v>123106</v>
      </c>
      <c r="C35496" s="1" t="s">
        <v>105</v>
      </c>
      <c r="D35496" s="1" t="s">
        <v>5203</v>
      </c>
      <c r="E35496" s="1" t="s">
        <v>123291</v>
      </c>
      <c r="F35496" s="1" t="s">
        <v>123292</v>
      </c>
      <c r="G35496" s="1" t="s">
        <v>123227</v>
      </c>
      <c r="H35496" s="1" t="s">
        <v>123228</v>
      </c>
      <c r="I35496" s="1" t="s">
        <v>123111</v>
      </c>
      <c r="J35496" s="1" t="s">
        <v>123293</v>
      </c>
    </row>
    <row r="35497" spans="1:10" x14ac:dyDescent="0.35">
      <c r="A35497" s="1" t="s">
        <v>8506</v>
      </c>
      <c r="B35497" s="1" t="s">
        <v>123106</v>
      </c>
      <c r="C35497" s="1" t="s">
        <v>110</v>
      </c>
      <c r="D35497" s="1" t="s">
        <v>5163</v>
      </c>
      <c r="E35497" s="1" t="s">
        <v>123294</v>
      </c>
      <c r="F35497" s="1" t="s">
        <v>123295</v>
      </c>
      <c r="G35497" s="1" t="s">
        <v>123227</v>
      </c>
      <c r="H35497" s="1" t="s">
        <v>123228</v>
      </c>
      <c r="I35497" s="1" t="s">
        <v>123111</v>
      </c>
      <c r="J35497" s="1" t="s">
        <v>123296</v>
      </c>
    </row>
    <row r="35498" spans="1:10" x14ac:dyDescent="0.35">
      <c r="A35498" s="1" t="s">
        <v>8506</v>
      </c>
      <c r="B35498" s="1" t="s">
        <v>123106</v>
      </c>
      <c r="C35498" s="1" t="s">
        <v>115</v>
      </c>
      <c r="D35498" s="1" t="s">
        <v>123297</v>
      </c>
      <c r="E35498" s="1" t="s">
        <v>123298</v>
      </c>
      <c r="F35498" s="1" t="s">
        <v>123299</v>
      </c>
      <c r="G35498" s="1" t="s">
        <v>123227</v>
      </c>
      <c r="H35498" s="1" t="s">
        <v>123228</v>
      </c>
      <c r="I35498" s="1" t="s">
        <v>123111</v>
      </c>
      <c r="J35498" s="1" t="s">
        <v>123300</v>
      </c>
    </row>
    <row r="35499" spans="1:10" x14ac:dyDescent="0.35">
      <c r="A35499" s="1" t="s">
        <v>8506</v>
      </c>
      <c r="B35499" s="1" t="s">
        <v>123106</v>
      </c>
      <c r="C35499" s="1" t="s">
        <v>120</v>
      </c>
      <c r="D35499" s="1" t="s">
        <v>123301</v>
      </c>
      <c r="E35499" s="1" t="s">
        <v>123302</v>
      </c>
      <c r="F35499" s="1" t="s">
        <v>123303</v>
      </c>
      <c r="G35499" s="1" t="s">
        <v>123227</v>
      </c>
      <c r="H35499" s="1" t="s">
        <v>123228</v>
      </c>
      <c r="I35499" s="1" t="s">
        <v>123111</v>
      </c>
      <c r="J35499" s="1" t="s">
        <v>123304</v>
      </c>
    </row>
    <row r="35500" spans="1:10" x14ac:dyDescent="0.35">
      <c r="A35500" s="1" t="s">
        <v>8506</v>
      </c>
      <c r="B35500" s="1" t="s">
        <v>123106</v>
      </c>
      <c r="C35500" s="1" t="s">
        <v>125</v>
      </c>
      <c r="D35500" s="1" t="s">
        <v>123305</v>
      </c>
      <c r="E35500" s="1" t="s">
        <v>123306</v>
      </c>
      <c r="F35500" s="1" t="s">
        <v>123307</v>
      </c>
      <c r="G35500" s="1" t="s">
        <v>123227</v>
      </c>
      <c r="H35500" s="1" t="s">
        <v>123228</v>
      </c>
      <c r="I35500" s="1" t="s">
        <v>123111</v>
      </c>
      <c r="J35500" s="1" t="s">
        <v>123308</v>
      </c>
    </row>
    <row r="35501" spans="1:10" x14ac:dyDescent="0.35">
      <c r="A35501" s="1" t="s">
        <v>8506</v>
      </c>
      <c r="B35501" s="1" t="s">
        <v>123106</v>
      </c>
      <c r="C35501" s="1" t="s">
        <v>130</v>
      </c>
      <c r="D35501" s="1" t="s">
        <v>74037</v>
      </c>
      <c r="E35501" s="1" t="s">
        <v>123309</v>
      </c>
      <c r="F35501" s="1" t="s">
        <v>123310</v>
      </c>
      <c r="G35501" s="1" t="s">
        <v>123227</v>
      </c>
      <c r="H35501" s="1" t="s">
        <v>123228</v>
      </c>
      <c r="I35501" s="1" t="s">
        <v>123111</v>
      </c>
      <c r="J35501" s="1" t="s">
        <v>123311</v>
      </c>
    </row>
    <row r="35502" spans="1:10" x14ac:dyDescent="0.35">
      <c r="A35502" s="1" t="s">
        <v>8506</v>
      </c>
      <c r="B35502" s="1" t="s">
        <v>123106</v>
      </c>
      <c r="C35502" s="1" t="s">
        <v>135</v>
      </c>
      <c r="D35502" s="1" t="s">
        <v>34344</v>
      </c>
      <c r="E35502" s="1" t="s">
        <v>123312</v>
      </c>
      <c r="F35502" s="1" t="s">
        <v>123313</v>
      </c>
      <c r="G35502" s="1" t="s">
        <v>123227</v>
      </c>
      <c r="H35502" s="1" t="s">
        <v>123228</v>
      </c>
      <c r="I35502" s="1" t="s">
        <v>123111</v>
      </c>
      <c r="J35502" s="1" t="s">
        <v>123314</v>
      </c>
    </row>
    <row r="35503" spans="1:10" x14ac:dyDescent="0.35">
      <c r="A35503" s="1" t="s">
        <v>8506</v>
      </c>
      <c r="B35503" s="1" t="s">
        <v>123106</v>
      </c>
      <c r="C35503" s="1" t="s">
        <v>140</v>
      </c>
      <c r="D35503" s="1" t="s">
        <v>73564</v>
      </c>
      <c r="E35503" s="1" t="s">
        <v>123315</v>
      </c>
      <c r="F35503" s="1" t="s">
        <v>123316</v>
      </c>
      <c r="G35503" s="1" t="s">
        <v>123227</v>
      </c>
      <c r="H35503" s="1" t="s">
        <v>123228</v>
      </c>
      <c r="I35503" s="1" t="s">
        <v>123111</v>
      </c>
      <c r="J35503" s="1" t="s">
        <v>123317</v>
      </c>
    </row>
    <row r="35504" spans="1:10" x14ac:dyDescent="0.35">
      <c r="A35504" s="1" t="s">
        <v>8506</v>
      </c>
      <c r="B35504" s="1" t="s">
        <v>123106</v>
      </c>
      <c r="C35504" s="1" t="s">
        <v>145</v>
      </c>
      <c r="D35504" s="1" t="s">
        <v>49828</v>
      </c>
      <c r="E35504" s="1" t="s">
        <v>123318</v>
      </c>
      <c r="F35504" s="1" t="s">
        <v>123319</v>
      </c>
      <c r="G35504" s="1" t="s">
        <v>123227</v>
      </c>
      <c r="H35504" s="1" t="s">
        <v>123228</v>
      </c>
      <c r="I35504" s="1" t="s">
        <v>123111</v>
      </c>
      <c r="J35504" s="1" t="s">
        <v>123320</v>
      </c>
    </row>
    <row r="35505" spans="1:10" x14ac:dyDescent="0.35">
      <c r="A35505" s="1" t="s">
        <v>8506</v>
      </c>
      <c r="B35505" s="1" t="s">
        <v>123106</v>
      </c>
      <c r="C35505" s="1" t="s">
        <v>150</v>
      </c>
      <c r="D35505" s="1" t="s">
        <v>70972</v>
      </c>
      <c r="E35505" s="1" t="s">
        <v>123321</v>
      </c>
      <c r="F35505" s="1" t="s">
        <v>123322</v>
      </c>
      <c r="G35505" s="1" t="s">
        <v>123227</v>
      </c>
      <c r="H35505" s="1" t="s">
        <v>123228</v>
      </c>
      <c r="I35505" s="1" t="s">
        <v>123111</v>
      </c>
      <c r="J35505" s="1" t="s">
        <v>123323</v>
      </c>
    </row>
    <row r="35506" spans="1:10" x14ac:dyDescent="0.35">
      <c r="A35506" s="1" t="s">
        <v>8506</v>
      </c>
      <c r="B35506" s="1" t="s">
        <v>123106</v>
      </c>
      <c r="C35506" s="1" t="s">
        <v>155</v>
      </c>
      <c r="D35506" s="1" t="s">
        <v>74673</v>
      </c>
      <c r="E35506" s="1" t="s">
        <v>123324</v>
      </c>
      <c r="F35506" s="1" t="s">
        <v>123325</v>
      </c>
      <c r="G35506" s="1" t="s">
        <v>123227</v>
      </c>
      <c r="H35506" s="1" t="s">
        <v>123228</v>
      </c>
      <c r="I35506" s="1" t="s">
        <v>123111</v>
      </c>
      <c r="J35506" s="1" t="s">
        <v>123326</v>
      </c>
    </row>
    <row r="35507" spans="1:10" x14ac:dyDescent="0.35">
      <c r="A35507" s="1" t="s">
        <v>8506</v>
      </c>
      <c r="B35507" s="1" t="s">
        <v>123106</v>
      </c>
      <c r="C35507" s="1" t="s">
        <v>160</v>
      </c>
      <c r="D35507" s="1" t="s">
        <v>49977</v>
      </c>
      <c r="E35507" s="1" t="s">
        <v>123327</v>
      </c>
      <c r="F35507" s="1" t="s">
        <v>123328</v>
      </c>
      <c r="G35507" s="1" t="s">
        <v>123227</v>
      </c>
      <c r="H35507" s="1" t="s">
        <v>123228</v>
      </c>
      <c r="I35507" s="1" t="s">
        <v>123111</v>
      </c>
      <c r="J35507" s="1" t="s">
        <v>123329</v>
      </c>
    </row>
    <row r="35508" spans="1:10" x14ac:dyDescent="0.35">
      <c r="A35508" s="1" t="s">
        <v>8506</v>
      </c>
      <c r="B35508" s="1" t="s">
        <v>123106</v>
      </c>
      <c r="C35508" s="1" t="s">
        <v>165</v>
      </c>
      <c r="D35508" s="1" t="s">
        <v>11827</v>
      </c>
      <c r="E35508" s="1" t="s">
        <v>123330</v>
      </c>
      <c r="F35508" s="1" t="s">
        <v>123331</v>
      </c>
      <c r="G35508" s="1" t="s">
        <v>123227</v>
      </c>
      <c r="H35508" s="1" t="s">
        <v>123228</v>
      </c>
      <c r="I35508" s="1" t="s">
        <v>123111</v>
      </c>
      <c r="J35508" s="1" t="s">
        <v>123332</v>
      </c>
    </row>
    <row r="35509" spans="1:10" x14ac:dyDescent="0.35">
      <c r="A35509" s="1" t="s">
        <v>8506</v>
      </c>
      <c r="B35509" s="1" t="s">
        <v>123106</v>
      </c>
      <c r="C35509" s="1" t="s">
        <v>170</v>
      </c>
      <c r="D35509" s="1" t="s">
        <v>123333</v>
      </c>
      <c r="E35509" s="1" t="s">
        <v>123334</v>
      </c>
      <c r="F35509" s="1" t="s">
        <v>123335</v>
      </c>
      <c r="G35509" s="1" t="s">
        <v>123227</v>
      </c>
      <c r="H35509" s="1" t="s">
        <v>123228</v>
      </c>
      <c r="I35509" s="1" t="s">
        <v>123111</v>
      </c>
      <c r="J35509" s="1" t="s">
        <v>123336</v>
      </c>
    </row>
    <row r="35510" spans="1:10" x14ac:dyDescent="0.35">
      <c r="A35510" s="1" t="s">
        <v>10488</v>
      </c>
      <c r="B35510" s="1" t="s">
        <v>123106</v>
      </c>
      <c r="C35510" s="1" t="s">
        <v>8</v>
      </c>
      <c r="D35510" s="1" t="s">
        <v>31728</v>
      </c>
      <c r="E35510" s="1" t="s">
        <v>123337</v>
      </c>
      <c r="F35510" s="1" t="s">
        <v>123338</v>
      </c>
      <c r="G35510" s="1" t="s">
        <v>123339</v>
      </c>
      <c r="H35510" s="1" t="s">
        <v>123340</v>
      </c>
      <c r="I35510" s="1" t="s">
        <v>123111</v>
      </c>
      <c r="J35510" s="1" t="s">
        <v>13</v>
      </c>
    </row>
    <row r="35511" spans="1:10" x14ac:dyDescent="0.35">
      <c r="A35511" s="1" t="s">
        <v>10488</v>
      </c>
      <c r="B35511" s="1" t="s">
        <v>123106</v>
      </c>
      <c r="C35511" s="1" t="s">
        <v>15</v>
      </c>
      <c r="D35511" s="1" t="s">
        <v>123341</v>
      </c>
      <c r="E35511" s="1" t="s">
        <v>123342</v>
      </c>
      <c r="F35511" s="1" t="s">
        <v>123343</v>
      </c>
      <c r="G35511" s="1" t="s">
        <v>123339</v>
      </c>
      <c r="H35511" s="1" t="s">
        <v>123340</v>
      </c>
      <c r="I35511" s="1" t="s">
        <v>123111</v>
      </c>
      <c r="J35511" s="1" t="s">
        <v>123344</v>
      </c>
    </row>
    <row r="35512" spans="1:10" x14ac:dyDescent="0.35">
      <c r="A35512" s="1" t="s">
        <v>10488</v>
      </c>
      <c r="B35512" s="1" t="s">
        <v>123106</v>
      </c>
      <c r="C35512" s="1" t="s">
        <v>20</v>
      </c>
      <c r="D35512" s="1" t="s">
        <v>49973</v>
      </c>
      <c r="E35512" s="1" t="s">
        <v>123345</v>
      </c>
      <c r="F35512" s="1" t="s">
        <v>123346</v>
      </c>
      <c r="G35512" s="1" t="s">
        <v>123339</v>
      </c>
      <c r="H35512" s="1" t="s">
        <v>123340</v>
      </c>
      <c r="I35512" s="1" t="s">
        <v>123111</v>
      </c>
      <c r="J35512" s="1" t="s">
        <v>123347</v>
      </c>
    </row>
    <row r="35513" spans="1:10" x14ac:dyDescent="0.35">
      <c r="A35513" s="1" t="s">
        <v>10488</v>
      </c>
      <c r="B35513" s="1" t="s">
        <v>123106</v>
      </c>
      <c r="C35513" s="1" t="s">
        <v>25</v>
      </c>
      <c r="D35513" s="1" t="s">
        <v>30201</v>
      </c>
      <c r="E35513" s="1" t="s">
        <v>123348</v>
      </c>
      <c r="F35513" s="1" t="s">
        <v>123349</v>
      </c>
      <c r="G35513" s="1" t="s">
        <v>123339</v>
      </c>
      <c r="H35513" s="1" t="s">
        <v>123340</v>
      </c>
      <c r="I35513" s="1" t="s">
        <v>123111</v>
      </c>
      <c r="J35513" s="1" t="s">
        <v>123350</v>
      </c>
    </row>
    <row r="35514" spans="1:10" x14ac:dyDescent="0.35">
      <c r="A35514" s="1" t="s">
        <v>10488</v>
      </c>
      <c r="B35514" s="1" t="s">
        <v>123106</v>
      </c>
      <c r="C35514" s="1" t="s">
        <v>30</v>
      </c>
      <c r="D35514" s="1" t="s">
        <v>17805</v>
      </c>
      <c r="E35514" s="1" t="s">
        <v>123351</v>
      </c>
      <c r="F35514" s="1" t="s">
        <v>123352</v>
      </c>
      <c r="G35514" s="1" t="s">
        <v>123339</v>
      </c>
      <c r="H35514" s="1" t="s">
        <v>123340</v>
      </c>
      <c r="I35514" s="1" t="s">
        <v>123111</v>
      </c>
      <c r="J35514" s="1" t="s">
        <v>123353</v>
      </c>
    </row>
    <row r="35515" spans="1:10" x14ac:dyDescent="0.35">
      <c r="A35515" s="1" t="s">
        <v>10488</v>
      </c>
      <c r="B35515" s="1" t="s">
        <v>123106</v>
      </c>
      <c r="C35515" s="1" t="s">
        <v>35</v>
      </c>
      <c r="D35515" s="1" t="s">
        <v>123354</v>
      </c>
      <c r="E35515" s="1" t="s">
        <v>123355</v>
      </c>
      <c r="F35515" s="1" t="s">
        <v>123356</v>
      </c>
      <c r="G35515" s="1" t="s">
        <v>123339</v>
      </c>
      <c r="H35515" s="1" t="s">
        <v>123340</v>
      </c>
      <c r="I35515" s="1" t="s">
        <v>123111</v>
      </c>
      <c r="J35515" s="1" t="s">
        <v>123357</v>
      </c>
    </row>
    <row r="35516" spans="1:10" x14ac:dyDescent="0.35">
      <c r="A35516" s="1" t="s">
        <v>10488</v>
      </c>
      <c r="B35516" s="1" t="s">
        <v>123106</v>
      </c>
      <c r="C35516" s="1" t="s">
        <v>40</v>
      </c>
      <c r="D35516" s="1" t="s">
        <v>73473</v>
      </c>
      <c r="E35516" s="1" t="s">
        <v>123358</v>
      </c>
      <c r="F35516" s="1" t="s">
        <v>123359</v>
      </c>
      <c r="G35516" s="1" t="s">
        <v>123339</v>
      </c>
      <c r="H35516" s="1" t="s">
        <v>123340</v>
      </c>
      <c r="I35516" s="1" t="s">
        <v>123111</v>
      </c>
      <c r="J35516" s="1" t="s">
        <v>123360</v>
      </c>
    </row>
    <row r="35517" spans="1:10" x14ac:dyDescent="0.35">
      <c r="A35517" s="1" t="s">
        <v>10488</v>
      </c>
      <c r="B35517" s="1" t="s">
        <v>123106</v>
      </c>
      <c r="C35517" s="1" t="s">
        <v>45</v>
      </c>
      <c r="D35517" s="1" t="s">
        <v>47532</v>
      </c>
      <c r="E35517" s="1" t="s">
        <v>123361</v>
      </c>
      <c r="F35517" s="1" t="s">
        <v>123362</v>
      </c>
      <c r="G35517" s="1" t="s">
        <v>123339</v>
      </c>
      <c r="H35517" s="1" t="s">
        <v>123340</v>
      </c>
      <c r="I35517" s="1" t="s">
        <v>123111</v>
      </c>
      <c r="J35517" s="1" t="s">
        <v>123363</v>
      </c>
    </row>
    <row r="35518" spans="1:10" x14ac:dyDescent="0.35">
      <c r="A35518" s="1" t="s">
        <v>10488</v>
      </c>
      <c r="B35518" s="1" t="s">
        <v>123106</v>
      </c>
      <c r="C35518" s="1" t="s">
        <v>50</v>
      </c>
      <c r="D35518" s="1" t="s">
        <v>72333</v>
      </c>
      <c r="E35518" s="1" t="s">
        <v>123364</v>
      </c>
      <c r="F35518" s="1" t="s">
        <v>123365</v>
      </c>
      <c r="G35518" s="1" t="s">
        <v>123339</v>
      </c>
      <c r="H35518" s="1" t="s">
        <v>123340</v>
      </c>
      <c r="I35518" s="1" t="s">
        <v>123111</v>
      </c>
      <c r="J35518" s="1" t="s">
        <v>123366</v>
      </c>
    </row>
    <row r="35519" spans="1:10" x14ac:dyDescent="0.35">
      <c r="A35519" s="1" t="s">
        <v>10488</v>
      </c>
      <c r="B35519" s="1" t="s">
        <v>123106</v>
      </c>
      <c r="C35519" s="1" t="s">
        <v>55</v>
      </c>
      <c r="D35519" s="1" t="s">
        <v>35513</v>
      </c>
      <c r="E35519" s="1" t="s">
        <v>123367</v>
      </c>
      <c r="F35519" s="1" t="s">
        <v>123368</v>
      </c>
      <c r="G35519" s="1" t="s">
        <v>123339</v>
      </c>
      <c r="H35519" s="1" t="s">
        <v>123340</v>
      </c>
      <c r="I35519" s="1" t="s">
        <v>123111</v>
      </c>
      <c r="J35519" s="1" t="s">
        <v>123369</v>
      </c>
    </row>
    <row r="35520" spans="1:10" x14ac:dyDescent="0.35">
      <c r="A35520" s="1" t="s">
        <v>10488</v>
      </c>
      <c r="B35520" s="1" t="s">
        <v>123106</v>
      </c>
      <c r="C35520" s="1" t="s">
        <v>60</v>
      </c>
      <c r="D35520" s="1" t="s">
        <v>2996</v>
      </c>
      <c r="E35520" s="1" t="s">
        <v>123370</v>
      </c>
      <c r="F35520" s="1" t="s">
        <v>123371</v>
      </c>
      <c r="G35520" s="1" t="s">
        <v>123339</v>
      </c>
      <c r="H35520" s="1" t="s">
        <v>123340</v>
      </c>
      <c r="I35520" s="1" t="s">
        <v>123111</v>
      </c>
      <c r="J35520" s="1" t="s">
        <v>123372</v>
      </c>
    </row>
    <row r="35521" spans="1:10" x14ac:dyDescent="0.35">
      <c r="A35521" s="1" t="s">
        <v>10488</v>
      </c>
      <c r="B35521" s="1" t="s">
        <v>123106</v>
      </c>
      <c r="C35521" s="1" t="s">
        <v>65</v>
      </c>
      <c r="D35521" s="1" t="s">
        <v>123373</v>
      </c>
      <c r="E35521" s="1" t="s">
        <v>123374</v>
      </c>
      <c r="F35521" s="1" t="s">
        <v>123375</v>
      </c>
      <c r="G35521" s="1" t="s">
        <v>123339</v>
      </c>
      <c r="H35521" s="1" t="s">
        <v>123340</v>
      </c>
      <c r="I35521" s="1" t="s">
        <v>123111</v>
      </c>
      <c r="J35521" s="1" t="s">
        <v>123376</v>
      </c>
    </row>
    <row r="35522" spans="1:10" x14ac:dyDescent="0.35">
      <c r="A35522" s="1" t="s">
        <v>10488</v>
      </c>
      <c r="B35522" s="1" t="s">
        <v>123106</v>
      </c>
      <c r="C35522" s="1" t="s">
        <v>70</v>
      </c>
      <c r="D35522" s="1" t="s">
        <v>123377</v>
      </c>
      <c r="E35522" s="1" t="s">
        <v>123378</v>
      </c>
      <c r="F35522" s="1" t="s">
        <v>123379</v>
      </c>
      <c r="G35522" s="1" t="s">
        <v>123339</v>
      </c>
      <c r="H35522" s="1" t="s">
        <v>123340</v>
      </c>
      <c r="I35522" s="1" t="s">
        <v>123111</v>
      </c>
      <c r="J35522" s="1" t="s">
        <v>123380</v>
      </c>
    </row>
    <row r="35523" spans="1:10" x14ac:dyDescent="0.35">
      <c r="A35523" s="1" t="s">
        <v>10488</v>
      </c>
      <c r="B35523" s="1" t="s">
        <v>123106</v>
      </c>
      <c r="C35523" s="1" t="s">
        <v>75</v>
      </c>
      <c r="D35523" s="1" t="s">
        <v>123381</v>
      </c>
      <c r="E35523" s="1" t="s">
        <v>123382</v>
      </c>
      <c r="F35523" s="1" t="s">
        <v>123383</v>
      </c>
      <c r="G35523" s="1" t="s">
        <v>123339</v>
      </c>
      <c r="H35523" s="1" t="s">
        <v>123340</v>
      </c>
      <c r="I35523" s="1" t="s">
        <v>123111</v>
      </c>
      <c r="J35523" s="1" t="s">
        <v>123384</v>
      </c>
    </row>
    <row r="35524" spans="1:10" x14ac:dyDescent="0.35">
      <c r="A35524" s="1" t="s">
        <v>10488</v>
      </c>
      <c r="B35524" s="1" t="s">
        <v>123106</v>
      </c>
      <c r="C35524" s="1" t="s">
        <v>80</v>
      </c>
      <c r="D35524" s="1" t="s">
        <v>123385</v>
      </c>
      <c r="E35524" s="1" t="s">
        <v>123386</v>
      </c>
      <c r="F35524" s="1" t="s">
        <v>123387</v>
      </c>
      <c r="G35524" s="1" t="s">
        <v>123339</v>
      </c>
      <c r="H35524" s="1" t="s">
        <v>123340</v>
      </c>
      <c r="I35524" s="1" t="s">
        <v>123111</v>
      </c>
      <c r="J35524" s="1" t="s">
        <v>123388</v>
      </c>
    </row>
    <row r="35525" spans="1:10" x14ac:dyDescent="0.35">
      <c r="A35525" s="1" t="s">
        <v>10488</v>
      </c>
      <c r="B35525" s="1" t="s">
        <v>123106</v>
      </c>
      <c r="C35525" s="1" t="s">
        <v>85</v>
      </c>
      <c r="D35525" s="1" t="s">
        <v>123389</v>
      </c>
      <c r="E35525" s="1" t="s">
        <v>123390</v>
      </c>
      <c r="F35525" s="1" t="s">
        <v>123391</v>
      </c>
      <c r="G35525" s="1" t="s">
        <v>123339</v>
      </c>
      <c r="H35525" s="1" t="s">
        <v>123340</v>
      </c>
      <c r="I35525" s="1" t="s">
        <v>123111</v>
      </c>
      <c r="J35525" s="1" t="s">
        <v>123392</v>
      </c>
    </row>
    <row r="35526" spans="1:10" x14ac:dyDescent="0.35">
      <c r="A35526" s="1" t="s">
        <v>10488</v>
      </c>
      <c r="B35526" s="1" t="s">
        <v>123106</v>
      </c>
      <c r="C35526" s="1" t="s">
        <v>90</v>
      </c>
      <c r="D35526" s="1" t="s">
        <v>123393</v>
      </c>
      <c r="E35526" s="1" t="s">
        <v>123394</v>
      </c>
      <c r="F35526" s="1" t="s">
        <v>123395</v>
      </c>
      <c r="G35526" s="1" t="s">
        <v>123339</v>
      </c>
      <c r="H35526" s="1" t="s">
        <v>123340</v>
      </c>
      <c r="I35526" s="1" t="s">
        <v>123111</v>
      </c>
      <c r="J35526" s="1" t="s">
        <v>123396</v>
      </c>
    </row>
    <row r="35527" spans="1:10" x14ac:dyDescent="0.35">
      <c r="A35527" s="1" t="s">
        <v>10488</v>
      </c>
      <c r="B35527" s="1" t="s">
        <v>123106</v>
      </c>
      <c r="C35527" s="1" t="s">
        <v>95</v>
      </c>
      <c r="D35527" s="1" t="s">
        <v>93640</v>
      </c>
      <c r="E35527" s="1" t="s">
        <v>123397</v>
      </c>
      <c r="F35527" s="1" t="s">
        <v>123398</v>
      </c>
      <c r="G35527" s="1" t="s">
        <v>123339</v>
      </c>
      <c r="H35527" s="1" t="s">
        <v>123340</v>
      </c>
      <c r="I35527" s="1" t="s">
        <v>123111</v>
      </c>
      <c r="J35527" s="1" t="s">
        <v>123399</v>
      </c>
    </row>
    <row r="35528" spans="1:10" x14ac:dyDescent="0.35">
      <c r="A35528" s="1" t="s">
        <v>10488</v>
      </c>
      <c r="B35528" s="1" t="s">
        <v>123106</v>
      </c>
      <c r="C35528" s="1" t="s">
        <v>100</v>
      </c>
      <c r="D35528" s="1" t="s">
        <v>123400</v>
      </c>
      <c r="E35528" s="1" t="s">
        <v>123401</v>
      </c>
      <c r="F35528" s="1" t="s">
        <v>123402</v>
      </c>
      <c r="G35528" s="1" t="s">
        <v>123339</v>
      </c>
      <c r="H35528" s="1" t="s">
        <v>123340</v>
      </c>
      <c r="I35528" s="1" t="s">
        <v>123111</v>
      </c>
      <c r="J35528" s="1" t="s">
        <v>123403</v>
      </c>
    </row>
    <row r="35529" spans="1:10" x14ac:dyDescent="0.35">
      <c r="A35529" s="1" t="s">
        <v>10488</v>
      </c>
      <c r="B35529" s="1" t="s">
        <v>123106</v>
      </c>
      <c r="C35529" s="1" t="s">
        <v>105</v>
      </c>
      <c r="D35529" s="1" t="s">
        <v>84746</v>
      </c>
      <c r="E35529" s="1" t="s">
        <v>123404</v>
      </c>
      <c r="F35529" s="1" t="s">
        <v>123405</v>
      </c>
      <c r="G35529" s="1" t="s">
        <v>123339</v>
      </c>
      <c r="H35529" s="1" t="s">
        <v>123340</v>
      </c>
      <c r="I35529" s="1" t="s">
        <v>123111</v>
      </c>
      <c r="J35529" s="1" t="s">
        <v>123406</v>
      </c>
    </row>
    <row r="35530" spans="1:10" x14ac:dyDescent="0.35">
      <c r="A35530" s="1" t="s">
        <v>10488</v>
      </c>
      <c r="B35530" s="1" t="s">
        <v>123106</v>
      </c>
      <c r="C35530" s="1" t="s">
        <v>110</v>
      </c>
      <c r="D35530" s="1" t="s">
        <v>123407</v>
      </c>
      <c r="E35530" s="1" t="s">
        <v>123408</v>
      </c>
      <c r="F35530" s="1" t="s">
        <v>123409</v>
      </c>
      <c r="G35530" s="1" t="s">
        <v>123339</v>
      </c>
      <c r="H35530" s="1" t="s">
        <v>123340</v>
      </c>
      <c r="I35530" s="1" t="s">
        <v>123111</v>
      </c>
      <c r="J35530" s="1" t="s">
        <v>123410</v>
      </c>
    </row>
    <row r="35531" spans="1:10" x14ac:dyDescent="0.35">
      <c r="A35531" s="1" t="s">
        <v>10488</v>
      </c>
      <c r="B35531" s="1" t="s">
        <v>123106</v>
      </c>
      <c r="C35531" s="1" t="s">
        <v>115</v>
      </c>
      <c r="D35531" s="1" t="s">
        <v>60514</v>
      </c>
      <c r="E35531" s="1" t="s">
        <v>123411</v>
      </c>
      <c r="F35531" s="1" t="s">
        <v>123412</v>
      </c>
      <c r="G35531" s="1" t="s">
        <v>123339</v>
      </c>
      <c r="H35531" s="1" t="s">
        <v>123340</v>
      </c>
      <c r="I35531" s="1" t="s">
        <v>123111</v>
      </c>
      <c r="J35531" s="1" t="s">
        <v>123413</v>
      </c>
    </row>
    <row r="35532" spans="1:10" x14ac:dyDescent="0.35">
      <c r="A35532" s="1" t="s">
        <v>10488</v>
      </c>
      <c r="B35532" s="1" t="s">
        <v>123106</v>
      </c>
      <c r="C35532" s="1" t="s">
        <v>120</v>
      </c>
      <c r="D35532" s="1" t="s">
        <v>123414</v>
      </c>
      <c r="E35532" s="1" t="s">
        <v>123415</v>
      </c>
      <c r="F35532" s="1" t="s">
        <v>123416</v>
      </c>
      <c r="G35532" s="1" t="s">
        <v>123339</v>
      </c>
      <c r="H35532" s="1" t="s">
        <v>123340</v>
      </c>
      <c r="I35532" s="1" t="s">
        <v>123111</v>
      </c>
      <c r="J35532" s="1" t="s">
        <v>123417</v>
      </c>
    </row>
    <row r="35533" spans="1:10" x14ac:dyDescent="0.35">
      <c r="A35533" s="1" t="s">
        <v>10488</v>
      </c>
      <c r="B35533" s="1" t="s">
        <v>123106</v>
      </c>
      <c r="C35533" s="1" t="s">
        <v>125</v>
      </c>
      <c r="D35533" s="1" t="s">
        <v>123418</v>
      </c>
      <c r="E35533" s="1" t="s">
        <v>123419</v>
      </c>
      <c r="F35533" s="1" t="s">
        <v>123420</v>
      </c>
      <c r="G35533" s="1" t="s">
        <v>123339</v>
      </c>
      <c r="H35533" s="1" t="s">
        <v>123340</v>
      </c>
      <c r="I35533" s="1" t="s">
        <v>123111</v>
      </c>
      <c r="J35533" s="1" t="s">
        <v>123421</v>
      </c>
    </row>
    <row r="35534" spans="1:10" x14ac:dyDescent="0.35">
      <c r="A35534" s="1" t="s">
        <v>10488</v>
      </c>
      <c r="B35534" s="1" t="s">
        <v>123106</v>
      </c>
      <c r="C35534" s="1" t="s">
        <v>130</v>
      </c>
      <c r="D35534" s="1" t="s">
        <v>58345</v>
      </c>
      <c r="E35534" s="1" t="s">
        <v>123422</v>
      </c>
      <c r="F35534" s="1" t="s">
        <v>123423</v>
      </c>
      <c r="G35534" s="1" t="s">
        <v>123339</v>
      </c>
      <c r="H35534" s="1" t="s">
        <v>123340</v>
      </c>
      <c r="I35534" s="1" t="s">
        <v>123111</v>
      </c>
      <c r="J35534" s="1" t="s">
        <v>123424</v>
      </c>
    </row>
    <row r="35535" spans="1:10" x14ac:dyDescent="0.35">
      <c r="A35535" s="1" t="s">
        <v>10488</v>
      </c>
      <c r="B35535" s="1" t="s">
        <v>123106</v>
      </c>
      <c r="C35535" s="1" t="s">
        <v>135</v>
      </c>
      <c r="D35535" s="1" t="s">
        <v>123425</v>
      </c>
      <c r="E35535" s="1" t="s">
        <v>123426</v>
      </c>
      <c r="F35535" s="1" t="s">
        <v>123427</v>
      </c>
      <c r="G35535" s="1" t="s">
        <v>123339</v>
      </c>
      <c r="H35535" s="1" t="s">
        <v>123340</v>
      </c>
      <c r="I35535" s="1" t="s">
        <v>123111</v>
      </c>
      <c r="J35535" s="1" t="s">
        <v>123428</v>
      </c>
    </row>
    <row r="35536" spans="1:10" x14ac:dyDescent="0.35">
      <c r="A35536" s="1" t="s">
        <v>10488</v>
      </c>
      <c r="B35536" s="1" t="s">
        <v>123106</v>
      </c>
      <c r="C35536" s="1" t="s">
        <v>140</v>
      </c>
      <c r="D35536" s="1" t="s">
        <v>123429</v>
      </c>
      <c r="E35536" s="1" t="s">
        <v>123430</v>
      </c>
      <c r="F35536" s="1" t="s">
        <v>123431</v>
      </c>
      <c r="G35536" s="1" t="s">
        <v>123339</v>
      </c>
      <c r="H35536" s="1" t="s">
        <v>123340</v>
      </c>
      <c r="I35536" s="1" t="s">
        <v>123111</v>
      </c>
      <c r="J35536" s="1" t="s">
        <v>123432</v>
      </c>
    </row>
    <row r="35537" spans="1:10" x14ac:dyDescent="0.35">
      <c r="A35537" s="1" t="s">
        <v>10488</v>
      </c>
      <c r="B35537" s="1" t="s">
        <v>123106</v>
      </c>
      <c r="C35537" s="1" t="s">
        <v>145</v>
      </c>
      <c r="D35537" s="1" t="s">
        <v>123433</v>
      </c>
      <c r="E35537" s="1" t="s">
        <v>123434</v>
      </c>
      <c r="F35537" s="1" t="s">
        <v>123435</v>
      </c>
      <c r="G35537" s="1" t="s">
        <v>123339</v>
      </c>
      <c r="H35537" s="1" t="s">
        <v>123340</v>
      </c>
      <c r="I35537" s="1" t="s">
        <v>123111</v>
      </c>
      <c r="J35537" s="1" t="s">
        <v>123436</v>
      </c>
    </row>
    <row r="35538" spans="1:10" x14ac:dyDescent="0.35">
      <c r="A35538" s="1" t="s">
        <v>10488</v>
      </c>
      <c r="B35538" s="1" t="s">
        <v>123106</v>
      </c>
      <c r="C35538" s="1" t="s">
        <v>150</v>
      </c>
      <c r="D35538" s="1" t="s">
        <v>123437</v>
      </c>
      <c r="E35538" s="1" t="s">
        <v>123438</v>
      </c>
      <c r="F35538" s="1" t="s">
        <v>123439</v>
      </c>
      <c r="G35538" s="1" t="s">
        <v>123339</v>
      </c>
      <c r="H35538" s="1" t="s">
        <v>123340</v>
      </c>
      <c r="I35538" s="1" t="s">
        <v>123111</v>
      </c>
      <c r="J35538" s="1" t="s">
        <v>123440</v>
      </c>
    </row>
    <row r="35539" spans="1:10" x14ac:dyDescent="0.35">
      <c r="A35539" s="1" t="s">
        <v>10488</v>
      </c>
      <c r="B35539" s="1" t="s">
        <v>123106</v>
      </c>
      <c r="C35539" s="1" t="s">
        <v>155</v>
      </c>
      <c r="D35539" s="1" t="s">
        <v>123441</v>
      </c>
      <c r="E35539" s="1" t="s">
        <v>123442</v>
      </c>
      <c r="F35539" s="1" t="s">
        <v>123443</v>
      </c>
      <c r="G35539" s="1" t="s">
        <v>123339</v>
      </c>
      <c r="H35539" s="1" t="s">
        <v>123340</v>
      </c>
      <c r="I35539" s="1" t="s">
        <v>123111</v>
      </c>
      <c r="J35539" s="1" t="s">
        <v>123444</v>
      </c>
    </row>
    <row r="35540" spans="1:10" x14ac:dyDescent="0.35">
      <c r="A35540" s="1" t="s">
        <v>10488</v>
      </c>
      <c r="B35540" s="1" t="s">
        <v>123106</v>
      </c>
      <c r="C35540" s="1" t="s">
        <v>160</v>
      </c>
      <c r="D35540" s="1" t="s">
        <v>123445</v>
      </c>
      <c r="E35540" s="1" t="s">
        <v>123446</v>
      </c>
      <c r="F35540" s="1" t="s">
        <v>123447</v>
      </c>
      <c r="G35540" s="1" t="s">
        <v>123339</v>
      </c>
      <c r="H35540" s="1" t="s">
        <v>123340</v>
      </c>
      <c r="I35540" s="1" t="s">
        <v>123111</v>
      </c>
      <c r="J35540" s="1" t="s">
        <v>123448</v>
      </c>
    </row>
    <row r="35541" spans="1:10" x14ac:dyDescent="0.35">
      <c r="A35541" s="1" t="s">
        <v>10488</v>
      </c>
      <c r="B35541" s="1" t="s">
        <v>123106</v>
      </c>
      <c r="C35541" s="1" t="s">
        <v>165</v>
      </c>
      <c r="D35541" s="1" t="s">
        <v>123449</v>
      </c>
      <c r="E35541" s="1" t="s">
        <v>123450</v>
      </c>
      <c r="F35541" s="1" t="s">
        <v>123451</v>
      </c>
      <c r="G35541" s="1" t="s">
        <v>123339</v>
      </c>
      <c r="H35541" s="1" t="s">
        <v>123340</v>
      </c>
      <c r="I35541" s="1" t="s">
        <v>123111</v>
      </c>
      <c r="J35541" s="1" t="s">
        <v>123452</v>
      </c>
    </row>
    <row r="35542" spans="1:10" x14ac:dyDescent="0.35">
      <c r="A35542" s="1" t="s">
        <v>10488</v>
      </c>
      <c r="B35542" s="1" t="s">
        <v>123106</v>
      </c>
      <c r="C35542" s="1" t="s">
        <v>170</v>
      </c>
      <c r="D35542" s="1" t="s">
        <v>123453</v>
      </c>
      <c r="E35542" s="1" t="s">
        <v>123454</v>
      </c>
      <c r="F35542" s="1" t="s">
        <v>123455</v>
      </c>
      <c r="G35542" s="1" t="s">
        <v>123339</v>
      </c>
      <c r="H35542" s="1" t="s">
        <v>123340</v>
      </c>
      <c r="I35542" s="1" t="s">
        <v>123111</v>
      </c>
      <c r="J35542" s="1" t="s">
        <v>123456</v>
      </c>
    </row>
    <row r="35543" spans="1:10" x14ac:dyDescent="0.35">
      <c r="A35543" s="1" t="s">
        <v>3573</v>
      </c>
      <c r="B35543" s="1" t="s">
        <v>123106</v>
      </c>
      <c r="C35543" s="1" t="s">
        <v>8</v>
      </c>
      <c r="D35543" s="1" t="s">
        <v>14214</v>
      </c>
      <c r="E35543" s="1" t="s">
        <v>123457</v>
      </c>
      <c r="F35543" s="1" t="s">
        <v>123458</v>
      </c>
      <c r="G35543" s="1" t="s">
        <v>123459</v>
      </c>
      <c r="H35543" s="1" t="s">
        <v>123460</v>
      </c>
      <c r="I35543" s="1" t="s">
        <v>123111</v>
      </c>
      <c r="J35543" s="1" t="s">
        <v>13</v>
      </c>
    </row>
    <row r="35544" spans="1:10" x14ac:dyDescent="0.35">
      <c r="A35544" s="1" t="s">
        <v>3573</v>
      </c>
      <c r="B35544" s="1" t="s">
        <v>123106</v>
      </c>
      <c r="C35544" s="1" t="s">
        <v>15</v>
      </c>
      <c r="D35544" s="1" t="s">
        <v>48689</v>
      </c>
      <c r="E35544" s="1" t="s">
        <v>123461</v>
      </c>
      <c r="F35544" s="1" t="s">
        <v>123462</v>
      </c>
      <c r="G35544" s="1" t="s">
        <v>123459</v>
      </c>
      <c r="H35544" s="1" t="s">
        <v>123460</v>
      </c>
      <c r="I35544" s="1" t="s">
        <v>123111</v>
      </c>
      <c r="J35544" s="1" t="s">
        <v>48590</v>
      </c>
    </row>
    <row r="35545" spans="1:10" x14ac:dyDescent="0.35">
      <c r="A35545" s="1" t="s">
        <v>3573</v>
      </c>
      <c r="B35545" s="1" t="s">
        <v>123106</v>
      </c>
      <c r="C35545" s="1" t="s">
        <v>20</v>
      </c>
      <c r="D35545" s="1" t="s">
        <v>6716</v>
      </c>
      <c r="E35545" s="1" t="s">
        <v>123463</v>
      </c>
      <c r="F35545" s="1" t="s">
        <v>123464</v>
      </c>
      <c r="G35545" s="1" t="s">
        <v>123459</v>
      </c>
      <c r="H35545" s="1" t="s">
        <v>123460</v>
      </c>
      <c r="I35545" s="1" t="s">
        <v>123111</v>
      </c>
      <c r="J35545" s="1" t="s">
        <v>123465</v>
      </c>
    </row>
    <row r="35546" spans="1:10" x14ac:dyDescent="0.35">
      <c r="A35546" s="1" t="s">
        <v>3573</v>
      </c>
      <c r="B35546" s="1" t="s">
        <v>123106</v>
      </c>
      <c r="C35546" s="1" t="s">
        <v>25</v>
      </c>
      <c r="D35546" s="1" t="s">
        <v>5103</v>
      </c>
      <c r="E35546" s="1" t="s">
        <v>123466</v>
      </c>
      <c r="F35546" s="1" t="s">
        <v>123467</v>
      </c>
      <c r="G35546" s="1" t="s">
        <v>123459</v>
      </c>
      <c r="H35546" s="1" t="s">
        <v>123460</v>
      </c>
      <c r="I35546" s="1" t="s">
        <v>123111</v>
      </c>
      <c r="J35546" s="1" t="s">
        <v>123468</v>
      </c>
    </row>
    <row r="35547" spans="1:10" x14ac:dyDescent="0.35">
      <c r="A35547" s="1" t="s">
        <v>3573</v>
      </c>
      <c r="B35547" s="1" t="s">
        <v>123106</v>
      </c>
      <c r="C35547" s="1" t="s">
        <v>30</v>
      </c>
      <c r="D35547" s="1" t="s">
        <v>116054</v>
      </c>
      <c r="E35547" s="1" t="s">
        <v>123469</v>
      </c>
      <c r="F35547" s="1" t="s">
        <v>123470</v>
      </c>
      <c r="G35547" s="1" t="s">
        <v>123459</v>
      </c>
      <c r="H35547" s="1" t="s">
        <v>123460</v>
      </c>
      <c r="I35547" s="1" t="s">
        <v>123111</v>
      </c>
      <c r="J35547" s="1" t="s">
        <v>123471</v>
      </c>
    </row>
    <row r="35548" spans="1:10" x14ac:dyDescent="0.35">
      <c r="A35548" s="1" t="s">
        <v>3573</v>
      </c>
      <c r="B35548" s="1" t="s">
        <v>123106</v>
      </c>
      <c r="C35548" s="1" t="s">
        <v>35</v>
      </c>
      <c r="D35548" s="1" t="s">
        <v>116248</v>
      </c>
      <c r="E35548" s="1" t="s">
        <v>123472</v>
      </c>
      <c r="F35548" s="1" t="s">
        <v>123473</v>
      </c>
      <c r="G35548" s="1" t="s">
        <v>123459</v>
      </c>
      <c r="H35548" s="1" t="s">
        <v>123460</v>
      </c>
      <c r="I35548" s="1" t="s">
        <v>123111</v>
      </c>
      <c r="J35548" s="1" t="s">
        <v>123474</v>
      </c>
    </row>
    <row r="35549" spans="1:10" x14ac:dyDescent="0.35">
      <c r="A35549" s="1" t="s">
        <v>3573</v>
      </c>
      <c r="B35549" s="1" t="s">
        <v>123106</v>
      </c>
      <c r="C35549" s="1" t="s">
        <v>40</v>
      </c>
      <c r="D35549" s="1" t="s">
        <v>123475</v>
      </c>
      <c r="E35549" s="1" t="s">
        <v>123476</v>
      </c>
      <c r="F35549" s="1" t="s">
        <v>123477</v>
      </c>
      <c r="G35549" s="1" t="s">
        <v>123459</v>
      </c>
      <c r="H35549" s="1" t="s">
        <v>123460</v>
      </c>
      <c r="I35549" s="1" t="s">
        <v>123111</v>
      </c>
      <c r="J35549" s="1" t="s">
        <v>123478</v>
      </c>
    </row>
    <row r="35550" spans="1:10" x14ac:dyDescent="0.35">
      <c r="A35550" s="1" t="s">
        <v>3573</v>
      </c>
      <c r="B35550" s="1" t="s">
        <v>123106</v>
      </c>
      <c r="C35550" s="1" t="s">
        <v>45</v>
      </c>
      <c r="D35550" s="1" t="s">
        <v>71078</v>
      </c>
      <c r="E35550" s="1" t="s">
        <v>123479</v>
      </c>
      <c r="F35550" s="1" t="s">
        <v>123480</v>
      </c>
      <c r="G35550" s="1" t="s">
        <v>123459</v>
      </c>
      <c r="H35550" s="1" t="s">
        <v>123460</v>
      </c>
      <c r="I35550" s="1" t="s">
        <v>123111</v>
      </c>
      <c r="J35550" s="1" t="s">
        <v>123481</v>
      </c>
    </row>
    <row r="35551" spans="1:10" x14ac:dyDescent="0.35">
      <c r="A35551" s="1" t="s">
        <v>3573</v>
      </c>
      <c r="B35551" s="1" t="s">
        <v>123106</v>
      </c>
      <c r="C35551" s="1" t="s">
        <v>50</v>
      </c>
      <c r="D35551" s="1" t="s">
        <v>123482</v>
      </c>
      <c r="E35551" s="1" t="s">
        <v>123483</v>
      </c>
      <c r="F35551" s="1" t="s">
        <v>123484</v>
      </c>
      <c r="G35551" s="1" t="s">
        <v>123459</v>
      </c>
      <c r="H35551" s="1" t="s">
        <v>123460</v>
      </c>
      <c r="I35551" s="1" t="s">
        <v>123111</v>
      </c>
      <c r="J35551" s="1" t="s">
        <v>123485</v>
      </c>
    </row>
    <row r="35552" spans="1:10" x14ac:dyDescent="0.35">
      <c r="A35552" s="1" t="s">
        <v>3573</v>
      </c>
      <c r="B35552" s="1" t="s">
        <v>123106</v>
      </c>
      <c r="C35552" s="1" t="s">
        <v>55</v>
      </c>
      <c r="D35552" s="1" t="s">
        <v>49131</v>
      </c>
      <c r="E35552" s="1" t="s">
        <v>123486</v>
      </c>
      <c r="F35552" s="1" t="s">
        <v>123487</v>
      </c>
      <c r="G35552" s="1" t="s">
        <v>123459</v>
      </c>
      <c r="H35552" s="1" t="s">
        <v>123460</v>
      </c>
      <c r="I35552" s="1" t="s">
        <v>123111</v>
      </c>
      <c r="J35552" s="1" t="s">
        <v>123488</v>
      </c>
    </row>
    <row r="35553" spans="1:10" x14ac:dyDescent="0.35">
      <c r="A35553" s="1" t="s">
        <v>3573</v>
      </c>
      <c r="B35553" s="1" t="s">
        <v>123106</v>
      </c>
      <c r="C35553" s="1" t="s">
        <v>60</v>
      </c>
      <c r="D35553" s="1" t="s">
        <v>123489</v>
      </c>
      <c r="E35553" s="1" t="s">
        <v>123490</v>
      </c>
      <c r="F35553" s="1" t="s">
        <v>123491</v>
      </c>
      <c r="G35553" s="1" t="s">
        <v>123459</v>
      </c>
      <c r="H35553" s="1" t="s">
        <v>123460</v>
      </c>
      <c r="I35553" s="1" t="s">
        <v>123111</v>
      </c>
      <c r="J35553" s="1" t="s">
        <v>123492</v>
      </c>
    </row>
    <row r="35554" spans="1:10" x14ac:dyDescent="0.35">
      <c r="A35554" s="1" t="s">
        <v>3573</v>
      </c>
      <c r="B35554" s="1" t="s">
        <v>123106</v>
      </c>
      <c r="C35554" s="1" t="s">
        <v>65</v>
      </c>
      <c r="D35554" s="1" t="s">
        <v>72523</v>
      </c>
      <c r="E35554" s="1" t="s">
        <v>123493</v>
      </c>
      <c r="F35554" s="1" t="s">
        <v>123494</v>
      </c>
      <c r="G35554" s="1" t="s">
        <v>123459</v>
      </c>
      <c r="H35554" s="1" t="s">
        <v>123460</v>
      </c>
      <c r="I35554" s="1" t="s">
        <v>123111</v>
      </c>
      <c r="J35554" s="1" t="s">
        <v>123495</v>
      </c>
    </row>
    <row r="35555" spans="1:10" x14ac:dyDescent="0.35">
      <c r="A35555" s="1" t="s">
        <v>3573</v>
      </c>
      <c r="B35555" s="1" t="s">
        <v>123106</v>
      </c>
      <c r="C35555" s="1" t="s">
        <v>70</v>
      </c>
      <c r="D35555" s="1" t="s">
        <v>123496</v>
      </c>
      <c r="E35555" s="1" t="s">
        <v>123497</v>
      </c>
      <c r="F35555" s="1" t="s">
        <v>123498</v>
      </c>
      <c r="G35555" s="1" t="s">
        <v>123459</v>
      </c>
      <c r="H35555" s="1" t="s">
        <v>123460</v>
      </c>
      <c r="I35555" s="1" t="s">
        <v>123111</v>
      </c>
      <c r="J35555" s="1" t="s">
        <v>123499</v>
      </c>
    </row>
    <row r="35556" spans="1:10" x14ac:dyDescent="0.35">
      <c r="A35556" s="1" t="s">
        <v>3573</v>
      </c>
      <c r="B35556" s="1" t="s">
        <v>123106</v>
      </c>
      <c r="C35556" s="1" t="s">
        <v>75</v>
      </c>
      <c r="D35556" s="1" t="s">
        <v>123500</v>
      </c>
      <c r="E35556" s="1" t="s">
        <v>123501</v>
      </c>
      <c r="F35556" s="1" t="s">
        <v>123502</v>
      </c>
      <c r="G35556" s="1" t="s">
        <v>123459</v>
      </c>
      <c r="H35556" s="1" t="s">
        <v>123460</v>
      </c>
      <c r="I35556" s="1" t="s">
        <v>123111</v>
      </c>
      <c r="J35556" s="1" t="s">
        <v>123503</v>
      </c>
    </row>
    <row r="35557" spans="1:10" x14ac:dyDescent="0.35">
      <c r="A35557" s="1" t="s">
        <v>3573</v>
      </c>
      <c r="B35557" s="1" t="s">
        <v>123106</v>
      </c>
      <c r="C35557" s="1" t="s">
        <v>80</v>
      </c>
      <c r="D35557" s="1" t="s">
        <v>48227</v>
      </c>
      <c r="E35557" s="1" t="s">
        <v>123504</v>
      </c>
      <c r="F35557" s="1" t="s">
        <v>123505</v>
      </c>
      <c r="G35557" s="1" t="s">
        <v>123459</v>
      </c>
      <c r="H35557" s="1" t="s">
        <v>123460</v>
      </c>
      <c r="I35557" s="1" t="s">
        <v>123111</v>
      </c>
      <c r="J35557" s="1" t="s">
        <v>123506</v>
      </c>
    </row>
    <row r="35558" spans="1:10" x14ac:dyDescent="0.35">
      <c r="A35558" s="1" t="s">
        <v>3573</v>
      </c>
      <c r="B35558" s="1" t="s">
        <v>123106</v>
      </c>
      <c r="C35558" s="1" t="s">
        <v>85</v>
      </c>
      <c r="D35558" s="1" t="s">
        <v>31731</v>
      </c>
      <c r="E35558" s="1" t="s">
        <v>123507</v>
      </c>
      <c r="F35558" s="1" t="s">
        <v>123508</v>
      </c>
      <c r="G35558" s="1" t="s">
        <v>123459</v>
      </c>
      <c r="H35558" s="1" t="s">
        <v>123460</v>
      </c>
      <c r="I35558" s="1" t="s">
        <v>123111</v>
      </c>
      <c r="J35558" s="1" t="s">
        <v>123509</v>
      </c>
    </row>
    <row r="35559" spans="1:10" x14ac:dyDescent="0.35">
      <c r="A35559" s="1" t="s">
        <v>3573</v>
      </c>
      <c r="B35559" s="1" t="s">
        <v>123106</v>
      </c>
      <c r="C35559" s="1" t="s">
        <v>90</v>
      </c>
      <c r="D35559" s="1" t="s">
        <v>123510</v>
      </c>
      <c r="E35559" s="1" t="s">
        <v>123511</v>
      </c>
      <c r="F35559" s="1" t="s">
        <v>123512</v>
      </c>
      <c r="G35559" s="1" t="s">
        <v>123459</v>
      </c>
      <c r="H35559" s="1" t="s">
        <v>123460</v>
      </c>
      <c r="I35559" s="1" t="s">
        <v>123111</v>
      </c>
      <c r="J35559" s="1" t="s">
        <v>123513</v>
      </c>
    </row>
    <row r="35560" spans="1:10" x14ac:dyDescent="0.35">
      <c r="A35560" s="1" t="s">
        <v>3573</v>
      </c>
      <c r="B35560" s="1" t="s">
        <v>123106</v>
      </c>
      <c r="C35560" s="1" t="s">
        <v>95</v>
      </c>
      <c r="D35560" s="1" t="s">
        <v>123514</v>
      </c>
      <c r="E35560" s="1" t="s">
        <v>123515</v>
      </c>
      <c r="F35560" s="1" t="s">
        <v>123516</v>
      </c>
      <c r="G35560" s="1" t="s">
        <v>123459</v>
      </c>
      <c r="H35560" s="1" t="s">
        <v>123460</v>
      </c>
      <c r="I35560" s="1" t="s">
        <v>123111</v>
      </c>
      <c r="J35560" s="1" t="s">
        <v>123517</v>
      </c>
    </row>
    <row r="35561" spans="1:10" x14ac:dyDescent="0.35">
      <c r="A35561" s="1" t="s">
        <v>3573</v>
      </c>
      <c r="B35561" s="1" t="s">
        <v>123106</v>
      </c>
      <c r="C35561" s="1" t="s">
        <v>100</v>
      </c>
      <c r="D35561" s="1" t="s">
        <v>70956</v>
      </c>
      <c r="E35561" s="1" t="s">
        <v>123518</v>
      </c>
      <c r="F35561" s="1" t="s">
        <v>123519</v>
      </c>
      <c r="G35561" s="1" t="s">
        <v>123459</v>
      </c>
      <c r="H35561" s="1" t="s">
        <v>123460</v>
      </c>
      <c r="I35561" s="1" t="s">
        <v>123111</v>
      </c>
      <c r="J35561" s="1" t="s">
        <v>123520</v>
      </c>
    </row>
    <row r="35562" spans="1:10" x14ac:dyDescent="0.35">
      <c r="A35562" s="1" t="s">
        <v>3573</v>
      </c>
      <c r="B35562" s="1" t="s">
        <v>123106</v>
      </c>
      <c r="C35562" s="1" t="s">
        <v>105</v>
      </c>
      <c r="D35562" s="1" t="s">
        <v>61</v>
      </c>
      <c r="E35562" s="1" t="s">
        <v>123521</v>
      </c>
      <c r="F35562" s="1" t="s">
        <v>123522</v>
      </c>
      <c r="G35562" s="1" t="s">
        <v>123459</v>
      </c>
      <c r="H35562" s="1" t="s">
        <v>123460</v>
      </c>
      <c r="I35562" s="1" t="s">
        <v>123111</v>
      </c>
      <c r="J35562" s="1" t="s">
        <v>123523</v>
      </c>
    </row>
    <row r="35563" spans="1:10" x14ac:dyDescent="0.35">
      <c r="A35563" s="1" t="s">
        <v>3573</v>
      </c>
      <c r="B35563" s="1" t="s">
        <v>123106</v>
      </c>
      <c r="C35563" s="1" t="s">
        <v>110</v>
      </c>
      <c r="D35563" s="1" t="s">
        <v>37062</v>
      </c>
      <c r="E35563" s="1" t="s">
        <v>123524</v>
      </c>
      <c r="F35563" s="1" t="s">
        <v>123525</v>
      </c>
      <c r="G35563" s="1" t="s">
        <v>123459</v>
      </c>
      <c r="H35563" s="1" t="s">
        <v>123460</v>
      </c>
      <c r="I35563" s="1" t="s">
        <v>123111</v>
      </c>
      <c r="J35563" s="1" t="s">
        <v>123526</v>
      </c>
    </row>
    <row r="35564" spans="1:10" x14ac:dyDescent="0.35">
      <c r="A35564" s="1" t="s">
        <v>3573</v>
      </c>
      <c r="B35564" s="1" t="s">
        <v>123106</v>
      </c>
      <c r="C35564" s="1" t="s">
        <v>115</v>
      </c>
      <c r="D35564" s="1" t="s">
        <v>123527</v>
      </c>
      <c r="E35564" s="1" t="s">
        <v>123528</v>
      </c>
      <c r="F35564" s="1" t="s">
        <v>123529</v>
      </c>
      <c r="G35564" s="1" t="s">
        <v>123459</v>
      </c>
      <c r="H35564" s="1" t="s">
        <v>123460</v>
      </c>
      <c r="I35564" s="1" t="s">
        <v>123111</v>
      </c>
      <c r="J35564" s="1" t="s">
        <v>123530</v>
      </c>
    </row>
    <row r="35565" spans="1:10" x14ac:dyDescent="0.35">
      <c r="A35565" s="1" t="s">
        <v>3573</v>
      </c>
      <c r="B35565" s="1" t="s">
        <v>123106</v>
      </c>
      <c r="C35565" s="1" t="s">
        <v>120</v>
      </c>
      <c r="D35565" s="1" t="s">
        <v>123531</v>
      </c>
      <c r="E35565" s="1" t="s">
        <v>123532</v>
      </c>
      <c r="F35565" s="1" t="s">
        <v>123533</v>
      </c>
      <c r="G35565" s="1" t="s">
        <v>123459</v>
      </c>
      <c r="H35565" s="1" t="s">
        <v>123460</v>
      </c>
      <c r="I35565" s="1" t="s">
        <v>123111</v>
      </c>
      <c r="J35565" s="1" t="s">
        <v>123534</v>
      </c>
    </row>
    <row r="35566" spans="1:10" x14ac:dyDescent="0.35">
      <c r="A35566" s="1" t="s">
        <v>3573</v>
      </c>
      <c r="B35566" s="1" t="s">
        <v>123106</v>
      </c>
      <c r="C35566" s="1" t="s">
        <v>125</v>
      </c>
      <c r="D35566" s="1" t="s">
        <v>74666</v>
      </c>
      <c r="E35566" s="1" t="s">
        <v>123535</v>
      </c>
      <c r="F35566" s="1" t="s">
        <v>123536</v>
      </c>
      <c r="G35566" s="1" t="s">
        <v>123459</v>
      </c>
      <c r="H35566" s="1" t="s">
        <v>123460</v>
      </c>
      <c r="I35566" s="1" t="s">
        <v>123111</v>
      </c>
      <c r="J35566" s="1" t="s">
        <v>123537</v>
      </c>
    </row>
    <row r="35567" spans="1:10" x14ac:dyDescent="0.35">
      <c r="A35567" s="1" t="s">
        <v>3573</v>
      </c>
      <c r="B35567" s="1" t="s">
        <v>123106</v>
      </c>
      <c r="C35567" s="1" t="s">
        <v>130</v>
      </c>
      <c r="D35567" s="1" t="s">
        <v>74877</v>
      </c>
      <c r="E35567" s="1" t="s">
        <v>123538</v>
      </c>
      <c r="F35567" s="1" t="s">
        <v>123539</v>
      </c>
      <c r="G35567" s="1" t="s">
        <v>123459</v>
      </c>
      <c r="H35567" s="1" t="s">
        <v>123460</v>
      </c>
      <c r="I35567" s="1" t="s">
        <v>123111</v>
      </c>
      <c r="J35567" s="1" t="s">
        <v>123540</v>
      </c>
    </row>
    <row r="35568" spans="1:10" x14ac:dyDescent="0.35">
      <c r="A35568" s="1" t="s">
        <v>3573</v>
      </c>
      <c r="B35568" s="1" t="s">
        <v>123106</v>
      </c>
      <c r="C35568" s="1" t="s">
        <v>135</v>
      </c>
      <c r="D35568" s="1" t="s">
        <v>123541</v>
      </c>
      <c r="E35568" s="1" t="s">
        <v>123542</v>
      </c>
      <c r="F35568" s="1" t="s">
        <v>123543</v>
      </c>
      <c r="G35568" s="1" t="s">
        <v>123459</v>
      </c>
      <c r="H35568" s="1" t="s">
        <v>123460</v>
      </c>
      <c r="I35568" s="1" t="s">
        <v>123111</v>
      </c>
      <c r="J35568" s="1" t="s">
        <v>123544</v>
      </c>
    </row>
    <row r="35569" spans="1:10" x14ac:dyDescent="0.35">
      <c r="A35569" s="1" t="s">
        <v>3573</v>
      </c>
      <c r="B35569" s="1" t="s">
        <v>123106</v>
      </c>
      <c r="C35569" s="1" t="s">
        <v>140</v>
      </c>
      <c r="D35569" s="1" t="s">
        <v>122120</v>
      </c>
      <c r="E35569" s="1" t="s">
        <v>123545</v>
      </c>
      <c r="F35569" s="1" t="s">
        <v>123546</v>
      </c>
      <c r="G35569" s="1" t="s">
        <v>123459</v>
      </c>
      <c r="H35569" s="1" t="s">
        <v>123460</v>
      </c>
      <c r="I35569" s="1" t="s">
        <v>123111</v>
      </c>
      <c r="J35569" s="1" t="s">
        <v>123547</v>
      </c>
    </row>
    <row r="35570" spans="1:10" x14ac:dyDescent="0.35">
      <c r="A35570" s="1" t="s">
        <v>3573</v>
      </c>
      <c r="B35570" s="1" t="s">
        <v>123106</v>
      </c>
      <c r="C35570" s="1" t="s">
        <v>145</v>
      </c>
      <c r="D35570" s="1" t="s">
        <v>35846</v>
      </c>
      <c r="E35570" s="1" t="s">
        <v>123548</v>
      </c>
      <c r="F35570" s="1" t="s">
        <v>123549</v>
      </c>
      <c r="G35570" s="1" t="s">
        <v>123459</v>
      </c>
      <c r="H35570" s="1" t="s">
        <v>123460</v>
      </c>
      <c r="I35570" s="1" t="s">
        <v>123111</v>
      </c>
      <c r="J35570" s="1" t="s">
        <v>123550</v>
      </c>
    </row>
    <row r="35571" spans="1:10" x14ac:dyDescent="0.35">
      <c r="A35571" s="1" t="s">
        <v>3573</v>
      </c>
      <c r="B35571" s="1" t="s">
        <v>123106</v>
      </c>
      <c r="C35571" s="1" t="s">
        <v>150</v>
      </c>
      <c r="D35571" s="1" t="s">
        <v>123551</v>
      </c>
      <c r="E35571" s="1" t="s">
        <v>123552</v>
      </c>
      <c r="F35571" s="1" t="s">
        <v>123553</v>
      </c>
      <c r="G35571" s="1" t="s">
        <v>123459</v>
      </c>
      <c r="H35571" s="1" t="s">
        <v>123460</v>
      </c>
      <c r="I35571" s="1" t="s">
        <v>123111</v>
      </c>
      <c r="J35571" s="1" t="s">
        <v>123554</v>
      </c>
    </row>
    <row r="35572" spans="1:10" x14ac:dyDescent="0.35">
      <c r="A35572" s="1" t="s">
        <v>3573</v>
      </c>
      <c r="B35572" s="1" t="s">
        <v>123106</v>
      </c>
      <c r="C35572" s="1" t="s">
        <v>155</v>
      </c>
      <c r="D35572" s="1" t="s">
        <v>123555</v>
      </c>
      <c r="E35572" s="1" t="s">
        <v>123556</v>
      </c>
      <c r="F35572" s="1" t="s">
        <v>123557</v>
      </c>
      <c r="G35572" s="1" t="s">
        <v>123459</v>
      </c>
      <c r="H35572" s="1" t="s">
        <v>123460</v>
      </c>
      <c r="I35572" s="1" t="s">
        <v>123111</v>
      </c>
      <c r="J35572" s="1" t="s">
        <v>123558</v>
      </c>
    </row>
    <row r="35573" spans="1:10" x14ac:dyDescent="0.35">
      <c r="A35573" s="1" t="s">
        <v>3573</v>
      </c>
      <c r="B35573" s="1" t="s">
        <v>123106</v>
      </c>
      <c r="C35573" s="1" t="s">
        <v>160</v>
      </c>
      <c r="D35573" s="1" t="s">
        <v>70890</v>
      </c>
      <c r="E35573" s="1" t="s">
        <v>123559</v>
      </c>
      <c r="F35573" s="1" t="s">
        <v>123560</v>
      </c>
      <c r="G35573" s="1" t="s">
        <v>123459</v>
      </c>
      <c r="H35573" s="1" t="s">
        <v>123460</v>
      </c>
      <c r="I35573" s="1" t="s">
        <v>123111</v>
      </c>
      <c r="J35573" s="1" t="s">
        <v>123561</v>
      </c>
    </row>
    <row r="35574" spans="1:10" x14ac:dyDescent="0.35">
      <c r="A35574" s="1" t="s">
        <v>3573</v>
      </c>
      <c r="B35574" s="1" t="s">
        <v>123106</v>
      </c>
      <c r="C35574" s="1" t="s">
        <v>165</v>
      </c>
      <c r="D35574" s="1" t="s">
        <v>48431</v>
      </c>
      <c r="E35574" s="1" t="s">
        <v>123562</v>
      </c>
      <c r="F35574" s="1" t="s">
        <v>123563</v>
      </c>
      <c r="G35574" s="1" t="s">
        <v>123459</v>
      </c>
      <c r="H35574" s="1" t="s">
        <v>123460</v>
      </c>
      <c r="I35574" s="1" t="s">
        <v>123111</v>
      </c>
      <c r="J35574" s="1" t="s">
        <v>123564</v>
      </c>
    </row>
    <row r="35575" spans="1:10" x14ac:dyDescent="0.35">
      <c r="A35575" s="1" t="s">
        <v>3573</v>
      </c>
      <c r="B35575" s="1" t="s">
        <v>123106</v>
      </c>
      <c r="C35575" s="1" t="s">
        <v>170</v>
      </c>
      <c r="D35575" s="1" t="s">
        <v>75245</v>
      </c>
      <c r="E35575" s="1" t="s">
        <v>123565</v>
      </c>
      <c r="F35575" s="1" t="s">
        <v>123566</v>
      </c>
      <c r="G35575" s="1" t="s">
        <v>123459</v>
      </c>
      <c r="H35575" s="1" t="s">
        <v>123460</v>
      </c>
      <c r="I35575" s="1" t="s">
        <v>123111</v>
      </c>
      <c r="J35575" s="1" t="s">
        <v>123567</v>
      </c>
    </row>
    <row r="35576" spans="1:10" x14ac:dyDescent="0.35">
      <c r="A35576" s="1" t="s">
        <v>123568</v>
      </c>
      <c r="B35576" s="1" t="s">
        <v>123106</v>
      </c>
      <c r="C35576" s="1" t="s">
        <v>8</v>
      </c>
      <c r="D35576" s="1" t="s">
        <v>115244</v>
      </c>
      <c r="E35576" s="1" t="s">
        <v>123569</v>
      </c>
      <c r="F35576" s="1" t="s">
        <v>123570</v>
      </c>
      <c r="G35576" s="1" t="s">
        <v>123571</v>
      </c>
      <c r="H35576" s="1" t="s">
        <v>123572</v>
      </c>
      <c r="I35576" s="1" t="s">
        <v>123111</v>
      </c>
      <c r="J35576" s="1" t="s">
        <v>13</v>
      </c>
    </row>
    <row r="35577" spans="1:10" x14ac:dyDescent="0.35">
      <c r="A35577" s="1" t="s">
        <v>123568</v>
      </c>
      <c r="B35577" s="1" t="s">
        <v>123106</v>
      </c>
      <c r="C35577" s="1" t="s">
        <v>15</v>
      </c>
      <c r="D35577" s="1" t="s">
        <v>28343</v>
      </c>
      <c r="E35577" s="1" t="s">
        <v>123573</v>
      </c>
      <c r="F35577" s="1" t="s">
        <v>123574</v>
      </c>
      <c r="G35577" s="1" t="s">
        <v>123571</v>
      </c>
      <c r="H35577" s="1" t="s">
        <v>123572</v>
      </c>
      <c r="I35577" s="1" t="s">
        <v>123111</v>
      </c>
      <c r="J35577" s="1" t="s">
        <v>123575</v>
      </c>
    </row>
    <row r="35578" spans="1:10" x14ac:dyDescent="0.35">
      <c r="A35578" s="1" t="s">
        <v>123568</v>
      </c>
      <c r="B35578" s="1" t="s">
        <v>123106</v>
      </c>
      <c r="C35578" s="1" t="s">
        <v>20</v>
      </c>
      <c r="D35578" s="1" t="s">
        <v>48919</v>
      </c>
      <c r="E35578" s="1" t="s">
        <v>123576</v>
      </c>
      <c r="F35578" s="1" t="s">
        <v>123577</v>
      </c>
      <c r="G35578" s="1" t="s">
        <v>123571</v>
      </c>
      <c r="H35578" s="1" t="s">
        <v>123572</v>
      </c>
      <c r="I35578" s="1" t="s">
        <v>123111</v>
      </c>
      <c r="J35578" s="1" t="s">
        <v>123578</v>
      </c>
    </row>
    <row r="35579" spans="1:10" x14ac:dyDescent="0.35">
      <c r="A35579" s="1" t="s">
        <v>123568</v>
      </c>
      <c r="B35579" s="1" t="s">
        <v>123106</v>
      </c>
      <c r="C35579" s="1" t="s">
        <v>25</v>
      </c>
      <c r="D35579" s="1" t="s">
        <v>15398</v>
      </c>
      <c r="E35579" s="1" t="s">
        <v>123579</v>
      </c>
      <c r="F35579" s="1" t="s">
        <v>123580</v>
      </c>
      <c r="G35579" s="1" t="s">
        <v>123571</v>
      </c>
      <c r="H35579" s="1" t="s">
        <v>123572</v>
      </c>
      <c r="I35579" s="1" t="s">
        <v>123111</v>
      </c>
      <c r="J35579" s="1" t="s">
        <v>123581</v>
      </c>
    </row>
    <row r="35580" spans="1:10" x14ac:dyDescent="0.35">
      <c r="A35580" s="1" t="s">
        <v>123568</v>
      </c>
      <c r="B35580" s="1" t="s">
        <v>123106</v>
      </c>
      <c r="C35580" s="1" t="s">
        <v>30</v>
      </c>
      <c r="D35580" s="1" t="s">
        <v>31269</v>
      </c>
      <c r="E35580" s="1" t="s">
        <v>123582</v>
      </c>
      <c r="F35580" s="1" t="s">
        <v>123583</v>
      </c>
      <c r="G35580" s="1" t="s">
        <v>123571</v>
      </c>
      <c r="H35580" s="1" t="s">
        <v>123572</v>
      </c>
      <c r="I35580" s="1" t="s">
        <v>123111</v>
      </c>
      <c r="J35580" s="1" t="s">
        <v>123584</v>
      </c>
    </row>
    <row r="35581" spans="1:10" x14ac:dyDescent="0.35">
      <c r="A35581" s="1" t="s">
        <v>123568</v>
      </c>
      <c r="B35581" s="1" t="s">
        <v>123106</v>
      </c>
      <c r="C35581" s="1" t="s">
        <v>35</v>
      </c>
      <c r="D35581" s="1" t="s">
        <v>123585</v>
      </c>
      <c r="E35581" s="1" t="s">
        <v>123586</v>
      </c>
      <c r="F35581" s="1" t="s">
        <v>123587</v>
      </c>
      <c r="G35581" s="1" t="s">
        <v>123571</v>
      </c>
      <c r="H35581" s="1" t="s">
        <v>123572</v>
      </c>
      <c r="I35581" s="1" t="s">
        <v>123111</v>
      </c>
      <c r="J35581" s="1" t="s">
        <v>123588</v>
      </c>
    </row>
    <row r="35582" spans="1:10" x14ac:dyDescent="0.35">
      <c r="A35582" s="1" t="s">
        <v>123568</v>
      </c>
      <c r="B35582" s="1" t="s">
        <v>123106</v>
      </c>
      <c r="C35582" s="1" t="s">
        <v>40</v>
      </c>
      <c r="D35582" s="1" t="s">
        <v>6722</v>
      </c>
      <c r="E35582" s="1" t="s">
        <v>123589</v>
      </c>
      <c r="F35582" s="1" t="s">
        <v>123590</v>
      </c>
      <c r="G35582" s="1" t="s">
        <v>123571</v>
      </c>
      <c r="H35582" s="1" t="s">
        <v>123572</v>
      </c>
      <c r="I35582" s="1" t="s">
        <v>123111</v>
      </c>
      <c r="J35582" s="1" t="s">
        <v>123591</v>
      </c>
    </row>
    <row r="35583" spans="1:10" x14ac:dyDescent="0.35">
      <c r="A35583" s="1" t="s">
        <v>123568</v>
      </c>
      <c r="B35583" s="1" t="s">
        <v>123106</v>
      </c>
      <c r="C35583" s="1" t="s">
        <v>45</v>
      </c>
      <c r="D35583" s="1" t="s">
        <v>30241</v>
      </c>
      <c r="E35583" s="1" t="s">
        <v>123592</v>
      </c>
      <c r="F35583" s="1" t="s">
        <v>123593</v>
      </c>
      <c r="G35583" s="1" t="s">
        <v>123571</v>
      </c>
      <c r="H35583" s="1" t="s">
        <v>123572</v>
      </c>
      <c r="I35583" s="1" t="s">
        <v>123111</v>
      </c>
      <c r="J35583" s="1" t="s">
        <v>123594</v>
      </c>
    </row>
    <row r="35584" spans="1:10" x14ac:dyDescent="0.35">
      <c r="A35584" s="1" t="s">
        <v>123568</v>
      </c>
      <c r="B35584" s="1" t="s">
        <v>123106</v>
      </c>
      <c r="C35584" s="1" t="s">
        <v>50</v>
      </c>
      <c r="D35584" s="1" t="s">
        <v>30209</v>
      </c>
      <c r="E35584" s="1" t="s">
        <v>123595</v>
      </c>
      <c r="F35584" s="1" t="s">
        <v>123596</v>
      </c>
      <c r="G35584" s="1" t="s">
        <v>123571</v>
      </c>
      <c r="H35584" s="1" t="s">
        <v>123572</v>
      </c>
      <c r="I35584" s="1" t="s">
        <v>123111</v>
      </c>
      <c r="J35584" s="1" t="s">
        <v>123597</v>
      </c>
    </row>
    <row r="35585" spans="1:10" x14ac:dyDescent="0.35">
      <c r="A35585" s="1" t="s">
        <v>123568</v>
      </c>
      <c r="B35585" s="1" t="s">
        <v>123106</v>
      </c>
      <c r="C35585" s="1" t="s">
        <v>55</v>
      </c>
      <c r="D35585" s="1" t="s">
        <v>17198</v>
      </c>
      <c r="E35585" s="1" t="s">
        <v>123598</v>
      </c>
      <c r="F35585" s="1" t="s">
        <v>123599</v>
      </c>
      <c r="G35585" s="1" t="s">
        <v>123571</v>
      </c>
      <c r="H35585" s="1" t="s">
        <v>123572</v>
      </c>
      <c r="I35585" s="1" t="s">
        <v>123111</v>
      </c>
      <c r="J35585" s="1" t="s">
        <v>123600</v>
      </c>
    </row>
    <row r="35586" spans="1:10" x14ac:dyDescent="0.35">
      <c r="A35586" s="1" t="s">
        <v>123568</v>
      </c>
      <c r="B35586" s="1" t="s">
        <v>123106</v>
      </c>
      <c r="C35586" s="1" t="s">
        <v>60</v>
      </c>
      <c r="D35586" s="1" t="s">
        <v>123601</v>
      </c>
      <c r="E35586" s="1" t="s">
        <v>123602</v>
      </c>
      <c r="F35586" s="1" t="s">
        <v>123603</v>
      </c>
      <c r="G35586" s="1" t="s">
        <v>123571</v>
      </c>
      <c r="H35586" s="1" t="s">
        <v>123572</v>
      </c>
      <c r="I35586" s="1" t="s">
        <v>123111</v>
      </c>
      <c r="J35586" s="1" t="s">
        <v>123604</v>
      </c>
    </row>
    <row r="35587" spans="1:10" x14ac:dyDescent="0.35">
      <c r="A35587" s="1" t="s">
        <v>123568</v>
      </c>
      <c r="B35587" s="1" t="s">
        <v>123106</v>
      </c>
      <c r="C35587" s="1" t="s">
        <v>65</v>
      </c>
      <c r="D35587" s="1" t="s">
        <v>115527</v>
      </c>
      <c r="E35587" s="1" t="s">
        <v>123605</v>
      </c>
      <c r="F35587" s="1" t="s">
        <v>123606</v>
      </c>
      <c r="G35587" s="1" t="s">
        <v>123571</v>
      </c>
      <c r="H35587" s="1" t="s">
        <v>123572</v>
      </c>
      <c r="I35587" s="1" t="s">
        <v>123111</v>
      </c>
      <c r="J35587" s="1" t="s">
        <v>123607</v>
      </c>
    </row>
    <row r="35588" spans="1:10" x14ac:dyDescent="0.35">
      <c r="A35588" s="1" t="s">
        <v>123568</v>
      </c>
      <c r="B35588" s="1" t="s">
        <v>123106</v>
      </c>
      <c r="C35588" s="1" t="s">
        <v>70</v>
      </c>
      <c r="D35588" s="1" t="s">
        <v>47536</v>
      </c>
      <c r="E35588" s="1" t="s">
        <v>123608</v>
      </c>
      <c r="F35588" s="1" t="s">
        <v>123609</v>
      </c>
      <c r="G35588" s="1" t="s">
        <v>123571</v>
      </c>
      <c r="H35588" s="1" t="s">
        <v>123572</v>
      </c>
      <c r="I35588" s="1" t="s">
        <v>123111</v>
      </c>
      <c r="J35588" s="1" t="s">
        <v>123610</v>
      </c>
    </row>
    <row r="35589" spans="1:10" x14ac:dyDescent="0.35">
      <c r="A35589" s="1" t="s">
        <v>123568</v>
      </c>
      <c r="B35589" s="1" t="s">
        <v>123106</v>
      </c>
      <c r="C35589" s="1" t="s">
        <v>75</v>
      </c>
      <c r="D35589" s="1" t="s">
        <v>5369</v>
      </c>
      <c r="E35589" s="1" t="s">
        <v>123611</v>
      </c>
      <c r="F35589" s="1" t="s">
        <v>123612</v>
      </c>
      <c r="G35589" s="1" t="s">
        <v>123571</v>
      </c>
      <c r="H35589" s="1" t="s">
        <v>123572</v>
      </c>
      <c r="I35589" s="1" t="s">
        <v>123111</v>
      </c>
      <c r="J35589" s="1" t="s">
        <v>123613</v>
      </c>
    </row>
    <row r="35590" spans="1:10" x14ac:dyDescent="0.35">
      <c r="A35590" s="1" t="s">
        <v>123568</v>
      </c>
      <c r="B35590" s="1" t="s">
        <v>123106</v>
      </c>
      <c r="C35590" s="1" t="s">
        <v>80</v>
      </c>
      <c r="D35590" s="1" t="s">
        <v>123614</v>
      </c>
      <c r="E35590" s="1" t="s">
        <v>123615</v>
      </c>
      <c r="F35590" s="1" t="s">
        <v>123616</v>
      </c>
      <c r="G35590" s="1" t="s">
        <v>123571</v>
      </c>
      <c r="H35590" s="1" t="s">
        <v>123572</v>
      </c>
      <c r="I35590" s="1" t="s">
        <v>123111</v>
      </c>
      <c r="J35590" s="1" t="s">
        <v>123617</v>
      </c>
    </row>
    <row r="35591" spans="1:10" x14ac:dyDescent="0.35">
      <c r="A35591" s="1" t="s">
        <v>123568</v>
      </c>
      <c r="B35591" s="1" t="s">
        <v>123106</v>
      </c>
      <c r="C35591" s="1" t="s">
        <v>85</v>
      </c>
      <c r="D35591" s="1" t="s">
        <v>17397</v>
      </c>
      <c r="E35591" s="1" t="s">
        <v>123618</v>
      </c>
      <c r="F35591" s="1" t="s">
        <v>123619</v>
      </c>
      <c r="G35591" s="1" t="s">
        <v>123571</v>
      </c>
      <c r="H35591" s="1" t="s">
        <v>123572</v>
      </c>
      <c r="I35591" s="1" t="s">
        <v>123111</v>
      </c>
      <c r="J35591" s="1" t="s">
        <v>123620</v>
      </c>
    </row>
    <row r="35592" spans="1:10" x14ac:dyDescent="0.35">
      <c r="A35592" s="1" t="s">
        <v>123568</v>
      </c>
      <c r="B35592" s="1" t="s">
        <v>123106</v>
      </c>
      <c r="C35592" s="1" t="s">
        <v>90</v>
      </c>
      <c r="D35592" s="1" t="s">
        <v>19572</v>
      </c>
      <c r="E35592" s="1" t="s">
        <v>123621</v>
      </c>
      <c r="F35592" s="1" t="s">
        <v>123622</v>
      </c>
      <c r="G35592" s="1" t="s">
        <v>123571</v>
      </c>
      <c r="H35592" s="1" t="s">
        <v>123572</v>
      </c>
      <c r="I35592" s="1" t="s">
        <v>123111</v>
      </c>
      <c r="J35592" s="1" t="s">
        <v>123623</v>
      </c>
    </row>
    <row r="35593" spans="1:10" x14ac:dyDescent="0.35">
      <c r="A35593" s="1" t="s">
        <v>123568</v>
      </c>
      <c r="B35593" s="1" t="s">
        <v>123106</v>
      </c>
      <c r="C35593" s="1" t="s">
        <v>95</v>
      </c>
      <c r="D35593" s="1" t="s">
        <v>50366</v>
      </c>
      <c r="E35593" s="1" t="s">
        <v>123624</v>
      </c>
      <c r="F35593" s="1" t="s">
        <v>123625</v>
      </c>
      <c r="G35593" s="1" t="s">
        <v>123571</v>
      </c>
      <c r="H35593" s="1" t="s">
        <v>123572</v>
      </c>
      <c r="I35593" s="1" t="s">
        <v>123111</v>
      </c>
      <c r="J35593" s="1" t="s">
        <v>123626</v>
      </c>
    </row>
    <row r="35594" spans="1:10" x14ac:dyDescent="0.35">
      <c r="A35594" s="1" t="s">
        <v>123568</v>
      </c>
      <c r="B35594" s="1" t="s">
        <v>123106</v>
      </c>
      <c r="C35594" s="1" t="s">
        <v>100</v>
      </c>
      <c r="D35594" s="1" t="s">
        <v>123627</v>
      </c>
      <c r="E35594" s="1" t="s">
        <v>123628</v>
      </c>
      <c r="F35594" s="1" t="s">
        <v>123629</v>
      </c>
      <c r="G35594" s="1" t="s">
        <v>123571</v>
      </c>
      <c r="H35594" s="1" t="s">
        <v>123572</v>
      </c>
      <c r="I35594" s="1" t="s">
        <v>123111</v>
      </c>
      <c r="J35594" s="1" t="s">
        <v>123630</v>
      </c>
    </row>
    <row r="35595" spans="1:10" x14ac:dyDescent="0.35">
      <c r="A35595" s="1" t="s">
        <v>123568</v>
      </c>
      <c r="B35595" s="1" t="s">
        <v>123106</v>
      </c>
      <c r="C35595" s="1" t="s">
        <v>105</v>
      </c>
      <c r="D35595" s="1" t="s">
        <v>50373</v>
      </c>
      <c r="E35595" s="1" t="s">
        <v>123631</v>
      </c>
      <c r="F35595" s="1" t="s">
        <v>123632</v>
      </c>
      <c r="G35595" s="1" t="s">
        <v>123571</v>
      </c>
      <c r="H35595" s="1" t="s">
        <v>123572</v>
      </c>
      <c r="I35595" s="1" t="s">
        <v>123111</v>
      </c>
      <c r="J35595" s="1" t="s">
        <v>123633</v>
      </c>
    </row>
    <row r="35596" spans="1:10" x14ac:dyDescent="0.35">
      <c r="A35596" s="1" t="s">
        <v>123568</v>
      </c>
      <c r="B35596" s="1" t="s">
        <v>123106</v>
      </c>
      <c r="C35596" s="1" t="s">
        <v>110</v>
      </c>
      <c r="D35596" s="1" t="s">
        <v>123634</v>
      </c>
      <c r="E35596" s="1" t="s">
        <v>123635</v>
      </c>
      <c r="F35596" s="1" t="s">
        <v>123636</v>
      </c>
      <c r="G35596" s="1" t="s">
        <v>123571</v>
      </c>
      <c r="H35596" s="1" t="s">
        <v>123572</v>
      </c>
      <c r="I35596" s="1" t="s">
        <v>123111</v>
      </c>
      <c r="J35596" s="1" t="s">
        <v>123637</v>
      </c>
    </row>
    <row r="35597" spans="1:10" x14ac:dyDescent="0.35">
      <c r="A35597" s="1" t="s">
        <v>123568</v>
      </c>
      <c r="B35597" s="1" t="s">
        <v>123106</v>
      </c>
      <c r="C35597" s="1" t="s">
        <v>115</v>
      </c>
      <c r="D35597" s="1" t="s">
        <v>36430</v>
      </c>
      <c r="E35597" s="1" t="s">
        <v>123638</v>
      </c>
      <c r="F35597" s="1" t="s">
        <v>123639</v>
      </c>
      <c r="G35597" s="1" t="s">
        <v>123571</v>
      </c>
      <c r="H35597" s="1" t="s">
        <v>123572</v>
      </c>
      <c r="I35597" s="1" t="s">
        <v>123111</v>
      </c>
      <c r="J35597" s="1" t="s">
        <v>123640</v>
      </c>
    </row>
    <row r="35598" spans="1:10" x14ac:dyDescent="0.35">
      <c r="A35598" s="1" t="s">
        <v>123568</v>
      </c>
      <c r="B35598" s="1" t="s">
        <v>123106</v>
      </c>
      <c r="C35598" s="1" t="s">
        <v>120</v>
      </c>
      <c r="D35598" s="1" t="s">
        <v>4634</v>
      </c>
      <c r="E35598" s="1" t="s">
        <v>123641</v>
      </c>
      <c r="F35598" s="1" t="s">
        <v>123642</v>
      </c>
      <c r="G35598" s="1" t="s">
        <v>123571</v>
      </c>
      <c r="H35598" s="1" t="s">
        <v>123572</v>
      </c>
      <c r="I35598" s="1" t="s">
        <v>123111</v>
      </c>
      <c r="J35598" s="1" t="s">
        <v>123643</v>
      </c>
    </row>
    <row r="35599" spans="1:10" x14ac:dyDescent="0.35">
      <c r="A35599" s="1" t="s">
        <v>123568</v>
      </c>
      <c r="B35599" s="1" t="s">
        <v>123106</v>
      </c>
      <c r="C35599" s="1" t="s">
        <v>125</v>
      </c>
      <c r="D35599" s="1" t="s">
        <v>71627</v>
      </c>
      <c r="E35599" s="1" t="s">
        <v>123644</v>
      </c>
      <c r="F35599" s="1" t="s">
        <v>123645</v>
      </c>
      <c r="G35599" s="1" t="s">
        <v>123571</v>
      </c>
      <c r="H35599" s="1" t="s">
        <v>123572</v>
      </c>
      <c r="I35599" s="1" t="s">
        <v>123111</v>
      </c>
      <c r="J35599" s="1" t="s">
        <v>123646</v>
      </c>
    </row>
    <row r="35600" spans="1:10" x14ac:dyDescent="0.35">
      <c r="A35600" s="1" t="s">
        <v>123568</v>
      </c>
      <c r="B35600" s="1" t="s">
        <v>123106</v>
      </c>
      <c r="C35600" s="1" t="s">
        <v>130</v>
      </c>
      <c r="D35600" s="1" t="s">
        <v>73012</v>
      </c>
      <c r="E35600" s="1" t="s">
        <v>123647</v>
      </c>
      <c r="F35600" s="1" t="s">
        <v>123648</v>
      </c>
      <c r="G35600" s="1" t="s">
        <v>123571</v>
      </c>
      <c r="H35600" s="1" t="s">
        <v>123572</v>
      </c>
      <c r="I35600" s="1" t="s">
        <v>123111</v>
      </c>
      <c r="J35600" s="1" t="s">
        <v>123649</v>
      </c>
    </row>
    <row r="35601" spans="1:10" x14ac:dyDescent="0.35">
      <c r="A35601" s="1" t="s">
        <v>123568</v>
      </c>
      <c r="B35601" s="1" t="s">
        <v>123106</v>
      </c>
      <c r="C35601" s="1" t="s">
        <v>135</v>
      </c>
      <c r="D35601" s="1" t="s">
        <v>49853</v>
      </c>
      <c r="E35601" s="1" t="s">
        <v>123650</v>
      </c>
      <c r="F35601" s="1" t="s">
        <v>123651</v>
      </c>
      <c r="G35601" s="1" t="s">
        <v>123571</v>
      </c>
      <c r="H35601" s="1" t="s">
        <v>123572</v>
      </c>
      <c r="I35601" s="1" t="s">
        <v>123111</v>
      </c>
      <c r="J35601" s="1" t="s">
        <v>123652</v>
      </c>
    </row>
    <row r="35602" spans="1:10" x14ac:dyDescent="0.35">
      <c r="A35602" s="1" t="s">
        <v>123568</v>
      </c>
      <c r="B35602" s="1" t="s">
        <v>123106</v>
      </c>
      <c r="C35602" s="1" t="s">
        <v>140</v>
      </c>
      <c r="D35602" s="1" t="s">
        <v>17447</v>
      </c>
      <c r="E35602" s="1" t="s">
        <v>123653</v>
      </c>
      <c r="F35602" s="1" t="s">
        <v>123654</v>
      </c>
      <c r="G35602" s="1" t="s">
        <v>123571</v>
      </c>
      <c r="H35602" s="1" t="s">
        <v>123572</v>
      </c>
      <c r="I35602" s="1" t="s">
        <v>123111</v>
      </c>
      <c r="J35602" s="1" t="s">
        <v>123655</v>
      </c>
    </row>
    <row r="35603" spans="1:10" x14ac:dyDescent="0.35">
      <c r="A35603" s="1" t="s">
        <v>123568</v>
      </c>
      <c r="B35603" s="1" t="s">
        <v>123106</v>
      </c>
      <c r="C35603" s="1" t="s">
        <v>145</v>
      </c>
      <c r="D35603" s="1" t="s">
        <v>11210</v>
      </c>
      <c r="E35603" s="1" t="s">
        <v>123656</v>
      </c>
      <c r="F35603" s="1" t="s">
        <v>123657</v>
      </c>
      <c r="G35603" s="1" t="s">
        <v>123571</v>
      </c>
      <c r="H35603" s="1" t="s">
        <v>123572</v>
      </c>
      <c r="I35603" s="1" t="s">
        <v>123111</v>
      </c>
      <c r="J35603" s="1" t="s">
        <v>123658</v>
      </c>
    </row>
    <row r="35604" spans="1:10" x14ac:dyDescent="0.35">
      <c r="A35604" s="1" t="s">
        <v>123568</v>
      </c>
      <c r="B35604" s="1" t="s">
        <v>123106</v>
      </c>
      <c r="C35604" s="1" t="s">
        <v>150</v>
      </c>
      <c r="D35604" s="1" t="s">
        <v>115985</v>
      </c>
      <c r="E35604" s="1" t="s">
        <v>123659</v>
      </c>
      <c r="F35604" s="1" t="s">
        <v>123660</v>
      </c>
      <c r="G35604" s="1" t="s">
        <v>123571</v>
      </c>
      <c r="H35604" s="1" t="s">
        <v>123572</v>
      </c>
      <c r="I35604" s="1" t="s">
        <v>123111</v>
      </c>
      <c r="J35604" s="1" t="s">
        <v>123661</v>
      </c>
    </row>
    <row r="35605" spans="1:10" x14ac:dyDescent="0.35">
      <c r="A35605" s="1" t="s">
        <v>123568</v>
      </c>
      <c r="B35605" s="1" t="s">
        <v>123106</v>
      </c>
      <c r="C35605" s="1" t="s">
        <v>155</v>
      </c>
      <c r="D35605" s="1" t="s">
        <v>17967</v>
      </c>
      <c r="E35605" s="1" t="s">
        <v>123662</v>
      </c>
      <c r="F35605" s="1" t="s">
        <v>123663</v>
      </c>
      <c r="G35605" s="1" t="s">
        <v>123571</v>
      </c>
      <c r="H35605" s="1" t="s">
        <v>123572</v>
      </c>
      <c r="I35605" s="1" t="s">
        <v>123111</v>
      </c>
      <c r="J35605" s="1" t="s">
        <v>123664</v>
      </c>
    </row>
    <row r="35606" spans="1:10" x14ac:dyDescent="0.35">
      <c r="A35606" s="1" t="s">
        <v>123568</v>
      </c>
      <c r="B35606" s="1" t="s">
        <v>123106</v>
      </c>
      <c r="C35606" s="1" t="s">
        <v>160</v>
      </c>
      <c r="D35606" s="1" t="s">
        <v>123665</v>
      </c>
      <c r="E35606" s="1" t="s">
        <v>123666</v>
      </c>
      <c r="F35606" s="1" t="s">
        <v>123667</v>
      </c>
      <c r="G35606" s="1" t="s">
        <v>123571</v>
      </c>
      <c r="H35606" s="1" t="s">
        <v>123572</v>
      </c>
      <c r="I35606" s="1" t="s">
        <v>123111</v>
      </c>
      <c r="J35606" s="1" t="s">
        <v>123668</v>
      </c>
    </row>
    <row r="35607" spans="1:10" x14ac:dyDescent="0.35">
      <c r="A35607" s="1" t="s">
        <v>123568</v>
      </c>
      <c r="B35607" s="1" t="s">
        <v>123106</v>
      </c>
      <c r="C35607" s="1" t="s">
        <v>165</v>
      </c>
      <c r="D35607" s="1" t="s">
        <v>123669</v>
      </c>
      <c r="E35607" s="1" t="s">
        <v>123670</v>
      </c>
      <c r="F35607" s="1" t="s">
        <v>123671</v>
      </c>
      <c r="G35607" s="1" t="s">
        <v>123571</v>
      </c>
      <c r="H35607" s="1" t="s">
        <v>123572</v>
      </c>
      <c r="I35607" s="1" t="s">
        <v>123111</v>
      </c>
      <c r="J35607" s="1" t="s">
        <v>123672</v>
      </c>
    </row>
    <row r="35608" spans="1:10" x14ac:dyDescent="0.35">
      <c r="A35608" s="1" t="s">
        <v>123568</v>
      </c>
      <c r="B35608" s="1" t="s">
        <v>123106</v>
      </c>
      <c r="C35608" s="1" t="s">
        <v>170</v>
      </c>
      <c r="D35608" s="1" t="s">
        <v>123673</v>
      </c>
      <c r="E35608" s="1" t="s">
        <v>123674</v>
      </c>
      <c r="F35608" s="1" t="s">
        <v>123675</v>
      </c>
      <c r="G35608" s="1" t="s">
        <v>123571</v>
      </c>
      <c r="H35608" s="1" t="s">
        <v>123572</v>
      </c>
      <c r="I35608" s="1" t="s">
        <v>123111</v>
      </c>
      <c r="J35608" s="1" t="s">
        <v>123676</v>
      </c>
    </row>
    <row r="35609" spans="1:10" x14ac:dyDescent="0.35">
      <c r="A35609" s="1" t="s">
        <v>25478</v>
      </c>
      <c r="B35609" s="1" t="s">
        <v>123106</v>
      </c>
      <c r="C35609" s="1" t="s">
        <v>8</v>
      </c>
      <c r="D35609" s="1" t="s">
        <v>47526</v>
      </c>
      <c r="E35609" s="1" t="s">
        <v>123677</v>
      </c>
      <c r="F35609" s="1" t="s">
        <v>123678</v>
      </c>
      <c r="G35609" s="1" t="s">
        <v>123679</v>
      </c>
      <c r="H35609" s="1" t="s">
        <v>123680</v>
      </c>
      <c r="I35609" s="1" t="s">
        <v>123111</v>
      </c>
      <c r="J35609" s="1" t="s">
        <v>13</v>
      </c>
    </row>
    <row r="35610" spans="1:10" x14ac:dyDescent="0.35">
      <c r="A35610" s="1" t="s">
        <v>25478</v>
      </c>
      <c r="B35610" s="1" t="s">
        <v>123106</v>
      </c>
      <c r="C35610" s="1" t="s">
        <v>15</v>
      </c>
      <c r="D35610" s="1" t="s">
        <v>13397</v>
      </c>
      <c r="E35610" s="1" t="s">
        <v>123681</v>
      </c>
      <c r="F35610" s="1" t="s">
        <v>123682</v>
      </c>
      <c r="G35610" s="1" t="s">
        <v>123679</v>
      </c>
      <c r="H35610" s="1" t="s">
        <v>123680</v>
      </c>
      <c r="I35610" s="1" t="s">
        <v>123111</v>
      </c>
      <c r="J35610" s="1" t="s">
        <v>123683</v>
      </c>
    </row>
    <row r="35611" spans="1:10" x14ac:dyDescent="0.35">
      <c r="A35611" s="1" t="s">
        <v>25478</v>
      </c>
      <c r="B35611" s="1" t="s">
        <v>123106</v>
      </c>
      <c r="C35611" s="1" t="s">
        <v>20</v>
      </c>
      <c r="D35611" s="1" t="s">
        <v>7207</v>
      </c>
      <c r="E35611" s="1" t="s">
        <v>123684</v>
      </c>
      <c r="F35611" s="1" t="s">
        <v>123685</v>
      </c>
      <c r="G35611" s="1" t="s">
        <v>123679</v>
      </c>
      <c r="H35611" s="1" t="s">
        <v>123680</v>
      </c>
      <c r="I35611" s="1" t="s">
        <v>123111</v>
      </c>
      <c r="J35611" s="1" t="s">
        <v>123686</v>
      </c>
    </row>
    <row r="35612" spans="1:10" x14ac:dyDescent="0.35">
      <c r="A35612" s="1" t="s">
        <v>25478</v>
      </c>
      <c r="B35612" s="1" t="s">
        <v>123106</v>
      </c>
      <c r="C35612" s="1" t="s">
        <v>25</v>
      </c>
      <c r="D35612" s="1" t="s">
        <v>16990</v>
      </c>
      <c r="E35612" s="1" t="s">
        <v>123687</v>
      </c>
      <c r="F35612" s="1" t="s">
        <v>123688</v>
      </c>
      <c r="G35612" s="1" t="s">
        <v>123679</v>
      </c>
      <c r="H35612" s="1" t="s">
        <v>123680</v>
      </c>
      <c r="I35612" s="1" t="s">
        <v>123111</v>
      </c>
      <c r="J35612" s="1" t="s">
        <v>123689</v>
      </c>
    </row>
    <row r="35613" spans="1:10" x14ac:dyDescent="0.35">
      <c r="A35613" s="1" t="s">
        <v>25478</v>
      </c>
      <c r="B35613" s="1" t="s">
        <v>123106</v>
      </c>
      <c r="C35613" s="1" t="s">
        <v>30</v>
      </c>
      <c r="D35613" s="1" t="s">
        <v>3683</v>
      </c>
      <c r="E35613" s="1" t="s">
        <v>123690</v>
      </c>
      <c r="F35613" s="1" t="s">
        <v>123691</v>
      </c>
      <c r="G35613" s="1" t="s">
        <v>123679</v>
      </c>
      <c r="H35613" s="1" t="s">
        <v>123680</v>
      </c>
      <c r="I35613" s="1" t="s">
        <v>123111</v>
      </c>
      <c r="J35613" s="1" t="s">
        <v>123692</v>
      </c>
    </row>
    <row r="35614" spans="1:10" x14ac:dyDescent="0.35">
      <c r="A35614" s="1" t="s">
        <v>25478</v>
      </c>
      <c r="B35614" s="1" t="s">
        <v>123106</v>
      </c>
      <c r="C35614" s="1" t="s">
        <v>35</v>
      </c>
      <c r="D35614" s="1" t="s">
        <v>123693</v>
      </c>
      <c r="E35614" s="1" t="s">
        <v>123694</v>
      </c>
      <c r="F35614" s="1" t="s">
        <v>123695</v>
      </c>
      <c r="G35614" s="1" t="s">
        <v>123679</v>
      </c>
      <c r="H35614" s="1" t="s">
        <v>123680</v>
      </c>
      <c r="I35614" s="1" t="s">
        <v>123111</v>
      </c>
      <c r="J35614" s="1" t="s">
        <v>123696</v>
      </c>
    </row>
    <row r="35615" spans="1:10" x14ac:dyDescent="0.35">
      <c r="A35615" s="1" t="s">
        <v>25478</v>
      </c>
      <c r="B35615" s="1" t="s">
        <v>123106</v>
      </c>
      <c r="C35615" s="1" t="s">
        <v>40</v>
      </c>
      <c r="D35615" s="1" t="s">
        <v>123697</v>
      </c>
      <c r="E35615" s="1" t="s">
        <v>123698</v>
      </c>
      <c r="F35615" s="1" t="s">
        <v>123699</v>
      </c>
      <c r="G35615" s="1" t="s">
        <v>123679</v>
      </c>
      <c r="H35615" s="1" t="s">
        <v>123680</v>
      </c>
      <c r="I35615" s="1" t="s">
        <v>123111</v>
      </c>
      <c r="J35615" s="1" t="s">
        <v>123700</v>
      </c>
    </row>
    <row r="35616" spans="1:10" x14ac:dyDescent="0.35">
      <c r="A35616" s="1" t="s">
        <v>25478</v>
      </c>
      <c r="B35616" s="1" t="s">
        <v>123106</v>
      </c>
      <c r="C35616" s="1" t="s">
        <v>45</v>
      </c>
      <c r="D35616" s="1" t="s">
        <v>123701</v>
      </c>
      <c r="E35616" s="1" t="s">
        <v>123702</v>
      </c>
      <c r="F35616" s="1" t="s">
        <v>123703</v>
      </c>
      <c r="G35616" s="1" t="s">
        <v>123679</v>
      </c>
      <c r="H35616" s="1" t="s">
        <v>123680</v>
      </c>
      <c r="I35616" s="1" t="s">
        <v>123111</v>
      </c>
      <c r="J35616" s="1" t="s">
        <v>123704</v>
      </c>
    </row>
    <row r="35617" spans="1:10" x14ac:dyDescent="0.35">
      <c r="A35617" s="1" t="s">
        <v>25478</v>
      </c>
      <c r="B35617" s="1" t="s">
        <v>123106</v>
      </c>
      <c r="C35617" s="1" t="s">
        <v>50</v>
      </c>
      <c r="D35617" s="1" t="s">
        <v>123705</v>
      </c>
      <c r="E35617" s="1" t="s">
        <v>123706</v>
      </c>
      <c r="F35617" s="1" t="s">
        <v>123707</v>
      </c>
      <c r="G35617" s="1" t="s">
        <v>123679</v>
      </c>
      <c r="H35617" s="1" t="s">
        <v>123680</v>
      </c>
      <c r="I35617" s="1" t="s">
        <v>123111</v>
      </c>
      <c r="J35617" s="1" t="s">
        <v>123708</v>
      </c>
    </row>
    <row r="35618" spans="1:10" x14ac:dyDescent="0.35">
      <c r="A35618" s="1" t="s">
        <v>25478</v>
      </c>
      <c r="B35618" s="1" t="s">
        <v>123106</v>
      </c>
      <c r="C35618" s="1" t="s">
        <v>55</v>
      </c>
      <c r="D35618" s="1" t="s">
        <v>72561</v>
      </c>
      <c r="E35618" s="1" t="s">
        <v>123709</v>
      </c>
      <c r="F35618" s="1" t="s">
        <v>123710</v>
      </c>
      <c r="G35618" s="1" t="s">
        <v>123679</v>
      </c>
      <c r="H35618" s="1" t="s">
        <v>123680</v>
      </c>
      <c r="I35618" s="1" t="s">
        <v>123111</v>
      </c>
      <c r="J35618" s="1" t="s">
        <v>123711</v>
      </c>
    </row>
    <row r="35619" spans="1:10" x14ac:dyDescent="0.35">
      <c r="A35619" s="1" t="s">
        <v>25478</v>
      </c>
      <c r="B35619" s="1" t="s">
        <v>123106</v>
      </c>
      <c r="C35619" s="1" t="s">
        <v>60</v>
      </c>
      <c r="D35619" s="1" t="s">
        <v>123712</v>
      </c>
      <c r="E35619" s="1" t="s">
        <v>123713</v>
      </c>
      <c r="F35619" s="1" t="s">
        <v>123714</v>
      </c>
      <c r="G35619" s="1" t="s">
        <v>123679</v>
      </c>
      <c r="H35619" s="1" t="s">
        <v>123680</v>
      </c>
      <c r="I35619" s="1" t="s">
        <v>123111</v>
      </c>
      <c r="J35619" s="1" t="s">
        <v>123715</v>
      </c>
    </row>
    <row r="35620" spans="1:10" x14ac:dyDescent="0.35">
      <c r="A35620" s="1" t="s">
        <v>25478</v>
      </c>
      <c r="B35620" s="1" t="s">
        <v>123106</v>
      </c>
      <c r="C35620" s="1" t="s">
        <v>65</v>
      </c>
      <c r="D35620" s="1" t="s">
        <v>43266</v>
      </c>
      <c r="E35620" s="1" t="s">
        <v>123716</v>
      </c>
      <c r="F35620" s="1" t="s">
        <v>123717</v>
      </c>
      <c r="G35620" s="1" t="s">
        <v>123679</v>
      </c>
      <c r="H35620" s="1" t="s">
        <v>123680</v>
      </c>
      <c r="I35620" s="1" t="s">
        <v>123111</v>
      </c>
      <c r="J35620" s="1" t="s">
        <v>123718</v>
      </c>
    </row>
    <row r="35621" spans="1:10" x14ac:dyDescent="0.35">
      <c r="A35621" s="1" t="s">
        <v>25478</v>
      </c>
      <c r="B35621" s="1" t="s">
        <v>123106</v>
      </c>
      <c r="C35621" s="1" t="s">
        <v>70</v>
      </c>
      <c r="D35621" s="1" t="s">
        <v>35967</v>
      </c>
      <c r="E35621" s="1" t="s">
        <v>123719</v>
      </c>
      <c r="F35621" s="1" t="s">
        <v>123720</v>
      </c>
      <c r="G35621" s="1" t="s">
        <v>123679</v>
      </c>
      <c r="H35621" s="1" t="s">
        <v>123680</v>
      </c>
      <c r="I35621" s="1" t="s">
        <v>123111</v>
      </c>
      <c r="J35621" s="1" t="s">
        <v>123721</v>
      </c>
    </row>
    <row r="35622" spans="1:10" x14ac:dyDescent="0.35">
      <c r="A35622" s="1" t="s">
        <v>25478</v>
      </c>
      <c r="B35622" s="1" t="s">
        <v>123106</v>
      </c>
      <c r="C35622" s="1" t="s">
        <v>75</v>
      </c>
      <c r="D35622" s="1" t="s">
        <v>123722</v>
      </c>
      <c r="E35622" s="1" t="s">
        <v>123723</v>
      </c>
      <c r="F35622" s="1" t="s">
        <v>123724</v>
      </c>
      <c r="G35622" s="1" t="s">
        <v>123679</v>
      </c>
      <c r="H35622" s="1" t="s">
        <v>123680</v>
      </c>
      <c r="I35622" s="1" t="s">
        <v>123111</v>
      </c>
      <c r="J35622" s="1" t="s">
        <v>123725</v>
      </c>
    </row>
    <row r="35623" spans="1:10" x14ac:dyDescent="0.35">
      <c r="A35623" s="1" t="s">
        <v>25478</v>
      </c>
      <c r="B35623" s="1" t="s">
        <v>123106</v>
      </c>
      <c r="C35623" s="1" t="s">
        <v>80</v>
      </c>
      <c r="D35623" s="1" t="s">
        <v>123726</v>
      </c>
      <c r="E35623" s="1" t="s">
        <v>123727</v>
      </c>
      <c r="F35623" s="1" t="s">
        <v>123728</v>
      </c>
      <c r="G35623" s="1" t="s">
        <v>123679</v>
      </c>
      <c r="H35623" s="1" t="s">
        <v>123680</v>
      </c>
      <c r="I35623" s="1" t="s">
        <v>123111</v>
      </c>
      <c r="J35623" s="1" t="s">
        <v>123729</v>
      </c>
    </row>
    <row r="35624" spans="1:10" x14ac:dyDescent="0.35">
      <c r="A35624" s="1" t="s">
        <v>25478</v>
      </c>
      <c r="B35624" s="1" t="s">
        <v>123106</v>
      </c>
      <c r="C35624" s="1" t="s">
        <v>85</v>
      </c>
      <c r="D35624" s="1" t="s">
        <v>123730</v>
      </c>
      <c r="E35624" s="1" t="s">
        <v>123731</v>
      </c>
      <c r="F35624" s="1" t="s">
        <v>123732</v>
      </c>
      <c r="G35624" s="1" t="s">
        <v>123679</v>
      </c>
      <c r="H35624" s="1" t="s">
        <v>123680</v>
      </c>
      <c r="I35624" s="1" t="s">
        <v>123111</v>
      </c>
      <c r="J35624" s="1" t="s">
        <v>123733</v>
      </c>
    </row>
    <row r="35625" spans="1:10" x14ac:dyDescent="0.35">
      <c r="A35625" s="1" t="s">
        <v>25478</v>
      </c>
      <c r="B35625" s="1" t="s">
        <v>123106</v>
      </c>
      <c r="C35625" s="1" t="s">
        <v>90</v>
      </c>
      <c r="D35625" s="1" t="s">
        <v>123734</v>
      </c>
      <c r="E35625" s="1" t="s">
        <v>123735</v>
      </c>
      <c r="F35625" s="1" t="s">
        <v>123736</v>
      </c>
      <c r="G35625" s="1" t="s">
        <v>123679</v>
      </c>
      <c r="H35625" s="1" t="s">
        <v>123680</v>
      </c>
      <c r="I35625" s="1" t="s">
        <v>123111</v>
      </c>
      <c r="J35625" s="1" t="s">
        <v>123737</v>
      </c>
    </row>
    <row r="35626" spans="1:10" x14ac:dyDescent="0.35">
      <c r="A35626" s="1" t="s">
        <v>25478</v>
      </c>
      <c r="B35626" s="1" t="s">
        <v>123106</v>
      </c>
      <c r="C35626" s="1" t="s">
        <v>95</v>
      </c>
      <c r="D35626" s="1" t="s">
        <v>123738</v>
      </c>
      <c r="E35626" s="1" t="s">
        <v>123739</v>
      </c>
      <c r="F35626" s="1" t="s">
        <v>123740</v>
      </c>
      <c r="G35626" s="1" t="s">
        <v>123679</v>
      </c>
      <c r="H35626" s="1" t="s">
        <v>123680</v>
      </c>
      <c r="I35626" s="1" t="s">
        <v>123111</v>
      </c>
      <c r="J35626" s="1" t="s">
        <v>123741</v>
      </c>
    </row>
    <row r="35627" spans="1:10" x14ac:dyDescent="0.35">
      <c r="A35627" s="1" t="s">
        <v>25478</v>
      </c>
      <c r="B35627" s="1" t="s">
        <v>123106</v>
      </c>
      <c r="C35627" s="1" t="s">
        <v>100</v>
      </c>
      <c r="D35627" s="1" t="s">
        <v>123742</v>
      </c>
      <c r="E35627" s="1" t="s">
        <v>123743</v>
      </c>
      <c r="F35627" s="1" t="s">
        <v>123744</v>
      </c>
      <c r="G35627" s="1" t="s">
        <v>123679</v>
      </c>
      <c r="H35627" s="1" t="s">
        <v>123680</v>
      </c>
      <c r="I35627" s="1" t="s">
        <v>123111</v>
      </c>
      <c r="J35627" s="1" t="s">
        <v>123745</v>
      </c>
    </row>
    <row r="35628" spans="1:10" x14ac:dyDescent="0.35">
      <c r="A35628" s="1" t="s">
        <v>25478</v>
      </c>
      <c r="B35628" s="1" t="s">
        <v>123106</v>
      </c>
      <c r="C35628" s="1" t="s">
        <v>105</v>
      </c>
      <c r="D35628" s="1" t="s">
        <v>123746</v>
      </c>
      <c r="E35628" s="1" t="s">
        <v>123747</v>
      </c>
      <c r="F35628" s="1" t="s">
        <v>123748</v>
      </c>
      <c r="G35628" s="1" t="s">
        <v>123679</v>
      </c>
      <c r="H35628" s="1" t="s">
        <v>123680</v>
      </c>
      <c r="I35628" s="1" t="s">
        <v>123111</v>
      </c>
      <c r="J35628" s="1" t="s">
        <v>123749</v>
      </c>
    </row>
    <row r="35629" spans="1:10" x14ac:dyDescent="0.35">
      <c r="A35629" s="1" t="s">
        <v>25478</v>
      </c>
      <c r="B35629" s="1" t="s">
        <v>123106</v>
      </c>
      <c r="C35629" s="1" t="s">
        <v>110</v>
      </c>
      <c r="D35629" s="1" t="s">
        <v>123750</v>
      </c>
      <c r="E35629" s="1" t="s">
        <v>123751</v>
      </c>
      <c r="F35629" s="1" t="s">
        <v>123752</v>
      </c>
      <c r="G35629" s="1" t="s">
        <v>123679</v>
      </c>
      <c r="H35629" s="1" t="s">
        <v>123680</v>
      </c>
      <c r="I35629" s="1" t="s">
        <v>123111</v>
      </c>
      <c r="J35629" s="1" t="s">
        <v>123753</v>
      </c>
    </row>
    <row r="35630" spans="1:10" x14ac:dyDescent="0.35">
      <c r="A35630" s="1" t="s">
        <v>25478</v>
      </c>
      <c r="B35630" s="1" t="s">
        <v>123106</v>
      </c>
      <c r="C35630" s="1" t="s">
        <v>115</v>
      </c>
      <c r="D35630" s="1" t="s">
        <v>123754</v>
      </c>
      <c r="E35630" s="1" t="s">
        <v>123755</v>
      </c>
      <c r="F35630" s="1" t="s">
        <v>123756</v>
      </c>
      <c r="G35630" s="1" t="s">
        <v>123679</v>
      </c>
      <c r="H35630" s="1" t="s">
        <v>123680</v>
      </c>
      <c r="I35630" s="1" t="s">
        <v>123111</v>
      </c>
      <c r="J35630" s="1" t="s">
        <v>123757</v>
      </c>
    </row>
    <row r="35631" spans="1:10" x14ac:dyDescent="0.35">
      <c r="A35631" s="1" t="s">
        <v>25478</v>
      </c>
      <c r="B35631" s="1" t="s">
        <v>123106</v>
      </c>
      <c r="C35631" s="1" t="s">
        <v>120</v>
      </c>
      <c r="D35631" s="1" t="s">
        <v>37242</v>
      </c>
      <c r="E35631" s="1" t="s">
        <v>123758</v>
      </c>
      <c r="F35631" s="1" t="s">
        <v>123759</v>
      </c>
      <c r="G35631" s="1" t="s">
        <v>123679</v>
      </c>
      <c r="H35631" s="1" t="s">
        <v>123680</v>
      </c>
      <c r="I35631" s="1" t="s">
        <v>123111</v>
      </c>
      <c r="J35631" s="1" t="s">
        <v>123760</v>
      </c>
    </row>
    <row r="35632" spans="1:10" x14ac:dyDescent="0.35">
      <c r="A35632" s="1" t="s">
        <v>25478</v>
      </c>
      <c r="B35632" s="1" t="s">
        <v>123106</v>
      </c>
      <c r="C35632" s="1" t="s">
        <v>125</v>
      </c>
      <c r="D35632" s="1" t="s">
        <v>107780</v>
      </c>
      <c r="E35632" s="1" t="s">
        <v>123761</v>
      </c>
      <c r="F35632" s="1" t="s">
        <v>123762</v>
      </c>
      <c r="G35632" s="1" t="s">
        <v>123679</v>
      </c>
      <c r="H35632" s="1" t="s">
        <v>123680</v>
      </c>
      <c r="I35632" s="1" t="s">
        <v>123111</v>
      </c>
      <c r="J35632" s="1" t="s">
        <v>123763</v>
      </c>
    </row>
    <row r="35633" spans="1:10" x14ac:dyDescent="0.35">
      <c r="A35633" s="1" t="s">
        <v>25478</v>
      </c>
      <c r="B35633" s="1" t="s">
        <v>123106</v>
      </c>
      <c r="C35633" s="1" t="s">
        <v>130</v>
      </c>
      <c r="D35633" s="1" t="s">
        <v>123764</v>
      </c>
      <c r="E35633" s="1" t="s">
        <v>123765</v>
      </c>
      <c r="F35633" s="1" t="s">
        <v>123766</v>
      </c>
      <c r="G35633" s="1" t="s">
        <v>123679</v>
      </c>
      <c r="H35633" s="1" t="s">
        <v>123680</v>
      </c>
      <c r="I35633" s="1" t="s">
        <v>123111</v>
      </c>
      <c r="J35633" s="1" t="s">
        <v>123767</v>
      </c>
    </row>
    <row r="35634" spans="1:10" x14ac:dyDescent="0.35">
      <c r="A35634" s="1" t="s">
        <v>25478</v>
      </c>
      <c r="B35634" s="1" t="s">
        <v>123106</v>
      </c>
      <c r="C35634" s="1" t="s">
        <v>135</v>
      </c>
      <c r="D35634" s="1" t="s">
        <v>33624</v>
      </c>
      <c r="E35634" s="1" t="s">
        <v>123768</v>
      </c>
      <c r="F35634" s="1" t="s">
        <v>123769</v>
      </c>
      <c r="G35634" s="1" t="s">
        <v>123679</v>
      </c>
      <c r="H35634" s="1" t="s">
        <v>123680</v>
      </c>
      <c r="I35634" s="1" t="s">
        <v>123111</v>
      </c>
      <c r="J35634" s="1" t="s">
        <v>123770</v>
      </c>
    </row>
    <row r="35635" spans="1:10" x14ac:dyDescent="0.35">
      <c r="A35635" s="1" t="s">
        <v>25478</v>
      </c>
      <c r="B35635" s="1" t="s">
        <v>123106</v>
      </c>
      <c r="C35635" s="1" t="s">
        <v>140</v>
      </c>
      <c r="D35635" s="1" t="s">
        <v>123771</v>
      </c>
      <c r="E35635" s="1" t="s">
        <v>123772</v>
      </c>
      <c r="F35635" s="1" t="s">
        <v>123773</v>
      </c>
      <c r="G35635" s="1" t="s">
        <v>123679</v>
      </c>
      <c r="H35635" s="1" t="s">
        <v>123680</v>
      </c>
      <c r="I35635" s="1" t="s">
        <v>123111</v>
      </c>
      <c r="J35635" s="1" t="s">
        <v>123774</v>
      </c>
    </row>
    <row r="35636" spans="1:10" x14ac:dyDescent="0.35">
      <c r="A35636" s="1" t="s">
        <v>25478</v>
      </c>
      <c r="B35636" s="1" t="s">
        <v>123106</v>
      </c>
      <c r="C35636" s="1" t="s">
        <v>145</v>
      </c>
      <c r="D35636" s="1" t="s">
        <v>123775</v>
      </c>
      <c r="E35636" s="1" t="s">
        <v>123776</v>
      </c>
      <c r="F35636" s="1" t="s">
        <v>123777</v>
      </c>
      <c r="G35636" s="1" t="s">
        <v>123679</v>
      </c>
      <c r="H35636" s="1" t="s">
        <v>123680</v>
      </c>
      <c r="I35636" s="1" t="s">
        <v>123111</v>
      </c>
      <c r="J35636" s="1" t="s">
        <v>123778</v>
      </c>
    </row>
    <row r="35637" spans="1:10" x14ac:dyDescent="0.35">
      <c r="A35637" s="1" t="s">
        <v>25478</v>
      </c>
      <c r="B35637" s="1" t="s">
        <v>123106</v>
      </c>
      <c r="C35637" s="1" t="s">
        <v>150</v>
      </c>
      <c r="D35637" s="1" t="s">
        <v>30702</v>
      </c>
      <c r="E35637" s="1" t="s">
        <v>123779</v>
      </c>
      <c r="F35637" s="1" t="s">
        <v>123780</v>
      </c>
      <c r="G35637" s="1" t="s">
        <v>123679</v>
      </c>
      <c r="H35637" s="1" t="s">
        <v>123680</v>
      </c>
      <c r="I35637" s="1" t="s">
        <v>123111</v>
      </c>
      <c r="J35637" s="1" t="s">
        <v>123781</v>
      </c>
    </row>
    <row r="35638" spans="1:10" x14ac:dyDescent="0.35">
      <c r="A35638" s="1" t="s">
        <v>25478</v>
      </c>
      <c r="B35638" s="1" t="s">
        <v>123106</v>
      </c>
      <c r="C35638" s="1" t="s">
        <v>155</v>
      </c>
      <c r="D35638" s="1" t="s">
        <v>123782</v>
      </c>
      <c r="E35638" s="1" t="s">
        <v>123783</v>
      </c>
      <c r="F35638" s="1" t="s">
        <v>123784</v>
      </c>
      <c r="G35638" s="1" t="s">
        <v>123679</v>
      </c>
      <c r="H35638" s="1" t="s">
        <v>123680</v>
      </c>
      <c r="I35638" s="1" t="s">
        <v>123111</v>
      </c>
      <c r="J35638" s="1" t="s">
        <v>123785</v>
      </c>
    </row>
    <row r="35639" spans="1:10" x14ac:dyDescent="0.35">
      <c r="A35639" s="1" t="s">
        <v>25478</v>
      </c>
      <c r="B35639" s="1" t="s">
        <v>123106</v>
      </c>
      <c r="C35639" s="1" t="s">
        <v>160</v>
      </c>
      <c r="D35639" s="1" t="s">
        <v>3822</v>
      </c>
      <c r="E35639" s="1" t="s">
        <v>123786</v>
      </c>
      <c r="F35639" s="1" t="s">
        <v>123787</v>
      </c>
      <c r="G35639" s="1" t="s">
        <v>123679</v>
      </c>
      <c r="H35639" s="1" t="s">
        <v>123680</v>
      </c>
      <c r="I35639" s="1" t="s">
        <v>123111</v>
      </c>
      <c r="J35639" s="1" t="s">
        <v>123788</v>
      </c>
    </row>
    <row r="35640" spans="1:10" x14ac:dyDescent="0.35">
      <c r="A35640" s="1" t="s">
        <v>25478</v>
      </c>
      <c r="B35640" s="1" t="s">
        <v>123106</v>
      </c>
      <c r="C35640" s="1" t="s">
        <v>165</v>
      </c>
      <c r="D35640" s="1" t="s">
        <v>123789</v>
      </c>
      <c r="E35640" s="1" t="s">
        <v>123790</v>
      </c>
      <c r="F35640" s="1" t="s">
        <v>123791</v>
      </c>
      <c r="G35640" s="1" t="s">
        <v>123679</v>
      </c>
      <c r="H35640" s="1" t="s">
        <v>123680</v>
      </c>
      <c r="I35640" s="1" t="s">
        <v>123111</v>
      </c>
      <c r="J35640" s="1" t="s">
        <v>123792</v>
      </c>
    </row>
    <row r="35641" spans="1:10" x14ac:dyDescent="0.35">
      <c r="A35641" s="1" t="s">
        <v>25478</v>
      </c>
      <c r="B35641" s="1" t="s">
        <v>123106</v>
      </c>
      <c r="C35641" s="1" t="s">
        <v>170</v>
      </c>
      <c r="D35641" s="1" t="s">
        <v>113461</v>
      </c>
      <c r="E35641" s="1" t="s">
        <v>123793</v>
      </c>
      <c r="F35641" s="1" t="s">
        <v>123794</v>
      </c>
      <c r="G35641" s="1" t="s">
        <v>123679</v>
      </c>
      <c r="H35641" s="1" t="s">
        <v>123680</v>
      </c>
      <c r="I35641" s="1" t="s">
        <v>123111</v>
      </c>
      <c r="J35641" s="1" t="s">
        <v>123795</v>
      </c>
    </row>
    <row r="35642" spans="1:10" x14ac:dyDescent="0.35">
      <c r="A35642" s="1" t="s">
        <v>1166</v>
      </c>
      <c r="B35642" s="1" t="s">
        <v>123106</v>
      </c>
      <c r="C35642" s="1" t="s">
        <v>8</v>
      </c>
      <c r="D35642" s="1" t="s">
        <v>25746</v>
      </c>
      <c r="E35642" s="1" t="s">
        <v>123796</v>
      </c>
      <c r="F35642" s="1" t="s">
        <v>123797</v>
      </c>
      <c r="G35642" s="1" t="s">
        <v>123798</v>
      </c>
      <c r="H35642" s="1" t="s">
        <v>123799</v>
      </c>
      <c r="I35642" s="1" t="s">
        <v>123111</v>
      </c>
      <c r="J35642" s="1" t="s">
        <v>13</v>
      </c>
    </row>
    <row r="35643" spans="1:10" x14ac:dyDescent="0.35">
      <c r="A35643" s="1" t="s">
        <v>1166</v>
      </c>
      <c r="B35643" s="1" t="s">
        <v>123106</v>
      </c>
      <c r="C35643" s="1" t="s">
        <v>15</v>
      </c>
      <c r="D35643" s="1" t="s">
        <v>123800</v>
      </c>
      <c r="E35643" s="1" t="s">
        <v>123801</v>
      </c>
      <c r="F35643" s="1" t="s">
        <v>123802</v>
      </c>
      <c r="G35643" s="1" t="s">
        <v>123798</v>
      </c>
      <c r="H35643" s="1" t="s">
        <v>123799</v>
      </c>
      <c r="I35643" s="1" t="s">
        <v>123111</v>
      </c>
      <c r="J35643" s="1" t="s">
        <v>123803</v>
      </c>
    </row>
    <row r="35644" spans="1:10" x14ac:dyDescent="0.35">
      <c r="A35644" s="1" t="s">
        <v>1166</v>
      </c>
      <c r="B35644" s="1" t="s">
        <v>123106</v>
      </c>
      <c r="C35644" s="1" t="s">
        <v>20</v>
      </c>
      <c r="D35644" s="1" t="s">
        <v>15609</v>
      </c>
      <c r="E35644" s="1" t="s">
        <v>123804</v>
      </c>
      <c r="F35644" s="1" t="s">
        <v>123805</v>
      </c>
      <c r="G35644" s="1" t="s">
        <v>123798</v>
      </c>
      <c r="H35644" s="1" t="s">
        <v>123799</v>
      </c>
      <c r="I35644" s="1" t="s">
        <v>123111</v>
      </c>
      <c r="J35644" s="1" t="s">
        <v>123806</v>
      </c>
    </row>
    <row r="35645" spans="1:10" x14ac:dyDescent="0.35">
      <c r="A35645" s="1" t="s">
        <v>1166</v>
      </c>
      <c r="B35645" s="1" t="s">
        <v>123106</v>
      </c>
      <c r="C35645" s="1" t="s">
        <v>25</v>
      </c>
      <c r="D35645" s="1" t="s">
        <v>37388</v>
      </c>
      <c r="E35645" s="1" t="s">
        <v>123807</v>
      </c>
      <c r="F35645" s="1" t="s">
        <v>123808</v>
      </c>
      <c r="G35645" s="1" t="s">
        <v>123798</v>
      </c>
      <c r="H35645" s="1" t="s">
        <v>123799</v>
      </c>
      <c r="I35645" s="1" t="s">
        <v>123111</v>
      </c>
      <c r="J35645" s="1" t="s">
        <v>123809</v>
      </c>
    </row>
    <row r="35646" spans="1:10" x14ac:dyDescent="0.35">
      <c r="A35646" s="1" t="s">
        <v>1166</v>
      </c>
      <c r="B35646" s="1" t="s">
        <v>123106</v>
      </c>
      <c r="C35646" s="1" t="s">
        <v>30</v>
      </c>
      <c r="D35646" s="1" t="s">
        <v>585</v>
      </c>
      <c r="E35646" s="1" t="s">
        <v>123810</v>
      </c>
      <c r="F35646" s="1" t="s">
        <v>123811</v>
      </c>
      <c r="G35646" s="1" t="s">
        <v>123798</v>
      </c>
      <c r="H35646" s="1" t="s">
        <v>123799</v>
      </c>
      <c r="I35646" s="1" t="s">
        <v>123111</v>
      </c>
      <c r="J35646" s="1" t="s">
        <v>123812</v>
      </c>
    </row>
    <row r="35647" spans="1:10" x14ac:dyDescent="0.35">
      <c r="A35647" s="1" t="s">
        <v>1166</v>
      </c>
      <c r="B35647" s="1" t="s">
        <v>123106</v>
      </c>
      <c r="C35647" s="1" t="s">
        <v>35</v>
      </c>
      <c r="D35647" s="1" t="s">
        <v>35746</v>
      </c>
      <c r="E35647" s="1" t="s">
        <v>123813</v>
      </c>
      <c r="F35647" s="1" t="s">
        <v>123814</v>
      </c>
      <c r="G35647" s="1" t="s">
        <v>123798</v>
      </c>
      <c r="H35647" s="1" t="s">
        <v>123799</v>
      </c>
      <c r="I35647" s="1" t="s">
        <v>123111</v>
      </c>
      <c r="J35647" s="1" t="s">
        <v>123815</v>
      </c>
    </row>
    <row r="35648" spans="1:10" x14ac:dyDescent="0.35">
      <c r="A35648" s="1" t="s">
        <v>1166</v>
      </c>
      <c r="B35648" s="1" t="s">
        <v>123106</v>
      </c>
      <c r="C35648" s="1" t="s">
        <v>40</v>
      </c>
      <c r="D35648" s="1" t="s">
        <v>49875</v>
      </c>
      <c r="E35648" s="1" t="s">
        <v>123816</v>
      </c>
      <c r="F35648" s="1" t="s">
        <v>123817</v>
      </c>
      <c r="G35648" s="1" t="s">
        <v>123798</v>
      </c>
      <c r="H35648" s="1" t="s">
        <v>123799</v>
      </c>
      <c r="I35648" s="1" t="s">
        <v>123111</v>
      </c>
      <c r="J35648" s="1" t="s">
        <v>123818</v>
      </c>
    </row>
    <row r="35649" spans="1:10" x14ac:dyDescent="0.35">
      <c r="A35649" s="1" t="s">
        <v>1166</v>
      </c>
      <c r="B35649" s="1" t="s">
        <v>123106</v>
      </c>
      <c r="C35649" s="1" t="s">
        <v>45</v>
      </c>
      <c r="D35649" s="1" t="s">
        <v>123819</v>
      </c>
      <c r="E35649" s="1" t="s">
        <v>123820</v>
      </c>
      <c r="F35649" s="1" t="s">
        <v>123821</v>
      </c>
      <c r="G35649" s="1" t="s">
        <v>123798</v>
      </c>
      <c r="H35649" s="1" t="s">
        <v>123799</v>
      </c>
      <c r="I35649" s="1" t="s">
        <v>123111</v>
      </c>
      <c r="J35649" s="1" t="s">
        <v>123822</v>
      </c>
    </row>
    <row r="35650" spans="1:10" x14ac:dyDescent="0.35">
      <c r="A35650" s="1" t="s">
        <v>1166</v>
      </c>
      <c r="B35650" s="1" t="s">
        <v>123106</v>
      </c>
      <c r="C35650" s="1" t="s">
        <v>50</v>
      </c>
      <c r="D35650" s="1" t="s">
        <v>123823</v>
      </c>
      <c r="E35650" s="1" t="s">
        <v>123824</v>
      </c>
      <c r="F35650" s="1" t="s">
        <v>123825</v>
      </c>
      <c r="G35650" s="1" t="s">
        <v>123798</v>
      </c>
      <c r="H35650" s="1" t="s">
        <v>123799</v>
      </c>
      <c r="I35650" s="1" t="s">
        <v>123111</v>
      </c>
      <c r="J35650" s="1" t="s">
        <v>123826</v>
      </c>
    </row>
    <row r="35651" spans="1:10" x14ac:dyDescent="0.35">
      <c r="A35651" s="1" t="s">
        <v>1166</v>
      </c>
      <c r="B35651" s="1" t="s">
        <v>123106</v>
      </c>
      <c r="C35651" s="1" t="s">
        <v>55</v>
      </c>
      <c r="D35651" s="1" t="s">
        <v>16227</v>
      </c>
      <c r="E35651" s="1" t="s">
        <v>123827</v>
      </c>
      <c r="F35651" s="1" t="s">
        <v>123828</v>
      </c>
      <c r="G35651" s="1" t="s">
        <v>123798</v>
      </c>
      <c r="H35651" s="1" t="s">
        <v>123799</v>
      </c>
      <c r="I35651" s="1" t="s">
        <v>123111</v>
      </c>
      <c r="J35651" s="1" t="s">
        <v>123829</v>
      </c>
    </row>
    <row r="35652" spans="1:10" x14ac:dyDescent="0.35">
      <c r="A35652" s="1" t="s">
        <v>1166</v>
      </c>
      <c r="B35652" s="1" t="s">
        <v>123106</v>
      </c>
      <c r="C35652" s="1" t="s">
        <v>60</v>
      </c>
      <c r="D35652" s="1" t="s">
        <v>119576</v>
      </c>
      <c r="E35652" s="1" t="s">
        <v>123830</v>
      </c>
      <c r="F35652" s="1" t="s">
        <v>123831</v>
      </c>
      <c r="G35652" s="1" t="s">
        <v>123798</v>
      </c>
      <c r="H35652" s="1" t="s">
        <v>123799</v>
      </c>
      <c r="I35652" s="1" t="s">
        <v>123111</v>
      </c>
      <c r="J35652" s="1" t="s">
        <v>123832</v>
      </c>
    </row>
    <row r="35653" spans="1:10" x14ac:dyDescent="0.35">
      <c r="A35653" s="1" t="s">
        <v>1166</v>
      </c>
      <c r="B35653" s="1" t="s">
        <v>123106</v>
      </c>
      <c r="C35653" s="1" t="s">
        <v>65</v>
      </c>
      <c r="D35653" s="1" t="s">
        <v>15621</v>
      </c>
      <c r="E35653" s="1" t="s">
        <v>123833</v>
      </c>
      <c r="F35653" s="1" t="s">
        <v>123834</v>
      </c>
      <c r="G35653" s="1" t="s">
        <v>123798</v>
      </c>
      <c r="H35653" s="1" t="s">
        <v>123799</v>
      </c>
      <c r="I35653" s="1" t="s">
        <v>123111</v>
      </c>
      <c r="J35653" s="1" t="s">
        <v>123835</v>
      </c>
    </row>
    <row r="35654" spans="1:10" x14ac:dyDescent="0.35">
      <c r="A35654" s="1" t="s">
        <v>1166</v>
      </c>
      <c r="B35654" s="1" t="s">
        <v>123106</v>
      </c>
      <c r="C35654" s="1" t="s">
        <v>70</v>
      </c>
      <c r="D35654" s="1" t="s">
        <v>123836</v>
      </c>
      <c r="E35654" s="1" t="s">
        <v>123837</v>
      </c>
      <c r="F35654" s="1" t="s">
        <v>123838</v>
      </c>
      <c r="G35654" s="1" t="s">
        <v>123798</v>
      </c>
      <c r="H35654" s="1" t="s">
        <v>123799</v>
      </c>
      <c r="I35654" s="1" t="s">
        <v>123111</v>
      </c>
      <c r="J35654" s="1" t="s">
        <v>123839</v>
      </c>
    </row>
    <row r="35655" spans="1:10" x14ac:dyDescent="0.35">
      <c r="A35655" s="1" t="s">
        <v>1166</v>
      </c>
      <c r="B35655" s="1" t="s">
        <v>123106</v>
      </c>
      <c r="C35655" s="1" t="s">
        <v>75</v>
      </c>
      <c r="D35655" s="1" t="s">
        <v>83631</v>
      </c>
      <c r="E35655" s="1" t="s">
        <v>123840</v>
      </c>
      <c r="F35655" s="1" t="s">
        <v>123841</v>
      </c>
      <c r="G35655" s="1" t="s">
        <v>123798</v>
      </c>
      <c r="H35655" s="1" t="s">
        <v>123799</v>
      </c>
      <c r="I35655" s="1" t="s">
        <v>123111</v>
      </c>
      <c r="J35655" s="1" t="s">
        <v>123842</v>
      </c>
    </row>
    <row r="35656" spans="1:10" x14ac:dyDescent="0.35">
      <c r="A35656" s="1" t="s">
        <v>1166</v>
      </c>
      <c r="B35656" s="1" t="s">
        <v>123106</v>
      </c>
      <c r="C35656" s="1" t="s">
        <v>80</v>
      </c>
      <c r="D35656" s="1" t="s">
        <v>17393</v>
      </c>
      <c r="E35656" s="1" t="s">
        <v>123843</v>
      </c>
      <c r="F35656" s="1" t="s">
        <v>123844</v>
      </c>
      <c r="G35656" s="1" t="s">
        <v>123798</v>
      </c>
      <c r="H35656" s="1" t="s">
        <v>123799</v>
      </c>
      <c r="I35656" s="1" t="s">
        <v>123111</v>
      </c>
      <c r="J35656" s="1" t="s">
        <v>123845</v>
      </c>
    </row>
    <row r="35657" spans="1:10" x14ac:dyDescent="0.35">
      <c r="A35657" s="1" t="s">
        <v>1166</v>
      </c>
      <c r="B35657" s="1" t="s">
        <v>123106</v>
      </c>
      <c r="C35657" s="1" t="s">
        <v>85</v>
      </c>
      <c r="D35657" s="1" t="s">
        <v>73157</v>
      </c>
      <c r="E35657" s="1" t="s">
        <v>123846</v>
      </c>
      <c r="F35657" s="1" t="s">
        <v>123847</v>
      </c>
      <c r="G35657" s="1" t="s">
        <v>123798</v>
      </c>
      <c r="H35657" s="1" t="s">
        <v>123799</v>
      </c>
      <c r="I35657" s="1" t="s">
        <v>123111</v>
      </c>
      <c r="J35657" s="1" t="s">
        <v>123848</v>
      </c>
    </row>
    <row r="35658" spans="1:10" x14ac:dyDescent="0.35">
      <c r="A35658" s="1" t="s">
        <v>1166</v>
      </c>
      <c r="B35658" s="1" t="s">
        <v>123106</v>
      </c>
      <c r="C35658" s="1" t="s">
        <v>90</v>
      </c>
      <c r="D35658" s="1" t="s">
        <v>123849</v>
      </c>
      <c r="E35658" s="1" t="s">
        <v>123850</v>
      </c>
      <c r="F35658" s="1" t="s">
        <v>123851</v>
      </c>
      <c r="G35658" s="1" t="s">
        <v>123798</v>
      </c>
      <c r="H35658" s="1" t="s">
        <v>123799</v>
      </c>
      <c r="I35658" s="1" t="s">
        <v>123111</v>
      </c>
      <c r="J35658" s="1" t="s">
        <v>123852</v>
      </c>
    </row>
    <row r="35659" spans="1:10" x14ac:dyDescent="0.35">
      <c r="A35659" s="1" t="s">
        <v>1166</v>
      </c>
      <c r="B35659" s="1" t="s">
        <v>123106</v>
      </c>
      <c r="C35659" s="1" t="s">
        <v>95</v>
      </c>
      <c r="D35659" s="1" t="s">
        <v>50384</v>
      </c>
      <c r="E35659" s="1" t="s">
        <v>123853</v>
      </c>
      <c r="F35659" s="1" t="s">
        <v>123854</v>
      </c>
      <c r="G35659" s="1" t="s">
        <v>123798</v>
      </c>
      <c r="H35659" s="1" t="s">
        <v>123799</v>
      </c>
      <c r="I35659" s="1" t="s">
        <v>123111</v>
      </c>
      <c r="J35659" s="1" t="s">
        <v>123855</v>
      </c>
    </row>
    <row r="35660" spans="1:10" x14ac:dyDescent="0.35">
      <c r="A35660" s="1" t="s">
        <v>1166</v>
      </c>
      <c r="B35660" s="1" t="s">
        <v>123106</v>
      </c>
      <c r="C35660" s="1" t="s">
        <v>100</v>
      </c>
      <c r="D35660" s="1" t="s">
        <v>123856</v>
      </c>
      <c r="E35660" s="1" t="s">
        <v>123857</v>
      </c>
      <c r="F35660" s="1" t="s">
        <v>123858</v>
      </c>
      <c r="G35660" s="1" t="s">
        <v>123798</v>
      </c>
      <c r="H35660" s="1" t="s">
        <v>123799</v>
      </c>
      <c r="I35660" s="1" t="s">
        <v>123111</v>
      </c>
      <c r="J35660" s="1" t="s">
        <v>123859</v>
      </c>
    </row>
    <row r="35661" spans="1:10" x14ac:dyDescent="0.35">
      <c r="A35661" s="1" t="s">
        <v>1166</v>
      </c>
      <c r="B35661" s="1" t="s">
        <v>123106</v>
      </c>
      <c r="C35661" s="1" t="s">
        <v>105</v>
      </c>
      <c r="D35661" s="1" t="s">
        <v>123333</v>
      </c>
      <c r="E35661" s="1" t="s">
        <v>123860</v>
      </c>
      <c r="F35661" s="1" t="s">
        <v>123861</v>
      </c>
      <c r="G35661" s="1" t="s">
        <v>123798</v>
      </c>
      <c r="H35661" s="1" t="s">
        <v>123799</v>
      </c>
      <c r="I35661" s="1" t="s">
        <v>123111</v>
      </c>
      <c r="J35661" s="1" t="s">
        <v>123862</v>
      </c>
    </row>
    <row r="35662" spans="1:10" x14ac:dyDescent="0.35">
      <c r="A35662" s="1" t="s">
        <v>1166</v>
      </c>
      <c r="B35662" s="1" t="s">
        <v>123106</v>
      </c>
      <c r="C35662" s="1" t="s">
        <v>110</v>
      </c>
      <c r="D35662" s="1" t="s">
        <v>123863</v>
      </c>
      <c r="E35662" s="1" t="s">
        <v>123864</v>
      </c>
      <c r="F35662" s="1" t="s">
        <v>123865</v>
      </c>
      <c r="G35662" s="1" t="s">
        <v>123798</v>
      </c>
      <c r="H35662" s="1" t="s">
        <v>123799</v>
      </c>
      <c r="I35662" s="1" t="s">
        <v>123111</v>
      </c>
      <c r="J35662" s="1" t="s">
        <v>123866</v>
      </c>
    </row>
    <row r="35663" spans="1:10" x14ac:dyDescent="0.35">
      <c r="A35663" s="1" t="s">
        <v>1166</v>
      </c>
      <c r="B35663" s="1" t="s">
        <v>123106</v>
      </c>
      <c r="C35663" s="1" t="s">
        <v>115</v>
      </c>
      <c r="D35663" s="1" t="s">
        <v>18510</v>
      </c>
      <c r="E35663" s="1" t="s">
        <v>123867</v>
      </c>
      <c r="F35663" s="1" t="s">
        <v>123868</v>
      </c>
      <c r="G35663" s="1" t="s">
        <v>123798</v>
      </c>
      <c r="H35663" s="1" t="s">
        <v>123799</v>
      </c>
      <c r="I35663" s="1" t="s">
        <v>123111</v>
      </c>
      <c r="J35663" s="1" t="s">
        <v>123869</v>
      </c>
    </row>
    <row r="35664" spans="1:10" x14ac:dyDescent="0.35">
      <c r="A35664" s="1" t="s">
        <v>1166</v>
      </c>
      <c r="B35664" s="1" t="s">
        <v>123106</v>
      </c>
      <c r="C35664" s="1" t="s">
        <v>120</v>
      </c>
      <c r="D35664" s="1" t="s">
        <v>123870</v>
      </c>
      <c r="E35664" s="1" t="s">
        <v>123871</v>
      </c>
      <c r="F35664" s="1" t="s">
        <v>123872</v>
      </c>
      <c r="G35664" s="1" t="s">
        <v>123798</v>
      </c>
      <c r="H35664" s="1" t="s">
        <v>123799</v>
      </c>
      <c r="I35664" s="1" t="s">
        <v>123111</v>
      </c>
      <c r="J35664" s="1" t="s">
        <v>123873</v>
      </c>
    </row>
    <row r="35665" spans="1:10" x14ac:dyDescent="0.35">
      <c r="A35665" s="1" t="s">
        <v>1166</v>
      </c>
      <c r="B35665" s="1" t="s">
        <v>123106</v>
      </c>
      <c r="C35665" s="1" t="s">
        <v>125</v>
      </c>
      <c r="D35665" s="1" t="s">
        <v>123874</v>
      </c>
      <c r="E35665" s="1" t="s">
        <v>123875</v>
      </c>
      <c r="F35665" s="1" t="s">
        <v>123876</v>
      </c>
      <c r="G35665" s="1" t="s">
        <v>123798</v>
      </c>
      <c r="H35665" s="1" t="s">
        <v>123799</v>
      </c>
      <c r="I35665" s="1" t="s">
        <v>123111</v>
      </c>
      <c r="J35665" s="1" t="s">
        <v>123877</v>
      </c>
    </row>
    <row r="35666" spans="1:10" x14ac:dyDescent="0.35">
      <c r="A35666" s="1" t="s">
        <v>1166</v>
      </c>
      <c r="B35666" s="1" t="s">
        <v>123106</v>
      </c>
      <c r="C35666" s="1" t="s">
        <v>130</v>
      </c>
      <c r="D35666" s="1" t="s">
        <v>123878</v>
      </c>
      <c r="E35666" s="1" t="s">
        <v>123879</v>
      </c>
      <c r="F35666" s="1" t="s">
        <v>123880</v>
      </c>
      <c r="G35666" s="1" t="s">
        <v>123798</v>
      </c>
      <c r="H35666" s="1" t="s">
        <v>123799</v>
      </c>
      <c r="I35666" s="1" t="s">
        <v>123111</v>
      </c>
      <c r="J35666" s="1" t="s">
        <v>123881</v>
      </c>
    </row>
    <row r="35667" spans="1:10" x14ac:dyDescent="0.35">
      <c r="A35667" s="1" t="s">
        <v>1166</v>
      </c>
      <c r="B35667" s="1" t="s">
        <v>123106</v>
      </c>
      <c r="C35667" s="1" t="s">
        <v>135</v>
      </c>
      <c r="D35667" s="1" t="s">
        <v>123882</v>
      </c>
      <c r="E35667" s="1" t="s">
        <v>123883</v>
      </c>
      <c r="F35667" s="1" t="s">
        <v>123884</v>
      </c>
      <c r="G35667" s="1" t="s">
        <v>123798</v>
      </c>
      <c r="H35667" s="1" t="s">
        <v>123799</v>
      </c>
      <c r="I35667" s="1" t="s">
        <v>123111</v>
      </c>
      <c r="J35667" s="1" t="s">
        <v>123885</v>
      </c>
    </row>
    <row r="35668" spans="1:10" x14ac:dyDescent="0.35">
      <c r="A35668" s="1" t="s">
        <v>1166</v>
      </c>
      <c r="B35668" s="1" t="s">
        <v>123106</v>
      </c>
      <c r="C35668" s="1" t="s">
        <v>140</v>
      </c>
      <c r="D35668" s="1" t="s">
        <v>123886</v>
      </c>
      <c r="E35668" s="1" t="s">
        <v>123887</v>
      </c>
      <c r="F35668" s="1" t="s">
        <v>123888</v>
      </c>
      <c r="G35668" s="1" t="s">
        <v>123798</v>
      </c>
      <c r="H35668" s="1" t="s">
        <v>123799</v>
      </c>
      <c r="I35668" s="1" t="s">
        <v>123111</v>
      </c>
      <c r="J35668" s="1" t="s">
        <v>123889</v>
      </c>
    </row>
    <row r="35669" spans="1:10" x14ac:dyDescent="0.35">
      <c r="A35669" s="1" t="s">
        <v>1166</v>
      </c>
      <c r="B35669" s="1" t="s">
        <v>123106</v>
      </c>
      <c r="C35669" s="1" t="s">
        <v>145</v>
      </c>
      <c r="D35669" s="1" t="s">
        <v>30269</v>
      </c>
      <c r="E35669" s="1" t="s">
        <v>123890</v>
      </c>
      <c r="F35669" s="1" t="s">
        <v>123891</v>
      </c>
      <c r="G35669" s="1" t="s">
        <v>123798</v>
      </c>
      <c r="H35669" s="1" t="s">
        <v>123799</v>
      </c>
      <c r="I35669" s="1" t="s">
        <v>123111</v>
      </c>
      <c r="J35669" s="1" t="s">
        <v>123892</v>
      </c>
    </row>
    <row r="35670" spans="1:10" x14ac:dyDescent="0.35">
      <c r="A35670" s="1" t="s">
        <v>1166</v>
      </c>
      <c r="B35670" s="1" t="s">
        <v>123106</v>
      </c>
      <c r="C35670" s="1" t="s">
        <v>150</v>
      </c>
      <c r="D35670" s="1" t="s">
        <v>36959</v>
      </c>
      <c r="E35670" s="1" t="s">
        <v>123893</v>
      </c>
      <c r="F35670" s="1" t="s">
        <v>123894</v>
      </c>
      <c r="G35670" s="1" t="s">
        <v>123798</v>
      </c>
      <c r="H35670" s="1" t="s">
        <v>123799</v>
      </c>
      <c r="I35670" s="1" t="s">
        <v>123111</v>
      </c>
      <c r="J35670" s="1" t="s">
        <v>123895</v>
      </c>
    </row>
    <row r="35671" spans="1:10" x14ac:dyDescent="0.35">
      <c r="A35671" s="1" t="s">
        <v>1166</v>
      </c>
      <c r="B35671" s="1" t="s">
        <v>123106</v>
      </c>
      <c r="C35671" s="1" t="s">
        <v>155</v>
      </c>
      <c r="D35671" s="1" t="s">
        <v>16432</v>
      </c>
      <c r="E35671" s="1" t="s">
        <v>123896</v>
      </c>
      <c r="F35671" s="1" t="s">
        <v>123897</v>
      </c>
      <c r="G35671" s="1" t="s">
        <v>123798</v>
      </c>
      <c r="H35671" s="1" t="s">
        <v>123799</v>
      </c>
      <c r="I35671" s="1" t="s">
        <v>123111</v>
      </c>
      <c r="J35671" s="1" t="s">
        <v>123898</v>
      </c>
    </row>
    <row r="35672" spans="1:10" x14ac:dyDescent="0.35">
      <c r="A35672" s="1" t="s">
        <v>1166</v>
      </c>
      <c r="B35672" s="1" t="s">
        <v>123106</v>
      </c>
      <c r="C35672" s="1" t="s">
        <v>160</v>
      </c>
      <c r="D35672" s="1" t="s">
        <v>123899</v>
      </c>
      <c r="E35672" s="1" t="s">
        <v>123900</v>
      </c>
      <c r="F35672" s="1" t="s">
        <v>123901</v>
      </c>
      <c r="G35672" s="1" t="s">
        <v>123798</v>
      </c>
      <c r="H35672" s="1" t="s">
        <v>123799</v>
      </c>
      <c r="I35672" s="1" t="s">
        <v>123111</v>
      </c>
      <c r="J35672" s="1" t="s">
        <v>123902</v>
      </c>
    </row>
    <row r="35673" spans="1:10" x14ac:dyDescent="0.35">
      <c r="A35673" s="1" t="s">
        <v>1166</v>
      </c>
      <c r="B35673" s="1" t="s">
        <v>123106</v>
      </c>
      <c r="C35673" s="1" t="s">
        <v>165</v>
      </c>
      <c r="D35673" s="1" t="s">
        <v>123903</v>
      </c>
      <c r="E35673" s="1" t="s">
        <v>123904</v>
      </c>
      <c r="F35673" s="1" t="s">
        <v>123905</v>
      </c>
      <c r="G35673" s="1" t="s">
        <v>123798</v>
      </c>
      <c r="H35673" s="1" t="s">
        <v>123799</v>
      </c>
      <c r="I35673" s="1" t="s">
        <v>123111</v>
      </c>
      <c r="J35673" s="1" t="s">
        <v>123906</v>
      </c>
    </row>
    <row r="35674" spans="1:10" x14ac:dyDescent="0.35">
      <c r="A35674" s="1" t="s">
        <v>1166</v>
      </c>
      <c r="B35674" s="1" t="s">
        <v>123106</v>
      </c>
      <c r="C35674" s="1" t="s">
        <v>170</v>
      </c>
      <c r="D35674" s="1" t="s">
        <v>123907</v>
      </c>
      <c r="E35674" s="1" t="s">
        <v>123908</v>
      </c>
      <c r="F35674" s="1" t="s">
        <v>123909</v>
      </c>
      <c r="G35674" s="1" t="s">
        <v>123798</v>
      </c>
      <c r="H35674" s="1" t="s">
        <v>123799</v>
      </c>
      <c r="I35674" s="1" t="s">
        <v>123111</v>
      </c>
      <c r="J35674" s="1" t="s">
        <v>123910</v>
      </c>
    </row>
    <row r="35675" spans="1:10" x14ac:dyDescent="0.35">
      <c r="A35675" s="1" t="s">
        <v>6139</v>
      </c>
      <c r="B35675" s="1" t="s">
        <v>123106</v>
      </c>
      <c r="C35675" s="1" t="s">
        <v>8</v>
      </c>
      <c r="D35675" s="1" t="s">
        <v>1468</v>
      </c>
      <c r="E35675" s="1" t="s">
        <v>123911</v>
      </c>
      <c r="F35675" s="1" t="s">
        <v>123912</v>
      </c>
      <c r="G35675" s="1" t="s">
        <v>123913</v>
      </c>
      <c r="H35675" s="1" t="s">
        <v>123914</v>
      </c>
      <c r="I35675" s="1" t="s">
        <v>123111</v>
      </c>
      <c r="J35675" s="1" t="s">
        <v>13</v>
      </c>
    </row>
    <row r="35676" spans="1:10" x14ac:dyDescent="0.35">
      <c r="A35676" s="1" t="s">
        <v>6139</v>
      </c>
      <c r="B35676" s="1" t="s">
        <v>123106</v>
      </c>
      <c r="C35676" s="1" t="s">
        <v>15</v>
      </c>
      <c r="D35676" s="1" t="s">
        <v>45782</v>
      </c>
      <c r="E35676" s="1" t="s">
        <v>123915</v>
      </c>
      <c r="F35676" s="1" t="s">
        <v>123916</v>
      </c>
      <c r="G35676" s="1" t="s">
        <v>123913</v>
      </c>
      <c r="H35676" s="1" t="s">
        <v>123914</v>
      </c>
      <c r="I35676" s="1" t="s">
        <v>123111</v>
      </c>
      <c r="J35676" s="1" t="s">
        <v>123917</v>
      </c>
    </row>
    <row r="35677" spans="1:10" x14ac:dyDescent="0.35">
      <c r="A35677" s="1" t="s">
        <v>6139</v>
      </c>
      <c r="B35677" s="1" t="s">
        <v>123106</v>
      </c>
      <c r="C35677" s="1" t="s">
        <v>20</v>
      </c>
      <c r="D35677" s="1" t="s">
        <v>49018</v>
      </c>
      <c r="E35677" s="1" t="s">
        <v>123918</v>
      </c>
      <c r="F35677" s="1" t="s">
        <v>123919</v>
      </c>
      <c r="G35677" s="1" t="s">
        <v>123913</v>
      </c>
      <c r="H35677" s="1" t="s">
        <v>123914</v>
      </c>
      <c r="I35677" s="1" t="s">
        <v>123111</v>
      </c>
      <c r="J35677" s="1" t="s">
        <v>123920</v>
      </c>
    </row>
    <row r="35678" spans="1:10" x14ac:dyDescent="0.35">
      <c r="A35678" s="1" t="s">
        <v>6139</v>
      </c>
      <c r="B35678" s="1" t="s">
        <v>123106</v>
      </c>
      <c r="C35678" s="1" t="s">
        <v>25</v>
      </c>
      <c r="D35678" s="1" t="s">
        <v>123921</v>
      </c>
      <c r="E35678" s="1" t="s">
        <v>123922</v>
      </c>
      <c r="F35678" s="1" t="s">
        <v>123923</v>
      </c>
      <c r="G35678" s="1" t="s">
        <v>123913</v>
      </c>
      <c r="H35678" s="1" t="s">
        <v>123914</v>
      </c>
      <c r="I35678" s="1" t="s">
        <v>123111</v>
      </c>
      <c r="J35678" s="1" t="s">
        <v>123924</v>
      </c>
    </row>
    <row r="35679" spans="1:10" x14ac:dyDescent="0.35">
      <c r="A35679" s="1" t="s">
        <v>6139</v>
      </c>
      <c r="B35679" s="1" t="s">
        <v>123106</v>
      </c>
      <c r="C35679" s="1" t="s">
        <v>30</v>
      </c>
      <c r="D35679" s="1" t="s">
        <v>44195</v>
      </c>
      <c r="E35679" s="1" t="s">
        <v>123925</v>
      </c>
      <c r="F35679" s="1" t="s">
        <v>123926</v>
      </c>
      <c r="G35679" s="1" t="s">
        <v>123913</v>
      </c>
      <c r="H35679" s="1" t="s">
        <v>123914</v>
      </c>
      <c r="I35679" s="1" t="s">
        <v>123111</v>
      </c>
      <c r="J35679" s="1" t="s">
        <v>123927</v>
      </c>
    </row>
    <row r="35680" spans="1:10" x14ac:dyDescent="0.35">
      <c r="A35680" s="1" t="s">
        <v>6139</v>
      </c>
      <c r="B35680" s="1" t="s">
        <v>123106</v>
      </c>
      <c r="C35680" s="1" t="s">
        <v>35</v>
      </c>
      <c r="D35680" s="1" t="s">
        <v>3104</v>
      </c>
      <c r="E35680" s="1" t="s">
        <v>123928</v>
      </c>
      <c r="F35680" s="1" t="s">
        <v>123929</v>
      </c>
      <c r="G35680" s="1" t="s">
        <v>123913</v>
      </c>
      <c r="H35680" s="1" t="s">
        <v>123914</v>
      </c>
      <c r="I35680" s="1" t="s">
        <v>123111</v>
      </c>
      <c r="J35680" s="1" t="s">
        <v>123930</v>
      </c>
    </row>
    <row r="35681" spans="1:10" x14ac:dyDescent="0.35">
      <c r="A35681" s="1" t="s">
        <v>6139</v>
      </c>
      <c r="B35681" s="1" t="s">
        <v>123106</v>
      </c>
      <c r="C35681" s="1" t="s">
        <v>40</v>
      </c>
      <c r="D35681" s="1" t="s">
        <v>33905</v>
      </c>
      <c r="E35681" s="1" t="s">
        <v>123931</v>
      </c>
      <c r="F35681" s="1" t="s">
        <v>123932</v>
      </c>
      <c r="G35681" s="1" t="s">
        <v>123913</v>
      </c>
      <c r="H35681" s="1" t="s">
        <v>123914</v>
      </c>
      <c r="I35681" s="1" t="s">
        <v>123111</v>
      </c>
      <c r="J35681" s="1" t="s">
        <v>123933</v>
      </c>
    </row>
    <row r="35682" spans="1:10" x14ac:dyDescent="0.35">
      <c r="A35682" s="1" t="s">
        <v>6139</v>
      </c>
      <c r="B35682" s="1" t="s">
        <v>123106</v>
      </c>
      <c r="C35682" s="1" t="s">
        <v>45</v>
      </c>
      <c r="D35682" s="1" t="s">
        <v>31242</v>
      </c>
      <c r="E35682" s="1" t="s">
        <v>123934</v>
      </c>
      <c r="F35682" s="1" t="s">
        <v>123935</v>
      </c>
      <c r="G35682" s="1" t="s">
        <v>123913</v>
      </c>
      <c r="H35682" s="1" t="s">
        <v>123914</v>
      </c>
      <c r="I35682" s="1" t="s">
        <v>123111</v>
      </c>
      <c r="J35682" s="1" t="s">
        <v>123936</v>
      </c>
    </row>
    <row r="35683" spans="1:10" x14ac:dyDescent="0.35">
      <c r="A35683" s="1" t="s">
        <v>6139</v>
      </c>
      <c r="B35683" s="1" t="s">
        <v>123106</v>
      </c>
      <c r="C35683" s="1" t="s">
        <v>50</v>
      </c>
      <c r="D35683" s="1" t="s">
        <v>117084</v>
      </c>
      <c r="E35683" s="1" t="s">
        <v>123937</v>
      </c>
      <c r="F35683" s="1" t="s">
        <v>123938</v>
      </c>
      <c r="G35683" s="1" t="s">
        <v>123913</v>
      </c>
      <c r="H35683" s="1" t="s">
        <v>123914</v>
      </c>
      <c r="I35683" s="1" t="s">
        <v>123111</v>
      </c>
      <c r="J35683" s="1" t="s">
        <v>123939</v>
      </c>
    </row>
    <row r="35684" spans="1:10" x14ac:dyDescent="0.35">
      <c r="A35684" s="1" t="s">
        <v>6139</v>
      </c>
      <c r="B35684" s="1" t="s">
        <v>123106</v>
      </c>
      <c r="C35684" s="1" t="s">
        <v>55</v>
      </c>
      <c r="D35684" s="1" t="s">
        <v>49863</v>
      </c>
      <c r="E35684" s="1" t="s">
        <v>123940</v>
      </c>
      <c r="F35684" s="1" t="s">
        <v>123941</v>
      </c>
      <c r="G35684" s="1" t="s">
        <v>123913</v>
      </c>
      <c r="H35684" s="1" t="s">
        <v>123914</v>
      </c>
      <c r="I35684" s="1" t="s">
        <v>123111</v>
      </c>
      <c r="J35684" s="1" t="s">
        <v>123942</v>
      </c>
    </row>
    <row r="35685" spans="1:10" x14ac:dyDescent="0.35">
      <c r="A35685" s="1" t="s">
        <v>6139</v>
      </c>
      <c r="B35685" s="1" t="s">
        <v>123106</v>
      </c>
      <c r="C35685" s="1" t="s">
        <v>60</v>
      </c>
      <c r="D35685" s="1" t="s">
        <v>51929</v>
      </c>
      <c r="E35685" s="1" t="s">
        <v>123943</v>
      </c>
      <c r="F35685" s="1" t="s">
        <v>123944</v>
      </c>
      <c r="G35685" s="1" t="s">
        <v>123913</v>
      </c>
      <c r="H35685" s="1" t="s">
        <v>123914</v>
      </c>
      <c r="I35685" s="1" t="s">
        <v>123111</v>
      </c>
      <c r="J35685" s="1" t="s">
        <v>123945</v>
      </c>
    </row>
    <row r="35686" spans="1:10" x14ac:dyDescent="0.35">
      <c r="A35686" s="1" t="s">
        <v>6139</v>
      </c>
      <c r="B35686" s="1" t="s">
        <v>123106</v>
      </c>
      <c r="C35686" s="1" t="s">
        <v>65</v>
      </c>
      <c r="D35686" s="1" t="s">
        <v>73452</v>
      </c>
      <c r="E35686" s="1" t="s">
        <v>123946</v>
      </c>
      <c r="F35686" s="1" t="s">
        <v>123947</v>
      </c>
      <c r="G35686" s="1" t="s">
        <v>123913</v>
      </c>
      <c r="H35686" s="1" t="s">
        <v>123914</v>
      </c>
      <c r="I35686" s="1" t="s">
        <v>123111</v>
      </c>
      <c r="J35686" s="1" t="s">
        <v>82216</v>
      </c>
    </row>
    <row r="35687" spans="1:10" x14ac:dyDescent="0.35">
      <c r="A35687" s="1" t="s">
        <v>6139</v>
      </c>
      <c r="B35687" s="1" t="s">
        <v>123106</v>
      </c>
      <c r="C35687" s="1" t="s">
        <v>70</v>
      </c>
      <c r="D35687" s="1" t="s">
        <v>123948</v>
      </c>
      <c r="E35687" s="1" t="s">
        <v>123949</v>
      </c>
      <c r="F35687" s="1" t="s">
        <v>123950</v>
      </c>
      <c r="G35687" s="1" t="s">
        <v>123913</v>
      </c>
      <c r="H35687" s="1" t="s">
        <v>123914</v>
      </c>
      <c r="I35687" s="1" t="s">
        <v>123111</v>
      </c>
      <c r="J35687" s="1" t="s">
        <v>123951</v>
      </c>
    </row>
    <row r="35688" spans="1:10" x14ac:dyDescent="0.35">
      <c r="A35688" s="1" t="s">
        <v>6139</v>
      </c>
      <c r="B35688" s="1" t="s">
        <v>123106</v>
      </c>
      <c r="C35688" s="1" t="s">
        <v>75</v>
      </c>
      <c r="D35688" s="1" t="s">
        <v>123952</v>
      </c>
      <c r="E35688" s="1" t="s">
        <v>123953</v>
      </c>
      <c r="F35688" s="1" t="s">
        <v>123954</v>
      </c>
      <c r="G35688" s="1" t="s">
        <v>123913</v>
      </c>
      <c r="H35688" s="1" t="s">
        <v>123914</v>
      </c>
      <c r="I35688" s="1" t="s">
        <v>123111</v>
      </c>
      <c r="J35688" s="1" t="s">
        <v>123955</v>
      </c>
    </row>
    <row r="35689" spans="1:10" x14ac:dyDescent="0.35">
      <c r="A35689" s="1" t="s">
        <v>6139</v>
      </c>
      <c r="B35689" s="1" t="s">
        <v>123106</v>
      </c>
      <c r="C35689" s="1" t="s">
        <v>80</v>
      </c>
      <c r="D35689" s="1" t="s">
        <v>123956</v>
      </c>
      <c r="E35689" s="1" t="s">
        <v>123957</v>
      </c>
      <c r="F35689" s="1" t="s">
        <v>123958</v>
      </c>
      <c r="G35689" s="1" t="s">
        <v>123913</v>
      </c>
      <c r="H35689" s="1" t="s">
        <v>123914</v>
      </c>
      <c r="I35689" s="1" t="s">
        <v>123111</v>
      </c>
      <c r="J35689" s="1" t="s">
        <v>123959</v>
      </c>
    </row>
    <row r="35690" spans="1:10" x14ac:dyDescent="0.35">
      <c r="A35690" s="1" t="s">
        <v>6139</v>
      </c>
      <c r="B35690" s="1" t="s">
        <v>123106</v>
      </c>
      <c r="C35690" s="1" t="s">
        <v>85</v>
      </c>
      <c r="D35690" s="1" t="s">
        <v>31373</v>
      </c>
      <c r="E35690" s="1" t="s">
        <v>123960</v>
      </c>
      <c r="F35690" s="1" t="s">
        <v>123961</v>
      </c>
      <c r="G35690" s="1" t="s">
        <v>123913</v>
      </c>
      <c r="H35690" s="1" t="s">
        <v>123914</v>
      </c>
      <c r="I35690" s="1" t="s">
        <v>123111</v>
      </c>
      <c r="J35690" s="1" t="s">
        <v>123962</v>
      </c>
    </row>
    <row r="35691" spans="1:10" x14ac:dyDescent="0.35">
      <c r="A35691" s="1" t="s">
        <v>6139</v>
      </c>
      <c r="B35691" s="1" t="s">
        <v>123106</v>
      </c>
      <c r="C35691" s="1" t="s">
        <v>90</v>
      </c>
      <c r="D35691" s="1" t="s">
        <v>72050</v>
      </c>
      <c r="E35691" s="1" t="s">
        <v>123963</v>
      </c>
      <c r="F35691" s="1" t="s">
        <v>123964</v>
      </c>
      <c r="G35691" s="1" t="s">
        <v>123913</v>
      </c>
      <c r="H35691" s="1" t="s">
        <v>123914</v>
      </c>
      <c r="I35691" s="1" t="s">
        <v>123111</v>
      </c>
      <c r="J35691" s="1" t="s">
        <v>123965</v>
      </c>
    </row>
    <row r="35692" spans="1:10" x14ac:dyDescent="0.35">
      <c r="A35692" s="1" t="s">
        <v>6139</v>
      </c>
      <c r="B35692" s="1" t="s">
        <v>123106</v>
      </c>
      <c r="C35692" s="1" t="s">
        <v>95</v>
      </c>
      <c r="D35692" s="1" t="s">
        <v>3256</v>
      </c>
      <c r="E35692" s="1" t="s">
        <v>123966</v>
      </c>
      <c r="F35692" s="1" t="s">
        <v>123967</v>
      </c>
      <c r="G35692" s="1" t="s">
        <v>123913</v>
      </c>
      <c r="H35692" s="1" t="s">
        <v>123914</v>
      </c>
      <c r="I35692" s="1" t="s">
        <v>123111</v>
      </c>
      <c r="J35692" s="1" t="s">
        <v>123968</v>
      </c>
    </row>
    <row r="35693" spans="1:10" x14ac:dyDescent="0.35">
      <c r="A35693" s="1" t="s">
        <v>6139</v>
      </c>
      <c r="B35693" s="1" t="s">
        <v>123106</v>
      </c>
      <c r="C35693" s="1" t="s">
        <v>100</v>
      </c>
      <c r="D35693" s="1" t="s">
        <v>35942</v>
      </c>
      <c r="E35693" s="1" t="s">
        <v>123969</v>
      </c>
      <c r="F35693" s="1" t="s">
        <v>123970</v>
      </c>
      <c r="G35693" s="1" t="s">
        <v>123913</v>
      </c>
      <c r="H35693" s="1" t="s">
        <v>123914</v>
      </c>
      <c r="I35693" s="1" t="s">
        <v>123111</v>
      </c>
      <c r="J35693" s="1" t="s">
        <v>123971</v>
      </c>
    </row>
    <row r="35694" spans="1:10" x14ac:dyDescent="0.35">
      <c r="A35694" s="1" t="s">
        <v>6139</v>
      </c>
      <c r="B35694" s="1" t="s">
        <v>123106</v>
      </c>
      <c r="C35694" s="1" t="s">
        <v>105</v>
      </c>
      <c r="D35694" s="1" t="s">
        <v>33211</v>
      </c>
      <c r="E35694" s="1" t="s">
        <v>123972</v>
      </c>
      <c r="F35694" s="1" t="s">
        <v>123973</v>
      </c>
      <c r="G35694" s="1" t="s">
        <v>123913</v>
      </c>
      <c r="H35694" s="1" t="s">
        <v>123914</v>
      </c>
      <c r="I35694" s="1" t="s">
        <v>123111</v>
      </c>
      <c r="J35694" s="1" t="s">
        <v>123974</v>
      </c>
    </row>
    <row r="35695" spans="1:10" x14ac:dyDescent="0.35">
      <c r="A35695" s="1" t="s">
        <v>6139</v>
      </c>
      <c r="B35695" s="1" t="s">
        <v>123106</v>
      </c>
      <c r="C35695" s="1" t="s">
        <v>110</v>
      </c>
      <c r="D35695" s="1" t="s">
        <v>45427</v>
      </c>
      <c r="E35695" s="1" t="s">
        <v>123975</v>
      </c>
      <c r="F35695" s="1" t="s">
        <v>123976</v>
      </c>
      <c r="G35695" s="1" t="s">
        <v>123913</v>
      </c>
      <c r="H35695" s="1" t="s">
        <v>123914</v>
      </c>
      <c r="I35695" s="1" t="s">
        <v>123111</v>
      </c>
      <c r="J35695" s="1" t="s">
        <v>123977</v>
      </c>
    </row>
    <row r="35696" spans="1:10" x14ac:dyDescent="0.35">
      <c r="A35696" s="1" t="s">
        <v>6139</v>
      </c>
      <c r="B35696" s="1" t="s">
        <v>123106</v>
      </c>
      <c r="C35696" s="1" t="s">
        <v>115</v>
      </c>
      <c r="D35696" s="1" t="s">
        <v>123978</v>
      </c>
      <c r="E35696" s="1" t="s">
        <v>123979</v>
      </c>
      <c r="F35696" s="1" t="s">
        <v>123980</v>
      </c>
      <c r="G35696" s="1" t="s">
        <v>123913</v>
      </c>
      <c r="H35696" s="1" t="s">
        <v>123914</v>
      </c>
      <c r="I35696" s="1" t="s">
        <v>123111</v>
      </c>
      <c r="J35696" s="1" t="s">
        <v>123981</v>
      </c>
    </row>
    <row r="35697" spans="1:10" x14ac:dyDescent="0.35">
      <c r="A35697" s="1" t="s">
        <v>6139</v>
      </c>
      <c r="B35697" s="1" t="s">
        <v>123106</v>
      </c>
      <c r="C35697" s="1" t="s">
        <v>120</v>
      </c>
      <c r="D35697" s="1" t="s">
        <v>75453</v>
      </c>
      <c r="E35697" s="1" t="s">
        <v>123982</v>
      </c>
      <c r="F35697" s="1" t="s">
        <v>123983</v>
      </c>
      <c r="G35697" s="1" t="s">
        <v>123913</v>
      </c>
      <c r="H35697" s="1" t="s">
        <v>123914</v>
      </c>
      <c r="I35697" s="1" t="s">
        <v>123111</v>
      </c>
      <c r="J35697" s="1" t="s">
        <v>123984</v>
      </c>
    </row>
    <row r="35698" spans="1:10" x14ac:dyDescent="0.35">
      <c r="A35698" s="1" t="s">
        <v>6139</v>
      </c>
      <c r="B35698" s="1" t="s">
        <v>123106</v>
      </c>
      <c r="C35698" s="1" t="s">
        <v>125</v>
      </c>
      <c r="D35698" s="1" t="s">
        <v>123985</v>
      </c>
      <c r="E35698" s="1" t="s">
        <v>123986</v>
      </c>
      <c r="F35698" s="1" t="s">
        <v>123987</v>
      </c>
      <c r="G35698" s="1" t="s">
        <v>123913</v>
      </c>
      <c r="H35698" s="1" t="s">
        <v>123914</v>
      </c>
      <c r="I35698" s="1" t="s">
        <v>123111</v>
      </c>
      <c r="J35698" s="1" t="s">
        <v>123988</v>
      </c>
    </row>
    <row r="35699" spans="1:10" x14ac:dyDescent="0.35">
      <c r="A35699" s="1" t="s">
        <v>6139</v>
      </c>
      <c r="B35699" s="1" t="s">
        <v>123106</v>
      </c>
      <c r="C35699" s="1" t="s">
        <v>130</v>
      </c>
      <c r="D35699" s="1" t="s">
        <v>123989</v>
      </c>
      <c r="E35699" s="1" t="s">
        <v>123990</v>
      </c>
      <c r="F35699" s="1" t="s">
        <v>123991</v>
      </c>
      <c r="G35699" s="1" t="s">
        <v>123913</v>
      </c>
      <c r="H35699" s="1" t="s">
        <v>123914</v>
      </c>
      <c r="I35699" s="1" t="s">
        <v>123111</v>
      </c>
      <c r="J35699" s="1" t="s">
        <v>123992</v>
      </c>
    </row>
    <row r="35700" spans="1:10" x14ac:dyDescent="0.35">
      <c r="A35700" s="1" t="s">
        <v>6139</v>
      </c>
      <c r="B35700" s="1" t="s">
        <v>123106</v>
      </c>
      <c r="C35700" s="1" t="s">
        <v>135</v>
      </c>
      <c r="D35700" s="1" t="s">
        <v>32197</v>
      </c>
      <c r="E35700" s="1" t="s">
        <v>123993</v>
      </c>
      <c r="F35700" s="1" t="s">
        <v>123994</v>
      </c>
      <c r="G35700" s="1" t="s">
        <v>123913</v>
      </c>
      <c r="H35700" s="1" t="s">
        <v>123914</v>
      </c>
      <c r="I35700" s="1" t="s">
        <v>123111</v>
      </c>
      <c r="J35700" s="1" t="s">
        <v>123995</v>
      </c>
    </row>
    <row r="35701" spans="1:10" x14ac:dyDescent="0.35">
      <c r="A35701" s="1" t="s">
        <v>6139</v>
      </c>
      <c r="B35701" s="1" t="s">
        <v>123106</v>
      </c>
      <c r="C35701" s="1" t="s">
        <v>140</v>
      </c>
      <c r="D35701" s="1" t="s">
        <v>18227</v>
      </c>
      <c r="E35701" s="1" t="s">
        <v>123996</v>
      </c>
      <c r="F35701" s="1" t="s">
        <v>123997</v>
      </c>
      <c r="G35701" s="1" t="s">
        <v>123913</v>
      </c>
      <c r="H35701" s="1" t="s">
        <v>123914</v>
      </c>
      <c r="I35701" s="1" t="s">
        <v>123111</v>
      </c>
      <c r="J35701" s="1" t="s">
        <v>123998</v>
      </c>
    </row>
    <row r="35702" spans="1:10" x14ac:dyDescent="0.35">
      <c r="A35702" s="1" t="s">
        <v>6139</v>
      </c>
      <c r="B35702" s="1" t="s">
        <v>123106</v>
      </c>
      <c r="C35702" s="1" t="s">
        <v>145</v>
      </c>
      <c r="D35702" s="1" t="s">
        <v>123999</v>
      </c>
      <c r="E35702" s="1" t="s">
        <v>124000</v>
      </c>
      <c r="F35702" s="1" t="s">
        <v>124001</v>
      </c>
      <c r="G35702" s="1" t="s">
        <v>123913</v>
      </c>
      <c r="H35702" s="1" t="s">
        <v>123914</v>
      </c>
      <c r="I35702" s="1" t="s">
        <v>123111</v>
      </c>
      <c r="J35702" s="1" t="s">
        <v>124002</v>
      </c>
    </row>
    <row r="35703" spans="1:10" x14ac:dyDescent="0.35">
      <c r="A35703" s="1" t="s">
        <v>6139</v>
      </c>
      <c r="B35703" s="1" t="s">
        <v>123106</v>
      </c>
      <c r="C35703" s="1" t="s">
        <v>150</v>
      </c>
      <c r="D35703" s="1" t="s">
        <v>49997</v>
      </c>
      <c r="E35703" s="1" t="s">
        <v>124003</v>
      </c>
      <c r="F35703" s="1" t="s">
        <v>124004</v>
      </c>
      <c r="G35703" s="1" t="s">
        <v>123913</v>
      </c>
      <c r="H35703" s="1" t="s">
        <v>123914</v>
      </c>
      <c r="I35703" s="1" t="s">
        <v>123111</v>
      </c>
      <c r="J35703" s="1" t="s">
        <v>124005</v>
      </c>
    </row>
    <row r="35704" spans="1:10" x14ac:dyDescent="0.35">
      <c r="A35704" s="1" t="s">
        <v>6139</v>
      </c>
      <c r="B35704" s="1" t="s">
        <v>123106</v>
      </c>
      <c r="C35704" s="1" t="s">
        <v>155</v>
      </c>
      <c r="D35704" s="1" t="s">
        <v>30925</v>
      </c>
      <c r="E35704" s="1" t="s">
        <v>124006</v>
      </c>
      <c r="F35704" s="1" t="s">
        <v>124007</v>
      </c>
      <c r="G35704" s="1" t="s">
        <v>123913</v>
      </c>
      <c r="H35704" s="1" t="s">
        <v>123914</v>
      </c>
      <c r="I35704" s="1" t="s">
        <v>123111</v>
      </c>
      <c r="J35704" s="1" t="s">
        <v>124008</v>
      </c>
    </row>
    <row r="35705" spans="1:10" x14ac:dyDescent="0.35">
      <c r="A35705" s="1" t="s">
        <v>6139</v>
      </c>
      <c r="B35705" s="1" t="s">
        <v>123106</v>
      </c>
      <c r="C35705" s="1" t="s">
        <v>160</v>
      </c>
      <c r="D35705" s="1" t="s">
        <v>166</v>
      </c>
      <c r="E35705" s="1" t="s">
        <v>124009</v>
      </c>
      <c r="F35705" s="1" t="s">
        <v>124010</v>
      </c>
      <c r="G35705" s="1" t="s">
        <v>123913</v>
      </c>
      <c r="H35705" s="1" t="s">
        <v>123914</v>
      </c>
      <c r="I35705" s="1" t="s">
        <v>123111</v>
      </c>
      <c r="J35705" s="1" t="s">
        <v>124011</v>
      </c>
    </row>
    <row r="35706" spans="1:10" x14ac:dyDescent="0.35">
      <c r="A35706" s="1" t="s">
        <v>6139</v>
      </c>
      <c r="B35706" s="1" t="s">
        <v>123106</v>
      </c>
      <c r="C35706" s="1" t="s">
        <v>165</v>
      </c>
      <c r="D35706" s="1" t="s">
        <v>124012</v>
      </c>
      <c r="E35706" s="1" t="s">
        <v>124013</v>
      </c>
      <c r="F35706" s="1" t="s">
        <v>124014</v>
      </c>
      <c r="G35706" s="1" t="s">
        <v>123913</v>
      </c>
      <c r="H35706" s="1" t="s">
        <v>123914</v>
      </c>
      <c r="I35706" s="1" t="s">
        <v>123111</v>
      </c>
      <c r="J35706" s="1" t="s">
        <v>124015</v>
      </c>
    </row>
    <row r="35707" spans="1:10" x14ac:dyDescent="0.35">
      <c r="A35707" s="1" t="s">
        <v>6139</v>
      </c>
      <c r="B35707" s="1" t="s">
        <v>123106</v>
      </c>
      <c r="C35707" s="1" t="s">
        <v>170</v>
      </c>
      <c r="D35707" s="1" t="s">
        <v>124016</v>
      </c>
      <c r="E35707" s="1" t="s">
        <v>124017</v>
      </c>
      <c r="F35707" s="1" t="s">
        <v>124018</v>
      </c>
      <c r="G35707" s="1" t="s">
        <v>123913</v>
      </c>
      <c r="H35707" s="1" t="s">
        <v>123914</v>
      </c>
      <c r="I35707" s="1" t="s">
        <v>123111</v>
      </c>
      <c r="J35707" s="1" t="s">
        <v>124019</v>
      </c>
    </row>
    <row r="35708" spans="1:10" x14ac:dyDescent="0.35">
      <c r="A35708" s="1" t="s">
        <v>124020</v>
      </c>
      <c r="B35708" s="1" t="s">
        <v>123106</v>
      </c>
      <c r="C35708" s="1" t="s">
        <v>8</v>
      </c>
      <c r="D35708" s="1" t="s">
        <v>124021</v>
      </c>
      <c r="E35708" s="1" t="s">
        <v>124022</v>
      </c>
      <c r="F35708" s="1" t="s">
        <v>124023</v>
      </c>
      <c r="G35708" s="1" t="s">
        <v>124024</v>
      </c>
      <c r="H35708" s="1" t="s">
        <v>124025</v>
      </c>
      <c r="I35708" s="1" t="s">
        <v>123111</v>
      </c>
      <c r="J35708" s="1" t="s">
        <v>13</v>
      </c>
    </row>
    <row r="35709" spans="1:10" x14ac:dyDescent="0.35">
      <c r="A35709" s="1" t="s">
        <v>124020</v>
      </c>
      <c r="B35709" s="1" t="s">
        <v>123106</v>
      </c>
      <c r="C35709" s="1" t="s">
        <v>15</v>
      </c>
      <c r="D35709" s="1" t="s">
        <v>124026</v>
      </c>
      <c r="E35709" s="1" t="s">
        <v>124027</v>
      </c>
      <c r="F35709" s="1" t="s">
        <v>124028</v>
      </c>
      <c r="G35709" s="1" t="s">
        <v>124024</v>
      </c>
      <c r="H35709" s="1" t="s">
        <v>124025</v>
      </c>
      <c r="I35709" s="1" t="s">
        <v>123111</v>
      </c>
      <c r="J35709" s="1" t="s">
        <v>124029</v>
      </c>
    </row>
    <row r="35710" spans="1:10" x14ac:dyDescent="0.35">
      <c r="A35710" s="1" t="s">
        <v>124020</v>
      </c>
      <c r="B35710" s="1" t="s">
        <v>123106</v>
      </c>
      <c r="C35710" s="1" t="s">
        <v>20</v>
      </c>
      <c r="D35710" s="1" t="s">
        <v>82305</v>
      </c>
      <c r="E35710" s="1" t="s">
        <v>124030</v>
      </c>
      <c r="F35710" s="1" t="s">
        <v>124031</v>
      </c>
      <c r="G35710" s="1" t="s">
        <v>124024</v>
      </c>
      <c r="H35710" s="1" t="s">
        <v>124025</v>
      </c>
      <c r="I35710" s="1" t="s">
        <v>123111</v>
      </c>
      <c r="J35710" s="1" t="s">
        <v>124032</v>
      </c>
    </row>
    <row r="35711" spans="1:10" x14ac:dyDescent="0.35">
      <c r="A35711" s="1" t="s">
        <v>124020</v>
      </c>
      <c r="B35711" s="1" t="s">
        <v>123106</v>
      </c>
      <c r="C35711" s="1" t="s">
        <v>25</v>
      </c>
      <c r="D35711" s="1" t="s">
        <v>124033</v>
      </c>
      <c r="E35711" s="1" t="s">
        <v>124034</v>
      </c>
      <c r="F35711" s="1" t="s">
        <v>124035</v>
      </c>
      <c r="G35711" s="1" t="s">
        <v>124024</v>
      </c>
      <c r="H35711" s="1" t="s">
        <v>124025</v>
      </c>
      <c r="I35711" s="1" t="s">
        <v>123111</v>
      </c>
      <c r="J35711" s="1" t="s">
        <v>124036</v>
      </c>
    </row>
    <row r="35712" spans="1:10" x14ac:dyDescent="0.35">
      <c r="A35712" s="1" t="s">
        <v>124020</v>
      </c>
      <c r="B35712" s="1" t="s">
        <v>123106</v>
      </c>
      <c r="C35712" s="1" t="s">
        <v>30</v>
      </c>
      <c r="D35712" s="1" t="s">
        <v>4555</v>
      </c>
      <c r="E35712" s="1" t="s">
        <v>124037</v>
      </c>
      <c r="F35712" s="1" t="s">
        <v>124038</v>
      </c>
      <c r="G35712" s="1" t="s">
        <v>124024</v>
      </c>
      <c r="H35712" s="1" t="s">
        <v>124025</v>
      </c>
      <c r="I35712" s="1" t="s">
        <v>123111</v>
      </c>
      <c r="J35712" s="1" t="s">
        <v>124039</v>
      </c>
    </row>
    <row r="35713" spans="1:10" x14ac:dyDescent="0.35">
      <c r="A35713" s="1" t="s">
        <v>124020</v>
      </c>
      <c r="B35713" s="1" t="s">
        <v>123106</v>
      </c>
      <c r="C35713" s="1" t="s">
        <v>35</v>
      </c>
      <c r="D35713" s="1" t="s">
        <v>124040</v>
      </c>
      <c r="E35713" s="1" t="s">
        <v>124041</v>
      </c>
      <c r="F35713" s="1" t="s">
        <v>124042</v>
      </c>
      <c r="G35713" s="1" t="s">
        <v>124024</v>
      </c>
      <c r="H35713" s="1" t="s">
        <v>124025</v>
      </c>
      <c r="I35713" s="1" t="s">
        <v>123111</v>
      </c>
      <c r="J35713" s="1" t="s">
        <v>124043</v>
      </c>
    </row>
    <row r="35714" spans="1:10" x14ac:dyDescent="0.35">
      <c r="A35714" s="1" t="s">
        <v>124020</v>
      </c>
      <c r="B35714" s="1" t="s">
        <v>123106</v>
      </c>
      <c r="C35714" s="1" t="s">
        <v>40</v>
      </c>
      <c r="D35714" s="1" t="s">
        <v>37395</v>
      </c>
      <c r="E35714" s="1" t="s">
        <v>124044</v>
      </c>
      <c r="F35714" s="1" t="s">
        <v>124045</v>
      </c>
      <c r="G35714" s="1" t="s">
        <v>124024</v>
      </c>
      <c r="H35714" s="1" t="s">
        <v>124025</v>
      </c>
      <c r="I35714" s="1" t="s">
        <v>123111</v>
      </c>
      <c r="J35714" s="1" t="s">
        <v>124046</v>
      </c>
    </row>
    <row r="35715" spans="1:10" x14ac:dyDescent="0.35">
      <c r="A35715" s="1" t="s">
        <v>124020</v>
      </c>
      <c r="B35715" s="1" t="s">
        <v>123106</v>
      </c>
      <c r="C35715" s="1" t="s">
        <v>45</v>
      </c>
      <c r="D35715" s="1" t="s">
        <v>124047</v>
      </c>
      <c r="E35715" s="1" t="s">
        <v>124048</v>
      </c>
      <c r="F35715" s="1" t="s">
        <v>124049</v>
      </c>
      <c r="G35715" s="1" t="s">
        <v>124024</v>
      </c>
      <c r="H35715" s="1" t="s">
        <v>124025</v>
      </c>
      <c r="I35715" s="1" t="s">
        <v>123111</v>
      </c>
      <c r="J35715" s="1" t="s">
        <v>124050</v>
      </c>
    </row>
    <row r="35716" spans="1:10" x14ac:dyDescent="0.35">
      <c r="A35716" s="1" t="s">
        <v>124020</v>
      </c>
      <c r="B35716" s="1" t="s">
        <v>123106</v>
      </c>
      <c r="C35716" s="1" t="s">
        <v>50</v>
      </c>
      <c r="D35716" s="1" t="s">
        <v>116431</v>
      </c>
      <c r="E35716" s="1" t="s">
        <v>124051</v>
      </c>
      <c r="F35716" s="1" t="s">
        <v>124052</v>
      </c>
      <c r="G35716" s="1" t="s">
        <v>124024</v>
      </c>
      <c r="H35716" s="1" t="s">
        <v>124025</v>
      </c>
      <c r="I35716" s="1" t="s">
        <v>123111</v>
      </c>
      <c r="J35716" s="1" t="s">
        <v>124053</v>
      </c>
    </row>
    <row r="35717" spans="1:10" x14ac:dyDescent="0.35">
      <c r="A35717" s="1" t="s">
        <v>124020</v>
      </c>
      <c r="B35717" s="1" t="s">
        <v>123106</v>
      </c>
      <c r="C35717" s="1" t="s">
        <v>55</v>
      </c>
      <c r="D35717" s="1" t="s">
        <v>8786</v>
      </c>
      <c r="E35717" s="1" t="s">
        <v>124054</v>
      </c>
      <c r="F35717" s="1" t="s">
        <v>124055</v>
      </c>
      <c r="G35717" s="1" t="s">
        <v>124024</v>
      </c>
      <c r="H35717" s="1" t="s">
        <v>124025</v>
      </c>
      <c r="I35717" s="1" t="s">
        <v>123111</v>
      </c>
      <c r="J35717" s="1" t="s">
        <v>124056</v>
      </c>
    </row>
    <row r="35718" spans="1:10" x14ac:dyDescent="0.35">
      <c r="A35718" s="1" t="s">
        <v>124020</v>
      </c>
      <c r="B35718" s="1" t="s">
        <v>123106</v>
      </c>
      <c r="C35718" s="1" t="s">
        <v>60</v>
      </c>
      <c r="D35718" s="1" t="s">
        <v>124057</v>
      </c>
      <c r="E35718" s="1" t="s">
        <v>124058</v>
      </c>
      <c r="F35718" s="1" t="s">
        <v>124059</v>
      </c>
      <c r="G35718" s="1" t="s">
        <v>124024</v>
      </c>
      <c r="H35718" s="1" t="s">
        <v>124025</v>
      </c>
      <c r="I35718" s="1" t="s">
        <v>123111</v>
      </c>
      <c r="J35718" s="1" t="s">
        <v>124060</v>
      </c>
    </row>
    <row r="35719" spans="1:10" x14ac:dyDescent="0.35">
      <c r="A35719" s="1" t="s">
        <v>124020</v>
      </c>
      <c r="B35719" s="1" t="s">
        <v>123106</v>
      </c>
      <c r="C35719" s="1" t="s">
        <v>65</v>
      </c>
      <c r="D35719" s="1" t="s">
        <v>105158</v>
      </c>
      <c r="E35719" s="1" t="s">
        <v>124061</v>
      </c>
      <c r="F35719" s="1" t="s">
        <v>124062</v>
      </c>
      <c r="G35719" s="1" t="s">
        <v>124024</v>
      </c>
      <c r="H35719" s="1" t="s">
        <v>124025</v>
      </c>
      <c r="I35719" s="1" t="s">
        <v>123111</v>
      </c>
      <c r="J35719" s="1" t="s">
        <v>124063</v>
      </c>
    </row>
    <row r="35720" spans="1:10" x14ac:dyDescent="0.35">
      <c r="A35720" s="1" t="s">
        <v>124020</v>
      </c>
      <c r="B35720" s="1" t="s">
        <v>123106</v>
      </c>
      <c r="C35720" s="1" t="s">
        <v>70</v>
      </c>
      <c r="D35720" s="1" t="s">
        <v>74647</v>
      </c>
      <c r="E35720" s="1" t="s">
        <v>124064</v>
      </c>
      <c r="F35720" s="1" t="s">
        <v>124065</v>
      </c>
      <c r="G35720" s="1" t="s">
        <v>124024</v>
      </c>
      <c r="H35720" s="1" t="s">
        <v>124025</v>
      </c>
      <c r="I35720" s="1" t="s">
        <v>123111</v>
      </c>
      <c r="J35720" s="1" t="s">
        <v>124066</v>
      </c>
    </row>
    <row r="35721" spans="1:10" x14ac:dyDescent="0.35">
      <c r="A35721" s="1" t="s">
        <v>124020</v>
      </c>
      <c r="B35721" s="1" t="s">
        <v>123106</v>
      </c>
      <c r="C35721" s="1" t="s">
        <v>75</v>
      </c>
      <c r="D35721" s="1" t="s">
        <v>15933</v>
      </c>
      <c r="E35721" s="1" t="s">
        <v>124067</v>
      </c>
      <c r="F35721" s="1" t="s">
        <v>124068</v>
      </c>
      <c r="G35721" s="1" t="s">
        <v>124024</v>
      </c>
      <c r="H35721" s="1" t="s">
        <v>124025</v>
      </c>
      <c r="I35721" s="1" t="s">
        <v>123111</v>
      </c>
      <c r="J35721" s="1" t="s">
        <v>124069</v>
      </c>
    </row>
    <row r="35722" spans="1:10" x14ac:dyDescent="0.35">
      <c r="A35722" s="1" t="s">
        <v>124020</v>
      </c>
      <c r="B35722" s="1" t="s">
        <v>123106</v>
      </c>
      <c r="C35722" s="1" t="s">
        <v>80</v>
      </c>
      <c r="D35722" s="1" t="s">
        <v>36137</v>
      </c>
      <c r="E35722" s="1" t="s">
        <v>124070</v>
      </c>
      <c r="F35722" s="1" t="s">
        <v>124071</v>
      </c>
      <c r="G35722" s="1" t="s">
        <v>124024</v>
      </c>
      <c r="H35722" s="1" t="s">
        <v>124025</v>
      </c>
      <c r="I35722" s="1" t="s">
        <v>123111</v>
      </c>
      <c r="J35722" s="1" t="s">
        <v>124072</v>
      </c>
    </row>
    <row r="35723" spans="1:10" x14ac:dyDescent="0.35">
      <c r="A35723" s="1" t="s">
        <v>124020</v>
      </c>
      <c r="B35723" s="1" t="s">
        <v>123106</v>
      </c>
      <c r="C35723" s="1" t="s">
        <v>85</v>
      </c>
      <c r="D35723" s="1" t="s">
        <v>47945</v>
      </c>
      <c r="E35723" s="1" t="s">
        <v>124073</v>
      </c>
      <c r="F35723" s="1" t="s">
        <v>124074</v>
      </c>
      <c r="G35723" s="1" t="s">
        <v>124024</v>
      </c>
      <c r="H35723" s="1" t="s">
        <v>124025</v>
      </c>
      <c r="I35723" s="1" t="s">
        <v>123111</v>
      </c>
      <c r="J35723" s="1" t="s">
        <v>124075</v>
      </c>
    </row>
    <row r="35724" spans="1:10" x14ac:dyDescent="0.35">
      <c r="A35724" s="1" t="s">
        <v>124020</v>
      </c>
      <c r="B35724" s="1" t="s">
        <v>123106</v>
      </c>
      <c r="C35724" s="1" t="s">
        <v>90</v>
      </c>
      <c r="D35724" s="1" t="s">
        <v>70934</v>
      </c>
      <c r="E35724" s="1" t="s">
        <v>124076</v>
      </c>
      <c r="F35724" s="1" t="s">
        <v>124077</v>
      </c>
      <c r="G35724" s="1" t="s">
        <v>124024</v>
      </c>
      <c r="H35724" s="1" t="s">
        <v>124025</v>
      </c>
      <c r="I35724" s="1" t="s">
        <v>123111</v>
      </c>
      <c r="J35724" s="1" t="s">
        <v>124078</v>
      </c>
    </row>
    <row r="35725" spans="1:10" x14ac:dyDescent="0.35">
      <c r="A35725" s="1" t="s">
        <v>124020</v>
      </c>
      <c r="B35725" s="1" t="s">
        <v>123106</v>
      </c>
      <c r="C35725" s="1" t="s">
        <v>95</v>
      </c>
      <c r="D35725" s="1" t="s">
        <v>19544</v>
      </c>
      <c r="E35725" s="1" t="s">
        <v>124079</v>
      </c>
      <c r="F35725" s="1" t="s">
        <v>124080</v>
      </c>
      <c r="G35725" s="1" t="s">
        <v>124024</v>
      </c>
      <c r="H35725" s="1" t="s">
        <v>124025</v>
      </c>
      <c r="I35725" s="1" t="s">
        <v>123111</v>
      </c>
      <c r="J35725" s="1" t="s">
        <v>70939</v>
      </c>
    </row>
    <row r="35726" spans="1:10" x14ac:dyDescent="0.35">
      <c r="A35726" s="1" t="s">
        <v>124020</v>
      </c>
      <c r="B35726" s="1" t="s">
        <v>123106</v>
      </c>
      <c r="C35726" s="1" t="s">
        <v>100</v>
      </c>
      <c r="D35726" s="1" t="s">
        <v>46753</v>
      </c>
      <c r="E35726" s="1" t="s">
        <v>124081</v>
      </c>
      <c r="F35726" s="1" t="s">
        <v>124082</v>
      </c>
      <c r="G35726" s="1" t="s">
        <v>124024</v>
      </c>
      <c r="H35726" s="1" t="s">
        <v>124025</v>
      </c>
      <c r="I35726" s="1" t="s">
        <v>123111</v>
      </c>
      <c r="J35726" s="1" t="s">
        <v>124083</v>
      </c>
    </row>
    <row r="35727" spans="1:10" x14ac:dyDescent="0.35">
      <c r="A35727" s="1" t="s">
        <v>124020</v>
      </c>
      <c r="B35727" s="1" t="s">
        <v>123106</v>
      </c>
      <c r="C35727" s="1" t="s">
        <v>105</v>
      </c>
      <c r="D35727" s="1" t="s">
        <v>73672</v>
      </c>
      <c r="E35727" s="1" t="s">
        <v>124084</v>
      </c>
      <c r="F35727" s="1" t="s">
        <v>124085</v>
      </c>
      <c r="G35727" s="1" t="s">
        <v>124024</v>
      </c>
      <c r="H35727" s="1" t="s">
        <v>124025</v>
      </c>
      <c r="I35727" s="1" t="s">
        <v>123111</v>
      </c>
      <c r="J35727" s="1" t="s">
        <v>124086</v>
      </c>
    </row>
    <row r="35728" spans="1:10" x14ac:dyDescent="0.35">
      <c r="A35728" s="1" t="s">
        <v>124020</v>
      </c>
      <c r="B35728" s="1" t="s">
        <v>123106</v>
      </c>
      <c r="C35728" s="1" t="s">
        <v>110</v>
      </c>
      <c r="D35728" s="1" t="s">
        <v>35591</v>
      </c>
      <c r="E35728" s="1" t="s">
        <v>124087</v>
      </c>
      <c r="F35728" s="1" t="s">
        <v>124088</v>
      </c>
      <c r="G35728" s="1" t="s">
        <v>124024</v>
      </c>
      <c r="H35728" s="1" t="s">
        <v>124025</v>
      </c>
      <c r="I35728" s="1" t="s">
        <v>123111</v>
      </c>
      <c r="J35728" s="1" t="s">
        <v>124089</v>
      </c>
    </row>
    <row r="35729" spans="1:10" x14ac:dyDescent="0.35">
      <c r="A35729" s="1" t="s">
        <v>124020</v>
      </c>
      <c r="B35729" s="1" t="s">
        <v>123106</v>
      </c>
      <c r="C35729" s="1" t="s">
        <v>115</v>
      </c>
      <c r="D35729" s="1" t="s">
        <v>119842</v>
      </c>
      <c r="E35729" s="1" t="s">
        <v>124090</v>
      </c>
      <c r="F35729" s="1" t="s">
        <v>124091</v>
      </c>
      <c r="G35729" s="1" t="s">
        <v>124024</v>
      </c>
      <c r="H35729" s="1" t="s">
        <v>124025</v>
      </c>
      <c r="I35729" s="1" t="s">
        <v>123111</v>
      </c>
      <c r="J35729" s="1" t="s">
        <v>124092</v>
      </c>
    </row>
    <row r="35730" spans="1:10" x14ac:dyDescent="0.35">
      <c r="A35730" s="1" t="s">
        <v>124020</v>
      </c>
      <c r="B35730" s="1" t="s">
        <v>123106</v>
      </c>
      <c r="C35730" s="1" t="s">
        <v>120</v>
      </c>
      <c r="D35730" s="1" t="s">
        <v>32907</v>
      </c>
      <c r="E35730" s="1" t="s">
        <v>124093</v>
      </c>
      <c r="F35730" s="1" t="s">
        <v>124094</v>
      </c>
      <c r="G35730" s="1" t="s">
        <v>124024</v>
      </c>
      <c r="H35730" s="1" t="s">
        <v>124025</v>
      </c>
      <c r="I35730" s="1" t="s">
        <v>123111</v>
      </c>
      <c r="J35730" s="1" t="s">
        <v>124095</v>
      </c>
    </row>
    <row r="35731" spans="1:10" x14ac:dyDescent="0.35">
      <c r="A35731" s="1" t="s">
        <v>124020</v>
      </c>
      <c r="B35731" s="1" t="s">
        <v>123106</v>
      </c>
      <c r="C35731" s="1" t="s">
        <v>125</v>
      </c>
      <c r="D35731" s="1" t="s">
        <v>3449</v>
      </c>
      <c r="E35731" s="1" t="s">
        <v>124096</v>
      </c>
      <c r="F35731" s="1" t="s">
        <v>124097</v>
      </c>
      <c r="G35731" s="1" t="s">
        <v>124024</v>
      </c>
      <c r="H35731" s="1" t="s">
        <v>124025</v>
      </c>
      <c r="I35731" s="1" t="s">
        <v>123111</v>
      </c>
      <c r="J35731" s="1" t="s">
        <v>124098</v>
      </c>
    </row>
    <row r="35732" spans="1:10" x14ac:dyDescent="0.35">
      <c r="A35732" s="1" t="s">
        <v>124020</v>
      </c>
      <c r="B35732" s="1" t="s">
        <v>123106</v>
      </c>
      <c r="C35732" s="1" t="s">
        <v>130</v>
      </c>
      <c r="D35732" s="1" t="s">
        <v>124099</v>
      </c>
      <c r="E35732" s="1" t="s">
        <v>124100</v>
      </c>
      <c r="F35732" s="1" t="s">
        <v>124101</v>
      </c>
      <c r="G35732" s="1" t="s">
        <v>124024</v>
      </c>
      <c r="H35732" s="1" t="s">
        <v>124025</v>
      </c>
      <c r="I35732" s="1" t="s">
        <v>123111</v>
      </c>
      <c r="J35732" s="1" t="s">
        <v>124102</v>
      </c>
    </row>
    <row r="35733" spans="1:10" x14ac:dyDescent="0.35">
      <c r="A35733" s="1" t="s">
        <v>124020</v>
      </c>
      <c r="B35733" s="1" t="s">
        <v>123106</v>
      </c>
      <c r="C35733" s="1" t="s">
        <v>135</v>
      </c>
      <c r="D35733" s="1" t="s">
        <v>15503</v>
      </c>
      <c r="E35733" s="1" t="s">
        <v>124103</v>
      </c>
      <c r="F35733" s="1" t="s">
        <v>124104</v>
      </c>
      <c r="G35733" s="1" t="s">
        <v>124024</v>
      </c>
      <c r="H35733" s="1" t="s">
        <v>124025</v>
      </c>
      <c r="I35733" s="1" t="s">
        <v>123111</v>
      </c>
      <c r="J35733" s="1" t="s">
        <v>124105</v>
      </c>
    </row>
    <row r="35734" spans="1:10" x14ac:dyDescent="0.35">
      <c r="A35734" s="1" t="s">
        <v>124020</v>
      </c>
      <c r="B35734" s="1" t="s">
        <v>123106</v>
      </c>
      <c r="C35734" s="1" t="s">
        <v>140</v>
      </c>
      <c r="D35734" s="1" t="s">
        <v>124106</v>
      </c>
      <c r="E35734" s="1" t="s">
        <v>124107</v>
      </c>
      <c r="F35734" s="1" t="s">
        <v>124108</v>
      </c>
      <c r="G35734" s="1" t="s">
        <v>124024</v>
      </c>
      <c r="H35734" s="1" t="s">
        <v>124025</v>
      </c>
      <c r="I35734" s="1" t="s">
        <v>123111</v>
      </c>
      <c r="J35734" s="1" t="s">
        <v>124109</v>
      </c>
    </row>
    <row r="35735" spans="1:10" x14ac:dyDescent="0.35">
      <c r="A35735" s="1" t="s">
        <v>124020</v>
      </c>
      <c r="B35735" s="1" t="s">
        <v>123106</v>
      </c>
      <c r="C35735" s="1" t="s">
        <v>145</v>
      </c>
      <c r="D35735" s="1" t="s">
        <v>124110</v>
      </c>
      <c r="E35735" s="1" t="s">
        <v>124111</v>
      </c>
      <c r="F35735" s="1" t="s">
        <v>124112</v>
      </c>
      <c r="G35735" s="1" t="s">
        <v>124024</v>
      </c>
      <c r="H35735" s="1" t="s">
        <v>124025</v>
      </c>
      <c r="I35735" s="1" t="s">
        <v>123111</v>
      </c>
      <c r="J35735" s="1" t="s">
        <v>124113</v>
      </c>
    </row>
    <row r="35736" spans="1:10" x14ac:dyDescent="0.35">
      <c r="A35736" s="1" t="s">
        <v>124020</v>
      </c>
      <c r="B35736" s="1" t="s">
        <v>123106</v>
      </c>
      <c r="C35736" s="1" t="s">
        <v>150</v>
      </c>
      <c r="D35736" s="1" t="s">
        <v>3441</v>
      </c>
      <c r="E35736" s="1" t="s">
        <v>124114</v>
      </c>
      <c r="F35736" s="1" t="s">
        <v>124115</v>
      </c>
      <c r="G35736" s="1" t="s">
        <v>124024</v>
      </c>
      <c r="H35736" s="1" t="s">
        <v>124025</v>
      </c>
      <c r="I35736" s="1" t="s">
        <v>123111</v>
      </c>
      <c r="J35736" s="1" t="s">
        <v>124116</v>
      </c>
    </row>
    <row r="35737" spans="1:10" x14ac:dyDescent="0.35">
      <c r="A35737" s="1" t="s">
        <v>124020</v>
      </c>
      <c r="B35737" s="1" t="s">
        <v>123106</v>
      </c>
      <c r="C35737" s="1" t="s">
        <v>155</v>
      </c>
      <c r="D35737" s="1" t="s">
        <v>51906</v>
      </c>
      <c r="E35737" s="1" t="s">
        <v>124117</v>
      </c>
      <c r="F35737" s="1" t="s">
        <v>124118</v>
      </c>
      <c r="G35737" s="1" t="s">
        <v>124024</v>
      </c>
      <c r="H35737" s="1" t="s">
        <v>124025</v>
      </c>
      <c r="I35737" s="1" t="s">
        <v>123111</v>
      </c>
      <c r="J35737" s="1" t="s">
        <v>124119</v>
      </c>
    </row>
    <row r="35738" spans="1:10" x14ac:dyDescent="0.35">
      <c r="A35738" s="1" t="s">
        <v>124020</v>
      </c>
      <c r="B35738" s="1" t="s">
        <v>123106</v>
      </c>
      <c r="C35738" s="1" t="s">
        <v>160</v>
      </c>
      <c r="D35738" s="1" t="s">
        <v>72941</v>
      </c>
      <c r="E35738" s="1" t="s">
        <v>124120</v>
      </c>
      <c r="F35738" s="1" t="s">
        <v>124121</v>
      </c>
      <c r="G35738" s="1" t="s">
        <v>124024</v>
      </c>
      <c r="H35738" s="1" t="s">
        <v>124025</v>
      </c>
      <c r="I35738" s="1" t="s">
        <v>123111</v>
      </c>
      <c r="J35738" s="1" t="s">
        <v>124122</v>
      </c>
    </row>
    <row r="35739" spans="1:10" x14ac:dyDescent="0.35">
      <c r="A35739" s="1" t="s">
        <v>124020</v>
      </c>
      <c r="B35739" s="1" t="s">
        <v>123106</v>
      </c>
      <c r="C35739" s="1" t="s">
        <v>165</v>
      </c>
      <c r="D35739" s="1" t="s">
        <v>13075</v>
      </c>
      <c r="E35739" s="1" t="s">
        <v>124123</v>
      </c>
      <c r="F35739" s="1" t="s">
        <v>124124</v>
      </c>
      <c r="G35739" s="1" t="s">
        <v>124024</v>
      </c>
      <c r="H35739" s="1" t="s">
        <v>124025</v>
      </c>
      <c r="I35739" s="1" t="s">
        <v>123111</v>
      </c>
      <c r="J35739" s="1" t="s">
        <v>124125</v>
      </c>
    </row>
    <row r="35740" spans="1:10" x14ac:dyDescent="0.35">
      <c r="A35740" s="1" t="s">
        <v>124020</v>
      </c>
      <c r="B35740" s="1" t="s">
        <v>123106</v>
      </c>
      <c r="C35740" s="1" t="s">
        <v>170</v>
      </c>
      <c r="D35740" s="1" t="s">
        <v>124126</v>
      </c>
      <c r="E35740" s="1" t="s">
        <v>124127</v>
      </c>
      <c r="F35740" s="1" t="s">
        <v>124128</v>
      </c>
      <c r="G35740" s="1" t="s">
        <v>124024</v>
      </c>
      <c r="H35740" s="1" t="s">
        <v>124025</v>
      </c>
      <c r="I35740" s="1" t="s">
        <v>123111</v>
      </c>
      <c r="J35740" s="1" t="s">
        <v>124129</v>
      </c>
    </row>
    <row r="35741" spans="1:10" x14ac:dyDescent="0.35">
      <c r="A35741" s="1" t="s">
        <v>6101</v>
      </c>
      <c r="B35741" s="1" t="s">
        <v>123106</v>
      </c>
      <c r="C35741" s="1" t="s">
        <v>8</v>
      </c>
      <c r="D35741" s="1" t="s">
        <v>5766</v>
      </c>
      <c r="E35741" s="1" t="s">
        <v>124130</v>
      </c>
      <c r="F35741" s="1" t="s">
        <v>124131</v>
      </c>
      <c r="G35741" s="1" t="s">
        <v>124132</v>
      </c>
      <c r="H35741" s="1" t="s">
        <v>124133</v>
      </c>
      <c r="I35741" s="1" t="s">
        <v>123111</v>
      </c>
      <c r="J35741" s="1" t="s">
        <v>13</v>
      </c>
    </row>
    <row r="35742" spans="1:10" x14ac:dyDescent="0.35">
      <c r="A35742" s="1" t="s">
        <v>6101</v>
      </c>
      <c r="B35742" s="1" t="s">
        <v>123106</v>
      </c>
      <c r="C35742" s="1" t="s">
        <v>15</v>
      </c>
      <c r="D35742" s="1" t="s">
        <v>73194</v>
      </c>
      <c r="E35742" s="1" t="s">
        <v>124134</v>
      </c>
      <c r="F35742" s="1" t="s">
        <v>124135</v>
      </c>
      <c r="G35742" s="1" t="s">
        <v>124132</v>
      </c>
      <c r="H35742" s="1" t="s">
        <v>124133</v>
      </c>
      <c r="I35742" s="1" t="s">
        <v>123111</v>
      </c>
      <c r="J35742" s="1" t="s">
        <v>124136</v>
      </c>
    </row>
    <row r="35743" spans="1:10" x14ac:dyDescent="0.35">
      <c r="A35743" s="1" t="s">
        <v>6101</v>
      </c>
      <c r="B35743" s="1" t="s">
        <v>123106</v>
      </c>
      <c r="C35743" s="1" t="s">
        <v>20</v>
      </c>
      <c r="D35743" s="1" t="s">
        <v>123232</v>
      </c>
      <c r="E35743" s="1" t="s">
        <v>124137</v>
      </c>
      <c r="F35743" s="1" t="s">
        <v>124138</v>
      </c>
      <c r="G35743" s="1" t="s">
        <v>124132</v>
      </c>
      <c r="H35743" s="1" t="s">
        <v>124133</v>
      </c>
      <c r="I35743" s="1" t="s">
        <v>123111</v>
      </c>
      <c r="J35743" s="1" t="s">
        <v>123235</v>
      </c>
    </row>
    <row r="35744" spans="1:10" x14ac:dyDescent="0.35">
      <c r="A35744" s="1" t="s">
        <v>6101</v>
      </c>
      <c r="B35744" s="1" t="s">
        <v>123106</v>
      </c>
      <c r="C35744" s="1" t="s">
        <v>25</v>
      </c>
      <c r="D35744" s="1" t="s">
        <v>123236</v>
      </c>
      <c r="E35744" s="1" t="s">
        <v>124139</v>
      </c>
      <c r="F35744" s="1" t="s">
        <v>124140</v>
      </c>
      <c r="G35744" s="1" t="s">
        <v>124132</v>
      </c>
      <c r="H35744" s="1" t="s">
        <v>124133</v>
      </c>
      <c r="I35744" s="1" t="s">
        <v>123111</v>
      </c>
      <c r="J35744" s="1" t="s">
        <v>123239</v>
      </c>
    </row>
    <row r="35745" spans="1:10" x14ac:dyDescent="0.35">
      <c r="A35745" s="1" t="s">
        <v>6101</v>
      </c>
      <c r="B35745" s="1" t="s">
        <v>123106</v>
      </c>
      <c r="C35745" s="1" t="s">
        <v>30</v>
      </c>
      <c r="D35745" s="1" t="s">
        <v>123240</v>
      </c>
      <c r="E35745" s="1" t="s">
        <v>124141</v>
      </c>
      <c r="F35745" s="1" t="s">
        <v>124142</v>
      </c>
      <c r="G35745" s="1" t="s">
        <v>124132</v>
      </c>
      <c r="H35745" s="1" t="s">
        <v>124133</v>
      </c>
      <c r="I35745" s="1" t="s">
        <v>123111</v>
      </c>
      <c r="J35745" s="1" t="s">
        <v>123243</v>
      </c>
    </row>
    <row r="35746" spans="1:10" x14ac:dyDescent="0.35">
      <c r="A35746" s="1" t="s">
        <v>6101</v>
      </c>
      <c r="B35746" s="1" t="s">
        <v>123106</v>
      </c>
      <c r="C35746" s="1" t="s">
        <v>35</v>
      </c>
      <c r="D35746" s="1" t="s">
        <v>118723</v>
      </c>
      <c r="E35746" s="1" t="s">
        <v>124143</v>
      </c>
      <c r="F35746" s="1" t="s">
        <v>124144</v>
      </c>
      <c r="G35746" s="1" t="s">
        <v>124132</v>
      </c>
      <c r="H35746" s="1" t="s">
        <v>124133</v>
      </c>
      <c r="I35746" s="1" t="s">
        <v>123111</v>
      </c>
      <c r="J35746" s="1" t="s">
        <v>124145</v>
      </c>
    </row>
    <row r="35747" spans="1:10" x14ac:dyDescent="0.35">
      <c r="A35747" s="1" t="s">
        <v>6101</v>
      </c>
      <c r="B35747" s="1" t="s">
        <v>123106</v>
      </c>
      <c r="C35747" s="1" t="s">
        <v>40</v>
      </c>
      <c r="D35747" s="1" t="s">
        <v>35287</v>
      </c>
      <c r="E35747" s="1" t="s">
        <v>124146</v>
      </c>
      <c r="F35747" s="1" t="s">
        <v>124147</v>
      </c>
      <c r="G35747" s="1" t="s">
        <v>124132</v>
      </c>
      <c r="H35747" s="1" t="s">
        <v>124133</v>
      </c>
      <c r="I35747" s="1" t="s">
        <v>123111</v>
      </c>
      <c r="J35747" s="1" t="s">
        <v>124148</v>
      </c>
    </row>
    <row r="35748" spans="1:10" x14ac:dyDescent="0.35">
      <c r="A35748" s="1" t="s">
        <v>6101</v>
      </c>
      <c r="B35748" s="1" t="s">
        <v>123106</v>
      </c>
      <c r="C35748" s="1" t="s">
        <v>45</v>
      </c>
      <c r="D35748" s="1" t="s">
        <v>36065</v>
      </c>
      <c r="E35748" s="1" t="s">
        <v>124149</v>
      </c>
      <c r="F35748" s="1" t="s">
        <v>124150</v>
      </c>
      <c r="G35748" s="1" t="s">
        <v>124132</v>
      </c>
      <c r="H35748" s="1" t="s">
        <v>124133</v>
      </c>
      <c r="I35748" s="1" t="s">
        <v>123111</v>
      </c>
      <c r="J35748" s="1" t="s">
        <v>124151</v>
      </c>
    </row>
    <row r="35749" spans="1:10" x14ac:dyDescent="0.35">
      <c r="A35749" s="1" t="s">
        <v>6101</v>
      </c>
      <c r="B35749" s="1" t="s">
        <v>123106</v>
      </c>
      <c r="C35749" s="1" t="s">
        <v>50</v>
      </c>
      <c r="D35749" s="1" t="s">
        <v>36208</v>
      </c>
      <c r="E35749" s="1" t="s">
        <v>124152</v>
      </c>
      <c r="F35749" s="1" t="s">
        <v>124153</v>
      </c>
      <c r="G35749" s="1" t="s">
        <v>124132</v>
      </c>
      <c r="H35749" s="1" t="s">
        <v>124133</v>
      </c>
      <c r="I35749" s="1" t="s">
        <v>123111</v>
      </c>
      <c r="J35749" s="1" t="s">
        <v>123255</v>
      </c>
    </row>
    <row r="35750" spans="1:10" x14ac:dyDescent="0.35">
      <c r="A35750" s="1" t="s">
        <v>6101</v>
      </c>
      <c r="B35750" s="1" t="s">
        <v>123106</v>
      </c>
      <c r="C35750" s="1" t="s">
        <v>55</v>
      </c>
      <c r="D35750" s="1" t="s">
        <v>123256</v>
      </c>
      <c r="E35750" s="1" t="s">
        <v>124154</v>
      </c>
      <c r="F35750" s="1" t="s">
        <v>124155</v>
      </c>
      <c r="G35750" s="1" t="s">
        <v>124132</v>
      </c>
      <c r="H35750" s="1" t="s">
        <v>124133</v>
      </c>
      <c r="I35750" s="1" t="s">
        <v>123111</v>
      </c>
      <c r="J35750" s="1" t="s">
        <v>123259</v>
      </c>
    </row>
    <row r="35751" spans="1:10" x14ac:dyDescent="0.35">
      <c r="A35751" s="1" t="s">
        <v>6101</v>
      </c>
      <c r="B35751" s="1" t="s">
        <v>123106</v>
      </c>
      <c r="C35751" s="1" t="s">
        <v>60</v>
      </c>
      <c r="D35751" s="1" t="s">
        <v>49224</v>
      </c>
      <c r="E35751" s="1" t="s">
        <v>124156</v>
      </c>
      <c r="F35751" s="1" t="s">
        <v>124157</v>
      </c>
      <c r="G35751" s="1" t="s">
        <v>124132</v>
      </c>
      <c r="H35751" s="1" t="s">
        <v>124133</v>
      </c>
      <c r="I35751" s="1" t="s">
        <v>123111</v>
      </c>
      <c r="J35751" s="1" t="s">
        <v>123262</v>
      </c>
    </row>
    <row r="35752" spans="1:10" x14ac:dyDescent="0.35">
      <c r="A35752" s="1" t="s">
        <v>6101</v>
      </c>
      <c r="B35752" s="1" t="s">
        <v>123106</v>
      </c>
      <c r="C35752" s="1" t="s">
        <v>65</v>
      </c>
      <c r="D35752" s="1" t="s">
        <v>124158</v>
      </c>
      <c r="E35752" s="1" t="s">
        <v>124159</v>
      </c>
      <c r="F35752" s="1" t="s">
        <v>124160</v>
      </c>
      <c r="G35752" s="1" t="s">
        <v>124132</v>
      </c>
      <c r="H35752" s="1" t="s">
        <v>124133</v>
      </c>
      <c r="I35752" s="1" t="s">
        <v>123111</v>
      </c>
      <c r="J35752" s="1" t="s">
        <v>124161</v>
      </c>
    </row>
    <row r="35753" spans="1:10" x14ac:dyDescent="0.35">
      <c r="A35753" s="1" t="s">
        <v>6101</v>
      </c>
      <c r="B35753" s="1" t="s">
        <v>123106</v>
      </c>
      <c r="C35753" s="1" t="s">
        <v>70</v>
      </c>
      <c r="D35753" s="1" t="s">
        <v>124162</v>
      </c>
      <c r="E35753" s="1" t="s">
        <v>124163</v>
      </c>
      <c r="F35753" s="1" t="s">
        <v>124164</v>
      </c>
      <c r="G35753" s="1" t="s">
        <v>124132</v>
      </c>
      <c r="H35753" s="1" t="s">
        <v>124133</v>
      </c>
      <c r="I35753" s="1" t="s">
        <v>123111</v>
      </c>
      <c r="J35753" s="1" t="s">
        <v>124165</v>
      </c>
    </row>
    <row r="35754" spans="1:10" x14ac:dyDescent="0.35">
      <c r="A35754" s="1" t="s">
        <v>6101</v>
      </c>
      <c r="B35754" s="1" t="s">
        <v>123106</v>
      </c>
      <c r="C35754" s="1" t="s">
        <v>75</v>
      </c>
      <c r="D35754" s="1" t="s">
        <v>124166</v>
      </c>
      <c r="E35754" s="1" t="s">
        <v>124167</v>
      </c>
      <c r="F35754" s="1" t="s">
        <v>124168</v>
      </c>
      <c r="G35754" s="1" t="s">
        <v>124132</v>
      </c>
      <c r="H35754" s="1" t="s">
        <v>124133</v>
      </c>
      <c r="I35754" s="1" t="s">
        <v>123111</v>
      </c>
      <c r="J35754" s="1" t="s">
        <v>124169</v>
      </c>
    </row>
    <row r="35755" spans="1:10" x14ac:dyDescent="0.35">
      <c r="A35755" s="1" t="s">
        <v>6101</v>
      </c>
      <c r="B35755" s="1" t="s">
        <v>123106</v>
      </c>
      <c r="C35755" s="1" t="s">
        <v>80</v>
      </c>
      <c r="D35755" s="1" t="s">
        <v>124170</v>
      </c>
      <c r="E35755" s="1" t="s">
        <v>124171</v>
      </c>
      <c r="F35755" s="1" t="s">
        <v>124172</v>
      </c>
      <c r="G35755" s="1" t="s">
        <v>124132</v>
      </c>
      <c r="H35755" s="1" t="s">
        <v>124133</v>
      </c>
      <c r="I35755" s="1" t="s">
        <v>123111</v>
      </c>
      <c r="J35755" s="1" t="s">
        <v>124173</v>
      </c>
    </row>
    <row r="35756" spans="1:10" x14ac:dyDescent="0.35">
      <c r="A35756" s="1" t="s">
        <v>6101</v>
      </c>
      <c r="B35756" s="1" t="s">
        <v>123106</v>
      </c>
      <c r="C35756" s="1" t="s">
        <v>85</v>
      </c>
      <c r="D35756" s="1" t="s">
        <v>36133</v>
      </c>
      <c r="E35756" s="1" t="s">
        <v>124174</v>
      </c>
      <c r="F35756" s="1" t="s">
        <v>124175</v>
      </c>
      <c r="G35756" s="1" t="s">
        <v>124132</v>
      </c>
      <c r="H35756" s="1" t="s">
        <v>124133</v>
      </c>
      <c r="I35756" s="1" t="s">
        <v>123111</v>
      </c>
      <c r="J35756" s="1" t="s">
        <v>124176</v>
      </c>
    </row>
    <row r="35757" spans="1:10" x14ac:dyDescent="0.35">
      <c r="A35757" s="1" t="s">
        <v>6101</v>
      </c>
      <c r="B35757" s="1" t="s">
        <v>123106</v>
      </c>
      <c r="C35757" s="1" t="s">
        <v>90</v>
      </c>
      <c r="D35757" s="1" t="s">
        <v>2963</v>
      </c>
      <c r="E35757" s="1" t="s">
        <v>124177</v>
      </c>
      <c r="F35757" s="1" t="s">
        <v>124178</v>
      </c>
      <c r="G35757" s="1" t="s">
        <v>124132</v>
      </c>
      <c r="H35757" s="1" t="s">
        <v>124133</v>
      </c>
      <c r="I35757" s="1" t="s">
        <v>123111</v>
      </c>
      <c r="J35757" s="1" t="s">
        <v>124179</v>
      </c>
    </row>
    <row r="35758" spans="1:10" x14ac:dyDescent="0.35">
      <c r="A35758" s="1" t="s">
        <v>6101</v>
      </c>
      <c r="B35758" s="1" t="s">
        <v>123106</v>
      </c>
      <c r="C35758" s="1" t="s">
        <v>95</v>
      </c>
      <c r="D35758" s="1" t="s">
        <v>124180</v>
      </c>
      <c r="E35758" s="1" t="s">
        <v>124181</v>
      </c>
      <c r="F35758" s="1" t="s">
        <v>124182</v>
      </c>
      <c r="G35758" s="1" t="s">
        <v>124132</v>
      </c>
      <c r="H35758" s="1" t="s">
        <v>124133</v>
      </c>
      <c r="I35758" s="1" t="s">
        <v>123111</v>
      </c>
      <c r="J35758" s="1" t="s">
        <v>124183</v>
      </c>
    </row>
    <row r="35759" spans="1:10" x14ac:dyDescent="0.35">
      <c r="A35759" s="1" t="s">
        <v>6101</v>
      </c>
      <c r="B35759" s="1" t="s">
        <v>123106</v>
      </c>
      <c r="C35759" s="1" t="s">
        <v>100</v>
      </c>
      <c r="D35759" s="1" t="s">
        <v>31483</v>
      </c>
      <c r="E35759" s="1" t="s">
        <v>124184</v>
      </c>
      <c r="F35759" s="1" t="s">
        <v>124185</v>
      </c>
      <c r="G35759" s="1" t="s">
        <v>124132</v>
      </c>
      <c r="H35759" s="1" t="s">
        <v>124133</v>
      </c>
      <c r="I35759" s="1" t="s">
        <v>123111</v>
      </c>
      <c r="J35759" s="1" t="s">
        <v>124186</v>
      </c>
    </row>
    <row r="35760" spans="1:10" x14ac:dyDescent="0.35">
      <c r="A35760" s="1" t="s">
        <v>6101</v>
      </c>
      <c r="B35760" s="1" t="s">
        <v>123106</v>
      </c>
      <c r="C35760" s="1" t="s">
        <v>105</v>
      </c>
      <c r="D35760" s="1" t="s">
        <v>47536</v>
      </c>
      <c r="E35760" s="1" t="s">
        <v>124187</v>
      </c>
      <c r="F35760" s="1" t="s">
        <v>124188</v>
      </c>
      <c r="G35760" s="1" t="s">
        <v>124132</v>
      </c>
      <c r="H35760" s="1" t="s">
        <v>124133</v>
      </c>
      <c r="I35760" s="1" t="s">
        <v>123111</v>
      </c>
      <c r="J35760" s="1" t="s">
        <v>124189</v>
      </c>
    </row>
    <row r="35761" spans="1:10" x14ac:dyDescent="0.35">
      <c r="A35761" s="1" t="s">
        <v>6101</v>
      </c>
      <c r="B35761" s="1" t="s">
        <v>123106</v>
      </c>
      <c r="C35761" s="1" t="s">
        <v>110</v>
      </c>
      <c r="D35761" s="1" t="s">
        <v>3000</v>
      </c>
      <c r="E35761" s="1" t="s">
        <v>124190</v>
      </c>
      <c r="F35761" s="1" t="s">
        <v>124191</v>
      </c>
      <c r="G35761" s="1" t="s">
        <v>124132</v>
      </c>
      <c r="H35761" s="1" t="s">
        <v>124133</v>
      </c>
      <c r="I35761" s="1" t="s">
        <v>123111</v>
      </c>
      <c r="J35761" s="1" t="s">
        <v>124192</v>
      </c>
    </row>
    <row r="35762" spans="1:10" x14ac:dyDescent="0.35">
      <c r="A35762" s="1" t="s">
        <v>6101</v>
      </c>
      <c r="B35762" s="1" t="s">
        <v>123106</v>
      </c>
      <c r="C35762" s="1" t="s">
        <v>115</v>
      </c>
      <c r="D35762" s="1" t="s">
        <v>124193</v>
      </c>
      <c r="E35762" s="1" t="s">
        <v>124194</v>
      </c>
      <c r="F35762" s="1" t="s">
        <v>124195</v>
      </c>
      <c r="G35762" s="1" t="s">
        <v>124132</v>
      </c>
      <c r="H35762" s="1" t="s">
        <v>124133</v>
      </c>
      <c r="I35762" s="1" t="s">
        <v>123111</v>
      </c>
      <c r="J35762" s="1" t="s">
        <v>124196</v>
      </c>
    </row>
    <row r="35763" spans="1:10" x14ac:dyDescent="0.35">
      <c r="A35763" s="1" t="s">
        <v>6101</v>
      </c>
      <c r="B35763" s="1" t="s">
        <v>123106</v>
      </c>
      <c r="C35763" s="1" t="s">
        <v>120</v>
      </c>
      <c r="D35763" s="1" t="s">
        <v>9624</v>
      </c>
      <c r="E35763" s="1" t="s">
        <v>124197</v>
      </c>
      <c r="F35763" s="1" t="s">
        <v>124198</v>
      </c>
      <c r="G35763" s="1" t="s">
        <v>124132</v>
      </c>
      <c r="H35763" s="1" t="s">
        <v>124133</v>
      </c>
      <c r="I35763" s="1" t="s">
        <v>123111</v>
      </c>
      <c r="J35763" s="1" t="s">
        <v>124199</v>
      </c>
    </row>
    <row r="35764" spans="1:10" x14ac:dyDescent="0.35">
      <c r="A35764" s="1" t="s">
        <v>6101</v>
      </c>
      <c r="B35764" s="1" t="s">
        <v>123106</v>
      </c>
      <c r="C35764" s="1" t="s">
        <v>125</v>
      </c>
      <c r="D35764" s="1" t="s">
        <v>124200</v>
      </c>
      <c r="E35764" s="1" t="s">
        <v>124201</v>
      </c>
      <c r="F35764" s="1" t="s">
        <v>124202</v>
      </c>
      <c r="G35764" s="1" t="s">
        <v>124132</v>
      </c>
      <c r="H35764" s="1" t="s">
        <v>124133</v>
      </c>
      <c r="I35764" s="1" t="s">
        <v>123111</v>
      </c>
      <c r="J35764" s="1" t="s">
        <v>124203</v>
      </c>
    </row>
    <row r="35765" spans="1:10" x14ac:dyDescent="0.35">
      <c r="A35765" s="1" t="s">
        <v>6101</v>
      </c>
      <c r="B35765" s="1" t="s">
        <v>123106</v>
      </c>
      <c r="C35765" s="1" t="s">
        <v>130</v>
      </c>
      <c r="D35765" s="1" t="s">
        <v>171</v>
      </c>
      <c r="E35765" s="1" t="s">
        <v>124204</v>
      </c>
      <c r="F35765" s="1" t="s">
        <v>124205</v>
      </c>
      <c r="G35765" s="1" t="s">
        <v>124132</v>
      </c>
      <c r="H35765" s="1" t="s">
        <v>124133</v>
      </c>
      <c r="I35765" s="1" t="s">
        <v>123111</v>
      </c>
      <c r="J35765" s="1" t="s">
        <v>124206</v>
      </c>
    </row>
    <row r="35766" spans="1:10" x14ac:dyDescent="0.35">
      <c r="A35766" s="1" t="s">
        <v>6101</v>
      </c>
      <c r="B35766" s="1" t="s">
        <v>123106</v>
      </c>
      <c r="C35766" s="1" t="s">
        <v>135</v>
      </c>
      <c r="D35766" s="1" t="s">
        <v>124207</v>
      </c>
      <c r="E35766" s="1" t="s">
        <v>124208</v>
      </c>
      <c r="F35766" s="1" t="s">
        <v>124209</v>
      </c>
      <c r="G35766" s="1" t="s">
        <v>124132</v>
      </c>
      <c r="H35766" s="1" t="s">
        <v>124133</v>
      </c>
      <c r="I35766" s="1" t="s">
        <v>123111</v>
      </c>
      <c r="J35766" s="1" t="s">
        <v>124210</v>
      </c>
    </row>
    <row r="35767" spans="1:10" x14ac:dyDescent="0.35">
      <c r="A35767" s="1" t="s">
        <v>6101</v>
      </c>
      <c r="B35767" s="1" t="s">
        <v>123106</v>
      </c>
      <c r="C35767" s="1" t="s">
        <v>140</v>
      </c>
      <c r="D35767" s="1" t="s">
        <v>124211</v>
      </c>
      <c r="E35767" s="1" t="s">
        <v>124212</v>
      </c>
      <c r="F35767" s="1" t="s">
        <v>124213</v>
      </c>
      <c r="G35767" s="1" t="s">
        <v>124132</v>
      </c>
      <c r="H35767" s="1" t="s">
        <v>124133</v>
      </c>
      <c r="I35767" s="1" t="s">
        <v>123111</v>
      </c>
      <c r="J35767" s="1" t="s">
        <v>124214</v>
      </c>
    </row>
    <row r="35768" spans="1:10" x14ac:dyDescent="0.35">
      <c r="A35768" s="1" t="s">
        <v>6101</v>
      </c>
      <c r="B35768" s="1" t="s">
        <v>123106</v>
      </c>
      <c r="C35768" s="1" t="s">
        <v>145</v>
      </c>
      <c r="D35768" s="1" t="s">
        <v>31988</v>
      </c>
      <c r="E35768" s="1" t="s">
        <v>124215</v>
      </c>
      <c r="F35768" s="1" t="s">
        <v>124216</v>
      </c>
      <c r="G35768" s="1" t="s">
        <v>124132</v>
      </c>
      <c r="H35768" s="1" t="s">
        <v>124133</v>
      </c>
      <c r="I35768" s="1" t="s">
        <v>123111</v>
      </c>
      <c r="J35768" s="1" t="s">
        <v>124217</v>
      </c>
    </row>
    <row r="35769" spans="1:10" x14ac:dyDescent="0.35">
      <c r="A35769" s="1" t="s">
        <v>6101</v>
      </c>
      <c r="B35769" s="1" t="s">
        <v>123106</v>
      </c>
      <c r="C35769" s="1" t="s">
        <v>150</v>
      </c>
      <c r="D35769" s="1" t="s">
        <v>47850</v>
      </c>
      <c r="E35769" s="1" t="s">
        <v>124218</v>
      </c>
      <c r="F35769" s="1" t="s">
        <v>124219</v>
      </c>
      <c r="G35769" s="1" t="s">
        <v>124132</v>
      </c>
      <c r="H35769" s="1" t="s">
        <v>124133</v>
      </c>
      <c r="I35769" s="1" t="s">
        <v>123111</v>
      </c>
      <c r="J35769" s="1" t="s">
        <v>124220</v>
      </c>
    </row>
    <row r="35770" spans="1:10" x14ac:dyDescent="0.35">
      <c r="A35770" s="1" t="s">
        <v>6101</v>
      </c>
      <c r="B35770" s="1" t="s">
        <v>123106</v>
      </c>
      <c r="C35770" s="1" t="s">
        <v>155</v>
      </c>
      <c r="D35770" s="1" t="s">
        <v>124221</v>
      </c>
      <c r="E35770" s="1" t="s">
        <v>124222</v>
      </c>
      <c r="F35770" s="1" t="s">
        <v>124223</v>
      </c>
      <c r="G35770" s="1" t="s">
        <v>124132</v>
      </c>
      <c r="H35770" s="1" t="s">
        <v>124133</v>
      </c>
      <c r="I35770" s="1" t="s">
        <v>123111</v>
      </c>
      <c r="J35770" s="1" t="s">
        <v>124224</v>
      </c>
    </row>
    <row r="35771" spans="1:10" x14ac:dyDescent="0.35">
      <c r="A35771" s="1" t="s">
        <v>6101</v>
      </c>
      <c r="B35771" s="1" t="s">
        <v>123106</v>
      </c>
      <c r="C35771" s="1" t="s">
        <v>160</v>
      </c>
      <c r="D35771" s="1" t="s">
        <v>36529</v>
      </c>
      <c r="E35771" s="1" t="s">
        <v>124225</v>
      </c>
      <c r="F35771" s="1" t="s">
        <v>124226</v>
      </c>
      <c r="G35771" s="1" t="s">
        <v>124132</v>
      </c>
      <c r="H35771" s="1" t="s">
        <v>124133</v>
      </c>
      <c r="I35771" s="1" t="s">
        <v>123111</v>
      </c>
      <c r="J35771" s="1" t="s">
        <v>124227</v>
      </c>
    </row>
    <row r="35772" spans="1:10" x14ac:dyDescent="0.35">
      <c r="A35772" s="1" t="s">
        <v>6101</v>
      </c>
      <c r="B35772" s="1" t="s">
        <v>123106</v>
      </c>
      <c r="C35772" s="1" t="s">
        <v>165</v>
      </c>
      <c r="D35772" s="1" t="s">
        <v>36921</v>
      </c>
      <c r="E35772" s="1" t="s">
        <v>124228</v>
      </c>
      <c r="F35772" s="1" t="s">
        <v>124229</v>
      </c>
      <c r="G35772" s="1" t="s">
        <v>124132</v>
      </c>
      <c r="H35772" s="1" t="s">
        <v>124133</v>
      </c>
      <c r="I35772" s="1" t="s">
        <v>123111</v>
      </c>
      <c r="J35772" s="1" t="s">
        <v>124230</v>
      </c>
    </row>
    <row r="35773" spans="1:10" x14ac:dyDescent="0.35">
      <c r="A35773" s="1" t="s">
        <v>6101</v>
      </c>
      <c r="B35773" s="1" t="s">
        <v>123106</v>
      </c>
      <c r="C35773" s="1" t="s">
        <v>170</v>
      </c>
      <c r="D35773" s="1" t="s">
        <v>71194</v>
      </c>
      <c r="E35773" s="1" t="s">
        <v>124231</v>
      </c>
      <c r="F35773" s="1" t="s">
        <v>124232</v>
      </c>
      <c r="G35773" s="1" t="s">
        <v>124132</v>
      </c>
      <c r="H35773" s="1" t="s">
        <v>124133</v>
      </c>
      <c r="I35773" s="1" t="s">
        <v>123111</v>
      </c>
      <c r="J35773" s="1" t="s">
        <v>124233</v>
      </c>
    </row>
    <row r="35774" spans="1:10" x14ac:dyDescent="0.35">
      <c r="A35774" s="1" t="s">
        <v>13214</v>
      </c>
      <c r="B35774" s="1" t="s">
        <v>123106</v>
      </c>
      <c r="C35774" s="1" t="s">
        <v>8</v>
      </c>
      <c r="D35774" s="1" t="s">
        <v>73806</v>
      </c>
      <c r="E35774" s="1" t="s">
        <v>124234</v>
      </c>
      <c r="F35774" s="1" t="s">
        <v>124235</v>
      </c>
      <c r="G35774" s="1" t="s">
        <v>124236</v>
      </c>
      <c r="H35774" s="1" t="s">
        <v>124237</v>
      </c>
      <c r="I35774" s="1" t="s">
        <v>123111</v>
      </c>
      <c r="J35774" s="1" t="s">
        <v>13</v>
      </c>
    </row>
    <row r="35775" spans="1:10" x14ac:dyDescent="0.35">
      <c r="A35775" s="1" t="s">
        <v>13214</v>
      </c>
      <c r="B35775" s="1" t="s">
        <v>123106</v>
      </c>
      <c r="C35775" s="1" t="s">
        <v>15</v>
      </c>
      <c r="D35775" s="1" t="s">
        <v>44729</v>
      </c>
      <c r="E35775" s="1" t="s">
        <v>124238</v>
      </c>
      <c r="F35775" s="1" t="s">
        <v>124239</v>
      </c>
      <c r="G35775" s="1" t="s">
        <v>124236</v>
      </c>
      <c r="H35775" s="1" t="s">
        <v>124237</v>
      </c>
      <c r="I35775" s="1" t="s">
        <v>123111</v>
      </c>
      <c r="J35775" s="1" t="s">
        <v>124240</v>
      </c>
    </row>
    <row r="35776" spans="1:10" x14ac:dyDescent="0.35">
      <c r="A35776" s="1" t="s">
        <v>13214</v>
      </c>
      <c r="B35776" s="1" t="s">
        <v>123106</v>
      </c>
      <c r="C35776" s="1" t="s">
        <v>20</v>
      </c>
      <c r="D35776" s="1" t="s">
        <v>124241</v>
      </c>
      <c r="E35776" s="1" t="s">
        <v>124242</v>
      </c>
      <c r="F35776" s="1" t="s">
        <v>124243</v>
      </c>
      <c r="G35776" s="1" t="s">
        <v>124236</v>
      </c>
      <c r="H35776" s="1" t="s">
        <v>124237</v>
      </c>
      <c r="I35776" s="1" t="s">
        <v>123111</v>
      </c>
      <c r="J35776" s="1" t="s">
        <v>124244</v>
      </c>
    </row>
    <row r="35777" spans="1:10" x14ac:dyDescent="0.35">
      <c r="A35777" s="1" t="s">
        <v>13214</v>
      </c>
      <c r="B35777" s="1" t="s">
        <v>123106</v>
      </c>
      <c r="C35777" s="1" t="s">
        <v>25</v>
      </c>
      <c r="D35777" s="1" t="s">
        <v>124245</v>
      </c>
      <c r="E35777" s="1" t="s">
        <v>124246</v>
      </c>
      <c r="F35777" s="1" t="s">
        <v>124247</v>
      </c>
      <c r="G35777" s="1" t="s">
        <v>124236</v>
      </c>
      <c r="H35777" s="1" t="s">
        <v>124237</v>
      </c>
      <c r="I35777" s="1" t="s">
        <v>123111</v>
      </c>
      <c r="J35777" s="1" t="s">
        <v>124248</v>
      </c>
    </row>
    <row r="35778" spans="1:10" x14ac:dyDescent="0.35">
      <c r="A35778" s="1" t="s">
        <v>13214</v>
      </c>
      <c r="B35778" s="1" t="s">
        <v>123106</v>
      </c>
      <c r="C35778" s="1" t="s">
        <v>30</v>
      </c>
      <c r="D35778" s="1" t="s">
        <v>38361</v>
      </c>
      <c r="E35778" s="1" t="s">
        <v>124249</v>
      </c>
      <c r="F35778" s="1" t="s">
        <v>124250</v>
      </c>
      <c r="G35778" s="1" t="s">
        <v>124236</v>
      </c>
      <c r="H35778" s="1" t="s">
        <v>124237</v>
      </c>
      <c r="I35778" s="1" t="s">
        <v>123111</v>
      </c>
      <c r="J35778" s="1" t="s">
        <v>124251</v>
      </c>
    </row>
    <row r="35779" spans="1:10" x14ac:dyDescent="0.35">
      <c r="A35779" s="1" t="s">
        <v>13214</v>
      </c>
      <c r="B35779" s="1" t="s">
        <v>123106</v>
      </c>
      <c r="C35779" s="1" t="s">
        <v>35</v>
      </c>
      <c r="D35779" s="1" t="s">
        <v>124252</v>
      </c>
      <c r="E35779" s="1" t="s">
        <v>124253</v>
      </c>
      <c r="F35779" s="1" t="s">
        <v>124254</v>
      </c>
      <c r="G35779" s="1" t="s">
        <v>124236</v>
      </c>
      <c r="H35779" s="1" t="s">
        <v>124237</v>
      </c>
      <c r="I35779" s="1" t="s">
        <v>123111</v>
      </c>
      <c r="J35779" s="1" t="s">
        <v>124255</v>
      </c>
    </row>
    <row r="35780" spans="1:10" x14ac:dyDescent="0.35">
      <c r="A35780" s="1" t="s">
        <v>13214</v>
      </c>
      <c r="B35780" s="1" t="s">
        <v>123106</v>
      </c>
      <c r="C35780" s="1" t="s">
        <v>40</v>
      </c>
      <c r="D35780" s="1" t="s">
        <v>36426</v>
      </c>
      <c r="E35780" s="1" t="s">
        <v>124256</v>
      </c>
      <c r="F35780" s="1" t="s">
        <v>124257</v>
      </c>
      <c r="G35780" s="1" t="s">
        <v>124236</v>
      </c>
      <c r="H35780" s="1" t="s">
        <v>124237</v>
      </c>
      <c r="I35780" s="1" t="s">
        <v>123111</v>
      </c>
      <c r="J35780" s="1" t="s">
        <v>124258</v>
      </c>
    </row>
    <row r="35781" spans="1:10" x14ac:dyDescent="0.35">
      <c r="A35781" s="1" t="s">
        <v>13214</v>
      </c>
      <c r="B35781" s="1" t="s">
        <v>123106</v>
      </c>
      <c r="C35781" s="1" t="s">
        <v>45</v>
      </c>
      <c r="D35781" s="1" t="s">
        <v>124259</v>
      </c>
      <c r="E35781" s="1" t="s">
        <v>124260</v>
      </c>
      <c r="F35781" s="1" t="s">
        <v>124261</v>
      </c>
      <c r="G35781" s="1" t="s">
        <v>124236</v>
      </c>
      <c r="H35781" s="1" t="s">
        <v>124237</v>
      </c>
      <c r="I35781" s="1" t="s">
        <v>123111</v>
      </c>
      <c r="J35781" s="1" t="s">
        <v>124262</v>
      </c>
    </row>
    <row r="35782" spans="1:10" x14ac:dyDescent="0.35">
      <c r="A35782" s="1" t="s">
        <v>13214</v>
      </c>
      <c r="B35782" s="1" t="s">
        <v>123106</v>
      </c>
      <c r="C35782" s="1" t="s">
        <v>50</v>
      </c>
      <c r="D35782" s="1" t="s">
        <v>124263</v>
      </c>
      <c r="E35782" s="1" t="s">
        <v>124264</v>
      </c>
      <c r="F35782" s="1" t="s">
        <v>124265</v>
      </c>
      <c r="G35782" s="1" t="s">
        <v>124236</v>
      </c>
      <c r="H35782" s="1" t="s">
        <v>124237</v>
      </c>
      <c r="I35782" s="1" t="s">
        <v>123111</v>
      </c>
      <c r="J35782" s="1" t="s">
        <v>124266</v>
      </c>
    </row>
    <row r="35783" spans="1:10" x14ac:dyDescent="0.35">
      <c r="A35783" s="1" t="s">
        <v>13214</v>
      </c>
      <c r="B35783" s="1" t="s">
        <v>123106</v>
      </c>
      <c r="C35783" s="1" t="s">
        <v>55</v>
      </c>
      <c r="D35783" s="1" t="s">
        <v>115436</v>
      </c>
      <c r="E35783" s="1" t="s">
        <v>124267</v>
      </c>
      <c r="F35783" s="1" t="s">
        <v>124268</v>
      </c>
      <c r="G35783" s="1" t="s">
        <v>124236</v>
      </c>
      <c r="H35783" s="1" t="s">
        <v>124237</v>
      </c>
      <c r="I35783" s="1" t="s">
        <v>123111</v>
      </c>
      <c r="J35783" s="1" t="s">
        <v>124269</v>
      </c>
    </row>
    <row r="35784" spans="1:10" x14ac:dyDescent="0.35">
      <c r="A35784" s="1" t="s">
        <v>13214</v>
      </c>
      <c r="B35784" s="1" t="s">
        <v>123106</v>
      </c>
      <c r="C35784" s="1" t="s">
        <v>60</v>
      </c>
      <c r="D35784" s="1" t="s">
        <v>124270</v>
      </c>
      <c r="E35784" s="1" t="s">
        <v>124271</v>
      </c>
      <c r="F35784" s="1" t="s">
        <v>124272</v>
      </c>
      <c r="G35784" s="1" t="s">
        <v>124236</v>
      </c>
      <c r="H35784" s="1" t="s">
        <v>124237</v>
      </c>
      <c r="I35784" s="1" t="s">
        <v>123111</v>
      </c>
      <c r="J35784" s="1" t="s">
        <v>124273</v>
      </c>
    </row>
    <row r="35785" spans="1:10" x14ac:dyDescent="0.35">
      <c r="A35785" s="1" t="s">
        <v>13214</v>
      </c>
      <c r="B35785" s="1" t="s">
        <v>123106</v>
      </c>
      <c r="C35785" s="1" t="s">
        <v>65</v>
      </c>
      <c r="D35785" s="1" t="s">
        <v>124274</v>
      </c>
      <c r="E35785" s="1" t="s">
        <v>124275</v>
      </c>
      <c r="F35785" s="1" t="s">
        <v>124276</v>
      </c>
      <c r="G35785" s="1" t="s">
        <v>124236</v>
      </c>
      <c r="H35785" s="1" t="s">
        <v>124237</v>
      </c>
      <c r="I35785" s="1" t="s">
        <v>123111</v>
      </c>
      <c r="J35785" s="1" t="s">
        <v>124277</v>
      </c>
    </row>
    <row r="35786" spans="1:10" x14ac:dyDescent="0.35">
      <c r="A35786" s="1" t="s">
        <v>13214</v>
      </c>
      <c r="B35786" s="1" t="s">
        <v>123106</v>
      </c>
      <c r="C35786" s="1" t="s">
        <v>70</v>
      </c>
      <c r="D35786" s="1" t="s">
        <v>124278</v>
      </c>
      <c r="E35786" s="1" t="s">
        <v>124279</v>
      </c>
      <c r="F35786" s="1" t="s">
        <v>124280</v>
      </c>
      <c r="G35786" s="1" t="s">
        <v>124236</v>
      </c>
      <c r="H35786" s="1" t="s">
        <v>124237</v>
      </c>
      <c r="I35786" s="1" t="s">
        <v>123111</v>
      </c>
      <c r="J35786" s="1" t="s">
        <v>124281</v>
      </c>
    </row>
    <row r="35787" spans="1:10" x14ac:dyDescent="0.35">
      <c r="A35787" s="1" t="s">
        <v>13214</v>
      </c>
      <c r="B35787" s="1" t="s">
        <v>123106</v>
      </c>
      <c r="C35787" s="1" t="s">
        <v>75</v>
      </c>
      <c r="D35787" s="1" t="s">
        <v>124282</v>
      </c>
      <c r="E35787" s="1" t="s">
        <v>124283</v>
      </c>
      <c r="F35787" s="1" t="s">
        <v>124284</v>
      </c>
      <c r="G35787" s="1" t="s">
        <v>124236</v>
      </c>
      <c r="H35787" s="1" t="s">
        <v>124237</v>
      </c>
      <c r="I35787" s="1" t="s">
        <v>123111</v>
      </c>
      <c r="J35787" s="1" t="s">
        <v>124285</v>
      </c>
    </row>
    <row r="35788" spans="1:10" x14ac:dyDescent="0.35">
      <c r="A35788" s="1" t="s">
        <v>13214</v>
      </c>
      <c r="B35788" s="1" t="s">
        <v>123106</v>
      </c>
      <c r="C35788" s="1" t="s">
        <v>80</v>
      </c>
      <c r="D35788" s="1" t="s">
        <v>124286</v>
      </c>
      <c r="E35788" s="1" t="s">
        <v>124287</v>
      </c>
      <c r="F35788" s="1" t="s">
        <v>124288</v>
      </c>
      <c r="G35788" s="1" t="s">
        <v>124236</v>
      </c>
      <c r="H35788" s="1" t="s">
        <v>124237</v>
      </c>
      <c r="I35788" s="1" t="s">
        <v>123111</v>
      </c>
      <c r="J35788" s="1" t="s">
        <v>124289</v>
      </c>
    </row>
    <row r="35789" spans="1:10" x14ac:dyDescent="0.35">
      <c r="A35789" s="1" t="s">
        <v>13214</v>
      </c>
      <c r="B35789" s="1" t="s">
        <v>123106</v>
      </c>
      <c r="C35789" s="1" t="s">
        <v>85</v>
      </c>
      <c r="D35789" s="1" t="s">
        <v>124290</v>
      </c>
      <c r="E35789" s="1" t="s">
        <v>124291</v>
      </c>
      <c r="F35789" s="1" t="s">
        <v>124292</v>
      </c>
      <c r="G35789" s="1" t="s">
        <v>124236</v>
      </c>
      <c r="H35789" s="1" t="s">
        <v>124237</v>
      </c>
      <c r="I35789" s="1" t="s">
        <v>123111</v>
      </c>
      <c r="J35789" s="1" t="s">
        <v>124293</v>
      </c>
    </row>
    <row r="35790" spans="1:10" x14ac:dyDescent="0.35">
      <c r="A35790" s="1" t="s">
        <v>13214</v>
      </c>
      <c r="B35790" s="1" t="s">
        <v>123106</v>
      </c>
      <c r="C35790" s="1" t="s">
        <v>90</v>
      </c>
      <c r="D35790" s="1" t="s">
        <v>10578</v>
      </c>
      <c r="E35790" s="1" t="s">
        <v>124294</v>
      </c>
      <c r="F35790" s="1" t="s">
        <v>124295</v>
      </c>
      <c r="G35790" s="1" t="s">
        <v>124236</v>
      </c>
      <c r="H35790" s="1" t="s">
        <v>124237</v>
      </c>
      <c r="I35790" s="1" t="s">
        <v>123111</v>
      </c>
      <c r="J35790" s="1" t="s">
        <v>124296</v>
      </c>
    </row>
    <row r="35791" spans="1:10" x14ac:dyDescent="0.35">
      <c r="A35791" s="1" t="s">
        <v>13214</v>
      </c>
      <c r="B35791" s="1" t="s">
        <v>123106</v>
      </c>
      <c r="C35791" s="1" t="s">
        <v>95</v>
      </c>
      <c r="D35791" s="1" t="s">
        <v>124297</v>
      </c>
      <c r="E35791" s="1" t="s">
        <v>124298</v>
      </c>
      <c r="F35791" s="1" t="s">
        <v>124299</v>
      </c>
      <c r="G35791" s="1" t="s">
        <v>124236</v>
      </c>
      <c r="H35791" s="1" t="s">
        <v>124237</v>
      </c>
      <c r="I35791" s="1" t="s">
        <v>123111</v>
      </c>
      <c r="J35791" s="1" t="s">
        <v>124300</v>
      </c>
    </row>
    <row r="35792" spans="1:10" x14ac:dyDescent="0.35">
      <c r="A35792" s="1" t="s">
        <v>13214</v>
      </c>
      <c r="B35792" s="1" t="s">
        <v>123106</v>
      </c>
      <c r="C35792" s="1" t="s">
        <v>100</v>
      </c>
      <c r="D35792" s="1" t="s">
        <v>124301</v>
      </c>
      <c r="E35792" s="1" t="s">
        <v>124302</v>
      </c>
      <c r="F35792" s="1" t="s">
        <v>124303</v>
      </c>
      <c r="G35792" s="1" t="s">
        <v>124236</v>
      </c>
      <c r="H35792" s="1" t="s">
        <v>124237</v>
      </c>
      <c r="I35792" s="1" t="s">
        <v>123111</v>
      </c>
      <c r="J35792" s="1" t="s">
        <v>124304</v>
      </c>
    </row>
    <row r="35793" spans="1:10" x14ac:dyDescent="0.35">
      <c r="A35793" s="1" t="s">
        <v>13214</v>
      </c>
      <c r="B35793" s="1" t="s">
        <v>123106</v>
      </c>
      <c r="C35793" s="1" t="s">
        <v>105</v>
      </c>
      <c r="D35793" s="1" t="s">
        <v>32166</v>
      </c>
      <c r="E35793" s="1" t="s">
        <v>124305</v>
      </c>
      <c r="F35793" s="1" t="s">
        <v>124306</v>
      </c>
      <c r="G35793" s="1" t="s">
        <v>124236</v>
      </c>
      <c r="H35793" s="1" t="s">
        <v>124237</v>
      </c>
      <c r="I35793" s="1" t="s">
        <v>123111</v>
      </c>
      <c r="J35793" s="1" t="s">
        <v>124307</v>
      </c>
    </row>
    <row r="35794" spans="1:10" x14ac:dyDescent="0.35">
      <c r="A35794" s="1" t="s">
        <v>13214</v>
      </c>
      <c r="B35794" s="1" t="s">
        <v>123106</v>
      </c>
      <c r="C35794" s="1" t="s">
        <v>110</v>
      </c>
      <c r="D35794" s="1" t="s">
        <v>42666</v>
      </c>
      <c r="E35794" s="1" t="s">
        <v>124308</v>
      </c>
      <c r="F35794" s="1" t="s">
        <v>124309</v>
      </c>
      <c r="G35794" s="1" t="s">
        <v>124236</v>
      </c>
      <c r="H35794" s="1" t="s">
        <v>124237</v>
      </c>
      <c r="I35794" s="1" t="s">
        <v>123111</v>
      </c>
      <c r="J35794" s="1" t="s">
        <v>124310</v>
      </c>
    </row>
    <row r="35795" spans="1:10" x14ac:dyDescent="0.35">
      <c r="A35795" s="1" t="s">
        <v>13214</v>
      </c>
      <c r="B35795" s="1" t="s">
        <v>123106</v>
      </c>
      <c r="C35795" s="1" t="s">
        <v>115</v>
      </c>
      <c r="D35795" s="1" t="s">
        <v>19207</v>
      </c>
      <c r="E35795" s="1" t="s">
        <v>124311</v>
      </c>
      <c r="F35795" s="1" t="s">
        <v>124312</v>
      </c>
      <c r="G35795" s="1" t="s">
        <v>124236</v>
      </c>
      <c r="H35795" s="1" t="s">
        <v>124237</v>
      </c>
      <c r="I35795" s="1" t="s">
        <v>123111</v>
      </c>
      <c r="J35795" s="1" t="s">
        <v>124313</v>
      </c>
    </row>
    <row r="35796" spans="1:10" x14ac:dyDescent="0.35">
      <c r="A35796" s="1" t="s">
        <v>13214</v>
      </c>
      <c r="B35796" s="1" t="s">
        <v>123106</v>
      </c>
      <c r="C35796" s="1" t="s">
        <v>120</v>
      </c>
      <c r="D35796" s="1" t="s">
        <v>78401</v>
      </c>
      <c r="E35796" s="1" t="s">
        <v>124314</v>
      </c>
      <c r="F35796" s="1" t="s">
        <v>124315</v>
      </c>
      <c r="G35796" s="1" t="s">
        <v>124236</v>
      </c>
      <c r="H35796" s="1" t="s">
        <v>124237</v>
      </c>
      <c r="I35796" s="1" t="s">
        <v>123111</v>
      </c>
      <c r="J35796" s="1" t="s">
        <v>124316</v>
      </c>
    </row>
    <row r="35797" spans="1:10" x14ac:dyDescent="0.35">
      <c r="A35797" s="1" t="s">
        <v>13214</v>
      </c>
      <c r="B35797" s="1" t="s">
        <v>123106</v>
      </c>
      <c r="C35797" s="1" t="s">
        <v>125</v>
      </c>
      <c r="D35797" s="1" t="s">
        <v>37279</v>
      </c>
      <c r="E35797" s="1" t="s">
        <v>124317</v>
      </c>
      <c r="F35797" s="1" t="s">
        <v>124318</v>
      </c>
      <c r="G35797" s="1" t="s">
        <v>124236</v>
      </c>
      <c r="H35797" s="1" t="s">
        <v>124237</v>
      </c>
      <c r="I35797" s="1" t="s">
        <v>123111</v>
      </c>
      <c r="J35797" s="1" t="s">
        <v>124319</v>
      </c>
    </row>
    <row r="35798" spans="1:10" x14ac:dyDescent="0.35">
      <c r="A35798" s="1" t="s">
        <v>13214</v>
      </c>
      <c r="B35798" s="1" t="s">
        <v>123106</v>
      </c>
      <c r="C35798" s="1" t="s">
        <v>130</v>
      </c>
      <c r="D35798" s="1" t="s">
        <v>19167</v>
      </c>
      <c r="E35798" s="1" t="s">
        <v>124320</v>
      </c>
      <c r="F35798" s="1" t="s">
        <v>124321</v>
      </c>
      <c r="G35798" s="1" t="s">
        <v>124236</v>
      </c>
      <c r="H35798" s="1" t="s">
        <v>124237</v>
      </c>
      <c r="I35798" s="1" t="s">
        <v>123111</v>
      </c>
      <c r="J35798" s="1" t="s">
        <v>124322</v>
      </c>
    </row>
    <row r="35799" spans="1:10" x14ac:dyDescent="0.35">
      <c r="A35799" s="1" t="s">
        <v>13214</v>
      </c>
      <c r="B35799" s="1" t="s">
        <v>123106</v>
      </c>
      <c r="C35799" s="1" t="s">
        <v>135</v>
      </c>
      <c r="D35799" s="1" t="s">
        <v>124323</v>
      </c>
      <c r="E35799" s="1" t="s">
        <v>124324</v>
      </c>
      <c r="F35799" s="1" t="s">
        <v>124325</v>
      </c>
      <c r="G35799" s="1" t="s">
        <v>124236</v>
      </c>
      <c r="H35799" s="1" t="s">
        <v>124237</v>
      </c>
      <c r="I35799" s="1" t="s">
        <v>123111</v>
      </c>
      <c r="J35799" s="1" t="s">
        <v>124326</v>
      </c>
    </row>
    <row r="35800" spans="1:10" x14ac:dyDescent="0.35">
      <c r="A35800" s="1" t="s">
        <v>13214</v>
      </c>
      <c r="B35800" s="1" t="s">
        <v>123106</v>
      </c>
      <c r="C35800" s="1" t="s">
        <v>140</v>
      </c>
      <c r="D35800" s="1" t="s">
        <v>124327</v>
      </c>
      <c r="E35800" s="1" t="s">
        <v>124328</v>
      </c>
      <c r="F35800" s="1" t="s">
        <v>124329</v>
      </c>
      <c r="G35800" s="1" t="s">
        <v>124236</v>
      </c>
      <c r="H35800" s="1" t="s">
        <v>124237</v>
      </c>
      <c r="I35800" s="1" t="s">
        <v>123111</v>
      </c>
      <c r="J35800" s="1" t="s">
        <v>124330</v>
      </c>
    </row>
    <row r="35801" spans="1:10" x14ac:dyDescent="0.35">
      <c r="A35801" s="1" t="s">
        <v>13214</v>
      </c>
      <c r="B35801" s="1" t="s">
        <v>123106</v>
      </c>
      <c r="C35801" s="1" t="s">
        <v>145</v>
      </c>
      <c r="D35801" s="1" t="s">
        <v>124331</v>
      </c>
      <c r="E35801" s="1" t="s">
        <v>124332</v>
      </c>
      <c r="F35801" s="1" t="s">
        <v>124333</v>
      </c>
      <c r="G35801" s="1" t="s">
        <v>124236</v>
      </c>
      <c r="H35801" s="1" t="s">
        <v>124237</v>
      </c>
      <c r="I35801" s="1" t="s">
        <v>123111</v>
      </c>
      <c r="J35801" s="1" t="s">
        <v>124334</v>
      </c>
    </row>
    <row r="35802" spans="1:10" x14ac:dyDescent="0.35">
      <c r="A35802" s="1" t="s">
        <v>13214</v>
      </c>
      <c r="B35802" s="1" t="s">
        <v>123106</v>
      </c>
      <c r="C35802" s="1" t="s">
        <v>150</v>
      </c>
      <c r="D35802" s="1" t="s">
        <v>34127</v>
      </c>
      <c r="E35802" s="1" t="s">
        <v>124335</v>
      </c>
      <c r="F35802" s="1" t="s">
        <v>124336</v>
      </c>
      <c r="G35802" s="1" t="s">
        <v>124236</v>
      </c>
      <c r="H35802" s="1" t="s">
        <v>124237</v>
      </c>
      <c r="I35802" s="1" t="s">
        <v>123111</v>
      </c>
      <c r="J35802" s="1" t="s">
        <v>124337</v>
      </c>
    </row>
    <row r="35803" spans="1:10" x14ac:dyDescent="0.35">
      <c r="A35803" s="1" t="s">
        <v>13214</v>
      </c>
      <c r="B35803" s="1" t="s">
        <v>123106</v>
      </c>
      <c r="C35803" s="1" t="s">
        <v>155</v>
      </c>
      <c r="D35803" s="1" t="s">
        <v>124338</v>
      </c>
      <c r="E35803" s="1" t="s">
        <v>124339</v>
      </c>
      <c r="F35803" s="1" t="s">
        <v>124340</v>
      </c>
      <c r="G35803" s="1" t="s">
        <v>124236</v>
      </c>
      <c r="H35803" s="1" t="s">
        <v>124237</v>
      </c>
      <c r="I35803" s="1" t="s">
        <v>123111</v>
      </c>
      <c r="J35803" s="1" t="s">
        <v>124341</v>
      </c>
    </row>
    <row r="35804" spans="1:10" x14ac:dyDescent="0.35">
      <c r="A35804" s="1" t="s">
        <v>13214</v>
      </c>
      <c r="B35804" s="1" t="s">
        <v>123106</v>
      </c>
      <c r="C35804" s="1" t="s">
        <v>160</v>
      </c>
      <c r="D35804" s="1" t="s">
        <v>932</v>
      </c>
      <c r="E35804" s="1" t="s">
        <v>124342</v>
      </c>
      <c r="F35804" s="1" t="s">
        <v>124343</v>
      </c>
      <c r="G35804" s="1" t="s">
        <v>124236</v>
      </c>
      <c r="H35804" s="1" t="s">
        <v>124237</v>
      </c>
      <c r="I35804" s="1" t="s">
        <v>123111</v>
      </c>
      <c r="J35804" s="1" t="s">
        <v>124344</v>
      </c>
    </row>
    <row r="35805" spans="1:10" x14ac:dyDescent="0.35">
      <c r="A35805" s="1" t="s">
        <v>13214</v>
      </c>
      <c r="B35805" s="1" t="s">
        <v>123106</v>
      </c>
      <c r="C35805" s="1" t="s">
        <v>165</v>
      </c>
      <c r="D35805" s="1" t="s">
        <v>124345</v>
      </c>
      <c r="E35805" s="1" t="s">
        <v>124346</v>
      </c>
      <c r="F35805" s="1" t="s">
        <v>124347</v>
      </c>
      <c r="G35805" s="1" t="s">
        <v>124236</v>
      </c>
      <c r="H35805" s="1" t="s">
        <v>124237</v>
      </c>
      <c r="I35805" s="1" t="s">
        <v>123111</v>
      </c>
      <c r="J35805" s="1" t="s">
        <v>124348</v>
      </c>
    </row>
    <row r="35806" spans="1:10" x14ac:dyDescent="0.35">
      <c r="A35806" s="1" t="s">
        <v>13214</v>
      </c>
      <c r="B35806" s="1" t="s">
        <v>123106</v>
      </c>
      <c r="C35806" s="1" t="s">
        <v>170</v>
      </c>
      <c r="D35806" s="1" t="s">
        <v>113093</v>
      </c>
      <c r="E35806" s="1" t="s">
        <v>124349</v>
      </c>
      <c r="F35806" s="1" t="s">
        <v>124350</v>
      </c>
      <c r="G35806" s="1" t="s">
        <v>124236</v>
      </c>
      <c r="H35806" s="1" t="s">
        <v>124237</v>
      </c>
      <c r="I35806" s="1" t="s">
        <v>123111</v>
      </c>
      <c r="J35806" s="1" t="s">
        <v>124351</v>
      </c>
    </row>
    <row r="35807" spans="1:10" x14ac:dyDescent="0.35">
      <c r="A35807" s="1" t="s">
        <v>4293</v>
      </c>
      <c r="B35807" s="1" t="s">
        <v>123106</v>
      </c>
      <c r="C35807" s="1" t="s">
        <v>8</v>
      </c>
      <c r="D35807" s="1" t="s">
        <v>42024</v>
      </c>
      <c r="E35807" s="1" t="s">
        <v>124352</v>
      </c>
      <c r="F35807" s="1" t="s">
        <v>124353</v>
      </c>
      <c r="G35807" s="1" t="s">
        <v>124354</v>
      </c>
      <c r="H35807" s="1" t="s">
        <v>124355</v>
      </c>
      <c r="I35807" s="1" t="s">
        <v>123111</v>
      </c>
      <c r="J35807" s="1" t="s">
        <v>13</v>
      </c>
    </row>
    <row r="35808" spans="1:10" x14ac:dyDescent="0.35">
      <c r="A35808" s="1" t="s">
        <v>4293</v>
      </c>
      <c r="B35808" s="1" t="s">
        <v>123106</v>
      </c>
      <c r="C35808" s="1" t="s">
        <v>15</v>
      </c>
      <c r="D35808" s="1" t="s">
        <v>124356</v>
      </c>
      <c r="E35808" s="1" t="s">
        <v>124357</v>
      </c>
      <c r="F35808" s="1" t="s">
        <v>124358</v>
      </c>
      <c r="G35808" s="1" t="s">
        <v>124354</v>
      </c>
      <c r="H35808" s="1" t="s">
        <v>124355</v>
      </c>
      <c r="I35808" s="1" t="s">
        <v>123111</v>
      </c>
      <c r="J35808" s="1" t="s">
        <v>124359</v>
      </c>
    </row>
    <row r="35809" spans="1:10" x14ac:dyDescent="0.35">
      <c r="A35809" s="1" t="s">
        <v>4293</v>
      </c>
      <c r="B35809" s="1" t="s">
        <v>123106</v>
      </c>
      <c r="C35809" s="1" t="s">
        <v>20</v>
      </c>
      <c r="D35809" s="1" t="s">
        <v>124360</v>
      </c>
      <c r="E35809" s="1" t="s">
        <v>124361</v>
      </c>
      <c r="F35809" s="1" t="s">
        <v>124362</v>
      </c>
      <c r="G35809" s="1" t="s">
        <v>124354</v>
      </c>
      <c r="H35809" s="1" t="s">
        <v>124355</v>
      </c>
      <c r="I35809" s="1" t="s">
        <v>123111</v>
      </c>
      <c r="J35809" s="1" t="s">
        <v>124363</v>
      </c>
    </row>
    <row r="35810" spans="1:10" x14ac:dyDescent="0.35">
      <c r="A35810" s="1" t="s">
        <v>4293</v>
      </c>
      <c r="B35810" s="1" t="s">
        <v>123106</v>
      </c>
      <c r="C35810" s="1" t="s">
        <v>25</v>
      </c>
      <c r="D35810" s="1" t="s">
        <v>33163</v>
      </c>
      <c r="E35810" s="1" t="s">
        <v>124364</v>
      </c>
      <c r="F35810" s="1" t="s">
        <v>124365</v>
      </c>
      <c r="G35810" s="1" t="s">
        <v>124354</v>
      </c>
      <c r="H35810" s="1" t="s">
        <v>124355</v>
      </c>
      <c r="I35810" s="1" t="s">
        <v>123111</v>
      </c>
      <c r="J35810" s="1" t="s">
        <v>124366</v>
      </c>
    </row>
    <row r="35811" spans="1:10" x14ac:dyDescent="0.35">
      <c r="A35811" s="1" t="s">
        <v>4293</v>
      </c>
      <c r="B35811" s="1" t="s">
        <v>123106</v>
      </c>
      <c r="C35811" s="1" t="s">
        <v>30</v>
      </c>
      <c r="D35811" s="1" t="s">
        <v>42896</v>
      </c>
      <c r="E35811" s="1" t="s">
        <v>124367</v>
      </c>
      <c r="F35811" s="1" t="s">
        <v>124368</v>
      </c>
      <c r="G35811" s="1" t="s">
        <v>124354</v>
      </c>
      <c r="H35811" s="1" t="s">
        <v>124355</v>
      </c>
      <c r="I35811" s="1" t="s">
        <v>123111</v>
      </c>
      <c r="J35811" s="1" t="s">
        <v>124369</v>
      </c>
    </row>
    <row r="35812" spans="1:10" x14ac:dyDescent="0.35">
      <c r="A35812" s="1" t="s">
        <v>4293</v>
      </c>
      <c r="B35812" s="1" t="s">
        <v>123106</v>
      </c>
      <c r="C35812" s="1" t="s">
        <v>35</v>
      </c>
      <c r="D35812" s="1" t="s">
        <v>42773</v>
      </c>
      <c r="E35812" s="1" t="s">
        <v>124370</v>
      </c>
      <c r="F35812" s="1" t="s">
        <v>124371</v>
      </c>
      <c r="G35812" s="1" t="s">
        <v>124354</v>
      </c>
      <c r="H35812" s="1" t="s">
        <v>124355</v>
      </c>
      <c r="I35812" s="1" t="s">
        <v>123111</v>
      </c>
      <c r="J35812" s="1" t="s">
        <v>124372</v>
      </c>
    </row>
    <row r="35813" spans="1:10" x14ac:dyDescent="0.35">
      <c r="A35813" s="1" t="s">
        <v>4293</v>
      </c>
      <c r="B35813" s="1" t="s">
        <v>123106</v>
      </c>
      <c r="C35813" s="1" t="s">
        <v>40</v>
      </c>
      <c r="D35813" s="1" t="s">
        <v>47679</v>
      </c>
      <c r="E35813" s="1" t="s">
        <v>124373</v>
      </c>
      <c r="F35813" s="1" t="s">
        <v>124374</v>
      </c>
      <c r="G35813" s="1" t="s">
        <v>124354</v>
      </c>
      <c r="H35813" s="1" t="s">
        <v>124355</v>
      </c>
      <c r="I35813" s="1" t="s">
        <v>123111</v>
      </c>
      <c r="J35813" s="1" t="s">
        <v>124375</v>
      </c>
    </row>
    <row r="35814" spans="1:10" x14ac:dyDescent="0.35">
      <c r="A35814" s="1" t="s">
        <v>4293</v>
      </c>
      <c r="B35814" s="1" t="s">
        <v>123106</v>
      </c>
      <c r="C35814" s="1" t="s">
        <v>45</v>
      </c>
      <c r="D35814" s="1" t="s">
        <v>32902</v>
      </c>
      <c r="E35814" s="1" t="s">
        <v>124376</v>
      </c>
      <c r="F35814" s="1" t="s">
        <v>124377</v>
      </c>
      <c r="G35814" s="1" t="s">
        <v>124354</v>
      </c>
      <c r="H35814" s="1" t="s">
        <v>124355</v>
      </c>
      <c r="I35814" s="1" t="s">
        <v>123111</v>
      </c>
      <c r="J35814" s="1" t="s">
        <v>124378</v>
      </c>
    </row>
    <row r="35815" spans="1:10" x14ac:dyDescent="0.35">
      <c r="A35815" s="1" t="s">
        <v>4293</v>
      </c>
      <c r="B35815" s="1" t="s">
        <v>123106</v>
      </c>
      <c r="C35815" s="1" t="s">
        <v>50</v>
      </c>
      <c r="D35815" s="1" t="s">
        <v>5115</v>
      </c>
      <c r="E35815" s="1" t="s">
        <v>124379</v>
      </c>
      <c r="F35815" s="1" t="s">
        <v>124380</v>
      </c>
      <c r="G35815" s="1" t="s">
        <v>124354</v>
      </c>
      <c r="H35815" s="1" t="s">
        <v>124355</v>
      </c>
      <c r="I35815" s="1" t="s">
        <v>123111</v>
      </c>
      <c r="J35815" s="1" t="s">
        <v>124381</v>
      </c>
    </row>
    <row r="35816" spans="1:10" x14ac:dyDescent="0.35">
      <c r="A35816" s="1" t="s">
        <v>4293</v>
      </c>
      <c r="B35816" s="1" t="s">
        <v>123106</v>
      </c>
      <c r="C35816" s="1" t="s">
        <v>55</v>
      </c>
      <c r="D35816" s="1" t="s">
        <v>43918</v>
      </c>
      <c r="E35816" s="1" t="s">
        <v>124382</v>
      </c>
      <c r="F35816" s="1" t="s">
        <v>124383</v>
      </c>
      <c r="G35816" s="1" t="s">
        <v>124354</v>
      </c>
      <c r="H35816" s="1" t="s">
        <v>124355</v>
      </c>
      <c r="I35816" s="1" t="s">
        <v>123111</v>
      </c>
      <c r="J35816" s="1" t="s">
        <v>124384</v>
      </c>
    </row>
    <row r="35817" spans="1:10" x14ac:dyDescent="0.35">
      <c r="A35817" s="1" t="s">
        <v>4293</v>
      </c>
      <c r="B35817" s="1" t="s">
        <v>123106</v>
      </c>
      <c r="C35817" s="1" t="s">
        <v>60</v>
      </c>
      <c r="D35817" s="1" t="s">
        <v>124385</v>
      </c>
      <c r="E35817" s="1" t="s">
        <v>124386</v>
      </c>
      <c r="F35817" s="1" t="s">
        <v>124387</v>
      </c>
      <c r="G35817" s="1" t="s">
        <v>124354</v>
      </c>
      <c r="H35817" s="1" t="s">
        <v>124355</v>
      </c>
      <c r="I35817" s="1" t="s">
        <v>123111</v>
      </c>
      <c r="J35817" s="1" t="s">
        <v>124388</v>
      </c>
    </row>
    <row r="35818" spans="1:10" x14ac:dyDescent="0.35">
      <c r="A35818" s="1" t="s">
        <v>4293</v>
      </c>
      <c r="B35818" s="1" t="s">
        <v>123106</v>
      </c>
      <c r="C35818" s="1" t="s">
        <v>65</v>
      </c>
      <c r="D35818" s="1" t="s">
        <v>124389</v>
      </c>
      <c r="E35818" s="1" t="s">
        <v>124390</v>
      </c>
      <c r="F35818" s="1" t="s">
        <v>124391</v>
      </c>
      <c r="G35818" s="1" t="s">
        <v>124354</v>
      </c>
      <c r="H35818" s="1" t="s">
        <v>124355</v>
      </c>
      <c r="I35818" s="1" t="s">
        <v>123111</v>
      </c>
      <c r="J35818" s="1" t="s">
        <v>124392</v>
      </c>
    </row>
    <row r="35819" spans="1:10" x14ac:dyDescent="0.35">
      <c r="A35819" s="1" t="s">
        <v>4293</v>
      </c>
      <c r="B35819" s="1" t="s">
        <v>123106</v>
      </c>
      <c r="C35819" s="1" t="s">
        <v>70</v>
      </c>
      <c r="D35819" s="1" t="s">
        <v>72392</v>
      </c>
      <c r="E35819" s="1" t="s">
        <v>124393</v>
      </c>
      <c r="F35819" s="1" t="s">
        <v>124394</v>
      </c>
      <c r="G35819" s="1" t="s">
        <v>124354</v>
      </c>
      <c r="H35819" s="1" t="s">
        <v>124355</v>
      </c>
      <c r="I35819" s="1" t="s">
        <v>123111</v>
      </c>
      <c r="J35819" s="1" t="s">
        <v>124395</v>
      </c>
    </row>
    <row r="35820" spans="1:10" x14ac:dyDescent="0.35">
      <c r="A35820" s="1" t="s">
        <v>4293</v>
      </c>
      <c r="B35820" s="1" t="s">
        <v>123106</v>
      </c>
      <c r="C35820" s="1" t="s">
        <v>75</v>
      </c>
      <c r="D35820" s="1" t="s">
        <v>124396</v>
      </c>
      <c r="E35820" s="1" t="s">
        <v>124397</v>
      </c>
      <c r="F35820" s="1" t="s">
        <v>124398</v>
      </c>
      <c r="G35820" s="1" t="s">
        <v>124354</v>
      </c>
      <c r="H35820" s="1" t="s">
        <v>124355</v>
      </c>
      <c r="I35820" s="1" t="s">
        <v>123111</v>
      </c>
      <c r="J35820" s="1" t="s">
        <v>124399</v>
      </c>
    </row>
    <row r="35821" spans="1:10" x14ac:dyDescent="0.35">
      <c r="A35821" s="1" t="s">
        <v>4293</v>
      </c>
      <c r="B35821" s="1" t="s">
        <v>123106</v>
      </c>
      <c r="C35821" s="1" t="s">
        <v>80</v>
      </c>
      <c r="D35821" s="1" t="s">
        <v>42172</v>
      </c>
      <c r="E35821" s="1" t="s">
        <v>124400</v>
      </c>
      <c r="F35821" s="1" t="s">
        <v>124401</v>
      </c>
      <c r="G35821" s="1" t="s">
        <v>124354</v>
      </c>
      <c r="H35821" s="1" t="s">
        <v>124355</v>
      </c>
      <c r="I35821" s="1" t="s">
        <v>123111</v>
      </c>
      <c r="J35821" s="1" t="s">
        <v>124402</v>
      </c>
    </row>
    <row r="35822" spans="1:10" x14ac:dyDescent="0.35">
      <c r="A35822" s="1" t="s">
        <v>4293</v>
      </c>
      <c r="B35822" s="1" t="s">
        <v>123106</v>
      </c>
      <c r="C35822" s="1" t="s">
        <v>85</v>
      </c>
      <c r="D35822" s="1" t="s">
        <v>124403</v>
      </c>
      <c r="E35822" s="1" t="s">
        <v>124404</v>
      </c>
      <c r="F35822" s="1" t="s">
        <v>124405</v>
      </c>
      <c r="G35822" s="1" t="s">
        <v>124354</v>
      </c>
      <c r="H35822" s="1" t="s">
        <v>124355</v>
      </c>
      <c r="I35822" s="1" t="s">
        <v>123111</v>
      </c>
      <c r="J35822" s="1" t="s">
        <v>124406</v>
      </c>
    </row>
    <row r="35823" spans="1:10" x14ac:dyDescent="0.35">
      <c r="A35823" s="1" t="s">
        <v>4293</v>
      </c>
      <c r="B35823" s="1" t="s">
        <v>123106</v>
      </c>
      <c r="C35823" s="1" t="s">
        <v>90</v>
      </c>
      <c r="D35823" s="1" t="s">
        <v>124407</v>
      </c>
      <c r="E35823" s="1" t="s">
        <v>124408</v>
      </c>
      <c r="F35823" s="1" t="s">
        <v>124409</v>
      </c>
      <c r="G35823" s="1" t="s">
        <v>124354</v>
      </c>
      <c r="H35823" s="1" t="s">
        <v>124355</v>
      </c>
      <c r="I35823" s="1" t="s">
        <v>123111</v>
      </c>
      <c r="J35823" s="1" t="s">
        <v>124410</v>
      </c>
    </row>
    <row r="35824" spans="1:10" x14ac:dyDescent="0.35">
      <c r="A35824" s="1" t="s">
        <v>4293</v>
      </c>
      <c r="B35824" s="1" t="s">
        <v>123106</v>
      </c>
      <c r="C35824" s="1" t="s">
        <v>95</v>
      </c>
      <c r="D35824" s="1" t="s">
        <v>99760</v>
      </c>
      <c r="E35824" s="1" t="s">
        <v>124411</v>
      </c>
      <c r="F35824" s="1" t="s">
        <v>124412</v>
      </c>
      <c r="G35824" s="1" t="s">
        <v>124354</v>
      </c>
      <c r="H35824" s="1" t="s">
        <v>124355</v>
      </c>
      <c r="I35824" s="1" t="s">
        <v>123111</v>
      </c>
      <c r="J35824" s="1" t="s">
        <v>124413</v>
      </c>
    </row>
    <row r="35825" spans="1:10" x14ac:dyDescent="0.35">
      <c r="A35825" s="1" t="s">
        <v>4293</v>
      </c>
      <c r="B35825" s="1" t="s">
        <v>123106</v>
      </c>
      <c r="C35825" s="1" t="s">
        <v>100</v>
      </c>
      <c r="D35825" s="1" t="s">
        <v>124414</v>
      </c>
      <c r="E35825" s="1" t="s">
        <v>124415</v>
      </c>
      <c r="F35825" s="1" t="s">
        <v>124416</v>
      </c>
      <c r="G35825" s="1" t="s">
        <v>124354</v>
      </c>
      <c r="H35825" s="1" t="s">
        <v>124355</v>
      </c>
      <c r="I35825" s="1" t="s">
        <v>123111</v>
      </c>
      <c r="J35825" s="1" t="s">
        <v>124417</v>
      </c>
    </row>
    <row r="35826" spans="1:10" x14ac:dyDescent="0.35">
      <c r="A35826" s="1" t="s">
        <v>4293</v>
      </c>
      <c r="B35826" s="1" t="s">
        <v>123106</v>
      </c>
      <c r="C35826" s="1" t="s">
        <v>105</v>
      </c>
      <c r="D35826" s="1" t="s">
        <v>43746</v>
      </c>
      <c r="E35826" s="1" t="s">
        <v>124418</v>
      </c>
      <c r="F35826" s="1" t="s">
        <v>124419</v>
      </c>
      <c r="G35826" s="1" t="s">
        <v>124354</v>
      </c>
      <c r="H35826" s="1" t="s">
        <v>124355</v>
      </c>
      <c r="I35826" s="1" t="s">
        <v>123111</v>
      </c>
      <c r="J35826" s="1" t="s">
        <v>124420</v>
      </c>
    </row>
    <row r="35827" spans="1:10" x14ac:dyDescent="0.35">
      <c r="A35827" s="1" t="s">
        <v>4293</v>
      </c>
      <c r="B35827" s="1" t="s">
        <v>123106</v>
      </c>
      <c r="C35827" s="1" t="s">
        <v>110</v>
      </c>
      <c r="D35827" s="1" t="s">
        <v>59252</v>
      </c>
      <c r="E35827" s="1" t="s">
        <v>124421</v>
      </c>
      <c r="F35827" s="1" t="s">
        <v>124422</v>
      </c>
      <c r="G35827" s="1" t="s">
        <v>124354</v>
      </c>
      <c r="H35827" s="1" t="s">
        <v>124355</v>
      </c>
      <c r="I35827" s="1" t="s">
        <v>123111</v>
      </c>
      <c r="J35827" s="1" t="s">
        <v>124423</v>
      </c>
    </row>
    <row r="35828" spans="1:10" x14ac:dyDescent="0.35">
      <c r="A35828" s="1" t="s">
        <v>4293</v>
      </c>
      <c r="B35828" s="1" t="s">
        <v>123106</v>
      </c>
      <c r="C35828" s="1" t="s">
        <v>115</v>
      </c>
      <c r="D35828" s="1" t="s">
        <v>124424</v>
      </c>
      <c r="E35828" s="1" t="s">
        <v>124425</v>
      </c>
      <c r="F35828" s="1" t="s">
        <v>124426</v>
      </c>
      <c r="G35828" s="1" t="s">
        <v>124354</v>
      </c>
      <c r="H35828" s="1" t="s">
        <v>124355</v>
      </c>
      <c r="I35828" s="1" t="s">
        <v>123111</v>
      </c>
      <c r="J35828" s="1" t="s">
        <v>124427</v>
      </c>
    </row>
    <row r="35829" spans="1:10" x14ac:dyDescent="0.35">
      <c r="A35829" s="1" t="s">
        <v>4293</v>
      </c>
      <c r="B35829" s="1" t="s">
        <v>123106</v>
      </c>
      <c r="C35829" s="1" t="s">
        <v>120</v>
      </c>
      <c r="D35829" s="1" t="s">
        <v>124428</v>
      </c>
      <c r="E35829" s="1" t="s">
        <v>124429</v>
      </c>
      <c r="F35829" s="1" t="s">
        <v>124430</v>
      </c>
      <c r="G35829" s="1" t="s">
        <v>124354</v>
      </c>
      <c r="H35829" s="1" t="s">
        <v>124355</v>
      </c>
      <c r="I35829" s="1" t="s">
        <v>123111</v>
      </c>
      <c r="J35829" s="1" t="s">
        <v>124431</v>
      </c>
    </row>
    <row r="35830" spans="1:10" x14ac:dyDescent="0.35">
      <c r="A35830" s="1" t="s">
        <v>4293</v>
      </c>
      <c r="B35830" s="1" t="s">
        <v>123106</v>
      </c>
      <c r="C35830" s="1" t="s">
        <v>125</v>
      </c>
      <c r="D35830" s="1" t="s">
        <v>124432</v>
      </c>
      <c r="E35830" s="1" t="s">
        <v>124433</v>
      </c>
      <c r="F35830" s="1" t="s">
        <v>124434</v>
      </c>
      <c r="G35830" s="1" t="s">
        <v>124354</v>
      </c>
      <c r="H35830" s="1" t="s">
        <v>124355</v>
      </c>
      <c r="I35830" s="1" t="s">
        <v>123111</v>
      </c>
      <c r="J35830" s="1" t="s">
        <v>124435</v>
      </c>
    </row>
    <row r="35831" spans="1:10" x14ac:dyDescent="0.35">
      <c r="A35831" s="1" t="s">
        <v>4293</v>
      </c>
      <c r="B35831" s="1" t="s">
        <v>123106</v>
      </c>
      <c r="C35831" s="1" t="s">
        <v>130</v>
      </c>
      <c r="D35831" s="1" t="s">
        <v>113368</v>
      </c>
      <c r="E35831" s="1" t="s">
        <v>124436</v>
      </c>
      <c r="F35831" s="1" t="s">
        <v>124437</v>
      </c>
      <c r="G35831" s="1" t="s">
        <v>124354</v>
      </c>
      <c r="H35831" s="1" t="s">
        <v>124355</v>
      </c>
      <c r="I35831" s="1" t="s">
        <v>123111</v>
      </c>
      <c r="J35831" s="1" t="s">
        <v>124438</v>
      </c>
    </row>
    <row r="35832" spans="1:10" x14ac:dyDescent="0.35">
      <c r="A35832" s="1" t="s">
        <v>4293</v>
      </c>
      <c r="B35832" s="1" t="s">
        <v>123106</v>
      </c>
      <c r="C35832" s="1" t="s">
        <v>135</v>
      </c>
      <c r="D35832" s="1" t="s">
        <v>31062</v>
      </c>
      <c r="E35832" s="1" t="s">
        <v>124439</v>
      </c>
      <c r="F35832" s="1" t="s">
        <v>124440</v>
      </c>
      <c r="G35832" s="1" t="s">
        <v>124354</v>
      </c>
      <c r="H35832" s="1" t="s">
        <v>124355</v>
      </c>
      <c r="I35832" s="1" t="s">
        <v>123111</v>
      </c>
      <c r="J35832" s="1" t="s">
        <v>124441</v>
      </c>
    </row>
    <row r="35833" spans="1:10" x14ac:dyDescent="0.35">
      <c r="A35833" s="1" t="s">
        <v>4293</v>
      </c>
      <c r="B35833" s="1" t="s">
        <v>123106</v>
      </c>
      <c r="C35833" s="1" t="s">
        <v>140</v>
      </c>
      <c r="D35833" s="1" t="s">
        <v>99915</v>
      </c>
      <c r="E35833" s="1" t="s">
        <v>124442</v>
      </c>
      <c r="F35833" s="1" t="s">
        <v>124443</v>
      </c>
      <c r="G35833" s="1" t="s">
        <v>124354</v>
      </c>
      <c r="H35833" s="1" t="s">
        <v>124355</v>
      </c>
      <c r="I35833" s="1" t="s">
        <v>123111</v>
      </c>
      <c r="J35833" s="1" t="s">
        <v>124444</v>
      </c>
    </row>
    <row r="35834" spans="1:10" x14ac:dyDescent="0.35">
      <c r="A35834" s="1" t="s">
        <v>4293</v>
      </c>
      <c r="B35834" s="1" t="s">
        <v>123106</v>
      </c>
      <c r="C35834" s="1" t="s">
        <v>145</v>
      </c>
      <c r="D35834" s="1" t="s">
        <v>76156</v>
      </c>
      <c r="E35834" s="1" t="s">
        <v>124445</v>
      </c>
      <c r="F35834" s="1" t="s">
        <v>124446</v>
      </c>
      <c r="G35834" s="1" t="s">
        <v>124354</v>
      </c>
      <c r="H35834" s="1" t="s">
        <v>124355</v>
      </c>
      <c r="I35834" s="1" t="s">
        <v>123111</v>
      </c>
      <c r="J35834" s="1" t="s">
        <v>124447</v>
      </c>
    </row>
    <row r="35835" spans="1:10" x14ac:dyDescent="0.35">
      <c r="A35835" s="1" t="s">
        <v>4293</v>
      </c>
      <c r="B35835" s="1" t="s">
        <v>123106</v>
      </c>
      <c r="C35835" s="1" t="s">
        <v>150</v>
      </c>
      <c r="D35835" s="1" t="s">
        <v>60318</v>
      </c>
      <c r="E35835" s="1" t="s">
        <v>124448</v>
      </c>
      <c r="F35835" s="1" t="s">
        <v>124449</v>
      </c>
      <c r="G35835" s="1" t="s">
        <v>124354</v>
      </c>
      <c r="H35835" s="1" t="s">
        <v>124355</v>
      </c>
      <c r="I35835" s="1" t="s">
        <v>123111</v>
      </c>
      <c r="J35835" s="1" t="s">
        <v>124450</v>
      </c>
    </row>
    <row r="35836" spans="1:10" x14ac:dyDescent="0.35">
      <c r="A35836" s="1" t="s">
        <v>4293</v>
      </c>
      <c r="B35836" s="1" t="s">
        <v>123106</v>
      </c>
      <c r="C35836" s="1" t="s">
        <v>155</v>
      </c>
      <c r="D35836" s="1" t="s">
        <v>109404</v>
      </c>
      <c r="E35836" s="1" t="s">
        <v>124451</v>
      </c>
      <c r="F35836" s="1" t="s">
        <v>124452</v>
      </c>
      <c r="G35836" s="1" t="s">
        <v>124354</v>
      </c>
      <c r="H35836" s="1" t="s">
        <v>124355</v>
      </c>
      <c r="I35836" s="1" t="s">
        <v>123111</v>
      </c>
      <c r="J35836" s="1" t="s">
        <v>124453</v>
      </c>
    </row>
    <row r="35837" spans="1:10" x14ac:dyDescent="0.35">
      <c r="A35837" s="1" t="s">
        <v>4293</v>
      </c>
      <c r="B35837" s="1" t="s">
        <v>123106</v>
      </c>
      <c r="C35837" s="1" t="s">
        <v>160</v>
      </c>
      <c r="D35837" s="1" t="s">
        <v>124454</v>
      </c>
      <c r="E35837" s="1" t="s">
        <v>124455</v>
      </c>
      <c r="F35837" s="1" t="s">
        <v>124456</v>
      </c>
      <c r="G35837" s="1" t="s">
        <v>124354</v>
      </c>
      <c r="H35837" s="1" t="s">
        <v>124355</v>
      </c>
      <c r="I35837" s="1" t="s">
        <v>123111</v>
      </c>
      <c r="J35837" s="1" t="s">
        <v>124457</v>
      </c>
    </row>
    <row r="35838" spans="1:10" x14ac:dyDescent="0.35">
      <c r="A35838" s="1" t="s">
        <v>4293</v>
      </c>
      <c r="B35838" s="1" t="s">
        <v>123106</v>
      </c>
      <c r="C35838" s="1" t="s">
        <v>165</v>
      </c>
      <c r="D35838" s="1" t="s">
        <v>78238</v>
      </c>
      <c r="E35838" s="1" t="s">
        <v>124458</v>
      </c>
      <c r="F35838" s="1" t="s">
        <v>124459</v>
      </c>
      <c r="G35838" s="1" t="s">
        <v>124354</v>
      </c>
      <c r="H35838" s="1" t="s">
        <v>124355</v>
      </c>
      <c r="I35838" s="1" t="s">
        <v>123111</v>
      </c>
      <c r="J35838" s="1" t="s">
        <v>124460</v>
      </c>
    </row>
    <row r="35839" spans="1:10" x14ac:dyDescent="0.35">
      <c r="A35839" s="1" t="s">
        <v>4293</v>
      </c>
      <c r="B35839" s="1" t="s">
        <v>123106</v>
      </c>
      <c r="C35839" s="1" t="s">
        <v>170</v>
      </c>
      <c r="D35839" s="1" t="s">
        <v>89869</v>
      </c>
      <c r="E35839" s="1" t="s">
        <v>124461</v>
      </c>
      <c r="F35839" s="1" t="s">
        <v>124462</v>
      </c>
      <c r="G35839" s="1" t="s">
        <v>124354</v>
      </c>
      <c r="H35839" s="1" t="s">
        <v>124355</v>
      </c>
      <c r="I35839" s="1" t="s">
        <v>123111</v>
      </c>
      <c r="J35839" s="1" t="s">
        <v>124463</v>
      </c>
    </row>
    <row r="35840" spans="1:10" x14ac:dyDescent="0.35">
      <c r="A35840" s="1" t="s">
        <v>124464</v>
      </c>
      <c r="B35840" s="1" t="s">
        <v>123106</v>
      </c>
      <c r="C35840" s="1" t="s">
        <v>8</v>
      </c>
      <c r="D35840" s="1" t="s">
        <v>74680</v>
      </c>
      <c r="E35840" s="1" t="s">
        <v>124465</v>
      </c>
      <c r="F35840" s="1" t="s">
        <v>124466</v>
      </c>
      <c r="G35840" s="1" t="s">
        <v>124467</v>
      </c>
      <c r="H35840" s="1" t="s">
        <v>124468</v>
      </c>
      <c r="I35840" s="1" t="s">
        <v>123111</v>
      </c>
      <c r="J35840" s="1" t="s">
        <v>13</v>
      </c>
    </row>
    <row r="35841" spans="1:10" x14ac:dyDescent="0.35">
      <c r="A35841" s="1" t="s">
        <v>124464</v>
      </c>
      <c r="B35841" s="1" t="s">
        <v>123106</v>
      </c>
      <c r="C35841" s="1" t="s">
        <v>15</v>
      </c>
      <c r="D35841" s="1" t="s">
        <v>124469</v>
      </c>
      <c r="E35841" s="1" t="s">
        <v>124470</v>
      </c>
      <c r="F35841" s="1" t="s">
        <v>124471</v>
      </c>
      <c r="G35841" s="1" t="s">
        <v>124467</v>
      </c>
      <c r="H35841" s="1" t="s">
        <v>124468</v>
      </c>
      <c r="I35841" s="1" t="s">
        <v>123111</v>
      </c>
      <c r="J35841" s="1" t="s">
        <v>124472</v>
      </c>
    </row>
    <row r="35842" spans="1:10" x14ac:dyDescent="0.35">
      <c r="A35842" s="1" t="s">
        <v>124464</v>
      </c>
      <c r="B35842" s="1" t="s">
        <v>123106</v>
      </c>
      <c r="C35842" s="1" t="s">
        <v>20</v>
      </c>
      <c r="D35842" s="1" t="s">
        <v>124473</v>
      </c>
      <c r="E35842" s="1" t="s">
        <v>124474</v>
      </c>
      <c r="F35842" s="1" t="s">
        <v>124475</v>
      </c>
      <c r="G35842" s="1" t="s">
        <v>124467</v>
      </c>
      <c r="H35842" s="1" t="s">
        <v>124468</v>
      </c>
      <c r="I35842" s="1" t="s">
        <v>123111</v>
      </c>
      <c r="J35842" s="1" t="s">
        <v>124476</v>
      </c>
    </row>
    <row r="35843" spans="1:10" x14ac:dyDescent="0.35">
      <c r="A35843" s="1" t="s">
        <v>124464</v>
      </c>
      <c r="B35843" s="1" t="s">
        <v>123106</v>
      </c>
      <c r="C35843" s="1" t="s">
        <v>25</v>
      </c>
      <c r="D35843" s="1" t="s">
        <v>124477</v>
      </c>
      <c r="E35843" s="1" t="s">
        <v>124478</v>
      </c>
      <c r="F35843" s="1" t="s">
        <v>124479</v>
      </c>
      <c r="G35843" s="1" t="s">
        <v>124467</v>
      </c>
      <c r="H35843" s="1" t="s">
        <v>124468</v>
      </c>
      <c r="I35843" s="1" t="s">
        <v>123111</v>
      </c>
      <c r="J35843" s="1" t="s">
        <v>124480</v>
      </c>
    </row>
    <row r="35844" spans="1:10" x14ac:dyDescent="0.35">
      <c r="A35844" s="1" t="s">
        <v>124464</v>
      </c>
      <c r="B35844" s="1" t="s">
        <v>123106</v>
      </c>
      <c r="C35844" s="1" t="s">
        <v>30</v>
      </c>
      <c r="D35844" s="1" t="s">
        <v>124481</v>
      </c>
      <c r="E35844" s="1" t="s">
        <v>124482</v>
      </c>
      <c r="F35844" s="1" t="s">
        <v>124483</v>
      </c>
      <c r="G35844" s="1" t="s">
        <v>124467</v>
      </c>
      <c r="H35844" s="1" t="s">
        <v>124468</v>
      </c>
      <c r="I35844" s="1" t="s">
        <v>123111</v>
      </c>
      <c r="J35844" s="1" t="s">
        <v>124484</v>
      </c>
    </row>
    <row r="35845" spans="1:10" x14ac:dyDescent="0.35">
      <c r="A35845" s="1" t="s">
        <v>124464</v>
      </c>
      <c r="B35845" s="1" t="s">
        <v>123106</v>
      </c>
      <c r="C35845" s="1" t="s">
        <v>35</v>
      </c>
      <c r="D35845" s="1" t="s">
        <v>15807</v>
      </c>
      <c r="E35845" s="1" t="s">
        <v>124485</v>
      </c>
      <c r="F35845" s="1" t="s">
        <v>124486</v>
      </c>
      <c r="G35845" s="1" t="s">
        <v>124467</v>
      </c>
      <c r="H35845" s="1" t="s">
        <v>124468</v>
      </c>
      <c r="I35845" s="1" t="s">
        <v>123111</v>
      </c>
      <c r="J35845" s="1" t="s">
        <v>124487</v>
      </c>
    </row>
    <row r="35846" spans="1:10" x14ac:dyDescent="0.35">
      <c r="A35846" s="1" t="s">
        <v>124464</v>
      </c>
      <c r="B35846" s="1" t="s">
        <v>123106</v>
      </c>
      <c r="C35846" s="1" t="s">
        <v>40</v>
      </c>
      <c r="D35846" s="1" t="s">
        <v>32197</v>
      </c>
      <c r="E35846" s="1" t="s">
        <v>124488</v>
      </c>
      <c r="F35846" s="1" t="s">
        <v>124489</v>
      </c>
      <c r="G35846" s="1" t="s">
        <v>124467</v>
      </c>
      <c r="H35846" s="1" t="s">
        <v>124468</v>
      </c>
      <c r="I35846" s="1" t="s">
        <v>123111</v>
      </c>
      <c r="J35846" s="1" t="s">
        <v>124490</v>
      </c>
    </row>
    <row r="35847" spans="1:10" x14ac:dyDescent="0.35">
      <c r="A35847" s="1" t="s">
        <v>124464</v>
      </c>
      <c r="B35847" s="1" t="s">
        <v>123106</v>
      </c>
      <c r="C35847" s="1" t="s">
        <v>45</v>
      </c>
      <c r="D35847" s="1" t="s">
        <v>5473</v>
      </c>
      <c r="E35847" s="1" t="s">
        <v>124491</v>
      </c>
      <c r="F35847" s="1" t="s">
        <v>124492</v>
      </c>
      <c r="G35847" s="1" t="s">
        <v>124467</v>
      </c>
      <c r="H35847" s="1" t="s">
        <v>124468</v>
      </c>
      <c r="I35847" s="1" t="s">
        <v>123111</v>
      </c>
      <c r="J35847" s="1" t="s">
        <v>124493</v>
      </c>
    </row>
    <row r="35848" spans="1:10" x14ac:dyDescent="0.35">
      <c r="A35848" s="1" t="s">
        <v>124464</v>
      </c>
      <c r="B35848" s="1" t="s">
        <v>123106</v>
      </c>
      <c r="C35848" s="1" t="s">
        <v>50</v>
      </c>
      <c r="D35848" s="1" t="s">
        <v>19600</v>
      </c>
      <c r="E35848" s="1" t="s">
        <v>124494</v>
      </c>
      <c r="F35848" s="1" t="s">
        <v>124495</v>
      </c>
      <c r="G35848" s="1" t="s">
        <v>124467</v>
      </c>
      <c r="H35848" s="1" t="s">
        <v>124468</v>
      </c>
      <c r="I35848" s="1" t="s">
        <v>123111</v>
      </c>
      <c r="J35848" s="1" t="s">
        <v>124496</v>
      </c>
    </row>
    <row r="35849" spans="1:10" x14ac:dyDescent="0.35">
      <c r="A35849" s="1" t="s">
        <v>124464</v>
      </c>
      <c r="B35849" s="1" t="s">
        <v>123106</v>
      </c>
      <c r="C35849" s="1" t="s">
        <v>55</v>
      </c>
      <c r="D35849" s="1" t="s">
        <v>124497</v>
      </c>
      <c r="E35849" s="1" t="s">
        <v>124498</v>
      </c>
      <c r="F35849" s="1" t="s">
        <v>124499</v>
      </c>
      <c r="G35849" s="1" t="s">
        <v>124467</v>
      </c>
      <c r="H35849" s="1" t="s">
        <v>124468</v>
      </c>
      <c r="I35849" s="1" t="s">
        <v>123111</v>
      </c>
      <c r="J35849" s="1" t="s">
        <v>124500</v>
      </c>
    </row>
    <row r="35850" spans="1:10" x14ac:dyDescent="0.35">
      <c r="A35850" s="1" t="s">
        <v>124464</v>
      </c>
      <c r="B35850" s="1" t="s">
        <v>123106</v>
      </c>
      <c r="C35850" s="1" t="s">
        <v>60</v>
      </c>
      <c r="D35850" s="1" t="s">
        <v>124501</v>
      </c>
      <c r="E35850" s="1" t="s">
        <v>124502</v>
      </c>
      <c r="F35850" s="1" t="s">
        <v>124503</v>
      </c>
      <c r="G35850" s="1" t="s">
        <v>124467</v>
      </c>
      <c r="H35850" s="1" t="s">
        <v>124468</v>
      </c>
      <c r="I35850" s="1" t="s">
        <v>123111</v>
      </c>
      <c r="J35850" s="1" t="s">
        <v>124504</v>
      </c>
    </row>
    <row r="35851" spans="1:10" x14ac:dyDescent="0.35">
      <c r="A35851" s="1" t="s">
        <v>124464</v>
      </c>
      <c r="B35851" s="1" t="s">
        <v>123106</v>
      </c>
      <c r="C35851" s="1" t="s">
        <v>65</v>
      </c>
      <c r="D35851" s="1" t="s">
        <v>12385</v>
      </c>
      <c r="E35851" s="1" t="s">
        <v>124505</v>
      </c>
      <c r="F35851" s="1" t="s">
        <v>124506</v>
      </c>
      <c r="G35851" s="1" t="s">
        <v>124467</v>
      </c>
      <c r="H35851" s="1" t="s">
        <v>124468</v>
      </c>
      <c r="I35851" s="1" t="s">
        <v>123111</v>
      </c>
      <c r="J35851" s="1" t="s">
        <v>124507</v>
      </c>
    </row>
    <row r="35852" spans="1:10" x14ac:dyDescent="0.35">
      <c r="A35852" s="1" t="s">
        <v>124464</v>
      </c>
      <c r="B35852" s="1" t="s">
        <v>123106</v>
      </c>
      <c r="C35852" s="1" t="s">
        <v>70</v>
      </c>
      <c r="D35852" s="1" t="s">
        <v>8823</v>
      </c>
      <c r="E35852" s="1" t="s">
        <v>124508</v>
      </c>
      <c r="F35852" s="1" t="s">
        <v>124509</v>
      </c>
      <c r="G35852" s="1" t="s">
        <v>124467</v>
      </c>
      <c r="H35852" s="1" t="s">
        <v>124468</v>
      </c>
      <c r="I35852" s="1" t="s">
        <v>123111</v>
      </c>
      <c r="J35852" s="1" t="s">
        <v>124510</v>
      </c>
    </row>
    <row r="35853" spans="1:10" x14ac:dyDescent="0.35">
      <c r="A35853" s="1" t="s">
        <v>124464</v>
      </c>
      <c r="B35853" s="1" t="s">
        <v>123106</v>
      </c>
      <c r="C35853" s="1" t="s">
        <v>75</v>
      </c>
      <c r="D35853" s="1" t="s">
        <v>38608</v>
      </c>
      <c r="E35853" s="1" t="s">
        <v>124511</v>
      </c>
      <c r="F35853" s="1" t="s">
        <v>124512</v>
      </c>
      <c r="G35853" s="1" t="s">
        <v>124467</v>
      </c>
      <c r="H35853" s="1" t="s">
        <v>124468</v>
      </c>
      <c r="I35853" s="1" t="s">
        <v>123111</v>
      </c>
      <c r="J35853" s="1" t="s">
        <v>124513</v>
      </c>
    </row>
    <row r="35854" spans="1:10" x14ac:dyDescent="0.35">
      <c r="A35854" s="1" t="s">
        <v>124464</v>
      </c>
      <c r="B35854" s="1" t="s">
        <v>123106</v>
      </c>
      <c r="C35854" s="1" t="s">
        <v>80</v>
      </c>
      <c r="D35854" s="1" t="s">
        <v>75435</v>
      </c>
      <c r="E35854" s="1" t="s">
        <v>124514</v>
      </c>
      <c r="F35854" s="1" t="s">
        <v>124515</v>
      </c>
      <c r="G35854" s="1" t="s">
        <v>124467</v>
      </c>
      <c r="H35854" s="1" t="s">
        <v>124468</v>
      </c>
      <c r="I35854" s="1" t="s">
        <v>123111</v>
      </c>
      <c r="J35854" s="1" t="s">
        <v>124516</v>
      </c>
    </row>
    <row r="35855" spans="1:10" x14ac:dyDescent="0.35">
      <c r="A35855" s="1" t="s">
        <v>124464</v>
      </c>
      <c r="B35855" s="1" t="s">
        <v>123106</v>
      </c>
      <c r="C35855" s="1" t="s">
        <v>85</v>
      </c>
      <c r="D35855" s="1" t="s">
        <v>43650</v>
      </c>
      <c r="E35855" s="1" t="s">
        <v>124517</v>
      </c>
      <c r="F35855" s="1" t="s">
        <v>124518</v>
      </c>
      <c r="G35855" s="1" t="s">
        <v>124467</v>
      </c>
      <c r="H35855" s="1" t="s">
        <v>124468</v>
      </c>
      <c r="I35855" s="1" t="s">
        <v>123111</v>
      </c>
      <c r="J35855" s="1" t="s">
        <v>124519</v>
      </c>
    </row>
    <row r="35856" spans="1:10" x14ac:dyDescent="0.35">
      <c r="A35856" s="1" t="s">
        <v>124464</v>
      </c>
      <c r="B35856" s="1" t="s">
        <v>123106</v>
      </c>
      <c r="C35856" s="1" t="s">
        <v>90</v>
      </c>
      <c r="D35856" s="1" t="s">
        <v>48127</v>
      </c>
      <c r="E35856" s="1" t="s">
        <v>124520</v>
      </c>
      <c r="F35856" s="1" t="s">
        <v>124521</v>
      </c>
      <c r="G35856" s="1" t="s">
        <v>124467</v>
      </c>
      <c r="H35856" s="1" t="s">
        <v>124468</v>
      </c>
      <c r="I35856" s="1" t="s">
        <v>123111</v>
      </c>
      <c r="J35856" s="1" t="s">
        <v>124522</v>
      </c>
    </row>
    <row r="35857" spans="1:10" x14ac:dyDescent="0.35">
      <c r="A35857" s="1" t="s">
        <v>124464</v>
      </c>
      <c r="B35857" s="1" t="s">
        <v>123106</v>
      </c>
      <c r="C35857" s="1" t="s">
        <v>95</v>
      </c>
      <c r="D35857" s="1" t="s">
        <v>124523</v>
      </c>
      <c r="E35857" s="1" t="s">
        <v>124524</v>
      </c>
      <c r="F35857" s="1" t="s">
        <v>124525</v>
      </c>
      <c r="G35857" s="1" t="s">
        <v>124467</v>
      </c>
      <c r="H35857" s="1" t="s">
        <v>124468</v>
      </c>
      <c r="I35857" s="1" t="s">
        <v>123111</v>
      </c>
      <c r="J35857" s="1" t="s">
        <v>124526</v>
      </c>
    </row>
    <row r="35858" spans="1:10" x14ac:dyDescent="0.35">
      <c r="A35858" s="1" t="s">
        <v>124464</v>
      </c>
      <c r="B35858" s="1" t="s">
        <v>123106</v>
      </c>
      <c r="C35858" s="1" t="s">
        <v>100</v>
      </c>
      <c r="D35858" s="1" t="s">
        <v>124527</v>
      </c>
      <c r="E35858" s="1" t="s">
        <v>124528</v>
      </c>
      <c r="F35858" s="1" t="s">
        <v>124529</v>
      </c>
      <c r="G35858" s="1" t="s">
        <v>124467</v>
      </c>
      <c r="H35858" s="1" t="s">
        <v>124468</v>
      </c>
      <c r="I35858" s="1" t="s">
        <v>123111</v>
      </c>
      <c r="J35858" s="1" t="s">
        <v>124530</v>
      </c>
    </row>
    <row r="35859" spans="1:10" x14ac:dyDescent="0.35">
      <c r="A35859" s="1" t="s">
        <v>124464</v>
      </c>
      <c r="B35859" s="1" t="s">
        <v>123106</v>
      </c>
      <c r="C35859" s="1" t="s">
        <v>105</v>
      </c>
      <c r="D35859" s="1" t="s">
        <v>124531</v>
      </c>
      <c r="E35859" s="1" t="s">
        <v>124532</v>
      </c>
      <c r="F35859" s="1" t="s">
        <v>124533</v>
      </c>
      <c r="G35859" s="1" t="s">
        <v>124467</v>
      </c>
      <c r="H35859" s="1" t="s">
        <v>124468</v>
      </c>
      <c r="I35859" s="1" t="s">
        <v>123111</v>
      </c>
      <c r="J35859" s="1" t="s">
        <v>124534</v>
      </c>
    </row>
    <row r="35860" spans="1:10" x14ac:dyDescent="0.35">
      <c r="A35860" s="1" t="s">
        <v>124464</v>
      </c>
      <c r="B35860" s="1" t="s">
        <v>123106</v>
      </c>
      <c r="C35860" s="1" t="s">
        <v>110</v>
      </c>
      <c r="D35860" s="1" t="s">
        <v>124535</v>
      </c>
      <c r="E35860" s="1" t="s">
        <v>124536</v>
      </c>
      <c r="F35860" s="1" t="s">
        <v>124537</v>
      </c>
      <c r="G35860" s="1" t="s">
        <v>124467</v>
      </c>
      <c r="H35860" s="1" t="s">
        <v>124468</v>
      </c>
      <c r="I35860" s="1" t="s">
        <v>123111</v>
      </c>
      <c r="J35860" s="1" t="s">
        <v>124538</v>
      </c>
    </row>
    <row r="35861" spans="1:10" x14ac:dyDescent="0.35">
      <c r="A35861" s="1" t="s">
        <v>124464</v>
      </c>
      <c r="B35861" s="1" t="s">
        <v>123106</v>
      </c>
      <c r="C35861" s="1" t="s">
        <v>115</v>
      </c>
      <c r="D35861" s="1" t="s">
        <v>18164</v>
      </c>
      <c r="E35861" s="1" t="s">
        <v>124539</v>
      </c>
      <c r="F35861" s="1" t="s">
        <v>124540</v>
      </c>
      <c r="G35861" s="1" t="s">
        <v>124467</v>
      </c>
      <c r="H35861" s="1" t="s">
        <v>124468</v>
      </c>
      <c r="I35861" s="1" t="s">
        <v>123111</v>
      </c>
      <c r="J35861" s="1" t="s">
        <v>124541</v>
      </c>
    </row>
    <row r="35862" spans="1:10" x14ac:dyDescent="0.35">
      <c r="A35862" s="1" t="s">
        <v>124464</v>
      </c>
      <c r="B35862" s="1" t="s">
        <v>123106</v>
      </c>
      <c r="C35862" s="1" t="s">
        <v>120</v>
      </c>
      <c r="D35862" s="1" t="s">
        <v>35986</v>
      </c>
      <c r="E35862" s="1" t="s">
        <v>124542</v>
      </c>
      <c r="F35862" s="1" t="s">
        <v>124543</v>
      </c>
      <c r="G35862" s="1" t="s">
        <v>124467</v>
      </c>
      <c r="H35862" s="1" t="s">
        <v>124468</v>
      </c>
      <c r="I35862" s="1" t="s">
        <v>123111</v>
      </c>
      <c r="J35862" s="1" t="s">
        <v>124544</v>
      </c>
    </row>
    <row r="35863" spans="1:10" x14ac:dyDescent="0.35">
      <c r="A35863" s="1" t="s">
        <v>124464</v>
      </c>
      <c r="B35863" s="1" t="s">
        <v>123106</v>
      </c>
      <c r="C35863" s="1" t="s">
        <v>125</v>
      </c>
      <c r="D35863" s="1" t="s">
        <v>124545</v>
      </c>
      <c r="E35863" s="1" t="s">
        <v>124546</v>
      </c>
      <c r="F35863" s="1" t="s">
        <v>124547</v>
      </c>
      <c r="G35863" s="1" t="s">
        <v>124467</v>
      </c>
      <c r="H35863" s="1" t="s">
        <v>124468</v>
      </c>
      <c r="I35863" s="1" t="s">
        <v>123111</v>
      </c>
      <c r="J35863" s="1" t="s">
        <v>124548</v>
      </c>
    </row>
    <row r="35864" spans="1:10" x14ac:dyDescent="0.35">
      <c r="A35864" s="1" t="s">
        <v>124464</v>
      </c>
      <c r="B35864" s="1" t="s">
        <v>123106</v>
      </c>
      <c r="C35864" s="1" t="s">
        <v>130</v>
      </c>
      <c r="D35864" s="1" t="s">
        <v>124549</v>
      </c>
      <c r="E35864" s="1" t="s">
        <v>124550</v>
      </c>
      <c r="F35864" s="1" t="s">
        <v>124551</v>
      </c>
      <c r="G35864" s="1" t="s">
        <v>124467</v>
      </c>
      <c r="H35864" s="1" t="s">
        <v>124468</v>
      </c>
      <c r="I35864" s="1" t="s">
        <v>123111</v>
      </c>
      <c r="J35864" s="1" t="s">
        <v>124552</v>
      </c>
    </row>
    <row r="35865" spans="1:10" x14ac:dyDescent="0.35">
      <c r="A35865" s="1" t="s">
        <v>124464</v>
      </c>
      <c r="B35865" s="1" t="s">
        <v>123106</v>
      </c>
      <c r="C35865" s="1" t="s">
        <v>135</v>
      </c>
      <c r="D35865" s="1" t="s">
        <v>31999</v>
      </c>
      <c r="E35865" s="1" t="s">
        <v>124553</v>
      </c>
      <c r="F35865" s="1" t="s">
        <v>124554</v>
      </c>
      <c r="G35865" s="1" t="s">
        <v>124467</v>
      </c>
      <c r="H35865" s="1" t="s">
        <v>124468</v>
      </c>
      <c r="I35865" s="1" t="s">
        <v>123111</v>
      </c>
      <c r="J35865" s="1" t="s">
        <v>124555</v>
      </c>
    </row>
    <row r="35866" spans="1:10" x14ac:dyDescent="0.35">
      <c r="A35866" s="1" t="s">
        <v>124464</v>
      </c>
      <c r="B35866" s="1" t="s">
        <v>123106</v>
      </c>
      <c r="C35866" s="1" t="s">
        <v>140</v>
      </c>
      <c r="D35866" s="1" t="s">
        <v>105177</v>
      </c>
      <c r="E35866" s="1" t="s">
        <v>124556</v>
      </c>
      <c r="F35866" s="1" t="s">
        <v>124557</v>
      </c>
      <c r="G35866" s="1" t="s">
        <v>124467</v>
      </c>
      <c r="H35866" s="1" t="s">
        <v>124468</v>
      </c>
      <c r="I35866" s="1" t="s">
        <v>123111</v>
      </c>
      <c r="J35866" s="1" t="s">
        <v>124558</v>
      </c>
    </row>
    <row r="35867" spans="1:10" x14ac:dyDescent="0.35">
      <c r="A35867" s="1" t="s">
        <v>124464</v>
      </c>
      <c r="B35867" s="1" t="s">
        <v>123106</v>
      </c>
      <c r="C35867" s="1" t="s">
        <v>145</v>
      </c>
      <c r="D35867" s="1" t="s">
        <v>113200</v>
      </c>
      <c r="E35867" s="1" t="s">
        <v>124559</v>
      </c>
      <c r="F35867" s="1" t="s">
        <v>124560</v>
      </c>
      <c r="G35867" s="1" t="s">
        <v>124467</v>
      </c>
      <c r="H35867" s="1" t="s">
        <v>124468</v>
      </c>
      <c r="I35867" s="1" t="s">
        <v>123111</v>
      </c>
      <c r="J35867" s="1" t="s">
        <v>124561</v>
      </c>
    </row>
    <row r="35868" spans="1:10" x14ac:dyDescent="0.35">
      <c r="A35868" s="1" t="s">
        <v>124464</v>
      </c>
      <c r="B35868" s="1" t="s">
        <v>123106</v>
      </c>
      <c r="C35868" s="1" t="s">
        <v>150</v>
      </c>
      <c r="D35868" s="1" t="s">
        <v>119607</v>
      </c>
      <c r="E35868" s="1" t="s">
        <v>124562</v>
      </c>
      <c r="F35868" s="1" t="s">
        <v>124563</v>
      </c>
      <c r="G35868" s="1" t="s">
        <v>124467</v>
      </c>
      <c r="H35868" s="1" t="s">
        <v>124468</v>
      </c>
      <c r="I35868" s="1" t="s">
        <v>123111</v>
      </c>
      <c r="J35868" s="1" t="s">
        <v>124564</v>
      </c>
    </row>
    <row r="35869" spans="1:10" x14ac:dyDescent="0.35">
      <c r="A35869" s="1" t="s">
        <v>124464</v>
      </c>
      <c r="B35869" s="1" t="s">
        <v>123106</v>
      </c>
      <c r="C35869" s="1" t="s">
        <v>155</v>
      </c>
      <c r="D35869" s="1" t="s">
        <v>124565</v>
      </c>
      <c r="E35869" s="1" t="s">
        <v>124566</v>
      </c>
      <c r="F35869" s="1" t="s">
        <v>124567</v>
      </c>
      <c r="G35869" s="1" t="s">
        <v>124467</v>
      </c>
      <c r="H35869" s="1" t="s">
        <v>124468</v>
      </c>
      <c r="I35869" s="1" t="s">
        <v>123111</v>
      </c>
      <c r="J35869" s="1" t="s">
        <v>124568</v>
      </c>
    </row>
    <row r="35870" spans="1:10" x14ac:dyDescent="0.35">
      <c r="A35870" s="1" t="s">
        <v>124464</v>
      </c>
      <c r="B35870" s="1" t="s">
        <v>123106</v>
      </c>
      <c r="C35870" s="1" t="s">
        <v>160</v>
      </c>
      <c r="D35870" s="1" t="s">
        <v>124569</v>
      </c>
      <c r="E35870" s="1" t="s">
        <v>124570</v>
      </c>
      <c r="F35870" s="1" t="s">
        <v>124571</v>
      </c>
      <c r="G35870" s="1" t="s">
        <v>124467</v>
      </c>
      <c r="H35870" s="1" t="s">
        <v>124468</v>
      </c>
      <c r="I35870" s="1" t="s">
        <v>123111</v>
      </c>
      <c r="J35870" s="1" t="s">
        <v>124572</v>
      </c>
    </row>
    <row r="35871" spans="1:10" x14ac:dyDescent="0.35">
      <c r="A35871" s="1" t="s">
        <v>124464</v>
      </c>
      <c r="B35871" s="1" t="s">
        <v>123106</v>
      </c>
      <c r="C35871" s="1" t="s">
        <v>165</v>
      </c>
      <c r="D35871" s="1" t="s">
        <v>124573</v>
      </c>
      <c r="E35871" s="1" t="s">
        <v>124574</v>
      </c>
      <c r="F35871" s="1" t="s">
        <v>124575</v>
      </c>
      <c r="G35871" s="1" t="s">
        <v>124467</v>
      </c>
      <c r="H35871" s="1" t="s">
        <v>124468</v>
      </c>
      <c r="I35871" s="1" t="s">
        <v>123111</v>
      </c>
      <c r="J35871" s="1" t="s">
        <v>124576</v>
      </c>
    </row>
    <row r="35872" spans="1:10" x14ac:dyDescent="0.35">
      <c r="A35872" s="1" t="s">
        <v>124464</v>
      </c>
      <c r="B35872" s="1" t="s">
        <v>123106</v>
      </c>
      <c r="C35872" s="1" t="s">
        <v>170</v>
      </c>
      <c r="D35872" s="1" t="s">
        <v>82786</v>
      </c>
      <c r="E35872" s="1" t="s">
        <v>124577</v>
      </c>
      <c r="F35872" s="1" t="s">
        <v>124578</v>
      </c>
      <c r="G35872" s="1" t="s">
        <v>124467</v>
      </c>
      <c r="H35872" s="1" t="s">
        <v>124468</v>
      </c>
      <c r="I35872" s="1" t="s">
        <v>123111</v>
      </c>
      <c r="J35872" s="1" t="s">
        <v>124579</v>
      </c>
    </row>
    <row r="35873" spans="1:10" x14ac:dyDescent="0.35">
      <c r="A35873" s="1" t="s">
        <v>9208</v>
      </c>
      <c r="B35873" s="1" t="s">
        <v>123106</v>
      </c>
      <c r="C35873" s="1" t="s">
        <v>8</v>
      </c>
      <c r="D35873" s="1" t="s">
        <v>121323</v>
      </c>
      <c r="E35873" s="1" t="s">
        <v>124580</v>
      </c>
      <c r="F35873" s="1" t="s">
        <v>124581</v>
      </c>
      <c r="G35873" s="1" t="s">
        <v>124582</v>
      </c>
      <c r="H35873" s="1" t="s">
        <v>124583</v>
      </c>
      <c r="I35873" s="1" t="s">
        <v>123111</v>
      </c>
      <c r="J35873" s="1" t="s">
        <v>13</v>
      </c>
    </row>
    <row r="35874" spans="1:10" x14ac:dyDescent="0.35">
      <c r="A35874" s="1" t="s">
        <v>9208</v>
      </c>
      <c r="B35874" s="1" t="s">
        <v>123106</v>
      </c>
      <c r="C35874" s="1" t="s">
        <v>15</v>
      </c>
      <c r="D35874" s="1" t="s">
        <v>35678</v>
      </c>
      <c r="E35874" s="1" t="s">
        <v>124584</v>
      </c>
      <c r="F35874" s="1" t="s">
        <v>124585</v>
      </c>
      <c r="G35874" s="1" t="s">
        <v>124582</v>
      </c>
      <c r="H35874" s="1" t="s">
        <v>124583</v>
      </c>
      <c r="I35874" s="1" t="s">
        <v>123111</v>
      </c>
      <c r="J35874" s="1" t="s">
        <v>124586</v>
      </c>
    </row>
    <row r="35875" spans="1:10" x14ac:dyDescent="0.35">
      <c r="A35875" s="1" t="s">
        <v>9208</v>
      </c>
      <c r="B35875" s="1" t="s">
        <v>123106</v>
      </c>
      <c r="C35875" s="1" t="s">
        <v>20</v>
      </c>
      <c r="D35875" s="1" t="s">
        <v>104839</v>
      </c>
      <c r="E35875" s="1" t="s">
        <v>124587</v>
      </c>
      <c r="F35875" s="1" t="s">
        <v>124588</v>
      </c>
      <c r="G35875" s="1" t="s">
        <v>124582</v>
      </c>
      <c r="H35875" s="1" t="s">
        <v>124583</v>
      </c>
      <c r="I35875" s="1" t="s">
        <v>123111</v>
      </c>
      <c r="J35875" s="1" t="s">
        <v>124589</v>
      </c>
    </row>
    <row r="35876" spans="1:10" x14ac:dyDescent="0.35">
      <c r="A35876" s="1" t="s">
        <v>9208</v>
      </c>
      <c r="B35876" s="1" t="s">
        <v>123106</v>
      </c>
      <c r="C35876" s="1" t="s">
        <v>25</v>
      </c>
      <c r="D35876" s="1" t="s">
        <v>104560</v>
      </c>
      <c r="E35876" s="1" t="s">
        <v>124590</v>
      </c>
      <c r="F35876" s="1" t="s">
        <v>124591</v>
      </c>
      <c r="G35876" s="1" t="s">
        <v>124582</v>
      </c>
      <c r="H35876" s="1" t="s">
        <v>124583</v>
      </c>
      <c r="I35876" s="1" t="s">
        <v>123111</v>
      </c>
      <c r="J35876" s="1" t="s">
        <v>124592</v>
      </c>
    </row>
    <row r="35877" spans="1:10" x14ac:dyDescent="0.35">
      <c r="A35877" s="1" t="s">
        <v>9208</v>
      </c>
      <c r="B35877" s="1" t="s">
        <v>123106</v>
      </c>
      <c r="C35877" s="1" t="s">
        <v>30</v>
      </c>
      <c r="D35877" s="1" t="s">
        <v>124593</v>
      </c>
      <c r="E35877" s="1" t="s">
        <v>124594</v>
      </c>
      <c r="F35877" s="1" t="s">
        <v>124595</v>
      </c>
      <c r="G35877" s="1" t="s">
        <v>124582</v>
      </c>
      <c r="H35877" s="1" t="s">
        <v>124583</v>
      </c>
      <c r="I35877" s="1" t="s">
        <v>123111</v>
      </c>
      <c r="J35877" s="1" t="s">
        <v>124596</v>
      </c>
    </row>
    <row r="35878" spans="1:10" x14ac:dyDescent="0.35">
      <c r="A35878" s="1" t="s">
        <v>9208</v>
      </c>
      <c r="B35878" s="1" t="s">
        <v>123106</v>
      </c>
      <c r="C35878" s="1" t="s">
        <v>35</v>
      </c>
      <c r="D35878" s="1" t="s">
        <v>3375</v>
      </c>
      <c r="E35878" s="1" t="s">
        <v>124597</v>
      </c>
      <c r="F35878" s="1" t="s">
        <v>124598</v>
      </c>
      <c r="G35878" s="1" t="s">
        <v>124582</v>
      </c>
      <c r="H35878" s="1" t="s">
        <v>124583</v>
      </c>
      <c r="I35878" s="1" t="s">
        <v>123111</v>
      </c>
      <c r="J35878" s="1" t="s">
        <v>124599</v>
      </c>
    </row>
    <row r="35879" spans="1:10" x14ac:dyDescent="0.35">
      <c r="A35879" s="1" t="s">
        <v>9208</v>
      </c>
      <c r="B35879" s="1" t="s">
        <v>123106</v>
      </c>
      <c r="C35879" s="1" t="s">
        <v>40</v>
      </c>
      <c r="D35879" s="1" t="s">
        <v>124600</v>
      </c>
      <c r="E35879" s="1" t="s">
        <v>124601</v>
      </c>
      <c r="F35879" s="1" t="s">
        <v>124602</v>
      </c>
      <c r="G35879" s="1" t="s">
        <v>124582</v>
      </c>
      <c r="H35879" s="1" t="s">
        <v>124583</v>
      </c>
      <c r="I35879" s="1" t="s">
        <v>123111</v>
      </c>
      <c r="J35879" s="1" t="s">
        <v>124603</v>
      </c>
    </row>
    <row r="35880" spans="1:10" x14ac:dyDescent="0.35">
      <c r="A35880" s="1" t="s">
        <v>9208</v>
      </c>
      <c r="B35880" s="1" t="s">
        <v>123106</v>
      </c>
      <c r="C35880" s="1" t="s">
        <v>45</v>
      </c>
      <c r="D35880" s="1" t="s">
        <v>46479</v>
      </c>
      <c r="E35880" s="1" t="s">
        <v>124604</v>
      </c>
      <c r="F35880" s="1" t="s">
        <v>124605</v>
      </c>
      <c r="G35880" s="1" t="s">
        <v>124582</v>
      </c>
      <c r="H35880" s="1" t="s">
        <v>124583</v>
      </c>
      <c r="I35880" s="1" t="s">
        <v>123111</v>
      </c>
      <c r="J35880" s="1" t="s">
        <v>124606</v>
      </c>
    </row>
    <row r="35881" spans="1:10" x14ac:dyDescent="0.35">
      <c r="A35881" s="1" t="s">
        <v>9208</v>
      </c>
      <c r="B35881" s="1" t="s">
        <v>123106</v>
      </c>
      <c r="C35881" s="1" t="s">
        <v>50</v>
      </c>
      <c r="D35881" s="1" t="s">
        <v>124607</v>
      </c>
      <c r="E35881" s="1" t="s">
        <v>124608</v>
      </c>
      <c r="F35881" s="1" t="s">
        <v>124609</v>
      </c>
      <c r="G35881" s="1" t="s">
        <v>124582</v>
      </c>
      <c r="H35881" s="1" t="s">
        <v>124583</v>
      </c>
      <c r="I35881" s="1" t="s">
        <v>123111</v>
      </c>
      <c r="J35881" s="1" t="s">
        <v>124610</v>
      </c>
    </row>
    <row r="35882" spans="1:10" x14ac:dyDescent="0.35">
      <c r="A35882" s="1" t="s">
        <v>9208</v>
      </c>
      <c r="B35882" s="1" t="s">
        <v>123106</v>
      </c>
      <c r="C35882" s="1" t="s">
        <v>55</v>
      </c>
      <c r="D35882" s="1" t="s">
        <v>34845</v>
      </c>
      <c r="E35882" s="1" t="s">
        <v>124611</v>
      </c>
      <c r="F35882" s="1" t="s">
        <v>124612</v>
      </c>
      <c r="G35882" s="1" t="s">
        <v>124582</v>
      </c>
      <c r="H35882" s="1" t="s">
        <v>124583</v>
      </c>
      <c r="I35882" s="1" t="s">
        <v>123111</v>
      </c>
      <c r="J35882" s="1" t="s">
        <v>124613</v>
      </c>
    </row>
    <row r="35883" spans="1:10" x14ac:dyDescent="0.35">
      <c r="A35883" s="1" t="s">
        <v>9208</v>
      </c>
      <c r="B35883" s="1" t="s">
        <v>123106</v>
      </c>
      <c r="C35883" s="1" t="s">
        <v>60</v>
      </c>
      <c r="D35883" s="1" t="s">
        <v>33556</v>
      </c>
      <c r="E35883" s="1" t="s">
        <v>124614</v>
      </c>
      <c r="F35883" s="1" t="s">
        <v>124615</v>
      </c>
      <c r="G35883" s="1" t="s">
        <v>124582</v>
      </c>
      <c r="H35883" s="1" t="s">
        <v>124583</v>
      </c>
      <c r="I35883" s="1" t="s">
        <v>123111</v>
      </c>
      <c r="J35883" s="1" t="s">
        <v>124616</v>
      </c>
    </row>
    <row r="35884" spans="1:10" x14ac:dyDescent="0.35">
      <c r="A35884" s="1" t="s">
        <v>9208</v>
      </c>
      <c r="B35884" s="1" t="s">
        <v>123106</v>
      </c>
      <c r="C35884" s="1" t="s">
        <v>65</v>
      </c>
      <c r="D35884" s="1" t="s">
        <v>14580</v>
      </c>
      <c r="E35884" s="1" t="s">
        <v>124617</v>
      </c>
      <c r="F35884" s="1" t="s">
        <v>124618</v>
      </c>
      <c r="G35884" s="1" t="s">
        <v>124582</v>
      </c>
      <c r="H35884" s="1" t="s">
        <v>124583</v>
      </c>
      <c r="I35884" s="1" t="s">
        <v>123111</v>
      </c>
      <c r="J35884" s="1" t="s">
        <v>124619</v>
      </c>
    </row>
    <row r="35885" spans="1:10" x14ac:dyDescent="0.35">
      <c r="A35885" s="1" t="s">
        <v>9208</v>
      </c>
      <c r="B35885" s="1" t="s">
        <v>123106</v>
      </c>
      <c r="C35885" s="1" t="s">
        <v>70</v>
      </c>
      <c r="D35885" s="1" t="s">
        <v>1445</v>
      </c>
      <c r="E35885" s="1" t="s">
        <v>124620</v>
      </c>
      <c r="F35885" s="1" t="s">
        <v>124621</v>
      </c>
      <c r="G35885" s="1" t="s">
        <v>124582</v>
      </c>
      <c r="H35885" s="1" t="s">
        <v>124583</v>
      </c>
      <c r="I35885" s="1" t="s">
        <v>123111</v>
      </c>
      <c r="J35885" s="1" t="s">
        <v>124622</v>
      </c>
    </row>
    <row r="35886" spans="1:10" x14ac:dyDescent="0.35">
      <c r="A35886" s="1" t="s">
        <v>9208</v>
      </c>
      <c r="B35886" s="1" t="s">
        <v>123106</v>
      </c>
      <c r="C35886" s="1" t="s">
        <v>75</v>
      </c>
      <c r="D35886" s="1" t="s">
        <v>15277</v>
      </c>
      <c r="E35886" s="1" t="s">
        <v>124623</v>
      </c>
      <c r="F35886" s="1" t="s">
        <v>124624</v>
      </c>
      <c r="G35886" s="1" t="s">
        <v>124582</v>
      </c>
      <c r="H35886" s="1" t="s">
        <v>124583</v>
      </c>
      <c r="I35886" s="1" t="s">
        <v>123111</v>
      </c>
      <c r="J35886" s="1" t="s">
        <v>124625</v>
      </c>
    </row>
    <row r="35887" spans="1:10" x14ac:dyDescent="0.35">
      <c r="A35887" s="1" t="s">
        <v>9208</v>
      </c>
      <c r="B35887" s="1" t="s">
        <v>123106</v>
      </c>
      <c r="C35887" s="1" t="s">
        <v>80</v>
      </c>
      <c r="D35887" s="1" t="s">
        <v>32566</v>
      </c>
      <c r="E35887" s="1" t="s">
        <v>124626</v>
      </c>
      <c r="F35887" s="1" t="s">
        <v>124627</v>
      </c>
      <c r="G35887" s="1" t="s">
        <v>124582</v>
      </c>
      <c r="H35887" s="1" t="s">
        <v>124583</v>
      </c>
      <c r="I35887" s="1" t="s">
        <v>123111</v>
      </c>
      <c r="J35887" s="1" t="s">
        <v>124628</v>
      </c>
    </row>
    <row r="35888" spans="1:10" x14ac:dyDescent="0.35">
      <c r="A35888" s="1" t="s">
        <v>9208</v>
      </c>
      <c r="B35888" s="1" t="s">
        <v>123106</v>
      </c>
      <c r="C35888" s="1" t="s">
        <v>85</v>
      </c>
      <c r="D35888" s="1" t="s">
        <v>72941</v>
      </c>
      <c r="E35888" s="1" t="s">
        <v>124629</v>
      </c>
      <c r="F35888" s="1" t="s">
        <v>124630</v>
      </c>
      <c r="G35888" s="1" t="s">
        <v>124582</v>
      </c>
      <c r="H35888" s="1" t="s">
        <v>124583</v>
      </c>
      <c r="I35888" s="1" t="s">
        <v>123111</v>
      </c>
      <c r="J35888" s="1" t="s">
        <v>124631</v>
      </c>
    </row>
    <row r="35889" spans="1:10" x14ac:dyDescent="0.35">
      <c r="A35889" s="1" t="s">
        <v>9208</v>
      </c>
      <c r="B35889" s="1" t="s">
        <v>123106</v>
      </c>
      <c r="C35889" s="1" t="s">
        <v>90</v>
      </c>
      <c r="D35889" s="1" t="s">
        <v>119085</v>
      </c>
      <c r="E35889" s="1" t="s">
        <v>124632</v>
      </c>
      <c r="F35889" s="1" t="s">
        <v>124633</v>
      </c>
      <c r="G35889" s="1" t="s">
        <v>124582</v>
      </c>
      <c r="H35889" s="1" t="s">
        <v>124583</v>
      </c>
      <c r="I35889" s="1" t="s">
        <v>123111</v>
      </c>
      <c r="J35889" s="1" t="s">
        <v>124634</v>
      </c>
    </row>
    <row r="35890" spans="1:10" x14ac:dyDescent="0.35">
      <c r="A35890" s="1" t="s">
        <v>9208</v>
      </c>
      <c r="B35890" s="1" t="s">
        <v>123106</v>
      </c>
      <c r="C35890" s="1" t="s">
        <v>95</v>
      </c>
      <c r="D35890" s="1" t="s">
        <v>16160</v>
      </c>
      <c r="E35890" s="1" t="s">
        <v>124635</v>
      </c>
      <c r="F35890" s="1" t="s">
        <v>124636</v>
      </c>
      <c r="G35890" s="1" t="s">
        <v>124582</v>
      </c>
      <c r="H35890" s="1" t="s">
        <v>124583</v>
      </c>
      <c r="I35890" s="1" t="s">
        <v>123111</v>
      </c>
      <c r="J35890" s="1" t="s">
        <v>124637</v>
      </c>
    </row>
    <row r="35891" spans="1:10" x14ac:dyDescent="0.35">
      <c r="A35891" s="1" t="s">
        <v>9208</v>
      </c>
      <c r="B35891" s="1" t="s">
        <v>123106</v>
      </c>
      <c r="C35891" s="1" t="s">
        <v>100</v>
      </c>
      <c r="D35891" s="1" t="s">
        <v>72322</v>
      </c>
      <c r="E35891" s="1" t="s">
        <v>124638</v>
      </c>
      <c r="F35891" s="1" t="s">
        <v>124639</v>
      </c>
      <c r="G35891" s="1" t="s">
        <v>124582</v>
      </c>
      <c r="H35891" s="1" t="s">
        <v>124583</v>
      </c>
      <c r="I35891" s="1" t="s">
        <v>123111</v>
      </c>
      <c r="J35891" s="1" t="s">
        <v>124640</v>
      </c>
    </row>
    <row r="35892" spans="1:10" x14ac:dyDescent="0.35">
      <c r="A35892" s="1" t="s">
        <v>9208</v>
      </c>
      <c r="B35892" s="1" t="s">
        <v>123106</v>
      </c>
      <c r="C35892" s="1" t="s">
        <v>105</v>
      </c>
      <c r="D35892" s="1" t="s">
        <v>31851</v>
      </c>
      <c r="E35892" s="1" t="s">
        <v>124641</v>
      </c>
      <c r="F35892" s="1" t="s">
        <v>124642</v>
      </c>
      <c r="G35892" s="1" t="s">
        <v>124582</v>
      </c>
      <c r="H35892" s="1" t="s">
        <v>124583</v>
      </c>
      <c r="I35892" s="1" t="s">
        <v>123111</v>
      </c>
      <c r="J35892" s="1" t="s">
        <v>124643</v>
      </c>
    </row>
    <row r="35893" spans="1:10" x14ac:dyDescent="0.35">
      <c r="A35893" s="1" t="s">
        <v>9208</v>
      </c>
      <c r="B35893" s="1" t="s">
        <v>123106</v>
      </c>
      <c r="C35893" s="1" t="s">
        <v>110</v>
      </c>
      <c r="D35893" s="1" t="s">
        <v>115981</v>
      </c>
      <c r="E35893" s="1" t="s">
        <v>124644</v>
      </c>
      <c r="F35893" s="1" t="s">
        <v>124645</v>
      </c>
      <c r="G35893" s="1" t="s">
        <v>124582</v>
      </c>
      <c r="H35893" s="1" t="s">
        <v>124583</v>
      </c>
      <c r="I35893" s="1" t="s">
        <v>123111</v>
      </c>
      <c r="J35893" s="1" t="s">
        <v>124646</v>
      </c>
    </row>
    <row r="35894" spans="1:10" x14ac:dyDescent="0.35">
      <c r="A35894" s="1" t="s">
        <v>9208</v>
      </c>
      <c r="B35894" s="1" t="s">
        <v>123106</v>
      </c>
      <c r="C35894" s="1" t="s">
        <v>115</v>
      </c>
      <c r="D35894" s="1" t="s">
        <v>49257</v>
      </c>
      <c r="E35894" s="1" t="s">
        <v>124647</v>
      </c>
      <c r="F35894" s="1" t="s">
        <v>124648</v>
      </c>
      <c r="G35894" s="1" t="s">
        <v>124582</v>
      </c>
      <c r="H35894" s="1" t="s">
        <v>124583</v>
      </c>
      <c r="I35894" s="1" t="s">
        <v>123111</v>
      </c>
      <c r="J35894" s="1" t="s">
        <v>124649</v>
      </c>
    </row>
    <row r="35895" spans="1:10" x14ac:dyDescent="0.35">
      <c r="A35895" s="1" t="s">
        <v>9208</v>
      </c>
      <c r="B35895" s="1" t="s">
        <v>123106</v>
      </c>
      <c r="C35895" s="1" t="s">
        <v>120</v>
      </c>
      <c r="D35895" s="1" t="s">
        <v>124650</v>
      </c>
      <c r="E35895" s="1" t="s">
        <v>124651</v>
      </c>
      <c r="F35895" s="1" t="s">
        <v>124652</v>
      </c>
      <c r="G35895" s="1" t="s">
        <v>124582</v>
      </c>
      <c r="H35895" s="1" t="s">
        <v>124583</v>
      </c>
      <c r="I35895" s="1" t="s">
        <v>123111</v>
      </c>
      <c r="J35895" s="1" t="s">
        <v>124653</v>
      </c>
    </row>
    <row r="35896" spans="1:10" x14ac:dyDescent="0.35">
      <c r="A35896" s="1" t="s">
        <v>9208</v>
      </c>
      <c r="B35896" s="1" t="s">
        <v>123106</v>
      </c>
      <c r="C35896" s="1" t="s">
        <v>125</v>
      </c>
      <c r="D35896" s="1" t="s">
        <v>47544</v>
      </c>
      <c r="E35896" s="1" t="s">
        <v>124654</v>
      </c>
      <c r="F35896" s="1" t="s">
        <v>124655</v>
      </c>
      <c r="G35896" s="1" t="s">
        <v>124582</v>
      </c>
      <c r="H35896" s="1" t="s">
        <v>124583</v>
      </c>
      <c r="I35896" s="1" t="s">
        <v>123111</v>
      </c>
      <c r="J35896" s="1" t="s">
        <v>124656</v>
      </c>
    </row>
    <row r="35897" spans="1:10" x14ac:dyDescent="0.35">
      <c r="A35897" s="1" t="s">
        <v>9208</v>
      </c>
      <c r="B35897" s="1" t="s">
        <v>123106</v>
      </c>
      <c r="C35897" s="1" t="s">
        <v>130</v>
      </c>
      <c r="D35897" s="1" t="s">
        <v>124657</v>
      </c>
      <c r="E35897" s="1" t="s">
        <v>124658</v>
      </c>
      <c r="F35897" s="1" t="s">
        <v>124659</v>
      </c>
      <c r="G35897" s="1" t="s">
        <v>124582</v>
      </c>
      <c r="H35897" s="1" t="s">
        <v>124583</v>
      </c>
      <c r="I35897" s="1" t="s">
        <v>123111</v>
      </c>
      <c r="J35897" s="1" t="s">
        <v>124660</v>
      </c>
    </row>
    <row r="35898" spans="1:10" x14ac:dyDescent="0.35">
      <c r="A35898" s="1" t="s">
        <v>9208</v>
      </c>
      <c r="B35898" s="1" t="s">
        <v>123106</v>
      </c>
      <c r="C35898" s="1" t="s">
        <v>135</v>
      </c>
      <c r="D35898" s="1" t="s">
        <v>124661</v>
      </c>
      <c r="E35898" s="1" t="s">
        <v>124662</v>
      </c>
      <c r="F35898" s="1" t="s">
        <v>124663</v>
      </c>
      <c r="G35898" s="1" t="s">
        <v>124582</v>
      </c>
      <c r="H35898" s="1" t="s">
        <v>124583</v>
      </c>
      <c r="I35898" s="1" t="s">
        <v>123111</v>
      </c>
      <c r="J35898" s="1" t="s">
        <v>124664</v>
      </c>
    </row>
    <row r="35899" spans="1:10" x14ac:dyDescent="0.35">
      <c r="A35899" s="1" t="s">
        <v>9208</v>
      </c>
      <c r="B35899" s="1" t="s">
        <v>123106</v>
      </c>
      <c r="C35899" s="1" t="s">
        <v>140</v>
      </c>
      <c r="D35899" s="1" t="s">
        <v>73905</v>
      </c>
      <c r="E35899" s="1" t="s">
        <v>124665</v>
      </c>
      <c r="F35899" s="1" t="s">
        <v>124666</v>
      </c>
      <c r="G35899" s="1" t="s">
        <v>124582</v>
      </c>
      <c r="H35899" s="1" t="s">
        <v>124583</v>
      </c>
      <c r="I35899" s="1" t="s">
        <v>123111</v>
      </c>
      <c r="J35899" s="1" t="s">
        <v>124667</v>
      </c>
    </row>
    <row r="35900" spans="1:10" x14ac:dyDescent="0.35">
      <c r="A35900" s="1" t="s">
        <v>9208</v>
      </c>
      <c r="B35900" s="1" t="s">
        <v>123106</v>
      </c>
      <c r="C35900" s="1" t="s">
        <v>145</v>
      </c>
      <c r="D35900" s="1" t="s">
        <v>18439</v>
      </c>
      <c r="E35900" s="1" t="s">
        <v>124668</v>
      </c>
      <c r="F35900" s="1" t="s">
        <v>124669</v>
      </c>
      <c r="G35900" s="1" t="s">
        <v>124582</v>
      </c>
      <c r="H35900" s="1" t="s">
        <v>124583</v>
      </c>
      <c r="I35900" s="1" t="s">
        <v>123111</v>
      </c>
      <c r="J35900" s="1" t="s">
        <v>124670</v>
      </c>
    </row>
    <row r="35901" spans="1:10" x14ac:dyDescent="0.35">
      <c r="A35901" s="1" t="s">
        <v>9208</v>
      </c>
      <c r="B35901" s="1" t="s">
        <v>123106</v>
      </c>
      <c r="C35901" s="1" t="s">
        <v>150</v>
      </c>
      <c r="D35901" s="1" t="s">
        <v>120634</v>
      </c>
      <c r="E35901" s="1" t="s">
        <v>124671</v>
      </c>
      <c r="F35901" s="1" t="s">
        <v>124672</v>
      </c>
      <c r="G35901" s="1" t="s">
        <v>124582</v>
      </c>
      <c r="H35901" s="1" t="s">
        <v>124583</v>
      </c>
      <c r="I35901" s="1" t="s">
        <v>123111</v>
      </c>
      <c r="J35901" s="1" t="s">
        <v>124673</v>
      </c>
    </row>
    <row r="35902" spans="1:10" x14ac:dyDescent="0.35">
      <c r="A35902" s="1" t="s">
        <v>9208</v>
      </c>
      <c r="B35902" s="1" t="s">
        <v>123106</v>
      </c>
      <c r="C35902" s="1" t="s">
        <v>155</v>
      </c>
      <c r="D35902" s="1" t="s">
        <v>38308</v>
      </c>
      <c r="E35902" s="1" t="s">
        <v>124674</v>
      </c>
      <c r="F35902" s="1" t="s">
        <v>124675</v>
      </c>
      <c r="G35902" s="1" t="s">
        <v>124582</v>
      </c>
      <c r="H35902" s="1" t="s">
        <v>124583</v>
      </c>
      <c r="I35902" s="1" t="s">
        <v>123111</v>
      </c>
      <c r="J35902" s="1" t="s">
        <v>124676</v>
      </c>
    </row>
    <row r="35903" spans="1:10" x14ac:dyDescent="0.35">
      <c r="A35903" s="1" t="s">
        <v>9208</v>
      </c>
      <c r="B35903" s="1" t="s">
        <v>123106</v>
      </c>
      <c r="C35903" s="1" t="s">
        <v>160</v>
      </c>
      <c r="D35903" s="1" t="s">
        <v>124677</v>
      </c>
      <c r="E35903" s="1" t="s">
        <v>124678</v>
      </c>
      <c r="F35903" s="1" t="s">
        <v>124679</v>
      </c>
      <c r="G35903" s="1" t="s">
        <v>124582</v>
      </c>
      <c r="H35903" s="1" t="s">
        <v>124583</v>
      </c>
      <c r="I35903" s="1" t="s">
        <v>123111</v>
      </c>
      <c r="J35903" s="1" t="s">
        <v>124680</v>
      </c>
    </row>
    <row r="35904" spans="1:10" x14ac:dyDescent="0.35">
      <c r="A35904" s="1" t="s">
        <v>9208</v>
      </c>
      <c r="B35904" s="1" t="s">
        <v>123106</v>
      </c>
      <c r="C35904" s="1" t="s">
        <v>165</v>
      </c>
      <c r="D35904" s="1" t="s">
        <v>124681</v>
      </c>
      <c r="E35904" s="1" t="s">
        <v>124682</v>
      </c>
      <c r="F35904" s="1" t="s">
        <v>124683</v>
      </c>
      <c r="G35904" s="1" t="s">
        <v>124582</v>
      </c>
      <c r="H35904" s="1" t="s">
        <v>124583</v>
      </c>
      <c r="I35904" s="1" t="s">
        <v>123111</v>
      </c>
      <c r="J35904" s="1" t="s">
        <v>124684</v>
      </c>
    </row>
    <row r="35905" spans="1:10" x14ac:dyDescent="0.35">
      <c r="A35905" s="1" t="s">
        <v>9208</v>
      </c>
      <c r="B35905" s="1" t="s">
        <v>123106</v>
      </c>
      <c r="C35905" s="1" t="s">
        <v>170</v>
      </c>
      <c r="D35905" s="1" t="s">
        <v>114280</v>
      </c>
      <c r="E35905" s="1" t="s">
        <v>124685</v>
      </c>
      <c r="F35905" s="1" t="s">
        <v>124686</v>
      </c>
      <c r="G35905" s="1" t="s">
        <v>124582</v>
      </c>
      <c r="H35905" s="1" t="s">
        <v>124583</v>
      </c>
      <c r="I35905" s="1" t="s">
        <v>123111</v>
      </c>
      <c r="J35905" s="1" t="s">
        <v>124687</v>
      </c>
    </row>
    <row r="35906" spans="1:10" x14ac:dyDescent="0.35">
      <c r="A35906" s="1" t="s">
        <v>6183</v>
      </c>
      <c r="B35906" s="1" t="s">
        <v>123106</v>
      </c>
      <c r="C35906" s="1" t="s">
        <v>8</v>
      </c>
      <c r="D35906" s="1" t="s">
        <v>68561</v>
      </c>
      <c r="E35906" s="1" t="s">
        <v>124688</v>
      </c>
      <c r="F35906" s="1" t="s">
        <v>124689</v>
      </c>
      <c r="G35906" s="1" t="s">
        <v>124690</v>
      </c>
      <c r="H35906" s="1" t="s">
        <v>124691</v>
      </c>
      <c r="I35906" s="1" t="s">
        <v>123111</v>
      </c>
      <c r="J35906" s="1" t="s">
        <v>13</v>
      </c>
    </row>
    <row r="35907" spans="1:10" x14ac:dyDescent="0.35">
      <c r="A35907" s="1" t="s">
        <v>6183</v>
      </c>
      <c r="B35907" s="1" t="s">
        <v>123106</v>
      </c>
      <c r="C35907" s="1" t="s">
        <v>15</v>
      </c>
      <c r="D35907" s="1" t="s">
        <v>124692</v>
      </c>
      <c r="E35907" s="1" t="s">
        <v>124693</v>
      </c>
      <c r="F35907" s="1" t="s">
        <v>124694</v>
      </c>
      <c r="G35907" s="1" t="s">
        <v>124690</v>
      </c>
      <c r="H35907" s="1" t="s">
        <v>124691</v>
      </c>
      <c r="I35907" s="1" t="s">
        <v>123111</v>
      </c>
      <c r="J35907" s="1" t="s">
        <v>124695</v>
      </c>
    </row>
    <row r="35908" spans="1:10" x14ac:dyDescent="0.35">
      <c r="A35908" s="1" t="s">
        <v>6183</v>
      </c>
      <c r="B35908" s="1" t="s">
        <v>123106</v>
      </c>
      <c r="C35908" s="1" t="s">
        <v>20</v>
      </c>
      <c r="D35908" s="1" t="s">
        <v>124696</v>
      </c>
      <c r="E35908" s="1" t="s">
        <v>124697</v>
      </c>
      <c r="F35908" s="1" t="s">
        <v>124698</v>
      </c>
      <c r="G35908" s="1" t="s">
        <v>124690</v>
      </c>
      <c r="H35908" s="1" t="s">
        <v>124691</v>
      </c>
      <c r="I35908" s="1" t="s">
        <v>123111</v>
      </c>
      <c r="J35908" s="1" t="s">
        <v>124699</v>
      </c>
    </row>
    <row r="35909" spans="1:10" x14ac:dyDescent="0.35">
      <c r="A35909" s="1" t="s">
        <v>6183</v>
      </c>
      <c r="B35909" s="1" t="s">
        <v>123106</v>
      </c>
      <c r="C35909" s="1" t="s">
        <v>25</v>
      </c>
      <c r="D35909" s="1" t="s">
        <v>124700</v>
      </c>
      <c r="E35909" s="1" t="s">
        <v>124701</v>
      </c>
      <c r="F35909" s="1" t="s">
        <v>124702</v>
      </c>
      <c r="G35909" s="1" t="s">
        <v>124690</v>
      </c>
      <c r="H35909" s="1" t="s">
        <v>124691</v>
      </c>
      <c r="I35909" s="1" t="s">
        <v>123111</v>
      </c>
      <c r="J35909" s="1" t="s">
        <v>124703</v>
      </c>
    </row>
    <row r="35910" spans="1:10" x14ac:dyDescent="0.35">
      <c r="A35910" s="1" t="s">
        <v>6183</v>
      </c>
      <c r="B35910" s="1" t="s">
        <v>123106</v>
      </c>
      <c r="C35910" s="1" t="s">
        <v>30</v>
      </c>
      <c r="D35910" s="1" t="s">
        <v>78758</v>
      </c>
      <c r="E35910" s="1" t="s">
        <v>124704</v>
      </c>
      <c r="F35910" s="1" t="s">
        <v>124705</v>
      </c>
      <c r="G35910" s="1" t="s">
        <v>124690</v>
      </c>
      <c r="H35910" s="1" t="s">
        <v>124691</v>
      </c>
      <c r="I35910" s="1" t="s">
        <v>123111</v>
      </c>
      <c r="J35910" s="1" t="s">
        <v>124706</v>
      </c>
    </row>
    <row r="35911" spans="1:10" x14ac:dyDescent="0.35">
      <c r="A35911" s="1" t="s">
        <v>6183</v>
      </c>
      <c r="B35911" s="1" t="s">
        <v>123106</v>
      </c>
      <c r="C35911" s="1" t="s">
        <v>35</v>
      </c>
      <c r="D35911" s="1" t="s">
        <v>124707</v>
      </c>
      <c r="E35911" s="1" t="s">
        <v>124708</v>
      </c>
      <c r="F35911" s="1" t="s">
        <v>124709</v>
      </c>
      <c r="G35911" s="1" t="s">
        <v>124690</v>
      </c>
      <c r="H35911" s="1" t="s">
        <v>124691</v>
      </c>
      <c r="I35911" s="1" t="s">
        <v>123111</v>
      </c>
      <c r="J35911" s="1" t="s">
        <v>124710</v>
      </c>
    </row>
    <row r="35912" spans="1:10" x14ac:dyDescent="0.35">
      <c r="A35912" s="1" t="s">
        <v>6183</v>
      </c>
      <c r="B35912" s="1" t="s">
        <v>123106</v>
      </c>
      <c r="C35912" s="1" t="s">
        <v>40</v>
      </c>
      <c r="D35912" s="1" t="s">
        <v>124711</v>
      </c>
      <c r="E35912" s="1" t="s">
        <v>124712</v>
      </c>
      <c r="F35912" s="1" t="s">
        <v>124713</v>
      </c>
      <c r="G35912" s="1" t="s">
        <v>124690</v>
      </c>
      <c r="H35912" s="1" t="s">
        <v>124691</v>
      </c>
      <c r="I35912" s="1" t="s">
        <v>123111</v>
      </c>
      <c r="J35912" s="1" t="s">
        <v>124714</v>
      </c>
    </row>
    <row r="35913" spans="1:10" x14ac:dyDescent="0.35">
      <c r="A35913" s="1" t="s">
        <v>6183</v>
      </c>
      <c r="B35913" s="1" t="s">
        <v>123106</v>
      </c>
      <c r="C35913" s="1" t="s">
        <v>45</v>
      </c>
      <c r="D35913" s="1" t="s">
        <v>124715</v>
      </c>
      <c r="E35913" s="1" t="s">
        <v>124716</v>
      </c>
      <c r="F35913" s="1" t="s">
        <v>124717</v>
      </c>
      <c r="G35913" s="1" t="s">
        <v>124690</v>
      </c>
      <c r="H35913" s="1" t="s">
        <v>124691</v>
      </c>
      <c r="I35913" s="1" t="s">
        <v>123111</v>
      </c>
      <c r="J35913" s="1" t="s">
        <v>124718</v>
      </c>
    </row>
    <row r="35914" spans="1:10" x14ac:dyDescent="0.35">
      <c r="A35914" s="1" t="s">
        <v>6183</v>
      </c>
      <c r="B35914" s="1" t="s">
        <v>123106</v>
      </c>
      <c r="C35914" s="1" t="s">
        <v>50</v>
      </c>
      <c r="D35914" s="1" t="s">
        <v>124719</v>
      </c>
      <c r="E35914" s="1" t="s">
        <v>124720</v>
      </c>
      <c r="F35914" s="1" t="s">
        <v>124721</v>
      </c>
      <c r="G35914" s="1" t="s">
        <v>124690</v>
      </c>
      <c r="H35914" s="1" t="s">
        <v>124691</v>
      </c>
      <c r="I35914" s="1" t="s">
        <v>123111</v>
      </c>
      <c r="J35914" s="1" t="s">
        <v>124722</v>
      </c>
    </row>
    <row r="35915" spans="1:10" x14ac:dyDescent="0.35">
      <c r="A35915" s="1" t="s">
        <v>6183</v>
      </c>
      <c r="B35915" s="1" t="s">
        <v>123106</v>
      </c>
      <c r="C35915" s="1" t="s">
        <v>55</v>
      </c>
      <c r="D35915" s="1" t="s">
        <v>124723</v>
      </c>
      <c r="E35915" s="1" t="s">
        <v>124724</v>
      </c>
      <c r="F35915" s="1" t="s">
        <v>124725</v>
      </c>
      <c r="G35915" s="1" t="s">
        <v>124690</v>
      </c>
      <c r="H35915" s="1" t="s">
        <v>124691</v>
      </c>
      <c r="I35915" s="1" t="s">
        <v>123111</v>
      </c>
      <c r="J35915" s="1" t="s">
        <v>124726</v>
      </c>
    </row>
    <row r="35916" spans="1:10" x14ac:dyDescent="0.35">
      <c r="A35916" s="1" t="s">
        <v>6183</v>
      </c>
      <c r="B35916" s="1" t="s">
        <v>123106</v>
      </c>
      <c r="C35916" s="1" t="s">
        <v>60</v>
      </c>
      <c r="D35916" s="1" t="s">
        <v>114436</v>
      </c>
      <c r="E35916" s="1" t="s">
        <v>124727</v>
      </c>
      <c r="F35916" s="1" t="s">
        <v>124728</v>
      </c>
      <c r="G35916" s="1" t="s">
        <v>124690</v>
      </c>
      <c r="H35916" s="1" t="s">
        <v>124691</v>
      </c>
      <c r="I35916" s="1" t="s">
        <v>123111</v>
      </c>
      <c r="J35916" s="1" t="s">
        <v>124729</v>
      </c>
    </row>
    <row r="35917" spans="1:10" x14ac:dyDescent="0.35">
      <c r="A35917" s="1" t="s">
        <v>6183</v>
      </c>
      <c r="B35917" s="1" t="s">
        <v>123106</v>
      </c>
      <c r="C35917" s="1" t="s">
        <v>65</v>
      </c>
      <c r="D35917" s="1" t="s">
        <v>102576</v>
      </c>
      <c r="E35917" s="1" t="s">
        <v>124730</v>
      </c>
      <c r="F35917" s="1" t="s">
        <v>124731</v>
      </c>
      <c r="G35917" s="1" t="s">
        <v>124690</v>
      </c>
      <c r="H35917" s="1" t="s">
        <v>124691</v>
      </c>
      <c r="I35917" s="1" t="s">
        <v>123111</v>
      </c>
      <c r="J35917" s="1" t="s">
        <v>124732</v>
      </c>
    </row>
    <row r="35918" spans="1:10" x14ac:dyDescent="0.35">
      <c r="A35918" s="1" t="s">
        <v>6183</v>
      </c>
      <c r="B35918" s="1" t="s">
        <v>123106</v>
      </c>
      <c r="C35918" s="1" t="s">
        <v>70</v>
      </c>
      <c r="D35918" s="1" t="s">
        <v>63419</v>
      </c>
      <c r="E35918" s="1" t="s">
        <v>124733</v>
      </c>
      <c r="F35918" s="1" t="s">
        <v>124734</v>
      </c>
      <c r="G35918" s="1" t="s">
        <v>124690</v>
      </c>
      <c r="H35918" s="1" t="s">
        <v>124691</v>
      </c>
      <c r="I35918" s="1" t="s">
        <v>123111</v>
      </c>
      <c r="J35918" s="1" t="s">
        <v>124735</v>
      </c>
    </row>
    <row r="35919" spans="1:10" x14ac:dyDescent="0.35">
      <c r="A35919" s="1" t="s">
        <v>6183</v>
      </c>
      <c r="B35919" s="1" t="s">
        <v>123106</v>
      </c>
      <c r="C35919" s="1" t="s">
        <v>75</v>
      </c>
      <c r="D35919" s="1" t="s">
        <v>60218</v>
      </c>
      <c r="E35919" s="1" t="s">
        <v>124736</v>
      </c>
      <c r="F35919" s="1" t="s">
        <v>124737</v>
      </c>
      <c r="G35919" s="1" t="s">
        <v>124690</v>
      </c>
      <c r="H35919" s="1" t="s">
        <v>124691</v>
      </c>
      <c r="I35919" s="1" t="s">
        <v>123111</v>
      </c>
      <c r="J35919" s="1" t="s">
        <v>124738</v>
      </c>
    </row>
    <row r="35920" spans="1:10" x14ac:dyDescent="0.35">
      <c r="A35920" s="1" t="s">
        <v>6183</v>
      </c>
      <c r="B35920" s="1" t="s">
        <v>123106</v>
      </c>
      <c r="C35920" s="1" t="s">
        <v>80</v>
      </c>
      <c r="D35920" s="1" t="s">
        <v>124739</v>
      </c>
      <c r="E35920" s="1" t="s">
        <v>124740</v>
      </c>
      <c r="F35920" s="1" t="s">
        <v>124741</v>
      </c>
      <c r="G35920" s="1" t="s">
        <v>124690</v>
      </c>
      <c r="H35920" s="1" t="s">
        <v>124691</v>
      </c>
      <c r="I35920" s="1" t="s">
        <v>123111</v>
      </c>
      <c r="J35920" s="1" t="s">
        <v>124742</v>
      </c>
    </row>
    <row r="35921" spans="1:10" x14ac:dyDescent="0.35">
      <c r="A35921" s="1" t="s">
        <v>6183</v>
      </c>
      <c r="B35921" s="1" t="s">
        <v>123106</v>
      </c>
      <c r="C35921" s="1" t="s">
        <v>85</v>
      </c>
      <c r="D35921" s="1" t="s">
        <v>124743</v>
      </c>
      <c r="E35921" s="1" t="s">
        <v>124744</v>
      </c>
      <c r="F35921" s="1" t="s">
        <v>124745</v>
      </c>
      <c r="G35921" s="1" t="s">
        <v>124690</v>
      </c>
      <c r="H35921" s="1" t="s">
        <v>124691</v>
      </c>
      <c r="I35921" s="1" t="s">
        <v>123111</v>
      </c>
      <c r="J35921" s="1" t="s">
        <v>124746</v>
      </c>
    </row>
    <row r="35922" spans="1:10" x14ac:dyDescent="0.35">
      <c r="A35922" s="1" t="s">
        <v>6183</v>
      </c>
      <c r="B35922" s="1" t="s">
        <v>123106</v>
      </c>
      <c r="C35922" s="1" t="s">
        <v>90</v>
      </c>
      <c r="D35922" s="1" t="s">
        <v>124747</v>
      </c>
      <c r="E35922" s="1" t="s">
        <v>124748</v>
      </c>
      <c r="F35922" s="1" t="s">
        <v>124749</v>
      </c>
      <c r="G35922" s="1" t="s">
        <v>124690</v>
      </c>
      <c r="H35922" s="1" t="s">
        <v>124691</v>
      </c>
      <c r="I35922" s="1" t="s">
        <v>123111</v>
      </c>
      <c r="J35922" s="1" t="s">
        <v>124750</v>
      </c>
    </row>
    <row r="35923" spans="1:10" x14ac:dyDescent="0.35">
      <c r="A35923" s="1" t="s">
        <v>6183</v>
      </c>
      <c r="B35923" s="1" t="s">
        <v>123106</v>
      </c>
      <c r="C35923" s="1" t="s">
        <v>95</v>
      </c>
      <c r="D35923" s="1" t="s">
        <v>124751</v>
      </c>
      <c r="E35923" s="1" t="s">
        <v>124752</v>
      </c>
      <c r="F35923" s="1" t="s">
        <v>124753</v>
      </c>
      <c r="G35923" s="1" t="s">
        <v>124690</v>
      </c>
      <c r="H35923" s="1" t="s">
        <v>124691</v>
      </c>
      <c r="I35923" s="1" t="s">
        <v>123111</v>
      </c>
      <c r="J35923" s="1" t="s">
        <v>124754</v>
      </c>
    </row>
    <row r="35924" spans="1:10" x14ac:dyDescent="0.35">
      <c r="A35924" s="1" t="s">
        <v>6183</v>
      </c>
      <c r="B35924" s="1" t="s">
        <v>123106</v>
      </c>
      <c r="C35924" s="1" t="s">
        <v>100</v>
      </c>
      <c r="D35924" s="1" t="s">
        <v>124755</v>
      </c>
      <c r="E35924" s="1" t="s">
        <v>124756</v>
      </c>
      <c r="F35924" s="1" t="s">
        <v>124757</v>
      </c>
      <c r="G35924" s="1" t="s">
        <v>124690</v>
      </c>
      <c r="H35924" s="1" t="s">
        <v>124691</v>
      </c>
      <c r="I35924" s="1" t="s">
        <v>123111</v>
      </c>
      <c r="J35924" s="1" t="s">
        <v>124758</v>
      </c>
    </row>
    <row r="35925" spans="1:10" x14ac:dyDescent="0.35">
      <c r="A35925" s="1" t="s">
        <v>6183</v>
      </c>
      <c r="B35925" s="1" t="s">
        <v>123106</v>
      </c>
      <c r="C35925" s="1" t="s">
        <v>105</v>
      </c>
      <c r="D35925" s="1" t="s">
        <v>80059</v>
      </c>
      <c r="E35925" s="1" t="s">
        <v>124759</v>
      </c>
      <c r="F35925" s="1" t="s">
        <v>124760</v>
      </c>
      <c r="G35925" s="1" t="s">
        <v>124690</v>
      </c>
      <c r="H35925" s="1" t="s">
        <v>124691</v>
      </c>
      <c r="I35925" s="1" t="s">
        <v>123111</v>
      </c>
      <c r="J35925" s="1" t="s">
        <v>124761</v>
      </c>
    </row>
    <row r="35926" spans="1:10" x14ac:dyDescent="0.35">
      <c r="A35926" s="1" t="s">
        <v>6183</v>
      </c>
      <c r="B35926" s="1" t="s">
        <v>123106</v>
      </c>
      <c r="C35926" s="1" t="s">
        <v>110</v>
      </c>
      <c r="D35926" s="1" t="s">
        <v>124762</v>
      </c>
      <c r="E35926" s="1" t="s">
        <v>124763</v>
      </c>
      <c r="F35926" s="1" t="s">
        <v>124764</v>
      </c>
      <c r="G35926" s="1" t="s">
        <v>124690</v>
      </c>
      <c r="H35926" s="1" t="s">
        <v>124691</v>
      </c>
      <c r="I35926" s="1" t="s">
        <v>123111</v>
      </c>
      <c r="J35926" s="1" t="s">
        <v>124765</v>
      </c>
    </row>
    <row r="35927" spans="1:10" x14ac:dyDescent="0.35">
      <c r="A35927" s="1" t="s">
        <v>6183</v>
      </c>
      <c r="B35927" s="1" t="s">
        <v>123106</v>
      </c>
      <c r="C35927" s="1" t="s">
        <v>115</v>
      </c>
      <c r="D35927" s="1" t="s">
        <v>81561</v>
      </c>
      <c r="E35927" s="1" t="s">
        <v>124766</v>
      </c>
      <c r="F35927" s="1" t="s">
        <v>124767</v>
      </c>
      <c r="G35927" s="1" t="s">
        <v>124690</v>
      </c>
      <c r="H35927" s="1" t="s">
        <v>124691</v>
      </c>
      <c r="I35927" s="1" t="s">
        <v>123111</v>
      </c>
      <c r="J35927" s="1" t="s">
        <v>124768</v>
      </c>
    </row>
    <row r="35928" spans="1:10" x14ac:dyDescent="0.35">
      <c r="A35928" s="1" t="s">
        <v>6183</v>
      </c>
      <c r="B35928" s="1" t="s">
        <v>123106</v>
      </c>
      <c r="C35928" s="1" t="s">
        <v>120</v>
      </c>
      <c r="D35928" s="1" t="s">
        <v>124769</v>
      </c>
      <c r="E35928" s="1" t="s">
        <v>124770</v>
      </c>
      <c r="F35928" s="1" t="s">
        <v>124771</v>
      </c>
      <c r="G35928" s="1" t="s">
        <v>124690</v>
      </c>
      <c r="H35928" s="1" t="s">
        <v>124691</v>
      </c>
      <c r="I35928" s="1" t="s">
        <v>123111</v>
      </c>
      <c r="J35928" s="1" t="s">
        <v>124772</v>
      </c>
    </row>
    <row r="35929" spans="1:10" x14ac:dyDescent="0.35">
      <c r="A35929" s="1" t="s">
        <v>6183</v>
      </c>
      <c r="B35929" s="1" t="s">
        <v>123106</v>
      </c>
      <c r="C35929" s="1" t="s">
        <v>125</v>
      </c>
      <c r="D35929" s="1" t="s">
        <v>61117</v>
      </c>
      <c r="E35929" s="1" t="s">
        <v>124773</v>
      </c>
      <c r="F35929" s="1" t="s">
        <v>124774</v>
      </c>
      <c r="G35929" s="1" t="s">
        <v>124690</v>
      </c>
      <c r="H35929" s="1" t="s">
        <v>124691</v>
      </c>
      <c r="I35929" s="1" t="s">
        <v>123111</v>
      </c>
      <c r="J35929" s="1" t="s">
        <v>124775</v>
      </c>
    </row>
    <row r="35930" spans="1:10" x14ac:dyDescent="0.35">
      <c r="A35930" s="1" t="s">
        <v>6183</v>
      </c>
      <c r="B35930" s="1" t="s">
        <v>123106</v>
      </c>
      <c r="C35930" s="1" t="s">
        <v>130</v>
      </c>
      <c r="D35930" s="1" t="s">
        <v>68676</v>
      </c>
      <c r="E35930" s="1" t="s">
        <v>124776</v>
      </c>
      <c r="F35930" s="1" t="s">
        <v>124777</v>
      </c>
      <c r="G35930" s="1" t="s">
        <v>124690</v>
      </c>
      <c r="H35930" s="1" t="s">
        <v>124691</v>
      </c>
      <c r="I35930" s="1" t="s">
        <v>123111</v>
      </c>
      <c r="J35930" s="1" t="s">
        <v>124778</v>
      </c>
    </row>
    <row r="35931" spans="1:10" x14ac:dyDescent="0.35">
      <c r="A35931" s="1" t="s">
        <v>6183</v>
      </c>
      <c r="B35931" s="1" t="s">
        <v>123106</v>
      </c>
      <c r="C35931" s="1" t="s">
        <v>135</v>
      </c>
      <c r="D35931" s="1" t="s">
        <v>124779</v>
      </c>
      <c r="E35931" s="1" t="s">
        <v>124780</v>
      </c>
      <c r="F35931" s="1" t="s">
        <v>124781</v>
      </c>
      <c r="G35931" s="1" t="s">
        <v>124690</v>
      </c>
      <c r="H35931" s="1" t="s">
        <v>124691</v>
      </c>
      <c r="I35931" s="1" t="s">
        <v>123111</v>
      </c>
      <c r="J35931" s="1" t="s">
        <v>124782</v>
      </c>
    </row>
    <row r="35932" spans="1:10" x14ac:dyDescent="0.35">
      <c r="A35932" s="1" t="s">
        <v>6183</v>
      </c>
      <c r="B35932" s="1" t="s">
        <v>123106</v>
      </c>
      <c r="C35932" s="1" t="s">
        <v>140</v>
      </c>
      <c r="D35932" s="1" t="s">
        <v>85757</v>
      </c>
      <c r="E35932" s="1" t="s">
        <v>124783</v>
      </c>
      <c r="F35932" s="1" t="s">
        <v>124784</v>
      </c>
      <c r="G35932" s="1" t="s">
        <v>124690</v>
      </c>
      <c r="H35932" s="1" t="s">
        <v>124691</v>
      </c>
      <c r="I35932" s="1" t="s">
        <v>123111</v>
      </c>
      <c r="J35932" s="1" t="s">
        <v>124785</v>
      </c>
    </row>
    <row r="35933" spans="1:10" x14ac:dyDescent="0.35">
      <c r="A35933" s="1" t="s">
        <v>6183</v>
      </c>
      <c r="B35933" s="1" t="s">
        <v>123106</v>
      </c>
      <c r="C35933" s="1" t="s">
        <v>145</v>
      </c>
      <c r="D35933" s="1" t="s">
        <v>124786</v>
      </c>
      <c r="E35933" s="1" t="s">
        <v>124787</v>
      </c>
      <c r="F35933" s="1" t="s">
        <v>124788</v>
      </c>
      <c r="G35933" s="1" t="s">
        <v>124690</v>
      </c>
      <c r="H35933" s="1" t="s">
        <v>124691</v>
      </c>
      <c r="I35933" s="1" t="s">
        <v>123111</v>
      </c>
      <c r="J35933" s="1" t="s">
        <v>124789</v>
      </c>
    </row>
    <row r="35934" spans="1:10" x14ac:dyDescent="0.35">
      <c r="A35934" s="1" t="s">
        <v>6183</v>
      </c>
      <c r="B35934" s="1" t="s">
        <v>123106</v>
      </c>
      <c r="C35934" s="1" t="s">
        <v>150</v>
      </c>
      <c r="D35934" s="1" t="s">
        <v>124790</v>
      </c>
      <c r="E35934" s="1" t="s">
        <v>124791</v>
      </c>
      <c r="F35934" s="1" t="s">
        <v>124792</v>
      </c>
      <c r="G35934" s="1" t="s">
        <v>124690</v>
      </c>
      <c r="H35934" s="1" t="s">
        <v>124691</v>
      </c>
      <c r="I35934" s="1" t="s">
        <v>123111</v>
      </c>
      <c r="J35934" s="1" t="s">
        <v>124793</v>
      </c>
    </row>
    <row r="35935" spans="1:10" x14ac:dyDescent="0.35">
      <c r="A35935" s="1" t="s">
        <v>6183</v>
      </c>
      <c r="B35935" s="1" t="s">
        <v>123106</v>
      </c>
      <c r="C35935" s="1" t="s">
        <v>155</v>
      </c>
      <c r="D35935" s="1" t="s">
        <v>36393</v>
      </c>
      <c r="E35935" s="1" t="s">
        <v>124794</v>
      </c>
      <c r="F35935" s="1" t="s">
        <v>124795</v>
      </c>
      <c r="G35935" s="1" t="s">
        <v>124690</v>
      </c>
      <c r="H35935" s="1" t="s">
        <v>124691</v>
      </c>
      <c r="I35935" s="1" t="s">
        <v>123111</v>
      </c>
      <c r="J35935" s="1" t="s">
        <v>124796</v>
      </c>
    </row>
    <row r="35936" spans="1:10" x14ac:dyDescent="0.35">
      <c r="A35936" s="1" t="s">
        <v>6183</v>
      </c>
      <c r="B35936" s="1" t="s">
        <v>123106</v>
      </c>
      <c r="C35936" s="1" t="s">
        <v>160</v>
      </c>
      <c r="D35936" s="1" t="s">
        <v>26477</v>
      </c>
      <c r="E35936" s="1" t="s">
        <v>124797</v>
      </c>
      <c r="F35936" s="1" t="s">
        <v>124798</v>
      </c>
      <c r="G35936" s="1" t="s">
        <v>124690</v>
      </c>
      <c r="H35936" s="1" t="s">
        <v>124691</v>
      </c>
      <c r="I35936" s="1" t="s">
        <v>123111</v>
      </c>
      <c r="J35936" s="1" t="s">
        <v>124799</v>
      </c>
    </row>
    <row r="35937" spans="1:10" x14ac:dyDescent="0.35">
      <c r="A35937" s="1" t="s">
        <v>6183</v>
      </c>
      <c r="B35937" s="1" t="s">
        <v>123106</v>
      </c>
      <c r="C35937" s="1" t="s">
        <v>165</v>
      </c>
      <c r="D35937" s="1" t="s">
        <v>124800</v>
      </c>
      <c r="E35937" s="1" t="s">
        <v>124801</v>
      </c>
      <c r="F35937" s="1" t="s">
        <v>124802</v>
      </c>
      <c r="G35937" s="1" t="s">
        <v>124690</v>
      </c>
      <c r="H35937" s="1" t="s">
        <v>124691</v>
      </c>
      <c r="I35937" s="1" t="s">
        <v>123111</v>
      </c>
      <c r="J35937" s="1" t="s">
        <v>124803</v>
      </c>
    </row>
    <row r="35938" spans="1:10" x14ac:dyDescent="0.35">
      <c r="A35938" s="1" t="s">
        <v>6183</v>
      </c>
      <c r="B35938" s="1" t="s">
        <v>123106</v>
      </c>
      <c r="C35938" s="1" t="s">
        <v>170</v>
      </c>
      <c r="D35938" s="1" t="s">
        <v>124804</v>
      </c>
      <c r="E35938" s="1" t="s">
        <v>124805</v>
      </c>
      <c r="F35938" s="1" t="s">
        <v>124806</v>
      </c>
      <c r="G35938" s="1" t="s">
        <v>124690</v>
      </c>
      <c r="H35938" s="1" t="s">
        <v>124691</v>
      </c>
      <c r="I35938" s="1" t="s">
        <v>123111</v>
      </c>
      <c r="J35938" s="1" t="s">
        <v>124807</v>
      </c>
    </row>
    <row r="35939" spans="1:10" x14ac:dyDescent="0.35">
      <c r="A35939" s="1" t="s">
        <v>122047</v>
      </c>
      <c r="B35939" s="1" t="s">
        <v>123106</v>
      </c>
      <c r="C35939" s="1" t="s">
        <v>8</v>
      </c>
      <c r="D35939" s="1" t="s">
        <v>124808</v>
      </c>
      <c r="E35939" s="1" t="s">
        <v>124809</v>
      </c>
      <c r="F35939" s="1" t="s">
        <v>124810</v>
      </c>
      <c r="G35939" s="1" t="s">
        <v>124811</v>
      </c>
      <c r="H35939" s="1" t="s">
        <v>124812</v>
      </c>
      <c r="I35939" s="1" t="s">
        <v>123111</v>
      </c>
      <c r="J35939" s="1" t="s">
        <v>13</v>
      </c>
    </row>
    <row r="35940" spans="1:10" x14ac:dyDescent="0.35">
      <c r="A35940" s="1" t="s">
        <v>122047</v>
      </c>
      <c r="B35940" s="1" t="s">
        <v>123106</v>
      </c>
      <c r="C35940" s="1" t="s">
        <v>15</v>
      </c>
      <c r="D35940" s="1" t="s">
        <v>124813</v>
      </c>
      <c r="E35940" s="1" t="s">
        <v>124814</v>
      </c>
      <c r="F35940" s="1" t="s">
        <v>124815</v>
      </c>
      <c r="G35940" s="1" t="s">
        <v>124811</v>
      </c>
      <c r="H35940" s="1" t="s">
        <v>124812</v>
      </c>
      <c r="I35940" s="1" t="s">
        <v>123111</v>
      </c>
      <c r="J35940" s="1" t="s">
        <v>124816</v>
      </c>
    </row>
    <row r="35941" spans="1:10" x14ac:dyDescent="0.35">
      <c r="A35941" s="1" t="s">
        <v>122047</v>
      </c>
      <c r="B35941" s="1" t="s">
        <v>123106</v>
      </c>
      <c r="C35941" s="1" t="s">
        <v>20</v>
      </c>
      <c r="D35941" s="1" t="s">
        <v>124817</v>
      </c>
      <c r="E35941" s="1" t="s">
        <v>124818</v>
      </c>
      <c r="F35941" s="1" t="s">
        <v>124819</v>
      </c>
      <c r="G35941" s="1" t="s">
        <v>124811</v>
      </c>
      <c r="H35941" s="1" t="s">
        <v>124812</v>
      </c>
      <c r="I35941" s="1" t="s">
        <v>123111</v>
      </c>
      <c r="J35941" s="1" t="s">
        <v>124820</v>
      </c>
    </row>
    <row r="35942" spans="1:10" x14ac:dyDescent="0.35">
      <c r="A35942" s="1" t="s">
        <v>122047</v>
      </c>
      <c r="B35942" s="1" t="s">
        <v>123106</v>
      </c>
      <c r="C35942" s="1" t="s">
        <v>25</v>
      </c>
      <c r="D35942" s="1" t="s">
        <v>124821</v>
      </c>
      <c r="E35942" s="1" t="s">
        <v>124822</v>
      </c>
      <c r="F35942" s="1" t="s">
        <v>124823</v>
      </c>
      <c r="G35942" s="1" t="s">
        <v>124811</v>
      </c>
      <c r="H35942" s="1" t="s">
        <v>124812</v>
      </c>
      <c r="I35942" s="1" t="s">
        <v>123111</v>
      </c>
      <c r="J35942" s="1" t="s">
        <v>124824</v>
      </c>
    </row>
    <row r="35943" spans="1:10" x14ac:dyDescent="0.35">
      <c r="A35943" s="1" t="s">
        <v>122047</v>
      </c>
      <c r="B35943" s="1" t="s">
        <v>123106</v>
      </c>
      <c r="C35943" s="1" t="s">
        <v>30</v>
      </c>
      <c r="D35943" s="1" t="s">
        <v>124825</v>
      </c>
      <c r="E35943" s="1" t="s">
        <v>124826</v>
      </c>
      <c r="F35943" s="1" t="s">
        <v>124827</v>
      </c>
      <c r="G35943" s="1" t="s">
        <v>124811</v>
      </c>
      <c r="H35943" s="1" t="s">
        <v>124812</v>
      </c>
      <c r="I35943" s="1" t="s">
        <v>123111</v>
      </c>
      <c r="J35943" s="1" t="s">
        <v>124828</v>
      </c>
    </row>
    <row r="35944" spans="1:10" x14ac:dyDescent="0.35">
      <c r="A35944" s="1" t="s">
        <v>122047</v>
      </c>
      <c r="B35944" s="1" t="s">
        <v>123106</v>
      </c>
      <c r="C35944" s="1" t="s">
        <v>35</v>
      </c>
      <c r="D35944" s="1" t="s">
        <v>124829</v>
      </c>
      <c r="E35944" s="1" t="s">
        <v>124830</v>
      </c>
      <c r="F35944" s="1" t="s">
        <v>124831</v>
      </c>
      <c r="G35944" s="1" t="s">
        <v>124811</v>
      </c>
      <c r="H35944" s="1" t="s">
        <v>124812</v>
      </c>
      <c r="I35944" s="1" t="s">
        <v>123111</v>
      </c>
      <c r="J35944" s="1" t="s">
        <v>124832</v>
      </c>
    </row>
    <row r="35945" spans="1:10" x14ac:dyDescent="0.35">
      <c r="A35945" s="1" t="s">
        <v>122047</v>
      </c>
      <c r="B35945" s="1" t="s">
        <v>123106</v>
      </c>
      <c r="C35945" s="1" t="s">
        <v>40</v>
      </c>
      <c r="D35945" s="1" t="s">
        <v>124833</v>
      </c>
      <c r="E35945" s="1" t="s">
        <v>124834</v>
      </c>
      <c r="F35945" s="1" t="s">
        <v>124835</v>
      </c>
      <c r="G35945" s="1" t="s">
        <v>124811</v>
      </c>
      <c r="H35945" s="1" t="s">
        <v>124812</v>
      </c>
      <c r="I35945" s="1" t="s">
        <v>123111</v>
      </c>
      <c r="J35945" s="1" t="s">
        <v>124836</v>
      </c>
    </row>
    <row r="35946" spans="1:10" x14ac:dyDescent="0.35">
      <c r="A35946" s="1" t="s">
        <v>122047</v>
      </c>
      <c r="B35946" s="1" t="s">
        <v>123106</v>
      </c>
      <c r="C35946" s="1" t="s">
        <v>45</v>
      </c>
      <c r="D35946" s="1" t="s">
        <v>124837</v>
      </c>
      <c r="E35946" s="1" t="s">
        <v>124838</v>
      </c>
      <c r="F35946" s="1" t="s">
        <v>124839</v>
      </c>
      <c r="G35946" s="1" t="s">
        <v>124811</v>
      </c>
      <c r="H35946" s="1" t="s">
        <v>124812</v>
      </c>
      <c r="I35946" s="1" t="s">
        <v>123111</v>
      </c>
      <c r="J35946" s="1" t="s">
        <v>124840</v>
      </c>
    </row>
    <row r="35947" spans="1:10" x14ac:dyDescent="0.35">
      <c r="A35947" s="1" t="s">
        <v>122047</v>
      </c>
      <c r="B35947" s="1" t="s">
        <v>123106</v>
      </c>
      <c r="C35947" s="1" t="s">
        <v>50</v>
      </c>
      <c r="D35947" s="1" t="s">
        <v>124841</v>
      </c>
      <c r="E35947" s="1" t="s">
        <v>124842</v>
      </c>
      <c r="F35947" s="1" t="s">
        <v>124843</v>
      </c>
      <c r="G35947" s="1" t="s">
        <v>124811</v>
      </c>
      <c r="H35947" s="1" t="s">
        <v>124812</v>
      </c>
      <c r="I35947" s="1" t="s">
        <v>123111</v>
      </c>
      <c r="J35947" s="1" t="s">
        <v>124844</v>
      </c>
    </row>
    <row r="35948" spans="1:10" x14ac:dyDescent="0.35">
      <c r="A35948" s="1" t="s">
        <v>122047</v>
      </c>
      <c r="B35948" s="1" t="s">
        <v>123106</v>
      </c>
      <c r="C35948" s="1" t="s">
        <v>55</v>
      </c>
      <c r="D35948" s="1" t="s">
        <v>124845</v>
      </c>
      <c r="E35948" s="1" t="s">
        <v>124846</v>
      </c>
      <c r="F35948" s="1" t="s">
        <v>124847</v>
      </c>
      <c r="G35948" s="1" t="s">
        <v>124811</v>
      </c>
      <c r="H35948" s="1" t="s">
        <v>124812</v>
      </c>
      <c r="I35948" s="1" t="s">
        <v>123111</v>
      </c>
      <c r="J35948" s="1" t="s">
        <v>124848</v>
      </c>
    </row>
    <row r="35949" spans="1:10" x14ac:dyDescent="0.35">
      <c r="A35949" s="1" t="s">
        <v>122047</v>
      </c>
      <c r="B35949" s="1" t="s">
        <v>123106</v>
      </c>
      <c r="C35949" s="1" t="s">
        <v>60</v>
      </c>
      <c r="D35949" s="1" t="s">
        <v>124849</v>
      </c>
      <c r="E35949" s="1" t="s">
        <v>124850</v>
      </c>
      <c r="F35949" s="1" t="s">
        <v>124851</v>
      </c>
      <c r="G35949" s="1" t="s">
        <v>124811</v>
      </c>
      <c r="H35949" s="1" t="s">
        <v>124812</v>
      </c>
      <c r="I35949" s="1" t="s">
        <v>123111</v>
      </c>
      <c r="J35949" s="1" t="s">
        <v>124852</v>
      </c>
    </row>
    <row r="35950" spans="1:10" x14ac:dyDescent="0.35">
      <c r="A35950" s="1" t="s">
        <v>122047</v>
      </c>
      <c r="B35950" s="1" t="s">
        <v>123106</v>
      </c>
      <c r="C35950" s="1" t="s">
        <v>65</v>
      </c>
      <c r="D35950" s="1" t="s">
        <v>124853</v>
      </c>
      <c r="E35950" s="1" t="s">
        <v>124854</v>
      </c>
      <c r="F35950" s="1" t="s">
        <v>124855</v>
      </c>
      <c r="G35950" s="1" t="s">
        <v>124811</v>
      </c>
      <c r="H35950" s="1" t="s">
        <v>124812</v>
      </c>
      <c r="I35950" s="1" t="s">
        <v>123111</v>
      </c>
      <c r="J35950" s="1" t="s">
        <v>124856</v>
      </c>
    </row>
    <row r="35951" spans="1:10" x14ac:dyDescent="0.35">
      <c r="A35951" s="1" t="s">
        <v>122047</v>
      </c>
      <c r="B35951" s="1" t="s">
        <v>123106</v>
      </c>
      <c r="C35951" s="1" t="s">
        <v>70</v>
      </c>
      <c r="D35951" s="1" t="s">
        <v>124857</v>
      </c>
      <c r="E35951" s="1" t="s">
        <v>124858</v>
      </c>
      <c r="F35951" s="1" t="s">
        <v>124859</v>
      </c>
      <c r="G35951" s="1" t="s">
        <v>124811</v>
      </c>
      <c r="H35951" s="1" t="s">
        <v>124812</v>
      </c>
      <c r="I35951" s="1" t="s">
        <v>123111</v>
      </c>
      <c r="J35951" s="1" t="s">
        <v>124860</v>
      </c>
    </row>
    <row r="35952" spans="1:10" x14ac:dyDescent="0.35">
      <c r="A35952" s="1" t="s">
        <v>122047</v>
      </c>
      <c r="B35952" s="1" t="s">
        <v>123106</v>
      </c>
      <c r="C35952" s="1" t="s">
        <v>75</v>
      </c>
      <c r="D35952" s="1" t="s">
        <v>124861</v>
      </c>
      <c r="E35952" s="1" t="s">
        <v>124862</v>
      </c>
      <c r="F35952" s="1" t="s">
        <v>124863</v>
      </c>
      <c r="G35952" s="1" t="s">
        <v>124811</v>
      </c>
      <c r="H35952" s="1" t="s">
        <v>124812</v>
      </c>
      <c r="I35952" s="1" t="s">
        <v>123111</v>
      </c>
      <c r="J35952" s="1" t="s">
        <v>124864</v>
      </c>
    </row>
    <row r="35953" spans="1:10" x14ac:dyDescent="0.35">
      <c r="A35953" s="1" t="s">
        <v>122047</v>
      </c>
      <c r="B35953" s="1" t="s">
        <v>123106</v>
      </c>
      <c r="C35953" s="1" t="s">
        <v>80</v>
      </c>
      <c r="D35953" s="1" t="s">
        <v>124865</v>
      </c>
      <c r="E35953" s="1" t="s">
        <v>124866</v>
      </c>
      <c r="F35953" s="1" t="s">
        <v>124867</v>
      </c>
      <c r="G35953" s="1" t="s">
        <v>124811</v>
      </c>
      <c r="H35953" s="1" t="s">
        <v>124812</v>
      </c>
      <c r="I35953" s="1" t="s">
        <v>123111</v>
      </c>
      <c r="J35953" s="1" t="s">
        <v>124868</v>
      </c>
    </row>
    <row r="35954" spans="1:10" x14ac:dyDescent="0.35">
      <c r="A35954" s="1" t="s">
        <v>122047</v>
      </c>
      <c r="B35954" s="1" t="s">
        <v>123106</v>
      </c>
      <c r="C35954" s="1" t="s">
        <v>85</v>
      </c>
      <c r="D35954" s="1" t="s">
        <v>124869</v>
      </c>
      <c r="E35954" s="1" t="s">
        <v>124870</v>
      </c>
      <c r="F35954" s="1" t="s">
        <v>124871</v>
      </c>
      <c r="G35954" s="1" t="s">
        <v>124811</v>
      </c>
      <c r="H35954" s="1" t="s">
        <v>124812</v>
      </c>
      <c r="I35954" s="1" t="s">
        <v>123111</v>
      </c>
      <c r="J35954" s="1" t="s">
        <v>124872</v>
      </c>
    </row>
    <row r="35955" spans="1:10" x14ac:dyDescent="0.35">
      <c r="A35955" s="1" t="s">
        <v>122047</v>
      </c>
      <c r="B35955" s="1" t="s">
        <v>123106</v>
      </c>
      <c r="C35955" s="1" t="s">
        <v>90</v>
      </c>
      <c r="D35955" s="1" t="s">
        <v>124873</v>
      </c>
      <c r="E35955" s="1" t="s">
        <v>124874</v>
      </c>
      <c r="F35955" s="1" t="s">
        <v>124875</v>
      </c>
      <c r="G35955" s="1" t="s">
        <v>124811</v>
      </c>
      <c r="H35955" s="1" t="s">
        <v>124812</v>
      </c>
      <c r="I35955" s="1" t="s">
        <v>123111</v>
      </c>
      <c r="J35955" s="1" t="s">
        <v>124876</v>
      </c>
    </row>
    <row r="35956" spans="1:10" x14ac:dyDescent="0.35">
      <c r="A35956" s="1" t="s">
        <v>122047</v>
      </c>
      <c r="B35956" s="1" t="s">
        <v>123106</v>
      </c>
      <c r="C35956" s="1" t="s">
        <v>95</v>
      </c>
      <c r="D35956" s="1" t="s">
        <v>124877</v>
      </c>
      <c r="E35956" s="1" t="s">
        <v>124878</v>
      </c>
      <c r="F35956" s="1" t="s">
        <v>124879</v>
      </c>
      <c r="G35956" s="1" t="s">
        <v>124811</v>
      </c>
      <c r="H35956" s="1" t="s">
        <v>124812</v>
      </c>
      <c r="I35956" s="1" t="s">
        <v>123111</v>
      </c>
      <c r="J35956" s="1" t="s">
        <v>124880</v>
      </c>
    </row>
    <row r="35957" spans="1:10" x14ac:dyDescent="0.35">
      <c r="A35957" s="1" t="s">
        <v>122047</v>
      </c>
      <c r="B35957" s="1" t="s">
        <v>123106</v>
      </c>
      <c r="C35957" s="1" t="s">
        <v>100</v>
      </c>
      <c r="D35957" s="1" t="s">
        <v>124881</v>
      </c>
      <c r="E35957" s="1" t="s">
        <v>124882</v>
      </c>
      <c r="F35957" s="1" t="s">
        <v>124883</v>
      </c>
      <c r="G35957" s="1" t="s">
        <v>124811</v>
      </c>
      <c r="H35957" s="1" t="s">
        <v>124812</v>
      </c>
      <c r="I35957" s="1" t="s">
        <v>123111</v>
      </c>
      <c r="J35957" s="1" t="s">
        <v>124884</v>
      </c>
    </row>
    <row r="35958" spans="1:10" x14ac:dyDescent="0.35">
      <c r="A35958" s="1" t="s">
        <v>122047</v>
      </c>
      <c r="B35958" s="1" t="s">
        <v>123106</v>
      </c>
      <c r="C35958" s="1" t="s">
        <v>105</v>
      </c>
      <c r="D35958" s="1" t="s">
        <v>124885</v>
      </c>
      <c r="E35958" s="1" t="s">
        <v>124886</v>
      </c>
      <c r="F35958" s="1" t="s">
        <v>124887</v>
      </c>
      <c r="G35958" s="1" t="s">
        <v>124811</v>
      </c>
      <c r="H35958" s="1" t="s">
        <v>124812</v>
      </c>
      <c r="I35958" s="1" t="s">
        <v>123111</v>
      </c>
      <c r="J35958" s="1" t="s">
        <v>124888</v>
      </c>
    </row>
    <row r="35959" spans="1:10" x14ac:dyDescent="0.35">
      <c r="A35959" s="1" t="s">
        <v>122047</v>
      </c>
      <c r="B35959" s="1" t="s">
        <v>123106</v>
      </c>
      <c r="C35959" s="1" t="s">
        <v>110</v>
      </c>
      <c r="D35959" s="1" t="s">
        <v>124889</v>
      </c>
      <c r="E35959" s="1" t="s">
        <v>124890</v>
      </c>
      <c r="F35959" s="1" t="s">
        <v>124891</v>
      </c>
      <c r="G35959" s="1" t="s">
        <v>124811</v>
      </c>
      <c r="H35959" s="1" t="s">
        <v>124812</v>
      </c>
      <c r="I35959" s="1" t="s">
        <v>123111</v>
      </c>
      <c r="J35959" s="1" t="s">
        <v>124892</v>
      </c>
    </row>
    <row r="35960" spans="1:10" x14ac:dyDescent="0.35">
      <c r="A35960" s="1" t="s">
        <v>122047</v>
      </c>
      <c r="B35960" s="1" t="s">
        <v>123106</v>
      </c>
      <c r="C35960" s="1" t="s">
        <v>115</v>
      </c>
      <c r="D35960" s="1" t="s">
        <v>124893</v>
      </c>
      <c r="E35960" s="1" t="s">
        <v>124894</v>
      </c>
      <c r="F35960" s="1" t="s">
        <v>124895</v>
      </c>
      <c r="G35960" s="1" t="s">
        <v>124811</v>
      </c>
      <c r="H35960" s="1" t="s">
        <v>124812</v>
      </c>
      <c r="I35960" s="1" t="s">
        <v>123111</v>
      </c>
      <c r="J35960" s="1" t="s">
        <v>124896</v>
      </c>
    </row>
    <row r="35961" spans="1:10" x14ac:dyDescent="0.35">
      <c r="A35961" s="1" t="s">
        <v>122047</v>
      </c>
      <c r="B35961" s="1" t="s">
        <v>123106</v>
      </c>
      <c r="C35961" s="1" t="s">
        <v>120</v>
      </c>
      <c r="D35961" s="1" t="s">
        <v>68577</v>
      </c>
      <c r="E35961" s="1" t="s">
        <v>124897</v>
      </c>
      <c r="F35961" s="1" t="s">
        <v>124898</v>
      </c>
      <c r="G35961" s="1" t="s">
        <v>124811</v>
      </c>
      <c r="H35961" s="1" t="s">
        <v>124812</v>
      </c>
      <c r="I35961" s="1" t="s">
        <v>123111</v>
      </c>
      <c r="J35961" s="1" t="s">
        <v>124899</v>
      </c>
    </row>
    <row r="35962" spans="1:10" x14ac:dyDescent="0.35">
      <c r="A35962" s="1" t="s">
        <v>122047</v>
      </c>
      <c r="B35962" s="1" t="s">
        <v>123106</v>
      </c>
      <c r="C35962" s="1" t="s">
        <v>125</v>
      </c>
      <c r="D35962" s="1" t="s">
        <v>124900</v>
      </c>
      <c r="E35962" s="1" t="s">
        <v>124901</v>
      </c>
      <c r="F35962" s="1" t="s">
        <v>124902</v>
      </c>
      <c r="G35962" s="1" t="s">
        <v>124811</v>
      </c>
      <c r="H35962" s="1" t="s">
        <v>124812</v>
      </c>
      <c r="I35962" s="1" t="s">
        <v>123111</v>
      </c>
      <c r="J35962" s="1" t="s">
        <v>124903</v>
      </c>
    </row>
    <row r="35963" spans="1:10" x14ac:dyDescent="0.35">
      <c r="A35963" s="1" t="s">
        <v>122047</v>
      </c>
      <c r="B35963" s="1" t="s">
        <v>123106</v>
      </c>
      <c r="C35963" s="1" t="s">
        <v>130</v>
      </c>
      <c r="D35963" s="1" t="s">
        <v>124904</v>
      </c>
      <c r="E35963" s="1" t="s">
        <v>124905</v>
      </c>
      <c r="F35963" s="1" t="s">
        <v>124906</v>
      </c>
      <c r="G35963" s="1" t="s">
        <v>124811</v>
      </c>
      <c r="H35963" s="1" t="s">
        <v>124812</v>
      </c>
      <c r="I35963" s="1" t="s">
        <v>123111</v>
      </c>
      <c r="J35963" s="1" t="s">
        <v>124907</v>
      </c>
    </row>
    <row r="35964" spans="1:10" x14ac:dyDescent="0.35">
      <c r="A35964" s="1" t="s">
        <v>122047</v>
      </c>
      <c r="B35964" s="1" t="s">
        <v>123106</v>
      </c>
      <c r="C35964" s="1" t="s">
        <v>135</v>
      </c>
      <c r="D35964" s="1" t="s">
        <v>124908</v>
      </c>
      <c r="E35964" s="1" t="s">
        <v>124909</v>
      </c>
      <c r="F35964" s="1" t="s">
        <v>124910</v>
      </c>
      <c r="G35964" s="1" t="s">
        <v>124811</v>
      </c>
      <c r="H35964" s="1" t="s">
        <v>124812</v>
      </c>
      <c r="I35964" s="1" t="s">
        <v>123111</v>
      </c>
      <c r="J35964" s="1" t="s">
        <v>124911</v>
      </c>
    </row>
    <row r="35965" spans="1:10" x14ac:dyDescent="0.35">
      <c r="A35965" s="1" t="s">
        <v>122047</v>
      </c>
      <c r="B35965" s="1" t="s">
        <v>123106</v>
      </c>
      <c r="C35965" s="1" t="s">
        <v>140</v>
      </c>
      <c r="D35965" s="1" t="s">
        <v>4960</v>
      </c>
      <c r="E35965" s="1" t="s">
        <v>124912</v>
      </c>
      <c r="F35965" s="1" t="s">
        <v>124913</v>
      </c>
      <c r="G35965" s="1" t="s">
        <v>124811</v>
      </c>
      <c r="H35965" s="1" t="s">
        <v>124812</v>
      </c>
      <c r="I35965" s="1" t="s">
        <v>123111</v>
      </c>
      <c r="J35965" s="1" t="s">
        <v>124914</v>
      </c>
    </row>
    <row r="35966" spans="1:10" x14ac:dyDescent="0.35">
      <c r="A35966" s="1" t="s">
        <v>122047</v>
      </c>
      <c r="B35966" s="1" t="s">
        <v>123106</v>
      </c>
      <c r="C35966" s="1" t="s">
        <v>145</v>
      </c>
      <c r="D35966" s="1" t="s">
        <v>93149</v>
      </c>
      <c r="E35966" s="1" t="s">
        <v>124915</v>
      </c>
      <c r="F35966" s="1" t="s">
        <v>124916</v>
      </c>
      <c r="G35966" s="1" t="s">
        <v>124811</v>
      </c>
      <c r="H35966" s="1" t="s">
        <v>124812</v>
      </c>
      <c r="I35966" s="1" t="s">
        <v>123111</v>
      </c>
      <c r="J35966" s="1" t="s">
        <v>124917</v>
      </c>
    </row>
    <row r="35967" spans="1:10" x14ac:dyDescent="0.35">
      <c r="A35967" s="1" t="s">
        <v>122047</v>
      </c>
      <c r="B35967" s="1" t="s">
        <v>123106</v>
      </c>
      <c r="C35967" s="1" t="s">
        <v>150</v>
      </c>
      <c r="D35967" s="1" t="s">
        <v>65684</v>
      </c>
      <c r="E35967" s="1" t="s">
        <v>124918</v>
      </c>
      <c r="F35967" s="1" t="s">
        <v>124919</v>
      </c>
      <c r="G35967" s="1" t="s">
        <v>124811</v>
      </c>
      <c r="H35967" s="1" t="s">
        <v>124812</v>
      </c>
      <c r="I35967" s="1" t="s">
        <v>123111</v>
      </c>
      <c r="J35967" s="1" t="s">
        <v>124920</v>
      </c>
    </row>
    <row r="35968" spans="1:10" x14ac:dyDescent="0.35">
      <c r="A35968" s="1" t="s">
        <v>122047</v>
      </c>
      <c r="B35968" s="1" t="s">
        <v>123106</v>
      </c>
      <c r="C35968" s="1" t="s">
        <v>155</v>
      </c>
      <c r="D35968" s="1" t="s">
        <v>124921</v>
      </c>
      <c r="E35968" s="1" t="s">
        <v>124922</v>
      </c>
      <c r="F35968" s="1" t="s">
        <v>124923</v>
      </c>
      <c r="G35968" s="1" t="s">
        <v>124811</v>
      </c>
      <c r="H35968" s="1" t="s">
        <v>124812</v>
      </c>
      <c r="I35968" s="1" t="s">
        <v>123111</v>
      </c>
      <c r="J35968" s="1" t="s">
        <v>124924</v>
      </c>
    </row>
    <row r="35969" spans="1:10" x14ac:dyDescent="0.35">
      <c r="A35969" s="1" t="s">
        <v>122047</v>
      </c>
      <c r="B35969" s="1" t="s">
        <v>123106</v>
      </c>
      <c r="C35969" s="1" t="s">
        <v>160</v>
      </c>
      <c r="D35969" s="1" t="s">
        <v>20464</v>
      </c>
      <c r="E35969" s="1" t="s">
        <v>124925</v>
      </c>
      <c r="F35969" s="1" t="s">
        <v>124926</v>
      </c>
      <c r="G35969" s="1" t="s">
        <v>124811</v>
      </c>
      <c r="H35969" s="1" t="s">
        <v>124812</v>
      </c>
      <c r="I35969" s="1" t="s">
        <v>123111</v>
      </c>
      <c r="J35969" s="1" t="s">
        <v>124927</v>
      </c>
    </row>
    <row r="35970" spans="1:10" x14ac:dyDescent="0.35">
      <c r="A35970" s="1" t="s">
        <v>122047</v>
      </c>
      <c r="B35970" s="1" t="s">
        <v>123106</v>
      </c>
      <c r="C35970" s="1" t="s">
        <v>165</v>
      </c>
      <c r="D35970" s="1" t="s">
        <v>124928</v>
      </c>
      <c r="E35970" s="1" t="s">
        <v>124929</v>
      </c>
      <c r="F35970" s="1" t="s">
        <v>124930</v>
      </c>
      <c r="G35970" s="1" t="s">
        <v>124811</v>
      </c>
      <c r="H35970" s="1" t="s">
        <v>124812</v>
      </c>
      <c r="I35970" s="1" t="s">
        <v>123111</v>
      </c>
      <c r="J35970" s="1" t="s">
        <v>124931</v>
      </c>
    </row>
    <row r="35971" spans="1:10" x14ac:dyDescent="0.35">
      <c r="A35971" s="1" t="s">
        <v>122047</v>
      </c>
      <c r="B35971" s="1" t="s">
        <v>123106</v>
      </c>
      <c r="C35971" s="1" t="s">
        <v>170</v>
      </c>
      <c r="D35971" s="1" t="s">
        <v>124932</v>
      </c>
      <c r="E35971" s="1" t="s">
        <v>124933</v>
      </c>
      <c r="F35971" s="1" t="s">
        <v>124934</v>
      </c>
      <c r="G35971" s="1" t="s">
        <v>124811</v>
      </c>
      <c r="H35971" s="1" t="s">
        <v>124812</v>
      </c>
      <c r="I35971" s="1" t="s">
        <v>123111</v>
      </c>
      <c r="J35971" s="1" t="s">
        <v>124935</v>
      </c>
    </row>
    <row r="35972" spans="1:10" x14ac:dyDescent="0.35">
      <c r="A35972" s="1" t="s">
        <v>124936</v>
      </c>
      <c r="B35972" s="1" t="s">
        <v>123106</v>
      </c>
      <c r="C35972" s="1" t="s">
        <v>8</v>
      </c>
      <c r="D35972" s="1" t="s">
        <v>47343</v>
      </c>
      <c r="E35972" s="1" t="s">
        <v>124937</v>
      </c>
      <c r="F35972" s="1" t="s">
        <v>124938</v>
      </c>
      <c r="G35972" s="1" t="s">
        <v>124939</v>
      </c>
      <c r="H35972" s="1" t="s">
        <v>124940</v>
      </c>
      <c r="I35972" s="1" t="s">
        <v>123111</v>
      </c>
      <c r="J35972" s="1" t="s">
        <v>13</v>
      </c>
    </row>
    <row r="35973" spans="1:10" x14ac:dyDescent="0.35">
      <c r="A35973" s="1" t="s">
        <v>124936</v>
      </c>
      <c r="B35973" s="1" t="s">
        <v>123106</v>
      </c>
      <c r="C35973" s="1" t="s">
        <v>15</v>
      </c>
      <c r="D35973" s="1" t="s">
        <v>124941</v>
      </c>
      <c r="E35973" s="1" t="s">
        <v>124942</v>
      </c>
      <c r="F35973" s="1" t="s">
        <v>124943</v>
      </c>
      <c r="G35973" s="1" t="s">
        <v>124939</v>
      </c>
      <c r="H35973" s="1" t="s">
        <v>124940</v>
      </c>
      <c r="I35973" s="1" t="s">
        <v>123111</v>
      </c>
      <c r="J35973" s="1" t="s">
        <v>124944</v>
      </c>
    </row>
    <row r="35974" spans="1:10" x14ac:dyDescent="0.35">
      <c r="A35974" s="1" t="s">
        <v>124936</v>
      </c>
      <c r="B35974" s="1" t="s">
        <v>123106</v>
      </c>
      <c r="C35974" s="1" t="s">
        <v>20</v>
      </c>
      <c r="D35974" s="1" t="s">
        <v>27530</v>
      </c>
      <c r="E35974" s="1" t="s">
        <v>124945</v>
      </c>
      <c r="F35974" s="1" t="s">
        <v>124946</v>
      </c>
      <c r="G35974" s="1" t="s">
        <v>124939</v>
      </c>
      <c r="H35974" s="1" t="s">
        <v>124940</v>
      </c>
      <c r="I35974" s="1" t="s">
        <v>123111</v>
      </c>
      <c r="J35974" s="1" t="s">
        <v>124947</v>
      </c>
    </row>
    <row r="35975" spans="1:10" x14ac:dyDescent="0.35">
      <c r="A35975" s="1" t="s">
        <v>124936</v>
      </c>
      <c r="B35975" s="1" t="s">
        <v>123106</v>
      </c>
      <c r="C35975" s="1" t="s">
        <v>25</v>
      </c>
      <c r="D35975" s="1" t="s">
        <v>6616</v>
      </c>
      <c r="E35975" s="1" t="s">
        <v>124948</v>
      </c>
      <c r="F35975" s="1" t="s">
        <v>124949</v>
      </c>
      <c r="G35975" s="1" t="s">
        <v>124939</v>
      </c>
      <c r="H35975" s="1" t="s">
        <v>124940</v>
      </c>
      <c r="I35975" s="1" t="s">
        <v>123111</v>
      </c>
      <c r="J35975" s="1" t="s">
        <v>124950</v>
      </c>
    </row>
    <row r="35976" spans="1:10" x14ac:dyDescent="0.35">
      <c r="A35976" s="1" t="s">
        <v>124936</v>
      </c>
      <c r="B35976" s="1" t="s">
        <v>123106</v>
      </c>
      <c r="C35976" s="1" t="s">
        <v>30</v>
      </c>
      <c r="D35976" s="1" t="s">
        <v>44906</v>
      </c>
      <c r="E35976" s="1" t="s">
        <v>124951</v>
      </c>
      <c r="F35976" s="1" t="s">
        <v>124952</v>
      </c>
      <c r="G35976" s="1" t="s">
        <v>124939</v>
      </c>
      <c r="H35976" s="1" t="s">
        <v>124940</v>
      </c>
      <c r="I35976" s="1" t="s">
        <v>123111</v>
      </c>
      <c r="J35976" s="1" t="s">
        <v>124953</v>
      </c>
    </row>
    <row r="35977" spans="1:10" x14ac:dyDescent="0.35">
      <c r="A35977" s="1" t="s">
        <v>124936</v>
      </c>
      <c r="B35977" s="1" t="s">
        <v>123106</v>
      </c>
      <c r="C35977" s="1" t="s">
        <v>35</v>
      </c>
      <c r="D35977" s="1" t="s">
        <v>7074</v>
      </c>
      <c r="E35977" s="1" t="s">
        <v>124954</v>
      </c>
      <c r="F35977" s="1" t="s">
        <v>124955</v>
      </c>
      <c r="G35977" s="1" t="s">
        <v>124939</v>
      </c>
      <c r="H35977" s="1" t="s">
        <v>124940</v>
      </c>
      <c r="I35977" s="1" t="s">
        <v>123111</v>
      </c>
      <c r="J35977" s="1" t="s">
        <v>124956</v>
      </c>
    </row>
    <row r="35978" spans="1:10" x14ac:dyDescent="0.35">
      <c r="A35978" s="1" t="s">
        <v>124936</v>
      </c>
      <c r="B35978" s="1" t="s">
        <v>123106</v>
      </c>
      <c r="C35978" s="1" t="s">
        <v>40</v>
      </c>
      <c r="D35978" s="1" t="s">
        <v>124957</v>
      </c>
      <c r="E35978" s="1" t="s">
        <v>124958</v>
      </c>
      <c r="F35978" s="1" t="s">
        <v>124959</v>
      </c>
      <c r="G35978" s="1" t="s">
        <v>124939</v>
      </c>
      <c r="H35978" s="1" t="s">
        <v>124940</v>
      </c>
      <c r="I35978" s="1" t="s">
        <v>123111</v>
      </c>
      <c r="J35978" s="1" t="s">
        <v>124960</v>
      </c>
    </row>
    <row r="35979" spans="1:10" x14ac:dyDescent="0.35">
      <c r="A35979" s="1" t="s">
        <v>124936</v>
      </c>
      <c r="B35979" s="1" t="s">
        <v>123106</v>
      </c>
      <c r="C35979" s="1" t="s">
        <v>45</v>
      </c>
      <c r="D35979" s="1" t="s">
        <v>3350</v>
      </c>
      <c r="E35979" s="1" t="s">
        <v>124961</v>
      </c>
      <c r="F35979" s="1" t="s">
        <v>124962</v>
      </c>
      <c r="G35979" s="1" t="s">
        <v>124939</v>
      </c>
      <c r="H35979" s="1" t="s">
        <v>124940</v>
      </c>
      <c r="I35979" s="1" t="s">
        <v>123111</v>
      </c>
      <c r="J35979" s="1" t="s">
        <v>124963</v>
      </c>
    </row>
    <row r="35980" spans="1:10" x14ac:dyDescent="0.35">
      <c r="A35980" s="1" t="s">
        <v>124936</v>
      </c>
      <c r="B35980" s="1" t="s">
        <v>123106</v>
      </c>
      <c r="C35980" s="1" t="s">
        <v>50</v>
      </c>
      <c r="D35980" s="1" t="s">
        <v>48317</v>
      </c>
      <c r="E35980" s="1" t="s">
        <v>124964</v>
      </c>
      <c r="F35980" s="1" t="s">
        <v>124965</v>
      </c>
      <c r="G35980" s="1" t="s">
        <v>124939</v>
      </c>
      <c r="H35980" s="1" t="s">
        <v>124940</v>
      </c>
      <c r="I35980" s="1" t="s">
        <v>123111</v>
      </c>
      <c r="J35980" s="1" t="s">
        <v>124966</v>
      </c>
    </row>
    <row r="35981" spans="1:10" x14ac:dyDescent="0.35">
      <c r="A35981" s="1" t="s">
        <v>124936</v>
      </c>
      <c r="B35981" s="1" t="s">
        <v>123106</v>
      </c>
      <c r="C35981" s="1" t="s">
        <v>55</v>
      </c>
      <c r="D35981" s="1" t="s">
        <v>49170</v>
      </c>
      <c r="E35981" s="1" t="s">
        <v>124967</v>
      </c>
      <c r="F35981" s="1" t="s">
        <v>124968</v>
      </c>
      <c r="G35981" s="1" t="s">
        <v>124939</v>
      </c>
      <c r="H35981" s="1" t="s">
        <v>124940</v>
      </c>
      <c r="I35981" s="1" t="s">
        <v>123111</v>
      </c>
      <c r="J35981" s="1" t="s">
        <v>124969</v>
      </c>
    </row>
    <row r="35982" spans="1:10" x14ac:dyDescent="0.35">
      <c r="A35982" s="1" t="s">
        <v>124936</v>
      </c>
      <c r="B35982" s="1" t="s">
        <v>123106</v>
      </c>
      <c r="C35982" s="1" t="s">
        <v>60</v>
      </c>
      <c r="D35982" s="1" t="s">
        <v>124970</v>
      </c>
      <c r="E35982" s="1" t="s">
        <v>124971</v>
      </c>
      <c r="F35982" s="1" t="s">
        <v>124972</v>
      </c>
      <c r="G35982" s="1" t="s">
        <v>124939</v>
      </c>
      <c r="H35982" s="1" t="s">
        <v>124940</v>
      </c>
      <c r="I35982" s="1" t="s">
        <v>123111</v>
      </c>
      <c r="J35982" s="1" t="s">
        <v>124973</v>
      </c>
    </row>
    <row r="35983" spans="1:10" x14ac:dyDescent="0.35">
      <c r="A35983" s="1" t="s">
        <v>124936</v>
      </c>
      <c r="B35983" s="1" t="s">
        <v>123106</v>
      </c>
      <c r="C35983" s="1" t="s">
        <v>65</v>
      </c>
      <c r="D35983" s="1" t="s">
        <v>124974</v>
      </c>
      <c r="E35983" s="1" t="s">
        <v>124975</v>
      </c>
      <c r="F35983" s="1" t="s">
        <v>124976</v>
      </c>
      <c r="G35983" s="1" t="s">
        <v>124939</v>
      </c>
      <c r="H35983" s="1" t="s">
        <v>124940</v>
      </c>
      <c r="I35983" s="1" t="s">
        <v>123111</v>
      </c>
      <c r="J35983" s="1" t="s">
        <v>124977</v>
      </c>
    </row>
    <row r="35984" spans="1:10" x14ac:dyDescent="0.35">
      <c r="A35984" s="1" t="s">
        <v>124936</v>
      </c>
      <c r="B35984" s="1" t="s">
        <v>123106</v>
      </c>
      <c r="C35984" s="1" t="s">
        <v>70</v>
      </c>
      <c r="D35984" s="1" t="s">
        <v>7976</v>
      </c>
      <c r="E35984" s="1" t="s">
        <v>124978</v>
      </c>
      <c r="F35984" s="1" t="s">
        <v>124979</v>
      </c>
      <c r="G35984" s="1" t="s">
        <v>124939</v>
      </c>
      <c r="H35984" s="1" t="s">
        <v>124940</v>
      </c>
      <c r="I35984" s="1" t="s">
        <v>123111</v>
      </c>
      <c r="J35984" s="1" t="s">
        <v>124980</v>
      </c>
    </row>
    <row r="35985" spans="1:10" x14ac:dyDescent="0.35">
      <c r="A35985" s="1" t="s">
        <v>124936</v>
      </c>
      <c r="B35985" s="1" t="s">
        <v>123106</v>
      </c>
      <c r="C35985" s="1" t="s">
        <v>75</v>
      </c>
      <c r="D35985" s="1" t="s">
        <v>124981</v>
      </c>
      <c r="E35985" s="1" t="s">
        <v>124982</v>
      </c>
      <c r="F35985" s="1" t="s">
        <v>124983</v>
      </c>
      <c r="G35985" s="1" t="s">
        <v>124939</v>
      </c>
      <c r="H35985" s="1" t="s">
        <v>124940</v>
      </c>
      <c r="I35985" s="1" t="s">
        <v>123111</v>
      </c>
      <c r="J35985" s="1" t="s">
        <v>124984</v>
      </c>
    </row>
    <row r="35986" spans="1:10" x14ac:dyDescent="0.35">
      <c r="A35986" s="1" t="s">
        <v>124936</v>
      </c>
      <c r="B35986" s="1" t="s">
        <v>123106</v>
      </c>
      <c r="C35986" s="1" t="s">
        <v>80</v>
      </c>
      <c r="D35986" s="1" t="s">
        <v>124985</v>
      </c>
      <c r="E35986" s="1" t="s">
        <v>124986</v>
      </c>
      <c r="F35986" s="1" t="s">
        <v>124987</v>
      </c>
      <c r="G35986" s="1" t="s">
        <v>124939</v>
      </c>
      <c r="H35986" s="1" t="s">
        <v>124940</v>
      </c>
      <c r="I35986" s="1" t="s">
        <v>123111</v>
      </c>
      <c r="J35986" s="1" t="s">
        <v>124988</v>
      </c>
    </row>
    <row r="35987" spans="1:10" x14ac:dyDescent="0.35">
      <c r="A35987" s="1" t="s">
        <v>124936</v>
      </c>
      <c r="B35987" s="1" t="s">
        <v>123106</v>
      </c>
      <c r="C35987" s="1" t="s">
        <v>85</v>
      </c>
      <c r="D35987" s="1" t="s">
        <v>124989</v>
      </c>
      <c r="E35987" s="1" t="s">
        <v>124990</v>
      </c>
      <c r="F35987" s="1" t="s">
        <v>124991</v>
      </c>
      <c r="G35987" s="1" t="s">
        <v>124939</v>
      </c>
      <c r="H35987" s="1" t="s">
        <v>124940</v>
      </c>
      <c r="I35987" s="1" t="s">
        <v>123111</v>
      </c>
      <c r="J35987" s="1" t="s">
        <v>124992</v>
      </c>
    </row>
    <row r="35988" spans="1:10" x14ac:dyDescent="0.35">
      <c r="A35988" s="1" t="s">
        <v>124936</v>
      </c>
      <c r="B35988" s="1" t="s">
        <v>123106</v>
      </c>
      <c r="C35988" s="1" t="s">
        <v>90</v>
      </c>
      <c r="D35988" s="1" t="s">
        <v>124993</v>
      </c>
      <c r="E35988" s="1" t="s">
        <v>124994</v>
      </c>
      <c r="F35988" s="1" t="s">
        <v>124995</v>
      </c>
      <c r="G35988" s="1" t="s">
        <v>124939</v>
      </c>
      <c r="H35988" s="1" t="s">
        <v>124940</v>
      </c>
      <c r="I35988" s="1" t="s">
        <v>123111</v>
      </c>
      <c r="J35988" s="1" t="s">
        <v>124996</v>
      </c>
    </row>
    <row r="35989" spans="1:10" x14ac:dyDescent="0.35">
      <c r="A35989" s="1" t="s">
        <v>124936</v>
      </c>
      <c r="B35989" s="1" t="s">
        <v>123106</v>
      </c>
      <c r="C35989" s="1" t="s">
        <v>95</v>
      </c>
      <c r="D35989" s="1" t="s">
        <v>118744</v>
      </c>
      <c r="E35989" s="1" t="s">
        <v>124997</v>
      </c>
      <c r="F35989" s="1" t="s">
        <v>124998</v>
      </c>
      <c r="G35989" s="1" t="s">
        <v>124939</v>
      </c>
      <c r="H35989" s="1" t="s">
        <v>124940</v>
      </c>
      <c r="I35989" s="1" t="s">
        <v>123111</v>
      </c>
      <c r="J35989" s="1" t="s">
        <v>124999</v>
      </c>
    </row>
    <row r="35990" spans="1:10" x14ac:dyDescent="0.35">
      <c r="A35990" s="1" t="s">
        <v>124936</v>
      </c>
      <c r="B35990" s="1" t="s">
        <v>123106</v>
      </c>
      <c r="C35990" s="1" t="s">
        <v>100</v>
      </c>
      <c r="D35990" s="1" t="s">
        <v>73112</v>
      </c>
      <c r="E35990" s="1" t="s">
        <v>125000</v>
      </c>
      <c r="F35990" s="1" t="s">
        <v>125001</v>
      </c>
      <c r="G35990" s="1" t="s">
        <v>124939</v>
      </c>
      <c r="H35990" s="1" t="s">
        <v>124940</v>
      </c>
      <c r="I35990" s="1" t="s">
        <v>123111</v>
      </c>
      <c r="J35990" s="1" t="s">
        <v>125002</v>
      </c>
    </row>
    <row r="35991" spans="1:10" x14ac:dyDescent="0.35">
      <c r="A35991" s="1" t="s">
        <v>124936</v>
      </c>
      <c r="B35991" s="1" t="s">
        <v>123106</v>
      </c>
      <c r="C35991" s="1" t="s">
        <v>105</v>
      </c>
      <c r="D35991" s="1" t="s">
        <v>119092</v>
      </c>
      <c r="E35991" s="1" t="s">
        <v>125003</v>
      </c>
      <c r="F35991" s="1" t="s">
        <v>125004</v>
      </c>
      <c r="G35991" s="1" t="s">
        <v>124939</v>
      </c>
      <c r="H35991" s="1" t="s">
        <v>124940</v>
      </c>
      <c r="I35991" s="1" t="s">
        <v>123111</v>
      </c>
      <c r="J35991" s="1" t="s">
        <v>125005</v>
      </c>
    </row>
    <row r="35992" spans="1:10" x14ac:dyDescent="0.35">
      <c r="A35992" s="1" t="s">
        <v>124936</v>
      </c>
      <c r="B35992" s="1" t="s">
        <v>123106</v>
      </c>
      <c r="C35992" s="1" t="s">
        <v>110</v>
      </c>
      <c r="D35992" s="1" t="s">
        <v>125006</v>
      </c>
      <c r="E35992" s="1" t="s">
        <v>125007</v>
      </c>
      <c r="F35992" s="1" t="s">
        <v>125008</v>
      </c>
      <c r="G35992" s="1" t="s">
        <v>124939</v>
      </c>
      <c r="H35992" s="1" t="s">
        <v>124940</v>
      </c>
      <c r="I35992" s="1" t="s">
        <v>123111</v>
      </c>
      <c r="J35992" s="1" t="s">
        <v>125009</v>
      </c>
    </row>
    <row r="35993" spans="1:10" x14ac:dyDescent="0.35">
      <c r="A35993" s="1" t="s">
        <v>124936</v>
      </c>
      <c r="B35993" s="1" t="s">
        <v>123106</v>
      </c>
      <c r="C35993" s="1" t="s">
        <v>115</v>
      </c>
      <c r="D35993" s="1" t="s">
        <v>125010</v>
      </c>
      <c r="E35993" s="1" t="s">
        <v>125011</v>
      </c>
      <c r="F35993" s="1" t="s">
        <v>125012</v>
      </c>
      <c r="G35993" s="1" t="s">
        <v>124939</v>
      </c>
      <c r="H35993" s="1" t="s">
        <v>124940</v>
      </c>
      <c r="I35993" s="1" t="s">
        <v>123111</v>
      </c>
      <c r="J35993" s="1" t="s">
        <v>125013</v>
      </c>
    </row>
    <row r="35994" spans="1:10" x14ac:dyDescent="0.35">
      <c r="A35994" s="1" t="s">
        <v>124936</v>
      </c>
      <c r="B35994" s="1" t="s">
        <v>123106</v>
      </c>
      <c r="C35994" s="1" t="s">
        <v>120</v>
      </c>
      <c r="D35994" s="1" t="s">
        <v>36104</v>
      </c>
      <c r="E35994" s="1" t="s">
        <v>125014</v>
      </c>
      <c r="F35994" s="1" t="s">
        <v>125015</v>
      </c>
      <c r="G35994" s="1" t="s">
        <v>124939</v>
      </c>
      <c r="H35994" s="1" t="s">
        <v>124940</v>
      </c>
      <c r="I35994" s="1" t="s">
        <v>123111</v>
      </c>
      <c r="J35994" s="1" t="s">
        <v>125016</v>
      </c>
    </row>
    <row r="35995" spans="1:10" x14ac:dyDescent="0.35">
      <c r="A35995" s="1" t="s">
        <v>124936</v>
      </c>
      <c r="B35995" s="1" t="s">
        <v>123106</v>
      </c>
      <c r="C35995" s="1" t="s">
        <v>125</v>
      </c>
      <c r="D35995" s="1" t="s">
        <v>44086</v>
      </c>
      <c r="E35995" s="1" t="s">
        <v>125017</v>
      </c>
      <c r="F35995" s="1" t="s">
        <v>125018</v>
      </c>
      <c r="G35995" s="1" t="s">
        <v>124939</v>
      </c>
      <c r="H35995" s="1" t="s">
        <v>124940</v>
      </c>
      <c r="I35995" s="1" t="s">
        <v>123111</v>
      </c>
      <c r="J35995" s="1" t="s">
        <v>125019</v>
      </c>
    </row>
    <row r="35996" spans="1:10" x14ac:dyDescent="0.35">
      <c r="A35996" s="1" t="s">
        <v>124936</v>
      </c>
      <c r="B35996" s="1" t="s">
        <v>123106</v>
      </c>
      <c r="C35996" s="1" t="s">
        <v>130</v>
      </c>
      <c r="D35996" s="1" t="s">
        <v>17137</v>
      </c>
      <c r="E35996" s="1" t="s">
        <v>125020</v>
      </c>
      <c r="F35996" s="1" t="s">
        <v>125021</v>
      </c>
      <c r="G35996" s="1" t="s">
        <v>124939</v>
      </c>
      <c r="H35996" s="1" t="s">
        <v>124940</v>
      </c>
      <c r="I35996" s="1" t="s">
        <v>123111</v>
      </c>
      <c r="J35996" s="1" t="s">
        <v>125022</v>
      </c>
    </row>
    <row r="35997" spans="1:10" x14ac:dyDescent="0.35">
      <c r="A35997" s="1" t="s">
        <v>124936</v>
      </c>
      <c r="B35997" s="1" t="s">
        <v>123106</v>
      </c>
      <c r="C35997" s="1" t="s">
        <v>135</v>
      </c>
      <c r="D35997" s="1" t="s">
        <v>74076</v>
      </c>
      <c r="E35997" s="1" t="s">
        <v>125023</v>
      </c>
      <c r="F35997" s="1" t="s">
        <v>125024</v>
      </c>
      <c r="G35997" s="1" t="s">
        <v>124939</v>
      </c>
      <c r="H35997" s="1" t="s">
        <v>124940</v>
      </c>
      <c r="I35997" s="1" t="s">
        <v>123111</v>
      </c>
      <c r="J35997" s="1" t="s">
        <v>125025</v>
      </c>
    </row>
    <row r="35998" spans="1:10" x14ac:dyDescent="0.35">
      <c r="A35998" s="1" t="s">
        <v>124936</v>
      </c>
      <c r="B35998" s="1" t="s">
        <v>123106</v>
      </c>
      <c r="C35998" s="1" t="s">
        <v>140</v>
      </c>
      <c r="D35998" s="1" t="s">
        <v>16019</v>
      </c>
      <c r="E35998" s="1" t="s">
        <v>125026</v>
      </c>
      <c r="F35998" s="1" t="s">
        <v>125027</v>
      </c>
      <c r="G35998" s="1" t="s">
        <v>124939</v>
      </c>
      <c r="H35998" s="1" t="s">
        <v>124940</v>
      </c>
      <c r="I35998" s="1" t="s">
        <v>123111</v>
      </c>
      <c r="J35998" s="1" t="s">
        <v>125028</v>
      </c>
    </row>
    <row r="35999" spans="1:10" x14ac:dyDescent="0.35">
      <c r="A35999" s="1" t="s">
        <v>124936</v>
      </c>
      <c r="B35999" s="1" t="s">
        <v>123106</v>
      </c>
      <c r="C35999" s="1" t="s">
        <v>145</v>
      </c>
      <c r="D35999" s="1" t="s">
        <v>125029</v>
      </c>
      <c r="E35999" s="1" t="s">
        <v>125030</v>
      </c>
      <c r="F35999" s="1" t="s">
        <v>125031</v>
      </c>
      <c r="G35999" s="1" t="s">
        <v>124939</v>
      </c>
      <c r="H35999" s="1" t="s">
        <v>124940</v>
      </c>
      <c r="I35999" s="1" t="s">
        <v>123111</v>
      </c>
      <c r="J35999" s="1" t="s">
        <v>125032</v>
      </c>
    </row>
    <row r="36000" spans="1:10" x14ac:dyDescent="0.35">
      <c r="A36000" s="1" t="s">
        <v>124936</v>
      </c>
      <c r="B36000" s="1" t="s">
        <v>123106</v>
      </c>
      <c r="C36000" s="1" t="s">
        <v>150</v>
      </c>
      <c r="D36000" s="1" t="s">
        <v>51777</v>
      </c>
      <c r="E36000" s="1" t="s">
        <v>125033</v>
      </c>
      <c r="F36000" s="1" t="s">
        <v>125034</v>
      </c>
      <c r="G36000" s="1" t="s">
        <v>124939</v>
      </c>
      <c r="H36000" s="1" t="s">
        <v>124940</v>
      </c>
      <c r="I36000" s="1" t="s">
        <v>123111</v>
      </c>
      <c r="J36000" s="1" t="s">
        <v>125035</v>
      </c>
    </row>
    <row r="36001" spans="1:10" x14ac:dyDescent="0.35">
      <c r="A36001" s="1" t="s">
        <v>124936</v>
      </c>
      <c r="B36001" s="1" t="s">
        <v>123106</v>
      </c>
      <c r="C36001" s="1" t="s">
        <v>155</v>
      </c>
      <c r="D36001" s="1" t="s">
        <v>75032</v>
      </c>
      <c r="E36001" s="1" t="s">
        <v>125036</v>
      </c>
      <c r="F36001" s="1" t="s">
        <v>125037</v>
      </c>
      <c r="G36001" s="1" t="s">
        <v>124939</v>
      </c>
      <c r="H36001" s="1" t="s">
        <v>124940</v>
      </c>
      <c r="I36001" s="1" t="s">
        <v>123111</v>
      </c>
      <c r="J36001" s="1" t="s">
        <v>125038</v>
      </c>
    </row>
    <row r="36002" spans="1:10" x14ac:dyDescent="0.35">
      <c r="A36002" s="1" t="s">
        <v>124936</v>
      </c>
      <c r="B36002" s="1" t="s">
        <v>123106</v>
      </c>
      <c r="C36002" s="1" t="s">
        <v>160</v>
      </c>
      <c r="D36002" s="1" t="s">
        <v>71922</v>
      </c>
      <c r="E36002" s="1" t="s">
        <v>125039</v>
      </c>
      <c r="F36002" s="1" t="s">
        <v>125040</v>
      </c>
      <c r="G36002" s="1" t="s">
        <v>124939</v>
      </c>
      <c r="H36002" s="1" t="s">
        <v>124940</v>
      </c>
      <c r="I36002" s="1" t="s">
        <v>123111</v>
      </c>
      <c r="J36002" s="1" t="s">
        <v>125041</v>
      </c>
    </row>
    <row r="36003" spans="1:10" x14ac:dyDescent="0.35">
      <c r="A36003" s="1" t="s">
        <v>124936</v>
      </c>
      <c r="B36003" s="1" t="s">
        <v>123106</v>
      </c>
      <c r="C36003" s="1" t="s">
        <v>165</v>
      </c>
      <c r="D36003" s="1" t="s">
        <v>31724</v>
      </c>
      <c r="E36003" s="1" t="s">
        <v>125042</v>
      </c>
      <c r="F36003" s="1" t="s">
        <v>125043</v>
      </c>
      <c r="G36003" s="1" t="s">
        <v>124939</v>
      </c>
      <c r="H36003" s="1" t="s">
        <v>124940</v>
      </c>
      <c r="I36003" s="1" t="s">
        <v>123111</v>
      </c>
      <c r="J36003" s="1" t="s">
        <v>125044</v>
      </c>
    </row>
    <row r="36004" spans="1:10" x14ac:dyDescent="0.35">
      <c r="A36004" s="1" t="s">
        <v>124936</v>
      </c>
      <c r="B36004" s="1" t="s">
        <v>123106</v>
      </c>
      <c r="C36004" s="1" t="s">
        <v>170</v>
      </c>
      <c r="D36004" s="1" t="s">
        <v>36108</v>
      </c>
      <c r="E36004" s="1" t="s">
        <v>125045</v>
      </c>
      <c r="F36004" s="1" t="s">
        <v>125046</v>
      </c>
      <c r="G36004" s="1" t="s">
        <v>124939</v>
      </c>
      <c r="H36004" s="1" t="s">
        <v>124940</v>
      </c>
      <c r="I36004" s="1" t="s">
        <v>123111</v>
      </c>
      <c r="J36004" s="1" t="s">
        <v>125047</v>
      </c>
    </row>
    <row r="36005" spans="1:10" x14ac:dyDescent="0.35">
      <c r="A36005" s="1" t="s">
        <v>9349</v>
      </c>
      <c r="B36005" s="1" t="s">
        <v>123106</v>
      </c>
      <c r="C36005" s="1" t="s">
        <v>8</v>
      </c>
      <c r="D36005" s="1" t="s">
        <v>125048</v>
      </c>
      <c r="E36005" s="1" t="s">
        <v>125049</v>
      </c>
      <c r="F36005" s="1" t="s">
        <v>125050</v>
      </c>
      <c r="G36005" s="1" t="s">
        <v>125051</v>
      </c>
      <c r="H36005" s="1" t="s">
        <v>125052</v>
      </c>
      <c r="I36005" s="1" t="s">
        <v>123111</v>
      </c>
      <c r="J36005" s="1" t="s">
        <v>13</v>
      </c>
    </row>
    <row r="36006" spans="1:10" x14ac:dyDescent="0.35">
      <c r="A36006" s="1" t="s">
        <v>9349</v>
      </c>
      <c r="B36006" s="1" t="s">
        <v>123106</v>
      </c>
      <c r="C36006" s="1" t="s">
        <v>15</v>
      </c>
      <c r="D36006" s="1" t="s">
        <v>125053</v>
      </c>
      <c r="E36006" s="1" t="s">
        <v>125054</v>
      </c>
      <c r="F36006" s="1" t="s">
        <v>125055</v>
      </c>
      <c r="G36006" s="1" t="s">
        <v>125051</v>
      </c>
      <c r="H36006" s="1" t="s">
        <v>125052</v>
      </c>
      <c r="I36006" s="1" t="s">
        <v>123111</v>
      </c>
      <c r="J36006" s="1" t="s">
        <v>125056</v>
      </c>
    </row>
    <row r="36007" spans="1:10" x14ac:dyDescent="0.35">
      <c r="A36007" s="1" t="s">
        <v>9349</v>
      </c>
      <c r="B36007" s="1" t="s">
        <v>123106</v>
      </c>
      <c r="C36007" s="1" t="s">
        <v>20</v>
      </c>
      <c r="D36007" s="1" t="s">
        <v>115752</v>
      </c>
      <c r="E36007" s="1" t="s">
        <v>125057</v>
      </c>
      <c r="F36007" s="1" t="s">
        <v>125058</v>
      </c>
      <c r="G36007" s="1" t="s">
        <v>125051</v>
      </c>
      <c r="H36007" s="1" t="s">
        <v>125052</v>
      </c>
      <c r="I36007" s="1" t="s">
        <v>123111</v>
      </c>
      <c r="J36007" s="1" t="s">
        <v>125059</v>
      </c>
    </row>
    <row r="36008" spans="1:10" x14ac:dyDescent="0.35">
      <c r="A36008" s="1" t="s">
        <v>9349</v>
      </c>
      <c r="B36008" s="1" t="s">
        <v>123106</v>
      </c>
      <c r="C36008" s="1" t="s">
        <v>25</v>
      </c>
      <c r="D36008" s="1" t="s">
        <v>48595</v>
      </c>
      <c r="E36008" s="1" t="s">
        <v>125060</v>
      </c>
      <c r="F36008" s="1" t="s">
        <v>125061</v>
      </c>
      <c r="G36008" s="1" t="s">
        <v>125051</v>
      </c>
      <c r="H36008" s="1" t="s">
        <v>125052</v>
      </c>
      <c r="I36008" s="1" t="s">
        <v>123111</v>
      </c>
      <c r="J36008" s="1" t="s">
        <v>125062</v>
      </c>
    </row>
    <row r="36009" spans="1:10" x14ac:dyDescent="0.35">
      <c r="A36009" s="1" t="s">
        <v>9349</v>
      </c>
      <c r="B36009" s="1" t="s">
        <v>123106</v>
      </c>
      <c r="C36009" s="1" t="s">
        <v>30</v>
      </c>
      <c r="D36009" s="1" t="s">
        <v>14232</v>
      </c>
      <c r="E36009" s="1" t="s">
        <v>125063</v>
      </c>
      <c r="F36009" s="1" t="s">
        <v>125064</v>
      </c>
      <c r="G36009" s="1" t="s">
        <v>125051</v>
      </c>
      <c r="H36009" s="1" t="s">
        <v>125052</v>
      </c>
      <c r="I36009" s="1" t="s">
        <v>123111</v>
      </c>
      <c r="J36009" s="1" t="s">
        <v>125065</v>
      </c>
    </row>
    <row r="36010" spans="1:10" x14ac:dyDescent="0.35">
      <c r="A36010" s="1" t="s">
        <v>9349</v>
      </c>
      <c r="B36010" s="1" t="s">
        <v>123106</v>
      </c>
      <c r="C36010" s="1" t="s">
        <v>35</v>
      </c>
      <c r="D36010" s="1" t="s">
        <v>125066</v>
      </c>
      <c r="E36010" s="1" t="s">
        <v>125067</v>
      </c>
      <c r="F36010" s="1" t="s">
        <v>125068</v>
      </c>
      <c r="G36010" s="1" t="s">
        <v>125051</v>
      </c>
      <c r="H36010" s="1" t="s">
        <v>125052</v>
      </c>
      <c r="I36010" s="1" t="s">
        <v>123111</v>
      </c>
      <c r="J36010" s="1" t="s">
        <v>125069</v>
      </c>
    </row>
    <row r="36011" spans="1:10" x14ac:dyDescent="0.35">
      <c r="A36011" s="1" t="s">
        <v>9349</v>
      </c>
      <c r="B36011" s="1" t="s">
        <v>123106</v>
      </c>
      <c r="C36011" s="1" t="s">
        <v>40</v>
      </c>
      <c r="D36011" s="1" t="s">
        <v>109899</v>
      </c>
      <c r="E36011" s="1" t="s">
        <v>125070</v>
      </c>
      <c r="F36011" s="1" t="s">
        <v>125071</v>
      </c>
      <c r="G36011" s="1" t="s">
        <v>125051</v>
      </c>
      <c r="H36011" s="1" t="s">
        <v>125052</v>
      </c>
      <c r="I36011" s="1" t="s">
        <v>123111</v>
      </c>
      <c r="J36011" s="1" t="s">
        <v>125072</v>
      </c>
    </row>
    <row r="36012" spans="1:10" x14ac:dyDescent="0.35">
      <c r="A36012" s="1" t="s">
        <v>9349</v>
      </c>
      <c r="B36012" s="1" t="s">
        <v>123106</v>
      </c>
      <c r="C36012" s="1" t="s">
        <v>45</v>
      </c>
      <c r="D36012" s="1" t="s">
        <v>125073</v>
      </c>
      <c r="E36012" s="1" t="s">
        <v>125074</v>
      </c>
      <c r="F36012" s="1" t="s">
        <v>125075</v>
      </c>
      <c r="G36012" s="1" t="s">
        <v>125051</v>
      </c>
      <c r="H36012" s="1" t="s">
        <v>125052</v>
      </c>
      <c r="I36012" s="1" t="s">
        <v>123111</v>
      </c>
      <c r="J36012" s="1" t="s">
        <v>125076</v>
      </c>
    </row>
    <row r="36013" spans="1:10" x14ac:dyDescent="0.35">
      <c r="A36013" s="1" t="s">
        <v>9349</v>
      </c>
      <c r="B36013" s="1" t="s">
        <v>123106</v>
      </c>
      <c r="C36013" s="1" t="s">
        <v>50</v>
      </c>
      <c r="D36013" s="1" t="s">
        <v>9546</v>
      </c>
      <c r="E36013" s="1" t="s">
        <v>125077</v>
      </c>
      <c r="F36013" s="1" t="s">
        <v>125078</v>
      </c>
      <c r="G36013" s="1" t="s">
        <v>125051</v>
      </c>
      <c r="H36013" s="1" t="s">
        <v>125052</v>
      </c>
      <c r="I36013" s="1" t="s">
        <v>123111</v>
      </c>
      <c r="J36013" s="1" t="s">
        <v>125079</v>
      </c>
    </row>
    <row r="36014" spans="1:10" x14ac:dyDescent="0.35">
      <c r="A36014" s="1" t="s">
        <v>9349</v>
      </c>
      <c r="B36014" s="1" t="s">
        <v>123106</v>
      </c>
      <c r="C36014" s="1" t="s">
        <v>55</v>
      </c>
      <c r="D36014" s="1" t="s">
        <v>36038</v>
      </c>
      <c r="E36014" s="1" t="s">
        <v>125080</v>
      </c>
      <c r="F36014" s="1" t="s">
        <v>125081</v>
      </c>
      <c r="G36014" s="1" t="s">
        <v>125051</v>
      </c>
      <c r="H36014" s="1" t="s">
        <v>125052</v>
      </c>
      <c r="I36014" s="1" t="s">
        <v>123111</v>
      </c>
      <c r="J36014" s="1" t="s">
        <v>125082</v>
      </c>
    </row>
    <row r="36015" spans="1:10" x14ac:dyDescent="0.35">
      <c r="A36015" s="1" t="s">
        <v>9349</v>
      </c>
      <c r="B36015" s="1" t="s">
        <v>123106</v>
      </c>
      <c r="C36015" s="1" t="s">
        <v>60</v>
      </c>
      <c r="D36015" s="1" t="s">
        <v>297</v>
      </c>
      <c r="E36015" s="1" t="s">
        <v>125083</v>
      </c>
      <c r="F36015" s="1" t="s">
        <v>125084</v>
      </c>
      <c r="G36015" s="1" t="s">
        <v>125051</v>
      </c>
      <c r="H36015" s="1" t="s">
        <v>125052</v>
      </c>
      <c r="I36015" s="1" t="s">
        <v>123111</v>
      </c>
      <c r="J36015" s="1" t="s">
        <v>125085</v>
      </c>
    </row>
    <row r="36016" spans="1:10" x14ac:dyDescent="0.35">
      <c r="A36016" s="1" t="s">
        <v>9349</v>
      </c>
      <c r="B36016" s="1" t="s">
        <v>123106</v>
      </c>
      <c r="C36016" s="1" t="s">
        <v>65</v>
      </c>
      <c r="D36016" s="1" t="s">
        <v>1436</v>
      </c>
      <c r="E36016" s="1" t="s">
        <v>125086</v>
      </c>
      <c r="F36016" s="1" t="s">
        <v>125087</v>
      </c>
      <c r="G36016" s="1" t="s">
        <v>125051</v>
      </c>
      <c r="H36016" s="1" t="s">
        <v>125052</v>
      </c>
      <c r="I36016" s="1" t="s">
        <v>123111</v>
      </c>
      <c r="J36016" s="1" t="s">
        <v>125088</v>
      </c>
    </row>
    <row r="36017" spans="1:10" x14ac:dyDescent="0.35">
      <c r="A36017" s="1" t="s">
        <v>9349</v>
      </c>
      <c r="B36017" s="1" t="s">
        <v>123106</v>
      </c>
      <c r="C36017" s="1" t="s">
        <v>70</v>
      </c>
      <c r="D36017" s="1" t="s">
        <v>125089</v>
      </c>
      <c r="E36017" s="1" t="s">
        <v>125090</v>
      </c>
      <c r="F36017" s="1" t="s">
        <v>125091</v>
      </c>
      <c r="G36017" s="1" t="s">
        <v>125051</v>
      </c>
      <c r="H36017" s="1" t="s">
        <v>125052</v>
      </c>
      <c r="I36017" s="1" t="s">
        <v>123111</v>
      </c>
      <c r="J36017" s="1" t="s">
        <v>125092</v>
      </c>
    </row>
    <row r="36018" spans="1:10" x14ac:dyDescent="0.35">
      <c r="A36018" s="1" t="s">
        <v>9349</v>
      </c>
      <c r="B36018" s="1" t="s">
        <v>123106</v>
      </c>
      <c r="C36018" s="1" t="s">
        <v>75</v>
      </c>
      <c r="D36018" s="1" t="s">
        <v>125093</v>
      </c>
      <c r="E36018" s="1" t="s">
        <v>125094</v>
      </c>
      <c r="F36018" s="1" t="s">
        <v>125095</v>
      </c>
      <c r="G36018" s="1" t="s">
        <v>125051</v>
      </c>
      <c r="H36018" s="1" t="s">
        <v>125052</v>
      </c>
      <c r="I36018" s="1" t="s">
        <v>123111</v>
      </c>
      <c r="J36018" s="1" t="s">
        <v>125096</v>
      </c>
    </row>
    <row r="36019" spans="1:10" x14ac:dyDescent="0.35">
      <c r="A36019" s="1" t="s">
        <v>9349</v>
      </c>
      <c r="B36019" s="1" t="s">
        <v>123106</v>
      </c>
      <c r="C36019" s="1" t="s">
        <v>80</v>
      </c>
      <c r="D36019" s="1" t="s">
        <v>34730</v>
      </c>
      <c r="E36019" s="1" t="s">
        <v>125097</v>
      </c>
      <c r="F36019" s="1" t="s">
        <v>125098</v>
      </c>
      <c r="G36019" s="1" t="s">
        <v>125051</v>
      </c>
      <c r="H36019" s="1" t="s">
        <v>125052</v>
      </c>
      <c r="I36019" s="1" t="s">
        <v>123111</v>
      </c>
      <c r="J36019" s="1" t="s">
        <v>125099</v>
      </c>
    </row>
    <row r="36020" spans="1:10" x14ac:dyDescent="0.35">
      <c r="A36020" s="1" t="s">
        <v>9349</v>
      </c>
      <c r="B36020" s="1" t="s">
        <v>123106</v>
      </c>
      <c r="C36020" s="1" t="s">
        <v>85</v>
      </c>
      <c r="D36020" s="1" t="s">
        <v>125100</v>
      </c>
      <c r="E36020" s="1" t="s">
        <v>125101</v>
      </c>
      <c r="F36020" s="1" t="s">
        <v>125102</v>
      </c>
      <c r="G36020" s="1" t="s">
        <v>125051</v>
      </c>
      <c r="H36020" s="1" t="s">
        <v>125052</v>
      </c>
      <c r="I36020" s="1" t="s">
        <v>123111</v>
      </c>
      <c r="J36020" s="1" t="s">
        <v>125103</v>
      </c>
    </row>
    <row r="36021" spans="1:10" x14ac:dyDescent="0.35">
      <c r="A36021" s="1" t="s">
        <v>9349</v>
      </c>
      <c r="B36021" s="1" t="s">
        <v>123106</v>
      </c>
      <c r="C36021" s="1" t="s">
        <v>90</v>
      </c>
      <c r="D36021" s="1" t="s">
        <v>35742</v>
      </c>
      <c r="E36021" s="1" t="s">
        <v>125104</v>
      </c>
      <c r="F36021" s="1" t="s">
        <v>125105</v>
      </c>
      <c r="G36021" s="1" t="s">
        <v>125051</v>
      </c>
      <c r="H36021" s="1" t="s">
        <v>125052</v>
      </c>
      <c r="I36021" s="1" t="s">
        <v>123111</v>
      </c>
      <c r="J36021" s="1" t="s">
        <v>125106</v>
      </c>
    </row>
    <row r="36022" spans="1:10" x14ac:dyDescent="0.35">
      <c r="A36022" s="1" t="s">
        <v>9349</v>
      </c>
      <c r="B36022" s="1" t="s">
        <v>123106</v>
      </c>
      <c r="C36022" s="1" t="s">
        <v>95</v>
      </c>
      <c r="D36022" s="1" t="s">
        <v>48029</v>
      </c>
      <c r="E36022" s="1" t="s">
        <v>125107</v>
      </c>
      <c r="F36022" s="1" t="s">
        <v>125108</v>
      </c>
      <c r="G36022" s="1" t="s">
        <v>125051</v>
      </c>
      <c r="H36022" s="1" t="s">
        <v>125052</v>
      </c>
      <c r="I36022" s="1" t="s">
        <v>123111</v>
      </c>
      <c r="J36022" s="1" t="s">
        <v>125109</v>
      </c>
    </row>
    <row r="36023" spans="1:10" x14ac:dyDescent="0.35">
      <c r="A36023" s="1" t="s">
        <v>9349</v>
      </c>
      <c r="B36023" s="1" t="s">
        <v>123106</v>
      </c>
      <c r="C36023" s="1" t="s">
        <v>100</v>
      </c>
      <c r="D36023" s="1" t="s">
        <v>31132</v>
      </c>
      <c r="E36023" s="1" t="s">
        <v>125110</v>
      </c>
      <c r="F36023" s="1" t="s">
        <v>125111</v>
      </c>
      <c r="G36023" s="1" t="s">
        <v>125051</v>
      </c>
      <c r="H36023" s="1" t="s">
        <v>125052</v>
      </c>
      <c r="I36023" s="1" t="s">
        <v>123111</v>
      </c>
      <c r="J36023" s="1" t="s">
        <v>125112</v>
      </c>
    </row>
    <row r="36024" spans="1:10" x14ac:dyDescent="0.35">
      <c r="A36024" s="1" t="s">
        <v>9349</v>
      </c>
      <c r="B36024" s="1" t="s">
        <v>123106</v>
      </c>
      <c r="C36024" s="1" t="s">
        <v>105</v>
      </c>
      <c r="D36024" s="1" t="s">
        <v>45782</v>
      </c>
      <c r="E36024" s="1" t="s">
        <v>125113</v>
      </c>
      <c r="F36024" s="1" t="s">
        <v>125114</v>
      </c>
      <c r="G36024" s="1" t="s">
        <v>125051</v>
      </c>
      <c r="H36024" s="1" t="s">
        <v>125052</v>
      </c>
      <c r="I36024" s="1" t="s">
        <v>123111</v>
      </c>
      <c r="J36024" s="1" t="s">
        <v>125115</v>
      </c>
    </row>
    <row r="36025" spans="1:10" x14ac:dyDescent="0.35">
      <c r="A36025" s="1" t="s">
        <v>9349</v>
      </c>
      <c r="B36025" s="1" t="s">
        <v>123106</v>
      </c>
      <c r="C36025" s="1" t="s">
        <v>110</v>
      </c>
      <c r="D36025" s="1" t="s">
        <v>3112</v>
      </c>
      <c r="E36025" s="1" t="s">
        <v>125116</v>
      </c>
      <c r="F36025" s="1" t="s">
        <v>125117</v>
      </c>
      <c r="G36025" s="1" t="s">
        <v>125051</v>
      </c>
      <c r="H36025" s="1" t="s">
        <v>125052</v>
      </c>
      <c r="I36025" s="1" t="s">
        <v>123111</v>
      </c>
      <c r="J36025" s="1" t="s">
        <v>125118</v>
      </c>
    </row>
    <row r="36026" spans="1:10" x14ac:dyDescent="0.35">
      <c r="A36026" s="1" t="s">
        <v>9349</v>
      </c>
      <c r="B36026" s="1" t="s">
        <v>123106</v>
      </c>
      <c r="C36026" s="1" t="s">
        <v>115</v>
      </c>
      <c r="D36026" s="1" t="s">
        <v>47365</v>
      </c>
      <c r="E36026" s="1" t="s">
        <v>125119</v>
      </c>
      <c r="F36026" s="1" t="s">
        <v>125120</v>
      </c>
      <c r="G36026" s="1" t="s">
        <v>125051</v>
      </c>
      <c r="H36026" s="1" t="s">
        <v>125052</v>
      </c>
      <c r="I36026" s="1" t="s">
        <v>123111</v>
      </c>
      <c r="J36026" s="1" t="s">
        <v>125121</v>
      </c>
    </row>
    <row r="36027" spans="1:10" x14ac:dyDescent="0.35">
      <c r="A36027" s="1" t="s">
        <v>9349</v>
      </c>
      <c r="B36027" s="1" t="s">
        <v>123106</v>
      </c>
      <c r="C36027" s="1" t="s">
        <v>120</v>
      </c>
      <c r="D36027" s="1" t="s">
        <v>73134</v>
      </c>
      <c r="E36027" s="1" t="s">
        <v>125122</v>
      </c>
      <c r="F36027" s="1" t="s">
        <v>125123</v>
      </c>
      <c r="G36027" s="1" t="s">
        <v>125051</v>
      </c>
      <c r="H36027" s="1" t="s">
        <v>125052</v>
      </c>
      <c r="I36027" s="1" t="s">
        <v>123111</v>
      </c>
      <c r="J36027" s="1" t="s">
        <v>125124</v>
      </c>
    </row>
    <row r="36028" spans="1:10" x14ac:dyDescent="0.35">
      <c r="A36028" s="1" t="s">
        <v>9349</v>
      </c>
      <c r="B36028" s="1" t="s">
        <v>123106</v>
      </c>
      <c r="C36028" s="1" t="s">
        <v>125</v>
      </c>
      <c r="D36028" s="1" t="s">
        <v>15410</v>
      </c>
      <c r="E36028" s="1" t="s">
        <v>125125</v>
      </c>
      <c r="F36028" s="1" t="s">
        <v>125126</v>
      </c>
      <c r="G36028" s="1" t="s">
        <v>125051</v>
      </c>
      <c r="H36028" s="1" t="s">
        <v>125052</v>
      </c>
      <c r="I36028" s="1" t="s">
        <v>123111</v>
      </c>
      <c r="J36028" s="1" t="s">
        <v>125127</v>
      </c>
    </row>
    <row r="36029" spans="1:10" x14ac:dyDescent="0.35">
      <c r="A36029" s="1" t="s">
        <v>9349</v>
      </c>
      <c r="B36029" s="1" t="s">
        <v>123106</v>
      </c>
      <c r="C36029" s="1" t="s">
        <v>130</v>
      </c>
      <c r="D36029" s="1" t="s">
        <v>125128</v>
      </c>
      <c r="E36029" s="1" t="s">
        <v>125129</v>
      </c>
      <c r="F36029" s="1" t="s">
        <v>125130</v>
      </c>
      <c r="G36029" s="1" t="s">
        <v>125051</v>
      </c>
      <c r="H36029" s="1" t="s">
        <v>125052</v>
      </c>
      <c r="I36029" s="1" t="s">
        <v>123111</v>
      </c>
      <c r="J36029" s="1" t="s">
        <v>125131</v>
      </c>
    </row>
    <row r="36030" spans="1:10" x14ac:dyDescent="0.35">
      <c r="A36030" s="1" t="s">
        <v>9349</v>
      </c>
      <c r="B36030" s="1" t="s">
        <v>123106</v>
      </c>
      <c r="C36030" s="1" t="s">
        <v>135</v>
      </c>
      <c r="D36030" s="1" t="s">
        <v>74834</v>
      </c>
      <c r="E36030" s="1" t="s">
        <v>125132</v>
      </c>
      <c r="F36030" s="1" t="s">
        <v>125133</v>
      </c>
      <c r="G36030" s="1" t="s">
        <v>125051</v>
      </c>
      <c r="H36030" s="1" t="s">
        <v>125052</v>
      </c>
      <c r="I36030" s="1" t="s">
        <v>123111</v>
      </c>
      <c r="J36030" s="1" t="s">
        <v>125134</v>
      </c>
    </row>
    <row r="36031" spans="1:10" x14ac:dyDescent="0.35">
      <c r="A36031" s="1" t="s">
        <v>9349</v>
      </c>
      <c r="B36031" s="1" t="s">
        <v>123106</v>
      </c>
      <c r="C36031" s="1" t="s">
        <v>140</v>
      </c>
      <c r="D36031" s="1" t="s">
        <v>14626</v>
      </c>
      <c r="E36031" s="1" t="s">
        <v>125135</v>
      </c>
      <c r="F36031" s="1" t="s">
        <v>125136</v>
      </c>
      <c r="G36031" s="1" t="s">
        <v>125051</v>
      </c>
      <c r="H36031" s="1" t="s">
        <v>125052</v>
      </c>
      <c r="I36031" s="1" t="s">
        <v>123111</v>
      </c>
      <c r="J36031" s="1" t="s">
        <v>125137</v>
      </c>
    </row>
    <row r="36032" spans="1:10" x14ac:dyDescent="0.35">
      <c r="A36032" s="1" t="s">
        <v>9349</v>
      </c>
      <c r="B36032" s="1" t="s">
        <v>123106</v>
      </c>
      <c r="C36032" s="1" t="s">
        <v>145</v>
      </c>
      <c r="D36032" s="1" t="s">
        <v>125138</v>
      </c>
      <c r="E36032" s="1" t="s">
        <v>125139</v>
      </c>
      <c r="F36032" s="1" t="s">
        <v>125140</v>
      </c>
      <c r="G36032" s="1" t="s">
        <v>125051</v>
      </c>
      <c r="H36032" s="1" t="s">
        <v>125052</v>
      </c>
      <c r="I36032" s="1" t="s">
        <v>123111</v>
      </c>
      <c r="J36032" s="1" t="s">
        <v>125141</v>
      </c>
    </row>
    <row r="36033" spans="1:10" x14ac:dyDescent="0.35">
      <c r="A36033" s="1" t="s">
        <v>9349</v>
      </c>
      <c r="B36033" s="1" t="s">
        <v>123106</v>
      </c>
      <c r="C36033" s="1" t="s">
        <v>150</v>
      </c>
      <c r="D36033" s="1" t="s">
        <v>125142</v>
      </c>
      <c r="E36033" s="1" t="s">
        <v>125143</v>
      </c>
      <c r="F36033" s="1" t="s">
        <v>125144</v>
      </c>
      <c r="G36033" s="1" t="s">
        <v>125051</v>
      </c>
      <c r="H36033" s="1" t="s">
        <v>125052</v>
      </c>
      <c r="I36033" s="1" t="s">
        <v>123111</v>
      </c>
      <c r="J36033" s="1" t="s">
        <v>125145</v>
      </c>
    </row>
    <row r="36034" spans="1:10" x14ac:dyDescent="0.35">
      <c r="A36034" s="1" t="s">
        <v>9349</v>
      </c>
      <c r="B36034" s="1" t="s">
        <v>123106</v>
      </c>
      <c r="C36034" s="1" t="s">
        <v>155</v>
      </c>
      <c r="D36034" s="1" t="s">
        <v>50235</v>
      </c>
      <c r="E36034" s="1" t="s">
        <v>125146</v>
      </c>
      <c r="F36034" s="1" t="s">
        <v>125147</v>
      </c>
      <c r="G36034" s="1" t="s">
        <v>125051</v>
      </c>
      <c r="H36034" s="1" t="s">
        <v>125052</v>
      </c>
      <c r="I36034" s="1" t="s">
        <v>123111</v>
      </c>
      <c r="J36034" s="1" t="s">
        <v>125148</v>
      </c>
    </row>
    <row r="36035" spans="1:10" x14ac:dyDescent="0.35">
      <c r="A36035" s="1" t="s">
        <v>9349</v>
      </c>
      <c r="B36035" s="1" t="s">
        <v>123106</v>
      </c>
      <c r="C36035" s="1" t="s">
        <v>160</v>
      </c>
      <c r="D36035" s="1" t="s">
        <v>35099</v>
      </c>
      <c r="E36035" s="1" t="s">
        <v>125149</v>
      </c>
      <c r="F36035" s="1" t="s">
        <v>125150</v>
      </c>
      <c r="G36035" s="1" t="s">
        <v>125051</v>
      </c>
      <c r="H36035" s="1" t="s">
        <v>125052</v>
      </c>
      <c r="I36035" s="1" t="s">
        <v>123111</v>
      </c>
      <c r="J36035" s="1" t="s">
        <v>125151</v>
      </c>
    </row>
    <row r="36036" spans="1:10" x14ac:dyDescent="0.35">
      <c r="A36036" s="1" t="s">
        <v>9349</v>
      </c>
      <c r="B36036" s="1" t="s">
        <v>123106</v>
      </c>
      <c r="C36036" s="1" t="s">
        <v>165</v>
      </c>
      <c r="D36036" s="1" t="s">
        <v>72034</v>
      </c>
      <c r="E36036" s="1" t="s">
        <v>125152</v>
      </c>
      <c r="F36036" s="1" t="s">
        <v>125153</v>
      </c>
      <c r="G36036" s="1" t="s">
        <v>125051</v>
      </c>
      <c r="H36036" s="1" t="s">
        <v>125052</v>
      </c>
      <c r="I36036" s="1" t="s">
        <v>123111</v>
      </c>
      <c r="J36036" s="1" t="s">
        <v>125154</v>
      </c>
    </row>
    <row r="36037" spans="1:10" x14ac:dyDescent="0.35">
      <c r="A36037" s="1" t="s">
        <v>9349</v>
      </c>
      <c r="B36037" s="1" t="s">
        <v>123106</v>
      </c>
      <c r="C36037" s="1" t="s">
        <v>170</v>
      </c>
      <c r="D36037" s="1" t="s">
        <v>75040</v>
      </c>
      <c r="E36037" s="1" t="s">
        <v>125155</v>
      </c>
      <c r="F36037" s="1" t="s">
        <v>125156</v>
      </c>
      <c r="G36037" s="1" t="s">
        <v>125051</v>
      </c>
      <c r="H36037" s="1" t="s">
        <v>125052</v>
      </c>
      <c r="I36037" s="1" t="s">
        <v>123111</v>
      </c>
      <c r="J36037" s="1" t="s">
        <v>125157</v>
      </c>
    </row>
    <row r="36038" spans="1:10" x14ac:dyDescent="0.35">
      <c r="A36038" s="1" t="s">
        <v>13218</v>
      </c>
      <c r="B36038" s="1" t="s">
        <v>123106</v>
      </c>
      <c r="C36038" s="1" t="s">
        <v>8</v>
      </c>
      <c r="D36038" s="1" t="s">
        <v>47765</v>
      </c>
      <c r="E36038" s="1" t="s">
        <v>125158</v>
      </c>
      <c r="F36038" s="1" t="s">
        <v>125159</v>
      </c>
      <c r="G36038" s="1" t="s">
        <v>125160</v>
      </c>
      <c r="H36038" s="1" t="s">
        <v>125161</v>
      </c>
      <c r="I36038" s="1" t="s">
        <v>123111</v>
      </c>
      <c r="J36038" s="1" t="s">
        <v>13</v>
      </c>
    </row>
    <row r="36039" spans="1:10" x14ac:dyDescent="0.35">
      <c r="A36039" s="1" t="s">
        <v>13218</v>
      </c>
      <c r="B36039" s="1" t="s">
        <v>123106</v>
      </c>
      <c r="C36039" s="1" t="s">
        <v>15</v>
      </c>
      <c r="D36039" s="1" t="s">
        <v>117562</v>
      </c>
      <c r="E36039" s="1" t="s">
        <v>125162</v>
      </c>
      <c r="F36039" s="1" t="s">
        <v>125163</v>
      </c>
      <c r="G36039" s="1" t="s">
        <v>125160</v>
      </c>
      <c r="H36039" s="1" t="s">
        <v>125161</v>
      </c>
      <c r="I36039" s="1" t="s">
        <v>123111</v>
      </c>
      <c r="J36039" s="1" t="s">
        <v>125164</v>
      </c>
    </row>
    <row r="36040" spans="1:10" x14ac:dyDescent="0.35">
      <c r="A36040" s="1" t="s">
        <v>13218</v>
      </c>
      <c r="B36040" s="1" t="s">
        <v>123106</v>
      </c>
      <c r="C36040" s="1" t="s">
        <v>20</v>
      </c>
      <c r="D36040" s="1" t="s">
        <v>45928</v>
      </c>
      <c r="E36040" s="1" t="s">
        <v>125165</v>
      </c>
      <c r="F36040" s="1" t="s">
        <v>125166</v>
      </c>
      <c r="G36040" s="1" t="s">
        <v>125160</v>
      </c>
      <c r="H36040" s="1" t="s">
        <v>125161</v>
      </c>
      <c r="I36040" s="1" t="s">
        <v>123111</v>
      </c>
      <c r="J36040" s="1" t="s">
        <v>125167</v>
      </c>
    </row>
    <row r="36041" spans="1:10" x14ac:dyDescent="0.35">
      <c r="A36041" s="1" t="s">
        <v>13218</v>
      </c>
      <c r="B36041" s="1" t="s">
        <v>123106</v>
      </c>
      <c r="C36041" s="1" t="s">
        <v>25</v>
      </c>
      <c r="D36041" s="1" t="s">
        <v>10570</v>
      </c>
      <c r="E36041" s="1" t="s">
        <v>125168</v>
      </c>
      <c r="F36041" s="1" t="s">
        <v>125169</v>
      </c>
      <c r="G36041" s="1" t="s">
        <v>125160</v>
      </c>
      <c r="H36041" s="1" t="s">
        <v>125161</v>
      </c>
      <c r="I36041" s="1" t="s">
        <v>123111</v>
      </c>
      <c r="J36041" s="1" t="s">
        <v>125170</v>
      </c>
    </row>
    <row r="36042" spans="1:10" x14ac:dyDescent="0.35">
      <c r="A36042" s="1" t="s">
        <v>13218</v>
      </c>
      <c r="B36042" s="1" t="s">
        <v>123106</v>
      </c>
      <c r="C36042" s="1" t="s">
        <v>30</v>
      </c>
      <c r="D36042" s="1" t="s">
        <v>125171</v>
      </c>
      <c r="E36042" s="1" t="s">
        <v>125172</v>
      </c>
      <c r="F36042" s="1" t="s">
        <v>125173</v>
      </c>
      <c r="G36042" s="1" t="s">
        <v>125160</v>
      </c>
      <c r="H36042" s="1" t="s">
        <v>125161</v>
      </c>
      <c r="I36042" s="1" t="s">
        <v>123111</v>
      </c>
      <c r="J36042" s="1" t="s">
        <v>125174</v>
      </c>
    </row>
    <row r="36043" spans="1:10" x14ac:dyDescent="0.35">
      <c r="A36043" s="1" t="s">
        <v>13218</v>
      </c>
      <c r="B36043" s="1" t="s">
        <v>123106</v>
      </c>
      <c r="C36043" s="1" t="s">
        <v>35</v>
      </c>
      <c r="D36043" s="1" t="s">
        <v>125175</v>
      </c>
      <c r="E36043" s="1" t="s">
        <v>125176</v>
      </c>
      <c r="F36043" s="1" t="s">
        <v>125177</v>
      </c>
      <c r="G36043" s="1" t="s">
        <v>125160</v>
      </c>
      <c r="H36043" s="1" t="s">
        <v>125161</v>
      </c>
      <c r="I36043" s="1" t="s">
        <v>123111</v>
      </c>
      <c r="J36043" s="1" t="s">
        <v>125178</v>
      </c>
    </row>
    <row r="36044" spans="1:10" x14ac:dyDescent="0.35">
      <c r="A36044" s="1" t="s">
        <v>13218</v>
      </c>
      <c r="B36044" s="1" t="s">
        <v>123106</v>
      </c>
      <c r="C36044" s="1" t="s">
        <v>40</v>
      </c>
      <c r="D36044" s="1" t="s">
        <v>125179</v>
      </c>
      <c r="E36044" s="1" t="s">
        <v>125180</v>
      </c>
      <c r="F36044" s="1" t="s">
        <v>125181</v>
      </c>
      <c r="G36044" s="1" t="s">
        <v>125160</v>
      </c>
      <c r="H36044" s="1" t="s">
        <v>125161</v>
      </c>
      <c r="I36044" s="1" t="s">
        <v>123111</v>
      </c>
      <c r="J36044" s="1" t="s">
        <v>125182</v>
      </c>
    </row>
    <row r="36045" spans="1:10" x14ac:dyDescent="0.35">
      <c r="A36045" s="1" t="s">
        <v>13218</v>
      </c>
      <c r="B36045" s="1" t="s">
        <v>123106</v>
      </c>
      <c r="C36045" s="1" t="s">
        <v>45</v>
      </c>
      <c r="D36045" s="1" t="s">
        <v>125183</v>
      </c>
      <c r="E36045" s="1" t="s">
        <v>125184</v>
      </c>
      <c r="F36045" s="1" t="s">
        <v>125185</v>
      </c>
      <c r="G36045" s="1" t="s">
        <v>125160</v>
      </c>
      <c r="H36045" s="1" t="s">
        <v>125161</v>
      </c>
      <c r="I36045" s="1" t="s">
        <v>123111</v>
      </c>
      <c r="J36045" s="1" t="s">
        <v>125186</v>
      </c>
    </row>
    <row r="36046" spans="1:10" x14ac:dyDescent="0.35">
      <c r="A36046" s="1" t="s">
        <v>13218</v>
      </c>
      <c r="B36046" s="1" t="s">
        <v>123106</v>
      </c>
      <c r="C36046" s="1" t="s">
        <v>50</v>
      </c>
      <c r="D36046" s="1" t="s">
        <v>105140</v>
      </c>
      <c r="E36046" s="1" t="s">
        <v>125187</v>
      </c>
      <c r="F36046" s="1" t="s">
        <v>125188</v>
      </c>
      <c r="G36046" s="1" t="s">
        <v>125160</v>
      </c>
      <c r="H36046" s="1" t="s">
        <v>125161</v>
      </c>
      <c r="I36046" s="1" t="s">
        <v>123111</v>
      </c>
      <c r="J36046" s="1" t="s">
        <v>125189</v>
      </c>
    </row>
    <row r="36047" spans="1:10" x14ac:dyDescent="0.35">
      <c r="A36047" s="1" t="s">
        <v>13218</v>
      </c>
      <c r="B36047" s="1" t="s">
        <v>123106</v>
      </c>
      <c r="C36047" s="1" t="s">
        <v>55</v>
      </c>
      <c r="D36047" s="1" t="s">
        <v>125190</v>
      </c>
      <c r="E36047" s="1" t="s">
        <v>125191</v>
      </c>
      <c r="F36047" s="1" t="s">
        <v>125192</v>
      </c>
      <c r="G36047" s="1" t="s">
        <v>125160</v>
      </c>
      <c r="H36047" s="1" t="s">
        <v>125161</v>
      </c>
      <c r="I36047" s="1" t="s">
        <v>123111</v>
      </c>
      <c r="J36047" s="1" t="s">
        <v>125193</v>
      </c>
    </row>
    <row r="36048" spans="1:10" x14ac:dyDescent="0.35">
      <c r="A36048" s="1" t="s">
        <v>13218</v>
      </c>
      <c r="B36048" s="1" t="s">
        <v>123106</v>
      </c>
      <c r="C36048" s="1" t="s">
        <v>60</v>
      </c>
      <c r="D36048" s="1" t="s">
        <v>33050</v>
      </c>
      <c r="E36048" s="1" t="s">
        <v>125194</v>
      </c>
      <c r="F36048" s="1" t="s">
        <v>125195</v>
      </c>
      <c r="G36048" s="1" t="s">
        <v>125160</v>
      </c>
      <c r="H36048" s="1" t="s">
        <v>125161</v>
      </c>
      <c r="I36048" s="1" t="s">
        <v>123111</v>
      </c>
      <c r="J36048" s="1" t="s">
        <v>125196</v>
      </c>
    </row>
    <row r="36049" spans="1:10" x14ac:dyDescent="0.35">
      <c r="A36049" s="1" t="s">
        <v>13218</v>
      </c>
      <c r="B36049" s="1" t="s">
        <v>123106</v>
      </c>
      <c r="C36049" s="1" t="s">
        <v>65</v>
      </c>
      <c r="D36049" s="1" t="s">
        <v>36524</v>
      </c>
      <c r="E36049" s="1" t="s">
        <v>125197</v>
      </c>
      <c r="F36049" s="1" t="s">
        <v>125198</v>
      </c>
      <c r="G36049" s="1" t="s">
        <v>125160</v>
      </c>
      <c r="H36049" s="1" t="s">
        <v>125161</v>
      </c>
      <c r="I36049" s="1" t="s">
        <v>123111</v>
      </c>
      <c r="J36049" s="1" t="s">
        <v>125199</v>
      </c>
    </row>
    <row r="36050" spans="1:10" x14ac:dyDescent="0.35">
      <c r="A36050" s="1" t="s">
        <v>13218</v>
      </c>
      <c r="B36050" s="1" t="s">
        <v>123106</v>
      </c>
      <c r="C36050" s="1" t="s">
        <v>70</v>
      </c>
      <c r="D36050" s="1" t="s">
        <v>125200</v>
      </c>
      <c r="E36050" s="1" t="s">
        <v>125201</v>
      </c>
      <c r="F36050" s="1" t="s">
        <v>125202</v>
      </c>
      <c r="G36050" s="1" t="s">
        <v>125160</v>
      </c>
      <c r="H36050" s="1" t="s">
        <v>125161</v>
      </c>
      <c r="I36050" s="1" t="s">
        <v>123111</v>
      </c>
      <c r="J36050" s="1" t="s">
        <v>125203</v>
      </c>
    </row>
    <row r="36051" spans="1:10" x14ac:dyDescent="0.35">
      <c r="A36051" s="1" t="s">
        <v>13218</v>
      </c>
      <c r="B36051" s="1" t="s">
        <v>123106</v>
      </c>
      <c r="C36051" s="1" t="s">
        <v>75</v>
      </c>
      <c r="D36051" s="1" t="s">
        <v>125204</v>
      </c>
      <c r="E36051" s="1" t="s">
        <v>125205</v>
      </c>
      <c r="F36051" s="1" t="s">
        <v>125206</v>
      </c>
      <c r="G36051" s="1" t="s">
        <v>125160</v>
      </c>
      <c r="H36051" s="1" t="s">
        <v>125161</v>
      </c>
      <c r="I36051" s="1" t="s">
        <v>123111</v>
      </c>
      <c r="J36051" s="1" t="s">
        <v>125207</v>
      </c>
    </row>
    <row r="36052" spans="1:10" x14ac:dyDescent="0.35">
      <c r="A36052" s="1" t="s">
        <v>13218</v>
      </c>
      <c r="B36052" s="1" t="s">
        <v>123106</v>
      </c>
      <c r="C36052" s="1" t="s">
        <v>80</v>
      </c>
      <c r="D36052" s="1" t="s">
        <v>125208</v>
      </c>
      <c r="E36052" s="1" t="s">
        <v>125209</v>
      </c>
      <c r="F36052" s="1" t="s">
        <v>125210</v>
      </c>
      <c r="G36052" s="1" t="s">
        <v>125160</v>
      </c>
      <c r="H36052" s="1" t="s">
        <v>125161</v>
      </c>
      <c r="I36052" s="1" t="s">
        <v>123111</v>
      </c>
      <c r="J36052" s="1" t="s">
        <v>125211</v>
      </c>
    </row>
    <row r="36053" spans="1:10" x14ac:dyDescent="0.35">
      <c r="A36053" s="1" t="s">
        <v>13218</v>
      </c>
      <c r="B36053" s="1" t="s">
        <v>123106</v>
      </c>
      <c r="C36053" s="1" t="s">
        <v>85</v>
      </c>
      <c r="D36053" s="1" t="s">
        <v>125212</v>
      </c>
      <c r="E36053" s="1" t="s">
        <v>125213</v>
      </c>
      <c r="F36053" s="1" t="s">
        <v>125214</v>
      </c>
      <c r="G36053" s="1" t="s">
        <v>125160</v>
      </c>
      <c r="H36053" s="1" t="s">
        <v>125161</v>
      </c>
      <c r="I36053" s="1" t="s">
        <v>123111</v>
      </c>
      <c r="J36053" s="1" t="s">
        <v>125215</v>
      </c>
    </row>
    <row r="36054" spans="1:10" x14ac:dyDescent="0.35">
      <c r="A36054" s="1" t="s">
        <v>13218</v>
      </c>
      <c r="B36054" s="1" t="s">
        <v>123106</v>
      </c>
      <c r="C36054" s="1" t="s">
        <v>90</v>
      </c>
      <c r="D36054" s="1" t="s">
        <v>125216</v>
      </c>
      <c r="E36054" s="1" t="s">
        <v>125217</v>
      </c>
      <c r="F36054" s="1" t="s">
        <v>125218</v>
      </c>
      <c r="G36054" s="1" t="s">
        <v>125160</v>
      </c>
      <c r="H36054" s="1" t="s">
        <v>125161</v>
      </c>
      <c r="I36054" s="1" t="s">
        <v>123111</v>
      </c>
      <c r="J36054" s="1" t="s">
        <v>125219</v>
      </c>
    </row>
    <row r="36055" spans="1:10" x14ac:dyDescent="0.35">
      <c r="A36055" s="1" t="s">
        <v>13218</v>
      </c>
      <c r="B36055" s="1" t="s">
        <v>123106</v>
      </c>
      <c r="C36055" s="1" t="s">
        <v>95</v>
      </c>
      <c r="D36055" s="1" t="s">
        <v>125220</v>
      </c>
      <c r="E36055" s="1" t="s">
        <v>125221</v>
      </c>
      <c r="F36055" s="1" t="s">
        <v>125222</v>
      </c>
      <c r="G36055" s="1" t="s">
        <v>125160</v>
      </c>
      <c r="H36055" s="1" t="s">
        <v>125161</v>
      </c>
      <c r="I36055" s="1" t="s">
        <v>123111</v>
      </c>
      <c r="J36055" s="1" t="s">
        <v>125223</v>
      </c>
    </row>
    <row r="36056" spans="1:10" x14ac:dyDescent="0.35">
      <c r="A36056" s="1" t="s">
        <v>13218</v>
      </c>
      <c r="B36056" s="1" t="s">
        <v>123106</v>
      </c>
      <c r="C36056" s="1" t="s">
        <v>100</v>
      </c>
      <c r="D36056" s="1" t="s">
        <v>125224</v>
      </c>
      <c r="E36056" s="1" t="s">
        <v>125225</v>
      </c>
      <c r="F36056" s="1" t="s">
        <v>125226</v>
      </c>
      <c r="G36056" s="1" t="s">
        <v>125160</v>
      </c>
      <c r="H36056" s="1" t="s">
        <v>125161</v>
      </c>
      <c r="I36056" s="1" t="s">
        <v>123111</v>
      </c>
      <c r="J36056" s="1" t="s">
        <v>125227</v>
      </c>
    </row>
    <row r="36057" spans="1:10" x14ac:dyDescent="0.35">
      <c r="A36057" s="1" t="s">
        <v>13218</v>
      </c>
      <c r="B36057" s="1" t="s">
        <v>123106</v>
      </c>
      <c r="C36057" s="1" t="s">
        <v>105</v>
      </c>
      <c r="D36057" s="1" t="s">
        <v>125228</v>
      </c>
      <c r="E36057" s="1" t="s">
        <v>125229</v>
      </c>
      <c r="F36057" s="1" t="s">
        <v>125230</v>
      </c>
      <c r="G36057" s="1" t="s">
        <v>125160</v>
      </c>
      <c r="H36057" s="1" t="s">
        <v>125161</v>
      </c>
      <c r="I36057" s="1" t="s">
        <v>123111</v>
      </c>
      <c r="J36057" s="1" t="s">
        <v>125231</v>
      </c>
    </row>
    <row r="36058" spans="1:10" x14ac:dyDescent="0.35">
      <c r="A36058" s="1" t="s">
        <v>13218</v>
      </c>
      <c r="B36058" s="1" t="s">
        <v>123106</v>
      </c>
      <c r="C36058" s="1" t="s">
        <v>110</v>
      </c>
      <c r="D36058" s="1" t="s">
        <v>125232</v>
      </c>
      <c r="E36058" s="1" t="s">
        <v>125233</v>
      </c>
      <c r="F36058" s="1" t="s">
        <v>125234</v>
      </c>
      <c r="G36058" s="1" t="s">
        <v>125160</v>
      </c>
      <c r="H36058" s="1" t="s">
        <v>125161</v>
      </c>
      <c r="I36058" s="1" t="s">
        <v>123111</v>
      </c>
      <c r="J36058" s="1" t="s">
        <v>125235</v>
      </c>
    </row>
    <row r="36059" spans="1:10" x14ac:dyDescent="0.35">
      <c r="A36059" s="1" t="s">
        <v>13218</v>
      </c>
      <c r="B36059" s="1" t="s">
        <v>123106</v>
      </c>
      <c r="C36059" s="1" t="s">
        <v>115</v>
      </c>
      <c r="D36059" s="1" t="s">
        <v>125236</v>
      </c>
      <c r="E36059" s="1" t="s">
        <v>125237</v>
      </c>
      <c r="F36059" s="1" t="s">
        <v>125238</v>
      </c>
      <c r="G36059" s="1" t="s">
        <v>125160</v>
      </c>
      <c r="H36059" s="1" t="s">
        <v>125161</v>
      </c>
      <c r="I36059" s="1" t="s">
        <v>123111</v>
      </c>
      <c r="J36059" s="1" t="s">
        <v>125239</v>
      </c>
    </row>
    <row r="36060" spans="1:10" x14ac:dyDescent="0.35">
      <c r="A36060" s="1" t="s">
        <v>13218</v>
      </c>
      <c r="B36060" s="1" t="s">
        <v>123106</v>
      </c>
      <c r="C36060" s="1" t="s">
        <v>120</v>
      </c>
      <c r="D36060" s="1" t="s">
        <v>18111</v>
      </c>
      <c r="E36060" s="1" t="s">
        <v>125240</v>
      </c>
      <c r="F36060" s="1" t="s">
        <v>125241</v>
      </c>
      <c r="G36060" s="1" t="s">
        <v>125160</v>
      </c>
      <c r="H36060" s="1" t="s">
        <v>125161</v>
      </c>
      <c r="I36060" s="1" t="s">
        <v>123111</v>
      </c>
      <c r="J36060" s="1" t="s">
        <v>125242</v>
      </c>
    </row>
    <row r="36061" spans="1:10" x14ac:dyDescent="0.35">
      <c r="A36061" s="1" t="s">
        <v>13218</v>
      </c>
      <c r="B36061" s="1" t="s">
        <v>123106</v>
      </c>
      <c r="C36061" s="1" t="s">
        <v>125</v>
      </c>
      <c r="D36061" s="1" t="s">
        <v>125243</v>
      </c>
      <c r="E36061" s="1" t="s">
        <v>125244</v>
      </c>
      <c r="F36061" s="1" t="s">
        <v>125245</v>
      </c>
      <c r="G36061" s="1" t="s">
        <v>125160</v>
      </c>
      <c r="H36061" s="1" t="s">
        <v>125161</v>
      </c>
      <c r="I36061" s="1" t="s">
        <v>123111</v>
      </c>
      <c r="J36061" s="1" t="s">
        <v>125246</v>
      </c>
    </row>
    <row r="36062" spans="1:10" x14ac:dyDescent="0.35">
      <c r="A36062" s="1" t="s">
        <v>13218</v>
      </c>
      <c r="B36062" s="1" t="s">
        <v>123106</v>
      </c>
      <c r="C36062" s="1" t="s">
        <v>130</v>
      </c>
      <c r="D36062" s="1" t="s">
        <v>109386</v>
      </c>
      <c r="E36062" s="1" t="s">
        <v>125247</v>
      </c>
      <c r="F36062" s="1" t="s">
        <v>125248</v>
      </c>
      <c r="G36062" s="1" t="s">
        <v>125160</v>
      </c>
      <c r="H36062" s="1" t="s">
        <v>125161</v>
      </c>
      <c r="I36062" s="1" t="s">
        <v>123111</v>
      </c>
      <c r="J36062" s="1" t="s">
        <v>125249</v>
      </c>
    </row>
    <row r="36063" spans="1:10" x14ac:dyDescent="0.35">
      <c r="A36063" s="1" t="s">
        <v>13218</v>
      </c>
      <c r="B36063" s="1" t="s">
        <v>123106</v>
      </c>
      <c r="C36063" s="1" t="s">
        <v>135</v>
      </c>
      <c r="D36063" s="1" t="s">
        <v>125250</v>
      </c>
      <c r="E36063" s="1" t="s">
        <v>125251</v>
      </c>
      <c r="F36063" s="1" t="s">
        <v>125252</v>
      </c>
      <c r="G36063" s="1" t="s">
        <v>125160</v>
      </c>
      <c r="H36063" s="1" t="s">
        <v>125161</v>
      </c>
      <c r="I36063" s="1" t="s">
        <v>123111</v>
      </c>
      <c r="J36063" s="1" t="s">
        <v>125253</v>
      </c>
    </row>
    <row r="36064" spans="1:10" x14ac:dyDescent="0.35">
      <c r="A36064" s="1" t="s">
        <v>13218</v>
      </c>
      <c r="B36064" s="1" t="s">
        <v>123106</v>
      </c>
      <c r="C36064" s="1" t="s">
        <v>140</v>
      </c>
      <c r="D36064" s="1" t="s">
        <v>125254</v>
      </c>
      <c r="E36064" s="1" t="s">
        <v>125255</v>
      </c>
      <c r="F36064" s="1" t="s">
        <v>125256</v>
      </c>
      <c r="G36064" s="1" t="s">
        <v>125160</v>
      </c>
      <c r="H36064" s="1" t="s">
        <v>125161</v>
      </c>
      <c r="I36064" s="1" t="s">
        <v>123111</v>
      </c>
      <c r="J36064" s="1" t="s">
        <v>125257</v>
      </c>
    </row>
    <row r="36065" spans="1:10" x14ac:dyDescent="0.35">
      <c r="A36065" s="1" t="s">
        <v>13218</v>
      </c>
      <c r="B36065" s="1" t="s">
        <v>123106</v>
      </c>
      <c r="C36065" s="1" t="s">
        <v>145</v>
      </c>
      <c r="D36065" s="1" t="s">
        <v>125258</v>
      </c>
      <c r="E36065" s="1" t="s">
        <v>125259</v>
      </c>
      <c r="F36065" s="1" t="s">
        <v>125260</v>
      </c>
      <c r="G36065" s="1" t="s">
        <v>125160</v>
      </c>
      <c r="H36065" s="1" t="s">
        <v>125161</v>
      </c>
      <c r="I36065" s="1" t="s">
        <v>123111</v>
      </c>
      <c r="J36065" s="1" t="s">
        <v>125261</v>
      </c>
    </row>
    <row r="36066" spans="1:10" x14ac:dyDescent="0.35">
      <c r="A36066" s="1" t="s">
        <v>13218</v>
      </c>
      <c r="B36066" s="1" t="s">
        <v>123106</v>
      </c>
      <c r="C36066" s="1" t="s">
        <v>150</v>
      </c>
      <c r="D36066" s="1" t="s">
        <v>50443</v>
      </c>
      <c r="E36066" s="1" t="s">
        <v>125262</v>
      </c>
      <c r="F36066" s="1" t="s">
        <v>125263</v>
      </c>
      <c r="G36066" s="1" t="s">
        <v>125160</v>
      </c>
      <c r="H36066" s="1" t="s">
        <v>125161</v>
      </c>
      <c r="I36066" s="1" t="s">
        <v>123111</v>
      </c>
      <c r="J36066" s="1" t="s">
        <v>125264</v>
      </c>
    </row>
    <row r="36067" spans="1:10" x14ac:dyDescent="0.35">
      <c r="A36067" s="1" t="s">
        <v>13218</v>
      </c>
      <c r="B36067" s="1" t="s">
        <v>123106</v>
      </c>
      <c r="C36067" s="1" t="s">
        <v>155</v>
      </c>
      <c r="D36067" s="1" t="s">
        <v>125265</v>
      </c>
      <c r="E36067" s="1" t="s">
        <v>125266</v>
      </c>
      <c r="F36067" s="1" t="s">
        <v>125267</v>
      </c>
      <c r="G36067" s="1" t="s">
        <v>125160</v>
      </c>
      <c r="H36067" s="1" t="s">
        <v>125161</v>
      </c>
      <c r="I36067" s="1" t="s">
        <v>123111</v>
      </c>
      <c r="J36067" s="1" t="s">
        <v>125268</v>
      </c>
    </row>
    <row r="36068" spans="1:10" x14ac:dyDescent="0.35">
      <c r="A36068" s="1" t="s">
        <v>13218</v>
      </c>
      <c r="B36068" s="1" t="s">
        <v>123106</v>
      </c>
      <c r="C36068" s="1" t="s">
        <v>160</v>
      </c>
      <c r="D36068" s="1" t="s">
        <v>125269</v>
      </c>
      <c r="E36068" s="1" t="s">
        <v>125270</v>
      </c>
      <c r="F36068" s="1" t="s">
        <v>125271</v>
      </c>
      <c r="G36068" s="1" t="s">
        <v>125160</v>
      </c>
      <c r="H36068" s="1" t="s">
        <v>125161</v>
      </c>
      <c r="I36068" s="1" t="s">
        <v>123111</v>
      </c>
      <c r="J36068" s="1" t="s">
        <v>125272</v>
      </c>
    </row>
    <row r="36069" spans="1:10" x14ac:dyDescent="0.35">
      <c r="A36069" s="1" t="s">
        <v>13218</v>
      </c>
      <c r="B36069" s="1" t="s">
        <v>123106</v>
      </c>
      <c r="C36069" s="1" t="s">
        <v>165</v>
      </c>
      <c r="D36069" s="1" t="s">
        <v>125273</v>
      </c>
      <c r="E36069" s="1" t="s">
        <v>125274</v>
      </c>
      <c r="F36069" s="1" t="s">
        <v>125275</v>
      </c>
      <c r="G36069" s="1" t="s">
        <v>125160</v>
      </c>
      <c r="H36069" s="1" t="s">
        <v>125161</v>
      </c>
      <c r="I36069" s="1" t="s">
        <v>123111</v>
      </c>
      <c r="J36069" s="1" t="s">
        <v>125276</v>
      </c>
    </row>
    <row r="36070" spans="1:10" x14ac:dyDescent="0.35">
      <c r="A36070" s="1" t="s">
        <v>13218</v>
      </c>
      <c r="B36070" s="1" t="s">
        <v>123106</v>
      </c>
      <c r="C36070" s="1" t="s">
        <v>170</v>
      </c>
      <c r="D36070" s="1" t="s">
        <v>38017</v>
      </c>
      <c r="E36070" s="1" t="s">
        <v>125277</v>
      </c>
      <c r="F36070" s="1" t="s">
        <v>125278</v>
      </c>
      <c r="G36070" s="1" t="s">
        <v>125160</v>
      </c>
      <c r="H36070" s="1" t="s">
        <v>125161</v>
      </c>
      <c r="I36070" s="1" t="s">
        <v>123111</v>
      </c>
      <c r="J36070" s="1" t="s">
        <v>125279</v>
      </c>
    </row>
    <row r="36071" spans="1:10" x14ac:dyDescent="0.35">
      <c r="A36071" s="1" t="s">
        <v>125280</v>
      </c>
      <c r="B36071" s="1" t="s">
        <v>123106</v>
      </c>
      <c r="C36071" s="1" t="s">
        <v>8</v>
      </c>
      <c r="D36071" s="1" t="s">
        <v>125281</v>
      </c>
      <c r="E36071" s="1" t="s">
        <v>125282</v>
      </c>
      <c r="F36071" s="1" t="s">
        <v>125283</v>
      </c>
      <c r="G36071" s="1" t="s">
        <v>125284</v>
      </c>
      <c r="H36071" s="1" t="s">
        <v>125285</v>
      </c>
      <c r="I36071" s="1" t="s">
        <v>123111</v>
      </c>
      <c r="J36071" s="1" t="s">
        <v>13</v>
      </c>
    </row>
    <row r="36072" spans="1:10" x14ac:dyDescent="0.35">
      <c r="A36072" s="1" t="s">
        <v>125280</v>
      </c>
      <c r="B36072" s="1" t="s">
        <v>123106</v>
      </c>
      <c r="C36072" s="1" t="s">
        <v>15</v>
      </c>
      <c r="D36072" s="1" t="s">
        <v>125286</v>
      </c>
      <c r="E36072" s="1" t="s">
        <v>125287</v>
      </c>
      <c r="F36072" s="1" t="s">
        <v>125288</v>
      </c>
      <c r="G36072" s="1" t="s">
        <v>125284</v>
      </c>
      <c r="H36072" s="1" t="s">
        <v>125285</v>
      </c>
      <c r="I36072" s="1" t="s">
        <v>123111</v>
      </c>
      <c r="J36072" s="1" t="s">
        <v>125289</v>
      </c>
    </row>
    <row r="36073" spans="1:10" x14ac:dyDescent="0.35">
      <c r="A36073" s="1" t="s">
        <v>125280</v>
      </c>
      <c r="B36073" s="1" t="s">
        <v>123106</v>
      </c>
      <c r="C36073" s="1" t="s">
        <v>20</v>
      </c>
      <c r="D36073" s="1" t="s">
        <v>125290</v>
      </c>
      <c r="E36073" s="1" t="s">
        <v>125291</v>
      </c>
      <c r="F36073" s="1" t="s">
        <v>125292</v>
      </c>
      <c r="G36073" s="1" t="s">
        <v>125284</v>
      </c>
      <c r="H36073" s="1" t="s">
        <v>125285</v>
      </c>
      <c r="I36073" s="1" t="s">
        <v>123111</v>
      </c>
      <c r="J36073" s="1" t="s">
        <v>125293</v>
      </c>
    </row>
    <row r="36074" spans="1:10" x14ac:dyDescent="0.35">
      <c r="A36074" s="1" t="s">
        <v>125280</v>
      </c>
      <c r="B36074" s="1" t="s">
        <v>123106</v>
      </c>
      <c r="C36074" s="1" t="s">
        <v>25</v>
      </c>
      <c r="D36074" s="1" t="s">
        <v>125294</v>
      </c>
      <c r="E36074" s="1" t="s">
        <v>125295</v>
      </c>
      <c r="F36074" s="1" t="s">
        <v>125296</v>
      </c>
      <c r="G36074" s="1" t="s">
        <v>125284</v>
      </c>
      <c r="H36074" s="1" t="s">
        <v>125285</v>
      </c>
      <c r="I36074" s="1" t="s">
        <v>123111</v>
      </c>
      <c r="J36074" s="1" t="s">
        <v>125297</v>
      </c>
    </row>
    <row r="36075" spans="1:10" x14ac:dyDescent="0.35">
      <c r="A36075" s="1" t="s">
        <v>125280</v>
      </c>
      <c r="B36075" s="1" t="s">
        <v>123106</v>
      </c>
      <c r="C36075" s="1" t="s">
        <v>30</v>
      </c>
      <c r="D36075" s="1" t="s">
        <v>110135</v>
      </c>
      <c r="E36075" s="1" t="s">
        <v>125298</v>
      </c>
      <c r="F36075" s="1" t="s">
        <v>125299</v>
      </c>
      <c r="G36075" s="1" t="s">
        <v>125284</v>
      </c>
      <c r="H36075" s="1" t="s">
        <v>125285</v>
      </c>
      <c r="I36075" s="1" t="s">
        <v>123111</v>
      </c>
      <c r="J36075" s="1" t="s">
        <v>125300</v>
      </c>
    </row>
    <row r="36076" spans="1:10" x14ac:dyDescent="0.35">
      <c r="A36076" s="1" t="s">
        <v>125280</v>
      </c>
      <c r="B36076" s="1" t="s">
        <v>123106</v>
      </c>
      <c r="C36076" s="1" t="s">
        <v>35</v>
      </c>
      <c r="D36076" s="1" t="s">
        <v>48431</v>
      </c>
      <c r="E36076" s="1" t="s">
        <v>125301</v>
      </c>
      <c r="F36076" s="1" t="s">
        <v>125302</v>
      </c>
      <c r="G36076" s="1" t="s">
        <v>125284</v>
      </c>
      <c r="H36076" s="1" t="s">
        <v>125285</v>
      </c>
      <c r="I36076" s="1" t="s">
        <v>123111</v>
      </c>
      <c r="J36076" s="1" t="s">
        <v>125303</v>
      </c>
    </row>
    <row r="36077" spans="1:10" x14ac:dyDescent="0.35">
      <c r="A36077" s="1" t="s">
        <v>125280</v>
      </c>
      <c r="B36077" s="1" t="s">
        <v>123106</v>
      </c>
      <c r="C36077" s="1" t="s">
        <v>40</v>
      </c>
      <c r="D36077" s="1" t="s">
        <v>37070</v>
      </c>
      <c r="E36077" s="1" t="s">
        <v>125304</v>
      </c>
      <c r="F36077" s="1" t="s">
        <v>125305</v>
      </c>
      <c r="G36077" s="1" t="s">
        <v>125284</v>
      </c>
      <c r="H36077" s="1" t="s">
        <v>125285</v>
      </c>
      <c r="I36077" s="1" t="s">
        <v>123111</v>
      </c>
      <c r="J36077" s="1" t="s">
        <v>125306</v>
      </c>
    </row>
    <row r="36078" spans="1:10" x14ac:dyDescent="0.35">
      <c r="A36078" s="1" t="s">
        <v>125280</v>
      </c>
      <c r="B36078" s="1" t="s">
        <v>123106</v>
      </c>
      <c r="C36078" s="1" t="s">
        <v>45</v>
      </c>
      <c r="D36078" s="1" t="s">
        <v>38312</v>
      </c>
      <c r="E36078" s="1" t="s">
        <v>125307</v>
      </c>
      <c r="F36078" s="1" t="s">
        <v>125308</v>
      </c>
      <c r="G36078" s="1" t="s">
        <v>125284</v>
      </c>
      <c r="H36078" s="1" t="s">
        <v>125285</v>
      </c>
      <c r="I36078" s="1" t="s">
        <v>123111</v>
      </c>
      <c r="J36078" s="1" t="s">
        <v>125309</v>
      </c>
    </row>
    <row r="36079" spans="1:10" x14ac:dyDescent="0.35">
      <c r="A36079" s="1" t="s">
        <v>125280</v>
      </c>
      <c r="B36079" s="1" t="s">
        <v>123106</v>
      </c>
      <c r="C36079" s="1" t="s">
        <v>50</v>
      </c>
      <c r="D36079" s="1" t="s">
        <v>37621</v>
      </c>
      <c r="E36079" s="1" t="s">
        <v>125310</v>
      </c>
      <c r="F36079" s="1" t="s">
        <v>125311</v>
      </c>
      <c r="G36079" s="1" t="s">
        <v>125284</v>
      </c>
      <c r="H36079" s="1" t="s">
        <v>125285</v>
      </c>
      <c r="I36079" s="1" t="s">
        <v>123111</v>
      </c>
      <c r="J36079" s="1" t="s">
        <v>125312</v>
      </c>
    </row>
    <row r="36080" spans="1:10" x14ac:dyDescent="0.35">
      <c r="A36080" s="1" t="s">
        <v>125280</v>
      </c>
      <c r="B36080" s="1" t="s">
        <v>123106</v>
      </c>
      <c r="C36080" s="1" t="s">
        <v>55</v>
      </c>
      <c r="D36080" s="1" t="s">
        <v>112926</v>
      </c>
      <c r="E36080" s="1" t="s">
        <v>125313</v>
      </c>
      <c r="F36080" s="1" t="s">
        <v>125314</v>
      </c>
      <c r="G36080" s="1" t="s">
        <v>125284</v>
      </c>
      <c r="H36080" s="1" t="s">
        <v>125285</v>
      </c>
      <c r="I36080" s="1" t="s">
        <v>123111</v>
      </c>
      <c r="J36080" s="1" t="s">
        <v>125315</v>
      </c>
    </row>
    <row r="36081" spans="1:10" x14ac:dyDescent="0.35">
      <c r="A36081" s="1" t="s">
        <v>125280</v>
      </c>
      <c r="B36081" s="1" t="s">
        <v>123106</v>
      </c>
      <c r="C36081" s="1" t="s">
        <v>60</v>
      </c>
      <c r="D36081" s="1" t="s">
        <v>82183</v>
      </c>
      <c r="E36081" s="1" t="s">
        <v>125316</v>
      </c>
      <c r="F36081" s="1" t="s">
        <v>125317</v>
      </c>
      <c r="G36081" s="1" t="s">
        <v>125284</v>
      </c>
      <c r="H36081" s="1" t="s">
        <v>125285</v>
      </c>
      <c r="I36081" s="1" t="s">
        <v>123111</v>
      </c>
      <c r="J36081" s="1" t="s">
        <v>125318</v>
      </c>
    </row>
    <row r="36082" spans="1:10" x14ac:dyDescent="0.35">
      <c r="A36082" s="1" t="s">
        <v>125280</v>
      </c>
      <c r="B36082" s="1" t="s">
        <v>123106</v>
      </c>
      <c r="C36082" s="1" t="s">
        <v>65</v>
      </c>
      <c r="D36082" s="1" t="s">
        <v>8831</v>
      </c>
      <c r="E36082" s="1" t="s">
        <v>125319</v>
      </c>
      <c r="F36082" s="1" t="s">
        <v>125320</v>
      </c>
      <c r="G36082" s="1" t="s">
        <v>125284</v>
      </c>
      <c r="H36082" s="1" t="s">
        <v>125285</v>
      </c>
      <c r="I36082" s="1" t="s">
        <v>123111</v>
      </c>
      <c r="J36082" s="1" t="s">
        <v>125321</v>
      </c>
    </row>
    <row r="36083" spans="1:10" x14ac:dyDescent="0.35">
      <c r="A36083" s="1" t="s">
        <v>125280</v>
      </c>
      <c r="B36083" s="1" t="s">
        <v>123106</v>
      </c>
      <c r="C36083" s="1" t="s">
        <v>70</v>
      </c>
      <c r="D36083" s="1" t="s">
        <v>125322</v>
      </c>
      <c r="E36083" s="1" t="s">
        <v>125323</v>
      </c>
      <c r="F36083" s="1" t="s">
        <v>125324</v>
      </c>
      <c r="G36083" s="1" t="s">
        <v>125284</v>
      </c>
      <c r="H36083" s="1" t="s">
        <v>125285</v>
      </c>
      <c r="I36083" s="1" t="s">
        <v>123111</v>
      </c>
      <c r="J36083" s="1" t="s">
        <v>125325</v>
      </c>
    </row>
    <row r="36084" spans="1:10" x14ac:dyDescent="0.35">
      <c r="A36084" s="1" t="s">
        <v>125280</v>
      </c>
      <c r="B36084" s="1" t="s">
        <v>123106</v>
      </c>
      <c r="C36084" s="1" t="s">
        <v>75</v>
      </c>
      <c r="D36084" s="1" t="s">
        <v>125326</v>
      </c>
      <c r="E36084" s="1" t="s">
        <v>125327</v>
      </c>
      <c r="F36084" s="1" t="s">
        <v>125328</v>
      </c>
      <c r="G36084" s="1" t="s">
        <v>125284</v>
      </c>
      <c r="H36084" s="1" t="s">
        <v>125285</v>
      </c>
      <c r="I36084" s="1" t="s">
        <v>123111</v>
      </c>
      <c r="J36084" s="1" t="s">
        <v>125329</v>
      </c>
    </row>
    <row r="36085" spans="1:10" x14ac:dyDescent="0.35">
      <c r="A36085" s="1" t="s">
        <v>125280</v>
      </c>
      <c r="B36085" s="1" t="s">
        <v>123106</v>
      </c>
      <c r="C36085" s="1" t="s">
        <v>80</v>
      </c>
      <c r="D36085" s="1" t="s">
        <v>48123</v>
      </c>
      <c r="E36085" s="1" t="s">
        <v>125330</v>
      </c>
      <c r="F36085" s="1" t="s">
        <v>125331</v>
      </c>
      <c r="G36085" s="1" t="s">
        <v>125284</v>
      </c>
      <c r="H36085" s="1" t="s">
        <v>125285</v>
      </c>
      <c r="I36085" s="1" t="s">
        <v>123111</v>
      </c>
      <c r="J36085" s="1" t="s">
        <v>125332</v>
      </c>
    </row>
    <row r="36086" spans="1:10" x14ac:dyDescent="0.35">
      <c r="A36086" s="1" t="s">
        <v>125280</v>
      </c>
      <c r="B36086" s="1" t="s">
        <v>123106</v>
      </c>
      <c r="C36086" s="1" t="s">
        <v>85</v>
      </c>
      <c r="D36086" s="1" t="s">
        <v>43662</v>
      </c>
      <c r="E36086" s="1" t="s">
        <v>125333</v>
      </c>
      <c r="F36086" s="1" t="s">
        <v>125334</v>
      </c>
      <c r="G36086" s="1" t="s">
        <v>125284</v>
      </c>
      <c r="H36086" s="1" t="s">
        <v>125285</v>
      </c>
      <c r="I36086" s="1" t="s">
        <v>123111</v>
      </c>
      <c r="J36086" s="1" t="s">
        <v>125335</v>
      </c>
    </row>
    <row r="36087" spans="1:10" x14ac:dyDescent="0.35">
      <c r="A36087" s="1" t="s">
        <v>125280</v>
      </c>
      <c r="B36087" s="1" t="s">
        <v>123106</v>
      </c>
      <c r="C36087" s="1" t="s">
        <v>90</v>
      </c>
      <c r="D36087" s="1" t="s">
        <v>48127</v>
      </c>
      <c r="E36087" s="1" t="s">
        <v>125336</v>
      </c>
      <c r="F36087" s="1" t="s">
        <v>125337</v>
      </c>
      <c r="G36087" s="1" t="s">
        <v>125284</v>
      </c>
      <c r="H36087" s="1" t="s">
        <v>125285</v>
      </c>
      <c r="I36087" s="1" t="s">
        <v>123111</v>
      </c>
      <c r="J36087" s="1" t="s">
        <v>125338</v>
      </c>
    </row>
    <row r="36088" spans="1:10" x14ac:dyDescent="0.35">
      <c r="A36088" s="1" t="s">
        <v>125280</v>
      </c>
      <c r="B36088" s="1" t="s">
        <v>123106</v>
      </c>
      <c r="C36088" s="1" t="s">
        <v>95</v>
      </c>
      <c r="D36088" s="1" t="s">
        <v>125339</v>
      </c>
      <c r="E36088" s="1" t="s">
        <v>125340</v>
      </c>
      <c r="F36088" s="1" t="s">
        <v>125341</v>
      </c>
      <c r="G36088" s="1" t="s">
        <v>125284</v>
      </c>
      <c r="H36088" s="1" t="s">
        <v>125285</v>
      </c>
      <c r="I36088" s="1" t="s">
        <v>123111</v>
      </c>
      <c r="J36088" s="1" t="s">
        <v>125342</v>
      </c>
    </row>
    <row r="36089" spans="1:10" x14ac:dyDescent="0.35">
      <c r="A36089" s="1" t="s">
        <v>125280</v>
      </c>
      <c r="B36089" s="1" t="s">
        <v>123106</v>
      </c>
      <c r="C36089" s="1" t="s">
        <v>100</v>
      </c>
      <c r="D36089" s="1" t="s">
        <v>125343</v>
      </c>
      <c r="E36089" s="1" t="s">
        <v>125344</v>
      </c>
      <c r="F36089" s="1" t="s">
        <v>125345</v>
      </c>
      <c r="G36089" s="1" t="s">
        <v>125284</v>
      </c>
      <c r="H36089" s="1" t="s">
        <v>125285</v>
      </c>
      <c r="I36089" s="1" t="s">
        <v>123111</v>
      </c>
      <c r="J36089" s="1" t="s">
        <v>125346</v>
      </c>
    </row>
    <row r="36090" spans="1:10" x14ac:dyDescent="0.35">
      <c r="A36090" s="1" t="s">
        <v>125280</v>
      </c>
      <c r="B36090" s="1" t="s">
        <v>123106</v>
      </c>
      <c r="C36090" s="1" t="s">
        <v>105</v>
      </c>
      <c r="D36090" s="1" t="s">
        <v>30573</v>
      </c>
      <c r="E36090" s="1" t="s">
        <v>125347</v>
      </c>
      <c r="F36090" s="1" t="s">
        <v>125348</v>
      </c>
      <c r="G36090" s="1" t="s">
        <v>125284</v>
      </c>
      <c r="H36090" s="1" t="s">
        <v>125285</v>
      </c>
      <c r="I36090" s="1" t="s">
        <v>123111</v>
      </c>
      <c r="J36090" s="1" t="s">
        <v>125349</v>
      </c>
    </row>
    <row r="36091" spans="1:10" x14ac:dyDescent="0.35">
      <c r="A36091" s="1" t="s">
        <v>125280</v>
      </c>
      <c r="B36091" s="1" t="s">
        <v>123106</v>
      </c>
      <c r="C36091" s="1" t="s">
        <v>110</v>
      </c>
      <c r="D36091" s="1" t="s">
        <v>125350</v>
      </c>
      <c r="E36091" s="1" t="s">
        <v>125351</v>
      </c>
      <c r="F36091" s="1" t="s">
        <v>125352</v>
      </c>
      <c r="G36091" s="1" t="s">
        <v>125284</v>
      </c>
      <c r="H36091" s="1" t="s">
        <v>125285</v>
      </c>
      <c r="I36091" s="1" t="s">
        <v>123111</v>
      </c>
      <c r="J36091" s="1" t="s">
        <v>125353</v>
      </c>
    </row>
    <row r="36092" spans="1:10" x14ac:dyDescent="0.35">
      <c r="A36092" s="1" t="s">
        <v>125280</v>
      </c>
      <c r="B36092" s="1" t="s">
        <v>123106</v>
      </c>
      <c r="C36092" s="1" t="s">
        <v>115</v>
      </c>
      <c r="D36092" s="1" t="s">
        <v>125354</v>
      </c>
      <c r="E36092" s="1" t="s">
        <v>125355</v>
      </c>
      <c r="F36092" s="1" t="s">
        <v>125356</v>
      </c>
      <c r="G36092" s="1" t="s">
        <v>125284</v>
      </c>
      <c r="H36092" s="1" t="s">
        <v>125285</v>
      </c>
      <c r="I36092" s="1" t="s">
        <v>123111</v>
      </c>
      <c r="J36092" s="1" t="s">
        <v>125357</v>
      </c>
    </row>
    <row r="36093" spans="1:10" x14ac:dyDescent="0.35">
      <c r="A36093" s="1" t="s">
        <v>125280</v>
      </c>
      <c r="B36093" s="1" t="s">
        <v>123106</v>
      </c>
      <c r="C36093" s="1" t="s">
        <v>120</v>
      </c>
      <c r="D36093" s="1" t="s">
        <v>123189</v>
      </c>
      <c r="E36093" s="1" t="s">
        <v>125358</v>
      </c>
      <c r="F36093" s="1" t="s">
        <v>125359</v>
      </c>
      <c r="G36093" s="1" t="s">
        <v>125284</v>
      </c>
      <c r="H36093" s="1" t="s">
        <v>125285</v>
      </c>
      <c r="I36093" s="1" t="s">
        <v>123111</v>
      </c>
      <c r="J36093" s="1" t="s">
        <v>125360</v>
      </c>
    </row>
    <row r="36094" spans="1:10" x14ac:dyDescent="0.35">
      <c r="A36094" s="1" t="s">
        <v>125280</v>
      </c>
      <c r="B36094" s="1" t="s">
        <v>123106</v>
      </c>
      <c r="C36094" s="1" t="s">
        <v>125</v>
      </c>
      <c r="D36094" s="1" t="s">
        <v>125361</v>
      </c>
      <c r="E36094" s="1" t="s">
        <v>125362</v>
      </c>
      <c r="F36094" s="1" t="s">
        <v>125363</v>
      </c>
      <c r="G36094" s="1" t="s">
        <v>125284</v>
      </c>
      <c r="H36094" s="1" t="s">
        <v>125285</v>
      </c>
      <c r="I36094" s="1" t="s">
        <v>123111</v>
      </c>
      <c r="J36094" s="1" t="s">
        <v>125364</v>
      </c>
    </row>
    <row r="36095" spans="1:10" x14ac:dyDescent="0.35">
      <c r="A36095" s="1" t="s">
        <v>125280</v>
      </c>
      <c r="B36095" s="1" t="s">
        <v>123106</v>
      </c>
      <c r="C36095" s="1" t="s">
        <v>130</v>
      </c>
      <c r="D36095" s="1" t="s">
        <v>13557</v>
      </c>
      <c r="E36095" s="1" t="s">
        <v>125365</v>
      </c>
      <c r="F36095" s="1" t="s">
        <v>125366</v>
      </c>
      <c r="G36095" s="1" t="s">
        <v>125284</v>
      </c>
      <c r="H36095" s="1" t="s">
        <v>125285</v>
      </c>
      <c r="I36095" s="1" t="s">
        <v>123111</v>
      </c>
      <c r="J36095" s="1" t="s">
        <v>125367</v>
      </c>
    </row>
    <row r="36096" spans="1:10" x14ac:dyDescent="0.35">
      <c r="A36096" s="1" t="s">
        <v>125280</v>
      </c>
      <c r="B36096" s="1" t="s">
        <v>123106</v>
      </c>
      <c r="C36096" s="1" t="s">
        <v>135</v>
      </c>
      <c r="D36096" s="1" t="s">
        <v>125368</v>
      </c>
      <c r="E36096" s="1" t="s">
        <v>125369</v>
      </c>
      <c r="F36096" s="1" t="s">
        <v>125370</v>
      </c>
      <c r="G36096" s="1" t="s">
        <v>125284</v>
      </c>
      <c r="H36096" s="1" t="s">
        <v>125285</v>
      </c>
      <c r="I36096" s="1" t="s">
        <v>123111</v>
      </c>
      <c r="J36096" s="1" t="s">
        <v>125371</v>
      </c>
    </row>
    <row r="36097" spans="1:10" x14ac:dyDescent="0.35">
      <c r="A36097" s="1" t="s">
        <v>125280</v>
      </c>
      <c r="B36097" s="1" t="s">
        <v>123106</v>
      </c>
      <c r="C36097" s="1" t="s">
        <v>140</v>
      </c>
      <c r="D36097" s="1" t="s">
        <v>82560</v>
      </c>
      <c r="E36097" s="1" t="s">
        <v>125372</v>
      </c>
      <c r="F36097" s="1" t="s">
        <v>125373</v>
      </c>
      <c r="G36097" s="1" t="s">
        <v>125284</v>
      </c>
      <c r="H36097" s="1" t="s">
        <v>125285</v>
      </c>
      <c r="I36097" s="1" t="s">
        <v>123111</v>
      </c>
      <c r="J36097" s="1" t="s">
        <v>125374</v>
      </c>
    </row>
    <row r="36098" spans="1:10" x14ac:dyDescent="0.35">
      <c r="A36098" s="1" t="s">
        <v>125280</v>
      </c>
      <c r="B36098" s="1" t="s">
        <v>123106</v>
      </c>
      <c r="C36098" s="1" t="s">
        <v>145</v>
      </c>
      <c r="D36098" s="1" t="s">
        <v>125375</v>
      </c>
      <c r="E36098" s="1" t="s">
        <v>125376</v>
      </c>
      <c r="F36098" s="1" t="s">
        <v>125377</v>
      </c>
      <c r="G36098" s="1" t="s">
        <v>125284</v>
      </c>
      <c r="H36098" s="1" t="s">
        <v>125285</v>
      </c>
      <c r="I36098" s="1" t="s">
        <v>123111</v>
      </c>
      <c r="J36098" s="1" t="s">
        <v>125378</v>
      </c>
    </row>
    <row r="36099" spans="1:10" x14ac:dyDescent="0.35">
      <c r="A36099" s="1" t="s">
        <v>125280</v>
      </c>
      <c r="B36099" s="1" t="s">
        <v>123106</v>
      </c>
      <c r="C36099" s="1" t="s">
        <v>150</v>
      </c>
      <c r="D36099" s="1" t="s">
        <v>125379</v>
      </c>
      <c r="E36099" s="1" t="s">
        <v>125380</v>
      </c>
      <c r="F36099" s="1" t="s">
        <v>125381</v>
      </c>
      <c r="G36099" s="1" t="s">
        <v>125284</v>
      </c>
      <c r="H36099" s="1" t="s">
        <v>125285</v>
      </c>
      <c r="I36099" s="1" t="s">
        <v>123111</v>
      </c>
      <c r="J36099" s="1" t="s">
        <v>125382</v>
      </c>
    </row>
    <row r="36100" spans="1:10" x14ac:dyDescent="0.35">
      <c r="A36100" s="1" t="s">
        <v>125280</v>
      </c>
      <c r="B36100" s="1" t="s">
        <v>123106</v>
      </c>
      <c r="C36100" s="1" t="s">
        <v>155</v>
      </c>
      <c r="D36100" s="1" t="s">
        <v>13255</v>
      </c>
      <c r="E36100" s="1" t="s">
        <v>125383</v>
      </c>
      <c r="F36100" s="1" t="s">
        <v>125384</v>
      </c>
      <c r="G36100" s="1" t="s">
        <v>125284</v>
      </c>
      <c r="H36100" s="1" t="s">
        <v>125285</v>
      </c>
      <c r="I36100" s="1" t="s">
        <v>123111</v>
      </c>
      <c r="J36100" s="1" t="s">
        <v>125385</v>
      </c>
    </row>
    <row r="36101" spans="1:10" x14ac:dyDescent="0.35">
      <c r="A36101" s="1" t="s">
        <v>125280</v>
      </c>
      <c r="B36101" s="1" t="s">
        <v>123106</v>
      </c>
      <c r="C36101" s="1" t="s">
        <v>160</v>
      </c>
      <c r="D36101" s="1" t="s">
        <v>32027</v>
      </c>
      <c r="E36101" s="1" t="s">
        <v>125386</v>
      </c>
      <c r="F36101" s="1" t="s">
        <v>125387</v>
      </c>
      <c r="G36101" s="1" t="s">
        <v>125284</v>
      </c>
      <c r="H36101" s="1" t="s">
        <v>125285</v>
      </c>
      <c r="I36101" s="1" t="s">
        <v>123111</v>
      </c>
      <c r="J36101" s="1" t="s">
        <v>125388</v>
      </c>
    </row>
    <row r="36102" spans="1:10" x14ac:dyDescent="0.35">
      <c r="A36102" s="1" t="s">
        <v>125280</v>
      </c>
      <c r="B36102" s="1" t="s">
        <v>123106</v>
      </c>
      <c r="C36102" s="1" t="s">
        <v>165</v>
      </c>
      <c r="D36102" s="1" t="s">
        <v>125389</v>
      </c>
      <c r="E36102" s="1" t="s">
        <v>125390</v>
      </c>
      <c r="F36102" s="1" t="s">
        <v>125391</v>
      </c>
      <c r="G36102" s="1" t="s">
        <v>125284</v>
      </c>
      <c r="H36102" s="1" t="s">
        <v>125285</v>
      </c>
      <c r="I36102" s="1" t="s">
        <v>123111</v>
      </c>
      <c r="J36102" s="1" t="s">
        <v>125392</v>
      </c>
    </row>
    <row r="36103" spans="1:10" x14ac:dyDescent="0.35">
      <c r="A36103" s="1" t="s">
        <v>125280</v>
      </c>
      <c r="B36103" s="1" t="s">
        <v>123106</v>
      </c>
      <c r="C36103" s="1" t="s">
        <v>170</v>
      </c>
      <c r="D36103" s="1" t="s">
        <v>125393</v>
      </c>
      <c r="E36103" s="1" t="s">
        <v>125394</v>
      </c>
      <c r="F36103" s="1" t="s">
        <v>125395</v>
      </c>
      <c r="G36103" s="1" t="s">
        <v>125284</v>
      </c>
      <c r="H36103" s="1" t="s">
        <v>125285</v>
      </c>
      <c r="I36103" s="1" t="s">
        <v>123111</v>
      </c>
      <c r="J36103" s="1" t="s">
        <v>125396</v>
      </c>
    </row>
    <row r="36104" spans="1:10" x14ac:dyDescent="0.35">
      <c r="A36104" s="1" t="s">
        <v>125397</v>
      </c>
      <c r="B36104" s="1" t="s">
        <v>123106</v>
      </c>
      <c r="C36104" s="1" t="s">
        <v>8</v>
      </c>
      <c r="D36104" s="1" t="s">
        <v>120985</v>
      </c>
      <c r="E36104" s="1" t="s">
        <v>125398</v>
      </c>
      <c r="F36104" s="1" t="s">
        <v>125399</v>
      </c>
      <c r="G36104" s="1" t="s">
        <v>125400</v>
      </c>
      <c r="H36104" s="1" t="s">
        <v>125401</v>
      </c>
      <c r="I36104" s="1" t="s">
        <v>123111</v>
      </c>
      <c r="J36104" s="1" t="s">
        <v>13</v>
      </c>
    </row>
    <row r="36105" spans="1:10" x14ac:dyDescent="0.35">
      <c r="A36105" s="1" t="s">
        <v>125397</v>
      </c>
      <c r="B36105" s="1" t="s">
        <v>123106</v>
      </c>
      <c r="C36105" s="1" t="s">
        <v>15</v>
      </c>
      <c r="D36105" s="1" t="s">
        <v>51304</v>
      </c>
      <c r="E36105" s="1" t="s">
        <v>125402</v>
      </c>
      <c r="F36105" s="1" t="s">
        <v>125403</v>
      </c>
      <c r="G36105" s="1" t="s">
        <v>125400</v>
      </c>
      <c r="H36105" s="1" t="s">
        <v>125401</v>
      </c>
      <c r="I36105" s="1" t="s">
        <v>123111</v>
      </c>
      <c r="J36105" s="1" t="s">
        <v>125404</v>
      </c>
    </row>
    <row r="36106" spans="1:10" x14ac:dyDescent="0.35">
      <c r="A36106" s="1" t="s">
        <v>125397</v>
      </c>
      <c r="B36106" s="1" t="s">
        <v>123106</v>
      </c>
      <c r="C36106" s="1" t="s">
        <v>20</v>
      </c>
      <c r="D36106" s="1" t="s">
        <v>35571</v>
      </c>
      <c r="E36106" s="1" t="s">
        <v>125405</v>
      </c>
      <c r="F36106" s="1" t="s">
        <v>125406</v>
      </c>
      <c r="G36106" s="1" t="s">
        <v>125400</v>
      </c>
      <c r="H36106" s="1" t="s">
        <v>125401</v>
      </c>
      <c r="I36106" s="1" t="s">
        <v>123111</v>
      </c>
      <c r="J36106" s="1" t="s">
        <v>125407</v>
      </c>
    </row>
    <row r="36107" spans="1:10" x14ac:dyDescent="0.35">
      <c r="A36107" s="1" t="s">
        <v>125397</v>
      </c>
      <c r="B36107" s="1" t="s">
        <v>123106</v>
      </c>
      <c r="C36107" s="1" t="s">
        <v>25</v>
      </c>
      <c r="D36107" s="1" t="s">
        <v>125408</v>
      </c>
      <c r="E36107" s="1" t="s">
        <v>125409</v>
      </c>
      <c r="F36107" s="1" t="s">
        <v>125410</v>
      </c>
      <c r="G36107" s="1" t="s">
        <v>125400</v>
      </c>
      <c r="H36107" s="1" t="s">
        <v>125401</v>
      </c>
      <c r="I36107" s="1" t="s">
        <v>123111</v>
      </c>
      <c r="J36107" s="1" t="s">
        <v>125411</v>
      </c>
    </row>
    <row r="36108" spans="1:10" x14ac:dyDescent="0.35">
      <c r="A36108" s="1" t="s">
        <v>125397</v>
      </c>
      <c r="B36108" s="1" t="s">
        <v>123106</v>
      </c>
      <c r="C36108" s="1" t="s">
        <v>30</v>
      </c>
      <c r="D36108" s="1" t="s">
        <v>125412</v>
      </c>
      <c r="E36108" s="1" t="s">
        <v>125413</v>
      </c>
      <c r="F36108" s="1" t="s">
        <v>125414</v>
      </c>
      <c r="G36108" s="1" t="s">
        <v>125400</v>
      </c>
      <c r="H36108" s="1" t="s">
        <v>125401</v>
      </c>
      <c r="I36108" s="1" t="s">
        <v>123111</v>
      </c>
      <c r="J36108" s="1" t="s">
        <v>125415</v>
      </c>
    </row>
    <row r="36109" spans="1:10" x14ac:dyDescent="0.35">
      <c r="A36109" s="1" t="s">
        <v>125397</v>
      </c>
      <c r="B36109" s="1" t="s">
        <v>123106</v>
      </c>
      <c r="C36109" s="1" t="s">
        <v>35</v>
      </c>
      <c r="D36109" s="1" t="s">
        <v>1445</v>
      </c>
      <c r="E36109" s="1" t="s">
        <v>125416</v>
      </c>
      <c r="F36109" s="1" t="s">
        <v>125417</v>
      </c>
      <c r="G36109" s="1" t="s">
        <v>125400</v>
      </c>
      <c r="H36109" s="1" t="s">
        <v>125401</v>
      </c>
      <c r="I36109" s="1" t="s">
        <v>123111</v>
      </c>
      <c r="J36109" s="1" t="s">
        <v>125418</v>
      </c>
    </row>
    <row r="36110" spans="1:10" x14ac:dyDescent="0.35">
      <c r="A36110" s="1" t="s">
        <v>125397</v>
      </c>
      <c r="B36110" s="1" t="s">
        <v>123106</v>
      </c>
      <c r="C36110" s="1" t="s">
        <v>40</v>
      </c>
      <c r="D36110" s="1" t="s">
        <v>125419</v>
      </c>
      <c r="E36110" s="1" t="s">
        <v>125420</v>
      </c>
      <c r="F36110" s="1" t="s">
        <v>125421</v>
      </c>
      <c r="G36110" s="1" t="s">
        <v>125400</v>
      </c>
      <c r="H36110" s="1" t="s">
        <v>125401</v>
      </c>
      <c r="I36110" s="1" t="s">
        <v>123111</v>
      </c>
      <c r="J36110" s="1" t="s">
        <v>125422</v>
      </c>
    </row>
    <row r="36111" spans="1:10" x14ac:dyDescent="0.35">
      <c r="A36111" s="1" t="s">
        <v>125397</v>
      </c>
      <c r="B36111" s="1" t="s">
        <v>123106</v>
      </c>
      <c r="C36111" s="1" t="s">
        <v>45</v>
      </c>
      <c r="D36111" s="1" t="s">
        <v>34942</v>
      </c>
      <c r="E36111" s="1" t="s">
        <v>125423</v>
      </c>
      <c r="F36111" s="1" t="s">
        <v>125424</v>
      </c>
      <c r="G36111" s="1" t="s">
        <v>125400</v>
      </c>
      <c r="H36111" s="1" t="s">
        <v>125401</v>
      </c>
      <c r="I36111" s="1" t="s">
        <v>123111</v>
      </c>
      <c r="J36111" s="1" t="s">
        <v>125425</v>
      </c>
    </row>
    <row r="36112" spans="1:10" x14ac:dyDescent="0.35">
      <c r="A36112" s="1" t="s">
        <v>125397</v>
      </c>
      <c r="B36112" s="1" t="s">
        <v>123106</v>
      </c>
      <c r="C36112" s="1" t="s">
        <v>50</v>
      </c>
      <c r="D36112" s="1" t="s">
        <v>125426</v>
      </c>
      <c r="E36112" s="1" t="s">
        <v>125427</v>
      </c>
      <c r="F36112" s="1" t="s">
        <v>125428</v>
      </c>
      <c r="G36112" s="1" t="s">
        <v>125400</v>
      </c>
      <c r="H36112" s="1" t="s">
        <v>125401</v>
      </c>
      <c r="I36112" s="1" t="s">
        <v>123111</v>
      </c>
      <c r="J36112" s="1" t="s">
        <v>125429</v>
      </c>
    </row>
    <row r="36113" spans="1:10" x14ac:dyDescent="0.35">
      <c r="A36113" s="1" t="s">
        <v>125397</v>
      </c>
      <c r="B36113" s="1" t="s">
        <v>123106</v>
      </c>
      <c r="C36113" s="1" t="s">
        <v>55</v>
      </c>
      <c r="D36113" s="1" t="s">
        <v>125430</v>
      </c>
      <c r="E36113" s="1" t="s">
        <v>125431</v>
      </c>
      <c r="F36113" s="1" t="s">
        <v>125432</v>
      </c>
      <c r="G36113" s="1" t="s">
        <v>125400</v>
      </c>
      <c r="H36113" s="1" t="s">
        <v>125401</v>
      </c>
      <c r="I36113" s="1" t="s">
        <v>123111</v>
      </c>
      <c r="J36113" s="1" t="s">
        <v>125433</v>
      </c>
    </row>
    <row r="36114" spans="1:10" x14ac:dyDescent="0.35">
      <c r="A36114" s="1" t="s">
        <v>125397</v>
      </c>
      <c r="B36114" s="1" t="s">
        <v>123106</v>
      </c>
      <c r="C36114" s="1" t="s">
        <v>60</v>
      </c>
      <c r="D36114" s="1" t="s">
        <v>33178</v>
      </c>
      <c r="E36114" s="1" t="s">
        <v>125434</v>
      </c>
      <c r="F36114" s="1" t="s">
        <v>125435</v>
      </c>
      <c r="G36114" s="1" t="s">
        <v>125400</v>
      </c>
      <c r="H36114" s="1" t="s">
        <v>125401</v>
      </c>
      <c r="I36114" s="1" t="s">
        <v>123111</v>
      </c>
      <c r="J36114" s="1" t="s">
        <v>125436</v>
      </c>
    </row>
    <row r="36115" spans="1:10" x14ac:dyDescent="0.35">
      <c r="A36115" s="1" t="s">
        <v>125397</v>
      </c>
      <c r="B36115" s="1" t="s">
        <v>123106</v>
      </c>
      <c r="C36115" s="1" t="s">
        <v>65</v>
      </c>
      <c r="D36115" s="1" t="s">
        <v>72906</v>
      </c>
      <c r="E36115" s="1" t="s">
        <v>125437</v>
      </c>
      <c r="F36115" s="1" t="s">
        <v>125438</v>
      </c>
      <c r="G36115" s="1" t="s">
        <v>125400</v>
      </c>
      <c r="H36115" s="1" t="s">
        <v>125401</v>
      </c>
      <c r="I36115" s="1" t="s">
        <v>123111</v>
      </c>
      <c r="J36115" s="1" t="s">
        <v>125439</v>
      </c>
    </row>
    <row r="36116" spans="1:10" x14ac:dyDescent="0.35">
      <c r="A36116" s="1" t="s">
        <v>125397</v>
      </c>
      <c r="B36116" s="1" t="s">
        <v>123106</v>
      </c>
      <c r="C36116" s="1" t="s">
        <v>70</v>
      </c>
      <c r="D36116" s="1" t="s">
        <v>125440</v>
      </c>
      <c r="E36116" s="1" t="s">
        <v>125441</v>
      </c>
      <c r="F36116" s="1" t="s">
        <v>125442</v>
      </c>
      <c r="G36116" s="1" t="s">
        <v>125400</v>
      </c>
      <c r="H36116" s="1" t="s">
        <v>125401</v>
      </c>
      <c r="I36116" s="1" t="s">
        <v>123111</v>
      </c>
      <c r="J36116" s="1" t="s">
        <v>125443</v>
      </c>
    </row>
    <row r="36117" spans="1:10" x14ac:dyDescent="0.35">
      <c r="A36117" s="1" t="s">
        <v>125397</v>
      </c>
      <c r="B36117" s="1" t="s">
        <v>123106</v>
      </c>
      <c r="C36117" s="1" t="s">
        <v>75</v>
      </c>
      <c r="D36117" s="1" t="s">
        <v>17437</v>
      </c>
      <c r="E36117" s="1" t="s">
        <v>125444</v>
      </c>
      <c r="F36117" s="1" t="s">
        <v>125445</v>
      </c>
      <c r="G36117" s="1" t="s">
        <v>125400</v>
      </c>
      <c r="H36117" s="1" t="s">
        <v>125401</v>
      </c>
      <c r="I36117" s="1" t="s">
        <v>123111</v>
      </c>
      <c r="J36117" s="1" t="s">
        <v>125446</v>
      </c>
    </row>
    <row r="36118" spans="1:10" x14ac:dyDescent="0.35">
      <c r="A36118" s="1" t="s">
        <v>125397</v>
      </c>
      <c r="B36118" s="1" t="s">
        <v>123106</v>
      </c>
      <c r="C36118" s="1" t="s">
        <v>80</v>
      </c>
      <c r="D36118" s="1" t="s">
        <v>42013</v>
      </c>
      <c r="E36118" s="1" t="s">
        <v>125447</v>
      </c>
      <c r="F36118" s="1" t="s">
        <v>125448</v>
      </c>
      <c r="G36118" s="1" t="s">
        <v>125400</v>
      </c>
      <c r="H36118" s="1" t="s">
        <v>125401</v>
      </c>
      <c r="I36118" s="1" t="s">
        <v>123111</v>
      </c>
      <c r="J36118" s="1" t="s">
        <v>125449</v>
      </c>
    </row>
    <row r="36119" spans="1:10" x14ac:dyDescent="0.35">
      <c r="A36119" s="1" t="s">
        <v>125397</v>
      </c>
      <c r="B36119" s="1" t="s">
        <v>123106</v>
      </c>
      <c r="C36119" s="1" t="s">
        <v>85</v>
      </c>
      <c r="D36119" s="1" t="s">
        <v>125450</v>
      </c>
      <c r="E36119" s="1" t="s">
        <v>125451</v>
      </c>
      <c r="F36119" s="1" t="s">
        <v>125452</v>
      </c>
      <c r="G36119" s="1" t="s">
        <v>125400</v>
      </c>
      <c r="H36119" s="1" t="s">
        <v>125401</v>
      </c>
      <c r="I36119" s="1" t="s">
        <v>123111</v>
      </c>
      <c r="J36119" s="1" t="s">
        <v>125453</v>
      </c>
    </row>
    <row r="36120" spans="1:10" x14ac:dyDescent="0.35">
      <c r="A36120" s="1" t="s">
        <v>125397</v>
      </c>
      <c r="B36120" s="1" t="s">
        <v>123106</v>
      </c>
      <c r="C36120" s="1" t="s">
        <v>90</v>
      </c>
      <c r="D36120" s="1" t="s">
        <v>120620</v>
      </c>
      <c r="E36120" s="1" t="s">
        <v>125454</v>
      </c>
      <c r="F36120" s="1" t="s">
        <v>125455</v>
      </c>
      <c r="G36120" s="1" t="s">
        <v>125400</v>
      </c>
      <c r="H36120" s="1" t="s">
        <v>125401</v>
      </c>
      <c r="I36120" s="1" t="s">
        <v>123111</v>
      </c>
      <c r="J36120" s="1" t="s">
        <v>125456</v>
      </c>
    </row>
    <row r="36121" spans="1:10" x14ac:dyDescent="0.35">
      <c r="A36121" s="1" t="s">
        <v>125397</v>
      </c>
      <c r="B36121" s="1" t="s">
        <v>123106</v>
      </c>
      <c r="C36121" s="1" t="s">
        <v>95</v>
      </c>
      <c r="D36121" s="1" t="s">
        <v>34757</v>
      </c>
      <c r="E36121" s="1" t="s">
        <v>125457</v>
      </c>
      <c r="F36121" s="1" t="s">
        <v>125458</v>
      </c>
      <c r="G36121" s="1" t="s">
        <v>125400</v>
      </c>
      <c r="H36121" s="1" t="s">
        <v>125401</v>
      </c>
      <c r="I36121" s="1" t="s">
        <v>123111</v>
      </c>
      <c r="J36121" s="1" t="s">
        <v>125459</v>
      </c>
    </row>
    <row r="36122" spans="1:10" x14ac:dyDescent="0.35">
      <c r="A36122" s="1" t="s">
        <v>125397</v>
      </c>
      <c r="B36122" s="1" t="s">
        <v>123106</v>
      </c>
      <c r="C36122" s="1" t="s">
        <v>100</v>
      </c>
      <c r="D36122" s="1" t="s">
        <v>34761</v>
      </c>
      <c r="E36122" s="1" t="s">
        <v>125460</v>
      </c>
      <c r="F36122" s="1" t="s">
        <v>125461</v>
      </c>
      <c r="G36122" s="1" t="s">
        <v>125400</v>
      </c>
      <c r="H36122" s="1" t="s">
        <v>125401</v>
      </c>
      <c r="I36122" s="1" t="s">
        <v>123111</v>
      </c>
      <c r="J36122" s="1" t="s">
        <v>34764</v>
      </c>
    </row>
    <row r="36123" spans="1:10" x14ac:dyDescent="0.35">
      <c r="A36123" s="1" t="s">
        <v>125397</v>
      </c>
      <c r="B36123" s="1" t="s">
        <v>123106</v>
      </c>
      <c r="C36123" s="1" t="s">
        <v>105</v>
      </c>
      <c r="D36123" s="1" t="s">
        <v>19552</v>
      </c>
      <c r="E36123" s="1" t="s">
        <v>125462</v>
      </c>
      <c r="F36123" s="1" t="s">
        <v>125463</v>
      </c>
      <c r="G36123" s="1" t="s">
        <v>125400</v>
      </c>
      <c r="H36123" s="1" t="s">
        <v>125401</v>
      </c>
      <c r="I36123" s="1" t="s">
        <v>123111</v>
      </c>
      <c r="J36123" s="1" t="s">
        <v>125464</v>
      </c>
    </row>
    <row r="36124" spans="1:10" x14ac:dyDescent="0.35">
      <c r="A36124" s="1" t="s">
        <v>125397</v>
      </c>
      <c r="B36124" s="1" t="s">
        <v>123106</v>
      </c>
      <c r="C36124" s="1" t="s">
        <v>110</v>
      </c>
      <c r="D36124" s="1" t="s">
        <v>18474</v>
      </c>
      <c r="E36124" s="1" t="s">
        <v>125465</v>
      </c>
      <c r="F36124" s="1" t="s">
        <v>125466</v>
      </c>
      <c r="G36124" s="1" t="s">
        <v>125400</v>
      </c>
      <c r="H36124" s="1" t="s">
        <v>125401</v>
      </c>
      <c r="I36124" s="1" t="s">
        <v>123111</v>
      </c>
      <c r="J36124" s="1" t="s">
        <v>125467</v>
      </c>
    </row>
    <row r="36125" spans="1:10" x14ac:dyDescent="0.35">
      <c r="A36125" s="1" t="s">
        <v>125397</v>
      </c>
      <c r="B36125" s="1" t="s">
        <v>123106</v>
      </c>
      <c r="C36125" s="1" t="s">
        <v>115</v>
      </c>
      <c r="D36125" s="1" t="s">
        <v>125468</v>
      </c>
      <c r="E36125" s="1" t="s">
        <v>125469</v>
      </c>
      <c r="F36125" s="1" t="s">
        <v>125470</v>
      </c>
      <c r="G36125" s="1" t="s">
        <v>125400</v>
      </c>
      <c r="H36125" s="1" t="s">
        <v>125401</v>
      </c>
      <c r="I36125" s="1" t="s">
        <v>123111</v>
      </c>
      <c r="J36125" s="1" t="s">
        <v>125471</v>
      </c>
    </row>
    <row r="36126" spans="1:10" x14ac:dyDescent="0.35">
      <c r="A36126" s="1" t="s">
        <v>125397</v>
      </c>
      <c r="B36126" s="1" t="s">
        <v>123106</v>
      </c>
      <c r="C36126" s="1" t="s">
        <v>120</v>
      </c>
      <c r="D36126" s="1" t="s">
        <v>32556</v>
      </c>
      <c r="E36126" s="1" t="s">
        <v>125472</v>
      </c>
      <c r="F36126" s="1" t="s">
        <v>125473</v>
      </c>
      <c r="G36126" s="1" t="s">
        <v>125400</v>
      </c>
      <c r="H36126" s="1" t="s">
        <v>125401</v>
      </c>
      <c r="I36126" s="1" t="s">
        <v>123111</v>
      </c>
      <c r="J36126" s="1" t="s">
        <v>125474</v>
      </c>
    </row>
    <row r="36127" spans="1:10" x14ac:dyDescent="0.35">
      <c r="A36127" s="1" t="s">
        <v>125397</v>
      </c>
      <c r="B36127" s="1" t="s">
        <v>123106</v>
      </c>
      <c r="C36127" s="1" t="s">
        <v>125</v>
      </c>
      <c r="D36127" s="1" t="s">
        <v>125475</v>
      </c>
      <c r="E36127" s="1" t="s">
        <v>125476</v>
      </c>
      <c r="F36127" s="1" t="s">
        <v>125477</v>
      </c>
      <c r="G36127" s="1" t="s">
        <v>125400</v>
      </c>
      <c r="H36127" s="1" t="s">
        <v>125401</v>
      </c>
      <c r="I36127" s="1" t="s">
        <v>123111</v>
      </c>
      <c r="J36127" s="1" t="s">
        <v>125478</v>
      </c>
    </row>
    <row r="36128" spans="1:10" x14ac:dyDescent="0.35">
      <c r="A36128" s="1" t="s">
        <v>125397</v>
      </c>
      <c r="B36128" s="1" t="s">
        <v>123106</v>
      </c>
      <c r="C36128" s="1" t="s">
        <v>130</v>
      </c>
      <c r="D36128" s="1" t="s">
        <v>125479</v>
      </c>
      <c r="E36128" s="1" t="s">
        <v>125480</v>
      </c>
      <c r="F36128" s="1" t="s">
        <v>125481</v>
      </c>
      <c r="G36128" s="1" t="s">
        <v>125400</v>
      </c>
      <c r="H36128" s="1" t="s">
        <v>125401</v>
      </c>
      <c r="I36128" s="1" t="s">
        <v>123111</v>
      </c>
      <c r="J36128" s="1" t="s">
        <v>125482</v>
      </c>
    </row>
    <row r="36129" spans="1:10" x14ac:dyDescent="0.35">
      <c r="A36129" s="1" t="s">
        <v>125397</v>
      </c>
      <c r="B36129" s="1" t="s">
        <v>123106</v>
      </c>
      <c r="C36129" s="1" t="s">
        <v>135</v>
      </c>
      <c r="D36129" s="1" t="s">
        <v>125483</v>
      </c>
      <c r="E36129" s="1" t="s">
        <v>125484</v>
      </c>
      <c r="F36129" s="1" t="s">
        <v>125485</v>
      </c>
      <c r="G36129" s="1" t="s">
        <v>125400</v>
      </c>
      <c r="H36129" s="1" t="s">
        <v>125401</v>
      </c>
      <c r="I36129" s="1" t="s">
        <v>123111</v>
      </c>
      <c r="J36129" s="1" t="s">
        <v>125486</v>
      </c>
    </row>
    <row r="36130" spans="1:10" x14ac:dyDescent="0.35">
      <c r="A36130" s="1" t="s">
        <v>125397</v>
      </c>
      <c r="B36130" s="1" t="s">
        <v>123106</v>
      </c>
      <c r="C36130" s="1" t="s">
        <v>140</v>
      </c>
      <c r="D36130" s="1" t="s">
        <v>31</v>
      </c>
      <c r="E36130" s="1" t="s">
        <v>125487</v>
      </c>
      <c r="F36130" s="1" t="s">
        <v>125488</v>
      </c>
      <c r="G36130" s="1" t="s">
        <v>125400</v>
      </c>
      <c r="H36130" s="1" t="s">
        <v>125401</v>
      </c>
      <c r="I36130" s="1" t="s">
        <v>123111</v>
      </c>
      <c r="J36130" s="1" t="s">
        <v>125489</v>
      </c>
    </row>
    <row r="36131" spans="1:10" x14ac:dyDescent="0.35">
      <c r="A36131" s="1" t="s">
        <v>125397</v>
      </c>
      <c r="B36131" s="1" t="s">
        <v>123106</v>
      </c>
      <c r="C36131" s="1" t="s">
        <v>145</v>
      </c>
      <c r="D36131" s="1" t="s">
        <v>49752</v>
      </c>
      <c r="E36131" s="1" t="s">
        <v>125490</v>
      </c>
      <c r="F36131" s="1" t="s">
        <v>125491</v>
      </c>
      <c r="G36131" s="1" t="s">
        <v>125400</v>
      </c>
      <c r="H36131" s="1" t="s">
        <v>125401</v>
      </c>
      <c r="I36131" s="1" t="s">
        <v>123111</v>
      </c>
      <c r="J36131" s="1" t="s">
        <v>125492</v>
      </c>
    </row>
    <row r="36132" spans="1:10" x14ac:dyDescent="0.35">
      <c r="A36132" s="1" t="s">
        <v>125397</v>
      </c>
      <c r="B36132" s="1" t="s">
        <v>123106</v>
      </c>
      <c r="C36132" s="1" t="s">
        <v>150</v>
      </c>
      <c r="D36132" s="1" t="s">
        <v>35821</v>
      </c>
      <c r="E36132" s="1" t="s">
        <v>125493</v>
      </c>
      <c r="F36132" s="1" t="s">
        <v>125494</v>
      </c>
      <c r="G36132" s="1" t="s">
        <v>125400</v>
      </c>
      <c r="H36132" s="1" t="s">
        <v>125401</v>
      </c>
      <c r="I36132" s="1" t="s">
        <v>123111</v>
      </c>
      <c r="J36132" s="1" t="s">
        <v>125495</v>
      </c>
    </row>
    <row r="36133" spans="1:10" x14ac:dyDescent="0.35">
      <c r="A36133" s="1" t="s">
        <v>125397</v>
      </c>
      <c r="B36133" s="1" t="s">
        <v>123106</v>
      </c>
      <c r="C36133" s="1" t="s">
        <v>155</v>
      </c>
      <c r="D36133" s="1" t="s">
        <v>37373</v>
      </c>
      <c r="E36133" s="1" t="s">
        <v>125496</v>
      </c>
      <c r="F36133" s="1" t="s">
        <v>125497</v>
      </c>
      <c r="G36133" s="1" t="s">
        <v>125400</v>
      </c>
      <c r="H36133" s="1" t="s">
        <v>125401</v>
      </c>
      <c r="I36133" s="1" t="s">
        <v>123111</v>
      </c>
      <c r="J36133" s="1" t="s">
        <v>125498</v>
      </c>
    </row>
    <row r="36134" spans="1:10" x14ac:dyDescent="0.35">
      <c r="A36134" s="1" t="s">
        <v>125397</v>
      </c>
      <c r="B36134" s="1" t="s">
        <v>123106</v>
      </c>
      <c r="C36134" s="1" t="s">
        <v>160</v>
      </c>
      <c r="D36134" s="1" t="s">
        <v>49018</v>
      </c>
      <c r="E36134" s="1" t="s">
        <v>125499</v>
      </c>
      <c r="F36134" s="1" t="s">
        <v>125500</v>
      </c>
      <c r="G36134" s="1" t="s">
        <v>125400</v>
      </c>
      <c r="H36134" s="1" t="s">
        <v>125401</v>
      </c>
      <c r="I36134" s="1" t="s">
        <v>123111</v>
      </c>
      <c r="J36134" s="1" t="s">
        <v>125501</v>
      </c>
    </row>
    <row r="36135" spans="1:10" x14ac:dyDescent="0.35">
      <c r="A36135" s="1" t="s">
        <v>125397</v>
      </c>
      <c r="B36135" s="1" t="s">
        <v>123106</v>
      </c>
      <c r="C36135" s="1" t="s">
        <v>165</v>
      </c>
      <c r="D36135" s="1" t="s">
        <v>125502</v>
      </c>
      <c r="E36135" s="1" t="s">
        <v>125503</v>
      </c>
      <c r="F36135" s="1" t="s">
        <v>125504</v>
      </c>
      <c r="G36135" s="1" t="s">
        <v>125400</v>
      </c>
      <c r="H36135" s="1" t="s">
        <v>125401</v>
      </c>
      <c r="I36135" s="1" t="s">
        <v>123111</v>
      </c>
      <c r="J36135" s="1" t="s">
        <v>125505</v>
      </c>
    </row>
    <row r="36136" spans="1:10" x14ac:dyDescent="0.35">
      <c r="A36136" s="1" t="s">
        <v>125397</v>
      </c>
      <c r="B36136" s="1" t="s">
        <v>123106</v>
      </c>
      <c r="C36136" s="1" t="s">
        <v>170</v>
      </c>
      <c r="D36136" s="1" t="s">
        <v>17836</v>
      </c>
      <c r="E36136" s="1" t="s">
        <v>125506</v>
      </c>
      <c r="F36136" s="1" t="s">
        <v>125507</v>
      </c>
      <c r="G36136" s="1" t="s">
        <v>125400</v>
      </c>
      <c r="H36136" s="1" t="s">
        <v>125401</v>
      </c>
      <c r="I36136" s="1" t="s">
        <v>123111</v>
      </c>
      <c r="J36136" s="1" t="s">
        <v>125508</v>
      </c>
    </row>
    <row r="36137" spans="1:10" x14ac:dyDescent="0.35">
      <c r="A36137" s="1" t="s">
        <v>1170</v>
      </c>
      <c r="B36137" s="1" t="s">
        <v>123106</v>
      </c>
      <c r="C36137" s="1" t="s">
        <v>8</v>
      </c>
      <c r="D36137" s="1" t="s">
        <v>123849</v>
      </c>
      <c r="E36137" s="1" t="s">
        <v>125509</v>
      </c>
      <c r="F36137" s="1" t="s">
        <v>125510</v>
      </c>
      <c r="G36137" s="1" t="s">
        <v>125511</v>
      </c>
      <c r="H36137" s="1" t="s">
        <v>125512</v>
      </c>
      <c r="I36137" s="1" t="s">
        <v>123111</v>
      </c>
      <c r="J36137" s="1" t="s">
        <v>13</v>
      </c>
    </row>
    <row r="36138" spans="1:10" x14ac:dyDescent="0.35">
      <c r="A36138" s="1" t="s">
        <v>1170</v>
      </c>
      <c r="B36138" s="1" t="s">
        <v>123106</v>
      </c>
      <c r="C36138" s="1" t="s">
        <v>15</v>
      </c>
      <c r="D36138" s="1" t="s">
        <v>4185</v>
      </c>
      <c r="E36138" s="1" t="s">
        <v>125513</v>
      </c>
      <c r="F36138" s="1" t="s">
        <v>125514</v>
      </c>
      <c r="G36138" s="1" t="s">
        <v>125511</v>
      </c>
      <c r="H36138" s="1" t="s">
        <v>125512</v>
      </c>
      <c r="I36138" s="1" t="s">
        <v>123111</v>
      </c>
      <c r="J36138" s="1" t="s">
        <v>125515</v>
      </c>
    </row>
    <row r="36139" spans="1:10" x14ac:dyDescent="0.35">
      <c r="A36139" s="1" t="s">
        <v>1170</v>
      </c>
      <c r="B36139" s="1" t="s">
        <v>123106</v>
      </c>
      <c r="C36139" s="1" t="s">
        <v>20</v>
      </c>
      <c r="D36139" s="1" t="s">
        <v>82346</v>
      </c>
      <c r="E36139" s="1" t="s">
        <v>125516</v>
      </c>
      <c r="F36139" s="1" t="s">
        <v>125517</v>
      </c>
      <c r="G36139" s="1" t="s">
        <v>125511</v>
      </c>
      <c r="H36139" s="1" t="s">
        <v>125512</v>
      </c>
      <c r="I36139" s="1" t="s">
        <v>123111</v>
      </c>
      <c r="J36139" s="1" t="s">
        <v>125518</v>
      </c>
    </row>
    <row r="36140" spans="1:10" x14ac:dyDescent="0.35">
      <c r="A36140" s="1" t="s">
        <v>1170</v>
      </c>
      <c r="B36140" s="1" t="s">
        <v>123106</v>
      </c>
      <c r="C36140" s="1" t="s">
        <v>25</v>
      </c>
      <c r="D36140" s="1" t="s">
        <v>123697</v>
      </c>
      <c r="E36140" s="1" t="s">
        <v>125519</v>
      </c>
      <c r="F36140" s="1" t="s">
        <v>125520</v>
      </c>
      <c r="G36140" s="1" t="s">
        <v>125511</v>
      </c>
      <c r="H36140" s="1" t="s">
        <v>125512</v>
      </c>
      <c r="I36140" s="1" t="s">
        <v>123111</v>
      </c>
      <c r="J36140" s="1" t="s">
        <v>125521</v>
      </c>
    </row>
    <row r="36141" spans="1:10" x14ac:dyDescent="0.35">
      <c r="A36141" s="1" t="s">
        <v>1170</v>
      </c>
      <c r="B36141" s="1" t="s">
        <v>123106</v>
      </c>
      <c r="C36141" s="1" t="s">
        <v>30</v>
      </c>
      <c r="D36141" s="1" t="s">
        <v>18219</v>
      </c>
      <c r="E36141" s="1" t="s">
        <v>125522</v>
      </c>
      <c r="F36141" s="1" t="s">
        <v>125523</v>
      </c>
      <c r="G36141" s="1" t="s">
        <v>125511</v>
      </c>
      <c r="H36141" s="1" t="s">
        <v>125512</v>
      </c>
      <c r="I36141" s="1" t="s">
        <v>123111</v>
      </c>
      <c r="J36141" s="1" t="s">
        <v>125524</v>
      </c>
    </row>
    <row r="36142" spans="1:10" x14ac:dyDescent="0.35">
      <c r="A36142" s="1" t="s">
        <v>1170</v>
      </c>
      <c r="B36142" s="1" t="s">
        <v>123106</v>
      </c>
      <c r="C36142" s="1" t="s">
        <v>35</v>
      </c>
      <c r="D36142" s="1" t="s">
        <v>125525</v>
      </c>
      <c r="E36142" s="1" t="s">
        <v>125526</v>
      </c>
      <c r="F36142" s="1" t="s">
        <v>125527</v>
      </c>
      <c r="G36142" s="1" t="s">
        <v>125511</v>
      </c>
      <c r="H36142" s="1" t="s">
        <v>125512</v>
      </c>
      <c r="I36142" s="1" t="s">
        <v>123111</v>
      </c>
      <c r="J36142" s="1" t="s">
        <v>125528</v>
      </c>
    </row>
    <row r="36143" spans="1:10" x14ac:dyDescent="0.35">
      <c r="A36143" s="1" t="s">
        <v>1170</v>
      </c>
      <c r="B36143" s="1" t="s">
        <v>123106</v>
      </c>
      <c r="C36143" s="1" t="s">
        <v>40</v>
      </c>
      <c r="D36143" s="1" t="s">
        <v>18530</v>
      </c>
      <c r="E36143" s="1" t="s">
        <v>125529</v>
      </c>
      <c r="F36143" s="1" t="s">
        <v>125530</v>
      </c>
      <c r="G36143" s="1" t="s">
        <v>125511</v>
      </c>
      <c r="H36143" s="1" t="s">
        <v>125512</v>
      </c>
      <c r="I36143" s="1" t="s">
        <v>123111</v>
      </c>
      <c r="J36143" s="1" t="s">
        <v>125531</v>
      </c>
    </row>
    <row r="36144" spans="1:10" x14ac:dyDescent="0.35">
      <c r="A36144" s="1" t="s">
        <v>1170</v>
      </c>
      <c r="B36144" s="1" t="s">
        <v>123106</v>
      </c>
      <c r="C36144" s="1" t="s">
        <v>45</v>
      </c>
      <c r="D36144" s="1" t="s">
        <v>44963</v>
      </c>
      <c r="E36144" s="1" t="s">
        <v>125532</v>
      </c>
      <c r="F36144" s="1" t="s">
        <v>125533</v>
      </c>
      <c r="G36144" s="1" t="s">
        <v>125511</v>
      </c>
      <c r="H36144" s="1" t="s">
        <v>125512</v>
      </c>
      <c r="I36144" s="1" t="s">
        <v>123111</v>
      </c>
      <c r="J36144" s="1" t="s">
        <v>125534</v>
      </c>
    </row>
    <row r="36145" spans="1:10" x14ac:dyDescent="0.35">
      <c r="A36145" s="1" t="s">
        <v>1170</v>
      </c>
      <c r="B36145" s="1" t="s">
        <v>123106</v>
      </c>
      <c r="C36145" s="1" t="s">
        <v>50</v>
      </c>
      <c r="D36145" s="1" t="s">
        <v>125535</v>
      </c>
      <c r="E36145" s="1" t="s">
        <v>125536</v>
      </c>
      <c r="F36145" s="1" t="s">
        <v>125537</v>
      </c>
      <c r="G36145" s="1" t="s">
        <v>125511</v>
      </c>
      <c r="H36145" s="1" t="s">
        <v>125512</v>
      </c>
      <c r="I36145" s="1" t="s">
        <v>123111</v>
      </c>
      <c r="J36145" s="1" t="s">
        <v>125538</v>
      </c>
    </row>
    <row r="36146" spans="1:10" x14ac:dyDescent="0.35">
      <c r="A36146" s="1" t="s">
        <v>1170</v>
      </c>
      <c r="B36146" s="1" t="s">
        <v>123106</v>
      </c>
      <c r="C36146" s="1" t="s">
        <v>55</v>
      </c>
      <c r="D36146" s="1" t="s">
        <v>125539</v>
      </c>
      <c r="E36146" s="1" t="s">
        <v>125540</v>
      </c>
      <c r="F36146" s="1" t="s">
        <v>125541</v>
      </c>
      <c r="G36146" s="1" t="s">
        <v>125511</v>
      </c>
      <c r="H36146" s="1" t="s">
        <v>125512</v>
      </c>
      <c r="I36146" s="1" t="s">
        <v>123111</v>
      </c>
      <c r="J36146" s="1" t="s">
        <v>125542</v>
      </c>
    </row>
    <row r="36147" spans="1:10" x14ac:dyDescent="0.35">
      <c r="A36147" s="1" t="s">
        <v>1170</v>
      </c>
      <c r="B36147" s="1" t="s">
        <v>123106</v>
      </c>
      <c r="C36147" s="1" t="s">
        <v>60</v>
      </c>
      <c r="D36147" s="1" t="s">
        <v>43171</v>
      </c>
      <c r="E36147" s="1" t="s">
        <v>125543</v>
      </c>
      <c r="F36147" s="1" t="s">
        <v>125544</v>
      </c>
      <c r="G36147" s="1" t="s">
        <v>125511</v>
      </c>
      <c r="H36147" s="1" t="s">
        <v>125512</v>
      </c>
      <c r="I36147" s="1" t="s">
        <v>123111</v>
      </c>
      <c r="J36147" s="1" t="s">
        <v>125545</v>
      </c>
    </row>
    <row r="36148" spans="1:10" x14ac:dyDescent="0.35">
      <c r="A36148" s="1" t="s">
        <v>1170</v>
      </c>
      <c r="B36148" s="1" t="s">
        <v>123106</v>
      </c>
      <c r="C36148" s="1" t="s">
        <v>65</v>
      </c>
      <c r="D36148" s="1" t="s">
        <v>38410</v>
      </c>
      <c r="E36148" s="1" t="s">
        <v>125546</v>
      </c>
      <c r="F36148" s="1" t="s">
        <v>125547</v>
      </c>
      <c r="G36148" s="1" t="s">
        <v>125511</v>
      </c>
      <c r="H36148" s="1" t="s">
        <v>125512</v>
      </c>
      <c r="I36148" s="1" t="s">
        <v>123111</v>
      </c>
      <c r="J36148" s="1" t="s">
        <v>125548</v>
      </c>
    </row>
    <row r="36149" spans="1:10" x14ac:dyDescent="0.35">
      <c r="A36149" s="1" t="s">
        <v>1170</v>
      </c>
      <c r="B36149" s="1" t="s">
        <v>123106</v>
      </c>
      <c r="C36149" s="1" t="s">
        <v>70</v>
      </c>
      <c r="D36149" s="1" t="s">
        <v>125549</v>
      </c>
      <c r="E36149" s="1" t="s">
        <v>125550</v>
      </c>
      <c r="F36149" s="1" t="s">
        <v>125551</v>
      </c>
      <c r="G36149" s="1" t="s">
        <v>125511</v>
      </c>
      <c r="H36149" s="1" t="s">
        <v>125512</v>
      </c>
      <c r="I36149" s="1" t="s">
        <v>123111</v>
      </c>
      <c r="J36149" s="1" t="s">
        <v>125552</v>
      </c>
    </row>
    <row r="36150" spans="1:10" x14ac:dyDescent="0.35">
      <c r="A36150" s="1" t="s">
        <v>1170</v>
      </c>
      <c r="B36150" s="1" t="s">
        <v>123106</v>
      </c>
      <c r="C36150" s="1" t="s">
        <v>75</v>
      </c>
      <c r="D36150" s="1" t="s">
        <v>117649</v>
      </c>
      <c r="E36150" s="1" t="s">
        <v>125553</v>
      </c>
      <c r="F36150" s="1" t="s">
        <v>125554</v>
      </c>
      <c r="G36150" s="1" t="s">
        <v>125511</v>
      </c>
      <c r="H36150" s="1" t="s">
        <v>125512</v>
      </c>
      <c r="I36150" s="1" t="s">
        <v>123111</v>
      </c>
      <c r="J36150" s="1" t="s">
        <v>125555</v>
      </c>
    </row>
    <row r="36151" spans="1:10" x14ac:dyDescent="0.35">
      <c r="A36151" s="1" t="s">
        <v>1170</v>
      </c>
      <c r="B36151" s="1" t="s">
        <v>123106</v>
      </c>
      <c r="C36151" s="1" t="s">
        <v>80</v>
      </c>
      <c r="D36151" s="1" t="s">
        <v>125556</v>
      </c>
      <c r="E36151" s="1" t="s">
        <v>125557</v>
      </c>
      <c r="F36151" s="1" t="s">
        <v>125558</v>
      </c>
      <c r="G36151" s="1" t="s">
        <v>125511</v>
      </c>
      <c r="H36151" s="1" t="s">
        <v>125512</v>
      </c>
      <c r="I36151" s="1" t="s">
        <v>123111</v>
      </c>
      <c r="J36151" s="1" t="s">
        <v>125559</v>
      </c>
    </row>
    <row r="36152" spans="1:10" x14ac:dyDescent="0.35">
      <c r="A36152" s="1" t="s">
        <v>1170</v>
      </c>
      <c r="B36152" s="1" t="s">
        <v>123106</v>
      </c>
      <c r="C36152" s="1" t="s">
        <v>85</v>
      </c>
      <c r="D36152" s="1" t="s">
        <v>38275</v>
      </c>
      <c r="E36152" s="1" t="s">
        <v>125560</v>
      </c>
      <c r="F36152" s="1" t="s">
        <v>125561</v>
      </c>
      <c r="G36152" s="1" t="s">
        <v>125511</v>
      </c>
      <c r="H36152" s="1" t="s">
        <v>125512</v>
      </c>
      <c r="I36152" s="1" t="s">
        <v>123111</v>
      </c>
      <c r="J36152" s="1" t="s">
        <v>125562</v>
      </c>
    </row>
    <row r="36153" spans="1:10" x14ac:dyDescent="0.35">
      <c r="A36153" s="1" t="s">
        <v>1170</v>
      </c>
      <c r="B36153" s="1" t="s">
        <v>123106</v>
      </c>
      <c r="C36153" s="1" t="s">
        <v>90</v>
      </c>
      <c r="D36153" s="1" t="s">
        <v>125563</v>
      </c>
      <c r="E36153" s="1" t="s">
        <v>125564</v>
      </c>
      <c r="F36153" s="1" t="s">
        <v>125565</v>
      </c>
      <c r="G36153" s="1" t="s">
        <v>125511</v>
      </c>
      <c r="H36153" s="1" t="s">
        <v>125512</v>
      </c>
      <c r="I36153" s="1" t="s">
        <v>123111</v>
      </c>
      <c r="J36153" s="1" t="s">
        <v>125566</v>
      </c>
    </row>
    <row r="36154" spans="1:10" x14ac:dyDescent="0.35">
      <c r="A36154" s="1" t="s">
        <v>1170</v>
      </c>
      <c r="B36154" s="1" t="s">
        <v>123106</v>
      </c>
      <c r="C36154" s="1" t="s">
        <v>95</v>
      </c>
      <c r="D36154" s="1" t="s">
        <v>125567</v>
      </c>
      <c r="E36154" s="1" t="s">
        <v>125568</v>
      </c>
      <c r="F36154" s="1" t="s">
        <v>125569</v>
      </c>
      <c r="G36154" s="1" t="s">
        <v>125511</v>
      </c>
      <c r="H36154" s="1" t="s">
        <v>125512</v>
      </c>
      <c r="I36154" s="1" t="s">
        <v>123111</v>
      </c>
      <c r="J36154" s="1" t="s">
        <v>125570</v>
      </c>
    </row>
    <row r="36155" spans="1:10" x14ac:dyDescent="0.35">
      <c r="A36155" s="1" t="s">
        <v>1170</v>
      </c>
      <c r="B36155" s="1" t="s">
        <v>123106</v>
      </c>
      <c r="C36155" s="1" t="s">
        <v>100</v>
      </c>
      <c r="D36155" s="1" t="s">
        <v>125571</v>
      </c>
      <c r="E36155" s="1" t="s">
        <v>125572</v>
      </c>
      <c r="F36155" s="1" t="s">
        <v>125573</v>
      </c>
      <c r="G36155" s="1" t="s">
        <v>125511</v>
      </c>
      <c r="H36155" s="1" t="s">
        <v>125512</v>
      </c>
      <c r="I36155" s="1" t="s">
        <v>123111</v>
      </c>
      <c r="J36155" s="1" t="s">
        <v>125574</v>
      </c>
    </row>
    <row r="36156" spans="1:10" x14ac:dyDescent="0.35">
      <c r="A36156" s="1" t="s">
        <v>1170</v>
      </c>
      <c r="B36156" s="1" t="s">
        <v>123106</v>
      </c>
      <c r="C36156" s="1" t="s">
        <v>105</v>
      </c>
      <c r="D36156" s="1" t="s">
        <v>48853</v>
      </c>
      <c r="E36156" s="1" t="s">
        <v>125575</v>
      </c>
      <c r="F36156" s="1" t="s">
        <v>125576</v>
      </c>
      <c r="G36156" s="1" t="s">
        <v>125511</v>
      </c>
      <c r="H36156" s="1" t="s">
        <v>125512</v>
      </c>
      <c r="I36156" s="1" t="s">
        <v>123111</v>
      </c>
      <c r="J36156" s="1" t="s">
        <v>125577</v>
      </c>
    </row>
    <row r="36157" spans="1:10" x14ac:dyDescent="0.35">
      <c r="A36157" s="1" t="s">
        <v>1170</v>
      </c>
      <c r="B36157" s="1" t="s">
        <v>123106</v>
      </c>
      <c r="C36157" s="1" t="s">
        <v>110</v>
      </c>
      <c r="D36157" s="1" t="s">
        <v>125578</v>
      </c>
      <c r="E36157" s="1" t="s">
        <v>125579</v>
      </c>
      <c r="F36157" s="1" t="s">
        <v>125580</v>
      </c>
      <c r="G36157" s="1" t="s">
        <v>125511</v>
      </c>
      <c r="H36157" s="1" t="s">
        <v>125512</v>
      </c>
      <c r="I36157" s="1" t="s">
        <v>123111</v>
      </c>
      <c r="J36157" s="1" t="s">
        <v>125581</v>
      </c>
    </row>
    <row r="36158" spans="1:10" x14ac:dyDescent="0.35">
      <c r="A36158" s="1" t="s">
        <v>1170</v>
      </c>
      <c r="B36158" s="1" t="s">
        <v>123106</v>
      </c>
      <c r="C36158" s="1" t="s">
        <v>115</v>
      </c>
      <c r="D36158" s="1" t="s">
        <v>47151</v>
      </c>
      <c r="E36158" s="1" t="s">
        <v>125582</v>
      </c>
      <c r="F36158" s="1" t="s">
        <v>125583</v>
      </c>
      <c r="G36158" s="1" t="s">
        <v>125511</v>
      </c>
      <c r="H36158" s="1" t="s">
        <v>125512</v>
      </c>
      <c r="I36158" s="1" t="s">
        <v>123111</v>
      </c>
      <c r="J36158" s="1" t="s">
        <v>125584</v>
      </c>
    </row>
    <row r="36159" spans="1:10" x14ac:dyDescent="0.35">
      <c r="A36159" s="1" t="s">
        <v>1170</v>
      </c>
      <c r="B36159" s="1" t="s">
        <v>123106</v>
      </c>
      <c r="C36159" s="1" t="s">
        <v>120</v>
      </c>
      <c r="D36159" s="1" t="s">
        <v>125585</v>
      </c>
      <c r="E36159" s="1" t="s">
        <v>125586</v>
      </c>
      <c r="F36159" s="1" t="s">
        <v>125587</v>
      </c>
      <c r="G36159" s="1" t="s">
        <v>125511</v>
      </c>
      <c r="H36159" s="1" t="s">
        <v>125512</v>
      </c>
      <c r="I36159" s="1" t="s">
        <v>123111</v>
      </c>
      <c r="J36159" s="1" t="s">
        <v>125588</v>
      </c>
    </row>
    <row r="36160" spans="1:10" x14ac:dyDescent="0.35">
      <c r="A36160" s="1" t="s">
        <v>1170</v>
      </c>
      <c r="B36160" s="1" t="s">
        <v>123106</v>
      </c>
      <c r="C36160" s="1" t="s">
        <v>125</v>
      </c>
      <c r="D36160" s="1" t="s">
        <v>125589</v>
      </c>
      <c r="E36160" s="1" t="s">
        <v>125590</v>
      </c>
      <c r="F36160" s="1" t="s">
        <v>125591</v>
      </c>
      <c r="G36160" s="1" t="s">
        <v>125511</v>
      </c>
      <c r="H36160" s="1" t="s">
        <v>125512</v>
      </c>
      <c r="I36160" s="1" t="s">
        <v>123111</v>
      </c>
      <c r="J36160" s="1" t="s">
        <v>125592</v>
      </c>
    </row>
    <row r="36161" spans="1:10" x14ac:dyDescent="0.35">
      <c r="A36161" s="1" t="s">
        <v>1170</v>
      </c>
      <c r="B36161" s="1" t="s">
        <v>123106</v>
      </c>
      <c r="C36161" s="1" t="s">
        <v>130</v>
      </c>
      <c r="D36161" s="1" t="s">
        <v>13307</v>
      </c>
      <c r="E36161" s="1" t="s">
        <v>125593</v>
      </c>
      <c r="F36161" s="1" t="s">
        <v>125594</v>
      </c>
      <c r="G36161" s="1" t="s">
        <v>125511</v>
      </c>
      <c r="H36161" s="1" t="s">
        <v>125512</v>
      </c>
      <c r="I36161" s="1" t="s">
        <v>123111</v>
      </c>
      <c r="J36161" s="1" t="s">
        <v>125595</v>
      </c>
    </row>
    <row r="36162" spans="1:10" x14ac:dyDescent="0.35">
      <c r="A36162" s="1" t="s">
        <v>1170</v>
      </c>
      <c r="B36162" s="1" t="s">
        <v>123106</v>
      </c>
      <c r="C36162" s="1" t="s">
        <v>135</v>
      </c>
      <c r="D36162" s="1" t="s">
        <v>125596</v>
      </c>
      <c r="E36162" s="1" t="s">
        <v>125597</v>
      </c>
      <c r="F36162" s="1" t="s">
        <v>125598</v>
      </c>
      <c r="G36162" s="1" t="s">
        <v>125511</v>
      </c>
      <c r="H36162" s="1" t="s">
        <v>125512</v>
      </c>
      <c r="I36162" s="1" t="s">
        <v>123111</v>
      </c>
      <c r="J36162" s="1" t="s">
        <v>125599</v>
      </c>
    </row>
    <row r="36163" spans="1:10" x14ac:dyDescent="0.35">
      <c r="A36163" s="1" t="s">
        <v>1170</v>
      </c>
      <c r="B36163" s="1" t="s">
        <v>123106</v>
      </c>
      <c r="C36163" s="1" t="s">
        <v>140</v>
      </c>
      <c r="D36163" s="1" t="s">
        <v>125600</v>
      </c>
      <c r="E36163" s="1" t="s">
        <v>125601</v>
      </c>
      <c r="F36163" s="1" t="s">
        <v>125602</v>
      </c>
      <c r="G36163" s="1" t="s">
        <v>125511</v>
      </c>
      <c r="H36163" s="1" t="s">
        <v>125512</v>
      </c>
      <c r="I36163" s="1" t="s">
        <v>123111</v>
      </c>
      <c r="J36163" s="1" t="s">
        <v>125603</v>
      </c>
    </row>
    <row r="36164" spans="1:10" x14ac:dyDescent="0.35">
      <c r="A36164" s="1" t="s">
        <v>1170</v>
      </c>
      <c r="B36164" s="1" t="s">
        <v>123106</v>
      </c>
      <c r="C36164" s="1" t="s">
        <v>145</v>
      </c>
      <c r="D36164" s="1" t="s">
        <v>125604</v>
      </c>
      <c r="E36164" s="1" t="s">
        <v>125605</v>
      </c>
      <c r="F36164" s="1" t="s">
        <v>125606</v>
      </c>
      <c r="G36164" s="1" t="s">
        <v>125511</v>
      </c>
      <c r="H36164" s="1" t="s">
        <v>125512</v>
      </c>
      <c r="I36164" s="1" t="s">
        <v>123111</v>
      </c>
      <c r="J36164" s="1" t="s">
        <v>125607</v>
      </c>
    </row>
    <row r="36165" spans="1:10" x14ac:dyDescent="0.35">
      <c r="A36165" s="1" t="s">
        <v>1170</v>
      </c>
      <c r="B36165" s="1" t="s">
        <v>123106</v>
      </c>
      <c r="C36165" s="1" t="s">
        <v>150</v>
      </c>
      <c r="D36165" s="1" t="s">
        <v>125608</v>
      </c>
      <c r="E36165" s="1" t="s">
        <v>125609</v>
      </c>
      <c r="F36165" s="1" t="s">
        <v>125610</v>
      </c>
      <c r="G36165" s="1" t="s">
        <v>125511</v>
      </c>
      <c r="H36165" s="1" t="s">
        <v>125512</v>
      </c>
      <c r="I36165" s="1" t="s">
        <v>123111</v>
      </c>
      <c r="J36165" s="1" t="s">
        <v>125611</v>
      </c>
    </row>
    <row r="36166" spans="1:10" x14ac:dyDescent="0.35">
      <c r="A36166" s="1" t="s">
        <v>1170</v>
      </c>
      <c r="B36166" s="1" t="s">
        <v>123106</v>
      </c>
      <c r="C36166" s="1" t="s">
        <v>155</v>
      </c>
      <c r="D36166" s="1" t="s">
        <v>125612</v>
      </c>
      <c r="E36166" s="1" t="s">
        <v>125613</v>
      </c>
      <c r="F36166" s="1" t="s">
        <v>125614</v>
      </c>
      <c r="G36166" s="1" t="s">
        <v>125511</v>
      </c>
      <c r="H36166" s="1" t="s">
        <v>125512</v>
      </c>
      <c r="I36166" s="1" t="s">
        <v>123111</v>
      </c>
      <c r="J36166" s="1" t="s">
        <v>125615</v>
      </c>
    </row>
    <row r="36167" spans="1:10" x14ac:dyDescent="0.35">
      <c r="A36167" s="1" t="s">
        <v>1170</v>
      </c>
      <c r="B36167" s="1" t="s">
        <v>123106</v>
      </c>
      <c r="C36167" s="1" t="s">
        <v>160</v>
      </c>
      <c r="D36167" s="1" t="s">
        <v>125616</v>
      </c>
      <c r="E36167" s="1" t="s">
        <v>125617</v>
      </c>
      <c r="F36167" s="1" t="s">
        <v>125618</v>
      </c>
      <c r="G36167" s="1" t="s">
        <v>125511</v>
      </c>
      <c r="H36167" s="1" t="s">
        <v>125512</v>
      </c>
      <c r="I36167" s="1" t="s">
        <v>123111</v>
      </c>
      <c r="J36167" s="1" t="s">
        <v>125619</v>
      </c>
    </row>
    <row r="36168" spans="1:10" x14ac:dyDescent="0.35">
      <c r="A36168" s="1" t="s">
        <v>1170</v>
      </c>
      <c r="B36168" s="1" t="s">
        <v>123106</v>
      </c>
      <c r="C36168" s="1" t="s">
        <v>165</v>
      </c>
      <c r="D36168" s="1" t="s">
        <v>50439</v>
      </c>
      <c r="E36168" s="1" t="s">
        <v>125620</v>
      </c>
      <c r="F36168" s="1" t="s">
        <v>125621</v>
      </c>
      <c r="G36168" s="1" t="s">
        <v>125511</v>
      </c>
      <c r="H36168" s="1" t="s">
        <v>125512</v>
      </c>
      <c r="I36168" s="1" t="s">
        <v>123111</v>
      </c>
      <c r="J36168" s="1" t="s">
        <v>125622</v>
      </c>
    </row>
    <row r="36169" spans="1:10" x14ac:dyDescent="0.35">
      <c r="A36169" s="1" t="s">
        <v>1170</v>
      </c>
      <c r="B36169" s="1" t="s">
        <v>123106</v>
      </c>
      <c r="C36169" s="1" t="s">
        <v>170</v>
      </c>
      <c r="D36169" s="1" t="s">
        <v>125623</v>
      </c>
      <c r="E36169" s="1" t="s">
        <v>125624</v>
      </c>
      <c r="F36169" s="1" t="s">
        <v>125625</v>
      </c>
      <c r="G36169" s="1" t="s">
        <v>125511</v>
      </c>
      <c r="H36169" s="1" t="s">
        <v>125512</v>
      </c>
      <c r="I36169" s="1" t="s">
        <v>123111</v>
      </c>
      <c r="J36169" s="1" t="s">
        <v>125626</v>
      </c>
    </row>
    <row r="36170" spans="1:10" x14ac:dyDescent="0.35">
      <c r="A36170" s="1" t="s">
        <v>10526</v>
      </c>
      <c r="B36170" s="1" t="s">
        <v>123106</v>
      </c>
      <c r="C36170" s="1" t="s">
        <v>8</v>
      </c>
      <c r="D36170" s="1" t="s">
        <v>19484</v>
      </c>
      <c r="E36170" s="1" t="s">
        <v>125627</v>
      </c>
      <c r="F36170" s="1" t="s">
        <v>125628</v>
      </c>
      <c r="G36170" s="1" t="s">
        <v>125629</v>
      </c>
      <c r="H36170" s="1" t="s">
        <v>125630</v>
      </c>
      <c r="I36170" s="1" t="s">
        <v>123111</v>
      </c>
      <c r="J36170" s="1" t="s">
        <v>13</v>
      </c>
    </row>
    <row r="36171" spans="1:10" x14ac:dyDescent="0.35">
      <c r="A36171" s="1" t="s">
        <v>10526</v>
      </c>
      <c r="B36171" s="1" t="s">
        <v>123106</v>
      </c>
      <c r="C36171" s="1" t="s">
        <v>15</v>
      </c>
      <c r="D36171" s="1" t="s">
        <v>115886</v>
      </c>
      <c r="E36171" s="1" t="s">
        <v>125631</v>
      </c>
      <c r="F36171" s="1" t="s">
        <v>125632</v>
      </c>
      <c r="G36171" s="1" t="s">
        <v>125629</v>
      </c>
      <c r="H36171" s="1" t="s">
        <v>125630</v>
      </c>
      <c r="I36171" s="1" t="s">
        <v>123111</v>
      </c>
      <c r="J36171" s="1" t="s">
        <v>125633</v>
      </c>
    </row>
    <row r="36172" spans="1:10" x14ac:dyDescent="0.35">
      <c r="A36172" s="1" t="s">
        <v>10526</v>
      </c>
      <c r="B36172" s="1" t="s">
        <v>123106</v>
      </c>
      <c r="C36172" s="1" t="s">
        <v>20</v>
      </c>
      <c r="D36172" s="1" t="s">
        <v>33941</v>
      </c>
      <c r="E36172" s="1" t="s">
        <v>125634</v>
      </c>
      <c r="F36172" s="1" t="s">
        <v>125635</v>
      </c>
      <c r="G36172" s="1" t="s">
        <v>125629</v>
      </c>
      <c r="H36172" s="1" t="s">
        <v>125630</v>
      </c>
      <c r="I36172" s="1" t="s">
        <v>123111</v>
      </c>
      <c r="J36172" s="1" t="s">
        <v>125636</v>
      </c>
    </row>
    <row r="36173" spans="1:10" x14ac:dyDescent="0.35">
      <c r="A36173" s="1" t="s">
        <v>10526</v>
      </c>
      <c r="B36173" s="1" t="s">
        <v>123106</v>
      </c>
      <c r="C36173" s="1" t="s">
        <v>25</v>
      </c>
      <c r="D36173" s="1" t="s">
        <v>125637</v>
      </c>
      <c r="E36173" s="1" t="s">
        <v>125638</v>
      </c>
      <c r="F36173" s="1" t="s">
        <v>125639</v>
      </c>
      <c r="G36173" s="1" t="s">
        <v>125629</v>
      </c>
      <c r="H36173" s="1" t="s">
        <v>125630</v>
      </c>
      <c r="I36173" s="1" t="s">
        <v>123111</v>
      </c>
      <c r="J36173" s="1" t="s">
        <v>125640</v>
      </c>
    </row>
    <row r="36174" spans="1:10" x14ac:dyDescent="0.35">
      <c r="A36174" s="1" t="s">
        <v>10526</v>
      </c>
      <c r="B36174" s="1" t="s">
        <v>123106</v>
      </c>
      <c r="C36174" s="1" t="s">
        <v>30</v>
      </c>
      <c r="D36174" s="1" t="s">
        <v>125641</v>
      </c>
      <c r="E36174" s="1" t="s">
        <v>125642</v>
      </c>
      <c r="F36174" s="1" t="s">
        <v>125643</v>
      </c>
      <c r="G36174" s="1" t="s">
        <v>125629</v>
      </c>
      <c r="H36174" s="1" t="s">
        <v>125630</v>
      </c>
      <c r="I36174" s="1" t="s">
        <v>123111</v>
      </c>
      <c r="J36174" s="1" t="s">
        <v>125644</v>
      </c>
    </row>
    <row r="36175" spans="1:10" x14ac:dyDescent="0.35">
      <c r="A36175" s="1" t="s">
        <v>10526</v>
      </c>
      <c r="B36175" s="1" t="s">
        <v>123106</v>
      </c>
      <c r="C36175" s="1" t="s">
        <v>35</v>
      </c>
      <c r="D36175" s="1" t="s">
        <v>36216</v>
      </c>
      <c r="E36175" s="1" t="s">
        <v>125645</v>
      </c>
      <c r="F36175" s="1" t="s">
        <v>125646</v>
      </c>
      <c r="G36175" s="1" t="s">
        <v>125629</v>
      </c>
      <c r="H36175" s="1" t="s">
        <v>125630</v>
      </c>
      <c r="I36175" s="1" t="s">
        <v>123111</v>
      </c>
      <c r="J36175" s="1" t="s">
        <v>125647</v>
      </c>
    </row>
    <row r="36176" spans="1:10" x14ac:dyDescent="0.35">
      <c r="A36176" s="1" t="s">
        <v>10526</v>
      </c>
      <c r="B36176" s="1" t="s">
        <v>123106</v>
      </c>
      <c r="C36176" s="1" t="s">
        <v>40</v>
      </c>
      <c r="D36176" s="1" t="s">
        <v>71202</v>
      </c>
      <c r="E36176" s="1" t="s">
        <v>125648</v>
      </c>
      <c r="F36176" s="1" t="s">
        <v>125649</v>
      </c>
      <c r="G36176" s="1" t="s">
        <v>125629</v>
      </c>
      <c r="H36176" s="1" t="s">
        <v>125630</v>
      </c>
      <c r="I36176" s="1" t="s">
        <v>123111</v>
      </c>
      <c r="J36176" s="1" t="s">
        <v>125650</v>
      </c>
    </row>
    <row r="36177" spans="1:10" x14ac:dyDescent="0.35">
      <c r="A36177" s="1" t="s">
        <v>10526</v>
      </c>
      <c r="B36177" s="1" t="s">
        <v>123106</v>
      </c>
      <c r="C36177" s="1" t="s">
        <v>45</v>
      </c>
      <c r="D36177" s="1" t="s">
        <v>71912</v>
      </c>
      <c r="E36177" s="1" t="s">
        <v>125651</v>
      </c>
      <c r="F36177" s="1" t="s">
        <v>125652</v>
      </c>
      <c r="G36177" s="1" t="s">
        <v>125629</v>
      </c>
      <c r="H36177" s="1" t="s">
        <v>125630</v>
      </c>
      <c r="I36177" s="1" t="s">
        <v>123111</v>
      </c>
      <c r="J36177" s="1" t="s">
        <v>125653</v>
      </c>
    </row>
    <row r="36178" spans="1:10" x14ac:dyDescent="0.35">
      <c r="A36178" s="1" t="s">
        <v>10526</v>
      </c>
      <c r="B36178" s="1" t="s">
        <v>123106</v>
      </c>
      <c r="C36178" s="1" t="s">
        <v>50</v>
      </c>
      <c r="D36178" s="1" t="s">
        <v>33440</v>
      </c>
      <c r="E36178" s="1" t="s">
        <v>125654</v>
      </c>
      <c r="F36178" s="1" t="s">
        <v>125655</v>
      </c>
      <c r="G36178" s="1" t="s">
        <v>125629</v>
      </c>
      <c r="H36178" s="1" t="s">
        <v>125630</v>
      </c>
      <c r="I36178" s="1" t="s">
        <v>123111</v>
      </c>
      <c r="J36178" s="1" t="s">
        <v>125656</v>
      </c>
    </row>
    <row r="36179" spans="1:10" x14ac:dyDescent="0.35">
      <c r="A36179" s="1" t="s">
        <v>10526</v>
      </c>
      <c r="B36179" s="1" t="s">
        <v>123106</v>
      </c>
      <c r="C36179" s="1" t="s">
        <v>55</v>
      </c>
      <c r="D36179" s="1" t="s">
        <v>125657</v>
      </c>
      <c r="E36179" s="1" t="s">
        <v>125658</v>
      </c>
      <c r="F36179" s="1" t="s">
        <v>125659</v>
      </c>
      <c r="G36179" s="1" t="s">
        <v>125629</v>
      </c>
      <c r="H36179" s="1" t="s">
        <v>125630</v>
      </c>
      <c r="I36179" s="1" t="s">
        <v>123111</v>
      </c>
      <c r="J36179" s="1" t="s">
        <v>125660</v>
      </c>
    </row>
    <row r="36180" spans="1:10" x14ac:dyDescent="0.35">
      <c r="A36180" s="1" t="s">
        <v>10526</v>
      </c>
      <c r="B36180" s="1" t="s">
        <v>123106</v>
      </c>
      <c r="C36180" s="1" t="s">
        <v>60</v>
      </c>
      <c r="D36180" s="1" t="s">
        <v>50529</v>
      </c>
      <c r="E36180" s="1" t="s">
        <v>125661</v>
      </c>
      <c r="F36180" s="1" t="s">
        <v>125662</v>
      </c>
      <c r="G36180" s="1" t="s">
        <v>125629</v>
      </c>
      <c r="H36180" s="1" t="s">
        <v>125630</v>
      </c>
      <c r="I36180" s="1" t="s">
        <v>123111</v>
      </c>
      <c r="J36180" s="1" t="s">
        <v>125663</v>
      </c>
    </row>
    <row r="36181" spans="1:10" x14ac:dyDescent="0.35">
      <c r="A36181" s="1" t="s">
        <v>10526</v>
      </c>
      <c r="B36181" s="1" t="s">
        <v>123106</v>
      </c>
      <c r="C36181" s="1" t="s">
        <v>65</v>
      </c>
      <c r="D36181" s="1" t="s">
        <v>51344</v>
      </c>
      <c r="E36181" s="1" t="s">
        <v>125664</v>
      </c>
      <c r="F36181" s="1" t="s">
        <v>125665</v>
      </c>
      <c r="G36181" s="1" t="s">
        <v>125629</v>
      </c>
      <c r="H36181" s="1" t="s">
        <v>125630</v>
      </c>
      <c r="I36181" s="1" t="s">
        <v>123111</v>
      </c>
      <c r="J36181" s="1" t="s">
        <v>125666</v>
      </c>
    </row>
    <row r="36182" spans="1:10" x14ac:dyDescent="0.35">
      <c r="A36182" s="1" t="s">
        <v>10526</v>
      </c>
      <c r="B36182" s="1" t="s">
        <v>123106</v>
      </c>
      <c r="C36182" s="1" t="s">
        <v>70</v>
      </c>
      <c r="D36182" s="1" t="s">
        <v>16235</v>
      </c>
      <c r="E36182" s="1" t="s">
        <v>125667</v>
      </c>
      <c r="F36182" s="1" t="s">
        <v>125668</v>
      </c>
      <c r="G36182" s="1" t="s">
        <v>125629</v>
      </c>
      <c r="H36182" s="1" t="s">
        <v>125630</v>
      </c>
      <c r="I36182" s="1" t="s">
        <v>123111</v>
      </c>
      <c r="J36182" s="1" t="s">
        <v>125669</v>
      </c>
    </row>
    <row r="36183" spans="1:10" x14ac:dyDescent="0.35">
      <c r="A36183" s="1" t="s">
        <v>10526</v>
      </c>
      <c r="B36183" s="1" t="s">
        <v>123106</v>
      </c>
      <c r="C36183" s="1" t="s">
        <v>75</v>
      </c>
      <c r="D36183" s="1" t="s">
        <v>18875</v>
      </c>
      <c r="E36183" s="1" t="s">
        <v>125670</v>
      </c>
      <c r="F36183" s="1" t="s">
        <v>125671</v>
      </c>
      <c r="G36183" s="1" t="s">
        <v>125629</v>
      </c>
      <c r="H36183" s="1" t="s">
        <v>125630</v>
      </c>
      <c r="I36183" s="1" t="s">
        <v>123111</v>
      </c>
      <c r="J36183" s="1" t="s">
        <v>125672</v>
      </c>
    </row>
    <row r="36184" spans="1:10" x14ac:dyDescent="0.35">
      <c r="A36184" s="1" t="s">
        <v>10526</v>
      </c>
      <c r="B36184" s="1" t="s">
        <v>123106</v>
      </c>
      <c r="C36184" s="1" t="s">
        <v>80</v>
      </c>
      <c r="D36184" s="1" t="s">
        <v>31503</v>
      </c>
      <c r="E36184" s="1" t="s">
        <v>125673</v>
      </c>
      <c r="F36184" s="1" t="s">
        <v>125674</v>
      </c>
      <c r="G36184" s="1" t="s">
        <v>125629</v>
      </c>
      <c r="H36184" s="1" t="s">
        <v>125630</v>
      </c>
      <c r="I36184" s="1" t="s">
        <v>123111</v>
      </c>
      <c r="J36184" s="1" t="s">
        <v>125675</v>
      </c>
    </row>
    <row r="36185" spans="1:10" x14ac:dyDescent="0.35">
      <c r="A36185" s="1" t="s">
        <v>10526</v>
      </c>
      <c r="B36185" s="1" t="s">
        <v>123106</v>
      </c>
      <c r="C36185" s="1" t="s">
        <v>85</v>
      </c>
      <c r="D36185" s="1" t="s">
        <v>82427</v>
      </c>
      <c r="E36185" s="1" t="s">
        <v>125676</v>
      </c>
      <c r="F36185" s="1" t="s">
        <v>125677</v>
      </c>
      <c r="G36185" s="1" t="s">
        <v>125629</v>
      </c>
      <c r="H36185" s="1" t="s">
        <v>125630</v>
      </c>
      <c r="I36185" s="1" t="s">
        <v>123111</v>
      </c>
      <c r="J36185" s="1" t="s">
        <v>125678</v>
      </c>
    </row>
    <row r="36186" spans="1:10" x14ac:dyDescent="0.35">
      <c r="A36186" s="1" t="s">
        <v>10526</v>
      </c>
      <c r="B36186" s="1" t="s">
        <v>123106</v>
      </c>
      <c r="C36186" s="1" t="s">
        <v>90</v>
      </c>
      <c r="D36186" s="1" t="s">
        <v>17202</v>
      </c>
      <c r="E36186" s="1" t="s">
        <v>125679</v>
      </c>
      <c r="F36186" s="1" t="s">
        <v>125680</v>
      </c>
      <c r="G36186" s="1" t="s">
        <v>125629</v>
      </c>
      <c r="H36186" s="1" t="s">
        <v>125630</v>
      </c>
      <c r="I36186" s="1" t="s">
        <v>123111</v>
      </c>
      <c r="J36186" s="1" t="s">
        <v>125681</v>
      </c>
    </row>
    <row r="36187" spans="1:10" x14ac:dyDescent="0.35">
      <c r="A36187" s="1" t="s">
        <v>10526</v>
      </c>
      <c r="B36187" s="1" t="s">
        <v>123106</v>
      </c>
      <c r="C36187" s="1" t="s">
        <v>95</v>
      </c>
      <c r="D36187" s="1" t="s">
        <v>71304</v>
      </c>
      <c r="E36187" s="1" t="s">
        <v>125682</v>
      </c>
      <c r="F36187" s="1" t="s">
        <v>125683</v>
      </c>
      <c r="G36187" s="1" t="s">
        <v>125629</v>
      </c>
      <c r="H36187" s="1" t="s">
        <v>125630</v>
      </c>
      <c r="I36187" s="1" t="s">
        <v>123111</v>
      </c>
      <c r="J36187" s="1" t="s">
        <v>125684</v>
      </c>
    </row>
    <row r="36188" spans="1:10" x14ac:dyDescent="0.35">
      <c r="A36188" s="1" t="s">
        <v>10526</v>
      </c>
      <c r="B36188" s="1" t="s">
        <v>123106</v>
      </c>
      <c r="C36188" s="1" t="s">
        <v>100</v>
      </c>
      <c r="D36188" s="1" t="s">
        <v>49236</v>
      </c>
      <c r="E36188" s="1" t="s">
        <v>125685</v>
      </c>
      <c r="F36188" s="1" t="s">
        <v>125686</v>
      </c>
      <c r="G36188" s="1" t="s">
        <v>125629</v>
      </c>
      <c r="H36188" s="1" t="s">
        <v>125630</v>
      </c>
      <c r="I36188" s="1" t="s">
        <v>123111</v>
      </c>
      <c r="J36188" s="1" t="s">
        <v>125687</v>
      </c>
    </row>
    <row r="36189" spans="1:10" x14ac:dyDescent="0.35">
      <c r="A36189" s="1" t="s">
        <v>10526</v>
      </c>
      <c r="B36189" s="1" t="s">
        <v>123106</v>
      </c>
      <c r="C36189" s="1" t="s">
        <v>105</v>
      </c>
      <c r="D36189" s="1" t="s">
        <v>837</v>
      </c>
      <c r="E36189" s="1" t="s">
        <v>125688</v>
      </c>
      <c r="F36189" s="1" t="s">
        <v>125689</v>
      </c>
      <c r="G36189" s="1" t="s">
        <v>125629</v>
      </c>
      <c r="H36189" s="1" t="s">
        <v>125630</v>
      </c>
      <c r="I36189" s="1" t="s">
        <v>123111</v>
      </c>
      <c r="J36189" s="1" t="s">
        <v>125690</v>
      </c>
    </row>
    <row r="36190" spans="1:10" x14ac:dyDescent="0.35">
      <c r="A36190" s="1" t="s">
        <v>10526</v>
      </c>
      <c r="B36190" s="1" t="s">
        <v>123106</v>
      </c>
      <c r="C36190" s="1" t="s">
        <v>110</v>
      </c>
      <c r="D36190" s="1" t="s">
        <v>32949</v>
      </c>
      <c r="E36190" s="1" t="s">
        <v>125691</v>
      </c>
      <c r="F36190" s="1" t="s">
        <v>125692</v>
      </c>
      <c r="G36190" s="1" t="s">
        <v>125629</v>
      </c>
      <c r="H36190" s="1" t="s">
        <v>125630</v>
      </c>
      <c r="I36190" s="1" t="s">
        <v>123111</v>
      </c>
      <c r="J36190" s="1" t="s">
        <v>125693</v>
      </c>
    </row>
    <row r="36191" spans="1:10" x14ac:dyDescent="0.35">
      <c r="A36191" s="1" t="s">
        <v>10526</v>
      </c>
      <c r="B36191" s="1" t="s">
        <v>123106</v>
      </c>
      <c r="C36191" s="1" t="s">
        <v>115</v>
      </c>
      <c r="D36191" s="1" t="s">
        <v>125694</v>
      </c>
      <c r="E36191" s="1" t="s">
        <v>125695</v>
      </c>
      <c r="F36191" s="1" t="s">
        <v>125696</v>
      </c>
      <c r="G36191" s="1" t="s">
        <v>125629</v>
      </c>
      <c r="H36191" s="1" t="s">
        <v>125630</v>
      </c>
      <c r="I36191" s="1" t="s">
        <v>123111</v>
      </c>
      <c r="J36191" s="1" t="s">
        <v>125697</v>
      </c>
    </row>
    <row r="36192" spans="1:10" x14ac:dyDescent="0.35">
      <c r="A36192" s="1" t="s">
        <v>10526</v>
      </c>
      <c r="B36192" s="1" t="s">
        <v>123106</v>
      </c>
      <c r="C36192" s="1" t="s">
        <v>120</v>
      </c>
      <c r="D36192" s="1" t="s">
        <v>125698</v>
      </c>
      <c r="E36192" s="1" t="s">
        <v>125699</v>
      </c>
      <c r="F36192" s="1" t="s">
        <v>125700</v>
      </c>
      <c r="G36192" s="1" t="s">
        <v>125629</v>
      </c>
      <c r="H36192" s="1" t="s">
        <v>125630</v>
      </c>
      <c r="I36192" s="1" t="s">
        <v>123111</v>
      </c>
      <c r="J36192" s="1" t="s">
        <v>125701</v>
      </c>
    </row>
    <row r="36193" spans="1:10" x14ac:dyDescent="0.35">
      <c r="A36193" s="1" t="s">
        <v>10526</v>
      </c>
      <c r="B36193" s="1" t="s">
        <v>123106</v>
      </c>
      <c r="C36193" s="1" t="s">
        <v>125</v>
      </c>
      <c r="D36193" s="1" t="s">
        <v>9613</v>
      </c>
      <c r="E36193" s="1" t="s">
        <v>125702</v>
      </c>
      <c r="F36193" s="1" t="s">
        <v>125703</v>
      </c>
      <c r="G36193" s="1" t="s">
        <v>125629</v>
      </c>
      <c r="H36193" s="1" t="s">
        <v>125630</v>
      </c>
      <c r="I36193" s="1" t="s">
        <v>123111</v>
      </c>
      <c r="J36193" s="1" t="s">
        <v>125704</v>
      </c>
    </row>
    <row r="36194" spans="1:10" x14ac:dyDescent="0.35">
      <c r="A36194" s="1" t="s">
        <v>10526</v>
      </c>
      <c r="B36194" s="1" t="s">
        <v>123106</v>
      </c>
      <c r="C36194" s="1" t="s">
        <v>130</v>
      </c>
      <c r="D36194" s="1" t="s">
        <v>32968</v>
      </c>
      <c r="E36194" s="1" t="s">
        <v>125705</v>
      </c>
      <c r="F36194" s="1" t="s">
        <v>125706</v>
      </c>
      <c r="G36194" s="1" t="s">
        <v>125629</v>
      </c>
      <c r="H36194" s="1" t="s">
        <v>125630</v>
      </c>
      <c r="I36194" s="1" t="s">
        <v>123111</v>
      </c>
      <c r="J36194" s="1" t="s">
        <v>125707</v>
      </c>
    </row>
    <row r="36195" spans="1:10" x14ac:dyDescent="0.35">
      <c r="A36195" s="1" t="s">
        <v>10526</v>
      </c>
      <c r="B36195" s="1" t="s">
        <v>123106</v>
      </c>
      <c r="C36195" s="1" t="s">
        <v>135</v>
      </c>
      <c r="D36195" s="1" t="s">
        <v>125708</v>
      </c>
      <c r="E36195" s="1" t="s">
        <v>125709</v>
      </c>
      <c r="F36195" s="1" t="s">
        <v>125710</v>
      </c>
      <c r="G36195" s="1" t="s">
        <v>125629</v>
      </c>
      <c r="H36195" s="1" t="s">
        <v>125630</v>
      </c>
      <c r="I36195" s="1" t="s">
        <v>123111</v>
      </c>
      <c r="J36195" s="1" t="s">
        <v>125711</v>
      </c>
    </row>
    <row r="36196" spans="1:10" x14ac:dyDescent="0.35">
      <c r="A36196" s="1" t="s">
        <v>10526</v>
      </c>
      <c r="B36196" s="1" t="s">
        <v>123106</v>
      </c>
      <c r="C36196" s="1" t="s">
        <v>140</v>
      </c>
      <c r="D36196" s="1" t="s">
        <v>125712</v>
      </c>
      <c r="E36196" s="1" t="s">
        <v>125713</v>
      </c>
      <c r="F36196" s="1" t="s">
        <v>125714</v>
      </c>
      <c r="G36196" s="1" t="s">
        <v>125629</v>
      </c>
      <c r="H36196" s="1" t="s">
        <v>125630</v>
      </c>
      <c r="I36196" s="1" t="s">
        <v>123111</v>
      </c>
      <c r="J36196" s="1" t="s">
        <v>125715</v>
      </c>
    </row>
    <row r="36197" spans="1:10" x14ac:dyDescent="0.35">
      <c r="A36197" s="1" t="s">
        <v>10526</v>
      </c>
      <c r="B36197" s="1" t="s">
        <v>123106</v>
      </c>
      <c r="C36197" s="1" t="s">
        <v>145</v>
      </c>
      <c r="D36197" s="1" t="s">
        <v>82183</v>
      </c>
      <c r="E36197" s="1" t="s">
        <v>125716</v>
      </c>
      <c r="F36197" s="1" t="s">
        <v>125717</v>
      </c>
      <c r="G36197" s="1" t="s">
        <v>125629</v>
      </c>
      <c r="H36197" s="1" t="s">
        <v>125630</v>
      </c>
      <c r="I36197" s="1" t="s">
        <v>123111</v>
      </c>
      <c r="J36197" s="1" t="s">
        <v>125718</v>
      </c>
    </row>
    <row r="36198" spans="1:10" x14ac:dyDescent="0.35">
      <c r="A36198" s="1" t="s">
        <v>10526</v>
      </c>
      <c r="B36198" s="1" t="s">
        <v>123106</v>
      </c>
      <c r="C36198" s="1" t="s">
        <v>150</v>
      </c>
      <c r="D36198" s="1" t="s">
        <v>3128</v>
      </c>
      <c r="E36198" s="1" t="s">
        <v>125719</v>
      </c>
      <c r="F36198" s="1" t="s">
        <v>125720</v>
      </c>
      <c r="G36198" s="1" t="s">
        <v>125629</v>
      </c>
      <c r="H36198" s="1" t="s">
        <v>125630</v>
      </c>
      <c r="I36198" s="1" t="s">
        <v>123111</v>
      </c>
      <c r="J36198" s="1" t="s">
        <v>125721</v>
      </c>
    </row>
    <row r="36199" spans="1:10" x14ac:dyDescent="0.35">
      <c r="A36199" s="1" t="s">
        <v>10526</v>
      </c>
      <c r="B36199" s="1" t="s">
        <v>123106</v>
      </c>
      <c r="C36199" s="1" t="s">
        <v>155</v>
      </c>
      <c r="D36199" s="1" t="s">
        <v>125722</v>
      </c>
      <c r="E36199" s="1" t="s">
        <v>125723</v>
      </c>
      <c r="F36199" s="1" t="s">
        <v>125724</v>
      </c>
      <c r="G36199" s="1" t="s">
        <v>125629</v>
      </c>
      <c r="H36199" s="1" t="s">
        <v>125630</v>
      </c>
      <c r="I36199" s="1" t="s">
        <v>123111</v>
      </c>
      <c r="J36199" s="1" t="s">
        <v>125725</v>
      </c>
    </row>
    <row r="36200" spans="1:10" x14ac:dyDescent="0.35">
      <c r="A36200" s="1" t="s">
        <v>10526</v>
      </c>
      <c r="B36200" s="1" t="s">
        <v>123106</v>
      </c>
      <c r="C36200" s="1" t="s">
        <v>160</v>
      </c>
      <c r="D36200" s="1" t="s">
        <v>125726</v>
      </c>
      <c r="E36200" s="1" t="s">
        <v>125727</v>
      </c>
      <c r="F36200" s="1" t="s">
        <v>125728</v>
      </c>
      <c r="G36200" s="1" t="s">
        <v>125629</v>
      </c>
      <c r="H36200" s="1" t="s">
        <v>125630</v>
      </c>
      <c r="I36200" s="1" t="s">
        <v>123111</v>
      </c>
      <c r="J36200" s="1" t="s">
        <v>125729</v>
      </c>
    </row>
    <row r="36201" spans="1:10" x14ac:dyDescent="0.35">
      <c r="A36201" s="1" t="s">
        <v>10526</v>
      </c>
      <c r="B36201" s="1" t="s">
        <v>123106</v>
      </c>
      <c r="C36201" s="1" t="s">
        <v>165</v>
      </c>
      <c r="D36201" s="1" t="s">
        <v>48375</v>
      </c>
      <c r="E36201" s="1" t="s">
        <v>125730</v>
      </c>
      <c r="F36201" s="1" t="s">
        <v>125731</v>
      </c>
      <c r="G36201" s="1" t="s">
        <v>125629</v>
      </c>
      <c r="H36201" s="1" t="s">
        <v>125630</v>
      </c>
      <c r="I36201" s="1" t="s">
        <v>123111</v>
      </c>
      <c r="J36201" s="1" t="s">
        <v>125732</v>
      </c>
    </row>
    <row r="36202" spans="1:10" x14ac:dyDescent="0.35">
      <c r="A36202" s="1" t="s">
        <v>10526</v>
      </c>
      <c r="B36202" s="1" t="s">
        <v>123106</v>
      </c>
      <c r="C36202" s="1" t="s">
        <v>170</v>
      </c>
      <c r="D36202" s="1" t="s">
        <v>5445</v>
      </c>
      <c r="E36202" s="1" t="s">
        <v>125733</v>
      </c>
      <c r="F36202" s="1" t="s">
        <v>125734</v>
      </c>
      <c r="G36202" s="1" t="s">
        <v>125629</v>
      </c>
      <c r="H36202" s="1" t="s">
        <v>125630</v>
      </c>
      <c r="I36202" s="1" t="s">
        <v>123111</v>
      </c>
      <c r="J36202" s="1" t="s">
        <v>125735</v>
      </c>
    </row>
    <row r="36203" spans="1:10" x14ac:dyDescent="0.35">
      <c r="A36203" s="1" t="s">
        <v>13199</v>
      </c>
      <c r="B36203" s="1" t="s">
        <v>123106</v>
      </c>
      <c r="C36203" s="1" t="s">
        <v>8</v>
      </c>
      <c r="D36203" s="1" t="s">
        <v>120985</v>
      </c>
      <c r="E36203" s="1" t="s">
        <v>125736</v>
      </c>
      <c r="F36203" s="1" t="s">
        <v>125737</v>
      </c>
      <c r="G36203" s="1" t="s">
        <v>125738</v>
      </c>
      <c r="H36203" s="1" t="s">
        <v>125739</v>
      </c>
      <c r="I36203" s="1" t="s">
        <v>123111</v>
      </c>
      <c r="J36203" s="1" t="s">
        <v>13</v>
      </c>
    </row>
    <row r="36204" spans="1:10" x14ac:dyDescent="0.35">
      <c r="A36204" s="1" t="s">
        <v>13199</v>
      </c>
      <c r="B36204" s="1" t="s">
        <v>123106</v>
      </c>
      <c r="C36204" s="1" t="s">
        <v>15</v>
      </c>
      <c r="D36204" s="1" t="s">
        <v>51304</v>
      </c>
      <c r="E36204" s="1" t="s">
        <v>125740</v>
      </c>
      <c r="F36204" s="1" t="s">
        <v>125741</v>
      </c>
      <c r="G36204" s="1" t="s">
        <v>125738</v>
      </c>
      <c r="H36204" s="1" t="s">
        <v>125739</v>
      </c>
      <c r="I36204" s="1" t="s">
        <v>123111</v>
      </c>
      <c r="J36204" s="1" t="s">
        <v>125404</v>
      </c>
    </row>
    <row r="36205" spans="1:10" x14ac:dyDescent="0.35">
      <c r="A36205" s="1" t="s">
        <v>13199</v>
      </c>
      <c r="B36205" s="1" t="s">
        <v>123106</v>
      </c>
      <c r="C36205" s="1" t="s">
        <v>20</v>
      </c>
      <c r="D36205" s="1" t="s">
        <v>35571</v>
      </c>
      <c r="E36205" s="1" t="s">
        <v>125742</v>
      </c>
      <c r="F36205" s="1" t="s">
        <v>125743</v>
      </c>
      <c r="G36205" s="1" t="s">
        <v>125738</v>
      </c>
      <c r="H36205" s="1" t="s">
        <v>125739</v>
      </c>
      <c r="I36205" s="1" t="s">
        <v>123111</v>
      </c>
      <c r="J36205" s="1" t="s">
        <v>125407</v>
      </c>
    </row>
    <row r="36206" spans="1:10" x14ac:dyDescent="0.35">
      <c r="A36206" s="1" t="s">
        <v>13199</v>
      </c>
      <c r="B36206" s="1" t="s">
        <v>123106</v>
      </c>
      <c r="C36206" s="1" t="s">
        <v>25</v>
      </c>
      <c r="D36206" s="1" t="s">
        <v>125408</v>
      </c>
      <c r="E36206" s="1" t="s">
        <v>125744</v>
      </c>
      <c r="F36206" s="1" t="s">
        <v>125745</v>
      </c>
      <c r="G36206" s="1" t="s">
        <v>125738</v>
      </c>
      <c r="H36206" s="1" t="s">
        <v>125739</v>
      </c>
      <c r="I36206" s="1" t="s">
        <v>123111</v>
      </c>
      <c r="J36206" s="1" t="s">
        <v>125411</v>
      </c>
    </row>
    <row r="36207" spans="1:10" x14ac:dyDescent="0.35">
      <c r="A36207" s="1" t="s">
        <v>13199</v>
      </c>
      <c r="B36207" s="1" t="s">
        <v>123106</v>
      </c>
      <c r="C36207" s="1" t="s">
        <v>30</v>
      </c>
      <c r="D36207" s="1" t="s">
        <v>125412</v>
      </c>
      <c r="E36207" s="1" t="s">
        <v>125746</v>
      </c>
      <c r="F36207" s="1" t="s">
        <v>125747</v>
      </c>
      <c r="G36207" s="1" t="s">
        <v>125738</v>
      </c>
      <c r="H36207" s="1" t="s">
        <v>125739</v>
      </c>
      <c r="I36207" s="1" t="s">
        <v>123111</v>
      </c>
      <c r="J36207" s="1" t="s">
        <v>125415</v>
      </c>
    </row>
    <row r="36208" spans="1:10" x14ac:dyDescent="0.35">
      <c r="A36208" s="1" t="s">
        <v>13199</v>
      </c>
      <c r="B36208" s="1" t="s">
        <v>123106</v>
      </c>
      <c r="C36208" s="1" t="s">
        <v>35</v>
      </c>
      <c r="D36208" s="1" t="s">
        <v>1445</v>
      </c>
      <c r="E36208" s="1" t="s">
        <v>125748</v>
      </c>
      <c r="F36208" s="1" t="s">
        <v>125749</v>
      </c>
      <c r="G36208" s="1" t="s">
        <v>125738</v>
      </c>
      <c r="H36208" s="1" t="s">
        <v>125739</v>
      </c>
      <c r="I36208" s="1" t="s">
        <v>123111</v>
      </c>
      <c r="J36208" s="1" t="s">
        <v>125418</v>
      </c>
    </row>
    <row r="36209" spans="1:10" x14ac:dyDescent="0.35">
      <c r="A36209" s="1" t="s">
        <v>13199</v>
      </c>
      <c r="B36209" s="1" t="s">
        <v>123106</v>
      </c>
      <c r="C36209" s="1" t="s">
        <v>40</v>
      </c>
      <c r="D36209" s="1" t="s">
        <v>125419</v>
      </c>
      <c r="E36209" s="1" t="s">
        <v>125750</v>
      </c>
      <c r="F36209" s="1" t="s">
        <v>125751</v>
      </c>
      <c r="G36209" s="1" t="s">
        <v>125738</v>
      </c>
      <c r="H36209" s="1" t="s">
        <v>125739</v>
      </c>
      <c r="I36209" s="1" t="s">
        <v>123111</v>
      </c>
      <c r="J36209" s="1" t="s">
        <v>125422</v>
      </c>
    </row>
    <row r="36210" spans="1:10" x14ac:dyDescent="0.35">
      <c r="A36210" s="1" t="s">
        <v>13199</v>
      </c>
      <c r="B36210" s="1" t="s">
        <v>123106</v>
      </c>
      <c r="C36210" s="1" t="s">
        <v>45</v>
      </c>
      <c r="D36210" s="1" t="s">
        <v>34942</v>
      </c>
      <c r="E36210" s="1" t="s">
        <v>125752</v>
      </c>
      <c r="F36210" s="1" t="s">
        <v>125753</v>
      </c>
      <c r="G36210" s="1" t="s">
        <v>125738</v>
      </c>
      <c r="H36210" s="1" t="s">
        <v>125739</v>
      </c>
      <c r="I36210" s="1" t="s">
        <v>123111</v>
      </c>
      <c r="J36210" s="1" t="s">
        <v>125425</v>
      </c>
    </row>
    <row r="36211" spans="1:10" x14ac:dyDescent="0.35">
      <c r="A36211" s="1" t="s">
        <v>13199</v>
      </c>
      <c r="B36211" s="1" t="s">
        <v>123106</v>
      </c>
      <c r="C36211" s="1" t="s">
        <v>50</v>
      </c>
      <c r="D36211" s="1" t="s">
        <v>125426</v>
      </c>
      <c r="E36211" s="1" t="s">
        <v>125754</v>
      </c>
      <c r="F36211" s="1" t="s">
        <v>125755</v>
      </c>
      <c r="G36211" s="1" t="s">
        <v>125738</v>
      </c>
      <c r="H36211" s="1" t="s">
        <v>125739</v>
      </c>
      <c r="I36211" s="1" t="s">
        <v>123111</v>
      </c>
      <c r="J36211" s="1" t="s">
        <v>125429</v>
      </c>
    </row>
    <row r="36212" spans="1:10" x14ac:dyDescent="0.35">
      <c r="A36212" s="1" t="s">
        <v>13199</v>
      </c>
      <c r="B36212" s="1" t="s">
        <v>123106</v>
      </c>
      <c r="C36212" s="1" t="s">
        <v>55</v>
      </c>
      <c r="D36212" s="1" t="s">
        <v>125430</v>
      </c>
      <c r="E36212" s="1" t="s">
        <v>125756</v>
      </c>
      <c r="F36212" s="1" t="s">
        <v>125757</v>
      </c>
      <c r="G36212" s="1" t="s">
        <v>125738</v>
      </c>
      <c r="H36212" s="1" t="s">
        <v>125739</v>
      </c>
      <c r="I36212" s="1" t="s">
        <v>123111</v>
      </c>
      <c r="J36212" s="1" t="s">
        <v>125433</v>
      </c>
    </row>
    <row r="36213" spans="1:10" x14ac:dyDescent="0.35">
      <c r="A36213" s="1" t="s">
        <v>13199</v>
      </c>
      <c r="B36213" s="1" t="s">
        <v>123106</v>
      </c>
      <c r="C36213" s="1" t="s">
        <v>60</v>
      </c>
      <c r="D36213" s="1" t="s">
        <v>33178</v>
      </c>
      <c r="E36213" s="1" t="s">
        <v>125758</v>
      </c>
      <c r="F36213" s="1" t="s">
        <v>125759</v>
      </c>
      <c r="G36213" s="1" t="s">
        <v>125738</v>
      </c>
      <c r="H36213" s="1" t="s">
        <v>125739</v>
      </c>
      <c r="I36213" s="1" t="s">
        <v>123111</v>
      </c>
      <c r="J36213" s="1" t="s">
        <v>125436</v>
      </c>
    </row>
    <row r="36214" spans="1:10" x14ac:dyDescent="0.35">
      <c r="A36214" s="1" t="s">
        <v>13199</v>
      </c>
      <c r="B36214" s="1" t="s">
        <v>123106</v>
      </c>
      <c r="C36214" s="1" t="s">
        <v>65</v>
      </c>
      <c r="D36214" s="1" t="s">
        <v>72906</v>
      </c>
      <c r="E36214" s="1" t="s">
        <v>125760</v>
      </c>
      <c r="F36214" s="1" t="s">
        <v>125761</v>
      </c>
      <c r="G36214" s="1" t="s">
        <v>125738</v>
      </c>
      <c r="H36214" s="1" t="s">
        <v>125739</v>
      </c>
      <c r="I36214" s="1" t="s">
        <v>123111</v>
      </c>
      <c r="J36214" s="1" t="s">
        <v>125439</v>
      </c>
    </row>
    <row r="36215" spans="1:10" x14ac:dyDescent="0.35">
      <c r="A36215" s="1" t="s">
        <v>13199</v>
      </c>
      <c r="B36215" s="1" t="s">
        <v>123106</v>
      </c>
      <c r="C36215" s="1" t="s">
        <v>70</v>
      </c>
      <c r="D36215" s="1" t="s">
        <v>125440</v>
      </c>
      <c r="E36215" s="1" t="s">
        <v>125762</v>
      </c>
      <c r="F36215" s="1" t="s">
        <v>125763</v>
      </c>
      <c r="G36215" s="1" t="s">
        <v>125738</v>
      </c>
      <c r="H36215" s="1" t="s">
        <v>125739</v>
      </c>
      <c r="I36215" s="1" t="s">
        <v>123111</v>
      </c>
      <c r="J36215" s="1" t="s">
        <v>125443</v>
      </c>
    </row>
    <row r="36216" spans="1:10" x14ac:dyDescent="0.35">
      <c r="A36216" s="1" t="s">
        <v>13199</v>
      </c>
      <c r="B36216" s="1" t="s">
        <v>123106</v>
      </c>
      <c r="C36216" s="1" t="s">
        <v>75</v>
      </c>
      <c r="D36216" s="1" t="s">
        <v>17437</v>
      </c>
      <c r="E36216" s="1" t="s">
        <v>125764</v>
      </c>
      <c r="F36216" s="1" t="s">
        <v>125765</v>
      </c>
      <c r="G36216" s="1" t="s">
        <v>125738</v>
      </c>
      <c r="H36216" s="1" t="s">
        <v>125739</v>
      </c>
      <c r="I36216" s="1" t="s">
        <v>123111</v>
      </c>
      <c r="J36216" s="1" t="s">
        <v>125446</v>
      </c>
    </row>
    <row r="36217" spans="1:10" x14ac:dyDescent="0.35">
      <c r="A36217" s="1" t="s">
        <v>13199</v>
      </c>
      <c r="B36217" s="1" t="s">
        <v>123106</v>
      </c>
      <c r="C36217" s="1" t="s">
        <v>80</v>
      </c>
      <c r="D36217" s="1" t="s">
        <v>110139</v>
      </c>
      <c r="E36217" s="1" t="s">
        <v>125766</v>
      </c>
      <c r="F36217" s="1" t="s">
        <v>125767</v>
      </c>
      <c r="G36217" s="1" t="s">
        <v>125738</v>
      </c>
      <c r="H36217" s="1" t="s">
        <v>125739</v>
      </c>
      <c r="I36217" s="1" t="s">
        <v>123111</v>
      </c>
      <c r="J36217" s="1" t="s">
        <v>125768</v>
      </c>
    </row>
    <row r="36218" spans="1:10" x14ac:dyDescent="0.35">
      <c r="A36218" s="1" t="s">
        <v>13199</v>
      </c>
      <c r="B36218" s="1" t="s">
        <v>123106</v>
      </c>
      <c r="C36218" s="1" t="s">
        <v>85</v>
      </c>
      <c r="D36218" s="1" t="s">
        <v>73881</v>
      </c>
      <c r="E36218" s="1" t="s">
        <v>125769</v>
      </c>
      <c r="F36218" s="1" t="s">
        <v>125770</v>
      </c>
      <c r="G36218" s="1" t="s">
        <v>125738</v>
      </c>
      <c r="H36218" s="1" t="s">
        <v>125739</v>
      </c>
      <c r="I36218" s="1" t="s">
        <v>123111</v>
      </c>
      <c r="J36218" s="1" t="s">
        <v>125771</v>
      </c>
    </row>
    <row r="36219" spans="1:10" x14ac:dyDescent="0.35">
      <c r="A36219" s="1" t="s">
        <v>13199</v>
      </c>
      <c r="B36219" s="1" t="s">
        <v>123106</v>
      </c>
      <c r="C36219" s="1" t="s">
        <v>90</v>
      </c>
      <c r="D36219" s="1" t="s">
        <v>125772</v>
      </c>
      <c r="E36219" s="1" t="s">
        <v>125773</v>
      </c>
      <c r="F36219" s="1" t="s">
        <v>125774</v>
      </c>
      <c r="G36219" s="1" t="s">
        <v>125738</v>
      </c>
      <c r="H36219" s="1" t="s">
        <v>125739</v>
      </c>
      <c r="I36219" s="1" t="s">
        <v>123111</v>
      </c>
      <c r="J36219" s="1" t="s">
        <v>125775</v>
      </c>
    </row>
    <row r="36220" spans="1:10" x14ac:dyDescent="0.35">
      <c r="A36220" s="1" t="s">
        <v>13199</v>
      </c>
      <c r="B36220" s="1" t="s">
        <v>123106</v>
      </c>
      <c r="C36220" s="1" t="s">
        <v>95</v>
      </c>
      <c r="D36220" s="1" t="s">
        <v>45793</v>
      </c>
      <c r="E36220" s="1" t="s">
        <v>125776</v>
      </c>
      <c r="F36220" s="1" t="s">
        <v>125777</v>
      </c>
      <c r="G36220" s="1" t="s">
        <v>125738</v>
      </c>
      <c r="H36220" s="1" t="s">
        <v>125739</v>
      </c>
      <c r="I36220" s="1" t="s">
        <v>123111</v>
      </c>
      <c r="J36220" s="1" t="s">
        <v>125778</v>
      </c>
    </row>
    <row r="36221" spans="1:10" x14ac:dyDescent="0.35">
      <c r="A36221" s="1" t="s">
        <v>13199</v>
      </c>
      <c r="B36221" s="1" t="s">
        <v>123106</v>
      </c>
      <c r="C36221" s="1" t="s">
        <v>100</v>
      </c>
      <c r="D36221" s="1" t="s">
        <v>125779</v>
      </c>
      <c r="E36221" s="1" t="s">
        <v>125780</v>
      </c>
      <c r="F36221" s="1" t="s">
        <v>125781</v>
      </c>
      <c r="G36221" s="1" t="s">
        <v>125738</v>
      </c>
      <c r="H36221" s="1" t="s">
        <v>125739</v>
      </c>
      <c r="I36221" s="1" t="s">
        <v>123111</v>
      </c>
      <c r="J36221" s="1" t="s">
        <v>125782</v>
      </c>
    </row>
    <row r="36222" spans="1:10" x14ac:dyDescent="0.35">
      <c r="A36222" s="1" t="s">
        <v>13199</v>
      </c>
      <c r="B36222" s="1" t="s">
        <v>123106</v>
      </c>
      <c r="C36222" s="1" t="s">
        <v>105</v>
      </c>
      <c r="D36222" s="1" t="s">
        <v>19600</v>
      </c>
      <c r="E36222" s="1" t="s">
        <v>125783</v>
      </c>
      <c r="F36222" s="1" t="s">
        <v>125784</v>
      </c>
      <c r="G36222" s="1" t="s">
        <v>125738</v>
      </c>
      <c r="H36222" s="1" t="s">
        <v>125739</v>
      </c>
      <c r="I36222" s="1" t="s">
        <v>123111</v>
      </c>
      <c r="J36222" s="1" t="s">
        <v>125785</v>
      </c>
    </row>
    <row r="36223" spans="1:10" x14ac:dyDescent="0.35">
      <c r="A36223" s="1" t="s">
        <v>13199</v>
      </c>
      <c r="B36223" s="1" t="s">
        <v>123106</v>
      </c>
      <c r="C36223" s="1" t="s">
        <v>110</v>
      </c>
      <c r="D36223" s="1" t="s">
        <v>31995</v>
      </c>
      <c r="E36223" s="1" t="s">
        <v>125786</v>
      </c>
      <c r="F36223" s="1" t="s">
        <v>125787</v>
      </c>
      <c r="G36223" s="1" t="s">
        <v>125738</v>
      </c>
      <c r="H36223" s="1" t="s">
        <v>125739</v>
      </c>
      <c r="I36223" s="1" t="s">
        <v>123111</v>
      </c>
      <c r="J36223" s="1" t="s">
        <v>125788</v>
      </c>
    </row>
    <row r="36224" spans="1:10" x14ac:dyDescent="0.35">
      <c r="A36224" s="1" t="s">
        <v>13199</v>
      </c>
      <c r="B36224" s="1" t="s">
        <v>123106</v>
      </c>
      <c r="C36224" s="1" t="s">
        <v>115</v>
      </c>
      <c r="D36224" s="1" t="s">
        <v>125789</v>
      </c>
      <c r="E36224" s="1" t="s">
        <v>125790</v>
      </c>
      <c r="F36224" s="1" t="s">
        <v>125791</v>
      </c>
      <c r="G36224" s="1" t="s">
        <v>125738</v>
      </c>
      <c r="H36224" s="1" t="s">
        <v>125739</v>
      </c>
      <c r="I36224" s="1" t="s">
        <v>123111</v>
      </c>
      <c r="J36224" s="1" t="s">
        <v>125792</v>
      </c>
    </row>
    <row r="36225" spans="1:10" x14ac:dyDescent="0.35">
      <c r="A36225" s="1" t="s">
        <v>13199</v>
      </c>
      <c r="B36225" s="1" t="s">
        <v>123106</v>
      </c>
      <c r="C36225" s="1" t="s">
        <v>120</v>
      </c>
      <c r="D36225" s="1" t="s">
        <v>35994</v>
      </c>
      <c r="E36225" s="1" t="s">
        <v>125793</v>
      </c>
      <c r="F36225" s="1" t="s">
        <v>125794</v>
      </c>
      <c r="G36225" s="1" t="s">
        <v>125738</v>
      </c>
      <c r="H36225" s="1" t="s">
        <v>125739</v>
      </c>
      <c r="I36225" s="1" t="s">
        <v>123111</v>
      </c>
      <c r="J36225" s="1" t="s">
        <v>125795</v>
      </c>
    </row>
    <row r="36226" spans="1:10" x14ac:dyDescent="0.35">
      <c r="A36226" s="1" t="s">
        <v>13199</v>
      </c>
      <c r="B36226" s="1" t="s">
        <v>123106</v>
      </c>
      <c r="C36226" s="1" t="s">
        <v>125</v>
      </c>
      <c r="D36226" s="1" t="s">
        <v>125796</v>
      </c>
      <c r="E36226" s="1" t="s">
        <v>125797</v>
      </c>
      <c r="F36226" s="1" t="s">
        <v>125798</v>
      </c>
      <c r="G36226" s="1" t="s">
        <v>125738</v>
      </c>
      <c r="H36226" s="1" t="s">
        <v>125739</v>
      </c>
      <c r="I36226" s="1" t="s">
        <v>123111</v>
      </c>
      <c r="J36226" s="1" t="s">
        <v>125799</v>
      </c>
    </row>
    <row r="36227" spans="1:10" x14ac:dyDescent="0.35">
      <c r="A36227" s="1" t="s">
        <v>13199</v>
      </c>
      <c r="B36227" s="1" t="s">
        <v>123106</v>
      </c>
      <c r="C36227" s="1" t="s">
        <v>130</v>
      </c>
      <c r="D36227" s="1" t="s">
        <v>72547</v>
      </c>
      <c r="E36227" s="1" t="s">
        <v>125800</v>
      </c>
      <c r="F36227" s="1" t="s">
        <v>125801</v>
      </c>
      <c r="G36227" s="1" t="s">
        <v>125738</v>
      </c>
      <c r="H36227" s="1" t="s">
        <v>125739</v>
      </c>
      <c r="I36227" s="1" t="s">
        <v>123111</v>
      </c>
      <c r="J36227" s="1" t="s">
        <v>125802</v>
      </c>
    </row>
    <row r="36228" spans="1:10" x14ac:dyDescent="0.35">
      <c r="A36228" s="1" t="s">
        <v>13199</v>
      </c>
      <c r="B36228" s="1" t="s">
        <v>123106</v>
      </c>
      <c r="C36228" s="1" t="s">
        <v>135</v>
      </c>
      <c r="D36228" s="1" t="s">
        <v>7227</v>
      </c>
      <c r="E36228" s="1" t="s">
        <v>125803</v>
      </c>
      <c r="F36228" s="1" t="s">
        <v>125804</v>
      </c>
      <c r="G36228" s="1" t="s">
        <v>125738</v>
      </c>
      <c r="H36228" s="1" t="s">
        <v>125739</v>
      </c>
      <c r="I36228" s="1" t="s">
        <v>123111</v>
      </c>
      <c r="J36228" s="1" t="s">
        <v>125805</v>
      </c>
    </row>
    <row r="36229" spans="1:10" x14ac:dyDescent="0.35">
      <c r="A36229" s="1" t="s">
        <v>13199</v>
      </c>
      <c r="B36229" s="1" t="s">
        <v>123106</v>
      </c>
      <c r="C36229" s="1" t="s">
        <v>140</v>
      </c>
      <c r="D36229" s="1" t="s">
        <v>32831</v>
      </c>
      <c r="E36229" s="1" t="s">
        <v>125806</v>
      </c>
      <c r="F36229" s="1" t="s">
        <v>125807</v>
      </c>
      <c r="G36229" s="1" t="s">
        <v>125738</v>
      </c>
      <c r="H36229" s="1" t="s">
        <v>125739</v>
      </c>
      <c r="I36229" s="1" t="s">
        <v>123111</v>
      </c>
      <c r="J36229" s="1" t="s">
        <v>125808</v>
      </c>
    </row>
    <row r="36230" spans="1:10" x14ac:dyDescent="0.35">
      <c r="A36230" s="1" t="s">
        <v>13199</v>
      </c>
      <c r="B36230" s="1" t="s">
        <v>123106</v>
      </c>
      <c r="C36230" s="1" t="s">
        <v>145</v>
      </c>
      <c r="D36230" s="1" t="s">
        <v>9613</v>
      </c>
      <c r="E36230" s="1" t="s">
        <v>125809</v>
      </c>
      <c r="F36230" s="1" t="s">
        <v>125810</v>
      </c>
      <c r="G36230" s="1" t="s">
        <v>125738</v>
      </c>
      <c r="H36230" s="1" t="s">
        <v>125739</v>
      </c>
      <c r="I36230" s="1" t="s">
        <v>123111</v>
      </c>
      <c r="J36230" s="1" t="s">
        <v>125811</v>
      </c>
    </row>
    <row r="36231" spans="1:10" x14ac:dyDescent="0.35">
      <c r="A36231" s="1" t="s">
        <v>13199</v>
      </c>
      <c r="B36231" s="1" t="s">
        <v>123106</v>
      </c>
      <c r="C36231" s="1" t="s">
        <v>150</v>
      </c>
      <c r="D36231" s="1" t="s">
        <v>9609</v>
      </c>
      <c r="E36231" s="1" t="s">
        <v>125812</v>
      </c>
      <c r="F36231" s="1" t="s">
        <v>125813</v>
      </c>
      <c r="G36231" s="1" t="s">
        <v>125738</v>
      </c>
      <c r="H36231" s="1" t="s">
        <v>125739</v>
      </c>
      <c r="I36231" s="1" t="s">
        <v>123111</v>
      </c>
      <c r="J36231" s="1" t="s">
        <v>125814</v>
      </c>
    </row>
    <row r="36232" spans="1:10" x14ac:dyDescent="0.35">
      <c r="A36232" s="1" t="s">
        <v>13199</v>
      </c>
      <c r="B36232" s="1" t="s">
        <v>123106</v>
      </c>
      <c r="C36232" s="1" t="s">
        <v>155</v>
      </c>
      <c r="D36232" s="1" t="s">
        <v>10381</v>
      </c>
      <c r="E36232" s="1" t="s">
        <v>125815</v>
      </c>
      <c r="F36232" s="1" t="s">
        <v>125816</v>
      </c>
      <c r="G36232" s="1" t="s">
        <v>125738</v>
      </c>
      <c r="H36232" s="1" t="s">
        <v>125739</v>
      </c>
      <c r="I36232" s="1" t="s">
        <v>123111</v>
      </c>
      <c r="J36232" s="1" t="s">
        <v>125817</v>
      </c>
    </row>
    <row r="36233" spans="1:10" x14ac:dyDescent="0.35">
      <c r="A36233" s="1" t="s">
        <v>13199</v>
      </c>
      <c r="B36233" s="1" t="s">
        <v>123106</v>
      </c>
      <c r="C36233" s="1" t="s">
        <v>160</v>
      </c>
      <c r="D36233" s="1" t="s">
        <v>125818</v>
      </c>
      <c r="E36233" s="1" t="s">
        <v>125819</v>
      </c>
      <c r="F36233" s="1" t="s">
        <v>125820</v>
      </c>
      <c r="G36233" s="1" t="s">
        <v>125738</v>
      </c>
      <c r="H36233" s="1" t="s">
        <v>125739</v>
      </c>
      <c r="I36233" s="1" t="s">
        <v>123111</v>
      </c>
      <c r="J36233" s="1" t="s">
        <v>125821</v>
      </c>
    </row>
    <row r="36234" spans="1:10" x14ac:dyDescent="0.35">
      <c r="A36234" s="1" t="s">
        <v>13199</v>
      </c>
      <c r="B36234" s="1" t="s">
        <v>123106</v>
      </c>
      <c r="C36234" s="1" t="s">
        <v>165</v>
      </c>
      <c r="D36234" s="1" t="s">
        <v>125822</v>
      </c>
      <c r="E36234" s="1" t="s">
        <v>125823</v>
      </c>
      <c r="F36234" s="1" t="s">
        <v>125824</v>
      </c>
      <c r="G36234" s="1" t="s">
        <v>125738</v>
      </c>
      <c r="H36234" s="1" t="s">
        <v>125739</v>
      </c>
      <c r="I36234" s="1" t="s">
        <v>123111</v>
      </c>
      <c r="J36234" s="1" t="s">
        <v>125825</v>
      </c>
    </row>
    <row r="36235" spans="1:10" x14ac:dyDescent="0.35">
      <c r="A36235" s="1" t="s">
        <v>13199</v>
      </c>
      <c r="B36235" s="1" t="s">
        <v>123106</v>
      </c>
      <c r="C36235" s="1" t="s">
        <v>170</v>
      </c>
      <c r="D36235" s="1" t="s">
        <v>125826</v>
      </c>
      <c r="E36235" s="1" t="s">
        <v>125827</v>
      </c>
      <c r="F36235" s="1" t="s">
        <v>125828</v>
      </c>
      <c r="G36235" s="1" t="s">
        <v>125738</v>
      </c>
      <c r="H36235" s="1" t="s">
        <v>125739</v>
      </c>
      <c r="I36235" s="1" t="s">
        <v>123111</v>
      </c>
      <c r="J36235" s="1" t="s">
        <v>125829</v>
      </c>
    </row>
    <row r="36236" spans="1:10" x14ac:dyDescent="0.35">
      <c r="A36236" s="1" t="s">
        <v>125830</v>
      </c>
      <c r="B36236" s="1" t="s">
        <v>123106</v>
      </c>
      <c r="C36236" s="1" t="s">
        <v>8</v>
      </c>
      <c r="D36236" s="1" t="s">
        <v>37852</v>
      </c>
      <c r="E36236" s="1" t="s">
        <v>125831</v>
      </c>
      <c r="F36236" s="1" t="s">
        <v>125832</v>
      </c>
      <c r="G36236" s="1" t="s">
        <v>125833</v>
      </c>
      <c r="H36236" s="1" t="s">
        <v>125834</v>
      </c>
      <c r="I36236" s="1" t="s">
        <v>123111</v>
      </c>
      <c r="J36236" s="1" t="s">
        <v>13</v>
      </c>
    </row>
    <row r="36237" spans="1:10" x14ac:dyDescent="0.35">
      <c r="A36237" s="1" t="s">
        <v>125830</v>
      </c>
      <c r="B36237" s="1" t="s">
        <v>123106</v>
      </c>
      <c r="C36237" s="1" t="s">
        <v>15</v>
      </c>
      <c r="D36237" s="1" t="s">
        <v>32125</v>
      </c>
      <c r="E36237" s="1" t="s">
        <v>125835</v>
      </c>
      <c r="F36237" s="1" t="s">
        <v>125836</v>
      </c>
      <c r="G36237" s="1" t="s">
        <v>125833</v>
      </c>
      <c r="H36237" s="1" t="s">
        <v>125834</v>
      </c>
      <c r="I36237" s="1" t="s">
        <v>123111</v>
      </c>
      <c r="J36237" s="1" t="s">
        <v>125837</v>
      </c>
    </row>
    <row r="36238" spans="1:10" x14ac:dyDescent="0.35">
      <c r="A36238" s="1" t="s">
        <v>125830</v>
      </c>
      <c r="B36238" s="1" t="s">
        <v>123106</v>
      </c>
      <c r="C36238" s="1" t="s">
        <v>20</v>
      </c>
      <c r="D36238" s="1" t="s">
        <v>125838</v>
      </c>
      <c r="E36238" s="1" t="s">
        <v>125839</v>
      </c>
      <c r="F36238" s="1" t="s">
        <v>125840</v>
      </c>
      <c r="G36238" s="1" t="s">
        <v>125833</v>
      </c>
      <c r="H36238" s="1" t="s">
        <v>125834</v>
      </c>
      <c r="I36238" s="1" t="s">
        <v>123111</v>
      </c>
      <c r="J36238" s="1" t="s">
        <v>125841</v>
      </c>
    </row>
    <row r="36239" spans="1:10" x14ac:dyDescent="0.35">
      <c r="A36239" s="1" t="s">
        <v>125830</v>
      </c>
      <c r="B36239" s="1" t="s">
        <v>123106</v>
      </c>
      <c r="C36239" s="1" t="s">
        <v>25</v>
      </c>
      <c r="D36239" s="1" t="s">
        <v>47540</v>
      </c>
      <c r="E36239" s="1" t="s">
        <v>125842</v>
      </c>
      <c r="F36239" s="1" t="s">
        <v>125843</v>
      </c>
      <c r="G36239" s="1" t="s">
        <v>125833</v>
      </c>
      <c r="H36239" s="1" t="s">
        <v>125834</v>
      </c>
      <c r="I36239" s="1" t="s">
        <v>123111</v>
      </c>
      <c r="J36239" s="1" t="s">
        <v>125844</v>
      </c>
    </row>
    <row r="36240" spans="1:10" x14ac:dyDescent="0.35">
      <c r="A36240" s="1" t="s">
        <v>125830</v>
      </c>
      <c r="B36240" s="1" t="s">
        <v>123106</v>
      </c>
      <c r="C36240" s="1" t="s">
        <v>30</v>
      </c>
      <c r="D36240" s="1" t="s">
        <v>125845</v>
      </c>
      <c r="E36240" s="1" t="s">
        <v>125846</v>
      </c>
      <c r="F36240" s="1" t="s">
        <v>125847</v>
      </c>
      <c r="G36240" s="1" t="s">
        <v>125833</v>
      </c>
      <c r="H36240" s="1" t="s">
        <v>125834</v>
      </c>
      <c r="I36240" s="1" t="s">
        <v>123111</v>
      </c>
      <c r="J36240" s="1" t="s">
        <v>125848</v>
      </c>
    </row>
    <row r="36241" spans="1:10" x14ac:dyDescent="0.35">
      <c r="A36241" s="1" t="s">
        <v>125830</v>
      </c>
      <c r="B36241" s="1" t="s">
        <v>123106</v>
      </c>
      <c r="C36241" s="1" t="s">
        <v>35</v>
      </c>
      <c r="D36241" s="1" t="s">
        <v>5167</v>
      </c>
      <c r="E36241" s="1" t="s">
        <v>125849</v>
      </c>
      <c r="F36241" s="1" t="s">
        <v>125850</v>
      </c>
      <c r="G36241" s="1" t="s">
        <v>125833</v>
      </c>
      <c r="H36241" s="1" t="s">
        <v>125834</v>
      </c>
      <c r="I36241" s="1" t="s">
        <v>123111</v>
      </c>
      <c r="J36241" s="1" t="s">
        <v>125851</v>
      </c>
    </row>
    <row r="36242" spans="1:10" x14ac:dyDescent="0.35">
      <c r="A36242" s="1" t="s">
        <v>125830</v>
      </c>
      <c r="B36242" s="1" t="s">
        <v>123106</v>
      </c>
      <c r="C36242" s="1" t="s">
        <v>40</v>
      </c>
      <c r="D36242" s="1" t="s">
        <v>82339</v>
      </c>
      <c r="E36242" s="1" t="s">
        <v>125852</v>
      </c>
      <c r="F36242" s="1" t="s">
        <v>125853</v>
      </c>
      <c r="G36242" s="1" t="s">
        <v>125833</v>
      </c>
      <c r="H36242" s="1" t="s">
        <v>125834</v>
      </c>
      <c r="I36242" s="1" t="s">
        <v>123111</v>
      </c>
      <c r="J36242" s="1" t="s">
        <v>125854</v>
      </c>
    </row>
    <row r="36243" spans="1:10" x14ac:dyDescent="0.35">
      <c r="A36243" s="1" t="s">
        <v>125830</v>
      </c>
      <c r="B36243" s="1" t="s">
        <v>123106</v>
      </c>
      <c r="C36243" s="1" t="s">
        <v>45</v>
      </c>
      <c r="D36243" s="1" t="s">
        <v>113064</v>
      </c>
      <c r="E36243" s="1" t="s">
        <v>125855</v>
      </c>
      <c r="F36243" s="1" t="s">
        <v>125856</v>
      </c>
      <c r="G36243" s="1" t="s">
        <v>125833</v>
      </c>
      <c r="H36243" s="1" t="s">
        <v>125834</v>
      </c>
      <c r="I36243" s="1" t="s">
        <v>123111</v>
      </c>
      <c r="J36243" s="1" t="s">
        <v>125857</v>
      </c>
    </row>
    <row r="36244" spans="1:10" x14ac:dyDescent="0.35">
      <c r="A36244" s="1" t="s">
        <v>125830</v>
      </c>
      <c r="B36244" s="1" t="s">
        <v>123106</v>
      </c>
      <c r="C36244" s="1" t="s">
        <v>50</v>
      </c>
      <c r="D36244" s="1" t="s">
        <v>125858</v>
      </c>
      <c r="E36244" s="1" t="s">
        <v>125859</v>
      </c>
      <c r="F36244" s="1" t="s">
        <v>125860</v>
      </c>
      <c r="G36244" s="1" t="s">
        <v>125833</v>
      </c>
      <c r="H36244" s="1" t="s">
        <v>125834</v>
      </c>
      <c r="I36244" s="1" t="s">
        <v>123111</v>
      </c>
      <c r="J36244" s="1" t="s">
        <v>125861</v>
      </c>
    </row>
    <row r="36245" spans="1:10" x14ac:dyDescent="0.35">
      <c r="A36245" s="1" t="s">
        <v>125830</v>
      </c>
      <c r="B36245" s="1" t="s">
        <v>123106</v>
      </c>
      <c r="C36245" s="1" t="s">
        <v>55</v>
      </c>
      <c r="D36245" s="1" t="s">
        <v>13527</v>
      </c>
      <c r="E36245" s="1" t="s">
        <v>125862</v>
      </c>
      <c r="F36245" s="1" t="s">
        <v>125863</v>
      </c>
      <c r="G36245" s="1" t="s">
        <v>125833</v>
      </c>
      <c r="H36245" s="1" t="s">
        <v>125834</v>
      </c>
      <c r="I36245" s="1" t="s">
        <v>123111</v>
      </c>
      <c r="J36245" s="1" t="s">
        <v>1323</v>
      </c>
    </row>
    <row r="36246" spans="1:10" x14ac:dyDescent="0.35">
      <c r="A36246" s="1" t="s">
        <v>125830</v>
      </c>
      <c r="B36246" s="1" t="s">
        <v>123106</v>
      </c>
      <c r="C36246" s="1" t="s">
        <v>60</v>
      </c>
      <c r="D36246" s="1" t="s">
        <v>125864</v>
      </c>
      <c r="E36246" s="1" t="s">
        <v>125865</v>
      </c>
      <c r="F36246" s="1" t="s">
        <v>125866</v>
      </c>
      <c r="G36246" s="1" t="s">
        <v>125833</v>
      </c>
      <c r="H36246" s="1" t="s">
        <v>125834</v>
      </c>
      <c r="I36246" s="1" t="s">
        <v>123111</v>
      </c>
      <c r="J36246" s="1" t="s">
        <v>125867</v>
      </c>
    </row>
    <row r="36247" spans="1:10" x14ac:dyDescent="0.35">
      <c r="A36247" s="1" t="s">
        <v>125830</v>
      </c>
      <c r="B36247" s="1" t="s">
        <v>123106</v>
      </c>
      <c r="C36247" s="1" t="s">
        <v>65</v>
      </c>
      <c r="D36247" s="1" t="s">
        <v>123712</v>
      </c>
      <c r="E36247" s="1" t="s">
        <v>125868</v>
      </c>
      <c r="F36247" s="1" t="s">
        <v>125869</v>
      </c>
      <c r="G36247" s="1" t="s">
        <v>125833</v>
      </c>
      <c r="H36247" s="1" t="s">
        <v>125834</v>
      </c>
      <c r="I36247" s="1" t="s">
        <v>123111</v>
      </c>
      <c r="J36247" s="1" t="s">
        <v>125870</v>
      </c>
    </row>
    <row r="36248" spans="1:10" x14ac:dyDescent="0.35">
      <c r="A36248" s="1" t="s">
        <v>125830</v>
      </c>
      <c r="B36248" s="1" t="s">
        <v>123106</v>
      </c>
      <c r="C36248" s="1" t="s">
        <v>70</v>
      </c>
      <c r="D36248" s="1" t="s">
        <v>125871</v>
      </c>
      <c r="E36248" s="1" t="s">
        <v>125872</v>
      </c>
      <c r="F36248" s="1" t="s">
        <v>125873</v>
      </c>
      <c r="G36248" s="1" t="s">
        <v>125833</v>
      </c>
      <c r="H36248" s="1" t="s">
        <v>125834</v>
      </c>
      <c r="I36248" s="1" t="s">
        <v>123111</v>
      </c>
      <c r="J36248" s="1" t="s">
        <v>125874</v>
      </c>
    </row>
    <row r="36249" spans="1:10" x14ac:dyDescent="0.35">
      <c r="A36249" s="1" t="s">
        <v>125830</v>
      </c>
      <c r="B36249" s="1" t="s">
        <v>123106</v>
      </c>
      <c r="C36249" s="1" t="s">
        <v>75</v>
      </c>
      <c r="D36249" s="1" t="s">
        <v>125875</v>
      </c>
      <c r="E36249" s="1" t="s">
        <v>125876</v>
      </c>
      <c r="F36249" s="1" t="s">
        <v>125877</v>
      </c>
      <c r="G36249" s="1" t="s">
        <v>125833</v>
      </c>
      <c r="H36249" s="1" t="s">
        <v>125834</v>
      </c>
      <c r="I36249" s="1" t="s">
        <v>123111</v>
      </c>
      <c r="J36249" s="1" t="s">
        <v>125878</v>
      </c>
    </row>
    <row r="36250" spans="1:10" x14ac:dyDescent="0.35">
      <c r="A36250" s="1" t="s">
        <v>125830</v>
      </c>
      <c r="B36250" s="1" t="s">
        <v>123106</v>
      </c>
      <c r="C36250" s="1" t="s">
        <v>80</v>
      </c>
      <c r="D36250" s="1" t="s">
        <v>125879</v>
      </c>
      <c r="E36250" s="1" t="s">
        <v>125880</v>
      </c>
      <c r="F36250" s="1" t="s">
        <v>125881</v>
      </c>
      <c r="G36250" s="1" t="s">
        <v>125833</v>
      </c>
      <c r="H36250" s="1" t="s">
        <v>125834</v>
      </c>
      <c r="I36250" s="1" t="s">
        <v>123111</v>
      </c>
      <c r="J36250" s="1" t="s">
        <v>125882</v>
      </c>
    </row>
    <row r="36251" spans="1:10" x14ac:dyDescent="0.35">
      <c r="A36251" s="1" t="s">
        <v>125830</v>
      </c>
      <c r="B36251" s="1" t="s">
        <v>123106</v>
      </c>
      <c r="C36251" s="1" t="s">
        <v>85</v>
      </c>
      <c r="D36251" s="1" t="s">
        <v>3830</v>
      </c>
      <c r="E36251" s="1" t="s">
        <v>125883</v>
      </c>
      <c r="F36251" s="1" t="s">
        <v>125884</v>
      </c>
      <c r="G36251" s="1" t="s">
        <v>125833</v>
      </c>
      <c r="H36251" s="1" t="s">
        <v>125834</v>
      </c>
      <c r="I36251" s="1" t="s">
        <v>123111</v>
      </c>
      <c r="J36251" s="1" t="s">
        <v>125885</v>
      </c>
    </row>
    <row r="36252" spans="1:10" x14ac:dyDescent="0.35">
      <c r="A36252" s="1" t="s">
        <v>125830</v>
      </c>
      <c r="B36252" s="1" t="s">
        <v>123106</v>
      </c>
      <c r="C36252" s="1" t="s">
        <v>90</v>
      </c>
      <c r="D36252" s="1" t="s">
        <v>125886</v>
      </c>
      <c r="E36252" s="1" t="s">
        <v>125887</v>
      </c>
      <c r="F36252" s="1" t="s">
        <v>125888</v>
      </c>
      <c r="G36252" s="1" t="s">
        <v>125833</v>
      </c>
      <c r="H36252" s="1" t="s">
        <v>125834</v>
      </c>
      <c r="I36252" s="1" t="s">
        <v>123111</v>
      </c>
      <c r="J36252" s="1" t="s">
        <v>125889</v>
      </c>
    </row>
    <row r="36253" spans="1:10" x14ac:dyDescent="0.35">
      <c r="A36253" s="1" t="s">
        <v>125830</v>
      </c>
      <c r="B36253" s="1" t="s">
        <v>123106</v>
      </c>
      <c r="C36253" s="1" t="s">
        <v>95</v>
      </c>
      <c r="D36253" s="1" t="s">
        <v>924</v>
      </c>
      <c r="E36253" s="1" t="s">
        <v>125890</v>
      </c>
      <c r="F36253" s="1" t="s">
        <v>125891</v>
      </c>
      <c r="G36253" s="1" t="s">
        <v>125833</v>
      </c>
      <c r="H36253" s="1" t="s">
        <v>125834</v>
      </c>
      <c r="I36253" s="1" t="s">
        <v>123111</v>
      </c>
      <c r="J36253" s="1" t="s">
        <v>125892</v>
      </c>
    </row>
    <row r="36254" spans="1:10" x14ac:dyDescent="0.35">
      <c r="A36254" s="1" t="s">
        <v>125830</v>
      </c>
      <c r="B36254" s="1" t="s">
        <v>123106</v>
      </c>
      <c r="C36254" s="1" t="s">
        <v>100</v>
      </c>
      <c r="D36254" s="1" t="s">
        <v>125893</v>
      </c>
      <c r="E36254" s="1" t="s">
        <v>125894</v>
      </c>
      <c r="F36254" s="1" t="s">
        <v>125895</v>
      </c>
      <c r="G36254" s="1" t="s">
        <v>125833</v>
      </c>
      <c r="H36254" s="1" t="s">
        <v>125834</v>
      </c>
      <c r="I36254" s="1" t="s">
        <v>123111</v>
      </c>
      <c r="J36254" s="1" t="s">
        <v>125896</v>
      </c>
    </row>
    <row r="36255" spans="1:10" x14ac:dyDescent="0.35">
      <c r="A36255" s="1" t="s">
        <v>125830</v>
      </c>
      <c r="B36255" s="1" t="s">
        <v>123106</v>
      </c>
      <c r="C36255" s="1" t="s">
        <v>105</v>
      </c>
      <c r="D36255" s="1" t="s">
        <v>16275</v>
      </c>
      <c r="E36255" s="1" t="s">
        <v>125897</v>
      </c>
      <c r="F36255" s="1" t="s">
        <v>125898</v>
      </c>
      <c r="G36255" s="1" t="s">
        <v>125833</v>
      </c>
      <c r="H36255" s="1" t="s">
        <v>125834</v>
      </c>
      <c r="I36255" s="1" t="s">
        <v>123111</v>
      </c>
      <c r="J36255" s="1" t="s">
        <v>125899</v>
      </c>
    </row>
    <row r="36256" spans="1:10" x14ac:dyDescent="0.35">
      <c r="A36256" s="1" t="s">
        <v>125830</v>
      </c>
      <c r="B36256" s="1" t="s">
        <v>123106</v>
      </c>
      <c r="C36256" s="1" t="s">
        <v>110</v>
      </c>
      <c r="D36256" s="1" t="s">
        <v>125900</v>
      </c>
      <c r="E36256" s="1" t="s">
        <v>125901</v>
      </c>
      <c r="F36256" s="1" t="s">
        <v>125902</v>
      </c>
      <c r="G36256" s="1" t="s">
        <v>125833</v>
      </c>
      <c r="H36256" s="1" t="s">
        <v>125834</v>
      </c>
      <c r="I36256" s="1" t="s">
        <v>123111</v>
      </c>
      <c r="J36256" s="1" t="s">
        <v>125903</v>
      </c>
    </row>
    <row r="36257" spans="1:10" x14ac:dyDescent="0.35">
      <c r="A36257" s="1" t="s">
        <v>125830</v>
      </c>
      <c r="B36257" s="1" t="s">
        <v>123106</v>
      </c>
      <c r="C36257" s="1" t="s">
        <v>115</v>
      </c>
      <c r="D36257" s="1" t="s">
        <v>125904</v>
      </c>
      <c r="E36257" s="1" t="s">
        <v>125905</v>
      </c>
      <c r="F36257" s="1" t="s">
        <v>125906</v>
      </c>
      <c r="G36257" s="1" t="s">
        <v>125833</v>
      </c>
      <c r="H36257" s="1" t="s">
        <v>125834</v>
      </c>
      <c r="I36257" s="1" t="s">
        <v>123111</v>
      </c>
      <c r="J36257" s="1" t="s">
        <v>125907</v>
      </c>
    </row>
    <row r="36258" spans="1:10" x14ac:dyDescent="0.35">
      <c r="A36258" s="1" t="s">
        <v>125830</v>
      </c>
      <c r="B36258" s="1" t="s">
        <v>123106</v>
      </c>
      <c r="C36258" s="1" t="s">
        <v>120</v>
      </c>
      <c r="D36258" s="1" t="s">
        <v>125908</v>
      </c>
      <c r="E36258" s="1" t="s">
        <v>125909</v>
      </c>
      <c r="F36258" s="1" t="s">
        <v>125910</v>
      </c>
      <c r="G36258" s="1" t="s">
        <v>125833</v>
      </c>
      <c r="H36258" s="1" t="s">
        <v>125834</v>
      </c>
      <c r="I36258" s="1" t="s">
        <v>123111</v>
      </c>
      <c r="J36258" s="1" t="s">
        <v>125911</v>
      </c>
    </row>
    <row r="36259" spans="1:10" x14ac:dyDescent="0.35">
      <c r="A36259" s="1" t="s">
        <v>125830</v>
      </c>
      <c r="B36259" s="1" t="s">
        <v>123106</v>
      </c>
      <c r="C36259" s="1" t="s">
        <v>125</v>
      </c>
      <c r="D36259" s="1" t="s">
        <v>38067</v>
      </c>
      <c r="E36259" s="1" t="s">
        <v>125912</v>
      </c>
      <c r="F36259" s="1" t="s">
        <v>125913</v>
      </c>
      <c r="G36259" s="1" t="s">
        <v>125833</v>
      </c>
      <c r="H36259" s="1" t="s">
        <v>125834</v>
      </c>
      <c r="I36259" s="1" t="s">
        <v>123111</v>
      </c>
      <c r="J36259" s="1" t="s">
        <v>125914</v>
      </c>
    </row>
    <row r="36260" spans="1:10" x14ac:dyDescent="0.35">
      <c r="A36260" s="1" t="s">
        <v>125830</v>
      </c>
      <c r="B36260" s="1" t="s">
        <v>123106</v>
      </c>
      <c r="C36260" s="1" t="s">
        <v>130</v>
      </c>
      <c r="D36260" s="1" t="s">
        <v>125915</v>
      </c>
      <c r="E36260" s="1" t="s">
        <v>125916</v>
      </c>
      <c r="F36260" s="1" t="s">
        <v>125917</v>
      </c>
      <c r="G36260" s="1" t="s">
        <v>125833</v>
      </c>
      <c r="H36260" s="1" t="s">
        <v>125834</v>
      </c>
      <c r="I36260" s="1" t="s">
        <v>123111</v>
      </c>
      <c r="J36260" s="1" t="s">
        <v>125918</v>
      </c>
    </row>
    <row r="36261" spans="1:10" x14ac:dyDescent="0.35">
      <c r="A36261" s="1" t="s">
        <v>125830</v>
      </c>
      <c r="B36261" s="1" t="s">
        <v>123106</v>
      </c>
      <c r="C36261" s="1" t="s">
        <v>135</v>
      </c>
      <c r="D36261" s="1" t="s">
        <v>45947</v>
      </c>
      <c r="E36261" s="1" t="s">
        <v>125919</v>
      </c>
      <c r="F36261" s="1" t="s">
        <v>125920</v>
      </c>
      <c r="G36261" s="1" t="s">
        <v>125833</v>
      </c>
      <c r="H36261" s="1" t="s">
        <v>125834</v>
      </c>
      <c r="I36261" s="1" t="s">
        <v>123111</v>
      </c>
      <c r="J36261" s="1" t="s">
        <v>125921</v>
      </c>
    </row>
    <row r="36262" spans="1:10" x14ac:dyDescent="0.35">
      <c r="A36262" s="1" t="s">
        <v>125830</v>
      </c>
      <c r="B36262" s="1" t="s">
        <v>123106</v>
      </c>
      <c r="C36262" s="1" t="s">
        <v>140</v>
      </c>
      <c r="D36262" s="1" t="s">
        <v>125922</v>
      </c>
      <c r="E36262" s="1" t="s">
        <v>125923</v>
      </c>
      <c r="F36262" s="1" t="s">
        <v>125924</v>
      </c>
      <c r="G36262" s="1" t="s">
        <v>125833</v>
      </c>
      <c r="H36262" s="1" t="s">
        <v>125834</v>
      </c>
      <c r="I36262" s="1" t="s">
        <v>123111</v>
      </c>
      <c r="J36262" s="1" t="s">
        <v>125925</v>
      </c>
    </row>
    <row r="36263" spans="1:10" x14ac:dyDescent="0.35">
      <c r="A36263" s="1" t="s">
        <v>125830</v>
      </c>
      <c r="B36263" s="1" t="s">
        <v>123106</v>
      </c>
      <c r="C36263" s="1" t="s">
        <v>145</v>
      </c>
      <c r="D36263" s="1" t="s">
        <v>117748</v>
      </c>
      <c r="E36263" s="1" t="s">
        <v>125926</v>
      </c>
      <c r="F36263" s="1" t="s">
        <v>125927</v>
      </c>
      <c r="G36263" s="1" t="s">
        <v>125833</v>
      </c>
      <c r="H36263" s="1" t="s">
        <v>125834</v>
      </c>
      <c r="I36263" s="1" t="s">
        <v>123111</v>
      </c>
      <c r="J36263" s="1" t="s">
        <v>125928</v>
      </c>
    </row>
    <row r="36264" spans="1:10" x14ac:dyDescent="0.35">
      <c r="A36264" s="1" t="s">
        <v>125830</v>
      </c>
      <c r="B36264" s="1" t="s">
        <v>123106</v>
      </c>
      <c r="C36264" s="1" t="s">
        <v>150</v>
      </c>
      <c r="D36264" s="1" t="s">
        <v>115167</v>
      </c>
      <c r="E36264" s="1" t="s">
        <v>125929</v>
      </c>
      <c r="F36264" s="1" t="s">
        <v>125930</v>
      </c>
      <c r="G36264" s="1" t="s">
        <v>125833</v>
      </c>
      <c r="H36264" s="1" t="s">
        <v>125834</v>
      </c>
      <c r="I36264" s="1" t="s">
        <v>123111</v>
      </c>
      <c r="J36264" s="1" t="s">
        <v>125931</v>
      </c>
    </row>
    <row r="36265" spans="1:10" x14ac:dyDescent="0.35">
      <c r="A36265" s="1" t="s">
        <v>125830</v>
      </c>
      <c r="B36265" s="1" t="s">
        <v>123106</v>
      </c>
      <c r="C36265" s="1" t="s">
        <v>155</v>
      </c>
      <c r="D36265" s="1" t="s">
        <v>125932</v>
      </c>
      <c r="E36265" s="1" t="s">
        <v>125933</v>
      </c>
      <c r="F36265" s="1" t="s">
        <v>125934</v>
      </c>
      <c r="G36265" s="1" t="s">
        <v>125833</v>
      </c>
      <c r="H36265" s="1" t="s">
        <v>125834</v>
      </c>
      <c r="I36265" s="1" t="s">
        <v>123111</v>
      </c>
      <c r="J36265" s="1" t="s">
        <v>125935</v>
      </c>
    </row>
    <row r="36266" spans="1:10" x14ac:dyDescent="0.35">
      <c r="A36266" s="1" t="s">
        <v>125830</v>
      </c>
      <c r="B36266" s="1" t="s">
        <v>123106</v>
      </c>
      <c r="C36266" s="1" t="s">
        <v>160</v>
      </c>
      <c r="D36266" s="1" t="s">
        <v>125936</v>
      </c>
      <c r="E36266" s="1" t="s">
        <v>125937</v>
      </c>
      <c r="F36266" s="1" t="s">
        <v>125938</v>
      </c>
      <c r="G36266" s="1" t="s">
        <v>125833</v>
      </c>
      <c r="H36266" s="1" t="s">
        <v>125834</v>
      </c>
      <c r="I36266" s="1" t="s">
        <v>123111</v>
      </c>
      <c r="J36266" s="1" t="s">
        <v>125939</v>
      </c>
    </row>
    <row r="36267" spans="1:10" x14ac:dyDescent="0.35">
      <c r="A36267" s="1" t="s">
        <v>125830</v>
      </c>
      <c r="B36267" s="1" t="s">
        <v>123106</v>
      </c>
      <c r="C36267" s="1" t="s">
        <v>165</v>
      </c>
      <c r="D36267" s="1" t="s">
        <v>33988</v>
      </c>
      <c r="E36267" s="1" t="s">
        <v>125940</v>
      </c>
      <c r="F36267" s="1" t="s">
        <v>125941</v>
      </c>
      <c r="G36267" s="1" t="s">
        <v>125833</v>
      </c>
      <c r="H36267" s="1" t="s">
        <v>125834</v>
      </c>
      <c r="I36267" s="1" t="s">
        <v>123111</v>
      </c>
      <c r="J36267" s="1" t="s">
        <v>125942</v>
      </c>
    </row>
    <row r="36268" spans="1:10" x14ac:dyDescent="0.35">
      <c r="A36268" s="1" t="s">
        <v>125830</v>
      </c>
      <c r="B36268" s="1" t="s">
        <v>123106</v>
      </c>
      <c r="C36268" s="1" t="s">
        <v>170</v>
      </c>
      <c r="D36268" s="1" t="s">
        <v>18319</v>
      </c>
      <c r="E36268" s="1" t="s">
        <v>125943</v>
      </c>
      <c r="F36268" s="1" t="s">
        <v>125944</v>
      </c>
      <c r="G36268" s="1" t="s">
        <v>125833</v>
      </c>
      <c r="H36268" s="1" t="s">
        <v>125834</v>
      </c>
      <c r="I36268" s="1" t="s">
        <v>123111</v>
      </c>
      <c r="J36268" s="1" t="s">
        <v>125945</v>
      </c>
    </row>
    <row r="36269" spans="1:10" x14ac:dyDescent="0.35">
      <c r="A36269" s="1" t="s">
        <v>45354</v>
      </c>
      <c r="B36269" s="1" t="s">
        <v>123106</v>
      </c>
      <c r="C36269" s="1" t="s">
        <v>8</v>
      </c>
      <c r="D36269" s="1" t="s">
        <v>125946</v>
      </c>
      <c r="E36269" s="1" t="s">
        <v>125947</v>
      </c>
      <c r="F36269" s="1" t="s">
        <v>125948</v>
      </c>
      <c r="G36269" s="1" t="s">
        <v>125949</v>
      </c>
      <c r="H36269" s="1" t="s">
        <v>125950</v>
      </c>
      <c r="I36269" s="1" t="s">
        <v>123111</v>
      </c>
      <c r="J36269" s="1" t="s">
        <v>13</v>
      </c>
    </row>
    <row r="36270" spans="1:10" x14ac:dyDescent="0.35">
      <c r="A36270" s="1" t="s">
        <v>45354</v>
      </c>
      <c r="B36270" s="1" t="s">
        <v>123106</v>
      </c>
      <c r="C36270" s="1" t="s">
        <v>15</v>
      </c>
      <c r="D36270" s="1" t="s">
        <v>48549</v>
      </c>
      <c r="E36270" s="1" t="s">
        <v>125951</v>
      </c>
      <c r="F36270" s="1" t="s">
        <v>125952</v>
      </c>
      <c r="G36270" s="1" t="s">
        <v>125949</v>
      </c>
      <c r="H36270" s="1" t="s">
        <v>125950</v>
      </c>
      <c r="I36270" s="1" t="s">
        <v>123111</v>
      </c>
      <c r="J36270" s="1" t="s">
        <v>125953</v>
      </c>
    </row>
    <row r="36271" spans="1:10" x14ac:dyDescent="0.35">
      <c r="A36271" s="1" t="s">
        <v>45354</v>
      </c>
      <c r="B36271" s="1" t="s">
        <v>123106</v>
      </c>
      <c r="C36271" s="1" t="s">
        <v>20</v>
      </c>
      <c r="D36271" s="1" t="s">
        <v>7602</v>
      </c>
      <c r="E36271" s="1" t="s">
        <v>125954</v>
      </c>
      <c r="F36271" s="1" t="s">
        <v>125955</v>
      </c>
      <c r="G36271" s="1" t="s">
        <v>125949</v>
      </c>
      <c r="H36271" s="1" t="s">
        <v>125950</v>
      </c>
      <c r="I36271" s="1" t="s">
        <v>123111</v>
      </c>
      <c r="J36271" s="1" t="s">
        <v>125956</v>
      </c>
    </row>
    <row r="36272" spans="1:10" x14ac:dyDescent="0.35">
      <c r="A36272" s="1" t="s">
        <v>45354</v>
      </c>
      <c r="B36272" s="1" t="s">
        <v>123106</v>
      </c>
      <c r="C36272" s="1" t="s">
        <v>25</v>
      </c>
      <c r="D36272" s="1" t="s">
        <v>28570</v>
      </c>
      <c r="E36272" s="1" t="s">
        <v>125957</v>
      </c>
      <c r="F36272" s="1" t="s">
        <v>125958</v>
      </c>
      <c r="G36272" s="1" t="s">
        <v>125949</v>
      </c>
      <c r="H36272" s="1" t="s">
        <v>125950</v>
      </c>
      <c r="I36272" s="1" t="s">
        <v>123111</v>
      </c>
      <c r="J36272" s="1" t="s">
        <v>125959</v>
      </c>
    </row>
    <row r="36273" spans="1:10" x14ac:dyDescent="0.35">
      <c r="A36273" s="1" t="s">
        <v>45354</v>
      </c>
      <c r="B36273" s="1" t="s">
        <v>123106</v>
      </c>
      <c r="C36273" s="1" t="s">
        <v>30</v>
      </c>
      <c r="D36273" s="1" t="s">
        <v>120820</v>
      </c>
      <c r="E36273" s="1" t="s">
        <v>125960</v>
      </c>
      <c r="F36273" s="1" t="s">
        <v>125961</v>
      </c>
      <c r="G36273" s="1" t="s">
        <v>125949</v>
      </c>
      <c r="H36273" s="1" t="s">
        <v>125950</v>
      </c>
      <c r="I36273" s="1" t="s">
        <v>123111</v>
      </c>
      <c r="J36273" s="1" t="s">
        <v>125962</v>
      </c>
    </row>
    <row r="36274" spans="1:10" x14ac:dyDescent="0.35">
      <c r="A36274" s="1" t="s">
        <v>45354</v>
      </c>
      <c r="B36274" s="1" t="s">
        <v>123106</v>
      </c>
      <c r="C36274" s="1" t="s">
        <v>35</v>
      </c>
      <c r="D36274" s="1" t="s">
        <v>118809</v>
      </c>
      <c r="E36274" s="1" t="s">
        <v>125963</v>
      </c>
      <c r="F36274" s="1" t="s">
        <v>125964</v>
      </c>
      <c r="G36274" s="1" t="s">
        <v>125949</v>
      </c>
      <c r="H36274" s="1" t="s">
        <v>125950</v>
      </c>
      <c r="I36274" s="1" t="s">
        <v>123111</v>
      </c>
      <c r="J36274" s="1" t="s">
        <v>125965</v>
      </c>
    </row>
    <row r="36275" spans="1:10" x14ac:dyDescent="0.35">
      <c r="A36275" s="1" t="s">
        <v>45354</v>
      </c>
      <c r="B36275" s="1" t="s">
        <v>123106</v>
      </c>
      <c r="C36275" s="1" t="s">
        <v>40</v>
      </c>
      <c r="D36275" s="1" t="s">
        <v>125966</v>
      </c>
      <c r="E36275" s="1" t="s">
        <v>125967</v>
      </c>
      <c r="F36275" s="1" t="s">
        <v>125968</v>
      </c>
      <c r="G36275" s="1" t="s">
        <v>125949</v>
      </c>
      <c r="H36275" s="1" t="s">
        <v>125950</v>
      </c>
      <c r="I36275" s="1" t="s">
        <v>123111</v>
      </c>
      <c r="J36275" s="1" t="s">
        <v>125969</v>
      </c>
    </row>
    <row r="36276" spans="1:10" x14ac:dyDescent="0.35">
      <c r="A36276" s="1" t="s">
        <v>45354</v>
      </c>
      <c r="B36276" s="1" t="s">
        <v>123106</v>
      </c>
      <c r="C36276" s="1" t="s">
        <v>45</v>
      </c>
      <c r="D36276" s="1" t="s">
        <v>71867</v>
      </c>
      <c r="E36276" s="1" t="s">
        <v>125970</v>
      </c>
      <c r="F36276" s="1" t="s">
        <v>125971</v>
      </c>
      <c r="G36276" s="1" t="s">
        <v>125949</v>
      </c>
      <c r="H36276" s="1" t="s">
        <v>125950</v>
      </c>
      <c r="I36276" s="1" t="s">
        <v>123111</v>
      </c>
      <c r="J36276" s="1" t="s">
        <v>125972</v>
      </c>
    </row>
    <row r="36277" spans="1:10" x14ac:dyDescent="0.35">
      <c r="A36277" s="1" t="s">
        <v>45354</v>
      </c>
      <c r="B36277" s="1" t="s">
        <v>123106</v>
      </c>
      <c r="C36277" s="1" t="s">
        <v>50</v>
      </c>
      <c r="D36277" s="1" t="s">
        <v>9694</v>
      </c>
      <c r="E36277" s="1" t="s">
        <v>125973</v>
      </c>
      <c r="F36277" s="1" t="s">
        <v>125974</v>
      </c>
      <c r="G36277" s="1" t="s">
        <v>125949</v>
      </c>
      <c r="H36277" s="1" t="s">
        <v>125950</v>
      </c>
      <c r="I36277" s="1" t="s">
        <v>123111</v>
      </c>
      <c r="J36277" s="1" t="s">
        <v>125975</v>
      </c>
    </row>
    <row r="36278" spans="1:10" x14ac:dyDescent="0.35">
      <c r="A36278" s="1" t="s">
        <v>45354</v>
      </c>
      <c r="B36278" s="1" t="s">
        <v>123106</v>
      </c>
      <c r="C36278" s="1" t="s">
        <v>55</v>
      </c>
      <c r="D36278" s="1" t="s">
        <v>125976</v>
      </c>
      <c r="E36278" s="1" t="s">
        <v>125977</v>
      </c>
      <c r="F36278" s="1" t="s">
        <v>125978</v>
      </c>
      <c r="G36278" s="1" t="s">
        <v>125949</v>
      </c>
      <c r="H36278" s="1" t="s">
        <v>125950</v>
      </c>
      <c r="I36278" s="1" t="s">
        <v>123111</v>
      </c>
      <c r="J36278" s="1" t="s">
        <v>125979</v>
      </c>
    </row>
    <row r="36279" spans="1:10" x14ac:dyDescent="0.35">
      <c r="A36279" s="1" t="s">
        <v>45354</v>
      </c>
      <c r="B36279" s="1" t="s">
        <v>123106</v>
      </c>
      <c r="C36279" s="1" t="s">
        <v>60</v>
      </c>
      <c r="D36279" s="1" t="s">
        <v>37714</v>
      </c>
      <c r="E36279" s="1" t="s">
        <v>125980</v>
      </c>
      <c r="F36279" s="1" t="s">
        <v>125981</v>
      </c>
      <c r="G36279" s="1" t="s">
        <v>125949</v>
      </c>
      <c r="H36279" s="1" t="s">
        <v>125950</v>
      </c>
      <c r="I36279" s="1" t="s">
        <v>123111</v>
      </c>
      <c r="J36279" s="1" t="s">
        <v>125982</v>
      </c>
    </row>
    <row r="36280" spans="1:10" x14ac:dyDescent="0.35">
      <c r="A36280" s="1" t="s">
        <v>45354</v>
      </c>
      <c r="B36280" s="1" t="s">
        <v>123106</v>
      </c>
      <c r="C36280" s="1" t="s">
        <v>65</v>
      </c>
      <c r="D36280" s="1" t="s">
        <v>29220</v>
      </c>
      <c r="E36280" s="1" t="s">
        <v>125983</v>
      </c>
      <c r="F36280" s="1" t="s">
        <v>125984</v>
      </c>
      <c r="G36280" s="1" t="s">
        <v>125949</v>
      </c>
      <c r="H36280" s="1" t="s">
        <v>125950</v>
      </c>
      <c r="I36280" s="1" t="s">
        <v>123111</v>
      </c>
      <c r="J36280" s="1" t="s">
        <v>125985</v>
      </c>
    </row>
    <row r="36281" spans="1:10" x14ac:dyDescent="0.35">
      <c r="A36281" s="1" t="s">
        <v>45354</v>
      </c>
      <c r="B36281" s="1" t="s">
        <v>123106</v>
      </c>
      <c r="C36281" s="1" t="s">
        <v>70</v>
      </c>
      <c r="D36281" s="1" t="s">
        <v>71032</v>
      </c>
      <c r="E36281" s="1" t="s">
        <v>125986</v>
      </c>
      <c r="F36281" s="1" t="s">
        <v>125987</v>
      </c>
      <c r="G36281" s="1" t="s">
        <v>125949</v>
      </c>
      <c r="H36281" s="1" t="s">
        <v>125950</v>
      </c>
      <c r="I36281" s="1" t="s">
        <v>123111</v>
      </c>
      <c r="J36281" s="1" t="s">
        <v>125988</v>
      </c>
    </row>
    <row r="36282" spans="1:10" x14ac:dyDescent="0.35">
      <c r="A36282" s="1" t="s">
        <v>45354</v>
      </c>
      <c r="B36282" s="1" t="s">
        <v>123106</v>
      </c>
      <c r="C36282" s="1" t="s">
        <v>75</v>
      </c>
      <c r="D36282" s="1" t="s">
        <v>27504</v>
      </c>
      <c r="E36282" s="1" t="s">
        <v>125989</v>
      </c>
      <c r="F36282" s="1" t="s">
        <v>125990</v>
      </c>
      <c r="G36282" s="1" t="s">
        <v>125949</v>
      </c>
      <c r="H36282" s="1" t="s">
        <v>125950</v>
      </c>
      <c r="I36282" s="1" t="s">
        <v>123111</v>
      </c>
      <c r="J36282" s="1" t="s">
        <v>125991</v>
      </c>
    </row>
    <row r="36283" spans="1:10" x14ac:dyDescent="0.35">
      <c r="A36283" s="1" t="s">
        <v>45354</v>
      </c>
      <c r="B36283" s="1" t="s">
        <v>123106</v>
      </c>
      <c r="C36283" s="1" t="s">
        <v>80</v>
      </c>
      <c r="D36283" s="1" t="s">
        <v>1612</v>
      </c>
      <c r="E36283" s="1" t="s">
        <v>125992</v>
      </c>
      <c r="F36283" s="1" t="s">
        <v>125993</v>
      </c>
      <c r="G36283" s="1" t="s">
        <v>125949</v>
      </c>
      <c r="H36283" s="1" t="s">
        <v>125950</v>
      </c>
      <c r="I36283" s="1" t="s">
        <v>123111</v>
      </c>
      <c r="J36283" s="1" t="s">
        <v>125994</v>
      </c>
    </row>
    <row r="36284" spans="1:10" x14ac:dyDescent="0.35">
      <c r="A36284" s="1" t="s">
        <v>45354</v>
      </c>
      <c r="B36284" s="1" t="s">
        <v>123106</v>
      </c>
      <c r="C36284" s="1" t="s">
        <v>85</v>
      </c>
      <c r="D36284" s="1" t="s">
        <v>125995</v>
      </c>
      <c r="E36284" s="1" t="s">
        <v>125996</v>
      </c>
      <c r="F36284" s="1" t="s">
        <v>125997</v>
      </c>
      <c r="G36284" s="1" t="s">
        <v>125949</v>
      </c>
      <c r="H36284" s="1" t="s">
        <v>125950</v>
      </c>
      <c r="I36284" s="1" t="s">
        <v>123111</v>
      </c>
      <c r="J36284" s="1" t="s">
        <v>125998</v>
      </c>
    </row>
    <row r="36285" spans="1:10" x14ac:dyDescent="0.35">
      <c r="A36285" s="1" t="s">
        <v>45354</v>
      </c>
      <c r="B36285" s="1" t="s">
        <v>123106</v>
      </c>
      <c r="C36285" s="1" t="s">
        <v>90</v>
      </c>
      <c r="D36285" s="1" t="s">
        <v>112779</v>
      </c>
      <c r="E36285" s="1" t="s">
        <v>125999</v>
      </c>
      <c r="F36285" s="1" t="s">
        <v>126000</v>
      </c>
      <c r="G36285" s="1" t="s">
        <v>125949</v>
      </c>
      <c r="H36285" s="1" t="s">
        <v>125950</v>
      </c>
      <c r="I36285" s="1" t="s">
        <v>123111</v>
      </c>
      <c r="J36285" s="1" t="s">
        <v>126001</v>
      </c>
    </row>
    <row r="36286" spans="1:10" x14ac:dyDescent="0.35">
      <c r="A36286" s="1" t="s">
        <v>45354</v>
      </c>
      <c r="B36286" s="1" t="s">
        <v>123106</v>
      </c>
      <c r="C36286" s="1" t="s">
        <v>95</v>
      </c>
      <c r="D36286" s="1" t="s">
        <v>34559</v>
      </c>
      <c r="E36286" s="1" t="s">
        <v>126002</v>
      </c>
      <c r="F36286" s="1" t="s">
        <v>126003</v>
      </c>
      <c r="G36286" s="1" t="s">
        <v>125949</v>
      </c>
      <c r="H36286" s="1" t="s">
        <v>125950</v>
      </c>
      <c r="I36286" s="1" t="s">
        <v>123111</v>
      </c>
      <c r="J36286" s="1" t="s">
        <v>126004</v>
      </c>
    </row>
    <row r="36287" spans="1:10" x14ac:dyDescent="0.35">
      <c r="A36287" s="1" t="s">
        <v>45354</v>
      </c>
      <c r="B36287" s="1" t="s">
        <v>123106</v>
      </c>
      <c r="C36287" s="1" t="s">
        <v>100</v>
      </c>
      <c r="D36287" s="1" t="s">
        <v>25147</v>
      </c>
      <c r="E36287" s="1" t="s">
        <v>126005</v>
      </c>
      <c r="F36287" s="1" t="s">
        <v>126006</v>
      </c>
      <c r="G36287" s="1" t="s">
        <v>125949</v>
      </c>
      <c r="H36287" s="1" t="s">
        <v>125950</v>
      </c>
      <c r="I36287" s="1" t="s">
        <v>123111</v>
      </c>
      <c r="J36287" s="1" t="s">
        <v>126007</v>
      </c>
    </row>
    <row r="36288" spans="1:10" x14ac:dyDescent="0.35">
      <c r="A36288" s="1" t="s">
        <v>45354</v>
      </c>
      <c r="B36288" s="1" t="s">
        <v>123106</v>
      </c>
      <c r="C36288" s="1" t="s">
        <v>105</v>
      </c>
      <c r="D36288" s="1" t="s">
        <v>126008</v>
      </c>
      <c r="E36288" s="1" t="s">
        <v>126009</v>
      </c>
      <c r="F36288" s="1" t="s">
        <v>126010</v>
      </c>
      <c r="G36288" s="1" t="s">
        <v>125949</v>
      </c>
      <c r="H36288" s="1" t="s">
        <v>125950</v>
      </c>
      <c r="I36288" s="1" t="s">
        <v>123111</v>
      </c>
      <c r="J36288" s="1" t="s">
        <v>126011</v>
      </c>
    </row>
    <row r="36289" spans="1:10" x14ac:dyDescent="0.35">
      <c r="A36289" s="1" t="s">
        <v>45354</v>
      </c>
      <c r="B36289" s="1" t="s">
        <v>123106</v>
      </c>
      <c r="C36289" s="1" t="s">
        <v>110</v>
      </c>
      <c r="D36289" s="1" t="s">
        <v>7988</v>
      </c>
      <c r="E36289" s="1" t="s">
        <v>126012</v>
      </c>
      <c r="F36289" s="1" t="s">
        <v>126013</v>
      </c>
      <c r="G36289" s="1" t="s">
        <v>125949</v>
      </c>
      <c r="H36289" s="1" t="s">
        <v>125950</v>
      </c>
      <c r="I36289" s="1" t="s">
        <v>123111</v>
      </c>
      <c r="J36289" s="1" t="s">
        <v>126014</v>
      </c>
    </row>
    <row r="36290" spans="1:10" x14ac:dyDescent="0.35">
      <c r="A36290" s="1" t="s">
        <v>45354</v>
      </c>
      <c r="B36290" s="1" t="s">
        <v>123106</v>
      </c>
      <c r="C36290" s="1" t="s">
        <v>115</v>
      </c>
      <c r="D36290" s="1" t="s">
        <v>9550</v>
      </c>
      <c r="E36290" s="1" t="s">
        <v>126015</v>
      </c>
      <c r="F36290" s="1" t="s">
        <v>126016</v>
      </c>
      <c r="G36290" s="1" t="s">
        <v>125949</v>
      </c>
      <c r="H36290" s="1" t="s">
        <v>125950</v>
      </c>
      <c r="I36290" s="1" t="s">
        <v>123111</v>
      </c>
      <c r="J36290" s="1" t="s">
        <v>126017</v>
      </c>
    </row>
    <row r="36291" spans="1:10" x14ac:dyDescent="0.35">
      <c r="A36291" s="1" t="s">
        <v>45354</v>
      </c>
      <c r="B36291" s="1" t="s">
        <v>123106</v>
      </c>
      <c r="C36291" s="1" t="s">
        <v>120</v>
      </c>
      <c r="D36291" s="1" t="s">
        <v>126018</v>
      </c>
      <c r="E36291" s="1" t="s">
        <v>126019</v>
      </c>
      <c r="F36291" s="1" t="s">
        <v>126020</v>
      </c>
      <c r="G36291" s="1" t="s">
        <v>125949</v>
      </c>
      <c r="H36291" s="1" t="s">
        <v>125950</v>
      </c>
      <c r="I36291" s="1" t="s">
        <v>123111</v>
      </c>
      <c r="J36291" s="1" t="s">
        <v>126021</v>
      </c>
    </row>
    <row r="36292" spans="1:10" x14ac:dyDescent="0.35">
      <c r="A36292" s="1" t="s">
        <v>45354</v>
      </c>
      <c r="B36292" s="1" t="s">
        <v>123106</v>
      </c>
      <c r="C36292" s="1" t="s">
        <v>125</v>
      </c>
      <c r="D36292" s="1" t="s">
        <v>126022</v>
      </c>
      <c r="E36292" s="1" t="s">
        <v>126023</v>
      </c>
      <c r="F36292" s="1" t="s">
        <v>126024</v>
      </c>
      <c r="G36292" s="1" t="s">
        <v>125949</v>
      </c>
      <c r="H36292" s="1" t="s">
        <v>125950</v>
      </c>
      <c r="I36292" s="1" t="s">
        <v>123111</v>
      </c>
      <c r="J36292" s="1" t="s">
        <v>126025</v>
      </c>
    </row>
    <row r="36293" spans="1:10" x14ac:dyDescent="0.35">
      <c r="A36293" s="1" t="s">
        <v>45354</v>
      </c>
      <c r="B36293" s="1" t="s">
        <v>123106</v>
      </c>
      <c r="C36293" s="1" t="s">
        <v>130</v>
      </c>
      <c r="D36293" s="1" t="s">
        <v>112070</v>
      </c>
      <c r="E36293" s="1" t="s">
        <v>126026</v>
      </c>
      <c r="F36293" s="1" t="s">
        <v>126027</v>
      </c>
      <c r="G36293" s="1" t="s">
        <v>125949</v>
      </c>
      <c r="H36293" s="1" t="s">
        <v>125950</v>
      </c>
      <c r="I36293" s="1" t="s">
        <v>123111</v>
      </c>
      <c r="J36293" s="1" t="s">
        <v>126028</v>
      </c>
    </row>
    <row r="36294" spans="1:10" x14ac:dyDescent="0.35">
      <c r="A36294" s="1" t="s">
        <v>45354</v>
      </c>
      <c r="B36294" s="1" t="s">
        <v>123106</v>
      </c>
      <c r="C36294" s="1" t="s">
        <v>135</v>
      </c>
      <c r="D36294" s="1" t="s">
        <v>72750</v>
      </c>
      <c r="E36294" s="1" t="s">
        <v>126029</v>
      </c>
      <c r="F36294" s="1" t="s">
        <v>126030</v>
      </c>
      <c r="G36294" s="1" t="s">
        <v>125949</v>
      </c>
      <c r="H36294" s="1" t="s">
        <v>125950</v>
      </c>
      <c r="I36294" s="1" t="s">
        <v>123111</v>
      </c>
      <c r="J36294" s="1" t="s">
        <v>126031</v>
      </c>
    </row>
    <row r="36295" spans="1:10" x14ac:dyDescent="0.35">
      <c r="A36295" s="1" t="s">
        <v>45354</v>
      </c>
      <c r="B36295" s="1" t="s">
        <v>123106</v>
      </c>
      <c r="C36295" s="1" t="s">
        <v>140</v>
      </c>
      <c r="D36295" s="1" t="s">
        <v>73846</v>
      </c>
      <c r="E36295" s="1" t="s">
        <v>126032</v>
      </c>
      <c r="F36295" s="1" t="s">
        <v>126033</v>
      </c>
      <c r="G36295" s="1" t="s">
        <v>125949</v>
      </c>
      <c r="H36295" s="1" t="s">
        <v>125950</v>
      </c>
      <c r="I36295" s="1" t="s">
        <v>123111</v>
      </c>
      <c r="J36295" s="1" t="s">
        <v>126034</v>
      </c>
    </row>
    <row r="36296" spans="1:10" x14ac:dyDescent="0.35">
      <c r="A36296" s="1" t="s">
        <v>45354</v>
      </c>
      <c r="B36296" s="1" t="s">
        <v>123106</v>
      </c>
      <c r="C36296" s="1" t="s">
        <v>145</v>
      </c>
      <c r="D36296" s="1" t="s">
        <v>28670</v>
      </c>
      <c r="E36296" s="1" t="s">
        <v>126035</v>
      </c>
      <c r="F36296" s="1" t="s">
        <v>126036</v>
      </c>
      <c r="G36296" s="1" t="s">
        <v>125949</v>
      </c>
      <c r="H36296" s="1" t="s">
        <v>125950</v>
      </c>
      <c r="I36296" s="1" t="s">
        <v>123111</v>
      </c>
      <c r="J36296" s="1" t="s">
        <v>126037</v>
      </c>
    </row>
    <row r="36297" spans="1:10" x14ac:dyDescent="0.35">
      <c r="A36297" s="1" t="s">
        <v>45354</v>
      </c>
      <c r="B36297" s="1" t="s">
        <v>123106</v>
      </c>
      <c r="C36297" s="1" t="s">
        <v>150</v>
      </c>
      <c r="D36297" s="1" t="s">
        <v>126038</v>
      </c>
      <c r="E36297" s="1" t="s">
        <v>126039</v>
      </c>
      <c r="F36297" s="1" t="s">
        <v>126040</v>
      </c>
      <c r="G36297" s="1" t="s">
        <v>125949</v>
      </c>
      <c r="H36297" s="1" t="s">
        <v>125950</v>
      </c>
      <c r="I36297" s="1" t="s">
        <v>123111</v>
      </c>
      <c r="J36297" s="1" t="s">
        <v>126041</v>
      </c>
    </row>
    <row r="36298" spans="1:10" x14ac:dyDescent="0.35">
      <c r="A36298" s="1" t="s">
        <v>45354</v>
      </c>
      <c r="B36298" s="1" t="s">
        <v>123106</v>
      </c>
      <c r="C36298" s="1" t="s">
        <v>155</v>
      </c>
      <c r="D36298" s="1" t="s">
        <v>48335</v>
      </c>
      <c r="E36298" s="1" t="s">
        <v>126042</v>
      </c>
      <c r="F36298" s="1" t="s">
        <v>126043</v>
      </c>
      <c r="G36298" s="1" t="s">
        <v>125949</v>
      </c>
      <c r="H36298" s="1" t="s">
        <v>125950</v>
      </c>
      <c r="I36298" s="1" t="s">
        <v>123111</v>
      </c>
      <c r="J36298" s="1" t="s">
        <v>126044</v>
      </c>
    </row>
    <row r="36299" spans="1:10" x14ac:dyDescent="0.35">
      <c r="A36299" s="1" t="s">
        <v>45354</v>
      </c>
      <c r="B36299" s="1" t="s">
        <v>123106</v>
      </c>
      <c r="C36299" s="1" t="s">
        <v>160</v>
      </c>
      <c r="D36299" s="1" t="s">
        <v>35719</v>
      </c>
      <c r="E36299" s="1" t="s">
        <v>126045</v>
      </c>
      <c r="F36299" s="1" t="s">
        <v>126046</v>
      </c>
      <c r="G36299" s="1" t="s">
        <v>125949</v>
      </c>
      <c r="H36299" s="1" t="s">
        <v>125950</v>
      </c>
      <c r="I36299" s="1" t="s">
        <v>123111</v>
      </c>
      <c r="J36299" s="1" t="s">
        <v>126047</v>
      </c>
    </row>
    <row r="36300" spans="1:10" x14ac:dyDescent="0.35">
      <c r="A36300" s="1" t="s">
        <v>45354</v>
      </c>
      <c r="B36300" s="1" t="s">
        <v>123106</v>
      </c>
      <c r="C36300" s="1" t="s">
        <v>165</v>
      </c>
      <c r="D36300" s="1" t="s">
        <v>126048</v>
      </c>
      <c r="E36300" s="1" t="s">
        <v>126049</v>
      </c>
      <c r="F36300" s="1" t="s">
        <v>126050</v>
      </c>
      <c r="G36300" s="1" t="s">
        <v>125949</v>
      </c>
      <c r="H36300" s="1" t="s">
        <v>125950</v>
      </c>
      <c r="I36300" s="1" t="s">
        <v>123111</v>
      </c>
      <c r="J36300" s="1" t="s">
        <v>126051</v>
      </c>
    </row>
    <row r="36301" spans="1:10" x14ac:dyDescent="0.35">
      <c r="A36301" s="1" t="s">
        <v>45354</v>
      </c>
      <c r="B36301" s="1" t="s">
        <v>123106</v>
      </c>
      <c r="C36301" s="1" t="s">
        <v>170</v>
      </c>
      <c r="D36301" s="1" t="s">
        <v>29254</v>
      </c>
      <c r="E36301" s="1" t="s">
        <v>126052</v>
      </c>
      <c r="F36301" s="1" t="s">
        <v>126053</v>
      </c>
      <c r="G36301" s="1" t="s">
        <v>125949</v>
      </c>
      <c r="H36301" s="1" t="s">
        <v>125950</v>
      </c>
      <c r="I36301" s="1" t="s">
        <v>123111</v>
      </c>
      <c r="J36301" s="1" t="s">
        <v>126054</v>
      </c>
    </row>
    <row r="36302" spans="1:10" x14ac:dyDescent="0.35">
      <c r="A36302" s="1" t="s">
        <v>25309</v>
      </c>
      <c r="B36302" s="1" t="s">
        <v>123106</v>
      </c>
      <c r="C36302" s="1" t="s">
        <v>8</v>
      </c>
      <c r="D36302" s="1" t="s">
        <v>120985</v>
      </c>
      <c r="E36302" s="1" t="s">
        <v>126055</v>
      </c>
      <c r="F36302" s="1" t="s">
        <v>126056</v>
      </c>
      <c r="G36302" s="1" t="s">
        <v>126057</v>
      </c>
      <c r="H36302" s="1" t="s">
        <v>126058</v>
      </c>
      <c r="I36302" s="1" t="s">
        <v>123111</v>
      </c>
      <c r="J36302" s="1" t="s">
        <v>13</v>
      </c>
    </row>
    <row r="36303" spans="1:10" x14ac:dyDescent="0.35">
      <c r="A36303" s="1" t="s">
        <v>25309</v>
      </c>
      <c r="B36303" s="1" t="s">
        <v>123106</v>
      </c>
      <c r="C36303" s="1" t="s">
        <v>15</v>
      </c>
      <c r="D36303" s="1" t="s">
        <v>51304</v>
      </c>
      <c r="E36303" s="1" t="s">
        <v>126059</v>
      </c>
      <c r="F36303" s="1" t="s">
        <v>126060</v>
      </c>
      <c r="G36303" s="1" t="s">
        <v>126057</v>
      </c>
      <c r="H36303" s="1" t="s">
        <v>126058</v>
      </c>
      <c r="I36303" s="1" t="s">
        <v>123111</v>
      </c>
      <c r="J36303" s="1" t="s">
        <v>125404</v>
      </c>
    </row>
    <row r="36304" spans="1:10" x14ac:dyDescent="0.35">
      <c r="A36304" s="1" t="s">
        <v>25309</v>
      </c>
      <c r="B36304" s="1" t="s">
        <v>123106</v>
      </c>
      <c r="C36304" s="1" t="s">
        <v>20</v>
      </c>
      <c r="D36304" s="1" t="s">
        <v>35571</v>
      </c>
      <c r="E36304" s="1" t="s">
        <v>126061</v>
      </c>
      <c r="F36304" s="1" t="s">
        <v>126062</v>
      </c>
      <c r="G36304" s="1" t="s">
        <v>126057</v>
      </c>
      <c r="H36304" s="1" t="s">
        <v>126058</v>
      </c>
      <c r="I36304" s="1" t="s">
        <v>123111</v>
      </c>
      <c r="J36304" s="1" t="s">
        <v>125407</v>
      </c>
    </row>
    <row r="36305" spans="1:10" x14ac:dyDescent="0.35">
      <c r="A36305" s="1" t="s">
        <v>25309</v>
      </c>
      <c r="B36305" s="1" t="s">
        <v>123106</v>
      </c>
      <c r="C36305" s="1" t="s">
        <v>25</v>
      </c>
      <c r="D36305" s="1" t="s">
        <v>125408</v>
      </c>
      <c r="E36305" s="1" t="s">
        <v>126063</v>
      </c>
      <c r="F36305" s="1" t="s">
        <v>126064</v>
      </c>
      <c r="G36305" s="1" t="s">
        <v>126057</v>
      </c>
      <c r="H36305" s="1" t="s">
        <v>126058</v>
      </c>
      <c r="I36305" s="1" t="s">
        <v>123111</v>
      </c>
      <c r="J36305" s="1" t="s">
        <v>125411</v>
      </c>
    </row>
    <row r="36306" spans="1:10" x14ac:dyDescent="0.35">
      <c r="A36306" s="1" t="s">
        <v>25309</v>
      </c>
      <c r="B36306" s="1" t="s">
        <v>123106</v>
      </c>
      <c r="C36306" s="1" t="s">
        <v>30</v>
      </c>
      <c r="D36306" s="1" t="s">
        <v>125412</v>
      </c>
      <c r="E36306" s="1" t="s">
        <v>126065</v>
      </c>
      <c r="F36306" s="1" t="s">
        <v>126066</v>
      </c>
      <c r="G36306" s="1" t="s">
        <v>126057</v>
      </c>
      <c r="H36306" s="1" t="s">
        <v>126058</v>
      </c>
      <c r="I36306" s="1" t="s">
        <v>123111</v>
      </c>
      <c r="J36306" s="1" t="s">
        <v>125415</v>
      </c>
    </row>
    <row r="36307" spans="1:10" x14ac:dyDescent="0.35">
      <c r="A36307" s="1" t="s">
        <v>25309</v>
      </c>
      <c r="B36307" s="1" t="s">
        <v>123106</v>
      </c>
      <c r="C36307" s="1" t="s">
        <v>35</v>
      </c>
      <c r="D36307" s="1" t="s">
        <v>1445</v>
      </c>
      <c r="E36307" s="1" t="s">
        <v>126067</v>
      </c>
      <c r="F36307" s="1" t="s">
        <v>126068</v>
      </c>
      <c r="G36307" s="1" t="s">
        <v>126057</v>
      </c>
      <c r="H36307" s="1" t="s">
        <v>126058</v>
      </c>
      <c r="I36307" s="1" t="s">
        <v>123111</v>
      </c>
      <c r="J36307" s="1" t="s">
        <v>125418</v>
      </c>
    </row>
    <row r="36308" spans="1:10" x14ac:dyDescent="0.35">
      <c r="A36308" s="1" t="s">
        <v>25309</v>
      </c>
      <c r="B36308" s="1" t="s">
        <v>123106</v>
      </c>
      <c r="C36308" s="1" t="s">
        <v>40</v>
      </c>
      <c r="D36308" s="1" t="s">
        <v>125419</v>
      </c>
      <c r="E36308" s="1" t="s">
        <v>126069</v>
      </c>
      <c r="F36308" s="1" t="s">
        <v>126070</v>
      </c>
      <c r="G36308" s="1" t="s">
        <v>126057</v>
      </c>
      <c r="H36308" s="1" t="s">
        <v>126058</v>
      </c>
      <c r="I36308" s="1" t="s">
        <v>123111</v>
      </c>
      <c r="J36308" s="1" t="s">
        <v>125422</v>
      </c>
    </row>
    <row r="36309" spans="1:10" x14ac:dyDescent="0.35">
      <c r="A36309" s="1" t="s">
        <v>25309</v>
      </c>
      <c r="B36309" s="1" t="s">
        <v>123106</v>
      </c>
      <c r="C36309" s="1" t="s">
        <v>45</v>
      </c>
      <c r="D36309" s="1" t="s">
        <v>34942</v>
      </c>
      <c r="E36309" s="1" t="s">
        <v>126071</v>
      </c>
      <c r="F36309" s="1" t="s">
        <v>126072</v>
      </c>
      <c r="G36309" s="1" t="s">
        <v>126057</v>
      </c>
      <c r="H36309" s="1" t="s">
        <v>126058</v>
      </c>
      <c r="I36309" s="1" t="s">
        <v>123111</v>
      </c>
      <c r="J36309" s="1" t="s">
        <v>125425</v>
      </c>
    </row>
    <row r="36310" spans="1:10" x14ac:dyDescent="0.35">
      <c r="A36310" s="1" t="s">
        <v>25309</v>
      </c>
      <c r="B36310" s="1" t="s">
        <v>123106</v>
      </c>
      <c r="C36310" s="1" t="s">
        <v>50</v>
      </c>
      <c r="D36310" s="1" t="s">
        <v>125426</v>
      </c>
      <c r="E36310" s="1" t="s">
        <v>126073</v>
      </c>
      <c r="F36310" s="1" t="s">
        <v>126074</v>
      </c>
      <c r="G36310" s="1" t="s">
        <v>126057</v>
      </c>
      <c r="H36310" s="1" t="s">
        <v>126058</v>
      </c>
      <c r="I36310" s="1" t="s">
        <v>123111</v>
      </c>
      <c r="J36310" s="1" t="s">
        <v>125429</v>
      </c>
    </row>
    <row r="36311" spans="1:10" x14ac:dyDescent="0.35">
      <c r="A36311" s="1" t="s">
        <v>25309</v>
      </c>
      <c r="B36311" s="1" t="s">
        <v>123106</v>
      </c>
      <c r="C36311" s="1" t="s">
        <v>55</v>
      </c>
      <c r="D36311" s="1" t="s">
        <v>125430</v>
      </c>
      <c r="E36311" s="1" t="s">
        <v>126075</v>
      </c>
      <c r="F36311" s="1" t="s">
        <v>126076</v>
      </c>
      <c r="G36311" s="1" t="s">
        <v>126057</v>
      </c>
      <c r="H36311" s="1" t="s">
        <v>126058</v>
      </c>
      <c r="I36311" s="1" t="s">
        <v>123111</v>
      </c>
      <c r="J36311" s="1" t="s">
        <v>125433</v>
      </c>
    </row>
    <row r="36312" spans="1:10" x14ac:dyDescent="0.35">
      <c r="A36312" s="1" t="s">
        <v>25309</v>
      </c>
      <c r="B36312" s="1" t="s">
        <v>123106</v>
      </c>
      <c r="C36312" s="1" t="s">
        <v>60</v>
      </c>
      <c r="D36312" s="1" t="s">
        <v>33178</v>
      </c>
      <c r="E36312" s="1" t="s">
        <v>126077</v>
      </c>
      <c r="F36312" s="1" t="s">
        <v>126078</v>
      </c>
      <c r="G36312" s="1" t="s">
        <v>126057</v>
      </c>
      <c r="H36312" s="1" t="s">
        <v>126058</v>
      </c>
      <c r="I36312" s="1" t="s">
        <v>123111</v>
      </c>
      <c r="J36312" s="1" t="s">
        <v>125436</v>
      </c>
    </row>
    <row r="36313" spans="1:10" x14ac:dyDescent="0.35">
      <c r="A36313" s="1" t="s">
        <v>25309</v>
      </c>
      <c r="B36313" s="1" t="s">
        <v>123106</v>
      </c>
      <c r="C36313" s="1" t="s">
        <v>65</v>
      </c>
      <c r="D36313" s="1" t="s">
        <v>72906</v>
      </c>
      <c r="E36313" s="1" t="s">
        <v>126079</v>
      </c>
      <c r="F36313" s="1" t="s">
        <v>126080</v>
      </c>
      <c r="G36313" s="1" t="s">
        <v>126057</v>
      </c>
      <c r="H36313" s="1" t="s">
        <v>126058</v>
      </c>
      <c r="I36313" s="1" t="s">
        <v>123111</v>
      </c>
      <c r="J36313" s="1" t="s">
        <v>125439</v>
      </c>
    </row>
    <row r="36314" spans="1:10" x14ac:dyDescent="0.35">
      <c r="A36314" s="1" t="s">
        <v>25309</v>
      </c>
      <c r="B36314" s="1" t="s">
        <v>123106</v>
      </c>
      <c r="C36314" s="1" t="s">
        <v>70</v>
      </c>
      <c r="D36314" s="1" t="s">
        <v>125440</v>
      </c>
      <c r="E36314" s="1" t="s">
        <v>126081</v>
      </c>
      <c r="F36314" s="1" t="s">
        <v>126082</v>
      </c>
      <c r="G36314" s="1" t="s">
        <v>126057</v>
      </c>
      <c r="H36314" s="1" t="s">
        <v>126058</v>
      </c>
      <c r="I36314" s="1" t="s">
        <v>123111</v>
      </c>
      <c r="J36314" s="1" t="s">
        <v>125443</v>
      </c>
    </row>
    <row r="36315" spans="1:10" x14ac:dyDescent="0.35">
      <c r="A36315" s="1" t="s">
        <v>25309</v>
      </c>
      <c r="B36315" s="1" t="s">
        <v>123106</v>
      </c>
      <c r="C36315" s="1" t="s">
        <v>75</v>
      </c>
      <c r="D36315" s="1" t="s">
        <v>17437</v>
      </c>
      <c r="E36315" s="1" t="s">
        <v>126083</v>
      </c>
      <c r="F36315" s="1" t="s">
        <v>126084</v>
      </c>
      <c r="G36315" s="1" t="s">
        <v>126057</v>
      </c>
      <c r="H36315" s="1" t="s">
        <v>126058</v>
      </c>
      <c r="I36315" s="1" t="s">
        <v>123111</v>
      </c>
      <c r="J36315" s="1" t="s">
        <v>125446</v>
      </c>
    </row>
    <row r="36316" spans="1:10" x14ac:dyDescent="0.35">
      <c r="A36316" s="1" t="s">
        <v>25309</v>
      </c>
      <c r="B36316" s="1" t="s">
        <v>123106</v>
      </c>
      <c r="C36316" s="1" t="s">
        <v>80</v>
      </c>
      <c r="D36316" s="1" t="s">
        <v>126085</v>
      </c>
      <c r="E36316" s="1" t="s">
        <v>126086</v>
      </c>
      <c r="F36316" s="1" t="s">
        <v>126087</v>
      </c>
      <c r="G36316" s="1" t="s">
        <v>126057</v>
      </c>
      <c r="H36316" s="1" t="s">
        <v>126058</v>
      </c>
      <c r="I36316" s="1" t="s">
        <v>123111</v>
      </c>
      <c r="J36316" s="1" t="s">
        <v>126088</v>
      </c>
    </row>
    <row r="36317" spans="1:10" x14ac:dyDescent="0.35">
      <c r="A36317" s="1" t="s">
        <v>25309</v>
      </c>
      <c r="B36317" s="1" t="s">
        <v>123106</v>
      </c>
      <c r="C36317" s="1" t="s">
        <v>85</v>
      </c>
      <c r="D36317" s="1" t="s">
        <v>51232</v>
      </c>
      <c r="E36317" s="1" t="s">
        <v>126089</v>
      </c>
      <c r="F36317" s="1" t="s">
        <v>126090</v>
      </c>
      <c r="G36317" s="1" t="s">
        <v>126057</v>
      </c>
      <c r="H36317" s="1" t="s">
        <v>126058</v>
      </c>
      <c r="I36317" s="1" t="s">
        <v>123111</v>
      </c>
      <c r="J36317" s="1" t="s">
        <v>126091</v>
      </c>
    </row>
    <row r="36318" spans="1:10" x14ac:dyDescent="0.35">
      <c r="A36318" s="1" t="s">
        <v>25309</v>
      </c>
      <c r="B36318" s="1" t="s">
        <v>123106</v>
      </c>
      <c r="C36318" s="1" t="s">
        <v>90</v>
      </c>
      <c r="D36318" s="1" t="s">
        <v>116228</v>
      </c>
      <c r="E36318" s="1" t="s">
        <v>126092</v>
      </c>
      <c r="F36318" s="1" t="s">
        <v>126093</v>
      </c>
      <c r="G36318" s="1" t="s">
        <v>126057</v>
      </c>
      <c r="H36318" s="1" t="s">
        <v>126058</v>
      </c>
      <c r="I36318" s="1" t="s">
        <v>123111</v>
      </c>
      <c r="J36318" s="1" t="s">
        <v>126094</v>
      </c>
    </row>
    <row r="36319" spans="1:10" x14ac:dyDescent="0.35">
      <c r="A36319" s="1" t="s">
        <v>25309</v>
      </c>
      <c r="B36319" s="1" t="s">
        <v>123106</v>
      </c>
      <c r="C36319" s="1" t="s">
        <v>95</v>
      </c>
      <c r="D36319" s="1" t="s">
        <v>126095</v>
      </c>
      <c r="E36319" s="1" t="s">
        <v>126096</v>
      </c>
      <c r="F36319" s="1" t="s">
        <v>126097</v>
      </c>
      <c r="G36319" s="1" t="s">
        <v>126057</v>
      </c>
      <c r="H36319" s="1" t="s">
        <v>126058</v>
      </c>
      <c r="I36319" s="1" t="s">
        <v>123111</v>
      </c>
      <c r="J36319" s="1" t="s">
        <v>126098</v>
      </c>
    </row>
    <row r="36320" spans="1:10" x14ac:dyDescent="0.35">
      <c r="A36320" s="1" t="s">
        <v>25309</v>
      </c>
      <c r="B36320" s="1" t="s">
        <v>123106</v>
      </c>
      <c r="C36320" s="1" t="s">
        <v>100</v>
      </c>
      <c r="D36320" s="1" t="s">
        <v>3643</v>
      </c>
      <c r="E36320" s="1" t="s">
        <v>126099</v>
      </c>
      <c r="F36320" s="1" t="s">
        <v>126100</v>
      </c>
      <c r="G36320" s="1" t="s">
        <v>126057</v>
      </c>
      <c r="H36320" s="1" t="s">
        <v>126058</v>
      </c>
      <c r="I36320" s="1" t="s">
        <v>123111</v>
      </c>
      <c r="J36320" s="1" t="s">
        <v>126101</v>
      </c>
    </row>
    <row r="36321" spans="1:10" x14ac:dyDescent="0.35">
      <c r="A36321" s="1" t="s">
        <v>25309</v>
      </c>
      <c r="B36321" s="1" t="s">
        <v>123106</v>
      </c>
      <c r="C36321" s="1" t="s">
        <v>105</v>
      </c>
      <c r="D36321" s="1" t="s">
        <v>49740</v>
      </c>
      <c r="E36321" s="1" t="s">
        <v>126102</v>
      </c>
      <c r="F36321" s="1" t="s">
        <v>126103</v>
      </c>
      <c r="G36321" s="1" t="s">
        <v>126057</v>
      </c>
      <c r="H36321" s="1" t="s">
        <v>126058</v>
      </c>
      <c r="I36321" s="1" t="s">
        <v>123111</v>
      </c>
      <c r="J36321" s="1" t="s">
        <v>126104</v>
      </c>
    </row>
    <row r="36322" spans="1:10" x14ac:dyDescent="0.35">
      <c r="A36322" s="1" t="s">
        <v>25309</v>
      </c>
      <c r="B36322" s="1" t="s">
        <v>123106</v>
      </c>
      <c r="C36322" s="1" t="s">
        <v>110</v>
      </c>
      <c r="D36322" s="1" t="s">
        <v>35813</v>
      </c>
      <c r="E36322" s="1" t="s">
        <v>126105</v>
      </c>
      <c r="F36322" s="1" t="s">
        <v>126106</v>
      </c>
      <c r="G36322" s="1" t="s">
        <v>126057</v>
      </c>
      <c r="H36322" s="1" t="s">
        <v>126058</v>
      </c>
      <c r="I36322" s="1" t="s">
        <v>123111</v>
      </c>
      <c r="J36322" s="1" t="s">
        <v>126107</v>
      </c>
    </row>
    <row r="36323" spans="1:10" x14ac:dyDescent="0.35">
      <c r="A36323" s="1" t="s">
        <v>25309</v>
      </c>
      <c r="B36323" s="1" t="s">
        <v>123106</v>
      </c>
      <c r="C36323" s="1" t="s">
        <v>115</v>
      </c>
      <c r="D36323" s="1" t="s">
        <v>126108</v>
      </c>
      <c r="E36323" s="1" t="s">
        <v>126109</v>
      </c>
      <c r="F36323" s="1" t="s">
        <v>126110</v>
      </c>
      <c r="G36323" s="1" t="s">
        <v>126057</v>
      </c>
      <c r="H36323" s="1" t="s">
        <v>126058</v>
      </c>
      <c r="I36323" s="1" t="s">
        <v>123111</v>
      </c>
      <c r="J36323" s="1" t="s">
        <v>126111</v>
      </c>
    </row>
    <row r="36324" spans="1:10" x14ac:dyDescent="0.35">
      <c r="A36324" s="1" t="s">
        <v>25309</v>
      </c>
      <c r="B36324" s="1" t="s">
        <v>123106</v>
      </c>
      <c r="C36324" s="1" t="s">
        <v>120</v>
      </c>
      <c r="D36324" s="1" t="s">
        <v>376</v>
      </c>
      <c r="E36324" s="1" t="s">
        <v>126112</v>
      </c>
      <c r="F36324" s="1" t="s">
        <v>126113</v>
      </c>
      <c r="G36324" s="1" t="s">
        <v>126057</v>
      </c>
      <c r="H36324" s="1" t="s">
        <v>126058</v>
      </c>
      <c r="I36324" s="1" t="s">
        <v>123111</v>
      </c>
      <c r="J36324" s="1" t="s">
        <v>126114</v>
      </c>
    </row>
    <row r="36325" spans="1:10" x14ac:dyDescent="0.35">
      <c r="A36325" s="1" t="s">
        <v>25309</v>
      </c>
      <c r="B36325" s="1" t="s">
        <v>123106</v>
      </c>
      <c r="C36325" s="1" t="s">
        <v>125</v>
      </c>
      <c r="D36325" s="1" t="s">
        <v>126115</v>
      </c>
      <c r="E36325" s="1" t="s">
        <v>126116</v>
      </c>
      <c r="F36325" s="1" t="s">
        <v>126117</v>
      </c>
      <c r="G36325" s="1" t="s">
        <v>126057</v>
      </c>
      <c r="H36325" s="1" t="s">
        <v>126058</v>
      </c>
      <c r="I36325" s="1" t="s">
        <v>123111</v>
      </c>
      <c r="J36325" s="1" t="s">
        <v>126118</v>
      </c>
    </row>
    <row r="36326" spans="1:10" x14ac:dyDescent="0.35">
      <c r="A36326" s="1" t="s">
        <v>25309</v>
      </c>
      <c r="B36326" s="1" t="s">
        <v>123106</v>
      </c>
      <c r="C36326" s="1" t="s">
        <v>130</v>
      </c>
      <c r="D36326" s="1" t="s">
        <v>116456</v>
      </c>
      <c r="E36326" s="1" t="s">
        <v>126119</v>
      </c>
      <c r="F36326" s="1" t="s">
        <v>126120</v>
      </c>
      <c r="G36326" s="1" t="s">
        <v>126057</v>
      </c>
      <c r="H36326" s="1" t="s">
        <v>126058</v>
      </c>
      <c r="I36326" s="1" t="s">
        <v>123111</v>
      </c>
      <c r="J36326" s="1" t="s">
        <v>126121</v>
      </c>
    </row>
    <row r="36327" spans="1:10" x14ac:dyDescent="0.35">
      <c r="A36327" s="1" t="s">
        <v>25309</v>
      </c>
      <c r="B36327" s="1" t="s">
        <v>123106</v>
      </c>
      <c r="C36327" s="1" t="s">
        <v>135</v>
      </c>
      <c r="D36327" s="1" t="s">
        <v>126122</v>
      </c>
      <c r="E36327" s="1" t="s">
        <v>126123</v>
      </c>
      <c r="F36327" s="1" t="s">
        <v>126124</v>
      </c>
      <c r="G36327" s="1" t="s">
        <v>126057</v>
      </c>
      <c r="H36327" s="1" t="s">
        <v>126058</v>
      </c>
      <c r="I36327" s="1" t="s">
        <v>123111</v>
      </c>
      <c r="J36327" s="1" t="s">
        <v>126125</v>
      </c>
    </row>
    <row r="36328" spans="1:10" x14ac:dyDescent="0.35">
      <c r="A36328" s="1" t="s">
        <v>25309</v>
      </c>
      <c r="B36328" s="1" t="s">
        <v>123106</v>
      </c>
      <c r="C36328" s="1" t="s">
        <v>140</v>
      </c>
      <c r="D36328" s="1" t="s">
        <v>126126</v>
      </c>
      <c r="E36328" s="1" t="s">
        <v>126127</v>
      </c>
      <c r="F36328" s="1" t="s">
        <v>126128</v>
      </c>
      <c r="G36328" s="1" t="s">
        <v>126057</v>
      </c>
      <c r="H36328" s="1" t="s">
        <v>126058</v>
      </c>
      <c r="I36328" s="1" t="s">
        <v>123111</v>
      </c>
      <c r="J36328" s="1" t="s">
        <v>126129</v>
      </c>
    </row>
    <row r="36329" spans="1:10" x14ac:dyDescent="0.35">
      <c r="A36329" s="1" t="s">
        <v>25309</v>
      </c>
      <c r="B36329" s="1" t="s">
        <v>123106</v>
      </c>
      <c r="C36329" s="1" t="s">
        <v>145</v>
      </c>
      <c r="D36329" s="1" t="s">
        <v>50242</v>
      </c>
      <c r="E36329" s="1" t="s">
        <v>126130</v>
      </c>
      <c r="F36329" s="1" t="s">
        <v>126131</v>
      </c>
      <c r="G36329" s="1" t="s">
        <v>126057</v>
      </c>
      <c r="H36329" s="1" t="s">
        <v>126058</v>
      </c>
      <c r="I36329" s="1" t="s">
        <v>123111</v>
      </c>
      <c r="J36329" s="1" t="s">
        <v>126132</v>
      </c>
    </row>
    <row r="36330" spans="1:10" x14ac:dyDescent="0.35">
      <c r="A36330" s="1" t="s">
        <v>25309</v>
      </c>
      <c r="B36330" s="1" t="s">
        <v>123106</v>
      </c>
      <c r="C36330" s="1" t="s">
        <v>150</v>
      </c>
      <c r="D36330" s="1" t="s">
        <v>42896</v>
      </c>
      <c r="E36330" s="1" t="s">
        <v>126133</v>
      </c>
      <c r="F36330" s="1" t="s">
        <v>126134</v>
      </c>
      <c r="G36330" s="1" t="s">
        <v>126057</v>
      </c>
      <c r="H36330" s="1" t="s">
        <v>126058</v>
      </c>
      <c r="I36330" s="1" t="s">
        <v>123111</v>
      </c>
      <c r="J36330" s="1" t="s">
        <v>126135</v>
      </c>
    </row>
    <row r="36331" spans="1:10" x14ac:dyDescent="0.35">
      <c r="A36331" s="1" t="s">
        <v>25309</v>
      </c>
      <c r="B36331" s="1" t="s">
        <v>123106</v>
      </c>
      <c r="C36331" s="1" t="s">
        <v>155</v>
      </c>
      <c r="D36331" s="1" t="s">
        <v>126136</v>
      </c>
      <c r="E36331" s="1" t="s">
        <v>126137</v>
      </c>
      <c r="F36331" s="1" t="s">
        <v>126138</v>
      </c>
      <c r="G36331" s="1" t="s">
        <v>126057</v>
      </c>
      <c r="H36331" s="1" t="s">
        <v>126058</v>
      </c>
      <c r="I36331" s="1" t="s">
        <v>123111</v>
      </c>
      <c r="J36331" s="1" t="s">
        <v>126139</v>
      </c>
    </row>
    <row r="36332" spans="1:10" x14ac:dyDescent="0.35">
      <c r="A36332" s="1" t="s">
        <v>25309</v>
      </c>
      <c r="B36332" s="1" t="s">
        <v>123106</v>
      </c>
      <c r="C36332" s="1" t="s">
        <v>160</v>
      </c>
      <c r="D36332" s="1" t="s">
        <v>51592</v>
      </c>
      <c r="E36332" s="1" t="s">
        <v>126140</v>
      </c>
      <c r="F36332" s="1" t="s">
        <v>126141</v>
      </c>
      <c r="G36332" s="1" t="s">
        <v>126057</v>
      </c>
      <c r="H36332" s="1" t="s">
        <v>126058</v>
      </c>
      <c r="I36332" s="1" t="s">
        <v>123111</v>
      </c>
      <c r="J36332" s="1" t="s">
        <v>126142</v>
      </c>
    </row>
    <row r="36333" spans="1:10" x14ac:dyDescent="0.35">
      <c r="A36333" s="1" t="s">
        <v>25309</v>
      </c>
      <c r="B36333" s="1" t="s">
        <v>123106</v>
      </c>
      <c r="C36333" s="1" t="s">
        <v>165</v>
      </c>
      <c r="D36333" s="1" t="s">
        <v>126143</v>
      </c>
      <c r="E36333" s="1" t="s">
        <v>126144</v>
      </c>
      <c r="F36333" s="1" t="s">
        <v>126145</v>
      </c>
      <c r="G36333" s="1" t="s">
        <v>126057</v>
      </c>
      <c r="H36333" s="1" t="s">
        <v>126058</v>
      </c>
      <c r="I36333" s="1" t="s">
        <v>123111</v>
      </c>
      <c r="J36333" s="1" t="s">
        <v>126146</v>
      </c>
    </row>
    <row r="36334" spans="1:10" x14ac:dyDescent="0.35">
      <c r="A36334" s="1" t="s">
        <v>25309</v>
      </c>
      <c r="B36334" s="1" t="s">
        <v>123106</v>
      </c>
      <c r="C36334" s="1" t="s">
        <v>170</v>
      </c>
      <c r="D36334" s="1" t="s">
        <v>120951</v>
      </c>
      <c r="E36334" s="1" t="s">
        <v>126147</v>
      </c>
      <c r="F36334" s="1" t="s">
        <v>126148</v>
      </c>
      <c r="G36334" s="1" t="s">
        <v>126057</v>
      </c>
      <c r="H36334" s="1" t="s">
        <v>126058</v>
      </c>
      <c r="I36334" s="1" t="s">
        <v>123111</v>
      </c>
      <c r="J36334" s="1" t="s">
        <v>126149</v>
      </c>
    </row>
    <row r="36335" spans="1:10" x14ac:dyDescent="0.35">
      <c r="A36335" s="1" t="s">
        <v>121180</v>
      </c>
      <c r="B36335" s="1" t="s">
        <v>123106</v>
      </c>
      <c r="C36335" s="1" t="s">
        <v>8</v>
      </c>
      <c r="D36335" s="1" t="s">
        <v>43686</v>
      </c>
      <c r="E36335" s="1" t="s">
        <v>126150</v>
      </c>
      <c r="F36335" s="1" t="s">
        <v>126151</v>
      </c>
      <c r="G36335" s="1" t="s">
        <v>126152</v>
      </c>
      <c r="H36335" s="1" t="s">
        <v>126153</v>
      </c>
      <c r="I36335" s="1" t="s">
        <v>123111</v>
      </c>
      <c r="J36335" s="1" t="s">
        <v>13</v>
      </c>
    </row>
    <row r="36336" spans="1:10" x14ac:dyDescent="0.35">
      <c r="A36336" s="1" t="s">
        <v>121180</v>
      </c>
      <c r="B36336" s="1" t="s">
        <v>123106</v>
      </c>
      <c r="C36336" s="1" t="s">
        <v>15</v>
      </c>
      <c r="D36336" s="1" t="s">
        <v>126154</v>
      </c>
      <c r="E36336" s="1" t="s">
        <v>126155</v>
      </c>
      <c r="F36336" s="1" t="s">
        <v>126156</v>
      </c>
      <c r="G36336" s="1" t="s">
        <v>126152</v>
      </c>
      <c r="H36336" s="1" t="s">
        <v>126153</v>
      </c>
      <c r="I36336" s="1" t="s">
        <v>123111</v>
      </c>
      <c r="J36336" s="1" t="s">
        <v>126157</v>
      </c>
    </row>
    <row r="36337" spans="1:10" x14ac:dyDescent="0.35">
      <c r="A36337" s="1" t="s">
        <v>121180</v>
      </c>
      <c r="B36337" s="1" t="s">
        <v>123106</v>
      </c>
      <c r="C36337" s="1" t="s">
        <v>20</v>
      </c>
      <c r="D36337" s="1" t="s">
        <v>16259</v>
      </c>
      <c r="E36337" s="1" t="s">
        <v>126158</v>
      </c>
      <c r="F36337" s="1" t="s">
        <v>126159</v>
      </c>
      <c r="G36337" s="1" t="s">
        <v>126152</v>
      </c>
      <c r="H36337" s="1" t="s">
        <v>126153</v>
      </c>
      <c r="I36337" s="1" t="s">
        <v>123111</v>
      </c>
      <c r="J36337" s="1" t="s">
        <v>126160</v>
      </c>
    </row>
    <row r="36338" spans="1:10" x14ac:dyDescent="0.35">
      <c r="A36338" s="1" t="s">
        <v>121180</v>
      </c>
      <c r="B36338" s="1" t="s">
        <v>123106</v>
      </c>
      <c r="C36338" s="1" t="s">
        <v>25</v>
      </c>
      <c r="D36338" s="1" t="s">
        <v>126161</v>
      </c>
      <c r="E36338" s="1" t="s">
        <v>126162</v>
      </c>
      <c r="F36338" s="1" t="s">
        <v>126163</v>
      </c>
      <c r="G36338" s="1" t="s">
        <v>126152</v>
      </c>
      <c r="H36338" s="1" t="s">
        <v>126153</v>
      </c>
      <c r="I36338" s="1" t="s">
        <v>123111</v>
      </c>
      <c r="J36338" s="1" t="s">
        <v>126164</v>
      </c>
    </row>
    <row r="36339" spans="1:10" x14ac:dyDescent="0.35">
      <c r="A36339" s="1" t="s">
        <v>121180</v>
      </c>
      <c r="B36339" s="1" t="s">
        <v>123106</v>
      </c>
      <c r="C36339" s="1" t="s">
        <v>30</v>
      </c>
      <c r="D36339" s="1" t="s">
        <v>126165</v>
      </c>
      <c r="E36339" s="1" t="s">
        <v>126166</v>
      </c>
      <c r="F36339" s="1" t="s">
        <v>126167</v>
      </c>
      <c r="G36339" s="1" t="s">
        <v>126152</v>
      </c>
      <c r="H36339" s="1" t="s">
        <v>126153</v>
      </c>
      <c r="I36339" s="1" t="s">
        <v>123111</v>
      </c>
      <c r="J36339" s="1" t="s">
        <v>126168</v>
      </c>
    </row>
    <row r="36340" spans="1:10" x14ac:dyDescent="0.35">
      <c r="A36340" s="1" t="s">
        <v>121180</v>
      </c>
      <c r="B36340" s="1" t="s">
        <v>123106</v>
      </c>
      <c r="C36340" s="1" t="s">
        <v>35</v>
      </c>
      <c r="D36340" s="1" t="s">
        <v>34215</v>
      </c>
      <c r="E36340" s="1" t="s">
        <v>126169</v>
      </c>
      <c r="F36340" s="1" t="s">
        <v>126170</v>
      </c>
      <c r="G36340" s="1" t="s">
        <v>126152</v>
      </c>
      <c r="H36340" s="1" t="s">
        <v>126153</v>
      </c>
      <c r="I36340" s="1" t="s">
        <v>123111</v>
      </c>
      <c r="J36340" s="1" t="s">
        <v>126171</v>
      </c>
    </row>
    <row r="36341" spans="1:10" x14ac:dyDescent="0.35">
      <c r="A36341" s="1" t="s">
        <v>121180</v>
      </c>
      <c r="B36341" s="1" t="s">
        <v>123106</v>
      </c>
      <c r="C36341" s="1" t="s">
        <v>40</v>
      </c>
      <c r="D36341" s="1" t="s">
        <v>126172</v>
      </c>
      <c r="E36341" s="1" t="s">
        <v>126173</v>
      </c>
      <c r="F36341" s="1" t="s">
        <v>126174</v>
      </c>
      <c r="G36341" s="1" t="s">
        <v>126152</v>
      </c>
      <c r="H36341" s="1" t="s">
        <v>126153</v>
      </c>
      <c r="I36341" s="1" t="s">
        <v>123111</v>
      </c>
      <c r="J36341" s="1" t="s">
        <v>126175</v>
      </c>
    </row>
    <row r="36342" spans="1:10" x14ac:dyDescent="0.35">
      <c r="A36342" s="1" t="s">
        <v>121180</v>
      </c>
      <c r="B36342" s="1" t="s">
        <v>123106</v>
      </c>
      <c r="C36342" s="1" t="s">
        <v>45</v>
      </c>
      <c r="D36342" s="1" t="s">
        <v>44463</v>
      </c>
      <c r="E36342" s="1" t="s">
        <v>126176</v>
      </c>
      <c r="F36342" s="1" t="s">
        <v>126177</v>
      </c>
      <c r="G36342" s="1" t="s">
        <v>126152</v>
      </c>
      <c r="H36342" s="1" t="s">
        <v>126153</v>
      </c>
      <c r="I36342" s="1" t="s">
        <v>123111</v>
      </c>
      <c r="J36342" s="1" t="s">
        <v>126178</v>
      </c>
    </row>
    <row r="36343" spans="1:10" x14ac:dyDescent="0.35">
      <c r="A36343" s="1" t="s">
        <v>121180</v>
      </c>
      <c r="B36343" s="1" t="s">
        <v>123106</v>
      </c>
      <c r="C36343" s="1" t="s">
        <v>50</v>
      </c>
      <c r="D36343" s="1" t="s">
        <v>126179</v>
      </c>
      <c r="E36343" s="1" t="s">
        <v>126180</v>
      </c>
      <c r="F36343" s="1" t="s">
        <v>126181</v>
      </c>
      <c r="G36343" s="1" t="s">
        <v>126152</v>
      </c>
      <c r="H36343" s="1" t="s">
        <v>126153</v>
      </c>
      <c r="I36343" s="1" t="s">
        <v>123111</v>
      </c>
      <c r="J36343" s="1" t="s">
        <v>126182</v>
      </c>
    </row>
    <row r="36344" spans="1:10" x14ac:dyDescent="0.35">
      <c r="A36344" s="1" t="s">
        <v>121180</v>
      </c>
      <c r="B36344" s="1" t="s">
        <v>123106</v>
      </c>
      <c r="C36344" s="1" t="s">
        <v>55</v>
      </c>
      <c r="D36344" s="1" t="s">
        <v>33091</v>
      </c>
      <c r="E36344" s="1" t="s">
        <v>126183</v>
      </c>
      <c r="F36344" s="1" t="s">
        <v>126184</v>
      </c>
      <c r="G36344" s="1" t="s">
        <v>126152</v>
      </c>
      <c r="H36344" s="1" t="s">
        <v>126153</v>
      </c>
      <c r="I36344" s="1" t="s">
        <v>123111</v>
      </c>
      <c r="J36344" s="1" t="s">
        <v>126185</v>
      </c>
    </row>
    <row r="36345" spans="1:10" x14ac:dyDescent="0.35">
      <c r="A36345" s="1" t="s">
        <v>121180</v>
      </c>
      <c r="B36345" s="1" t="s">
        <v>123106</v>
      </c>
      <c r="C36345" s="1" t="s">
        <v>60</v>
      </c>
      <c r="D36345" s="1" t="s">
        <v>11479</v>
      </c>
      <c r="E36345" s="1" t="s">
        <v>126186</v>
      </c>
      <c r="F36345" s="1" t="s">
        <v>126187</v>
      </c>
      <c r="G36345" s="1" t="s">
        <v>126152</v>
      </c>
      <c r="H36345" s="1" t="s">
        <v>126153</v>
      </c>
      <c r="I36345" s="1" t="s">
        <v>123111</v>
      </c>
      <c r="J36345" s="1" t="s">
        <v>126188</v>
      </c>
    </row>
    <row r="36346" spans="1:10" x14ac:dyDescent="0.35">
      <c r="A36346" s="1" t="s">
        <v>121180</v>
      </c>
      <c r="B36346" s="1" t="s">
        <v>123106</v>
      </c>
      <c r="C36346" s="1" t="s">
        <v>65</v>
      </c>
      <c r="D36346" s="1" t="s">
        <v>126189</v>
      </c>
      <c r="E36346" s="1" t="s">
        <v>126190</v>
      </c>
      <c r="F36346" s="1" t="s">
        <v>126191</v>
      </c>
      <c r="G36346" s="1" t="s">
        <v>126152</v>
      </c>
      <c r="H36346" s="1" t="s">
        <v>126153</v>
      </c>
      <c r="I36346" s="1" t="s">
        <v>123111</v>
      </c>
      <c r="J36346" s="1" t="s">
        <v>126192</v>
      </c>
    </row>
    <row r="36347" spans="1:10" x14ac:dyDescent="0.35">
      <c r="A36347" s="1" t="s">
        <v>121180</v>
      </c>
      <c r="B36347" s="1" t="s">
        <v>123106</v>
      </c>
      <c r="C36347" s="1" t="s">
        <v>70</v>
      </c>
      <c r="D36347" s="1" t="s">
        <v>25643</v>
      </c>
      <c r="E36347" s="1" t="s">
        <v>126193</v>
      </c>
      <c r="F36347" s="1" t="s">
        <v>126194</v>
      </c>
      <c r="G36347" s="1" t="s">
        <v>126152</v>
      </c>
      <c r="H36347" s="1" t="s">
        <v>126153</v>
      </c>
      <c r="I36347" s="1" t="s">
        <v>123111</v>
      </c>
      <c r="J36347" s="1" t="s">
        <v>126195</v>
      </c>
    </row>
    <row r="36348" spans="1:10" x14ac:dyDescent="0.35">
      <c r="A36348" s="1" t="s">
        <v>121180</v>
      </c>
      <c r="B36348" s="1" t="s">
        <v>123106</v>
      </c>
      <c r="C36348" s="1" t="s">
        <v>75</v>
      </c>
      <c r="D36348" s="1" t="s">
        <v>126196</v>
      </c>
      <c r="E36348" s="1" t="s">
        <v>126197</v>
      </c>
      <c r="F36348" s="1" t="s">
        <v>126198</v>
      </c>
      <c r="G36348" s="1" t="s">
        <v>126152</v>
      </c>
      <c r="H36348" s="1" t="s">
        <v>126153</v>
      </c>
      <c r="I36348" s="1" t="s">
        <v>123111</v>
      </c>
      <c r="J36348" s="1" t="s">
        <v>126199</v>
      </c>
    </row>
    <row r="36349" spans="1:10" x14ac:dyDescent="0.35">
      <c r="A36349" s="1" t="s">
        <v>121180</v>
      </c>
      <c r="B36349" s="1" t="s">
        <v>123106</v>
      </c>
      <c r="C36349" s="1" t="s">
        <v>80</v>
      </c>
      <c r="D36349" s="1" t="s">
        <v>11503</v>
      </c>
      <c r="E36349" s="1" t="s">
        <v>126200</v>
      </c>
      <c r="F36349" s="1" t="s">
        <v>126201</v>
      </c>
      <c r="G36349" s="1" t="s">
        <v>126152</v>
      </c>
      <c r="H36349" s="1" t="s">
        <v>126153</v>
      </c>
      <c r="I36349" s="1" t="s">
        <v>123111</v>
      </c>
      <c r="J36349" s="1" t="s">
        <v>126202</v>
      </c>
    </row>
    <row r="36350" spans="1:10" x14ac:dyDescent="0.35">
      <c r="A36350" s="1" t="s">
        <v>121180</v>
      </c>
      <c r="B36350" s="1" t="s">
        <v>123106</v>
      </c>
      <c r="C36350" s="1" t="s">
        <v>85</v>
      </c>
      <c r="D36350" s="1" t="s">
        <v>109107</v>
      </c>
      <c r="E36350" s="1" t="s">
        <v>126203</v>
      </c>
      <c r="F36350" s="1" t="s">
        <v>126204</v>
      </c>
      <c r="G36350" s="1" t="s">
        <v>126152</v>
      </c>
      <c r="H36350" s="1" t="s">
        <v>126153</v>
      </c>
      <c r="I36350" s="1" t="s">
        <v>123111</v>
      </c>
      <c r="J36350" s="1" t="s">
        <v>126205</v>
      </c>
    </row>
    <row r="36351" spans="1:10" x14ac:dyDescent="0.35">
      <c r="A36351" s="1" t="s">
        <v>121180</v>
      </c>
      <c r="B36351" s="1" t="s">
        <v>123106</v>
      </c>
      <c r="C36351" s="1" t="s">
        <v>90</v>
      </c>
      <c r="D36351" s="1" t="s">
        <v>126206</v>
      </c>
      <c r="E36351" s="1" t="s">
        <v>126207</v>
      </c>
      <c r="F36351" s="1" t="s">
        <v>126208</v>
      </c>
      <c r="G36351" s="1" t="s">
        <v>126152</v>
      </c>
      <c r="H36351" s="1" t="s">
        <v>126153</v>
      </c>
      <c r="I36351" s="1" t="s">
        <v>123111</v>
      </c>
      <c r="J36351" s="1" t="s">
        <v>126209</v>
      </c>
    </row>
    <row r="36352" spans="1:10" x14ac:dyDescent="0.35">
      <c r="A36352" s="1" t="s">
        <v>121180</v>
      </c>
      <c r="B36352" s="1" t="s">
        <v>123106</v>
      </c>
      <c r="C36352" s="1" t="s">
        <v>95</v>
      </c>
      <c r="D36352" s="1" t="s">
        <v>126210</v>
      </c>
      <c r="E36352" s="1" t="s">
        <v>126211</v>
      </c>
      <c r="F36352" s="1" t="s">
        <v>126212</v>
      </c>
      <c r="G36352" s="1" t="s">
        <v>126152</v>
      </c>
      <c r="H36352" s="1" t="s">
        <v>126153</v>
      </c>
      <c r="I36352" s="1" t="s">
        <v>123111</v>
      </c>
      <c r="J36352" s="1" t="s">
        <v>126213</v>
      </c>
    </row>
    <row r="36353" spans="1:10" x14ac:dyDescent="0.35">
      <c r="A36353" s="1" t="s">
        <v>121180</v>
      </c>
      <c r="B36353" s="1" t="s">
        <v>123106</v>
      </c>
      <c r="C36353" s="1" t="s">
        <v>100</v>
      </c>
      <c r="D36353" s="1" t="s">
        <v>126214</v>
      </c>
      <c r="E36353" s="1" t="s">
        <v>126215</v>
      </c>
      <c r="F36353" s="1" t="s">
        <v>126216</v>
      </c>
      <c r="G36353" s="1" t="s">
        <v>126152</v>
      </c>
      <c r="H36353" s="1" t="s">
        <v>126153</v>
      </c>
      <c r="I36353" s="1" t="s">
        <v>123111</v>
      </c>
      <c r="J36353" s="1" t="s">
        <v>126217</v>
      </c>
    </row>
    <row r="36354" spans="1:10" x14ac:dyDescent="0.35">
      <c r="A36354" s="1" t="s">
        <v>121180</v>
      </c>
      <c r="B36354" s="1" t="s">
        <v>123106</v>
      </c>
      <c r="C36354" s="1" t="s">
        <v>105</v>
      </c>
      <c r="D36354" s="1" t="s">
        <v>126218</v>
      </c>
      <c r="E36354" s="1" t="s">
        <v>126219</v>
      </c>
      <c r="F36354" s="1" t="s">
        <v>126220</v>
      </c>
      <c r="G36354" s="1" t="s">
        <v>126152</v>
      </c>
      <c r="H36354" s="1" t="s">
        <v>126153</v>
      </c>
      <c r="I36354" s="1" t="s">
        <v>123111</v>
      </c>
      <c r="J36354" s="1" t="s">
        <v>126221</v>
      </c>
    </row>
    <row r="36355" spans="1:10" x14ac:dyDescent="0.35">
      <c r="A36355" s="1" t="s">
        <v>121180</v>
      </c>
      <c r="B36355" s="1" t="s">
        <v>123106</v>
      </c>
      <c r="C36355" s="1" t="s">
        <v>110</v>
      </c>
      <c r="D36355" s="1" t="s">
        <v>85723</v>
      </c>
      <c r="E36355" s="1" t="s">
        <v>126222</v>
      </c>
      <c r="F36355" s="1" t="s">
        <v>126223</v>
      </c>
      <c r="G36355" s="1" t="s">
        <v>126152</v>
      </c>
      <c r="H36355" s="1" t="s">
        <v>126153</v>
      </c>
      <c r="I36355" s="1" t="s">
        <v>123111</v>
      </c>
      <c r="J36355" s="1" t="s">
        <v>126224</v>
      </c>
    </row>
    <row r="36356" spans="1:10" x14ac:dyDescent="0.35">
      <c r="A36356" s="1" t="s">
        <v>121180</v>
      </c>
      <c r="B36356" s="1" t="s">
        <v>123106</v>
      </c>
      <c r="C36356" s="1" t="s">
        <v>115</v>
      </c>
      <c r="D36356" s="1" t="s">
        <v>126225</v>
      </c>
      <c r="E36356" s="1" t="s">
        <v>126226</v>
      </c>
      <c r="F36356" s="1" t="s">
        <v>126227</v>
      </c>
      <c r="G36356" s="1" t="s">
        <v>126152</v>
      </c>
      <c r="H36356" s="1" t="s">
        <v>126153</v>
      </c>
      <c r="I36356" s="1" t="s">
        <v>123111</v>
      </c>
      <c r="J36356" s="1" t="s">
        <v>126228</v>
      </c>
    </row>
    <row r="36357" spans="1:10" x14ac:dyDescent="0.35">
      <c r="A36357" s="1" t="s">
        <v>121180</v>
      </c>
      <c r="B36357" s="1" t="s">
        <v>123106</v>
      </c>
      <c r="C36357" s="1" t="s">
        <v>120</v>
      </c>
      <c r="D36357" s="1" t="s">
        <v>100175</v>
      </c>
      <c r="E36357" s="1" t="s">
        <v>126229</v>
      </c>
      <c r="F36357" s="1" t="s">
        <v>126230</v>
      </c>
      <c r="G36357" s="1" t="s">
        <v>126152</v>
      </c>
      <c r="H36357" s="1" t="s">
        <v>126153</v>
      </c>
      <c r="I36357" s="1" t="s">
        <v>123111</v>
      </c>
      <c r="J36357" s="1" t="s">
        <v>126231</v>
      </c>
    </row>
    <row r="36358" spans="1:10" x14ac:dyDescent="0.35">
      <c r="A36358" s="1" t="s">
        <v>121180</v>
      </c>
      <c r="B36358" s="1" t="s">
        <v>123106</v>
      </c>
      <c r="C36358" s="1" t="s">
        <v>125</v>
      </c>
      <c r="D36358" s="1" t="s">
        <v>126232</v>
      </c>
      <c r="E36358" s="1" t="s">
        <v>126233</v>
      </c>
      <c r="F36358" s="1" t="s">
        <v>126234</v>
      </c>
      <c r="G36358" s="1" t="s">
        <v>126152</v>
      </c>
      <c r="H36358" s="1" t="s">
        <v>126153</v>
      </c>
      <c r="I36358" s="1" t="s">
        <v>123111</v>
      </c>
      <c r="J36358" s="1" t="s">
        <v>126235</v>
      </c>
    </row>
    <row r="36359" spans="1:10" x14ac:dyDescent="0.35">
      <c r="A36359" s="1" t="s">
        <v>121180</v>
      </c>
      <c r="B36359" s="1" t="s">
        <v>123106</v>
      </c>
      <c r="C36359" s="1" t="s">
        <v>130</v>
      </c>
      <c r="D36359" s="1" t="s">
        <v>126236</v>
      </c>
      <c r="E36359" s="1" t="s">
        <v>126237</v>
      </c>
      <c r="F36359" s="1" t="s">
        <v>126238</v>
      </c>
      <c r="G36359" s="1" t="s">
        <v>126152</v>
      </c>
      <c r="H36359" s="1" t="s">
        <v>126153</v>
      </c>
      <c r="I36359" s="1" t="s">
        <v>123111</v>
      </c>
      <c r="J36359" s="1" t="s">
        <v>126239</v>
      </c>
    </row>
    <row r="36360" spans="1:10" x14ac:dyDescent="0.35">
      <c r="A36360" s="1" t="s">
        <v>121180</v>
      </c>
      <c r="B36360" s="1" t="s">
        <v>123106</v>
      </c>
      <c r="C36360" s="1" t="s">
        <v>135</v>
      </c>
      <c r="D36360" s="1" t="s">
        <v>126240</v>
      </c>
      <c r="E36360" s="1" t="s">
        <v>126241</v>
      </c>
      <c r="F36360" s="1" t="s">
        <v>126242</v>
      </c>
      <c r="G36360" s="1" t="s">
        <v>126152</v>
      </c>
      <c r="H36360" s="1" t="s">
        <v>126153</v>
      </c>
      <c r="I36360" s="1" t="s">
        <v>123111</v>
      </c>
      <c r="J36360" s="1" t="s">
        <v>126243</v>
      </c>
    </row>
    <row r="36361" spans="1:10" x14ac:dyDescent="0.35">
      <c r="A36361" s="1" t="s">
        <v>121180</v>
      </c>
      <c r="B36361" s="1" t="s">
        <v>123106</v>
      </c>
      <c r="C36361" s="1" t="s">
        <v>140</v>
      </c>
      <c r="D36361" s="1" t="s">
        <v>59513</v>
      </c>
      <c r="E36361" s="1" t="s">
        <v>126244</v>
      </c>
      <c r="F36361" s="1" t="s">
        <v>126245</v>
      </c>
      <c r="G36361" s="1" t="s">
        <v>126152</v>
      </c>
      <c r="H36361" s="1" t="s">
        <v>126153</v>
      </c>
      <c r="I36361" s="1" t="s">
        <v>123111</v>
      </c>
      <c r="J36361" s="1" t="s">
        <v>126246</v>
      </c>
    </row>
    <row r="36362" spans="1:10" x14ac:dyDescent="0.35">
      <c r="A36362" s="1" t="s">
        <v>121180</v>
      </c>
      <c r="B36362" s="1" t="s">
        <v>123106</v>
      </c>
      <c r="C36362" s="1" t="s">
        <v>145</v>
      </c>
      <c r="D36362" s="1" t="s">
        <v>126247</v>
      </c>
      <c r="E36362" s="1" t="s">
        <v>126248</v>
      </c>
      <c r="F36362" s="1" t="s">
        <v>126249</v>
      </c>
      <c r="G36362" s="1" t="s">
        <v>126152</v>
      </c>
      <c r="H36362" s="1" t="s">
        <v>126153</v>
      </c>
      <c r="I36362" s="1" t="s">
        <v>123111</v>
      </c>
      <c r="J36362" s="1" t="s">
        <v>126250</v>
      </c>
    </row>
    <row r="36363" spans="1:10" x14ac:dyDescent="0.35">
      <c r="A36363" s="1" t="s">
        <v>121180</v>
      </c>
      <c r="B36363" s="1" t="s">
        <v>123106</v>
      </c>
      <c r="C36363" s="1" t="s">
        <v>150</v>
      </c>
      <c r="D36363" s="1" t="s">
        <v>126251</v>
      </c>
      <c r="E36363" s="1" t="s">
        <v>126252</v>
      </c>
      <c r="F36363" s="1" t="s">
        <v>126253</v>
      </c>
      <c r="G36363" s="1" t="s">
        <v>126152</v>
      </c>
      <c r="H36363" s="1" t="s">
        <v>126153</v>
      </c>
      <c r="I36363" s="1" t="s">
        <v>123111</v>
      </c>
      <c r="J36363" s="1" t="s">
        <v>126254</v>
      </c>
    </row>
    <row r="36364" spans="1:10" x14ac:dyDescent="0.35">
      <c r="A36364" s="1" t="s">
        <v>121180</v>
      </c>
      <c r="B36364" s="1" t="s">
        <v>123106</v>
      </c>
      <c r="C36364" s="1" t="s">
        <v>155</v>
      </c>
      <c r="D36364" s="1" t="s">
        <v>126255</v>
      </c>
      <c r="E36364" s="1" t="s">
        <v>126256</v>
      </c>
      <c r="F36364" s="1" t="s">
        <v>126257</v>
      </c>
      <c r="G36364" s="1" t="s">
        <v>126152</v>
      </c>
      <c r="H36364" s="1" t="s">
        <v>126153</v>
      </c>
      <c r="I36364" s="1" t="s">
        <v>123111</v>
      </c>
      <c r="J36364" s="1" t="s">
        <v>126258</v>
      </c>
    </row>
    <row r="36365" spans="1:10" x14ac:dyDescent="0.35">
      <c r="A36365" s="1" t="s">
        <v>121180</v>
      </c>
      <c r="B36365" s="1" t="s">
        <v>123106</v>
      </c>
      <c r="C36365" s="1" t="s">
        <v>160</v>
      </c>
      <c r="D36365" s="1" t="s">
        <v>126259</v>
      </c>
      <c r="E36365" s="1" t="s">
        <v>126260</v>
      </c>
      <c r="F36365" s="1" t="s">
        <v>126261</v>
      </c>
      <c r="G36365" s="1" t="s">
        <v>126152</v>
      </c>
      <c r="H36365" s="1" t="s">
        <v>126153</v>
      </c>
      <c r="I36365" s="1" t="s">
        <v>123111</v>
      </c>
      <c r="J36365" s="1" t="s">
        <v>126262</v>
      </c>
    </row>
    <row r="36366" spans="1:10" x14ac:dyDescent="0.35">
      <c r="A36366" s="1" t="s">
        <v>121180</v>
      </c>
      <c r="B36366" s="1" t="s">
        <v>123106</v>
      </c>
      <c r="C36366" s="1" t="s">
        <v>165</v>
      </c>
      <c r="D36366" s="1" t="s">
        <v>126263</v>
      </c>
      <c r="E36366" s="1" t="s">
        <v>126264</v>
      </c>
      <c r="F36366" s="1" t="s">
        <v>126265</v>
      </c>
      <c r="G36366" s="1" t="s">
        <v>126152</v>
      </c>
      <c r="H36366" s="1" t="s">
        <v>126153</v>
      </c>
      <c r="I36366" s="1" t="s">
        <v>123111</v>
      </c>
      <c r="J36366" s="1" t="s">
        <v>126266</v>
      </c>
    </row>
    <row r="36367" spans="1:10" x14ac:dyDescent="0.35">
      <c r="A36367" s="1" t="s">
        <v>121180</v>
      </c>
      <c r="B36367" s="1" t="s">
        <v>123106</v>
      </c>
      <c r="C36367" s="1" t="s">
        <v>170</v>
      </c>
      <c r="D36367" s="1" t="s">
        <v>59884</v>
      </c>
      <c r="E36367" s="1" t="s">
        <v>126267</v>
      </c>
      <c r="F36367" s="1" t="s">
        <v>126268</v>
      </c>
      <c r="G36367" s="1" t="s">
        <v>126152</v>
      </c>
      <c r="H36367" s="1" t="s">
        <v>126153</v>
      </c>
      <c r="I36367" s="1" t="s">
        <v>123111</v>
      </c>
      <c r="J36367" s="1" t="s">
        <v>126269</v>
      </c>
    </row>
    <row r="36368" spans="1:10" x14ac:dyDescent="0.35">
      <c r="A36368" s="1" t="s">
        <v>28488</v>
      </c>
      <c r="B36368" s="1" t="s">
        <v>123106</v>
      </c>
      <c r="C36368" s="1" t="s">
        <v>8</v>
      </c>
      <c r="D36368" s="1" t="s">
        <v>126270</v>
      </c>
      <c r="E36368" s="1" t="s">
        <v>126271</v>
      </c>
      <c r="F36368" s="1" t="s">
        <v>126272</v>
      </c>
      <c r="G36368" s="1" t="s">
        <v>126273</v>
      </c>
      <c r="H36368" s="1" t="s">
        <v>126274</v>
      </c>
      <c r="I36368" s="1" t="s">
        <v>123111</v>
      </c>
      <c r="J36368" s="1" t="s">
        <v>13</v>
      </c>
    </row>
    <row r="36369" spans="1:10" x14ac:dyDescent="0.35">
      <c r="A36369" s="1" t="s">
        <v>28488</v>
      </c>
      <c r="B36369" s="1" t="s">
        <v>123106</v>
      </c>
      <c r="C36369" s="1" t="s">
        <v>15</v>
      </c>
      <c r="D36369" s="1" t="s">
        <v>7988</v>
      </c>
      <c r="E36369" s="1" t="s">
        <v>126275</v>
      </c>
      <c r="F36369" s="1" t="s">
        <v>126276</v>
      </c>
      <c r="G36369" s="1" t="s">
        <v>126273</v>
      </c>
      <c r="H36369" s="1" t="s">
        <v>126274</v>
      </c>
      <c r="I36369" s="1" t="s">
        <v>123111</v>
      </c>
      <c r="J36369" s="1" t="s">
        <v>126277</v>
      </c>
    </row>
    <row r="36370" spans="1:10" x14ac:dyDescent="0.35">
      <c r="A36370" s="1" t="s">
        <v>28488</v>
      </c>
      <c r="B36370" s="1" t="s">
        <v>123106</v>
      </c>
      <c r="C36370" s="1" t="s">
        <v>20</v>
      </c>
      <c r="D36370" s="1" t="s">
        <v>33929</v>
      </c>
      <c r="E36370" s="1" t="s">
        <v>126278</v>
      </c>
      <c r="F36370" s="1" t="s">
        <v>126279</v>
      </c>
      <c r="G36370" s="1" t="s">
        <v>126273</v>
      </c>
      <c r="H36370" s="1" t="s">
        <v>126274</v>
      </c>
      <c r="I36370" s="1" t="s">
        <v>123111</v>
      </c>
      <c r="J36370" s="1" t="s">
        <v>126280</v>
      </c>
    </row>
    <row r="36371" spans="1:10" x14ac:dyDescent="0.35">
      <c r="A36371" s="1" t="s">
        <v>28488</v>
      </c>
      <c r="B36371" s="1" t="s">
        <v>123106</v>
      </c>
      <c r="C36371" s="1" t="s">
        <v>25</v>
      </c>
      <c r="D36371" s="1" t="s">
        <v>126281</v>
      </c>
      <c r="E36371" s="1" t="s">
        <v>126282</v>
      </c>
      <c r="F36371" s="1" t="s">
        <v>126283</v>
      </c>
      <c r="G36371" s="1" t="s">
        <v>126273</v>
      </c>
      <c r="H36371" s="1" t="s">
        <v>126274</v>
      </c>
      <c r="I36371" s="1" t="s">
        <v>123111</v>
      </c>
      <c r="J36371" s="1" t="s">
        <v>126284</v>
      </c>
    </row>
    <row r="36372" spans="1:10" x14ac:dyDescent="0.35">
      <c r="A36372" s="1" t="s">
        <v>28488</v>
      </c>
      <c r="B36372" s="1" t="s">
        <v>123106</v>
      </c>
      <c r="C36372" s="1" t="s">
        <v>30</v>
      </c>
      <c r="D36372" s="1" t="s">
        <v>126285</v>
      </c>
      <c r="E36372" s="1" t="s">
        <v>126286</v>
      </c>
      <c r="F36372" s="1" t="s">
        <v>126287</v>
      </c>
      <c r="G36372" s="1" t="s">
        <v>126273</v>
      </c>
      <c r="H36372" s="1" t="s">
        <v>126274</v>
      </c>
      <c r="I36372" s="1" t="s">
        <v>123111</v>
      </c>
      <c r="J36372" s="1" t="s">
        <v>126288</v>
      </c>
    </row>
    <row r="36373" spans="1:10" x14ac:dyDescent="0.35">
      <c r="A36373" s="1" t="s">
        <v>28488</v>
      </c>
      <c r="B36373" s="1" t="s">
        <v>123106</v>
      </c>
      <c r="C36373" s="1" t="s">
        <v>35</v>
      </c>
      <c r="D36373" s="1" t="s">
        <v>126289</v>
      </c>
      <c r="E36373" s="1" t="s">
        <v>126290</v>
      </c>
      <c r="F36373" s="1" t="s">
        <v>126291</v>
      </c>
      <c r="G36373" s="1" t="s">
        <v>126273</v>
      </c>
      <c r="H36373" s="1" t="s">
        <v>126274</v>
      </c>
      <c r="I36373" s="1" t="s">
        <v>123111</v>
      </c>
      <c r="J36373" s="1" t="s">
        <v>126292</v>
      </c>
    </row>
    <row r="36374" spans="1:10" x14ac:dyDescent="0.35">
      <c r="A36374" s="1" t="s">
        <v>28488</v>
      </c>
      <c r="B36374" s="1" t="s">
        <v>123106</v>
      </c>
      <c r="C36374" s="1" t="s">
        <v>40</v>
      </c>
      <c r="D36374" s="1" t="s">
        <v>126293</v>
      </c>
      <c r="E36374" s="1" t="s">
        <v>126294</v>
      </c>
      <c r="F36374" s="1" t="s">
        <v>126295</v>
      </c>
      <c r="G36374" s="1" t="s">
        <v>126273</v>
      </c>
      <c r="H36374" s="1" t="s">
        <v>126274</v>
      </c>
      <c r="I36374" s="1" t="s">
        <v>123111</v>
      </c>
      <c r="J36374" s="1" t="s">
        <v>126296</v>
      </c>
    </row>
    <row r="36375" spans="1:10" x14ac:dyDescent="0.35">
      <c r="A36375" s="1" t="s">
        <v>28488</v>
      </c>
      <c r="B36375" s="1" t="s">
        <v>123106</v>
      </c>
      <c r="C36375" s="1" t="s">
        <v>45</v>
      </c>
      <c r="D36375" s="1" t="s">
        <v>104124</v>
      </c>
      <c r="E36375" s="1" t="s">
        <v>126297</v>
      </c>
      <c r="F36375" s="1" t="s">
        <v>126298</v>
      </c>
      <c r="G36375" s="1" t="s">
        <v>126273</v>
      </c>
      <c r="H36375" s="1" t="s">
        <v>126274</v>
      </c>
      <c r="I36375" s="1" t="s">
        <v>123111</v>
      </c>
      <c r="J36375" s="1" t="s">
        <v>126299</v>
      </c>
    </row>
    <row r="36376" spans="1:10" x14ac:dyDescent="0.35">
      <c r="A36376" s="1" t="s">
        <v>28488</v>
      </c>
      <c r="B36376" s="1" t="s">
        <v>123106</v>
      </c>
      <c r="C36376" s="1" t="s">
        <v>50</v>
      </c>
      <c r="D36376" s="1" t="s">
        <v>48335</v>
      </c>
      <c r="E36376" s="1" t="s">
        <v>126300</v>
      </c>
      <c r="F36376" s="1" t="s">
        <v>126301</v>
      </c>
      <c r="G36376" s="1" t="s">
        <v>126273</v>
      </c>
      <c r="H36376" s="1" t="s">
        <v>126274</v>
      </c>
      <c r="I36376" s="1" t="s">
        <v>123111</v>
      </c>
      <c r="J36376" s="1" t="s">
        <v>126302</v>
      </c>
    </row>
    <row r="36377" spans="1:10" x14ac:dyDescent="0.35">
      <c r="A36377" s="1" t="s">
        <v>28488</v>
      </c>
      <c r="B36377" s="1" t="s">
        <v>123106</v>
      </c>
      <c r="C36377" s="1" t="s">
        <v>55</v>
      </c>
      <c r="D36377" s="1" t="s">
        <v>126303</v>
      </c>
      <c r="E36377" s="1" t="s">
        <v>126304</v>
      </c>
      <c r="F36377" s="1" t="s">
        <v>126305</v>
      </c>
      <c r="G36377" s="1" t="s">
        <v>126273</v>
      </c>
      <c r="H36377" s="1" t="s">
        <v>126274</v>
      </c>
      <c r="I36377" s="1" t="s">
        <v>123111</v>
      </c>
      <c r="J36377" s="1" t="s">
        <v>126306</v>
      </c>
    </row>
    <row r="36378" spans="1:10" x14ac:dyDescent="0.35">
      <c r="A36378" s="1" t="s">
        <v>28488</v>
      </c>
      <c r="B36378" s="1" t="s">
        <v>123106</v>
      </c>
      <c r="C36378" s="1" t="s">
        <v>60</v>
      </c>
      <c r="D36378" s="1" t="s">
        <v>126307</v>
      </c>
      <c r="E36378" s="1" t="s">
        <v>126308</v>
      </c>
      <c r="F36378" s="1" t="s">
        <v>126309</v>
      </c>
      <c r="G36378" s="1" t="s">
        <v>126273</v>
      </c>
      <c r="H36378" s="1" t="s">
        <v>126274</v>
      </c>
      <c r="I36378" s="1" t="s">
        <v>123111</v>
      </c>
      <c r="J36378" s="1" t="s">
        <v>126310</v>
      </c>
    </row>
    <row r="36379" spans="1:10" x14ac:dyDescent="0.35">
      <c r="A36379" s="1" t="s">
        <v>28488</v>
      </c>
      <c r="B36379" s="1" t="s">
        <v>123106</v>
      </c>
      <c r="C36379" s="1" t="s">
        <v>65</v>
      </c>
      <c r="D36379" s="1" t="s">
        <v>33805</v>
      </c>
      <c r="E36379" s="1" t="s">
        <v>126311</v>
      </c>
      <c r="F36379" s="1" t="s">
        <v>126312</v>
      </c>
      <c r="G36379" s="1" t="s">
        <v>126273</v>
      </c>
      <c r="H36379" s="1" t="s">
        <v>126274</v>
      </c>
      <c r="I36379" s="1" t="s">
        <v>123111</v>
      </c>
      <c r="J36379" s="1" t="s">
        <v>126313</v>
      </c>
    </row>
    <row r="36380" spans="1:10" x14ac:dyDescent="0.35">
      <c r="A36380" s="1" t="s">
        <v>28488</v>
      </c>
      <c r="B36380" s="1" t="s">
        <v>123106</v>
      </c>
      <c r="C36380" s="1" t="s">
        <v>70</v>
      </c>
      <c r="D36380" s="1" t="s">
        <v>37359</v>
      </c>
      <c r="E36380" s="1" t="s">
        <v>126314</v>
      </c>
      <c r="F36380" s="1" t="s">
        <v>126315</v>
      </c>
      <c r="G36380" s="1" t="s">
        <v>126273</v>
      </c>
      <c r="H36380" s="1" t="s">
        <v>126274</v>
      </c>
      <c r="I36380" s="1" t="s">
        <v>123111</v>
      </c>
      <c r="J36380" s="1" t="s">
        <v>126316</v>
      </c>
    </row>
    <row r="36381" spans="1:10" x14ac:dyDescent="0.35">
      <c r="A36381" s="1" t="s">
        <v>28488</v>
      </c>
      <c r="B36381" s="1" t="s">
        <v>123106</v>
      </c>
      <c r="C36381" s="1" t="s">
        <v>75</v>
      </c>
      <c r="D36381" s="1" t="s">
        <v>126317</v>
      </c>
      <c r="E36381" s="1" t="s">
        <v>126318</v>
      </c>
      <c r="F36381" s="1" t="s">
        <v>126319</v>
      </c>
      <c r="G36381" s="1" t="s">
        <v>126273</v>
      </c>
      <c r="H36381" s="1" t="s">
        <v>126274</v>
      </c>
      <c r="I36381" s="1" t="s">
        <v>123111</v>
      </c>
      <c r="J36381" s="1" t="s">
        <v>126320</v>
      </c>
    </row>
    <row r="36382" spans="1:10" x14ac:dyDescent="0.35">
      <c r="A36382" s="1" t="s">
        <v>28488</v>
      </c>
      <c r="B36382" s="1" t="s">
        <v>123106</v>
      </c>
      <c r="C36382" s="1" t="s">
        <v>80</v>
      </c>
      <c r="D36382" s="1" t="s">
        <v>126321</v>
      </c>
      <c r="E36382" s="1" t="s">
        <v>126322</v>
      </c>
      <c r="F36382" s="1" t="s">
        <v>126323</v>
      </c>
      <c r="G36382" s="1" t="s">
        <v>126273</v>
      </c>
      <c r="H36382" s="1" t="s">
        <v>126274</v>
      </c>
      <c r="I36382" s="1" t="s">
        <v>123111</v>
      </c>
      <c r="J36382" s="1" t="s">
        <v>126324</v>
      </c>
    </row>
    <row r="36383" spans="1:10" x14ac:dyDescent="0.35">
      <c r="A36383" s="1" t="s">
        <v>28488</v>
      </c>
      <c r="B36383" s="1" t="s">
        <v>123106</v>
      </c>
      <c r="C36383" s="1" t="s">
        <v>85</v>
      </c>
      <c r="D36383" s="1" t="s">
        <v>126325</v>
      </c>
      <c r="E36383" s="1" t="s">
        <v>126326</v>
      </c>
      <c r="F36383" s="1" t="s">
        <v>126327</v>
      </c>
      <c r="G36383" s="1" t="s">
        <v>126273</v>
      </c>
      <c r="H36383" s="1" t="s">
        <v>126274</v>
      </c>
      <c r="I36383" s="1" t="s">
        <v>123111</v>
      </c>
      <c r="J36383" s="1" t="s">
        <v>126328</v>
      </c>
    </row>
    <row r="36384" spans="1:10" x14ac:dyDescent="0.35">
      <c r="A36384" s="1" t="s">
        <v>28488</v>
      </c>
      <c r="B36384" s="1" t="s">
        <v>123106</v>
      </c>
      <c r="C36384" s="1" t="s">
        <v>90</v>
      </c>
      <c r="D36384" s="1" t="s">
        <v>126329</v>
      </c>
      <c r="E36384" s="1" t="s">
        <v>126330</v>
      </c>
      <c r="F36384" s="1" t="s">
        <v>126331</v>
      </c>
      <c r="G36384" s="1" t="s">
        <v>126273</v>
      </c>
      <c r="H36384" s="1" t="s">
        <v>126274</v>
      </c>
      <c r="I36384" s="1" t="s">
        <v>123111</v>
      </c>
      <c r="J36384" s="1" t="s">
        <v>126332</v>
      </c>
    </row>
    <row r="36385" spans="1:10" x14ac:dyDescent="0.35">
      <c r="A36385" s="1" t="s">
        <v>28488</v>
      </c>
      <c r="B36385" s="1" t="s">
        <v>123106</v>
      </c>
      <c r="C36385" s="1" t="s">
        <v>95</v>
      </c>
      <c r="D36385" s="1" t="s">
        <v>126333</v>
      </c>
      <c r="E36385" s="1" t="s">
        <v>126334</v>
      </c>
      <c r="F36385" s="1" t="s">
        <v>126335</v>
      </c>
      <c r="G36385" s="1" t="s">
        <v>126273</v>
      </c>
      <c r="H36385" s="1" t="s">
        <v>126274</v>
      </c>
      <c r="I36385" s="1" t="s">
        <v>123111</v>
      </c>
      <c r="J36385" s="1" t="s">
        <v>126336</v>
      </c>
    </row>
    <row r="36386" spans="1:10" x14ac:dyDescent="0.35">
      <c r="A36386" s="1" t="s">
        <v>28488</v>
      </c>
      <c r="B36386" s="1" t="s">
        <v>123106</v>
      </c>
      <c r="C36386" s="1" t="s">
        <v>100</v>
      </c>
      <c r="D36386" s="1" t="s">
        <v>9574</v>
      </c>
      <c r="E36386" s="1" t="s">
        <v>126337</v>
      </c>
      <c r="F36386" s="1" t="s">
        <v>126338</v>
      </c>
      <c r="G36386" s="1" t="s">
        <v>126273</v>
      </c>
      <c r="H36386" s="1" t="s">
        <v>126274</v>
      </c>
      <c r="I36386" s="1" t="s">
        <v>123111</v>
      </c>
      <c r="J36386" s="1" t="s">
        <v>126339</v>
      </c>
    </row>
    <row r="36387" spans="1:10" x14ac:dyDescent="0.35">
      <c r="A36387" s="1" t="s">
        <v>28488</v>
      </c>
      <c r="B36387" s="1" t="s">
        <v>123106</v>
      </c>
      <c r="C36387" s="1" t="s">
        <v>105</v>
      </c>
      <c r="D36387" s="1" t="s">
        <v>47949</v>
      </c>
      <c r="E36387" s="1" t="s">
        <v>126340</v>
      </c>
      <c r="F36387" s="1" t="s">
        <v>126341</v>
      </c>
      <c r="G36387" s="1" t="s">
        <v>126273</v>
      </c>
      <c r="H36387" s="1" t="s">
        <v>126274</v>
      </c>
      <c r="I36387" s="1" t="s">
        <v>123111</v>
      </c>
      <c r="J36387" s="1" t="s">
        <v>126342</v>
      </c>
    </row>
    <row r="36388" spans="1:10" x14ac:dyDescent="0.35">
      <c r="A36388" s="1" t="s">
        <v>28488</v>
      </c>
      <c r="B36388" s="1" t="s">
        <v>123106</v>
      </c>
      <c r="C36388" s="1" t="s">
        <v>110</v>
      </c>
      <c r="D36388" s="1" t="s">
        <v>33151</v>
      </c>
      <c r="E36388" s="1" t="s">
        <v>126343</v>
      </c>
      <c r="F36388" s="1" t="s">
        <v>126344</v>
      </c>
      <c r="G36388" s="1" t="s">
        <v>126273</v>
      </c>
      <c r="H36388" s="1" t="s">
        <v>126274</v>
      </c>
      <c r="I36388" s="1" t="s">
        <v>123111</v>
      </c>
      <c r="J36388" s="1" t="s">
        <v>126345</v>
      </c>
    </row>
    <row r="36389" spans="1:10" x14ac:dyDescent="0.35">
      <c r="A36389" s="1" t="s">
        <v>28488</v>
      </c>
      <c r="B36389" s="1" t="s">
        <v>123106</v>
      </c>
      <c r="C36389" s="1" t="s">
        <v>115</v>
      </c>
      <c r="D36389" s="1" t="s">
        <v>126346</v>
      </c>
      <c r="E36389" s="1" t="s">
        <v>126347</v>
      </c>
      <c r="F36389" s="1" t="s">
        <v>126348</v>
      </c>
      <c r="G36389" s="1" t="s">
        <v>126273</v>
      </c>
      <c r="H36389" s="1" t="s">
        <v>126274</v>
      </c>
      <c r="I36389" s="1" t="s">
        <v>123111</v>
      </c>
      <c r="J36389" s="1" t="s">
        <v>126349</v>
      </c>
    </row>
    <row r="36390" spans="1:10" x14ac:dyDescent="0.35">
      <c r="A36390" s="1" t="s">
        <v>28488</v>
      </c>
      <c r="B36390" s="1" t="s">
        <v>123106</v>
      </c>
      <c r="C36390" s="1" t="s">
        <v>120</v>
      </c>
      <c r="D36390" s="1" t="s">
        <v>35591</v>
      </c>
      <c r="E36390" s="1" t="s">
        <v>126350</v>
      </c>
      <c r="F36390" s="1" t="s">
        <v>126351</v>
      </c>
      <c r="G36390" s="1" t="s">
        <v>126273</v>
      </c>
      <c r="H36390" s="1" t="s">
        <v>126274</v>
      </c>
      <c r="I36390" s="1" t="s">
        <v>123111</v>
      </c>
      <c r="J36390" s="1" t="s">
        <v>126352</v>
      </c>
    </row>
    <row r="36391" spans="1:10" x14ac:dyDescent="0.35">
      <c r="A36391" s="1" t="s">
        <v>28488</v>
      </c>
      <c r="B36391" s="1" t="s">
        <v>123106</v>
      </c>
      <c r="C36391" s="1" t="s">
        <v>125</v>
      </c>
      <c r="D36391" s="1" t="s">
        <v>126353</v>
      </c>
      <c r="E36391" s="1" t="s">
        <v>126354</v>
      </c>
      <c r="F36391" s="1" t="s">
        <v>126355</v>
      </c>
      <c r="G36391" s="1" t="s">
        <v>126273</v>
      </c>
      <c r="H36391" s="1" t="s">
        <v>126274</v>
      </c>
      <c r="I36391" s="1" t="s">
        <v>123111</v>
      </c>
      <c r="J36391" s="1" t="s">
        <v>126356</v>
      </c>
    </row>
    <row r="36392" spans="1:10" x14ac:dyDescent="0.35">
      <c r="A36392" s="1" t="s">
        <v>28488</v>
      </c>
      <c r="B36392" s="1" t="s">
        <v>123106</v>
      </c>
      <c r="C36392" s="1" t="s">
        <v>130</v>
      </c>
      <c r="D36392" s="1" t="s">
        <v>74662</v>
      </c>
      <c r="E36392" s="1" t="s">
        <v>126357</v>
      </c>
      <c r="F36392" s="1" t="s">
        <v>126358</v>
      </c>
      <c r="G36392" s="1" t="s">
        <v>126273</v>
      </c>
      <c r="H36392" s="1" t="s">
        <v>126274</v>
      </c>
      <c r="I36392" s="1" t="s">
        <v>123111</v>
      </c>
      <c r="J36392" s="1" t="s">
        <v>126359</v>
      </c>
    </row>
    <row r="36393" spans="1:10" x14ac:dyDescent="0.35">
      <c r="A36393" s="1" t="s">
        <v>28488</v>
      </c>
      <c r="B36393" s="1" t="s">
        <v>123106</v>
      </c>
      <c r="C36393" s="1" t="s">
        <v>135</v>
      </c>
      <c r="D36393" s="1" t="s">
        <v>47667</v>
      </c>
      <c r="E36393" s="1" t="s">
        <v>126360</v>
      </c>
      <c r="F36393" s="1" t="s">
        <v>126361</v>
      </c>
      <c r="G36393" s="1" t="s">
        <v>126273</v>
      </c>
      <c r="H36393" s="1" t="s">
        <v>126274</v>
      </c>
      <c r="I36393" s="1" t="s">
        <v>123111</v>
      </c>
      <c r="J36393" s="1" t="s">
        <v>126362</v>
      </c>
    </row>
    <row r="36394" spans="1:10" x14ac:dyDescent="0.35">
      <c r="A36394" s="1" t="s">
        <v>28488</v>
      </c>
      <c r="B36394" s="1" t="s">
        <v>123106</v>
      </c>
      <c r="C36394" s="1" t="s">
        <v>140</v>
      </c>
      <c r="D36394" s="1" t="s">
        <v>51325</v>
      </c>
      <c r="E36394" s="1" t="s">
        <v>126363</v>
      </c>
      <c r="F36394" s="1" t="s">
        <v>126364</v>
      </c>
      <c r="G36394" s="1" t="s">
        <v>126273</v>
      </c>
      <c r="H36394" s="1" t="s">
        <v>126274</v>
      </c>
      <c r="I36394" s="1" t="s">
        <v>123111</v>
      </c>
      <c r="J36394" s="1" t="s">
        <v>126365</v>
      </c>
    </row>
    <row r="36395" spans="1:10" x14ac:dyDescent="0.35">
      <c r="A36395" s="1" t="s">
        <v>28488</v>
      </c>
      <c r="B36395" s="1" t="s">
        <v>123106</v>
      </c>
      <c r="C36395" s="1" t="s">
        <v>145</v>
      </c>
      <c r="D36395" s="1" t="s">
        <v>116442</v>
      </c>
      <c r="E36395" s="1" t="s">
        <v>126366</v>
      </c>
      <c r="F36395" s="1" t="s">
        <v>126367</v>
      </c>
      <c r="G36395" s="1" t="s">
        <v>126273</v>
      </c>
      <c r="H36395" s="1" t="s">
        <v>126274</v>
      </c>
      <c r="I36395" s="1" t="s">
        <v>123111</v>
      </c>
      <c r="J36395" s="1" t="s">
        <v>126368</v>
      </c>
    </row>
    <row r="36396" spans="1:10" x14ac:dyDescent="0.35">
      <c r="A36396" s="1" t="s">
        <v>28488</v>
      </c>
      <c r="B36396" s="1" t="s">
        <v>123106</v>
      </c>
      <c r="C36396" s="1" t="s">
        <v>150</v>
      </c>
      <c r="D36396" s="1" t="s">
        <v>126369</v>
      </c>
      <c r="E36396" s="1" t="s">
        <v>126370</v>
      </c>
      <c r="F36396" s="1" t="s">
        <v>126371</v>
      </c>
      <c r="G36396" s="1" t="s">
        <v>126273</v>
      </c>
      <c r="H36396" s="1" t="s">
        <v>126274</v>
      </c>
      <c r="I36396" s="1" t="s">
        <v>123111</v>
      </c>
      <c r="J36396" s="1" t="s">
        <v>126372</v>
      </c>
    </row>
    <row r="36397" spans="1:10" x14ac:dyDescent="0.35">
      <c r="A36397" s="1" t="s">
        <v>28488</v>
      </c>
      <c r="B36397" s="1" t="s">
        <v>123106</v>
      </c>
      <c r="C36397" s="1" t="s">
        <v>155</v>
      </c>
      <c r="D36397" s="1" t="s">
        <v>126373</v>
      </c>
      <c r="E36397" s="1" t="s">
        <v>126374</v>
      </c>
      <c r="F36397" s="1" t="s">
        <v>126375</v>
      </c>
      <c r="G36397" s="1" t="s">
        <v>126273</v>
      </c>
      <c r="H36397" s="1" t="s">
        <v>126274</v>
      </c>
      <c r="I36397" s="1" t="s">
        <v>123111</v>
      </c>
      <c r="J36397" s="1" t="s">
        <v>126376</v>
      </c>
    </row>
    <row r="36398" spans="1:10" x14ac:dyDescent="0.35">
      <c r="A36398" s="1" t="s">
        <v>28488</v>
      </c>
      <c r="B36398" s="1" t="s">
        <v>123106</v>
      </c>
      <c r="C36398" s="1" t="s">
        <v>160</v>
      </c>
      <c r="D36398" s="1" t="s">
        <v>10749</v>
      </c>
      <c r="E36398" s="1" t="s">
        <v>126377</v>
      </c>
      <c r="F36398" s="1" t="s">
        <v>126378</v>
      </c>
      <c r="G36398" s="1" t="s">
        <v>126273</v>
      </c>
      <c r="H36398" s="1" t="s">
        <v>126274</v>
      </c>
      <c r="I36398" s="1" t="s">
        <v>123111</v>
      </c>
      <c r="J36398" s="1" t="s">
        <v>126379</v>
      </c>
    </row>
    <row r="36399" spans="1:10" x14ac:dyDescent="0.35">
      <c r="A36399" s="1" t="s">
        <v>28488</v>
      </c>
      <c r="B36399" s="1" t="s">
        <v>123106</v>
      </c>
      <c r="C36399" s="1" t="s">
        <v>165</v>
      </c>
      <c r="D36399" s="1" t="s">
        <v>126380</v>
      </c>
      <c r="E36399" s="1" t="s">
        <v>126381</v>
      </c>
      <c r="F36399" s="1" t="s">
        <v>126382</v>
      </c>
      <c r="G36399" s="1" t="s">
        <v>126273</v>
      </c>
      <c r="H36399" s="1" t="s">
        <v>126274</v>
      </c>
      <c r="I36399" s="1" t="s">
        <v>123111</v>
      </c>
      <c r="J36399" s="1" t="s">
        <v>126383</v>
      </c>
    </row>
    <row r="36400" spans="1:10" x14ac:dyDescent="0.35">
      <c r="A36400" s="1" t="s">
        <v>28488</v>
      </c>
      <c r="B36400" s="1" t="s">
        <v>123106</v>
      </c>
      <c r="C36400" s="1" t="s">
        <v>170</v>
      </c>
      <c r="D36400" s="1" t="s">
        <v>126115</v>
      </c>
      <c r="E36400" s="1" t="s">
        <v>126384</v>
      </c>
      <c r="F36400" s="1" t="s">
        <v>126385</v>
      </c>
      <c r="G36400" s="1" t="s">
        <v>126273</v>
      </c>
      <c r="H36400" s="1" t="s">
        <v>126274</v>
      </c>
      <c r="I36400" s="1" t="s">
        <v>123111</v>
      </c>
      <c r="J36400" s="1" t="s">
        <v>126386</v>
      </c>
    </row>
    <row r="36401" spans="1:10" x14ac:dyDescent="0.35">
      <c r="A36401" s="1" t="s">
        <v>126387</v>
      </c>
      <c r="B36401" s="1" t="s">
        <v>123106</v>
      </c>
      <c r="C36401" s="1" t="s">
        <v>8</v>
      </c>
      <c r="D36401" s="1" t="s">
        <v>33450</v>
      </c>
      <c r="E36401" s="1" t="s">
        <v>126388</v>
      </c>
      <c r="F36401" s="1" t="s">
        <v>126389</v>
      </c>
      <c r="G36401" s="1" t="s">
        <v>126390</v>
      </c>
      <c r="H36401" s="1" t="s">
        <v>126391</v>
      </c>
      <c r="I36401" s="1" t="s">
        <v>123111</v>
      </c>
      <c r="J36401" s="1" t="s">
        <v>13</v>
      </c>
    </row>
    <row r="36402" spans="1:10" x14ac:dyDescent="0.35">
      <c r="A36402" s="1" t="s">
        <v>126387</v>
      </c>
      <c r="B36402" s="1" t="s">
        <v>123106</v>
      </c>
      <c r="C36402" s="1" t="s">
        <v>15</v>
      </c>
      <c r="D36402" s="1" t="s">
        <v>32792</v>
      </c>
      <c r="E36402" s="1" t="s">
        <v>126392</v>
      </c>
      <c r="F36402" s="1" t="s">
        <v>126393</v>
      </c>
      <c r="G36402" s="1" t="s">
        <v>126390</v>
      </c>
      <c r="H36402" s="1" t="s">
        <v>126391</v>
      </c>
      <c r="I36402" s="1" t="s">
        <v>123111</v>
      </c>
      <c r="J36402" s="1" t="s">
        <v>126394</v>
      </c>
    </row>
    <row r="36403" spans="1:10" x14ac:dyDescent="0.35">
      <c r="A36403" s="1" t="s">
        <v>126387</v>
      </c>
      <c r="B36403" s="1" t="s">
        <v>123106</v>
      </c>
      <c r="C36403" s="1" t="s">
        <v>20</v>
      </c>
      <c r="D36403" s="1" t="s">
        <v>24820</v>
      </c>
      <c r="E36403" s="1" t="s">
        <v>126395</v>
      </c>
      <c r="F36403" s="1" t="s">
        <v>126396</v>
      </c>
      <c r="G36403" s="1" t="s">
        <v>126390</v>
      </c>
      <c r="H36403" s="1" t="s">
        <v>126391</v>
      </c>
      <c r="I36403" s="1" t="s">
        <v>123111</v>
      </c>
      <c r="J36403" s="1" t="s">
        <v>126397</v>
      </c>
    </row>
    <row r="36404" spans="1:10" x14ac:dyDescent="0.35">
      <c r="A36404" s="1" t="s">
        <v>126387</v>
      </c>
      <c r="B36404" s="1" t="s">
        <v>123106</v>
      </c>
      <c r="C36404" s="1" t="s">
        <v>25</v>
      </c>
      <c r="D36404" s="1" t="s">
        <v>10768</v>
      </c>
      <c r="E36404" s="1" t="s">
        <v>126398</v>
      </c>
      <c r="F36404" s="1" t="s">
        <v>126399</v>
      </c>
      <c r="G36404" s="1" t="s">
        <v>126390</v>
      </c>
      <c r="H36404" s="1" t="s">
        <v>126391</v>
      </c>
      <c r="I36404" s="1" t="s">
        <v>123111</v>
      </c>
      <c r="J36404" s="1" t="s">
        <v>126400</v>
      </c>
    </row>
    <row r="36405" spans="1:10" x14ac:dyDescent="0.35">
      <c r="A36405" s="1" t="s">
        <v>126387</v>
      </c>
      <c r="B36405" s="1" t="s">
        <v>123106</v>
      </c>
      <c r="C36405" s="1" t="s">
        <v>30</v>
      </c>
      <c r="D36405" s="1" t="s">
        <v>126401</v>
      </c>
      <c r="E36405" s="1" t="s">
        <v>126402</v>
      </c>
      <c r="F36405" s="1" t="s">
        <v>126403</v>
      </c>
      <c r="G36405" s="1" t="s">
        <v>126390</v>
      </c>
      <c r="H36405" s="1" t="s">
        <v>126391</v>
      </c>
      <c r="I36405" s="1" t="s">
        <v>123111</v>
      </c>
      <c r="J36405" s="1" t="s">
        <v>126404</v>
      </c>
    </row>
    <row r="36406" spans="1:10" x14ac:dyDescent="0.35">
      <c r="A36406" s="1" t="s">
        <v>126387</v>
      </c>
      <c r="B36406" s="1" t="s">
        <v>123106</v>
      </c>
      <c r="C36406" s="1" t="s">
        <v>35</v>
      </c>
      <c r="D36406" s="1" t="s">
        <v>72050</v>
      </c>
      <c r="E36406" s="1" t="s">
        <v>126405</v>
      </c>
      <c r="F36406" s="1" t="s">
        <v>126406</v>
      </c>
      <c r="G36406" s="1" t="s">
        <v>126390</v>
      </c>
      <c r="H36406" s="1" t="s">
        <v>126391</v>
      </c>
      <c r="I36406" s="1" t="s">
        <v>123111</v>
      </c>
      <c r="J36406" s="1" t="s">
        <v>126407</v>
      </c>
    </row>
    <row r="36407" spans="1:10" x14ac:dyDescent="0.35">
      <c r="A36407" s="1" t="s">
        <v>126387</v>
      </c>
      <c r="B36407" s="1" t="s">
        <v>123106</v>
      </c>
      <c r="C36407" s="1" t="s">
        <v>40</v>
      </c>
      <c r="D36407" s="1" t="s">
        <v>71</v>
      </c>
      <c r="E36407" s="1" t="s">
        <v>126408</v>
      </c>
      <c r="F36407" s="1" t="s">
        <v>126409</v>
      </c>
      <c r="G36407" s="1" t="s">
        <v>126390</v>
      </c>
      <c r="H36407" s="1" t="s">
        <v>126391</v>
      </c>
      <c r="I36407" s="1" t="s">
        <v>123111</v>
      </c>
      <c r="J36407" s="1" t="s">
        <v>126410</v>
      </c>
    </row>
    <row r="36408" spans="1:10" x14ac:dyDescent="0.35">
      <c r="A36408" s="1" t="s">
        <v>126387</v>
      </c>
      <c r="B36408" s="1" t="s">
        <v>123106</v>
      </c>
      <c r="C36408" s="1" t="s">
        <v>45</v>
      </c>
      <c r="D36408" s="1" t="s">
        <v>49857</v>
      </c>
      <c r="E36408" s="1" t="s">
        <v>126411</v>
      </c>
      <c r="F36408" s="1" t="s">
        <v>126412</v>
      </c>
      <c r="G36408" s="1" t="s">
        <v>126390</v>
      </c>
      <c r="H36408" s="1" t="s">
        <v>126391</v>
      </c>
      <c r="I36408" s="1" t="s">
        <v>123111</v>
      </c>
      <c r="J36408" s="1" t="s">
        <v>126413</v>
      </c>
    </row>
    <row r="36409" spans="1:10" x14ac:dyDescent="0.35">
      <c r="A36409" s="1" t="s">
        <v>126387</v>
      </c>
      <c r="B36409" s="1" t="s">
        <v>123106</v>
      </c>
      <c r="C36409" s="1" t="s">
        <v>50</v>
      </c>
      <c r="D36409" s="1" t="s">
        <v>126414</v>
      </c>
      <c r="E36409" s="1" t="s">
        <v>126415</v>
      </c>
      <c r="F36409" s="1" t="s">
        <v>126416</v>
      </c>
      <c r="G36409" s="1" t="s">
        <v>126390</v>
      </c>
      <c r="H36409" s="1" t="s">
        <v>126391</v>
      </c>
      <c r="I36409" s="1" t="s">
        <v>123111</v>
      </c>
      <c r="J36409" s="1" t="s">
        <v>126417</v>
      </c>
    </row>
    <row r="36410" spans="1:10" x14ac:dyDescent="0.35">
      <c r="A36410" s="1" t="s">
        <v>126387</v>
      </c>
      <c r="B36410" s="1" t="s">
        <v>123106</v>
      </c>
      <c r="C36410" s="1" t="s">
        <v>55</v>
      </c>
      <c r="D36410" s="1" t="s">
        <v>652</v>
      </c>
      <c r="E36410" s="1" t="s">
        <v>126418</v>
      </c>
      <c r="F36410" s="1" t="s">
        <v>126419</v>
      </c>
      <c r="G36410" s="1" t="s">
        <v>126390</v>
      </c>
      <c r="H36410" s="1" t="s">
        <v>126391</v>
      </c>
      <c r="I36410" s="1" t="s">
        <v>123111</v>
      </c>
      <c r="J36410" s="1" t="s">
        <v>126420</v>
      </c>
    </row>
    <row r="36411" spans="1:10" x14ac:dyDescent="0.35">
      <c r="A36411" s="1" t="s">
        <v>126387</v>
      </c>
      <c r="B36411" s="1" t="s">
        <v>123106</v>
      </c>
      <c r="C36411" s="1" t="s">
        <v>60</v>
      </c>
      <c r="D36411" s="1" t="s">
        <v>71806</v>
      </c>
      <c r="E36411" s="1" t="s">
        <v>126421</v>
      </c>
      <c r="F36411" s="1" t="s">
        <v>126422</v>
      </c>
      <c r="G36411" s="1" t="s">
        <v>126390</v>
      </c>
      <c r="H36411" s="1" t="s">
        <v>126391</v>
      </c>
      <c r="I36411" s="1" t="s">
        <v>123111</v>
      </c>
      <c r="J36411" s="1" t="s">
        <v>126423</v>
      </c>
    </row>
    <row r="36412" spans="1:10" x14ac:dyDescent="0.35">
      <c r="A36412" s="1" t="s">
        <v>126387</v>
      </c>
      <c r="B36412" s="1" t="s">
        <v>123106</v>
      </c>
      <c r="C36412" s="1" t="s">
        <v>65</v>
      </c>
      <c r="D36412" s="1" t="s">
        <v>126424</v>
      </c>
      <c r="E36412" s="1" t="s">
        <v>126425</v>
      </c>
      <c r="F36412" s="1" t="s">
        <v>126426</v>
      </c>
      <c r="G36412" s="1" t="s">
        <v>126390</v>
      </c>
      <c r="H36412" s="1" t="s">
        <v>126391</v>
      </c>
      <c r="I36412" s="1" t="s">
        <v>123111</v>
      </c>
      <c r="J36412" s="1" t="s">
        <v>126427</v>
      </c>
    </row>
    <row r="36413" spans="1:10" x14ac:dyDescent="0.35">
      <c r="A36413" s="1" t="s">
        <v>126387</v>
      </c>
      <c r="B36413" s="1" t="s">
        <v>123106</v>
      </c>
      <c r="C36413" s="1" t="s">
        <v>70</v>
      </c>
      <c r="D36413" s="1" t="s">
        <v>126428</v>
      </c>
      <c r="E36413" s="1" t="s">
        <v>126429</v>
      </c>
      <c r="F36413" s="1" t="s">
        <v>126430</v>
      </c>
      <c r="G36413" s="1" t="s">
        <v>126390</v>
      </c>
      <c r="H36413" s="1" t="s">
        <v>126391</v>
      </c>
      <c r="I36413" s="1" t="s">
        <v>123111</v>
      </c>
      <c r="J36413" s="1" t="s">
        <v>126431</v>
      </c>
    </row>
    <row r="36414" spans="1:10" x14ac:dyDescent="0.35">
      <c r="A36414" s="1" t="s">
        <v>126387</v>
      </c>
      <c r="B36414" s="1" t="s">
        <v>123106</v>
      </c>
      <c r="C36414" s="1" t="s">
        <v>75</v>
      </c>
      <c r="D36414" s="1" t="s">
        <v>18989</v>
      </c>
      <c r="E36414" s="1" t="s">
        <v>126432</v>
      </c>
      <c r="F36414" s="1" t="s">
        <v>126433</v>
      </c>
      <c r="G36414" s="1" t="s">
        <v>126390</v>
      </c>
      <c r="H36414" s="1" t="s">
        <v>126391</v>
      </c>
      <c r="I36414" s="1" t="s">
        <v>123111</v>
      </c>
      <c r="J36414" s="1" t="s">
        <v>126434</v>
      </c>
    </row>
    <row r="36415" spans="1:10" x14ac:dyDescent="0.35">
      <c r="A36415" s="1" t="s">
        <v>126387</v>
      </c>
      <c r="B36415" s="1" t="s">
        <v>123106</v>
      </c>
      <c r="C36415" s="1" t="s">
        <v>80</v>
      </c>
      <c r="D36415" s="1" t="s">
        <v>48119</v>
      </c>
      <c r="E36415" s="1" t="s">
        <v>126435</v>
      </c>
      <c r="F36415" s="1" t="s">
        <v>126436</v>
      </c>
      <c r="G36415" s="1" t="s">
        <v>126390</v>
      </c>
      <c r="H36415" s="1" t="s">
        <v>126391</v>
      </c>
      <c r="I36415" s="1" t="s">
        <v>123111</v>
      </c>
      <c r="J36415" s="1" t="s">
        <v>126437</v>
      </c>
    </row>
    <row r="36416" spans="1:10" x14ac:dyDescent="0.35">
      <c r="A36416" s="1" t="s">
        <v>126387</v>
      </c>
      <c r="B36416" s="1" t="s">
        <v>123106</v>
      </c>
      <c r="C36416" s="1" t="s">
        <v>85</v>
      </c>
      <c r="D36416" s="1" t="s">
        <v>43274</v>
      </c>
      <c r="E36416" s="1" t="s">
        <v>126438</v>
      </c>
      <c r="F36416" s="1" t="s">
        <v>126439</v>
      </c>
      <c r="G36416" s="1" t="s">
        <v>126390</v>
      </c>
      <c r="H36416" s="1" t="s">
        <v>126391</v>
      </c>
      <c r="I36416" s="1" t="s">
        <v>123111</v>
      </c>
      <c r="J36416" s="1" t="s">
        <v>126440</v>
      </c>
    </row>
    <row r="36417" spans="1:10" x14ac:dyDescent="0.35">
      <c r="A36417" s="1" t="s">
        <v>126387</v>
      </c>
      <c r="B36417" s="1" t="s">
        <v>123106</v>
      </c>
      <c r="C36417" s="1" t="s">
        <v>90</v>
      </c>
      <c r="D36417" s="1" t="s">
        <v>126441</v>
      </c>
      <c r="E36417" s="1" t="s">
        <v>126442</v>
      </c>
      <c r="F36417" s="1" t="s">
        <v>126443</v>
      </c>
      <c r="G36417" s="1" t="s">
        <v>126390</v>
      </c>
      <c r="H36417" s="1" t="s">
        <v>126391</v>
      </c>
      <c r="I36417" s="1" t="s">
        <v>123111</v>
      </c>
      <c r="J36417" s="1" t="s">
        <v>126444</v>
      </c>
    </row>
    <row r="36418" spans="1:10" x14ac:dyDescent="0.35">
      <c r="A36418" s="1" t="s">
        <v>126387</v>
      </c>
      <c r="B36418" s="1" t="s">
        <v>123106</v>
      </c>
      <c r="C36418" s="1" t="s">
        <v>95</v>
      </c>
      <c r="D36418" s="1" t="s">
        <v>36832</v>
      </c>
      <c r="E36418" s="1" t="s">
        <v>126445</v>
      </c>
      <c r="F36418" s="1" t="s">
        <v>126446</v>
      </c>
      <c r="G36418" s="1" t="s">
        <v>126390</v>
      </c>
      <c r="H36418" s="1" t="s">
        <v>126391</v>
      </c>
      <c r="I36418" s="1" t="s">
        <v>123111</v>
      </c>
      <c r="J36418" s="1" t="s">
        <v>126447</v>
      </c>
    </row>
    <row r="36419" spans="1:10" x14ac:dyDescent="0.35">
      <c r="A36419" s="1" t="s">
        <v>126387</v>
      </c>
      <c r="B36419" s="1" t="s">
        <v>123106</v>
      </c>
      <c r="C36419" s="1" t="s">
        <v>100</v>
      </c>
      <c r="D36419" s="1" t="s">
        <v>126448</v>
      </c>
      <c r="E36419" s="1" t="s">
        <v>126449</v>
      </c>
      <c r="F36419" s="1" t="s">
        <v>126450</v>
      </c>
      <c r="G36419" s="1" t="s">
        <v>126390</v>
      </c>
      <c r="H36419" s="1" t="s">
        <v>126391</v>
      </c>
      <c r="I36419" s="1" t="s">
        <v>123111</v>
      </c>
      <c r="J36419" s="1" t="s">
        <v>126451</v>
      </c>
    </row>
    <row r="36420" spans="1:10" x14ac:dyDescent="0.35">
      <c r="A36420" s="1" t="s">
        <v>126387</v>
      </c>
      <c r="B36420" s="1" t="s">
        <v>123106</v>
      </c>
      <c r="C36420" s="1" t="s">
        <v>105</v>
      </c>
      <c r="D36420" s="1" t="s">
        <v>72652</v>
      </c>
      <c r="E36420" s="1" t="s">
        <v>126452</v>
      </c>
      <c r="F36420" s="1" t="s">
        <v>126453</v>
      </c>
      <c r="G36420" s="1" t="s">
        <v>126390</v>
      </c>
      <c r="H36420" s="1" t="s">
        <v>126391</v>
      </c>
      <c r="I36420" s="1" t="s">
        <v>123111</v>
      </c>
      <c r="J36420" s="1" t="s">
        <v>126454</v>
      </c>
    </row>
    <row r="36421" spans="1:10" x14ac:dyDescent="0.35">
      <c r="A36421" s="1" t="s">
        <v>126387</v>
      </c>
      <c r="B36421" s="1" t="s">
        <v>123106</v>
      </c>
      <c r="C36421" s="1" t="s">
        <v>110</v>
      </c>
      <c r="D36421" s="1" t="s">
        <v>126455</v>
      </c>
      <c r="E36421" s="1" t="s">
        <v>126456</v>
      </c>
      <c r="F36421" s="1" t="s">
        <v>126457</v>
      </c>
      <c r="G36421" s="1" t="s">
        <v>126390</v>
      </c>
      <c r="H36421" s="1" t="s">
        <v>126391</v>
      </c>
      <c r="I36421" s="1" t="s">
        <v>123111</v>
      </c>
      <c r="J36421" s="1" t="s">
        <v>126458</v>
      </c>
    </row>
    <row r="36422" spans="1:10" x14ac:dyDescent="0.35">
      <c r="A36422" s="1" t="s">
        <v>126387</v>
      </c>
      <c r="B36422" s="1" t="s">
        <v>123106</v>
      </c>
      <c r="C36422" s="1" t="s">
        <v>115</v>
      </c>
      <c r="D36422" s="1" t="s">
        <v>126459</v>
      </c>
      <c r="E36422" s="1" t="s">
        <v>126460</v>
      </c>
      <c r="F36422" s="1" t="s">
        <v>126461</v>
      </c>
      <c r="G36422" s="1" t="s">
        <v>126390</v>
      </c>
      <c r="H36422" s="1" t="s">
        <v>126391</v>
      </c>
      <c r="I36422" s="1" t="s">
        <v>123111</v>
      </c>
      <c r="J36422" s="1" t="s">
        <v>126462</v>
      </c>
    </row>
    <row r="36423" spans="1:10" x14ac:dyDescent="0.35">
      <c r="A36423" s="1" t="s">
        <v>126387</v>
      </c>
      <c r="B36423" s="1" t="s">
        <v>123106</v>
      </c>
      <c r="C36423" s="1" t="s">
        <v>120</v>
      </c>
      <c r="D36423" s="1" t="s">
        <v>126463</v>
      </c>
      <c r="E36423" s="1" t="s">
        <v>126464</v>
      </c>
      <c r="F36423" s="1" t="s">
        <v>126465</v>
      </c>
      <c r="G36423" s="1" t="s">
        <v>126390</v>
      </c>
      <c r="H36423" s="1" t="s">
        <v>126391</v>
      </c>
      <c r="I36423" s="1" t="s">
        <v>123111</v>
      </c>
      <c r="J36423" s="1" t="s">
        <v>126466</v>
      </c>
    </row>
    <row r="36424" spans="1:10" x14ac:dyDescent="0.35">
      <c r="A36424" s="1" t="s">
        <v>126387</v>
      </c>
      <c r="B36424" s="1" t="s">
        <v>123106</v>
      </c>
      <c r="C36424" s="1" t="s">
        <v>125</v>
      </c>
      <c r="D36424" s="1" t="s">
        <v>16838</v>
      </c>
      <c r="E36424" s="1" t="s">
        <v>126467</v>
      </c>
      <c r="F36424" s="1" t="s">
        <v>126468</v>
      </c>
      <c r="G36424" s="1" t="s">
        <v>126390</v>
      </c>
      <c r="H36424" s="1" t="s">
        <v>126391</v>
      </c>
      <c r="I36424" s="1" t="s">
        <v>123111</v>
      </c>
      <c r="J36424" s="1" t="s">
        <v>126469</v>
      </c>
    </row>
    <row r="36425" spans="1:10" x14ac:dyDescent="0.35">
      <c r="A36425" s="1" t="s">
        <v>126387</v>
      </c>
      <c r="B36425" s="1" t="s">
        <v>123106</v>
      </c>
      <c r="C36425" s="1" t="s">
        <v>130</v>
      </c>
      <c r="D36425" s="1" t="s">
        <v>65057</v>
      </c>
      <c r="E36425" s="1" t="s">
        <v>126470</v>
      </c>
      <c r="F36425" s="1" t="s">
        <v>126471</v>
      </c>
      <c r="G36425" s="1" t="s">
        <v>126390</v>
      </c>
      <c r="H36425" s="1" t="s">
        <v>126391</v>
      </c>
      <c r="I36425" s="1" t="s">
        <v>123111</v>
      </c>
      <c r="J36425" s="1" t="s">
        <v>126472</v>
      </c>
    </row>
    <row r="36426" spans="1:10" x14ac:dyDescent="0.35">
      <c r="A36426" s="1" t="s">
        <v>126387</v>
      </c>
      <c r="B36426" s="1" t="s">
        <v>123106</v>
      </c>
      <c r="C36426" s="1" t="s">
        <v>135</v>
      </c>
      <c r="D36426" s="1" t="s">
        <v>82157</v>
      </c>
      <c r="E36426" s="1" t="s">
        <v>126473</v>
      </c>
      <c r="F36426" s="1" t="s">
        <v>126474</v>
      </c>
      <c r="G36426" s="1" t="s">
        <v>126390</v>
      </c>
      <c r="H36426" s="1" t="s">
        <v>126391</v>
      </c>
      <c r="I36426" s="1" t="s">
        <v>123111</v>
      </c>
      <c r="J36426" s="1" t="s">
        <v>126475</v>
      </c>
    </row>
    <row r="36427" spans="1:10" x14ac:dyDescent="0.35">
      <c r="A36427" s="1" t="s">
        <v>126387</v>
      </c>
      <c r="B36427" s="1" t="s">
        <v>123106</v>
      </c>
      <c r="C36427" s="1" t="s">
        <v>140</v>
      </c>
      <c r="D36427" s="1" t="s">
        <v>59474</v>
      </c>
      <c r="E36427" s="1" t="s">
        <v>126476</v>
      </c>
      <c r="F36427" s="1" t="s">
        <v>126477</v>
      </c>
      <c r="G36427" s="1" t="s">
        <v>126390</v>
      </c>
      <c r="H36427" s="1" t="s">
        <v>126391</v>
      </c>
      <c r="I36427" s="1" t="s">
        <v>123111</v>
      </c>
      <c r="J36427" s="1" t="s">
        <v>126478</v>
      </c>
    </row>
    <row r="36428" spans="1:10" x14ac:dyDescent="0.35">
      <c r="A36428" s="1" t="s">
        <v>126387</v>
      </c>
      <c r="B36428" s="1" t="s">
        <v>123106</v>
      </c>
      <c r="C36428" s="1" t="s">
        <v>145</v>
      </c>
      <c r="D36428" s="1" t="s">
        <v>108942</v>
      </c>
      <c r="E36428" s="1" t="s">
        <v>126479</v>
      </c>
      <c r="F36428" s="1" t="s">
        <v>126480</v>
      </c>
      <c r="G36428" s="1" t="s">
        <v>126390</v>
      </c>
      <c r="H36428" s="1" t="s">
        <v>126391</v>
      </c>
      <c r="I36428" s="1" t="s">
        <v>123111</v>
      </c>
      <c r="J36428" s="1" t="s">
        <v>126481</v>
      </c>
    </row>
    <row r="36429" spans="1:10" x14ac:dyDescent="0.35">
      <c r="A36429" s="1" t="s">
        <v>126387</v>
      </c>
      <c r="B36429" s="1" t="s">
        <v>123106</v>
      </c>
      <c r="C36429" s="1" t="s">
        <v>150</v>
      </c>
      <c r="D36429" s="1" t="s">
        <v>59860</v>
      </c>
      <c r="E36429" s="1" t="s">
        <v>126482</v>
      </c>
      <c r="F36429" s="1" t="s">
        <v>126483</v>
      </c>
      <c r="G36429" s="1" t="s">
        <v>126390</v>
      </c>
      <c r="H36429" s="1" t="s">
        <v>126391</v>
      </c>
      <c r="I36429" s="1" t="s">
        <v>123111</v>
      </c>
      <c r="J36429" s="1" t="s">
        <v>126484</v>
      </c>
    </row>
    <row r="36430" spans="1:10" x14ac:dyDescent="0.35">
      <c r="A36430" s="1" t="s">
        <v>126387</v>
      </c>
      <c r="B36430" s="1" t="s">
        <v>123106</v>
      </c>
      <c r="C36430" s="1" t="s">
        <v>155</v>
      </c>
      <c r="D36430" s="1" t="s">
        <v>12524</v>
      </c>
      <c r="E36430" s="1" t="s">
        <v>126485</v>
      </c>
      <c r="F36430" s="1" t="s">
        <v>126486</v>
      </c>
      <c r="G36430" s="1" t="s">
        <v>126390</v>
      </c>
      <c r="H36430" s="1" t="s">
        <v>126391</v>
      </c>
      <c r="I36430" s="1" t="s">
        <v>123111</v>
      </c>
      <c r="J36430" s="1" t="s">
        <v>126487</v>
      </c>
    </row>
    <row r="36431" spans="1:10" x14ac:dyDescent="0.35">
      <c r="A36431" s="1" t="s">
        <v>126387</v>
      </c>
      <c r="B36431" s="1" t="s">
        <v>123106</v>
      </c>
      <c r="C36431" s="1" t="s">
        <v>160</v>
      </c>
      <c r="D36431" s="1" t="s">
        <v>126488</v>
      </c>
      <c r="E36431" s="1" t="s">
        <v>126489</v>
      </c>
      <c r="F36431" s="1" t="s">
        <v>126490</v>
      </c>
      <c r="G36431" s="1" t="s">
        <v>126390</v>
      </c>
      <c r="H36431" s="1" t="s">
        <v>126391</v>
      </c>
      <c r="I36431" s="1" t="s">
        <v>123111</v>
      </c>
      <c r="J36431" s="1" t="s">
        <v>126491</v>
      </c>
    </row>
    <row r="36432" spans="1:10" x14ac:dyDescent="0.35">
      <c r="A36432" s="1" t="s">
        <v>126387</v>
      </c>
      <c r="B36432" s="1" t="s">
        <v>123106</v>
      </c>
      <c r="C36432" s="1" t="s">
        <v>165</v>
      </c>
      <c r="D36432" s="1" t="s">
        <v>52689</v>
      </c>
      <c r="E36432" s="1" t="s">
        <v>126492</v>
      </c>
      <c r="F36432" s="1" t="s">
        <v>126493</v>
      </c>
      <c r="G36432" s="1" t="s">
        <v>126390</v>
      </c>
      <c r="H36432" s="1" t="s">
        <v>126391</v>
      </c>
      <c r="I36432" s="1" t="s">
        <v>123111</v>
      </c>
      <c r="J36432" s="1" t="s">
        <v>126494</v>
      </c>
    </row>
    <row r="36433" spans="1:10" x14ac:dyDescent="0.35">
      <c r="A36433" s="1" t="s">
        <v>126387</v>
      </c>
      <c r="B36433" s="1" t="s">
        <v>123106</v>
      </c>
      <c r="C36433" s="1" t="s">
        <v>170</v>
      </c>
      <c r="D36433" s="1" t="s">
        <v>78779</v>
      </c>
      <c r="E36433" s="1" t="s">
        <v>126495</v>
      </c>
      <c r="F36433" s="1" t="s">
        <v>126496</v>
      </c>
      <c r="G36433" s="1" t="s">
        <v>126390</v>
      </c>
      <c r="H36433" s="1" t="s">
        <v>126391</v>
      </c>
      <c r="I36433" s="1" t="s">
        <v>123111</v>
      </c>
      <c r="J36433" s="1" t="s">
        <v>126497</v>
      </c>
    </row>
    <row r="36434" spans="1:10" x14ac:dyDescent="0.35">
      <c r="A36434" s="1" t="s">
        <v>117267</v>
      </c>
      <c r="B36434" s="1" t="s">
        <v>123106</v>
      </c>
      <c r="C36434" s="1" t="s">
        <v>8</v>
      </c>
      <c r="D36434" s="1" t="s">
        <v>126498</v>
      </c>
      <c r="E36434" s="1" t="s">
        <v>126499</v>
      </c>
      <c r="F36434" s="1" t="s">
        <v>126500</v>
      </c>
      <c r="G36434" s="1" t="s">
        <v>126501</v>
      </c>
      <c r="H36434" s="1" t="s">
        <v>126502</v>
      </c>
      <c r="I36434" s="1" t="s">
        <v>123111</v>
      </c>
      <c r="J36434" s="1" t="s">
        <v>13</v>
      </c>
    </row>
    <row r="36435" spans="1:10" x14ac:dyDescent="0.35">
      <c r="A36435" s="1" t="s">
        <v>117267</v>
      </c>
      <c r="B36435" s="1" t="s">
        <v>123106</v>
      </c>
      <c r="C36435" s="1" t="s">
        <v>15</v>
      </c>
      <c r="D36435" s="1" t="s">
        <v>35314</v>
      </c>
      <c r="E36435" s="1" t="s">
        <v>126503</v>
      </c>
      <c r="F36435" s="1" t="s">
        <v>126504</v>
      </c>
      <c r="G36435" s="1" t="s">
        <v>126501</v>
      </c>
      <c r="H36435" s="1" t="s">
        <v>126502</v>
      </c>
      <c r="I36435" s="1" t="s">
        <v>123111</v>
      </c>
      <c r="J36435" s="1" t="s">
        <v>126505</v>
      </c>
    </row>
    <row r="36436" spans="1:10" x14ac:dyDescent="0.35">
      <c r="A36436" s="1" t="s">
        <v>117267</v>
      </c>
      <c r="B36436" s="1" t="s">
        <v>123106</v>
      </c>
      <c r="C36436" s="1" t="s">
        <v>20</v>
      </c>
      <c r="D36436" s="1" t="s">
        <v>126506</v>
      </c>
      <c r="E36436" s="1" t="s">
        <v>126507</v>
      </c>
      <c r="F36436" s="1" t="s">
        <v>126508</v>
      </c>
      <c r="G36436" s="1" t="s">
        <v>126501</v>
      </c>
      <c r="H36436" s="1" t="s">
        <v>126502</v>
      </c>
      <c r="I36436" s="1" t="s">
        <v>123111</v>
      </c>
      <c r="J36436" s="1" t="s">
        <v>126509</v>
      </c>
    </row>
    <row r="36437" spans="1:10" x14ac:dyDescent="0.35">
      <c r="A36437" s="1" t="s">
        <v>117267</v>
      </c>
      <c r="B36437" s="1" t="s">
        <v>123106</v>
      </c>
      <c r="C36437" s="1" t="s">
        <v>25</v>
      </c>
      <c r="D36437" s="1" t="s">
        <v>115290</v>
      </c>
      <c r="E36437" s="1" t="s">
        <v>126510</v>
      </c>
      <c r="F36437" s="1" t="s">
        <v>126511</v>
      </c>
      <c r="G36437" s="1" t="s">
        <v>126501</v>
      </c>
      <c r="H36437" s="1" t="s">
        <v>126502</v>
      </c>
      <c r="I36437" s="1" t="s">
        <v>123111</v>
      </c>
      <c r="J36437" s="1" t="s">
        <v>126512</v>
      </c>
    </row>
    <row r="36438" spans="1:10" x14ac:dyDescent="0.35">
      <c r="A36438" s="1" t="s">
        <v>117267</v>
      </c>
      <c r="B36438" s="1" t="s">
        <v>123106</v>
      </c>
      <c r="C36438" s="1" t="s">
        <v>30</v>
      </c>
      <c r="D36438" s="1" t="s">
        <v>19484</v>
      </c>
      <c r="E36438" s="1" t="s">
        <v>126513</v>
      </c>
      <c r="F36438" s="1" t="s">
        <v>126514</v>
      </c>
      <c r="G36438" s="1" t="s">
        <v>126501</v>
      </c>
      <c r="H36438" s="1" t="s">
        <v>126502</v>
      </c>
      <c r="I36438" s="1" t="s">
        <v>123111</v>
      </c>
      <c r="J36438" s="1" t="s">
        <v>126515</v>
      </c>
    </row>
    <row r="36439" spans="1:10" x14ac:dyDescent="0.35">
      <c r="A36439" s="1" t="s">
        <v>117267</v>
      </c>
      <c r="B36439" s="1" t="s">
        <v>123106</v>
      </c>
      <c r="C36439" s="1" t="s">
        <v>35</v>
      </c>
      <c r="D36439" s="1" t="s">
        <v>36073</v>
      </c>
      <c r="E36439" s="1" t="s">
        <v>126516</v>
      </c>
      <c r="F36439" s="1" t="s">
        <v>126517</v>
      </c>
      <c r="G36439" s="1" t="s">
        <v>126501</v>
      </c>
      <c r="H36439" s="1" t="s">
        <v>126502</v>
      </c>
      <c r="I36439" s="1" t="s">
        <v>123111</v>
      </c>
      <c r="J36439" s="1" t="s">
        <v>126518</v>
      </c>
    </row>
    <row r="36440" spans="1:10" x14ac:dyDescent="0.35">
      <c r="A36440" s="1" t="s">
        <v>117267</v>
      </c>
      <c r="B36440" s="1" t="s">
        <v>123106</v>
      </c>
      <c r="C36440" s="1" t="s">
        <v>40</v>
      </c>
      <c r="D36440" s="1" t="s">
        <v>48724</v>
      </c>
      <c r="E36440" s="1" t="s">
        <v>126519</v>
      </c>
      <c r="F36440" s="1" t="s">
        <v>126520</v>
      </c>
      <c r="G36440" s="1" t="s">
        <v>126501</v>
      </c>
      <c r="H36440" s="1" t="s">
        <v>126502</v>
      </c>
      <c r="I36440" s="1" t="s">
        <v>123111</v>
      </c>
      <c r="J36440" s="1" t="s">
        <v>126521</v>
      </c>
    </row>
    <row r="36441" spans="1:10" x14ac:dyDescent="0.35">
      <c r="A36441" s="1" t="s">
        <v>117267</v>
      </c>
      <c r="B36441" s="1" t="s">
        <v>123106</v>
      </c>
      <c r="C36441" s="1" t="s">
        <v>45</v>
      </c>
      <c r="D36441" s="1" t="s">
        <v>118740</v>
      </c>
      <c r="E36441" s="1" t="s">
        <v>126522</v>
      </c>
      <c r="F36441" s="1" t="s">
        <v>126523</v>
      </c>
      <c r="G36441" s="1" t="s">
        <v>126501</v>
      </c>
      <c r="H36441" s="1" t="s">
        <v>126502</v>
      </c>
      <c r="I36441" s="1" t="s">
        <v>123111</v>
      </c>
      <c r="J36441" s="1" t="s">
        <v>126524</v>
      </c>
    </row>
    <row r="36442" spans="1:10" x14ac:dyDescent="0.35">
      <c r="A36442" s="1" t="s">
        <v>117267</v>
      </c>
      <c r="B36442" s="1" t="s">
        <v>123106</v>
      </c>
      <c r="C36442" s="1" t="s">
        <v>50</v>
      </c>
      <c r="D36442" s="1" t="s">
        <v>126525</v>
      </c>
      <c r="E36442" s="1" t="s">
        <v>126526</v>
      </c>
      <c r="F36442" s="1" t="s">
        <v>126527</v>
      </c>
      <c r="G36442" s="1" t="s">
        <v>126501</v>
      </c>
      <c r="H36442" s="1" t="s">
        <v>126502</v>
      </c>
      <c r="I36442" s="1" t="s">
        <v>123111</v>
      </c>
      <c r="J36442" s="1" t="s">
        <v>126528</v>
      </c>
    </row>
    <row r="36443" spans="1:10" x14ac:dyDescent="0.35">
      <c r="A36443" s="1" t="s">
        <v>117267</v>
      </c>
      <c r="B36443" s="1" t="s">
        <v>123106</v>
      </c>
      <c r="C36443" s="1" t="s">
        <v>55</v>
      </c>
      <c r="D36443" s="1" t="s">
        <v>35342</v>
      </c>
      <c r="E36443" s="1" t="s">
        <v>126529</v>
      </c>
      <c r="F36443" s="1" t="s">
        <v>126530</v>
      </c>
      <c r="G36443" s="1" t="s">
        <v>126501</v>
      </c>
      <c r="H36443" s="1" t="s">
        <v>126502</v>
      </c>
      <c r="I36443" s="1" t="s">
        <v>123111</v>
      </c>
      <c r="J36443" s="1" t="s">
        <v>126531</v>
      </c>
    </row>
    <row r="36444" spans="1:10" x14ac:dyDescent="0.35">
      <c r="A36444" s="1" t="s">
        <v>117267</v>
      </c>
      <c r="B36444" s="1" t="s">
        <v>123106</v>
      </c>
      <c r="C36444" s="1" t="s">
        <v>60</v>
      </c>
      <c r="D36444" s="1" t="s">
        <v>126532</v>
      </c>
      <c r="E36444" s="1" t="s">
        <v>126533</v>
      </c>
      <c r="F36444" s="1" t="s">
        <v>126534</v>
      </c>
      <c r="G36444" s="1" t="s">
        <v>126501</v>
      </c>
      <c r="H36444" s="1" t="s">
        <v>126502</v>
      </c>
      <c r="I36444" s="1" t="s">
        <v>123111</v>
      </c>
      <c r="J36444" s="1" t="s">
        <v>126535</v>
      </c>
    </row>
    <row r="36445" spans="1:10" x14ac:dyDescent="0.35">
      <c r="A36445" s="1" t="s">
        <v>117267</v>
      </c>
      <c r="B36445" s="1" t="s">
        <v>123106</v>
      </c>
      <c r="C36445" s="1" t="s">
        <v>65</v>
      </c>
      <c r="D36445" s="1" t="s">
        <v>1448</v>
      </c>
      <c r="E36445" s="1" t="s">
        <v>126536</v>
      </c>
      <c r="F36445" s="1" t="s">
        <v>126537</v>
      </c>
      <c r="G36445" s="1" t="s">
        <v>126501</v>
      </c>
      <c r="H36445" s="1" t="s">
        <v>126502</v>
      </c>
      <c r="I36445" s="1" t="s">
        <v>123111</v>
      </c>
      <c r="J36445" s="1" t="s">
        <v>126538</v>
      </c>
    </row>
    <row r="36446" spans="1:10" x14ac:dyDescent="0.35">
      <c r="A36446" s="1" t="s">
        <v>117267</v>
      </c>
      <c r="B36446" s="1" t="s">
        <v>123106</v>
      </c>
      <c r="C36446" s="1" t="s">
        <v>70</v>
      </c>
      <c r="D36446" s="1" t="s">
        <v>605</v>
      </c>
      <c r="E36446" s="1" t="s">
        <v>126539</v>
      </c>
      <c r="F36446" s="1" t="s">
        <v>126540</v>
      </c>
      <c r="G36446" s="1" t="s">
        <v>126501</v>
      </c>
      <c r="H36446" s="1" t="s">
        <v>126502</v>
      </c>
      <c r="I36446" s="1" t="s">
        <v>123111</v>
      </c>
      <c r="J36446" s="1" t="s">
        <v>126541</v>
      </c>
    </row>
    <row r="36447" spans="1:10" x14ac:dyDescent="0.35">
      <c r="A36447" s="1" t="s">
        <v>117267</v>
      </c>
      <c r="B36447" s="1" t="s">
        <v>123106</v>
      </c>
      <c r="C36447" s="1" t="s">
        <v>75</v>
      </c>
      <c r="D36447" s="1" t="s">
        <v>34757</v>
      </c>
      <c r="E36447" s="1" t="s">
        <v>126542</v>
      </c>
      <c r="F36447" s="1" t="s">
        <v>126543</v>
      </c>
      <c r="G36447" s="1" t="s">
        <v>126501</v>
      </c>
      <c r="H36447" s="1" t="s">
        <v>126502</v>
      </c>
      <c r="I36447" s="1" t="s">
        <v>123111</v>
      </c>
      <c r="J36447" s="1" t="s">
        <v>126544</v>
      </c>
    </row>
    <row r="36448" spans="1:10" x14ac:dyDescent="0.35">
      <c r="A36448" s="1" t="s">
        <v>117267</v>
      </c>
      <c r="B36448" s="1" t="s">
        <v>123106</v>
      </c>
      <c r="C36448" s="1" t="s">
        <v>80</v>
      </c>
      <c r="D36448" s="1" t="s">
        <v>3631</v>
      </c>
      <c r="E36448" s="1" t="s">
        <v>126545</v>
      </c>
      <c r="F36448" s="1" t="s">
        <v>126546</v>
      </c>
      <c r="G36448" s="1" t="s">
        <v>126501</v>
      </c>
      <c r="H36448" s="1" t="s">
        <v>126502</v>
      </c>
      <c r="I36448" s="1" t="s">
        <v>123111</v>
      </c>
      <c r="J36448" s="1" t="s">
        <v>126547</v>
      </c>
    </row>
    <row r="36449" spans="1:10" x14ac:dyDescent="0.35">
      <c r="A36449" s="1" t="s">
        <v>117267</v>
      </c>
      <c r="B36449" s="1" t="s">
        <v>123106</v>
      </c>
      <c r="C36449" s="1" t="s">
        <v>85</v>
      </c>
      <c r="D36449" s="1" t="s">
        <v>126548</v>
      </c>
      <c r="E36449" s="1" t="s">
        <v>126549</v>
      </c>
      <c r="F36449" s="1" t="s">
        <v>126550</v>
      </c>
      <c r="G36449" s="1" t="s">
        <v>126501</v>
      </c>
      <c r="H36449" s="1" t="s">
        <v>126502</v>
      </c>
      <c r="I36449" s="1" t="s">
        <v>123111</v>
      </c>
      <c r="J36449" s="1" t="s">
        <v>126551</v>
      </c>
    </row>
    <row r="36450" spans="1:10" x14ac:dyDescent="0.35">
      <c r="A36450" s="1" t="s">
        <v>117267</v>
      </c>
      <c r="B36450" s="1" t="s">
        <v>123106</v>
      </c>
      <c r="C36450" s="1" t="s">
        <v>90</v>
      </c>
      <c r="D36450" s="1" t="s">
        <v>31595</v>
      </c>
      <c r="E36450" s="1" t="s">
        <v>126552</v>
      </c>
      <c r="F36450" s="1" t="s">
        <v>126553</v>
      </c>
      <c r="G36450" s="1" t="s">
        <v>126501</v>
      </c>
      <c r="H36450" s="1" t="s">
        <v>126502</v>
      </c>
      <c r="I36450" s="1" t="s">
        <v>123111</v>
      </c>
      <c r="J36450" s="1" t="s">
        <v>126554</v>
      </c>
    </row>
    <row r="36451" spans="1:10" x14ac:dyDescent="0.35">
      <c r="A36451" s="1" t="s">
        <v>117267</v>
      </c>
      <c r="B36451" s="1" t="s">
        <v>123106</v>
      </c>
      <c r="C36451" s="1" t="s">
        <v>95</v>
      </c>
      <c r="D36451" s="1" t="s">
        <v>5163</v>
      </c>
      <c r="E36451" s="1" t="s">
        <v>126555</v>
      </c>
      <c r="F36451" s="1" t="s">
        <v>126556</v>
      </c>
      <c r="G36451" s="1" t="s">
        <v>126501</v>
      </c>
      <c r="H36451" s="1" t="s">
        <v>126502</v>
      </c>
      <c r="I36451" s="1" t="s">
        <v>123111</v>
      </c>
      <c r="J36451" s="1" t="s">
        <v>126557</v>
      </c>
    </row>
    <row r="36452" spans="1:10" x14ac:dyDescent="0.35">
      <c r="A36452" s="1" t="s">
        <v>117267</v>
      </c>
      <c r="B36452" s="1" t="s">
        <v>123106</v>
      </c>
      <c r="C36452" s="1" t="s">
        <v>100</v>
      </c>
      <c r="D36452" s="1" t="s">
        <v>38346</v>
      </c>
      <c r="E36452" s="1" t="s">
        <v>126558</v>
      </c>
      <c r="F36452" s="1" t="s">
        <v>126559</v>
      </c>
      <c r="G36452" s="1" t="s">
        <v>126501</v>
      </c>
      <c r="H36452" s="1" t="s">
        <v>126502</v>
      </c>
      <c r="I36452" s="1" t="s">
        <v>123111</v>
      </c>
      <c r="J36452" s="1" t="s">
        <v>126560</v>
      </c>
    </row>
    <row r="36453" spans="1:10" x14ac:dyDescent="0.35">
      <c r="A36453" s="1" t="s">
        <v>117267</v>
      </c>
      <c r="B36453" s="1" t="s">
        <v>123106</v>
      </c>
      <c r="C36453" s="1" t="s">
        <v>105</v>
      </c>
      <c r="D36453" s="1" t="s">
        <v>126561</v>
      </c>
      <c r="E36453" s="1" t="s">
        <v>126562</v>
      </c>
      <c r="F36453" s="1" t="s">
        <v>126563</v>
      </c>
      <c r="G36453" s="1" t="s">
        <v>126501</v>
      </c>
      <c r="H36453" s="1" t="s">
        <v>126502</v>
      </c>
      <c r="I36453" s="1" t="s">
        <v>123111</v>
      </c>
      <c r="J36453" s="1" t="s">
        <v>126564</v>
      </c>
    </row>
    <row r="36454" spans="1:10" x14ac:dyDescent="0.35">
      <c r="A36454" s="1" t="s">
        <v>117267</v>
      </c>
      <c r="B36454" s="1" t="s">
        <v>123106</v>
      </c>
      <c r="C36454" s="1" t="s">
        <v>110</v>
      </c>
      <c r="D36454" s="1" t="s">
        <v>30772</v>
      </c>
      <c r="E36454" s="1" t="s">
        <v>126565</v>
      </c>
      <c r="F36454" s="1" t="s">
        <v>126566</v>
      </c>
      <c r="G36454" s="1" t="s">
        <v>126501</v>
      </c>
      <c r="H36454" s="1" t="s">
        <v>126502</v>
      </c>
      <c r="I36454" s="1" t="s">
        <v>123111</v>
      </c>
      <c r="J36454" s="1" t="s">
        <v>126567</v>
      </c>
    </row>
    <row r="36455" spans="1:10" x14ac:dyDescent="0.35">
      <c r="A36455" s="1" t="s">
        <v>117267</v>
      </c>
      <c r="B36455" s="1" t="s">
        <v>123106</v>
      </c>
      <c r="C36455" s="1" t="s">
        <v>115</v>
      </c>
      <c r="D36455" s="1" t="s">
        <v>126568</v>
      </c>
      <c r="E36455" s="1" t="s">
        <v>126569</v>
      </c>
      <c r="F36455" s="1" t="s">
        <v>126570</v>
      </c>
      <c r="G36455" s="1" t="s">
        <v>126501</v>
      </c>
      <c r="H36455" s="1" t="s">
        <v>126502</v>
      </c>
      <c r="I36455" s="1" t="s">
        <v>123111</v>
      </c>
      <c r="J36455" s="1" t="s">
        <v>126571</v>
      </c>
    </row>
    <row r="36456" spans="1:10" x14ac:dyDescent="0.35">
      <c r="A36456" s="1" t="s">
        <v>117267</v>
      </c>
      <c r="B36456" s="1" t="s">
        <v>123106</v>
      </c>
      <c r="C36456" s="1" t="s">
        <v>120</v>
      </c>
      <c r="D36456" s="1" t="s">
        <v>126572</v>
      </c>
      <c r="E36456" s="1" t="s">
        <v>126573</v>
      </c>
      <c r="F36456" s="1" t="s">
        <v>126574</v>
      </c>
      <c r="G36456" s="1" t="s">
        <v>126501</v>
      </c>
      <c r="H36456" s="1" t="s">
        <v>126502</v>
      </c>
      <c r="I36456" s="1" t="s">
        <v>123111</v>
      </c>
      <c r="J36456" s="1" t="s">
        <v>126575</v>
      </c>
    </row>
    <row r="36457" spans="1:10" x14ac:dyDescent="0.35">
      <c r="A36457" s="1" t="s">
        <v>117267</v>
      </c>
      <c r="B36457" s="1" t="s">
        <v>123106</v>
      </c>
      <c r="C36457" s="1" t="s">
        <v>125</v>
      </c>
      <c r="D36457" s="1" t="s">
        <v>83509</v>
      </c>
      <c r="E36457" s="1" t="s">
        <v>126576</v>
      </c>
      <c r="F36457" s="1" t="s">
        <v>126577</v>
      </c>
      <c r="G36457" s="1" t="s">
        <v>126501</v>
      </c>
      <c r="H36457" s="1" t="s">
        <v>126502</v>
      </c>
      <c r="I36457" s="1" t="s">
        <v>123111</v>
      </c>
      <c r="J36457" s="1" t="s">
        <v>126578</v>
      </c>
    </row>
    <row r="36458" spans="1:10" x14ac:dyDescent="0.35">
      <c r="A36458" s="1" t="s">
        <v>117267</v>
      </c>
      <c r="B36458" s="1" t="s">
        <v>123106</v>
      </c>
      <c r="C36458" s="1" t="s">
        <v>130</v>
      </c>
      <c r="D36458" s="1" t="s">
        <v>126579</v>
      </c>
      <c r="E36458" s="1" t="s">
        <v>126580</v>
      </c>
      <c r="F36458" s="1" t="s">
        <v>126581</v>
      </c>
      <c r="G36458" s="1" t="s">
        <v>126501</v>
      </c>
      <c r="H36458" s="1" t="s">
        <v>126502</v>
      </c>
      <c r="I36458" s="1" t="s">
        <v>123111</v>
      </c>
      <c r="J36458" s="1" t="s">
        <v>126582</v>
      </c>
    </row>
    <row r="36459" spans="1:10" x14ac:dyDescent="0.35">
      <c r="A36459" s="1" t="s">
        <v>117267</v>
      </c>
      <c r="B36459" s="1" t="s">
        <v>123106</v>
      </c>
      <c r="C36459" s="1" t="s">
        <v>135</v>
      </c>
      <c r="D36459" s="1" t="s">
        <v>126583</v>
      </c>
      <c r="E36459" s="1" t="s">
        <v>126584</v>
      </c>
      <c r="F36459" s="1" t="s">
        <v>126585</v>
      </c>
      <c r="G36459" s="1" t="s">
        <v>126501</v>
      </c>
      <c r="H36459" s="1" t="s">
        <v>126502</v>
      </c>
      <c r="I36459" s="1" t="s">
        <v>123111</v>
      </c>
      <c r="J36459" s="1" t="s">
        <v>126586</v>
      </c>
    </row>
    <row r="36460" spans="1:10" x14ac:dyDescent="0.35">
      <c r="A36460" s="1" t="s">
        <v>117267</v>
      </c>
      <c r="B36460" s="1" t="s">
        <v>123106</v>
      </c>
      <c r="C36460" s="1" t="s">
        <v>140</v>
      </c>
      <c r="D36460" s="1" t="s">
        <v>126587</v>
      </c>
      <c r="E36460" s="1" t="s">
        <v>126588</v>
      </c>
      <c r="F36460" s="1" t="s">
        <v>126589</v>
      </c>
      <c r="G36460" s="1" t="s">
        <v>126501</v>
      </c>
      <c r="H36460" s="1" t="s">
        <v>126502</v>
      </c>
      <c r="I36460" s="1" t="s">
        <v>123111</v>
      </c>
      <c r="J36460" s="1" t="s">
        <v>126590</v>
      </c>
    </row>
    <row r="36461" spans="1:10" x14ac:dyDescent="0.35">
      <c r="A36461" s="1" t="s">
        <v>117267</v>
      </c>
      <c r="B36461" s="1" t="s">
        <v>123106</v>
      </c>
      <c r="C36461" s="1" t="s">
        <v>145</v>
      </c>
      <c r="D36461" s="1" t="s">
        <v>126591</v>
      </c>
      <c r="E36461" s="1" t="s">
        <v>126592</v>
      </c>
      <c r="F36461" s="1" t="s">
        <v>126593</v>
      </c>
      <c r="G36461" s="1" t="s">
        <v>126501</v>
      </c>
      <c r="H36461" s="1" t="s">
        <v>126502</v>
      </c>
      <c r="I36461" s="1" t="s">
        <v>123111</v>
      </c>
      <c r="J36461" s="1" t="s">
        <v>126594</v>
      </c>
    </row>
    <row r="36462" spans="1:10" x14ac:dyDescent="0.35">
      <c r="A36462" s="1" t="s">
        <v>117267</v>
      </c>
      <c r="B36462" s="1" t="s">
        <v>123106</v>
      </c>
      <c r="C36462" s="1" t="s">
        <v>150</v>
      </c>
      <c r="D36462" s="1" t="s">
        <v>126595</v>
      </c>
      <c r="E36462" s="1" t="s">
        <v>126596</v>
      </c>
      <c r="F36462" s="1" t="s">
        <v>126597</v>
      </c>
      <c r="G36462" s="1" t="s">
        <v>126501</v>
      </c>
      <c r="H36462" s="1" t="s">
        <v>126502</v>
      </c>
      <c r="I36462" s="1" t="s">
        <v>123111</v>
      </c>
      <c r="J36462" s="1" t="s">
        <v>126598</v>
      </c>
    </row>
    <row r="36463" spans="1:10" x14ac:dyDescent="0.35">
      <c r="A36463" s="1" t="s">
        <v>117267</v>
      </c>
      <c r="B36463" s="1" t="s">
        <v>123106</v>
      </c>
      <c r="C36463" s="1" t="s">
        <v>155</v>
      </c>
      <c r="D36463" s="1" t="s">
        <v>113432</v>
      </c>
      <c r="E36463" s="1" t="s">
        <v>126599</v>
      </c>
      <c r="F36463" s="1" t="s">
        <v>126600</v>
      </c>
      <c r="G36463" s="1" t="s">
        <v>126501</v>
      </c>
      <c r="H36463" s="1" t="s">
        <v>126502</v>
      </c>
      <c r="I36463" s="1" t="s">
        <v>123111</v>
      </c>
      <c r="J36463" s="1" t="s">
        <v>126601</v>
      </c>
    </row>
    <row r="36464" spans="1:10" x14ac:dyDescent="0.35">
      <c r="A36464" s="1" t="s">
        <v>117267</v>
      </c>
      <c r="B36464" s="1" t="s">
        <v>123106</v>
      </c>
      <c r="C36464" s="1" t="s">
        <v>160</v>
      </c>
      <c r="D36464" s="1" t="s">
        <v>119877</v>
      </c>
      <c r="E36464" s="1" t="s">
        <v>126602</v>
      </c>
      <c r="F36464" s="1" t="s">
        <v>126603</v>
      </c>
      <c r="G36464" s="1" t="s">
        <v>126501</v>
      </c>
      <c r="H36464" s="1" t="s">
        <v>126502</v>
      </c>
      <c r="I36464" s="1" t="s">
        <v>123111</v>
      </c>
      <c r="J36464" s="1" t="s">
        <v>126604</v>
      </c>
    </row>
    <row r="36465" spans="1:10" x14ac:dyDescent="0.35">
      <c r="A36465" s="1" t="s">
        <v>117267</v>
      </c>
      <c r="B36465" s="1" t="s">
        <v>123106</v>
      </c>
      <c r="C36465" s="1" t="s">
        <v>165</v>
      </c>
      <c r="D36465" s="1" t="s">
        <v>126605</v>
      </c>
      <c r="E36465" s="1" t="s">
        <v>126606</v>
      </c>
      <c r="F36465" s="1" t="s">
        <v>126607</v>
      </c>
      <c r="G36465" s="1" t="s">
        <v>126501</v>
      </c>
      <c r="H36465" s="1" t="s">
        <v>126502</v>
      </c>
      <c r="I36465" s="1" t="s">
        <v>123111</v>
      </c>
      <c r="J36465" s="1" t="s">
        <v>126608</v>
      </c>
    </row>
    <row r="36466" spans="1:10" x14ac:dyDescent="0.35">
      <c r="A36466" s="1" t="s">
        <v>117267</v>
      </c>
      <c r="B36466" s="1" t="s">
        <v>123106</v>
      </c>
      <c r="C36466" s="1" t="s">
        <v>170</v>
      </c>
      <c r="D36466" s="1" t="s">
        <v>2453</v>
      </c>
      <c r="E36466" s="1" t="s">
        <v>126609</v>
      </c>
      <c r="F36466" s="1" t="s">
        <v>126610</v>
      </c>
      <c r="G36466" s="1" t="s">
        <v>126501</v>
      </c>
      <c r="H36466" s="1" t="s">
        <v>126502</v>
      </c>
      <c r="I36466" s="1" t="s">
        <v>123111</v>
      </c>
      <c r="J36466" s="1" t="s">
        <v>126611</v>
      </c>
    </row>
    <row r="36467" spans="1:10" x14ac:dyDescent="0.35">
      <c r="A36467" s="1" t="s">
        <v>6155</v>
      </c>
      <c r="B36467" s="1" t="s">
        <v>126612</v>
      </c>
      <c r="C36467" s="1" t="s">
        <v>8</v>
      </c>
      <c r="D36467" s="1" t="s">
        <v>16814</v>
      </c>
      <c r="E36467" s="1" t="s">
        <v>106534</v>
      </c>
      <c r="F36467" s="1" t="s">
        <v>53956</v>
      </c>
      <c r="G36467" s="1" t="s">
        <v>126613</v>
      </c>
      <c r="H36467" s="1" t="s">
        <v>126614</v>
      </c>
      <c r="I36467" s="1" t="s">
        <v>126615</v>
      </c>
      <c r="J36467" s="1" t="s">
        <v>13</v>
      </c>
    </row>
    <row r="36468" spans="1:10" x14ac:dyDescent="0.35">
      <c r="A36468" s="1" t="s">
        <v>6155</v>
      </c>
      <c r="B36468" s="1" t="s">
        <v>126612</v>
      </c>
      <c r="C36468" s="1" t="s">
        <v>15</v>
      </c>
      <c r="D36468" s="1" t="s">
        <v>126616</v>
      </c>
      <c r="E36468" s="1" t="s">
        <v>126617</v>
      </c>
      <c r="F36468" s="1" t="s">
        <v>31473</v>
      </c>
      <c r="G36468" s="1" t="s">
        <v>126613</v>
      </c>
      <c r="H36468" s="1" t="s">
        <v>126614</v>
      </c>
      <c r="I36468" s="1" t="s">
        <v>126615</v>
      </c>
      <c r="J36468" s="1" t="s">
        <v>126618</v>
      </c>
    </row>
    <row r="36469" spans="1:10" x14ac:dyDescent="0.35">
      <c r="A36469" s="1" t="s">
        <v>6155</v>
      </c>
      <c r="B36469" s="1" t="s">
        <v>126612</v>
      </c>
      <c r="C36469" s="1" t="s">
        <v>20</v>
      </c>
      <c r="D36469" s="1" t="s">
        <v>106663</v>
      </c>
      <c r="E36469" s="1" t="s">
        <v>126619</v>
      </c>
      <c r="F36469" s="1" t="s">
        <v>126620</v>
      </c>
      <c r="G36469" s="1" t="s">
        <v>126613</v>
      </c>
      <c r="H36469" s="1" t="s">
        <v>126614</v>
      </c>
      <c r="I36469" s="1" t="s">
        <v>126615</v>
      </c>
      <c r="J36469" s="1" t="s">
        <v>126621</v>
      </c>
    </row>
    <row r="36470" spans="1:10" x14ac:dyDescent="0.35">
      <c r="A36470" s="1" t="s">
        <v>6155</v>
      </c>
      <c r="B36470" s="1" t="s">
        <v>126612</v>
      </c>
      <c r="C36470" s="1" t="s">
        <v>25</v>
      </c>
      <c r="D36470" s="1" t="s">
        <v>53185</v>
      </c>
      <c r="E36470" s="1" t="s">
        <v>81210</v>
      </c>
      <c r="F36470" s="1" t="s">
        <v>126622</v>
      </c>
      <c r="G36470" s="1" t="s">
        <v>126613</v>
      </c>
      <c r="H36470" s="1" t="s">
        <v>126614</v>
      </c>
      <c r="I36470" s="1" t="s">
        <v>126615</v>
      </c>
      <c r="J36470" s="1" t="s">
        <v>126623</v>
      </c>
    </row>
    <row r="36471" spans="1:10" x14ac:dyDescent="0.35">
      <c r="A36471" s="1" t="s">
        <v>6155</v>
      </c>
      <c r="B36471" s="1" t="s">
        <v>126612</v>
      </c>
      <c r="C36471" s="1" t="s">
        <v>30</v>
      </c>
      <c r="D36471" s="1" t="s">
        <v>126624</v>
      </c>
      <c r="E36471" s="1" t="s">
        <v>108904</v>
      </c>
      <c r="F36471" s="1" t="s">
        <v>126625</v>
      </c>
      <c r="G36471" s="1" t="s">
        <v>126613</v>
      </c>
      <c r="H36471" s="1" t="s">
        <v>126614</v>
      </c>
      <c r="I36471" s="1" t="s">
        <v>126615</v>
      </c>
      <c r="J36471" s="1" t="s">
        <v>126626</v>
      </c>
    </row>
    <row r="36472" spans="1:10" x14ac:dyDescent="0.35">
      <c r="A36472" s="1" t="s">
        <v>6155</v>
      </c>
      <c r="B36472" s="1" t="s">
        <v>126612</v>
      </c>
      <c r="C36472" s="1" t="s">
        <v>35</v>
      </c>
      <c r="D36472" s="1" t="s">
        <v>126627</v>
      </c>
      <c r="E36472" s="1" t="s">
        <v>126628</v>
      </c>
      <c r="F36472" s="1" t="s">
        <v>126629</v>
      </c>
      <c r="G36472" s="1" t="s">
        <v>126613</v>
      </c>
      <c r="H36472" s="1" t="s">
        <v>126614</v>
      </c>
      <c r="I36472" s="1" t="s">
        <v>126615</v>
      </c>
      <c r="J36472" s="1" t="s">
        <v>126630</v>
      </c>
    </row>
    <row r="36473" spans="1:10" x14ac:dyDescent="0.35">
      <c r="A36473" s="1" t="s">
        <v>6155</v>
      </c>
      <c r="B36473" s="1" t="s">
        <v>126612</v>
      </c>
      <c r="C36473" s="1" t="s">
        <v>40</v>
      </c>
      <c r="D36473" s="1" t="s">
        <v>53686</v>
      </c>
      <c r="E36473" s="1" t="s">
        <v>106211</v>
      </c>
      <c r="F36473" s="1" t="s">
        <v>32960</v>
      </c>
      <c r="G36473" s="1" t="s">
        <v>126613</v>
      </c>
      <c r="H36473" s="1" t="s">
        <v>126614</v>
      </c>
      <c r="I36473" s="1" t="s">
        <v>126615</v>
      </c>
      <c r="J36473" s="1" t="s">
        <v>126631</v>
      </c>
    </row>
    <row r="36474" spans="1:10" x14ac:dyDescent="0.35">
      <c r="A36474" s="1" t="s">
        <v>6155</v>
      </c>
      <c r="B36474" s="1" t="s">
        <v>126612</v>
      </c>
      <c r="C36474" s="1" t="s">
        <v>45</v>
      </c>
      <c r="D36474" s="1" t="s">
        <v>105763</v>
      </c>
      <c r="E36474" s="1" t="s">
        <v>109502</v>
      </c>
      <c r="F36474" s="1" t="s">
        <v>103789</v>
      </c>
      <c r="G36474" s="1" t="s">
        <v>126613</v>
      </c>
      <c r="H36474" s="1" t="s">
        <v>126614</v>
      </c>
      <c r="I36474" s="1" t="s">
        <v>126615</v>
      </c>
      <c r="J36474" s="1" t="s">
        <v>126632</v>
      </c>
    </row>
    <row r="36475" spans="1:10" x14ac:dyDescent="0.35">
      <c r="A36475" s="1" t="s">
        <v>6155</v>
      </c>
      <c r="B36475" s="1" t="s">
        <v>126612</v>
      </c>
      <c r="C36475" s="1" t="s">
        <v>50</v>
      </c>
      <c r="D36475" s="1" t="s">
        <v>126633</v>
      </c>
      <c r="E36475" s="1" t="s">
        <v>126634</v>
      </c>
      <c r="F36475" s="1" t="s">
        <v>126635</v>
      </c>
      <c r="G36475" s="1" t="s">
        <v>126613</v>
      </c>
      <c r="H36475" s="1" t="s">
        <v>126614</v>
      </c>
      <c r="I36475" s="1" t="s">
        <v>126615</v>
      </c>
      <c r="J36475" s="1" t="s">
        <v>126636</v>
      </c>
    </row>
    <row r="36476" spans="1:10" x14ac:dyDescent="0.35">
      <c r="A36476" s="1" t="s">
        <v>6155</v>
      </c>
      <c r="B36476" s="1" t="s">
        <v>126612</v>
      </c>
      <c r="C36476" s="1" t="s">
        <v>55</v>
      </c>
      <c r="D36476" s="1" t="s">
        <v>107917</v>
      </c>
      <c r="E36476" s="1" t="s">
        <v>78866</v>
      </c>
      <c r="F36476" s="1" t="s">
        <v>126637</v>
      </c>
      <c r="G36476" s="1" t="s">
        <v>126613</v>
      </c>
      <c r="H36476" s="1" t="s">
        <v>126614</v>
      </c>
      <c r="I36476" s="1" t="s">
        <v>126615</v>
      </c>
      <c r="J36476" s="1" t="s">
        <v>126638</v>
      </c>
    </row>
    <row r="36477" spans="1:10" x14ac:dyDescent="0.35">
      <c r="A36477" s="1" t="s">
        <v>6155</v>
      </c>
      <c r="B36477" s="1" t="s">
        <v>126612</v>
      </c>
      <c r="C36477" s="1" t="s">
        <v>60</v>
      </c>
      <c r="D36477" s="1" t="s">
        <v>126639</v>
      </c>
      <c r="E36477" s="1" t="s">
        <v>108930</v>
      </c>
      <c r="F36477" s="1" t="s">
        <v>126640</v>
      </c>
      <c r="G36477" s="1" t="s">
        <v>126613</v>
      </c>
      <c r="H36477" s="1" t="s">
        <v>126614</v>
      </c>
      <c r="I36477" s="1" t="s">
        <v>126615</v>
      </c>
      <c r="J36477" s="1" t="s">
        <v>126641</v>
      </c>
    </row>
    <row r="36478" spans="1:10" x14ac:dyDescent="0.35">
      <c r="A36478" s="1" t="s">
        <v>6155</v>
      </c>
      <c r="B36478" s="1" t="s">
        <v>126612</v>
      </c>
      <c r="C36478" s="1" t="s">
        <v>65</v>
      </c>
      <c r="D36478" s="1" t="s">
        <v>126642</v>
      </c>
      <c r="E36478" s="1" t="s">
        <v>126643</v>
      </c>
      <c r="F36478" s="1" t="s">
        <v>126644</v>
      </c>
      <c r="G36478" s="1" t="s">
        <v>126613</v>
      </c>
      <c r="H36478" s="1" t="s">
        <v>126614</v>
      </c>
      <c r="I36478" s="1" t="s">
        <v>126615</v>
      </c>
      <c r="J36478" s="1" t="s">
        <v>126645</v>
      </c>
    </row>
    <row r="36479" spans="1:10" x14ac:dyDescent="0.35">
      <c r="A36479" s="1" t="s">
        <v>6155</v>
      </c>
      <c r="B36479" s="1" t="s">
        <v>126612</v>
      </c>
      <c r="C36479" s="1" t="s">
        <v>70</v>
      </c>
      <c r="D36479" s="1" t="s">
        <v>126646</v>
      </c>
      <c r="E36479" s="1" t="s">
        <v>126647</v>
      </c>
      <c r="F36479" s="1" t="s">
        <v>126648</v>
      </c>
      <c r="G36479" s="1" t="s">
        <v>126613</v>
      </c>
      <c r="H36479" s="1" t="s">
        <v>126614</v>
      </c>
      <c r="I36479" s="1" t="s">
        <v>126615</v>
      </c>
      <c r="J36479" s="1" t="s">
        <v>126649</v>
      </c>
    </row>
    <row r="36480" spans="1:10" x14ac:dyDescent="0.35">
      <c r="A36480" s="1" t="s">
        <v>6155</v>
      </c>
      <c r="B36480" s="1" t="s">
        <v>126612</v>
      </c>
      <c r="C36480" s="1" t="s">
        <v>75</v>
      </c>
      <c r="D36480" s="1" t="s">
        <v>78798</v>
      </c>
      <c r="E36480" s="1" t="s">
        <v>109794</v>
      </c>
      <c r="F36480" s="1" t="s">
        <v>126650</v>
      </c>
      <c r="G36480" s="1" t="s">
        <v>126613</v>
      </c>
      <c r="H36480" s="1" t="s">
        <v>126614</v>
      </c>
      <c r="I36480" s="1" t="s">
        <v>126615</v>
      </c>
      <c r="J36480" s="1" t="s">
        <v>126651</v>
      </c>
    </row>
    <row r="36481" spans="1:10" x14ac:dyDescent="0.35">
      <c r="A36481" s="1" t="s">
        <v>6155</v>
      </c>
      <c r="B36481" s="1" t="s">
        <v>126612</v>
      </c>
      <c r="C36481" s="1" t="s">
        <v>80</v>
      </c>
      <c r="D36481" s="1" t="s">
        <v>106412</v>
      </c>
      <c r="E36481" s="1" t="s">
        <v>78808</v>
      </c>
      <c r="F36481" s="1" t="s">
        <v>59547</v>
      </c>
      <c r="G36481" s="1" t="s">
        <v>126613</v>
      </c>
      <c r="H36481" s="1" t="s">
        <v>126614</v>
      </c>
      <c r="I36481" s="1" t="s">
        <v>126615</v>
      </c>
      <c r="J36481" s="1" t="s">
        <v>126652</v>
      </c>
    </row>
    <row r="36482" spans="1:10" x14ac:dyDescent="0.35">
      <c r="A36482" s="1" t="s">
        <v>6155</v>
      </c>
      <c r="B36482" s="1" t="s">
        <v>126612</v>
      </c>
      <c r="C36482" s="1" t="s">
        <v>85</v>
      </c>
      <c r="D36482" s="1" t="s">
        <v>126653</v>
      </c>
      <c r="E36482" s="1" t="s">
        <v>81143</v>
      </c>
      <c r="F36482" s="1" t="s">
        <v>99717</v>
      </c>
      <c r="G36482" s="1" t="s">
        <v>126613</v>
      </c>
      <c r="H36482" s="1" t="s">
        <v>126614</v>
      </c>
      <c r="I36482" s="1" t="s">
        <v>126615</v>
      </c>
      <c r="J36482" s="1" t="s">
        <v>126654</v>
      </c>
    </row>
    <row r="36483" spans="1:10" x14ac:dyDescent="0.35">
      <c r="A36483" s="1" t="s">
        <v>6155</v>
      </c>
      <c r="B36483" s="1" t="s">
        <v>126612</v>
      </c>
      <c r="C36483" s="1" t="s">
        <v>90</v>
      </c>
      <c r="D36483" s="1" t="s">
        <v>109354</v>
      </c>
      <c r="E36483" s="1" t="s">
        <v>126655</v>
      </c>
      <c r="F36483" s="1" t="s">
        <v>126656</v>
      </c>
      <c r="G36483" s="1" t="s">
        <v>126613</v>
      </c>
      <c r="H36483" s="1" t="s">
        <v>126614</v>
      </c>
      <c r="I36483" s="1" t="s">
        <v>126615</v>
      </c>
      <c r="J36483" s="1" t="s">
        <v>126657</v>
      </c>
    </row>
    <row r="36484" spans="1:10" x14ac:dyDescent="0.35">
      <c r="A36484" s="1" t="s">
        <v>6155</v>
      </c>
      <c r="B36484" s="1" t="s">
        <v>126612</v>
      </c>
      <c r="C36484" s="1" t="s">
        <v>95</v>
      </c>
      <c r="D36484" s="1" t="s">
        <v>98019</v>
      </c>
      <c r="E36484" s="1" t="s">
        <v>126658</v>
      </c>
      <c r="F36484" s="1" t="s">
        <v>126659</v>
      </c>
      <c r="G36484" s="1" t="s">
        <v>126613</v>
      </c>
      <c r="H36484" s="1" t="s">
        <v>126614</v>
      </c>
      <c r="I36484" s="1" t="s">
        <v>126615</v>
      </c>
      <c r="J36484" s="1" t="s">
        <v>126660</v>
      </c>
    </row>
    <row r="36485" spans="1:10" x14ac:dyDescent="0.35">
      <c r="A36485" s="1" t="s">
        <v>6155</v>
      </c>
      <c r="B36485" s="1" t="s">
        <v>126612</v>
      </c>
      <c r="C36485" s="1" t="s">
        <v>100</v>
      </c>
      <c r="D36485" s="1" t="s">
        <v>126661</v>
      </c>
      <c r="E36485" s="1" t="s">
        <v>74224</v>
      </c>
      <c r="F36485" s="1" t="s">
        <v>126662</v>
      </c>
      <c r="G36485" s="1" t="s">
        <v>126613</v>
      </c>
      <c r="H36485" s="1" t="s">
        <v>126614</v>
      </c>
      <c r="I36485" s="1" t="s">
        <v>126615</v>
      </c>
      <c r="J36485" s="1" t="s">
        <v>126663</v>
      </c>
    </row>
    <row r="36486" spans="1:10" x14ac:dyDescent="0.35">
      <c r="A36486" s="1" t="s">
        <v>6155</v>
      </c>
      <c r="B36486" s="1" t="s">
        <v>126612</v>
      </c>
      <c r="C36486" s="1" t="s">
        <v>105</v>
      </c>
      <c r="D36486" s="1" t="s">
        <v>107138</v>
      </c>
      <c r="E36486" s="1" t="s">
        <v>126664</v>
      </c>
      <c r="F36486" s="1" t="s">
        <v>66277</v>
      </c>
      <c r="G36486" s="1" t="s">
        <v>126613</v>
      </c>
      <c r="H36486" s="1" t="s">
        <v>126614</v>
      </c>
      <c r="I36486" s="1" t="s">
        <v>126615</v>
      </c>
      <c r="J36486" s="1" t="s">
        <v>126665</v>
      </c>
    </row>
    <row r="36487" spans="1:10" x14ac:dyDescent="0.35">
      <c r="A36487" s="1" t="s">
        <v>6155</v>
      </c>
      <c r="B36487" s="1" t="s">
        <v>126612</v>
      </c>
      <c r="C36487" s="1" t="s">
        <v>110</v>
      </c>
      <c r="D36487" s="1" t="s">
        <v>126666</v>
      </c>
      <c r="E36487" s="1" t="s">
        <v>78856</v>
      </c>
      <c r="F36487" s="1" t="s">
        <v>126667</v>
      </c>
      <c r="G36487" s="1" t="s">
        <v>126613</v>
      </c>
      <c r="H36487" s="1" t="s">
        <v>126614</v>
      </c>
      <c r="I36487" s="1" t="s">
        <v>126615</v>
      </c>
      <c r="J36487" s="1" t="s">
        <v>126668</v>
      </c>
    </row>
    <row r="36488" spans="1:10" x14ac:dyDescent="0.35">
      <c r="A36488" s="1" t="s">
        <v>6155</v>
      </c>
      <c r="B36488" s="1" t="s">
        <v>126612</v>
      </c>
      <c r="C36488" s="1" t="s">
        <v>115</v>
      </c>
      <c r="D36488" s="1" t="s">
        <v>97697</v>
      </c>
      <c r="E36488" s="1" t="s">
        <v>126669</v>
      </c>
      <c r="F36488" s="1" t="s">
        <v>126670</v>
      </c>
      <c r="G36488" s="1" t="s">
        <v>126613</v>
      </c>
      <c r="H36488" s="1" t="s">
        <v>126614</v>
      </c>
      <c r="I36488" s="1" t="s">
        <v>126615</v>
      </c>
      <c r="J36488" s="1" t="s">
        <v>126671</v>
      </c>
    </row>
    <row r="36489" spans="1:10" x14ac:dyDescent="0.35">
      <c r="A36489" s="1" t="s">
        <v>6155</v>
      </c>
      <c r="B36489" s="1" t="s">
        <v>126612</v>
      </c>
      <c r="C36489" s="1" t="s">
        <v>120</v>
      </c>
      <c r="D36489" s="1" t="s">
        <v>126672</v>
      </c>
      <c r="E36489" s="1" t="s">
        <v>126673</v>
      </c>
      <c r="F36489" s="1" t="s">
        <v>126674</v>
      </c>
      <c r="G36489" s="1" t="s">
        <v>126613</v>
      </c>
      <c r="H36489" s="1" t="s">
        <v>126614</v>
      </c>
      <c r="I36489" s="1" t="s">
        <v>126615</v>
      </c>
      <c r="J36489" s="1" t="s">
        <v>126675</v>
      </c>
    </row>
    <row r="36490" spans="1:10" x14ac:dyDescent="0.35">
      <c r="A36490" s="1" t="s">
        <v>6155</v>
      </c>
      <c r="B36490" s="1" t="s">
        <v>126612</v>
      </c>
      <c r="C36490" s="1" t="s">
        <v>125</v>
      </c>
      <c r="D36490" s="1" t="s">
        <v>126676</v>
      </c>
      <c r="E36490" s="1" t="s">
        <v>126677</v>
      </c>
      <c r="F36490" s="1" t="s">
        <v>126678</v>
      </c>
      <c r="G36490" s="1" t="s">
        <v>126613</v>
      </c>
      <c r="H36490" s="1" t="s">
        <v>126614</v>
      </c>
      <c r="I36490" s="1" t="s">
        <v>126615</v>
      </c>
      <c r="J36490" s="1" t="s">
        <v>126679</v>
      </c>
    </row>
    <row r="36491" spans="1:10" x14ac:dyDescent="0.35">
      <c r="A36491" s="1" t="s">
        <v>6155</v>
      </c>
      <c r="B36491" s="1" t="s">
        <v>126612</v>
      </c>
      <c r="C36491" s="1" t="s">
        <v>130</v>
      </c>
      <c r="D36491" s="1" t="s">
        <v>16838</v>
      </c>
      <c r="E36491" s="1" t="s">
        <v>126680</v>
      </c>
      <c r="F36491" s="1" t="s">
        <v>126681</v>
      </c>
      <c r="G36491" s="1" t="s">
        <v>126613</v>
      </c>
      <c r="H36491" s="1" t="s">
        <v>126614</v>
      </c>
      <c r="I36491" s="1" t="s">
        <v>126615</v>
      </c>
      <c r="J36491" s="1" t="s">
        <v>126682</v>
      </c>
    </row>
    <row r="36492" spans="1:10" x14ac:dyDescent="0.35">
      <c r="A36492" s="1" t="s">
        <v>6155</v>
      </c>
      <c r="B36492" s="1" t="s">
        <v>126612</v>
      </c>
      <c r="C36492" s="1" t="s">
        <v>135</v>
      </c>
      <c r="D36492" s="1" t="s">
        <v>108012</v>
      </c>
      <c r="E36492" s="1" t="s">
        <v>126683</v>
      </c>
      <c r="F36492" s="1" t="s">
        <v>32914</v>
      </c>
      <c r="G36492" s="1" t="s">
        <v>126613</v>
      </c>
      <c r="H36492" s="1" t="s">
        <v>126614</v>
      </c>
      <c r="I36492" s="1" t="s">
        <v>126615</v>
      </c>
      <c r="J36492" s="1" t="s">
        <v>126684</v>
      </c>
    </row>
    <row r="36493" spans="1:10" x14ac:dyDescent="0.35">
      <c r="A36493" s="1" t="s">
        <v>6155</v>
      </c>
      <c r="B36493" s="1" t="s">
        <v>126612</v>
      </c>
      <c r="C36493" s="1" t="s">
        <v>140</v>
      </c>
      <c r="D36493" s="1" t="s">
        <v>82289</v>
      </c>
      <c r="E36493" s="1" t="s">
        <v>108930</v>
      </c>
      <c r="F36493" s="1" t="s">
        <v>126685</v>
      </c>
      <c r="G36493" s="1" t="s">
        <v>126613</v>
      </c>
      <c r="H36493" s="1" t="s">
        <v>126614</v>
      </c>
      <c r="I36493" s="1" t="s">
        <v>126615</v>
      </c>
      <c r="J36493" s="1" t="s">
        <v>126686</v>
      </c>
    </row>
    <row r="36494" spans="1:10" x14ac:dyDescent="0.35">
      <c r="A36494" s="1" t="s">
        <v>6155</v>
      </c>
      <c r="B36494" s="1" t="s">
        <v>126612</v>
      </c>
      <c r="C36494" s="1" t="s">
        <v>145</v>
      </c>
      <c r="D36494" s="1" t="s">
        <v>126687</v>
      </c>
      <c r="E36494" s="1" t="s">
        <v>126683</v>
      </c>
      <c r="F36494" s="1" t="s">
        <v>126688</v>
      </c>
      <c r="G36494" s="1" t="s">
        <v>126613</v>
      </c>
      <c r="H36494" s="1" t="s">
        <v>126614</v>
      </c>
      <c r="I36494" s="1" t="s">
        <v>126615</v>
      </c>
      <c r="J36494" s="1" t="s">
        <v>126689</v>
      </c>
    </row>
    <row r="36495" spans="1:10" x14ac:dyDescent="0.35">
      <c r="A36495" s="1" t="s">
        <v>6155</v>
      </c>
      <c r="B36495" s="1" t="s">
        <v>126612</v>
      </c>
      <c r="C36495" s="1" t="s">
        <v>150</v>
      </c>
      <c r="D36495" s="1" t="s">
        <v>65049</v>
      </c>
      <c r="E36495" s="1" t="s">
        <v>126690</v>
      </c>
      <c r="F36495" s="1" t="s">
        <v>97204</v>
      </c>
      <c r="G36495" s="1" t="s">
        <v>126613</v>
      </c>
      <c r="H36495" s="1" t="s">
        <v>126614</v>
      </c>
      <c r="I36495" s="1" t="s">
        <v>126615</v>
      </c>
      <c r="J36495" s="1" t="s">
        <v>126691</v>
      </c>
    </row>
    <row r="36496" spans="1:10" x14ac:dyDescent="0.35">
      <c r="A36496" s="1" t="s">
        <v>6155</v>
      </c>
      <c r="B36496" s="1" t="s">
        <v>126612</v>
      </c>
      <c r="C36496" s="1" t="s">
        <v>155</v>
      </c>
      <c r="D36496" s="1" t="s">
        <v>126692</v>
      </c>
      <c r="E36496" s="1" t="s">
        <v>126693</v>
      </c>
      <c r="F36496" s="1" t="s">
        <v>126694</v>
      </c>
      <c r="G36496" s="1" t="s">
        <v>126613</v>
      </c>
      <c r="H36496" s="1" t="s">
        <v>126614</v>
      </c>
      <c r="I36496" s="1" t="s">
        <v>126615</v>
      </c>
      <c r="J36496" s="1" t="s">
        <v>126695</v>
      </c>
    </row>
    <row r="36497" spans="1:10" x14ac:dyDescent="0.35">
      <c r="A36497" s="1" t="s">
        <v>6155</v>
      </c>
      <c r="B36497" s="1" t="s">
        <v>126612</v>
      </c>
      <c r="C36497" s="1" t="s">
        <v>160</v>
      </c>
      <c r="D36497" s="1" t="s">
        <v>113752</v>
      </c>
      <c r="E36497" s="1" t="s">
        <v>126683</v>
      </c>
      <c r="F36497" s="1" t="s">
        <v>126696</v>
      </c>
      <c r="G36497" s="1" t="s">
        <v>126613</v>
      </c>
      <c r="H36497" s="1" t="s">
        <v>126614</v>
      </c>
      <c r="I36497" s="1" t="s">
        <v>126615</v>
      </c>
      <c r="J36497" s="1" t="s">
        <v>126697</v>
      </c>
    </row>
    <row r="36498" spans="1:10" x14ac:dyDescent="0.35">
      <c r="A36498" s="1" t="s">
        <v>6155</v>
      </c>
      <c r="B36498" s="1" t="s">
        <v>126612</v>
      </c>
      <c r="C36498" s="1" t="s">
        <v>165</v>
      </c>
      <c r="D36498" s="1" t="s">
        <v>18563</v>
      </c>
      <c r="E36498" s="1" t="s">
        <v>126698</v>
      </c>
      <c r="F36498" s="1" t="s">
        <v>126699</v>
      </c>
      <c r="G36498" s="1" t="s">
        <v>126613</v>
      </c>
      <c r="H36498" s="1" t="s">
        <v>126614</v>
      </c>
      <c r="I36498" s="1" t="s">
        <v>126615</v>
      </c>
      <c r="J36498" s="1" t="s">
        <v>126700</v>
      </c>
    </row>
    <row r="36499" spans="1:10" x14ac:dyDescent="0.35">
      <c r="A36499" s="1" t="s">
        <v>6155</v>
      </c>
      <c r="B36499" s="1" t="s">
        <v>126612</v>
      </c>
      <c r="C36499" s="1" t="s">
        <v>170</v>
      </c>
      <c r="D36499" s="1" t="s">
        <v>126701</v>
      </c>
      <c r="E36499" s="1" t="s">
        <v>78674</v>
      </c>
      <c r="F36499" s="1" t="s">
        <v>126702</v>
      </c>
      <c r="G36499" s="1" t="s">
        <v>126613</v>
      </c>
      <c r="H36499" s="1" t="s">
        <v>126614</v>
      </c>
      <c r="I36499" s="1" t="s">
        <v>126615</v>
      </c>
      <c r="J36499" s="1" t="s">
        <v>126703</v>
      </c>
    </row>
    <row r="36500" spans="1:10" x14ac:dyDescent="0.35">
      <c r="A36500" s="1" t="s">
        <v>13840</v>
      </c>
      <c r="B36500" s="1" t="s">
        <v>126612</v>
      </c>
      <c r="C36500" s="1" t="s">
        <v>8</v>
      </c>
      <c r="D36500" s="1" t="s">
        <v>16751</v>
      </c>
      <c r="E36500" s="1" t="s">
        <v>126704</v>
      </c>
      <c r="F36500" s="1" t="s">
        <v>126705</v>
      </c>
      <c r="G36500" s="1" t="s">
        <v>126706</v>
      </c>
      <c r="H36500" s="1" t="s">
        <v>126707</v>
      </c>
      <c r="I36500" s="1" t="s">
        <v>126615</v>
      </c>
      <c r="J36500" s="1" t="s">
        <v>13</v>
      </c>
    </row>
    <row r="36501" spans="1:10" x14ac:dyDescent="0.35">
      <c r="A36501" s="1" t="s">
        <v>13840</v>
      </c>
      <c r="B36501" s="1" t="s">
        <v>126612</v>
      </c>
      <c r="C36501" s="1" t="s">
        <v>15</v>
      </c>
      <c r="D36501" s="1" t="s">
        <v>23501</v>
      </c>
      <c r="E36501" s="1" t="s">
        <v>126708</v>
      </c>
      <c r="F36501" s="1" t="s">
        <v>126709</v>
      </c>
      <c r="G36501" s="1" t="s">
        <v>126706</v>
      </c>
      <c r="H36501" s="1" t="s">
        <v>126707</v>
      </c>
      <c r="I36501" s="1" t="s">
        <v>126615</v>
      </c>
      <c r="J36501" s="1" t="s">
        <v>126710</v>
      </c>
    </row>
    <row r="36502" spans="1:10" x14ac:dyDescent="0.35">
      <c r="A36502" s="1" t="s">
        <v>13840</v>
      </c>
      <c r="B36502" s="1" t="s">
        <v>126612</v>
      </c>
      <c r="C36502" s="1" t="s">
        <v>20</v>
      </c>
      <c r="D36502" s="1" t="s">
        <v>126711</v>
      </c>
      <c r="E36502" s="1" t="s">
        <v>126712</v>
      </c>
      <c r="F36502" s="1" t="s">
        <v>126713</v>
      </c>
      <c r="G36502" s="1" t="s">
        <v>126706</v>
      </c>
      <c r="H36502" s="1" t="s">
        <v>126707</v>
      </c>
      <c r="I36502" s="1" t="s">
        <v>126615</v>
      </c>
      <c r="J36502" s="1" t="s">
        <v>126714</v>
      </c>
    </row>
    <row r="36503" spans="1:10" x14ac:dyDescent="0.35">
      <c r="A36503" s="1" t="s">
        <v>13840</v>
      </c>
      <c r="B36503" s="1" t="s">
        <v>126612</v>
      </c>
      <c r="C36503" s="1" t="s">
        <v>25</v>
      </c>
      <c r="D36503" s="1" t="s">
        <v>66858</v>
      </c>
      <c r="E36503" s="1" t="s">
        <v>126715</v>
      </c>
      <c r="F36503" s="1" t="s">
        <v>126716</v>
      </c>
      <c r="G36503" s="1" t="s">
        <v>126706</v>
      </c>
      <c r="H36503" s="1" t="s">
        <v>126707</v>
      </c>
      <c r="I36503" s="1" t="s">
        <v>126615</v>
      </c>
      <c r="J36503" s="1" t="s">
        <v>126717</v>
      </c>
    </row>
    <row r="36504" spans="1:10" x14ac:dyDescent="0.35">
      <c r="A36504" s="1" t="s">
        <v>13840</v>
      </c>
      <c r="B36504" s="1" t="s">
        <v>126612</v>
      </c>
      <c r="C36504" s="1" t="s">
        <v>30</v>
      </c>
      <c r="D36504" s="1" t="s">
        <v>126718</v>
      </c>
      <c r="E36504" s="1" t="s">
        <v>126719</v>
      </c>
      <c r="F36504" s="1" t="s">
        <v>126720</v>
      </c>
      <c r="G36504" s="1" t="s">
        <v>126706</v>
      </c>
      <c r="H36504" s="1" t="s">
        <v>126707</v>
      </c>
      <c r="I36504" s="1" t="s">
        <v>126615</v>
      </c>
      <c r="J36504" s="1" t="s">
        <v>126721</v>
      </c>
    </row>
    <row r="36505" spans="1:10" x14ac:dyDescent="0.35">
      <c r="A36505" s="1" t="s">
        <v>13840</v>
      </c>
      <c r="B36505" s="1" t="s">
        <v>126612</v>
      </c>
      <c r="C36505" s="1" t="s">
        <v>35</v>
      </c>
      <c r="D36505" s="1" t="s">
        <v>126722</v>
      </c>
      <c r="E36505" s="1" t="s">
        <v>126723</v>
      </c>
      <c r="F36505" s="1" t="s">
        <v>126724</v>
      </c>
      <c r="G36505" s="1" t="s">
        <v>126706</v>
      </c>
      <c r="H36505" s="1" t="s">
        <v>126707</v>
      </c>
      <c r="I36505" s="1" t="s">
        <v>126615</v>
      </c>
      <c r="J36505" s="1" t="s">
        <v>126725</v>
      </c>
    </row>
    <row r="36506" spans="1:10" x14ac:dyDescent="0.35">
      <c r="A36506" s="1" t="s">
        <v>13840</v>
      </c>
      <c r="B36506" s="1" t="s">
        <v>126612</v>
      </c>
      <c r="C36506" s="1" t="s">
        <v>40</v>
      </c>
      <c r="D36506" s="1" t="s">
        <v>126726</v>
      </c>
      <c r="E36506" s="1" t="s">
        <v>126727</v>
      </c>
      <c r="F36506" s="1" t="s">
        <v>126728</v>
      </c>
      <c r="G36506" s="1" t="s">
        <v>126706</v>
      </c>
      <c r="H36506" s="1" t="s">
        <v>126707</v>
      </c>
      <c r="I36506" s="1" t="s">
        <v>126615</v>
      </c>
      <c r="J36506" s="1" t="s">
        <v>126729</v>
      </c>
    </row>
    <row r="36507" spans="1:10" x14ac:dyDescent="0.35">
      <c r="A36507" s="1" t="s">
        <v>13840</v>
      </c>
      <c r="B36507" s="1" t="s">
        <v>126612</v>
      </c>
      <c r="C36507" s="1" t="s">
        <v>45</v>
      </c>
      <c r="D36507" s="1" t="s">
        <v>126730</v>
      </c>
      <c r="E36507" s="1" t="s">
        <v>126731</v>
      </c>
      <c r="F36507" s="1" t="s">
        <v>126732</v>
      </c>
      <c r="G36507" s="1" t="s">
        <v>126706</v>
      </c>
      <c r="H36507" s="1" t="s">
        <v>126707</v>
      </c>
      <c r="I36507" s="1" t="s">
        <v>126615</v>
      </c>
      <c r="J36507" s="1" t="s">
        <v>126733</v>
      </c>
    </row>
    <row r="36508" spans="1:10" x14ac:dyDescent="0.35">
      <c r="A36508" s="1" t="s">
        <v>13840</v>
      </c>
      <c r="B36508" s="1" t="s">
        <v>126612</v>
      </c>
      <c r="C36508" s="1" t="s">
        <v>50</v>
      </c>
      <c r="D36508" s="1" t="s">
        <v>85648</v>
      </c>
      <c r="E36508" s="1" t="s">
        <v>126734</v>
      </c>
      <c r="F36508" s="1" t="s">
        <v>126735</v>
      </c>
      <c r="G36508" s="1" t="s">
        <v>126706</v>
      </c>
      <c r="H36508" s="1" t="s">
        <v>126707</v>
      </c>
      <c r="I36508" s="1" t="s">
        <v>126615</v>
      </c>
      <c r="J36508" s="1" t="s">
        <v>126736</v>
      </c>
    </row>
    <row r="36509" spans="1:10" x14ac:dyDescent="0.35">
      <c r="A36509" s="1" t="s">
        <v>13840</v>
      </c>
      <c r="B36509" s="1" t="s">
        <v>126612</v>
      </c>
      <c r="C36509" s="1" t="s">
        <v>55</v>
      </c>
      <c r="D36509" s="1" t="s">
        <v>126737</v>
      </c>
      <c r="E36509" s="1" t="s">
        <v>126738</v>
      </c>
      <c r="F36509" s="1" t="s">
        <v>126739</v>
      </c>
      <c r="G36509" s="1" t="s">
        <v>126706</v>
      </c>
      <c r="H36509" s="1" t="s">
        <v>126707</v>
      </c>
      <c r="I36509" s="1" t="s">
        <v>126615</v>
      </c>
      <c r="J36509" s="1" t="s">
        <v>126740</v>
      </c>
    </row>
    <row r="36510" spans="1:10" x14ac:dyDescent="0.35">
      <c r="A36510" s="1" t="s">
        <v>13840</v>
      </c>
      <c r="B36510" s="1" t="s">
        <v>126612</v>
      </c>
      <c r="C36510" s="1" t="s">
        <v>60</v>
      </c>
      <c r="D36510" s="1" t="s">
        <v>126741</v>
      </c>
      <c r="E36510" s="1" t="s">
        <v>126742</v>
      </c>
      <c r="F36510" s="1" t="s">
        <v>126743</v>
      </c>
      <c r="G36510" s="1" t="s">
        <v>126706</v>
      </c>
      <c r="H36510" s="1" t="s">
        <v>126707</v>
      </c>
      <c r="I36510" s="1" t="s">
        <v>126615</v>
      </c>
      <c r="J36510" s="1" t="s">
        <v>126744</v>
      </c>
    </row>
    <row r="36511" spans="1:10" x14ac:dyDescent="0.35">
      <c r="A36511" s="1" t="s">
        <v>13840</v>
      </c>
      <c r="B36511" s="1" t="s">
        <v>126612</v>
      </c>
      <c r="C36511" s="1" t="s">
        <v>65</v>
      </c>
      <c r="D36511" s="1" t="s">
        <v>57277</v>
      </c>
      <c r="E36511" s="1" t="s">
        <v>126745</v>
      </c>
      <c r="F36511" s="1" t="s">
        <v>126746</v>
      </c>
      <c r="G36511" s="1" t="s">
        <v>126706</v>
      </c>
      <c r="H36511" s="1" t="s">
        <v>126707</v>
      </c>
      <c r="I36511" s="1" t="s">
        <v>126615</v>
      </c>
      <c r="J36511" s="1" t="s">
        <v>126747</v>
      </c>
    </row>
    <row r="36512" spans="1:10" x14ac:dyDescent="0.35">
      <c r="A36512" s="1" t="s">
        <v>13840</v>
      </c>
      <c r="B36512" s="1" t="s">
        <v>126612</v>
      </c>
      <c r="C36512" s="1" t="s">
        <v>70</v>
      </c>
      <c r="D36512" s="1" t="s">
        <v>61033</v>
      </c>
      <c r="E36512" s="1" t="s">
        <v>126748</v>
      </c>
      <c r="F36512" s="1" t="s">
        <v>126749</v>
      </c>
      <c r="G36512" s="1" t="s">
        <v>126706</v>
      </c>
      <c r="H36512" s="1" t="s">
        <v>126707</v>
      </c>
      <c r="I36512" s="1" t="s">
        <v>126615</v>
      </c>
      <c r="J36512" s="1" t="s">
        <v>126750</v>
      </c>
    </row>
    <row r="36513" spans="1:10" x14ac:dyDescent="0.35">
      <c r="A36513" s="1" t="s">
        <v>13840</v>
      </c>
      <c r="B36513" s="1" t="s">
        <v>126612</v>
      </c>
      <c r="C36513" s="1" t="s">
        <v>75</v>
      </c>
      <c r="D36513" s="1" t="s">
        <v>126751</v>
      </c>
      <c r="E36513" s="1" t="s">
        <v>126752</v>
      </c>
      <c r="F36513" s="1" t="s">
        <v>126753</v>
      </c>
      <c r="G36513" s="1" t="s">
        <v>126706</v>
      </c>
      <c r="H36513" s="1" t="s">
        <v>126707</v>
      </c>
      <c r="I36513" s="1" t="s">
        <v>126615</v>
      </c>
      <c r="J36513" s="1" t="s">
        <v>126754</v>
      </c>
    </row>
    <row r="36514" spans="1:10" x14ac:dyDescent="0.35">
      <c r="A36514" s="1" t="s">
        <v>13840</v>
      </c>
      <c r="B36514" s="1" t="s">
        <v>126612</v>
      </c>
      <c r="C36514" s="1" t="s">
        <v>80</v>
      </c>
      <c r="D36514" s="1" t="s">
        <v>126755</v>
      </c>
      <c r="E36514" s="1" t="s">
        <v>126756</v>
      </c>
      <c r="F36514" s="1" t="s">
        <v>126757</v>
      </c>
      <c r="G36514" s="1" t="s">
        <v>126706</v>
      </c>
      <c r="H36514" s="1" t="s">
        <v>126707</v>
      </c>
      <c r="I36514" s="1" t="s">
        <v>126615</v>
      </c>
      <c r="J36514" s="1" t="s">
        <v>126758</v>
      </c>
    </row>
    <row r="36515" spans="1:10" x14ac:dyDescent="0.35">
      <c r="A36515" s="1" t="s">
        <v>13840</v>
      </c>
      <c r="B36515" s="1" t="s">
        <v>126612</v>
      </c>
      <c r="C36515" s="1" t="s">
        <v>85</v>
      </c>
      <c r="D36515" s="1" t="s">
        <v>126759</v>
      </c>
      <c r="E36515" s="1" t="s">
        <v>126760</v>
      </c>
      <c r="F36515" s="1" t="s">
        <v>126761</v>
      </c>
      <c r="G36515" s="1" t="s">
        <v>126706</v>
      </c>
      <c r="H36515" s="1" t="s">
        <v>126707</v>
      </c>
      <c r="I36515" s="1" t="s">
        <v>126615</v>
      </c>
      <c r="J36515" s="1" t="s">
        <v>126762</v>
      </c>
    </row>
    <row r="36516" spans="1:10" x14ac:dyDescent="0.35">
      <c r="A36516" s="1" t="s">
        <v>13840</v>
      </c>
      <c r="B36516" s="1" t="s">
        <v>126612</v>
      </c>
      <c r="C36516" s="1" t="s">
        <v>90</v>
      </c>
      <c r="D36516" s="1" t="s">
        <v>126763</v>
      </c>
      <c r="E36516" s="1" t="s">
        <v>126764</v>
      </c>
      <c r="F36516" s="1" t="s">
        <v>126765</v>
      </c>
      <c r="G36516" s="1" t="s">
        <v>126706</v>
      </c>
      <c r="H36516" s="1" t="s">
        <v>126707</v>
      </c>
      <c r="I36516" s="1" t="s">
        <v>126615</v>
      </c>
      <c r="J36516" s="1" t="s">
        <v>126766</v>
      </c>
    </row>
    <row r="36517" spans="1:10" x14ac:dyDescent="0.35">
      <c r="A36517" s="1" t="s">
        <v>13840</v>
      </c>
      <c r="B36517" s="1" t="s">
        <v>126612</v>
      </c>
      <c r="C36517" s="1" t="s">
        <v>95</v>
      </c>
      <c r="D36517" s="1" t="s">
        <v>126767</v>
      </c>
      <c r="E36517" s="1" t="s">
        <v>126768</v>
      </c>
      <c r="F36517" s="1" t="s">
        <v>126769</v>
      </c>
      <c r="G36517" s="1" t="s">
        <v>126706</v>
      </c>
      <c r="H36517" s="1" t="s">
        <v>126707</v>
      </c>
      <c r="I36517" s="1" t="s">
        <v>126615</v>
      </c>
      <c r="J36517" s="1" t="s">
        <v>126770</v>
      </c>
    </row>
    <row r="36518" spans="1:10" x14ac:dyDescent="0.35">
      <c r="A36518" s="1" t="s">
        <v>13840</v>
      </c>
      <c r="B36518" s="1" t="s">
        <v>126612</v>
      </c>
      <c r="C36518" s="1" t="s">
        <v>100</v>
      </c>
      <c r="D36518" s="1" t="s">
        <v>126771</v>
      </c>
      <c r="E36518" s="1" t="s">
        <v>126772</v>
      </c>
      <c r="F36518" s="1" t="s">
        <v>126773</v>
      </c>
      <c r="G36518" s="1" t="s">
        <v>126706</v>
      </c>
      <c r="H36518" s="1" t="s">
        <v>126707</v>
      </c>
      <c r="I36518" s="1" t="s">
        <v>126615</v>
      </c>
      <c r="J36518" s="1" t="s">
        <v>126774</v>
      </c>
    </row>
    <row r="36519" spans="1:10" x14ac:dyDescent="0.35">
      <c r="A36519" s="1" t="s">
        <v>13840</v>
      </c>
      <c r="B36519" s="1" t="s">
        <v>126612</v>
      </c>
      <c r="C36519" s="1" t="s">
        <v>105</v>
      </c>
      <c r="D36519" s="1" t="s">
        <v>126775</v>
      </c>
      <c r="E36519" s="1" t="s">
        <v>126776</v>
      </c>
      <c r="F36519" s="1" t="s">
        <v>126777</v>
      </c>
      <c r="G36519" s="1" t="s">
        <v>126706</v>
      </c>
      <c r="H36519" s="1" t="s">
        <v>126707</v>
      </c>
      <c r="I36519" s="1" t="s">
        <v>126615</v>
      </c>
      <c r="J36519" s="1" t="s">
        <v>126778</v>
      </c>
    </row>
    <row r="36520" spans="1:10" x14ac:dyDescent="0.35">
      <c r="A36520" s="1" t="s">
        <v>13840</v>
      </c>
      <c r="B36520" s="1" t="s">
        <v>126612</v>
      </c>
      <c r="C36520" s="1" t="s">
        <v>110</v>
      </c>
      <c r="D36520" s="1" t="s">
        <v>91786</v>
      </c>
      <c r="E36520" s="1" t="s">
        <v>126779</v>
      </c>
      <c r="F36520" s="1" t="s">
        <v>126780</v>
      </c>
      <c r="G36520" s="1" t="s">
        <v>126706</v>
      </c>
      <c r="H36520" s="1" t="s">
        <v>126707</v>
      </c>
      <c r="I36520" s="1" t="s">
        <v>126615</v>
      </c>
      <c r="J36520" s="1" t="s">
        <v>126781</v>
      </c>
    </row>
    <row r="36521" spans="1:10" x14ac:dyDescent="0.35">
      <c r="A36521" s="1" t="s">
        <v>13840</v>
      </c>
      <c r="B36521" s="1" t="s">
        <v>126612</v>
      </c>
      <c r="C36521" s="1" t="s">
        <v>115</v>
      </c>
      <c r="D36521" s="1" t="s">
        <v>126782</v>
      </c>
      <c r="E36521" s="1" t="s">
        <v>126783</v>
      </c>
      <c r="F36521" s="1" t="s">
        <v>126784</v>
      </c>
      <c r="G36521" s="1" t="s">
        <v>126706</v>
      </c>
      <c r="H36521" s="1" t="s">
        <v>126707</v>
      </c>
      <c r="I36521" s="1" t="s">
        <v>126615</v>
      </c>
      <c r="J36521" s="1" t="s">
        <v>126785</v>
      </c>
    </row>
    <row r="36522" spans="1:10" x14ac:dyDescent="0.35">
      <c r="A36522" s="1" t="s">
        <v>13840</v>
      </c>
      <c r="B36522" s="1" t="s">
        <v>126612</v>
      </c>
      <c r="C36522" s="1" t="s">
        <v>120</v>
      </c>
      <c r="D36522" s="1" t="s">
        <v>126786</v>
      </c>
      <c r="E36522" s="1" t="s">
        <v>126787</v>
      </c>
      <c r="F36522" s="1" t="s">
        <v>126788</v>
      </c>
      <c r="G36522" s="1" t="s">
        <v>126706</v>
      </c>
      <c r="H36522" s="1" t="s">
        <v>126707</v>
      </c>
      <c r="I36522" s="1" t="s">
        <v>126615</v>
      </c>
      <c r="J36522" s="1" t="s">
        <v>126789</v>
      </c>
    </row>
    <row r="36523" spans="1:10" x14ac:dyDescent="0.35">
      <c r="A36523" s="1" t="s">
        <v>13840</v>
      </c>
      <c r="B36523" s="1" t="s">
        <v>126612</v>
      </c>
      <c r="C36523" s="1" t="s">
        <v>125</v>
      </c>
      <c r="D36523" s="1" t="s">
        <v>126790</v>
      </c>
      <c r="E36523" s="1" t="s">
        <v>126791</v>
      </c>
      <c r="F36523" s="1" t="s">
        <v>126792</v>
      </c>
      <c r="G36523" s="1" t="s">
        <v>126706</v>
      </c>
      <c r="H36523" s="1" t="s">
        <v>126707</v>
      </c>
      <c r="I36523" s="1" t="s">
        <v>126615</v>
      </c>
      <c r="J36523" s="1" t="s">
        <v>126793</v>
      </c>
    </row>
    <row r="36524" spans="1:10" x14ac:dyDescent="0.35">
      <c r="A36524" s="1" t="s">
        <v>13840</v>
      </c>
      <c r="B36524" s="1" t="s">
        <v>126612</v>
      </c>
      <c r="C36524" s="1" t="s">
        <v>130</v>
      </c>
      <c r="D36524" s="1" t="s">
        <v>126794</v>
      </c>
      <c r="E36524" s="1" t="s">
        <v>126795</v>
      </c>
      <c r="F36524" s="1" t="s">
        <v>126796</v>
      </c>
      <c r="G36524" s="1" t="s">
        <v>126706</v>
      </c>
      <c r="H36524" s="1" t="s">
        <v>126707</v>
      </c>
      <c r="I36524" s="1" t="s">
        <v>126615</v>
      </c>
      <c r="J36524" s="1" t="s">
        <v>126797</v>
      </c>
    </row>
    <row r="36525" spans="1:10" x14ac:dyDescent="0.35">
      <c r="A36525" s="1" t="s">
        <v>13840</v>
      </c>
      <c r="B36525" s="1" t="s">
        <v>126612</v>
      </c>
      <c r="C36525" s="1" t="s">
        <v>135</v>
      </c>
      <c r="D36525" s="1" t="s">
        <v>89069</v>
      </c>
      <c r="E36525" s="1" t="s">
        <v>126798</v>
      </c>
      <c r="F36525" s="1" t="s">
        <v>126799</v>
      </c>
      <c r="G36525" s="1" t="s">
        <v>126706</v>
      </c>
      <c r="H36525" s="1" t="s">
        <v>126707</v>
      </c>
      <c r="I36525" s="1" t="s">
        <v>126615</v>
      </c>
      <c r="J36525" s="1" t="s">
        <v>126800</v>
      </c>
    </row>
    <row r="36526" spans="1:10" x14ac:dyDescent="0.35">
      <c r="A36526" s="1" t="s">
        <v>13840</v>
      </c>
      <c r="B36526" s="1" t="s">
        <v>126612</v>
      </c>
      <c r="C36526" s="1" t="s">
        <v>140</v>
      </c>
      <c r="D36526" s="1" t="s">
        <v>126801</v>
      </c>
      <c r="E36526" s="1" t="s">
        <v>126802</v>
      </c>
      <c r="F36526" s="1" t="s">
        <v>126803</v>
      </c>
      <c r="G36526" s="1" t="s">
        <v>126706</v>
      </c>
      <c r="H36526" s="1" t="s">
        <v>126707</v>
      </c>
      <c r="I36526" s="1" t="s">
        <v>126615</v>
      </c>
      <c r="J36526" s="1" t="s">
        <v>126804</v>
      </c>
    </row>
    <row r="36527" spans="1:10" x14ac:dyDescent="0.35">
      <c r="A36527" s="1" t="s">
        <v>13840</v>
      </c>
      <c r="B36527" s="1" t="s">
        <v>126612</v>
      </c>
      <c r="C36527" s="1" t="s">
        <v>145</v>
      </c>
      <c r="D36527" s="1" t="s">
        <v>126805</v>
      </c>
      <c r="E36527" s="1" t="s">
        <v>126806</v>
      </c>
      <c r="F36527" s="1" t="s">
        <v>126807</v>
      </c>
      <c r="G36527" s="1" t="s">
        <v>126706</v>
      </c>
      <c r="H36527" s="1" t="s">
        <v>126707</v>
      </c>
      <c r="I36527" s="1" t="s">
        <v>126615</v>
      </c>
      <c r="J36527" s="1" t="s">
        <v>126808</v>
      </c>
    </row>
    <row r="36528" spans="1:10" x14ac:dyDescent="0.35">
      <c r="A36528" s="1" t="s">
        <v>13840</v>
      </c>
      <c r="B36528" s="1" t="s">
        <v>126612</v>
      </c>
      <c r="C36528" s="1" t="s">
        <v>150</v>
      </c>
      <c r="D36528" s="1" t="s">
        <v>126809</v>
      </c>
      <c r="E36528" s="1" t="s">
        <v>126810</v>
      </c>
      <c r="F36528" s="1" t="s">
        <v>126811</v>
      </c>
      <c r="G36528" s="1" t="s">
        <v>126706</v>
      </c>
      <c r="H36528" s="1" t="s">
        <v>126707</v>
      </c>
      <c r="I36528" s="1" t="s">
        <v>126615</v>
      </c>
      <c r="J36528" s="1" t="s">
        <v>126812</v>
      </c>
    </row>
    <row r="36529" spans="1:10" x14ac:dyDescent="0.35">
      <c r="A36529" s="1" t="s">
        <v>13840</v>
      </c>
      <c r="B36529" s="1" t="s">
        <v>126612</v>
      </c>
      <c r="C36529" s="1" t="s">
        <v>155</v>
      </c>
      <c r="D36529" s="1" t="s">
        <v>126813</v>
      </c>
      <c r="E36529" s="1" t="s">
        <v>126814</v>
      </c>
      <c r="F36529" s="1" t="s">
        <v>126815</v>
      </c>
      <c r="G36529" s="1" t="s">
        <v>126706</v>
      </c>
      <c r="H36529" s="1" t="s">
        <v>126707</v>
      </c>
      <c r="I36529" s="1" t="s">
        <v>126615</v>
      </c>
      <c r="J36529" s="1" t="s">
        <v>126816</v>
      </c>
    </row>
    <row r="36530" spans="1:10" x14ac:dyDescent="0.35">
      <c r="A36530" s="1" t="s">
        <v>13840</v>
      </c>
      <c r="B36530" s="1" t="s">
        <v>126612</v>
      </c>
      <c r="C36530" s="1" t="s">
        <v>160</v>
      </c>
      <c r="D36530" s="1" t="s">
        <v>20846</v>
      </c>
      <c r="E36530" s="1" t="s">
        <v>126817</v>
      </c>
      <c r="F36530" s="1" t="s">
        <v>126818</v>
      </c>
      <c r="G36530" s="1" t="s">
        <v>126706</v>
      </c>
      <c r="H36530" s="1" t="s">
        <v>126707</v>
      </c>
      <c r="I36530" s="1" t="s">
        <v>126615</v>
      </c>
      <c r="J36530" s="1" t="s">
        <v>126819</v>
      </c>
    </row>
    <row r="36531" spans="1:10" x14ac:dyDescent="0.35">
      <c r="A36531" s="1" t="s">
        <v>13840</v>
      </c>
      <c r="B36531" s="1" t="s">
        <v>126612</v>
      </c>
      <c r="C36531" s="1" t="s">
        <v>165</v>
      </c>
      <c r="D36531" s="1" t="s">
        <v>126820</v>
      </c>
      <c r="E36531" s="1" t="s">
        <v>126821</v>
      </c>
      <c r="F36531" s="1" t="s">
        <v>126822</v>
      </c>
      <c r="G36531" s="1" t="s">
        <v>126706</v>
      </c>
      <c r="H36531" s="1" t="s">
        <v>126707</v>
      </c>
      <c r="I36531" s="1" t="s">
        <v>126615</v>
      </c>
      <c r="J36531" s="1" t="s">
        <v>126823</v>
      </c>
    </row>
    <row r="36532" spans="1:10" x14ac:dyDescent="0.35">
      <c r="A36532" s="1" t="s">
        <v>13840</v>
      </c>
      <c r="B36532" s="1" t="s">
        <v>126612</v>
      </c>
      <c r="C36532" s="1" t="s">
        <v>170</v>
      </c>
      <c r="D36532" s="1" t="s">
        <v>126824</v>
      </c>
      <c r="E36532" s="1" t="s">
        <v>126825</v>
      </c>
      <c r="F36532" s="1" t="s">
        <v>126826</v>
      </c>
      <c r="G36532" s="1" t="s">
        <v>126706</v>
      </c>
      <c r="H36532" s="1" t="s">
        <v>126707</v>
      </c>
      <c r="I36532" s="1" t="s">
        <v>126615</v>
      </c>
      <c r="J36532" s="1" t="s">
        <v>126827</v>
      </c>
    </row>
    <row r="36533" spans="1:10" x14ac:dyDescent="0.35">
      <c r="A36533" s="1" t="s">
        <v>6116</v>
      </c>
      <c r="B36533" s="1" t="s">
        <v>126612</v>
      </c>
      <c r="C36533" s="1" t="s">
        <v>8</v>
      </c>
      <c r="D36533" s="1" t="s">
        <v>126828</v>
      </c>
      <c r="E36533" s="1" t="s">
        <v>126829</v>
      </c>
      <c r="F36533" s="1" t="s">
        <v>126830</v>
      </c>
      <c r="G36533" s="1" t="s">
        <v>126831</v>
      </c>
      <c r="H36533" s="1" t="s">
        <v>126832</v>
      </c>
      <c r="I36533" s="1" t="s">
        <v>126615</v>
      </c>
      <c r="J36533" s="1" t="s">
        <v>13</v>
      </c>
    </row>
    <row r="36534" spans="1:10" x14ac:dyDescent="0.35">
      <c r="A36534" s="1" t="s">
        <v>6116</v>
      </c>
      <c r="B36534" s="1" t="s">
        <v>126612</v>
      </c>
      <c r="C36534" s="1" t="s">
        <v>15</v>
      </c>
      <c r="D36534" s="1" t="s">
        <v>126833</v>
      </c>
      <c r="E36534" s="1" t="s">
        <v>126834</v>
      </c>
      <c r="F36534" s="1" t="s">
        <v>126835</v>
      </c>
      <c r="G36534" s="1" t="s">
        <v>126831</v>
      </c>
      <c r="H36534" s="1" t="s">
        <v>126832</v>
      </c>
      <c r="I36534" s="1" t="s">
        <v>126615</v>
      </c>
      <c r="J36534" s="1" t="s">
        <v>126836</v>
      </c>
    </row>
    <row r="36535" spans="1:10" x14ac:dyDescent="0.35">
      <c r="A36535" s="1" t="s">
        <v>6116</v>
      </c>
      <c r="B36535" s="1" t="s">
        <v>126612</v>
      </c>
      <c r="C36535" s="1" t="s">
        <v>20</v>
      </c>
      <c r="D36535" s="1" t="s">
        <v>126837</v>
      </c>
      <c r="E36535" s="1" t="s">
        <v>126838</v>
      </c>
      <c r="F36535" s="1" t="s">
        <v>126839</v>
      </c>
      <c r="G36535" s="1" t="s">
        <v>126831</v>
      </c>
      <c r="H36535" s="1" t="s">
        <v>126832</v>
      </c>
      <c r="I36535" s="1" t="s">
        <v>126615</v>
      </c>
      <c r="J36535" s="1" t="s">
        <v>126840</v>
      </c>
    </row>
    <row r="36536" spans="1:10" x14ac:dyDescent="0.35">
      <c r="A36536" s="1" t="s">
        <v>6116</v>
      </c>
      <c r="B36536" s="1" t="s">
        <v>126612</v>
      </c>
      <c r="C36536" s="1" t="s">
        <v>25</v>
      </c>
      <c r="D36536" s="1" t="s">
        <v>126841</v>
      </c>
      <c r="E36536" s="1" t="s">
        <v>126842</v>
      </c>
      <c r="F36536" s="1" t="s">
        <v>126843</v>
      </c>
      <c r="G36536" s="1" t="s">
        <v>126831</v>
      </c>
      <c r="H36536" s="1" t="s">
        <v>126832</v>
      </c>
      <c r="I36536" s="1" t="s">
        <v>126615</v>
      </c>
      <c r="J36536" s="1" t="s">
        <v>126844</v>
      </c>
    </row>
    <row r="36537" spans="1:10" x14ac:dyDescent="0.35">
      <c r="A36537" s="1" t="s">
        <v>6116</v>
      </c>
      <c r="B36537" s="1" t="s">
        <v>126612</v>
      </c>
      <c r="C36537" s="1" t="s">
        <v>30</v>
      </c>
      <c r="D36537" s="1" t="s">
        <v>126845</v>
      </c>
      <c r="E36537" s="1" t="s">
        <v>126846</v>
      </c>
      <c r="F36537" s="1" t="s">
        <v>126847</v>
      </c>
      <c r="G36537" s="1" t="s">
        <v>126831</v>
      </c>
      <c r="H36537" s="1" t="s">
        <v>126832</v>
      </c>
      <c r="I36537" s="1" t="s">
        <v>126615</v>
      </c>
      <c r="J36537" s="1" t="s">
        <v>126848</v>
      </c>
    </row>
    <row r="36538" spans="1:10" x14ac:dyDescent="0.35">
      <c r="A36538" s="1" t="s">
        <v>6116</v>
      </c>
      <c r="B36538" s="1" t="s">
        <v>126612</v>
      </c>
      <c r="C36538" s="1" t="s">
        <v>35</v>
      </c>
      <c r="D36538" s="1" t="s">
        <v>126849</v>
      </c>
      <c r="E36538" s="1" t="s">
        <v>126850</v>
      </c>
      <c r="F36538" s="1" t="s">
        <v>126851</v>
      </c>
      <c r="G36538" s="1" t="s">
        <v>126831</v>
      </c>
      <c r="H36538" s="1" t="s">
        <v>126832</v>
      </c>
      <c r="I36538" s="1" t="s">
        <v>126615</v>
      </c>
      <c r="J36538" s="1" t="s">
        <v>126852</v>
      </c>
    </row>
    <row r="36539" spans="1:10" x14ac:dyDescent="0.35">
      <c r="A36539" s="1" t="s">
        <v>6116</v>
      </c>
      <c r="B36539" s="1" t="s">
        <v>126612</v>
      </c>
      <c r="C36539" s="1" t="s">
        <v>40</v>
      </c>
      <c r="D36539" s="1" t="s">
        <v>126853</v>
      </c>
      <c r="E36539" s="1" t="s">
        <v>126854</v>
      </c>
      <c r="F36539" s="1" t="s">
        <v>126855</v>
      </c>
      <c r="G36539" s="1" t="s">
        <v>126831</v>
      </c>
      <c r="H36539" s="1" t="s">
        <v>126832</v>
      </c>
      <c r="I36539" s="1" t="s">
        <v>126615</v>
      </c>
      <c r="J36539" s="1" t="s">
        <v>126856</v>
      </c>
    </row>
    <row r="36540" spans="1:10" x14ac:dyDescent="0.35">
      <c r="A36540" s="1" t="s">
        <v>6116</v>
      </c>
      <c r="B36540" s="1" t="s">
        <v>126612</v>
      </c>
      <c r="C36540" s="1" t="s">
        <v>45</v>
      </c>
      <c r="D36540" s="1" t="s">
        <v>126857</v>
      </c>
      <c r="E36540" s="1" t="s">
        <v>126858</v>
      </c>
      <c r="F36540" s="1" t="s">
        <v>126859</v>
      </c>
      <c r="G36540" s="1" t="s">
        <v>126831</v>
      </c>
      <c r="H36540" s="1" t="s">
        <v>126832</v>
      </c>
      <c r="I36540" s="1" t="s">
        <v>126615</v>
      </c>
      <c r="J36540" s="1" t="s">
        <v>126860</v>
      </c>
    </row>
    <row r="36541" spans="1:10" x14ac:dyDescent="0.35">
      <c r="A36541" s="1" t="s">
        <v>6116</v>
      </c>
      <c r="B36541" s="1" t="s">
        <v>126612</v>
      </c>
      <c r="C36541" s="1" t="s">
        <v>50</v>
      </c>
      <c r="D36541" s="1" t="s">
        <v>40561</v>
      </c>
      <c r="E36541" s="1" t="s">
        <v>126861</v>
      </c>
      <c r="F36541" s="1" t="s">
        <v>126862</v>
      </c>
      <c r="G36541" s="1" t="s">
        <v>126831</v>
      </c>
      <c r="H36541" s="1" t="s">
        <v>126832</v>
      </c>
      <c r="I36541" s="1" t="s">
        <v>126615</v>
      </c>
      <c r="J36541" s="1" t="s">
        <v>126863</v>
      </c>
    </row>
    <row r="36542" spans="1:10" x14ac:dyDescent="0.35">
      <c r="A36542" s="1" t="s">
        <v>6116</v>
      </c>
      <c r="B36542" s="1" t="s">
        <v>126612</v>
      </c>
      <c r="C36542" s="1" t="s">
        <v>55</v>
      </c>
      <c r="D36542" s="1" t="s">
        <v>126864</v>
      </c>
      <c r="E36542" s="1" t="s">
        <v>126865</v>
      </c>
      <c r="F36542" s="1" t="s">
        <v>126866</v>
      </c>
      <c r="G36542" s="1" t="s">
        <v>126831</v>
      </c>
      <c r="H36542" s="1" t="s">
        <v>126832</v>
      </c>
      <c r="I36542" s="1" t="s">
        <v>126615</v>
      </c>
      <c r="J36542" s="1" t="s">
        <v>126867</v>
      </c>
    </row>
    <row r="36543" spans="1:10" x14ac:dyDescent="0.35">
      <c r="A36543" s="1" t="s">
        <v>6116</v>
      </c>
      <c r="B36543" s="1" t="s">
        <v>126612</v>
      </c>
      <c r="C36543" s="1" t="s">
        <v>60</v>
      </c>
      <c r="D36543" s="1" t="s">
        <v>70355</v>
      </c>
      <c r="E36543" s="1" t="s">
        <v>126868</v>
      </c>
      <c r="F36543" s="1" t="s">
        <v>126869</v>
      </c>
      <c r="G36543" s="1" t="s">
        <v>126831</v>
      </c>
      <c r="H36543" s="1" t="s">
        <v>126832</v>
      </c>
      <c r="I36543" s="1" t="s">
        <v>126615</v>
      </c>
      <c r="J36543" s="1" t="s">
        <v>126870</v>
      </c>
    </row>
    <row r="36544" spans="1:10" x14ac:dyDescent="0.35">
      <c r="A36544" s="1" t="s">
        <v>6116</v>
      </c>
      <c r="B36544" s="1" t="s">
        <v>126612</v>
      </c>
      <c r="C36544" s="1" t="s">
        <v>65</v>
      </c>
      <c r="D36544" s="1" t="s">
        <v>126871</v>
      </c>
      <c r="E36544" s="1" t="s">
        <v>126872</v>
      </c>
      <c r="F36544" s="1" t="s">
        <v>126873</v>
      </c>
      <c r="G36544" s="1" t="s">
        <v>126831</v>
      </c>
      <c r="H36544" s="1" t="s">
        <v>126832</v>
      </c>
      <c r="I36544" s="1" t="s">
        <v>126615</v>
      </c>
      <c r="J36544" s="1" t="s">
        <v>126874</v>
      </c>
    </row>
    <row r="36545" spans="1:10" x14ac:dyDescent="0.35">
      <c r="A36545" s="1" t="s">
        <v>6116</v>
      </c>
      <c r="B36545" s="1" t="s">
        <v>126612</v>
      </c>
      <c r="C36545" s="1" t="s">
        <v>70</v>
      </c>
      <c r="D36545" s="1" t="s">
        <v>126875</v>
      </c>
      <c r="E36545" s="1" t="s">
        <v>126876</v>
      </c>
      <c r="F36545" s="1" t="s">
        <v>126877</v>
      </c>
      <c r="G36545" s="1" t="s">
        <v>126831</v>
      </c>
      <c r="H36545" s="1" t="s">
        <v>126832</v>
      </c>
      <c r="I36545" s="1" t="s">
        <v>126615</v>
      </c>
      <c r="J36545" s="1" t="s">
        <v>126878</v>
      </c>
    </row>
    <row r="36546" spans="1:10" x14ac:dyDescent="0.35">
      <c r="A36546" s="1" t="s">
        <v>6116</v>
      </c>
      <c r="B36546" s="1" t="s">
        <v>126612</v>
      </c>
      <c r="C36546" s="1" t="s">
        <v>75</v>
      </c>
      <c r="D36546" s="1" t="s">
        <v>126879</v>
      </c>
      <c r="E36546" s="1" t="s">
        <v>126880</v>
      </c>
      <c r="F36546" s="1" t="s">
        <v>126881</v>
      </c>
      <c r="G36546" s="1" t="s">
        <v>126831</v>
      </c>
      <c r="H36546" s="1" t="s">
        <v>126832</v>
      </c>
      <c r="I36546" s="1" t="s">
        <v>126615</v>
      </c>
      <c r="J36546" s="1" t="s">
        <v>126882</v>
      </c>
    </row>
    <row r="36547" spans="1:10" x14ac:dyDescent="0.35">
      <c r="A36547" s="1" t="s">
        <v>6116</v>
      </c>
      <c r="B36547" s="1" t="s">
        <v>126612</v>
      </c>
      <c r="C36547" s="1" t="s">
        <v>80</v>
      </c>
      <c r="D36547" s="1" t="s">
        <v>126883</v>
      </c>
      <c r="E36547" s="1" t="s">
        <v>126884</v>
      </c>
      <c r="F36547" s="1" t="s">
        <v>126885</v>
      </c>
      <c r="G36547" s="1" t="s">
        <v>126831</v>
      </c>
      <c r="H36547" s="1" t="s">
        <v>126832</v>
      </c>
      <c r="I36547" s="1" t="s">
        <v>126615</v>
      </c>
      <c r="J36547" s="1" t="s">
        <v>126886</v>
      </c>
    </row>
    <row r="36548" spans="1:10" x14ac:dyDescent="0.35">
      <c r="A36548" s="1" t="s">
        <v>6116</v>
      </c>
      <c r="B36548" s="1" t="s">
        <v>126612</v>
      </c>
      <c r="C36548" s="1" t="s">
        <v>85</v>
      </c>
      <c r="D36548" s="1" t="s">
        <v>126887</v>
      </c>
      <c r="E36548" s="1" t="s">
        <v>126888</v>
      </c>
      <c r="F36548" s="1" t="s">
        <v>126889</v>
      </c>
      <c r="G36548" s="1" t="s">
        <v>126831</v>
      </c>
      <c r="H36548" s="1" t="s">
        <v>126832</v>
      </c>
      <c r="I36548" s="1" t="s">
        <v>126615</v>
      </c>
      <c r="J36548" s="1" t="s">
        <v>126890</v>
      </c>
    </row>
    <row r="36549" spans="1:10" x14ac:dyDescent="0.35">
      <c r="A36549" s="1" t="s">
        <v>6116</v>
      </c>
      <c r="B36549" s="1" t="s">
        <v>126612</v>
      </c>
      <c r="C36549" s="1" t="s">
        <v>90</v>
      </c>
      <c r="D36549" s="1" t="s">
        <v>126891</v>
      </c>
      <c r="E36549" s="1" t="s">
        <v>126892</v>
      </c>
      <c r="F36549" s="1" t="s">
        <v>126893</v>
      </c>
      <c r="G36549" s="1" t="s">
        <v>126831</v>
      </c>
      <c r="H36549" s="1" t="s">
        <v>126832</v>
      </c>
      <c r="I36549" s="1" t="s">
        <v>126615</v>
      </c>
      <c r="J36549" s="1" t="s">
        <v>126894</v>
      </c>
    </row>
    <row r="36550" spans="1:10" x14ac:dyDescent="0.35">
      <c r="A36550" s="1" t="s">
        <v>6116</v>
      </c>
      <c r="B36550" s="1" t="s">
        <v>126612</v>
      </c>
      <c r="C36550" s="1" t="s">
        <v>95</v>
      </c>
      <c r="D36550" s="1" t="s">
        <v>126895</v>
      </c>
      <c r="E36550" s="1" t="s">
        <v>126896</v>
      </c>
      <c r="F36550" s="1" t="s">
        <v>126897</v>
      </c>
      <c r="G36550" s="1" t="s">
        <v>126831</v>
      </c>
      <c r="H36550" s="1" t="s">
        <v>126832</v>
      </c>
      <c r="I36550" s="1" t="s">
        <v>126615</v>
      </c>
      <c r="J36550" s="1" t="s">
        <v>126898</v>
      </c>
    </row>
    <row r="36551" spans="1:10" x14ac:dyDescent="0.35">
      <c r="A36551" s="1" t="s">
        <v>6116</v>
      </c>
      <c r="B36551" s="1" t="s">
        <v>126612</v>
      </c>
      <c r="C36551" s="1" t="s">
        <v>100</v>
      </c>
      <c r="D36551" s="1" t="s">
        <v>126899</v>
      </c>
      <c r="E36551" s="1" t="s">
        <v>126900</v>
      </c>
      <c r="F36551" s="1" t="s">
        <v>126901</v>
      </c>
      <c r="G36551" s="1" t="s">
        <v>126831</v>
      </c>
      <c r="H36551" s="1" t="s">
        <v>126832</v>
      </c>
      <c r="I36551" s="1" t="s">
        <v>126615</v>
      </c>
      <c r="J36551" s="1" t="s">
        <v>126902</v>
      </c>
    </row>
    <row r="36552" spans="1:10" x14ac:dyDescent="0.35">
      <c r="A36552" s="1" t="s">
        <v>6116</v>
      </c>
      <c r="B36552" s="1" t="s">
        <v>126612</v>
      </c>
      <c r="C36552" s="1" t="s">
        <v>105</v>
      </c>
      <c r="D36552" s="1" t="s">
        <v>126903</v>
      </c>
      <c r="E36552" s="1" t="s">
        <v>126904</v>
      </c>
      <c r="F36552" s="1" t="s">
        <v>126905</v>
      </c>
      <c r="G36552" s="1" t="s">
        <v>126831</v>
      </c>
      <c r="H36552" s="1" t="s">
        <v>126832</v>
      </c>
      <c r="I36552" s="1" t="s">
        <v>126615</v>
      </c>
      <c r="J36552" s="1" t="s">
        <v>126906</v>
      </c>
    </row>
    <row r="36553" spans="1:10" x14ac:dyDescent="0.35">
      <c r="A36553" s="1" t="s">
        <v>6116</v>
      </c>
      <c r="B36553" s="1" t="s">
        <v>126612</v>
      </c>
      <c r="C36553" s="1" t="s">
        <v>110</v>
      </c>
      <c r="D36553" s="1" t="s">
        <v>126907</v>
      </c>
      <c r="E36553" s="1" t="s">
        <v>126908</v>
      </c>
      <c r="F36553" s="1" t="s">
        <v>126909</v>
      </c>
      <c r="G36553" s="1" t="s">
        <v>126831</v>
      </c>
      <c r="H36553" s="1" t="s">
        <v>126832</v>
      </c>
      <c r="I36553" s="1" t="s">
        <v>126615</v>
      </c>
      <c r="J36553" s="1" t="s">
        <v>126910</v>
      </c>
    </row>
    <row r="36554" spans="1:10" x14ac:dyDescent="0.35">
      <c r="A36554" s="1" t="s">
        <v>6116</v>
      </c>
      <c r="B36554" s="1" t="s">
        <v>126612</v>
      </c>
      <c r="C36554" s="1" t="s">
        <v>115</v>
      </c>
      <c r="D36554" s="1" t="s">
        <v>7763</v>
      </c>
      <c r="E36554" s="1" t="s">
        <v>126911</v>
      </c>
      <c r="F36554" s="1" t="s">
        <v>126912</v>
      </c>
      <c r="G36554" s="1" t="s">
        <v>126831</v>
      </c>
      <c r="H36554" s="1" t="s">
        <v>126832</v>
      </c>
      <c r="I36554" s="1" t="s">
        <v>126615</v>
      </c>
      <c r="J36554" s="1" t="s">
        <v>126913</v>
      </c>
    </row>
    <row r="36555" spans="1:10" x14ac:dyDescent="0.35">
      <c r="A36555" s="1" t="s">
        <v>6116</v>
      </c>
      <c r="B36555" s="1" t="s">
        <v>126612</v>
      </c>
      <c r="C36555" s="1" t="s">
        <v>120</v>
      </c>
      <c r="D36555" s="1" t="s">
        <v>126914</v>
      </c>
      <c r="E36555" s="1" t="s">
        <v>126915</v>
      </c>
      <c r="F36555" s="1" t="s">
        <v>126916</v>
      </c>
      <c r="G36555" s="1" t="s">
        <v>126831</v>
      </c>
      <c r="H36555" s="1" t="s">
        <v>126832</v>
      </c>
      <c r="I36555" s="1" t="s">
        <v>126615</v>
      </c>
      <c r="J36555" s="1" t="s">
        <v>126917</v>
      </c>
    </row>
    <row r="36556" spans="1:10" x14ac:dyDescent="0.35">
      <c r="A36556" s="1" t="s">
        <v>6116</v>
      </c>
      <c r="B36556" s="1" t="s">
        <v>126612</v>
      </c>
      <c r="C36556" s="1" t="s">
        <v>125</v>
      </c>
      <c r="D36556" s="1" t="s">
        <v>126918</v>
      </c>
      <c r="E36556" s="1" t="s">
        <v>126919</v>
      </c>
      <c r="F36556" s="1" t="s">
        <v>126920</v>
      </c>
      <c r="G36556" s="1" t="s">
        <v>126831</v>
      </c>
      <c r="H36556" s="1" t="s">
        <v>126832</v>
      </c>
      <c r="I36556" s="1" t="s">
        <v>126615</v>
      </c>
      <c r="J36556" s="1" t="s">
        <v>126921</v>
      </c>
    </row>
    <row r="36557" spans="1:10" x14ac:dyDescent="0.35">
      <c r="A36557" s="1" t="s">
        <v>6116</v>
      </c>
      <c r="B36557" s="1" t="s">
        <v>126612</v>
      </c>
      <c r="C36557" s="1" t="s">
        <v>130</v>
      </c>
      <c r="D36557" s="1" t="s">
        <v>126922</v>
      </c>
      <c r="E36557" s="1" t="s">
        <v>126923</v>
      </c>
      <c r="F36557" s="1" t="s">
        <v>126924</v>
      </c>
      <c r="G36557" s="1" t="s">
        <v>126831</v>
      </c>
      <c r="H36557" s="1" t="s">
        <v>126832</v>
      </c>
      <c r="I36557" s="1" t="s">
        <v>126615</v>
      </c>
      <c r="J36557" s="1" t="s">
        <v>126925</v>
      </c>
    </row>
    <row r="36558" spans="1:10" x14ac:dyDescent="0.35">
      <c r="A36558" s="1" t="s">
        <v>6116</v>
      </c>
      <c r="B36558" s="1" t="s">
        <v>126612</v>
      </c>
      <c r="C36558" s="1" t="s">
        <v>135</v>
      </c>
      <c r="D36558" s="1" t="s">
        <v>126926</v>
      </c>
      <c r="E36558" s="1" t="s">
        <v>126927</v>
      </c>
      <c r="F36558" s="1" t="s">
        <v>126928</v>
      </c>
      <c r="G36558" s="1" t="s">
        <v>126831</v>
      </c>
      <c r="H36558" s="1" t="s">
        <v>126832</v>
      </c>
      <c r="I36558" s="1" t="s">
        <v>126615</v>
      </c>
      <c r="J36558" s="1" t="s">
        <v>126929</v>
      </c>
    </row>
    <row r="36559" spans="1:10" x14ac:dyDescent="0.35">
      <c r="A36559" s="1" t="s">
        <v>6116</v>
      </c>
      <c r="B36559" s="1" t="s">
        <v>126612</v>
      </c>
      <c r="C36559" s="1" t="s">
        <v>140</v>
      </c>
      <c r="D36559" s="1" t="s">
        <v>126930</v>
      </c>
      <c r="E36559" s="1" t="s">
        <v>126931</v>
      </c>
      <c r="F36559" s="1" t="s">
        <v>126932</v>
      </c>
      <c r="G36559" s="1" t="s">
        <v>126831</v>
      </c>
      <c r="H36559" s="1" t="s">
        <v>126832</v>
      </c>
      <c r="I36559" s="1" t="s">
        <v>126615</v>
      </c>
      <c r="J36559" s="1" t="s">
        <v>126933</v>
      </c>
    </row>
    <row r="36560" spans="1:10" x14ac:dyDescent="0.35">
      <c r="A36560" s="1" t="s">
        <v>6116</v>
      </c>
      <c r="B36560" s="1" t="s">
        <v>126612</v>
      </c>
      <c r="C36560" s="1" t="s">
        <v>145</v>
      </c>
      <c r="D36560" s="1" t="s">
        <v>126934</v>
      </c>
      <c r="E36560" s="1" t="s">
        <v>126935</v>
      </c>
      <c r="F36560" s="1" t="s">
        <v>126936</v>
      </c>
      <c r="G36560" s="1" t="s">
        <v>126831</v>
      </c>
      <c r="H36560" s="1" t="s">
        <v>126832</v>
      </c>
      <c r="I36560" s="1" t="s">
        <v>126615</v>
      </c>
      <c r="J36560" s="1" t="s">
        <v>126937</v>
      </c>
    </row>
    <row r="36561" spans="1:10" x14ac:dyDescent="0.35">
      <c r="A36561" s="1" t="s">
        <v>6116</v>
      </c>
      <c r="B36561" s="1" t="s">
        <v>126612</v>
      </c>
      <c r="C36561" s="1" t="s">
        <v>150</v>
      </c>
      <c r="D36561" s="1" t="s">
        <v>126938</v>
      </c>
      <c r="E36561" s="1" t="s">
        <v>126939</v>
      </c>
      <c r="F36561" s="1" t="s">
        <v>126940</v>
      </c>
      <c r="G36561" s="1" t="s">
        <v>126831</v>
      </c>
      <c r="H36561" s="1" t="s">
        <v>126832</v>
      </c>
      <c r="I36561" s="1" t="s">
        <v>126615</v>
      </c>
      <c r="J36561" s="1" t="s">
        <v>126941</v>
      </c>
    </row>
    <row r="36562" spans="1:10" x14ac:dyDescent="0.35">
      <c r="A36562" s="1" t="s">
        <v>6116</v>
      </c>
      <c r="B36562" s="1" t="s">
        <v>126612</v>
      </c>
      <c r="C36562" s="1" t="s">
        <v>155</v>
      </c>
      <c r="D36562" s="1" t="s">
        <v>126942</v>
      </c>
      <c r="E36562" s="1" t="s">
        <v>126943</v>
      </c>
      <c r="F36562" s="1" t="s">
        <v>126944</v>
      </c>
      <c r="G36562" s="1" t="s">
        <v>126831</v>
      </c>
      <c r="H36562" s="1" t="s">
        <v>126832</v>
      </c>
      <c r="I36562" s="1" t="s">
        <v>126615</v>
      </c>
      <c r="J36562" s="1" t="s">
        <v>126945</v>
      </c>
    </row>
    <row r="36563" spans="1:10" x14ac:dyDescent="0.35">
      <c r="A36563" s="1" t="s">
        <v>6116</v>
      </c>
      <c r="B36563" s="1" t="s">
        <v>126612</v>
      </c>
      <c r="C36563" s="1" t="s">
        <v>160</v>
      </c>
      <c r="D36563" s="1" t="s">
        <v>126946</v>
      </c>
      <c r="E36563" s="1" t="s">
        <v>126947</v>
      </c>
      <c r="F36563" s="1" t="s">
        <v>126948</v>
      </c>
      <c r="G36563" s="1" t="s">
        <v>126831</v>
      </c>
      <c r="H36563" s="1" t="s">
        <v>126832</v>
      </c>
      <c r="I36563" s="1" t="s">
        <v>126615</v>
      </c>
      <c r="J36563" s="1" t="s">
        <v>126949</v>
      </c>
    </row>
    <row r="36564" spans="1:10" x14ac:dyDescent="0.35">
      <c r="A36564" s="1" t="s">
        <v>6116</v>
      </c>
      <c r="B36564" s="1" t="s">
        <v>126612</v>
      </c>
      <c r="C36564" s="1" t="s">
        <v>165</v>
      </c>
      <c r="D36564" s="1" t="s">
        <v>126950</v>
      </c>
      <c r="E36564" s="1" t="s">
        <v>126951</v>
      </c>
      <c r="F36564" s="1" t="s">
        <v>126952</v>
      </c>
      <c r="G36564" s="1" t="s">
        <v>126831</v>
      </c>
      <c r="H36564" s="1" t="s">
        <v>126832</v>
      </c>
      <c r="I36564" s="1" t="s">
        <v>126615</v>
      </c>
      <c r="J36564" s="1" t="s">
        <v>126953</v>
      </c>
    </row>
    <row r="36565" spans="1:10" x14ac:dyDescent="0.35">
      <c r="A36565" s="1" t="s">
        <v>6116</v>
      </c>
      <c r="B36565" s="1" t="s">
        <v>126612</v>
      </c>
      <c r="C36565" s="1" t="s">
        <v>170</v>
      </c>
      <c r="D36565" s="1" t="s">
        <v>126954</v>
      </c>
      <c r="E36565" s="1" t="s">
        <v>126955</v>
      </c>
      <c r="F36565" s="1" t="s">
        <v>126956</v>
      </c>
      <c r="G36565" s="1" t="s">
        <v>126831</v>
      </c>
      <c r="H36565" s="1" t="s">
        <v>126832</v>
      </c>
      <c r="I36565" s="1" t="s">
        <v>126615</v>
      </c>
      <c r="J36565" s="1" t="s">
        <v>126957</v>
      </c>
    </row>
    <row r="36566" spans="1:10" x14ac:dyDescent="0.35">
      <c r="A36566" s="1" t="s">
        <v>29627</v>
      </c>
      <c r="B36566" s="1" t="s">
        <v>126612</v>
      </c>
      <c r="C36566" s="1" t="s">
        <v>8</v>
      </c>
      <c r="D36566" s="1" t="s">
        <v>126958</v>
      </c>
      <c r="E36566" s="1" t="s">
        <v>108791</v>
      </c>
      <c r="F36566" s="1" t="s">
        <v>126959</v>
      </c>
      <c r="G36566" s="1" t="s">
        <v>126960</v>
      </c>
      <c r="H36566" s="1" t="s">
        <v>126961</v>
      </c>
      <c r="I36566" s="1" t="s">
        <v>126615</v>
      </c>
      <c r="J36566" s="1" t="s">
        <v>13</v>
      </c>
    </row>
    <row r="36567" spans="1:10" x14ac:dyDescent="0.35">
      <c r="A36567" s="1" t="s">
        <v>29627</v>
      </c>
      <c r="B36567" s="1" t="s">
        <v>126612</v>
      </c>
      <c r="C36567" s="1" t="s">
        <v>15</v>
      </c>
      <c r="D36567" s="1" t="s">
        <v>126962</v>
      </c>
      <c r="E36567" s="1" t="s">
        <v>15235</v>
      </c>
      <c r="F36567" s="1" t="s">
        <v>126963</v>
      </c>
      <c r="G36567" s="1" t="s">
        <v>126960</v>
      </c>
      <c r="H36567" s="1" t="s">
        <v>126961</v>
      </c>
      <c r="I36567" s="1" t="s">
        <v>126615</v>
      </c>
      <c r="J36567" s="1" t="s">
        <v>126964</v>
      </c>
    </row>
    <row r="36568" spans="1:10" x14ac:dyDescent="0.35">
      <c r="A36568" s="1" t="s">
        <v>29627</v>
      </c>
      <c r="B36568" s="1" t="s">
        <v>126612</v>
      </c>
      <c r="C36568" s="1" t="s">
        <v>20</v>
      </c>
      <c r="D36568" s="1" t="s">
        <v>24670</v>
      </c>
      <c r="E36568" s="1" t="s">
        <v>31838</v>
      </c>
      <c r="F36568" s="1" t="s">
        <v>56524</v>
      </c>
      <c r="G36568" s="1" t="s">
        <v>126960</v>
      </c>
      <c r="H36568" s="1" t="s">
        <v>126961</v>
      </c>
      <c r="I36568" s="1" t="s">
        <v>126615</v>
      </c>
      <c r="J36568" s="1" t="s">
        <v>126965</v>
      </c>
    </row>
    <row r="36569" spans="1:10" x14ac:dyDescent="0.35">
      <c r="A36569" s="1" t="s">
        <v>29627</v>
      </c>
      <c r="B36569" s="1" t="s">
        <v>126612</v>
      </c>
      <c r="C36569" s="1" t="s">
        <v>25</v>
      </c>
      <c r="D36569" s="1" t="s">
        <v>126966</v>
      </c>
      <c r="E36569" s="1" t="s">
        <v>96607</v>
      </c>
      <c r="F36569" s="1" t="s">
        <v>97026</v>
      </c>
      <c r="G36569" s="1" t="s">
        <v>126960</v>
      </c>
      <c r="H36569" s="1" t="s">
        <v>126961</v>
      </c>
      <c r="I36569" s="1" t="s">
        <v>126615</v>
      </c>
      <c r="J36569" s="1" t="s">
        <v>126967</v>
      </c>
    </row>
    <row r="36570" spans="1:10" x14ac:dyDescent="0.35">
      <c r="A36570" s="1" t="s">
        <v>29627</v>
      </c>
      <c r="B36570" s="1" t="s">
        <v>126612</v>
      </c>
      <c r="C36570" s="1" t="s">
        <v>30</v>
      </c>
      <c r="D36570" s="1" t="s">
        <v>81266</v>
      </c>
      <c r="E36570" s="1" t="s">
        <v>15636</v>
      </c>
      <c r="F36570" s="1" t="s">
        <v>59002</v>
      </c>
      <c r="G36570" s="1" t="s">
        <v>126960</v>
      </c>
      <c r="H36570" s="1" t="s">
        <v>126961</v>
      </c>
      <c r="I36570" s="1" t="s">
        <v>126615</v>
      </c>
      <c r="J36570" s="1" t="s">
        <v>126968</v>
      </c>
    </row>
    <row r="36571" spans="1:10" x14ac:dyDescent="0.35">
      <c r="A36571" s="1" t="s">
        <v>29627</v>
      </c>
      <c r="B36571" s="1" t="s">
        <v>126612</v>
      </c>
      <c r="C36571" s="1" t="s">
        <v>35</v>
      </c>
      <c r="D36571" s="1" t="s">
        <v>59566</v>
      </c>
      <c r="E36571" s="1" t="s">
        <v>15315</v>
      </c>
      <c r="F36571" s="1" t="s">
        <v>126969</v>
      </c>
      <c r="G36571" s="1" t="s">
        <v>126960</v>
      </c>
      <c r="H36571" s="1" t="s">
        <v>126961</v>
      </c>
      <c r="I36571" s="1" t="s">
        <v>126615</v>
      </c>
      <c r="J36571" s="1" t="s">
        <v>126970</v>
      </c>
    </row>
    <row r="36572" spans="1:10" x14ac:dyDescent="0.35">
      <c r="A36572" s="1" t="s">
        <v>29627</v>
      </c>
      <c r="B36572" s="1" t="s">
        <v>126612</v>
      </c>
      <c r="C36572" s="1" t="s">
        <v>40</v>
      </c>
      <c r="D36572" s="1" t="s">
        <v>126971</v>
      </c>
      <c r="E36572" s="1" t="s">
        <v>26202</v>
      </c>
      <c r="F36572" s="1" t="s">
        <v>126972</v>
      </c>
      <c r="G36572" s="1" t="s">
        <v>126960</v>
      </c>
      <c r="H36572" s="1" t="s">
        <v>126961</v>
      </c>
      <c r="I36572" s="1" t="s">
        <v>126615</v>
      </c>
      <c r="J36572" s="1" t="s">
        <v>126973</v>
      </c>
    </row>
    <row r="36573" spans="1:10" x14ac:dyDescent="0.35">
      <c r="A36573" s="1" t="s">
        <v>29627</v>
      </c>
      <c r="B36573" s="1" t="s">
        <v>126612</v>
      </c>
      <c r="C36573" s="1" t="s">
        <v>45</v>
      </c>
      <c r="D36573" s="1" t="s">
        <v>64077</v>
      </c>
      <c r="E36573" s="1" t="s">
        <v>15606</v>
      </c>
      <c r="F36573" s="1" t="s">
        <v>126974</v>
      </c>
      <c r="G36573" s="1" t="s">
        <v>126960</v>
      </c>
      <c r="H36573" s="1" t="s">
        <v>126961</v>
      </c>
      <c r="I36573" s="1" t="s">
        <v>126615</v>
      </c>
      <c r="J36573" s="1" t="s">
        <v>126975</v>
      </c>
    </row>
    <row r="36574" spans="1:10" x14ac:dyDescent="0.35">
      <c r="A36574" s="1" t="s">
        <v>29627</v>
      </c>
      <c r="B36574" s="1" t="s">
        <v>126612</v>
      </c>
      <c r="C36574" s="1" t="s">
        <v>50</v>
      </c>
      <c r="D36574" s="1" t="s">
        <v>126976</v>
      </c>
      <c r="E36574" s="1" t="s">
        <v>97155</v>
      </c>
      <c r="F36574" s="1" t="s">
        <v>126977</v>
      </c>
      <c r="G36574" s="1" t="s">
        <v>126960</v>
      </c>
      <c r="H36574" s="1" t="s">
        <v>126961</v>
      </c>
      <c r="I36574" s="1" t="s">
        <v>126615</v>
      </c>
      <c r="J36574" s="1" t="s">
        <v>126978</v>
      </c>
    </row>
    <row r="36575" spans="1:10" x14ac:dyDescent="0.35">
      <c r="A36575" s="1" t="s">
        <v>29627</v>
      </c>
      <c r="B36575" s="1" t="s">
        <v>126612</v>
      </c>
      <c r="C36575" s="1" t="s">
        <v>55</v>
      </c>
      <c r="D36575" s="1" t="s">
        <v>126979</v>
      </c>
      <c r="E36575" s="1" t="s">
        <v>26210</v>
      </c>
      <c r="F36575" s="1" t="s">
        <v>16151</v>
      </c>
      <c r="G36575" s="1" t="s">
        <v>126960</v>
      </c>
      <c r="H36575" s="1" t="s">
        <v>126961</v>
      </c>
      <c r="I36575" s="1" t="s">
        <v>126615</v>
      </c>
      <c r="J36575" s="1" t="s">
        <v>126980</v>
      </c>
    </row>
    <row r="36576" spans="1:10" x14ac:dyDescent="0.35">
      <c r="A36576" s="1" t="s">
        <v>29627</v>
      </c>
      <c r="B36576" s="1" t="s">
        <v>126612</v>
      </c>
      <c r="C36576" s="1" t="s">
        <v>60</v>
      </c>
      <c r="D36576" s="1" t="s">
        <v>126981</v>
      </c>
      <c r="E36576" s="1" t="s">
        <v>32036</v>
      </c>
      <c r="F36576" s="1" t="s">
        <v>126982</v>
      </c>
      <c r="G36576" s="1" t="s">
        <v>126960</v>
      </c>
      <c r="H36576" s="1" t="s">
        <v>126961</v>
      </c>
      <c r="I36576" s="1" t="s">
        <v>126615</v>
      </c>
      <c r="J36576" s="1" t="s">
        <v>126983</v>
      </c>
    </row>
    <row r="36577" spans="1:10" x14ac:dyDescent="0.35">
      <c r="A36577" s="1" t="s">
        <v>29627</v>
      </c>
      <c r="B36577" s="1" t="s">
        <v>126612</v>
      </c>
      <c r="C36577" s="1" t="s">
        <v>65</v>
      </c>
      <c r="D36577" s="1" t="s">
        <v>126984</v>
      </c>
      <c r="E36577" s="1" t="s">
        <v>126985</v>
      </c>
      <c r="F36577" s="1" t="s">
        <v>64691</v>
      </c>
      <c r="G36577" s="1" t="s">
        <v>126960</v>
      </c>
      <c r="H36577" s="1" t="s">
        <v>126961</v>
      </c>
      <c r="I36577" s="1" t="s">
        <v>126615</v>
      </c>
      <c r="J36577" s="1" t="s">
        <v>126986</v>
      </c>
    </row>
    <row r="36578" spans="1:10" x14ac:dyDescent="0.35">
      <c r="A36578" s="1" t="s">
        <v>29627</v>
      </c>
      <c r="B36578" s="1" t="s">
        <v>126612</v>
      </c>
      <c r="C36578" s="1" t="s">
        <v>70</v>
      </c>
      <c r="D36578" s="1" t="s">
        <v>126987</v>
      </c>
      <c r="E36578" s="1" t="s">
        <v>31866</v>
      </c>
      <c r="F36578" s="1" t="s">
        <v>126988</v>
      </c>
      <c r="G36578" s="1" t="s">
        <v>126960</v>
      </c>
      <c r="H36578" s="1" t="s">
        <v>126961</v>
      </c>
      <c r="I36578" s="1" t="s">
        <v>126615</v>
      </c>
      <c r="J36578" s="1" t="s">
        <v>126989</v>
      </c>
    </row>
    <row r="36579" spans="1:10" x14ac:dyDescent="0.35">
      <c r="A36579" s="1" t="s">
        <v>29627</v>
      </c>
      <c r="B36579" s="1" t="s">
        <v>126612</v>
      </c>
      <c r="C36579" s="1" t="s">
        <v>75</v>
      </c>
      <c r="D36579" s="1" t="s">
        <v>126990</v>
      </c>
      <c r="E36579" s="1" t="s">
        <v>126991</v>
      </c>
      <c r="F36579" s="1" t="s">
        <v>60838</v>
      </c>
      <c r="G36579" s="1" t="s">
        <v>126960</v>
      </c>
      <c r="H36579" s="1" t="s">
        <v>126961</v>
      </c>
      <c r="I36579" s="1" t="s">
        <v>126615</v>
      </c>
      <c r="J36579" s="1" t="s">
        <v>126992</v>
      </c>
    </row>
    <row r="36580" spans="1:10" x14ac:dyDescent="0.35">
      <c r="A36580" s="1" t="s">
        <v>29627</v>
      </c>
      <c r="B36580" s="1" t="s">
        <v>126612</v>
      </c>
      <c r="C36580" s="1" t="s">
        <v>80</v>
      </c>
      <c r="D36580" s="1" t="s">
        <v>66109</v>
      </c>
      <c r="E36580" s="1" t="s">
        <v>32622</v>
      </c>
      <c r="F36580" s="1" t="s">
        <v>126993</v>
      </c>
      <c r="G36580" s="1" t="s">
        <v>126960</v>
      </c>
      <c r="H36580" s="1" t="s">
        <v>126961</v>
      </c>
      <c r="I36580" s="1" t="s">
        <v>126615</v>
      </c>
      <c r="J36580" s="1" t="s">
        <v>126994</v>
      </c>
    </row>
    <row r="36581" spans="1:10" x14ac:dyDescent="0.35">
      <c r="A36581" s="1" t="s">
        <v>29627</v>
      </c>
      <c r="B36581" s="1" t="s">
        <v>126612</v>
      </c>
      <c r="C36581" s="1" t="s">
        <v>85</v>
      </c>
      <c r="D36581" s="1" t="s">
        <v>81042</v>
      </c>
      <c r="E36581" s="1" t="s">
        <v>62963</v>
      </c>
      <c r="F36581" s="1" t="s">
        <v>77675</v>
      </c>
      <c r="G36581" s="1" t="s">
        <v>126960</v>
      </c>
      <c r="H36581" s="1" t="s">
        <v>126961</v>
      </c>
      <c r="I36581" s="1" t="s">
        <v>126615</v>
      </c>
      <c r="J36581" s="1" t="s">
        <v>126995</v>
      </c>
    </row>
    <row r="36582" spans="1:10" x14ac:dyDescent="0.35">
      <c r="A36582" s="1" t="s">
        <v>29627</v>
      </c>
      <c r="B36582" s="1" t="s">
        <v>126612</v>
      </c>
      <c r="C36582" s="1" t="s">
        <v>90</v>
      </c>
      <c r="D36582" s="1" t="s">
        <v>126996</v>
      </c>
      <c r="E36582" s="1" t="s">
        <v>126997</v>
      </c>
      <c r="F36582" s="1" t="s">
        <v>126998</v>
      </c>
      <c r="G36582" s="1" t="s">
        <v>126960</v>
      </c>
      <c r="H36582" s="1" t="s">
        <v>126961</v>
      </c>
      <c r="I36582" s="1" t="s">
        <v>126615</v>
      </c>
      <c r="J36582" s="1" t="s">
        <v>126999</v>
      </c>
    </row>
    <row r="36583" spans="1:10" x14ac:dyDescent="0.35">
      <c r="A36583" s="1" t="s">
        <v>29627</v>
      </c>
      <c r="B36583" s="1" t="s">
        <v>126612</v>
      </c>
      <c r="C36583" s="1" t="s">
        <v>95</v>
      </c>
      <c r="D36583" s="1" t="s">
        <v>127000</v>
      </c>
      <c r="E36583" s="1" t="s">
        <v>127001</v>
      </c>
      <c r="F36583" s="1" t="s">
        <v>54684</v>
      </c>
      <c r="G36583" s="1" t="s">
        <v>126960</v>
      </c>
      <c r="H36583" s="1" t="s">
        <v>126961</v>
      </c>
      <c r="I36583" s="1" t="s">
        <v>126615</v>
      </c>
      <c r="J36583" s="1" t="s">
        <v>127002</v>
      </c>
    </row>
    <row r="36584" spans="1:10" x14ac:dyDescent="0.35">
      <c r="A36584" s="1" t="s">
        <v>29627</v>
      </c>
      <c r="B36584" s="1" t="s">
        <v>126612</v>
      </c>
      <c r="C36584" s="1" t="s">
        <v>100</v>
      </c>
      <c r="D36584" s="1" t="s">
        <v>127003</v>
      </c>
      <c r="E36584" s="1" t="s">
        <v>31852</v>
      </c>
      <c r="F36584" s="1" t="s">
        <v>55351</v>
      </c>
      <c r="G36584" s="1" t="s">
        <v>126960</v>
      </c>
      <c r="H36584" s="1" t="s">
        <v>126961</v>
      </c>
      <c r="I36584" s="1" t="s">
        <v>126615</v>
      </c>
      <c r="J36584" s="1" t="s">
        <v>127004</v>
      </c>
    </row>
    <row r="36585" spans="1:10" x14ac:dyDescent="0.35">
      <c r="A36585" s="1" t="s">
        <v>29627</v>
      </c>
      <c r="B36585" s="1" t="s">
        <v>126612</v>
      </c>
      <c r="C36585" s="1" t="s">
        <v>105</v>
      </c>
      <c r="D36585" s="1" t="s">
        <v>66282</v>
      </c>
      <c r="E36585" s="1" t="s">
        <v>15571</v>
      </c>
      <c r="F36585" s="1" t="s">
        <v>23225</v>
      </c>
      <c r="G36585" s="1" t="s">
        <v>126960</v>
      </c>
      <c r="H36585" s="1" t="s">
        <v>126961</v>
      </c>
      <c r="I36585" s="1" t="s">
        <v>126615</v>
      </c>
      <c r="J36585" s="1" t="s">
        <v>127005</v>
      </c>
    </row>
    <row r="36586" spans="1:10" x14ac:dyDescent="0.35">
      <c r="A36586" s="1" t="s">
        <v>29627</v>
      </c>
      <c r="B36586" s="1" t="s">
        <v>126612</v>
      </c>
      <c r="C36586" s="1" t="s">
        <v>110</v>
      </c>
      <c r="D36586" s="1" t="s">
        <v>127006</v>
      </c>
      <c r="E36586" s="1" t="s">
        <v>22317</v>
      </c>
      <c r="F36586" s="1" t="s">
        <v>127007</v>
      </c>
      <c r="G36586" s="1" t="s">
        <v>126960</v>
      </c>
      <c r="H36586" s="1" t="s">
        <v>126961</v>
      </c>
      <c r="I36586" s="1" t="s">
        <v>126615</v>
      </c>
      <c r="J36586" s="1" t="s">
        <v>127008</v>
      </c>
    </row>
    <row r="36587" spans="1:10" x14ac:dyDescent="0.35">
      <c r="A36587" s="1" t="s">
        <v>29627</v>
      </c>
      <c r="B36587" s="1" t="s">
        <v>126612</v>
      </c>
      <c r="C36587" s="1" t="s">
        <v>115</v>
      </c>
      <c r="D36587" s="1" t="s">
        <v>80554</v>
      </c>
      <c r="E36587" s="1" t="s">
        <v>31546</v>
      </c>
      <c r="F36587" s="1" t="s">
        <v>127009</v>
      </c>
      <c r="G36587" s="1" t="s">
        <v>126960</v>
      </c>
      <c r="H36587" s="1" t="s">
        <v>126961</v>
      </c>
      <c r="I36587" s="1" t="s">
        <v>126615</v>
      </c>
      <c r="J36587" s="1" t="s">
        <v>127010</v>
      </c>
    </row>
    <row r="36588" spans="1:10" x14ac:dyDescent="0.35">
      <c r="A36588" s="1" t="s">
        <v>29627</v>
      </c>
      <c r="B36588" s="1" t="s">
        <v>126612</v>
      </c>
      <c r="C36588" s="1" t="s">
        <v>120</v>
      </c>
      <c r="D36588" s="1" t="s">
        <v>68318</v>
      </c>
      <c r="E36588" s="1" t="s">
        <v>60856</v>
      </c>
      <c r="F36588" s="1" t="s">
        <v>127011</v>
      </c>
      <c r="G36588" s="1" t="s">
        <v>126960</v>
      </c>
      <c r="H36588" s="1" t="s">
        <v>126961</v>
      </c>
      <c r="I36588" s="1" t="s">
        <v>126615</v>
      </c>
      <c r="J36588" s="1" t="s">
        <v>127012</v>
      </c>
    </row>
    <row r="36589" spans="1:10" x14ac:dyDescent="0.35">
      <c r="A36589" s="1" t="s">
        <v>29627</v>
      </c>
      <c r="B36589" s="1" t="s">
        <v>126612</v>
      </c>
      <c r="C36589" s="1" t="s">
        <v>125</v>
      </c>
      <c r="D36589" s="1" t="s">
        <v>67641</v>
      </c>
      <c r="E36589" s="1" t="s">
        <v>127013</v>
      </c>
      <c r="F36589" s="1" t="s">
        <v>26619</v>
      </c>
      <c r="G36589" s="1" t="s">
        <v>126960</v>
      </c>
      <c r="H36589" s="1" t="s">
        <v>126961</v>
      </c>
      <c r="I36589" s="1" t="s">
        <v>126615</v>
      </c>
      <c r="J36589" s="1" t="s">
        <v>127014</v>
      </c>
    </row>
    <row r="36590" spans="1:10" x14ac:dyDescent="0.35">
      <c r="A36590" s="1" t="s">
        <v>29627</v>
      </c>
      <c r="B36590" s="1" t="s">
        <v>126612</v>
      </c>
      <c r="C36590" s="1" t="s">
        <v>130</v>
      </c>
      <c r="D36590" s="1" t="s">
        <v>80562</v>
      </c>
      <c r="E36590" s="1" t="s">
        <v>19928</v>
      </c>
      <c r="F36590" s="1" t="s">
        <v>127015</v>
      </c>
      <c r="G36590" s="1" t="s">
        <v>126960</v>
      </c>
      <c r="H36590" s="1" t="s">
        <v>126961</v>
      </c>
      <c r="I36590" s="1" t="s">
        <v>126615</v>
      </c>
      <c r="J36590" s="1" t="s">
        <v>127016</v>
      </c>
    </row>
    <row r="36591" spans="1:10" x14ac:dyDescent="0.35">
      <c r="A36591" s="1" t="s">
        <v>29627</v>
      </c>
      <c r="B36591" s="1" t="s">
        <v>126612</v>
      </c>
      <c r="C36591" s="1" t="s">
        <v>135</v>
      </c>
      <c r="D36591" s="1" t="s">
        <v>127017</v>
      </c>
      <c r="E36591" s="1" t="s">
        <v>127018</v>
      </c>
      <c r="F36591" s="1" t="s">
        <v>127019</v>
      </c>
      <c r="G36591" s="1" t="s">
        <v>126960</v>
      </c>
      <c r="H36591" s="1" t="s">
        <v>126961</v>
      </c>
      <c r="I36591" s="1" t="s">
        <v>126615</v>
      </c>
      <c r="J36591" s="1" t="s">
        <v>127020</v>
      </c>
    </row>
    <row r="36592" spans="1:10" x14ac:dyDescent="0.35">
      <c r="A36592" s="1" t="s">
        <v>29627</v>
      </c>
      <c r="B36592" s="1" t="s">
        <v>126612</v>
      </c>
      <c r="C36592" s="1" t="s">
        <v>140</v>
      </c>
      <c r="D36592" s="1" t="s">
        <v>81672</v>
      </c>
      <c r="E36592" s="1" t="s">
        <v>100272</v>
      </c>
      <c r="F36592" s="1" t="s">
        <v>127021</v>
      </c>
      <c r="G36592" s="1" t="s">
        <v>126960</v>
      </c>
      <c r="H36592" s="1" t="s">
        <v>126961</v>
      </c>
      <c r="I36592" s="1" t="s">
        <v>126615</v>
      </c>
      <c r="J36592" s="1" t="s">
        <v>127022</v>
      </c>
    </row>
    <row r="36593" spans="1:10" x14ac:dyDescent="0.35">
      <c r="A36593" s="1" t="s">
        <v>29627</v>
      </c>
      <c r="B36593" s="1" t="s">
        <v>126612</v>
      </c>
      <c r="C36593" s="1" t="s">
        <v>145</v>
      </c>
      <c r="D36593" s="1" t="s">
        <v>127023</v>
      </c>
      <c r="E36593" s="1" t="s">
        <v>76334</v>
      </c>
      <c r="F36593" s="1" t="s">
        <v>127024</v>
      </c>
      <c r="G36593" s="1" t="s">
        <v>126960</v>
      </c>
      <c r="H36593" s="1" t="s">
        <v>126961</v>
      </c>
      <c r="I36593" s="1" t="s">
        <v>126615</v>
      </c>
      <c r="J36593" s="1" t="s">
        <v>127025</v>
      </c>
    </row>
    <row r="36594" spans="1:10" x14ac:dyDescent="0.35">
      <c r="A36594" s="1" t="s">
        <v>29627</v>
      </c>
      <c r="B36594" s="1" t="s">
        <v>126612</v>
      </c>
      <c r="C36594" s="1" t="s">
        <v>150</v>
      </c>
      <c r="D36594" s="1" t="s">
        <v>99364</v>
      </c>
      <c r="E36594" s="1" t="s">
        <v>19888</v>
      </c>
      <c r="F36594" s="1" t="s">
        <v>127026</v>
      </c>
      <c r="G36594" s="1" t="s">
        <v>126960</v>
      </c>
      <c r="H36594" s="1" t="s">
        <v>126961</v>
      </c>
      <c r="I36594" s="1" t="s">
        <v>126615</v>
      </c>
      <c r="J36594" s="1" t="s">
        <v>127027</v>
      </c>
    </row>
    <row r="36595" spans="1:10" x14ac:dyDescent="0.35">
      <c r="A36595" s="1" t="s">
        <v>29627</v>
      </c>
      <c r="B36595" s="1" t="s">
        <v>126612</v>
      </c>
      <c r="C36595" s="1" t="s">
        <v>155</v>
      </c>
      <c r="D36595" s="1" t="s">
        <v>76515</v>
      </c>
      <c r="E36595" s="1" t="s">
        <v>107479</v>
      </c>
      <c r="F36595" s="1" t="s">
        <v>127028</v>
      </c>
      <c r="G36595" s="1" t="s">
        <v>126960</v>
      </c>
      <c r="H36595" s="1" t="s">
        <v>126961</v>
      </c>
      <c r="I36595" s="1" t="s">
        <v>126615</v>
      </c>
      <c r="J36595" s="1" t="s">
        <v>127029</v>
      </c>
    </row>
    <row r="36596" spans="1:10" x14ac:dyDescent="0.35">
      <c r="A36596" s="1" t="s">
        <v>29627</v>
      </c>
      <c r="B36596" s="1" t="s">
        <v>126612</v>
      </c>
      <c r="C36596" s="1" t="s">
        <v>160</v>
      </c>
      <c r="D36596" s="1" t="s">
        <v>79513</v>
      </c>
      <c r="E36596" s="1" t="s">
        <v>31800</v>
      </c>
      <c r="F36596" s="1" t="s">
        <v>98777</v>
      </c>
      <c r="G36596" s="1" t="s">
        <v>126960</v>
      </c>
      <c r="H36596" s="1" t="s">
        <v>126961</v>
      </c>
      <c r="I36596" s="1" t="s">
        <v>126615</v>
      </c>
      <c r="J36596" s="1" t="s">
        <v>127030</v>
      </c>
    </row>
    <row r="36597" spans="1:10" x14ac:dyDescent="0.35">
      <c r="A36597" s="1" t="s">
        <v>29627</v>
      </c>
      <c r="B36597" s="1" t="s">
        <v>126612</v>
      </c>
      <c r="C36597" s="1" t="s">
        <v>165</v>
      </c>
      <c r="D36597" s="1" t="s">
        <v>127031</v>
      </c>
      <c r="E36597" s="1" t="s">
        <v>19904</v>
      </c>
      <c r="F36597" s="1" t="s">
        <v>127032</v>
      </c>
      <c r="G36597" s="1" t="s">
        <v>126960</v>
      </c>
      <c r="H36597" s="1" t="s">
        <v>126961</v>
      </c>
      <c r="I36597" s="1" t="s">
        <v>126615</v>
      </c>
      <c r="J36597" s="1" t="s">
        <v>127033</v>
      </c>
    </row>
    <row r="36598" spans="1:10" x14ac:dyDescent="0.35">
      <c r="A36598" s="1" t="s">
        <v>29627</v>
      </c>
      <c r="B36598" s="1" t="s">
        <v>126612</v>
      </c>
      <c r="C36598" s="1" t="s">
        <v>170</v>
      </c>
      <c r="D36598" s="1" t="s">
        <v>22794</v>
      </c>
      <c r="E36598" s="1" t="s">
        <v>127034</v>
      </c>
      <c r="F36598" s="1" t="s">
        <v>127035</v>
      </c>
      <c r="G36598" s="1" t="s">
        <v>126960</v>
      </c>
      <c r="H36598" s="1" t="s">
        <v>126961</v>
      </c>
      <c r="I36598" s="1" t="s">
        <v>126615</v>
      </c>
      <c r="J36598" s="1" t="s">
        <v>127036</v>
      </c>
    </row>
    <row r="36599" spans="1:10" x14ac:dyDescent="0.35">
      <c r="A36599" s="1" t="s">
        <v>127037</v>
      </c>
      <c r="B36599" s="1" t="s">
        <v>126612</v>
      </c>
      <c r="C36599" s="1" t="s">
        <v>8</v>
      </c>
      <c r="D36599" s="1" t="s">
        <v>127038</v>
      </c>
      <c r="E36599" s="1" t="s">
        <v>127039</v>
      </c>
      <c r="F36599" s="1" t="s">
        <v>127040</v>
      </c>
      <c r="G36599" s="1" t="s">
        <v>127041</v>
      </c>
      <c r="H36599" s="1" t="s">
        <v>127042</v>
      </c>
      <c r="I36599" s="1" t="s">
        <v>126615</v>
      </c>
      <c r="J36599" s="1" t="s">
        <v>13</v>
      </c>
    </row>
    <row r="36600" spans="1:10" x14ac:dyDescent="0.35">
      <c r="A36600" s="1" t="s">
        <v>127037</v>
      </c>
      <c r="B36600" s="1" t="s">
        <v>126612</v>
      </c>
      <c r="C36600" s="1" t="s">
        <v>15</v>
      </c>
      <c r="D36600" s="1" t="s">
        <v>67916</v>
      </c>
      <c r="E36600" s="1" t="s">
        <v>94718</v>
      </c>
      <c r="F36600" s="1" t="s">
        <v>127043</v>
      </c>
      <c r="G36600" s="1" t="s">
        <v>127041</v>
      </c>
      <c r="H36600" s="1" t="s">
        <v>127042</v>
      </c>
      <c r="I36600" s="1" t="s">
        <v>126615</v>
      </c>
      <c r="J36600" s="1" t="s">
        <v>127044</v>
      </c>
    </row>
    <row r="36601" spans="1:10" x14ac:dyDescent="0.35">
      <c r="A36601" s="1" t="s">
        <v>127037</v>
      </c>
      <c r="B36601" s="1" t="s">
        <v>126612</v>
      </c>
      <c r="C36601" s="1" t="s">
        <v>20</v>
      </c>
      <c r="D36601" s="1" t="s">
        <v>127045</v>
      </c>
      <c r="E36601" s="1" t="s">
        <v>127046</v>
      </c>
      <c r="F36601" s="1" t="s">
        <v>127047</v>
      </c>
      <c r="G36601" s="1" t="s">
        <v>127041</v>
      </c>
      <c r="H36601" s="1" t="s">
        <v>127042</v>
      </c>
      <c r="I36601" s="1" t="s">
        <v>126615</v>
      </c>
      <c r="J36601" s="1" t="s">
        <v>127048</v>
      </c>
    </row>
    <row r="36602" spans="1:10" x14ac:dyDescent="0.35">
      <c r="A36602" s="1" t="s">
        <v>127037</v>
      </c>
      <c r="B36602" s="1" t="s">
        <v>126612</v>
      </c>
      <c r="C36602" s="1" t="s">
        <v>25</v>
      </c>
      <c r="D36602" s="1" t="s">
        <v>122997</v>
      </c>
      <c r="E36602" s="1" t="s">
        <v>105361</v>
      </c>
      <c r="F36602" s="1" t="s">
        <v>127049</v>
      </c>
      <c r="G36602" s="1" t="s">
        <v>127041</v>
      </c>
      <c r="H36602" s="1" t="s">
        <v>127042</v>
      </c>
      <c r="I36602" s="1" t="s">
        <v>126615</v>
      </c>
      <c r="J36602" s="1" t="s">
        <v>127050</v>
      </c>
    </row>
    <row r="36603" spans="1:10" x14ac:dyDescent="0.35">
      <c r="A36603" s="1" t="s">
        <v>127037</v>
      </c>
      <c r="B36603" s="1" t="s">
        <v>126612</v>
      </c>
      <c r="C36603" s="1" t="s">
        <v>30</v>
      </c>
      <c r="D36603" s="1" t="s">
        <v>107978</v>
      </c>
      <c r="E36603" s="1" t="s">
        <v>16294</v>
      </c>
      <c r="F36603" s="1" t="s">
        <v>108604</v>
      </c>
      <c r="G36603" s="1" t="s">
        <v>127041</v>
      </c>
      <c r="H36603" s="1" t="s">
        <v>127042</v>
      </c>
      <c r="I36603" s="1" t="s">
        <v>126615</v>
      </c>
      <c r="J36603" s="1" t="s">
        <v>127051</v>
      </c>
    </row>
    <row r="36604" spans="1:10" x14ac:dyDescent="0.35">
      <c r="A36604" s="1" t="s">
        <v>127037</v>
      </c>
      <c r="B36604" s="1" t="s">
        <v>126612</v>
      </c>
      <c r="C36604" s="1" t="s">
        <v>35</v>
      </c>
      <c r="D36604" s="1" t="s">
        <v>127052</v>
      </c>
      <c r="E36604" s="1" t="s">
        <v>127053</v>
      </c>
      <c r="F36604" s="1" t="s">
        <v>66349</v>
      </c>
      <c r="G36604" s="1" t="s">
        <v>127041</v>
      </c>
      <c r="H36604" s="1" t="s">
        <v>127042</v>
      </c>
      <c r="I36604" s="1" t="s">
        <v>126615</v>
      </c>
      <c r="J36604" s="1" t="s">
        <v>127054</v>
      </c>
    </row>
    <row r="36605" spans="1:10" x14ac:dyDescent="0.35">
      <c r="A36605" s="1" t="s">
        <v>127037</v>
      </c>
      <c r="B36605" s="1" t="s">
        <v>126612</v>
      </c>
      <c r="C36605" s="1" t="s">
        <v>40</v>
      </c>
      <c r="D36605" s="1" t="s">
        <v>107823</v>
      </c>
      <c r="E36605" s="1" t="s">
        <v>105982</v>
      </c>
      <c r="F36605" s="1" t="s">
        <v>127055</v>
      </c>
      <c r="G36605" s="1" t="s">
        <v>127041</v>
      </c>
      <c r="H36605" s="1" t="s">
        <v>127042</v>
      </c>
      <c r="I36605" s="1" t="s">
        <v>126615</v>
      </c>
      <c r="J36605" s="1" t="s">
        <v>127056</v>
      </c>
    </row>
    <row r="36606" spans="1:10" x14ac:dyDescent="0.35">
      <c r="A36606" s="1" t="s">
        <v>127037</v>
      </c>
      <c r="B36606" s="1" t="s">
        <v>126612</v>
      </c>
      <c r="C36606" s="1" t="s">
        <v>45</v>
      </c>
      <c r="D36606" s="1" t="s">
        <v>100181</v>
      </c>
      <c r="E36606" s="1" t="s">
        <v>16208</v>
      </c>
      <c r="F36606" s="1" t="s">
        <v>127057</v>
      </c>
      <c r="G36606" s="1" t="s">
        <v>127041</v>
      </c>
      <c r="H36606" s="1" t="s">
        <v>127042</v>
      </c>
      <c r="I36606" s="1" t="s">
        <v>126615</v>
      </c>
      <c r="J36606" s="1" t="s">
        <v>127058</v>
      </c>
    </row>
    <row r="36607" spans="1:10" x14ac:dyDescent="0.35">
      <c r="A36607" s="1" t="s">
        <v>127037</v>
      </c>
      <c r="B36607" s="1" t="s">
        <v>126612</v>
      </c>
      <c r="C36607" s="1" t="s">
        <v>50</v>
      </c>
      <c r="D36607" s="1" t="s">
        <v>24204</v>
      </c>
      <c r="E36607" s="1" t="s">
        <v>16264</v>
      </c>
      <c r="F36607" s="1" t="s">
        <v>127059</v>
      </c>
      <c r="G36607" s="1" t="s">
        <v>127041</v>
      </c>
      <c r="H36607" s="1" t="s">
        <v>127042</v>
      </c>
      <c r="I36607" s="1" t="s">
        <v>126615</v>
      </c>
      <c r="J36607" s="1" t="s">
        <v>127060</v>
      </c>
    </row>
    <row r="36608" spans="1:10" x14ac:dyDescent="0.35">
      <c r="A36608" s="1" t="s">
        <v>127037</v>
      </c>
      <c r="B36608" s="1" t="s">
        <v>126612</v>
      </c>
      <c r="C36608" s="1" t="s">
        <v>55</v>
      </c>
      <c r="D36608" s="1" t="s">
        <v>105736</v>
      </c>
      <c r="E36608" s="1" t="s">
        <v>127061</v>
      </c>
      <c r="F36608" s="1" t="s">
        <v>127062</v>
      </c>
      <c r="G36608" s="1" t="s">
        <v>127041</v>
      </c>
      <c r="H36608" s="1" t="s">
        <v>127042</v>
      </c>
      <c r="I36608" s="1" t="s">
        <v>126615</v>
      </c>
      <c r="J36608" s="1" t="s">
        <v>127063</v>
      </c>
    </row>
    <row r="36609" spans="1:10" x14ac:dyDescent="0.35">
      <c r="A36609" s="1" t="s">
        <v>127037</v>
      </c>
      <c r="B36609" s="1" t="s">
        <v>126612</v>
      </c>
      <c r="C36609" s="1" t="s">
        <v>60</v>
      </c>
      <c r="D36609" s="1" t="s">
        <v>127064</v>
      </c>
      <c r="E36609" s="1" t="s">
        <v>107620</v>
      </c>
      <c r="F36609" s="1" t="s">
        <v>127065</v>
      </c>
      <c r="G36609" s="1" t="s">
        <v>127041</v>
      </c>
      <c r="H36609" s="1" t="s">
        <v>127042</v>
      </c>
      <c r="I36609" s="1" t="s">
        <v>126615</v>
      </c>
      <c r="J36609" s="1" t="s">
        <v>127066</v>
      </c>
    </row>
    <row r="36610" spans="1:10" x14ac:dyDescent="0.35">
      <c r="A36610" s="1" t="s">
        <v>127037</v>
      </c>
      <c r="B36610" s="1" t="s">
        <v>126612</v>
      </c>
      <c r="C36610" s="1" t="s">
        <v>65</v>
      </c>
      <c r="D36610" s="1" t="s">
        <v>62438</v>
      </c>
      <c r="E36610" s="1" t="s">
        <v>48113</v>
      </c>
      <c r="F36610" s="1" t="s">
        <v>31770</v>
      </c>
      <c r="G36610" s="1" t="s">
        <v>127041</v>
      </c>
      <c r="H36610" s="1" t="s">
        <v>127042</v>
      </c>
      <c r="I36610" s="1" t="s">
        <v>126615</v>
      </c>
      <c r="J36610" s="1" t="s">
        <v>127067</v>
      </c>
    </row>
    <row r="36611" spans="1:10" x14ac:dyDescent="0.35">
      <c r="A36611" s="1" t="s">
        <v>127037</v>
      </c>
      <c r="B36611" s="1" t="s">
        <v>126612</v>
      </c>
      <c r="C36611" s="1" t="s">
        <v>70</v>
      </c>
      <c r="D36611" s="1" t="s">
        <v>80266</v>
      </c>
      <c r="E36611" s="1" t="s">
        <v>127068</v>
      </c>
      <c r="F36611" s="1" t="s">
        <v>31784</v>
      </c>
      <c r="G36611" s="1" t="s">
        <v>127041</v>
      </c>
      <c r="H36611" s="1" t="s">
        <v>127042</v>
      </c>
      <c r="I36611" s="1" t="s">
        <v>126615</v>
      </c>
      <c r="J36611" s="1" t="s">
        <v>127069</v>
      </c>
    </row>
    <row r="36612" spans="1:10" x14ac:dyDescent="0.35">
      <c r="A36612" s="1" t="s">
        <v>127037</v>
      </c>
      <c r="B36612" s="1" t="s">
        <v>126612</v>
      </c>
      <c r="C36612" s="1" t="s">
        <v>75</v>
      </c>
      <c r="D36612" s="1" t="s">
        <v>52301</v>
      </c>
      <c r="E36612" s="1" t="s">
        <v>127070</v>
      </c>
      <c r="F36612" s="1" t="s">
        <v>127071</v>
      </c>
      <c r="G36612" s="1" t="s">
        <v>127041</v>
      </c>
      <c r="H36612" s="1" t="s">
        <v>127042</v>
      </c>
      <c r="I36612" s="1" t="s">
        <v>126615</v>
      </c>
      <c r="J36612" s="1" t="s">
        <v>127072</v>
      </c>
    </row>
    <row r="36613" spans="1:10" x14ac:dyDescent="0.35">
      <c r="A36613" s="1" t="s">
        <v>127037</v>
      </c>
      <c r="B36613" s="1" t="s">
        <v>126612</v>
      </c>
      <c r="C36613" s="1" t="s">
        <v>80</v>
      </c>
      <c r="D36613" s="1" t="s">
        <v>14299</v>
      </c>
      <c r="E36613" s="1" t="s">
        <v>16264</v>
      </c>
      <c r="F36613" s="1" t="s">
        <v>127073</v>
      </c>
      <c r="G36613" s="1" t="s">
        <v>127041</v>
      </c>
      <c r="H36613" s="1" t="s">
        <v>127042</v>
      </c>
      <c r="I36613" s="1" t="s">
        <v>126615</v>
      </c>
      <c r="J36613" s="1" t="s">
        <v>127074</v>
      </c>
    </row>
    <row r="36614" spans="1:10" x14ac:dyDescent="0.35">
      <c r="A36614" s="1" t="s">
        <v>127037</v>
      </c>
      <c r="B36614" s="1" t="s">
        <v>126612</v>
      </c>
      <c r="C36614" s="1" t="s">
        <v>85</v>
      </c>
      <c r="D36614" s="1" t="s">
        <v>127075</v>
      </c>
      <c r="E36614" s="1" t="s">
        <v>16039</v>
      </c>
      <c r="F36614" s="1" t="s">
        <v>62906</v>
      </c>
      <c r="G36614" s="1" t="s">
        <v>127041</v>
      </c>
      <c r="H36614" s="1" t="s">
        <v>127042</v>
      </c>
      <c r="I36614" s="1" t="s">
        <v>126615</v>
      </c>
      <c r="J36614" s="1" t="s">
        <v>127076</v>
      </c>
    </row>
    <row r="36615" spans="1:10" x14ac:dyDescent="0.35">
      <c r="A36615" s="1" t="s">
        <v>127037</v>
      </c>
      <c r="B36615" s="1" t="s">
        <v>126612</v>
      </c>
      <c r="C36615" s="1" t="s">
        <v>90</v>
      </c>
      <c r="D36615" s="1" t="s">
        <v>106089</v>
      </c>
      <c r="E36615" s="1" t="s">
        <v>127077</v>
      </c>
      <c r="F36615" s="1" t="s">
        <v>105216</v>
      </c>
      <c r="G36615" s="1" t="s">
        <v>127041</v>
      </c>
      <c r="H36615" s="1" t="s">
        <v>127042</v>
      </c>
      <c r="I36615" s="1" t="s">
        <v>126615</v>
      </c>
      <c r="J36615" s="1" t="s">
        <v>127078</v>
      </c>
    </row>
    <row r="36616" spans="1:10" x14ac:dyDescent="0.35">
      <c r="A36616" s="1" t="s">
        <v>127037</v>
      </c>
      <c r="B36616" s="1" t="s">
        <v>126612</v>
      </c>
      <c r="C36616" s="1" t="s">
        <v>95</v>
      </c>
      <c r="D36616" s="1" t="s">
        <v>127079</v>
      </c>
      <c r="E36616" s="1" t="s">
        <v>127077</v>
      </c>
      <c r="F36616" s="1" t="s">
        <v>59856</v>
      </c>
      <c r="G36616" s="1" t="s">
        <v>127041</v>
      </c>
      <c r="H36616" s="1" t="s">
        <v>127042</v>
      </c>
      <c r="I36616" s="1" t="s">
        <v>126615</v>
      </c>
      <c r="J36616" s="1" t="s">
        <v>127080</v>
      </c>
    </row>
    <row r="36617" spans="1:10" x14ac:dyDescent="0.35">
      <c r="A36617" s="1" t="s">
        <v>127037</v>
      </c>
      <c r="B36617" s="1" t="s">
        <v>126612</v>
      </c>
      <c r="C36617" s="1" t="s">
        <v>100</v>
      </c>
      <c r="D36617" s="1" t="s">
        <v>127081</v>
      </c>
      <c r="E36617" s="1" t="s">
        <v>127082</v>
      </c>
      <c r="F36617" s="1" t="s">
        <v>127083</v>
      </c>
      <c r="G36617" s="1" t="s">
        <v>127041</v>
      </c>
      <c r="H36617" s="1" t="s">
        <v>127042</v>
      </c>
      <c r="I36617" s="1" t="s">
        <v>126615</v>
      </c>
      <c r="J36617" s="1" t="s">
        <v>127084</v>
      </c>
    </row>
    <row r="36618" spans="1:10" x14ac:dyDescent="0.35">
      <c r="A36618" s="1" t="s">
        <v>127037</v>
      </c>
      <c r="B36618" s="1" t="s">
        <v>126612</v>
      </c>
      <c r="C36618" s="1" t="s">
        <v>105</v>
      </c>
      <c r="D36618" s="1" t="s">
        <v>84231</v>
      </c>
      <c r="E36618" s="1" t="s">
        <v>108761</v>
      </c>
      <c r="F36618" s="1" t="s">
        <v>127085</v>
      </c>
      <c r="G36618" s="1" t="s">
        <v>127041</v>
      </c>
      <c r="H36618" s="1" t="s">
        <v>127042</v>
      </c>
      <c r="I36618" s="1" t="s">
        <v>126615</v>
      </c>
      <c r="J36618" s="1" t="s">
        <v>127086</v>
      </c>
    </row>
    <row r="36619" spans="1:10" x14ac:dyDescent="0.35">
      <c r="A36619" s="1" t="s">
        <v>127037</v>
      </c>
      <c r="B36619" s="1" t="s">
        <v>126612</v>
      </c>
      <c r="C36619" s="1" t="s">
        <v>110</v>
      </c>
      <c r="D36619" s="1" t="s">
        <v>127087</v>
      </c>
      <c r="E36619" s="1" t="s">
        <v>49836</v>
      </c>
      <c r="F36619" s="1" t="s">
        <v>127088</v>
      </c>
      <c r="G36619" s="1" t="s">
        <v>127041</v>
      </c>
      <c r="H36619" s="1" t="s">
        <v>127042</v>
      </c>
      <c r="I36619" s="1" t="s">
        <v>126615</v>
      </c>
      <c r="J36619" s="1" t="s">
        <v>127089</v>
      </c>
    </row>
    <row r="36620" spans="1:10" x14ac:dyDescent="0.35">
      <c r="A36620" s="1" t="s">
        <v>127037</v>
      </c>
      <c r="B36620" s="1" t="s">
        <v>126612</v>
      </c>
      <c r="C36620" s="1" t="s">
        <v>115</v>
      </c>
      <c r="D36620" s="1" t="s">
        <v>22013</v>
      </c>
      <c r="E36620" s="1" t="s">
        <v>127090</v>
      </c>
      <c r="F36620" s="1" t="s">
        <v>127091</v>
      </c>
      <c r="G36620" s="1" t="s">
        <v>127041</v>
      </c>
      <c r="H36620" s="1" t="s">
        <v>127042</v>
      </c>
      <c r="I36620" s="1" t="s">
        <v>126615</v>
      </c>
      <c r="J36620" s="1" t="s">
        <v>127092</v>
      </c>
    </row>
    <row r="36621" spans="1:10" x14ac:dyDescent="0.35">
      <c r="A36621" s="1" t="s">
        <v>127037</v>
      </c>
      <c r="B36621" s="1" t="s">
        <v>126612</v>
      </c>
      <c r="C36621" s="1" t="s">
        <v>120</v>
      </c>
      <c r="D36621" s="1" t="s">
        <v>127093</v>
      </c>
      <c r="E36621" s="1" t="s">
        <v>105421</v>
      </c>
      <c r="F36621" s="1" t="s">
        <v>127094</v>
      </c>
      <c r="G36621" s="1" t="s">
        <v>127041</v>
      </c>
      <c r="H36621" s="1" t="s">
        <v>127042</v>
      </c>
      <c r="I36621" s="1" t="s">
        <v>126615</v>
      </c>
      <c r="J36621" s="1" t="s">
        <v>127095</v>
      </c>
    </row>
    <row r="36622" spans="1:10" x14ac:dyDescent="0.35">
      <c r="A36622" s="1" t="s">
        <v>127037</v>
      </c>
      <c r="B36622" s="1" t="s">
        <v>126612</v>
      </c>
      <c r="C36622" s="1" t="s">
        <v>125</v>
      </c>
      <c r="D36622" s="1" t="s">
        <v>127096</v>
      </c>
      <c r="E36622" s="1" t="s">
        <v>127097</v>
      </c>
      <c r="F36622" s="1" t="s">
        <v>56693</v>
      </c>
      <c r="G36622" s="1" t="s">
        <v>127041</v>
      </c>
      <c r="H36622" s="1" t="s">
        <v>127042</v>
      </c>
      <c r="I36622" s="1" t="s">
        <v>126615</v>
      </c>
      <c r="J36622" s="1" t="s">
        <v>127098</v>
      </c>
    </row>
    <row r="36623" spans="1:10" x14ac:dyDescent="0.35">
      <c r="A36623" s="1" t="s">
        <v>127037</v>
      </c>
      <c r="B36623" s="1" t="s">
        <v>126612</v>
      </c>
      <c r="C36623" s="1" t="s">
        <v>130</v>
      </c>
      <c r="D36623" s="1" t="s">
        <v>127099</v>
      </c>
      <c r="E36623" s="1" t="s">
        <v>107256</v>
      </c>
      <c r="F36623" s="1" t="s">
        <v>60269</v>
      </c>
      <c r="G36623" s="1" t="s">
        <v>127041</v>
      </c>
      <c r="H36623" s="1" t="s">
        <v>127042</v>
      </c>
      <c r="I36623" s="1" t="s">
        <v>126615</v>
      </c>
      <c r="J36623" s="1" t="s">
        <v>127100</v>
      </c>
    </row>
    <row r="36624" spans="1:10" x14ac:dyDescent="0.35">
      <c r="A36624" s="1" t="s">
        <v>127037</v>
      </c>
      <c r="B36624" s="1" t="s">
        <v>126612</v>
      </c>
      <c r="C36624" s="1" t="s">
        <v>135</v>
      </c>
      <c r="D36624" s="1" t="s">
        <v>52471</v>
      </c>
      <c r="E36624" s="1" t="s">
        <v>81146</v>
      </c>
      <c r="F36624" s="1" t="s">
        <v>127101</v>
      </c>
      <c r="G36624" s="1" t="s">
        <v>127041</v>
      </c>
      <c r="H36624" s="1" t="s">
        <v>127042</v>
      </c>
      <c r="I36624" s="1" t="s">
        <v>126615</v>
      </c>
      <c r="J36624" s="1" t="s">
        <v>127102</v>
      </c>
    </row>
    <row r="36625" spans="1:10" x14ac:dyDescent="0.35">
      <c r="A36625" s="1" t="s">
        <v>127037</v>
      </c>
      <c r="B36625" s="1" t="s">
        <v>126612</v>
      </c>
      <c r="C36625" s="1" t="s">
        <v>140</v>
      </c>
      <c r="D36625" s="1" t="s">
        <v>127103</v>
      </c>
      <c r="E36625" s="1" t="s">
        <v>127104</v>
      </c>
      <c r="F36625" s="1" t="s">
        <v>127105</v>
      </c>
      <c r="G36625" s="1" t="s">
        <v>127041</v>
      </c>
      <c r="H36625" s="1" t="s">
        <v>127042</v>
      </c>
      <c r="I36625" s="1" t="s">
        <v>126615</v>
      </c>
      <c r="J36625" s="1" t="s">
        <v>127106</v>
      </c>
    </row>
    <row r="36626" spans="1:10" x14ac:dyDescent="0.35">
      <c r="A36626" s="1" t="s">
        <v>127037</v>
      </c>
      <c r="B36626" s="1" t="s">
        <v>126612</v>
      </c>
      <c r="C36626" s="1" t="s">
        <v>145</v>
      </c>
      <c r="D36626" s="1" t="s">
        <v>107482</v>
      </c>
      <c r="E36626" s="1" t="s">
        <v>127107</v>
      </c>
      <c r="F36626" s="1" t="s">
        <v>81165</v>
      </c>
      <c r="G36626" s="1" t="s">
        <v>127041</v>
      </c>
      <c r="H36626" s="1" t="s">
        <v>127042</v>
      </c>
      <c r="I36626" s="1" t="s">
        <v>126615</v>
      </c>
      <c r="J36626" s="1" t="s">
        <v>127108</v>
      </c>
    </row>
    <row r="36627" spans="1:10" x14ac:dyDescent="0.35">
      <c r="A36627" s="1" t="s">
        <v>127037</v>
      </c>
      <c r="B36627" s="1" t="s">
        <v>126612</v>
      </c>
      <c r="C36627" s="1" t="s">
        <v>150</v>
      </c>
      <c r="D36627" s="1" t="s">
        <v>127109</v>
      </c>
      <c r="E36627" s="1" t="s">
        <v>127110</v>
      </c>
      <c r="F36627" s="1" t="s">
        <v>127111</v>
      </c>
      <c r="G36627" s="1" t="s">
        <v>127041</v>
      </c>
      <c r="H36627" s="1" t="s">
        <v>127042</v>
      </c>
      <c r="I36627" s="1" t="s">
        <v>126615</v>
      </c>
      <c r="J36627" s="1" t="s">
        <v>127112</v>
      </c>
    </row>
    <row r="36628" spans="1:10" x14ac:dyDescent="0.35">
      <c r="A36628" s="1" t="s">
        <v>127037</v>
      </c>
      <c r="B36628" s="1" t="s">
        <v>126612</v>
      </c>
      <c r="C36628" s="1" t="s">
        <v>155</v>
      </c>
      <c r="D36628" s="1" t="s">
        <v>106013</v>
      </c>
      <c r="E36628" s="1" t="s">
        <v>106219</v>
      </c>
      <c r="F36628" s="1" t="s">
        <v>67837</v>
      </c>
      <c r="G36628" s="1" t="s">
        <v>127041</v>
      </c>
      <c r="H36628" s="1" t="s">
        <v>127042</v>
      </c>
      <c r="I36628" s="1" t="s">
        <v>126615</v>
      </c>
      <c r="J36628" s="1" t="s">
        <v>127113</v>
      </c>
    </row>
    <row r="36629" spans="1:10" x14ac:dyDescent="0.35">
      <c r="A36629" s="1" t="s">
        <v>127037</v>
      </c>
      <c r="B36629" s="1" t="s">
        <v>126612</v>
      </c>
      <c r="C36629" s="1" t="s">
        <v>160</v>
      </c>
      <c r="D36629" s="1" t="s">
        <v>127114</v>
      </c>
      <c r="E36629" s="1" t="s">
        <v>78860</v>
      </c>
      <c r="F36629" s="1" t="s">
        <v>62883</v>
      </c>
      <c r="G36629" s="1" t="s">
        <v>127041</v>
      </c>
      <c r="H36629" s="1" t="s">
        <v>127042</v>
      </c>
      <c r="I36629" s="1" t="s">
        <v>126615</v>
      </c>
      <c r="J36629" s="1" t="s">
        <v>127115</v>
      </c>
    </row>
    <row r="36630" spans="1:10" x14ac:dyDescent="0.35">
      <c r="A36630" s="1" t="s">
        <v>127037</v>
      </c>
      <c r="B36630" s="1" t="s">
        <v>126612</v>
      </c>
      <c r="C36630" s="1" t="s">
        <v>165</v>
      </c>
      <c r="D36630" s="1" t="s">
        <v>80258</v>
      </c>
      <c r="E36630" s="1" t="s">
        <v>16232</v>
      </c>
      <c r="F36630" s="1" t="s">
        <v>127116</v>
      </c>
      <c r="G36630" s="1" t="s">
        <v>127041</v>
      </c>
      <c r="H36630" s="1" t="s">
        <v>127042</v>
      </c>
      <c r="I36630" s="1" t="s">
        <v>126615</v>
      </c>
      <c r="J36630" s="1" t="s">
        <v>127117</v>
      </c>
    </row>
    <row r="36631" spans="1:10" x14ac:dyDescent="0.35">
      <c r="A36631" s="1" t="s">
        <v>127037</v>
      </c>
      <c r="B36631" s="1" t="s">
        <v>126612</v>
      </c>
      <c r="C36631" s="1" t="s">
        <v>170</v>
      </c>
      <c r="D36631" s="1" t="s">
        <v>127118</v>
      </c>
      <c r="E36631" s="1" t="s">
        <v>127119</v>
      </c>
      <c r="F36631" s="1" t="s">
        <v>127120</v>
      </c>
      <c r="G36631" s="1" t="s">
        <v>127041</v>
      </c>
      <c r="H36631" s="1" t="s">
        <v>127042</v>
      </c>
      <c r="I36631" s="1" t="s">
        <v>126615</v>
      </c>
      <c r="J36631" s="1" t="s">
        <v>127121</v>
      </c>
    </row>
    <row r="36632" spans="1:10" x14ac:dyDescent="0.35">
      <c r="A36632" s="1" t="s">
        <v>115793</v>
      </c>
      <c r="B36632" s="1" t="s">
        <v>126612</v>
      </c>
      <c r="C36632" s="1" t="s">
        <v>8</v>
      </c>
      <c r="D36632" s="1" t="s">
        <v>127122</v>
      </c>
      <c r="E36632" s="1" t="s">
        <v>22978</v>
      </c>
      <c r="F36632" s="1" t="s">
        <v>127123</v>
      </c>
      <c r="G36632" s="1" t="s">
        <v>127124</v>
      </c>
      <c r="H36632" s="1" t="s">
        <v>127125</v>
      </c>
      <c r="I36632" s="1" t="s">
        <v>126615</v>
      </c>
      <c r="J36632" s="1" t="s">
        <v>13</v>
      </c>
    </row>
    <row r="36633" spans="1:10" x14ac:dyDescent="0.35">
      <c r="A36633" s="1" t="s">
        <v>115793</v>
      </c>
      <c r="B36633" s="1" t="s">
        <v>126612</v>
      </c>
      <c r="C36633" s="1" t="s">
        <v>15</v>
      </c>
      <c r="D36633" s="1" t="s">
        <v>100401</v>
      </c>
      <c r="E36633" s="1" t="s">
        <v>82919</v>
      </c>
      <c r="F36633" s="1" t="s">
        <v>127126</v>
      </c>
      <c r="G36633" s="1" t="s">
        <v>127124</v>
      </c>
      <c r="H36633" s="1" t="s">
        <v>127125</v>
      </c>
      <c r="I36633" s="1" t="s">
        <v>126615</v>
      </c>
      <c r="J36633" s="1" t="s">
        <v>127127</v>
      </c>
    </row>
    <row r="36634" spans="1:10" x14ac:dyDescent="0.35">
      <c r="A36634" s="1" t="s">
        <v>115793</v>
      </c>
      <c r="B36634" s="1" t="s">
        <v>126612</v>
      </c>
      <c r="C36634" s="1" t="s">
        <v>20</v>
      </c>
      <c r="D36634" s="1" t="s">
        <v>127128</v>
      </c>
      <c r="E36634" s="1" t="s">
        <v>23091</v>
      </c>
      <c r="F36634" s="1" t="s">
        <v>127129</v>
      </c>
      <c r="G36634" s="1" t="s">
        <v>127124</v>
      </c>
      <c r="H36634" s="1" t="s">
        <v>127125</v>
      </c>
      <c r="I36634" s="1" t="s">
        <v>126615</v>
      </c>
      <c r="J36634" s="1" t="s">
        <v>127130</v>
      </c>
    </row>
    <row r="36635" spans="1:10" x14ac:dyDescent="0.35">
      <c r="A36635" s="1" t="s">
        <v>115793</v>
      </c>
      <c r="B36635" s="1" t="s">
        <v>126612</v>
      </c>
      <c r="C36635" s="1" t="s">
        <v>25</v>
      </c>
      <c r="D36635" s="1" t="s">
        <v>39496</v>
      </c>
      <c r="E36635" s="1" t="s">
        <v>82940</v>
      </c>
      <c r="F36635" s="1" t="s">
        <v>24800</v>
      </c>
      <c r="G36635" s="1" t="s">
        <v>127124</v>
      </c>
      <c r="H36635" s="1" t="s">
        <v>127125</v>
      </c>
      <c r="I36635" s="1" t="s">
        <v>126615</v>
      </c>
      <c r="J36635" s="1" t="s">
        <v>127131</v>
      </c>
    </row>
    <row r="36636" spans="1:10" x14ac:dyDescent="0.35">
      <c r="A36636" s="1" t="s">
        <v>115793</v>
      </c>
      <c r="B36636" s="1" t="s">
        <v>126612</v>
      </c>
      <c r="C36636" s="1" t="s">
        <v>30</v>
      </c>
      <c r="D36636" s="1" t="s">
        <v>127132</v>
      </c>
      <c r="E36636" s="1" t="s">
        <v>127133</v>
      </c>
      <c r="F36636" s="1" t="s">
        <v>127134</v>
      </c>
      <c r="G36636" s="1" t="s">
        <v>127124</v>
      </c>
      <c r="H36636" s="1" t="s">
        <v>127125</v>
      </c>
      <c r="I36636" s="1" t="s">
        <v>126615</v>
      </c>
      <c r="J36636" s="1" t="s">
        <v>127135</v>
      </c>
    </row>
    <row r="36637" spans="1:10" x14ac:dyDescent="0.35">
      <c r="A36637" s="1" t="s">
        <v>115793</v>
      </c>
      <c r="B36637" s="1" t="s">
        <v>126612</v>
      </c>
      <c r="C36637" s="1" t="s">
        <v>35</v>
      </c>
      <c r="D36637" s="1" t="s">
        <v>126824</v>
      </c>
      <c r="E36637" s="1" t="s">
        <v>23818</v>
      </c>
      <c r="F36637" s="1" t="s">
        <v>127136</v>
      </c>
      <c r="G36637" s="1" t="s">
        <v>127124</v>
      </c>
      <c r="H36637" s="1" t="s">
        <v>127125</v>
      </c>
      <c r="I36637" s="1" t="s">
        <v>126615</v>
      </c>
      <c r="J36637" s="1" t="s">
        <v>127137</v>
      </c>
    </row>
    <row r="36638" spans="1:10" x14ac:dyDescent="0.35">
      <c r="A36638" s="1" t="s">
        <v>115793</v>
      </c>
      <c r="B36638" s="1" t="s">
        <v>126612</v>
      </c>
      <c r="C36638" s="1" t="s">
        <v>40</v>
      </c>
      <c r="D36638" s="1" t="s">
        <v>127138</v>
      </c>
      <c r="E36638" s="1" t="s">
        <v>127139</v>
      </c>
      <c r="F36638" s="1" t="s">
        <v>127140</v>
      </c>
      <c r="G36638" s="1" t="s">
        <v>127124</v>
      </c>
      <c r="H36638" s="1" t="s">
        <v>127125</v>
      </c>
      <c r="I36638" s="1" t="s">
        <v>126615</v>
      </c>
      <c r="J36638" s="1" t="s">
        <v>127141</v>
      </c>
    </row>
    <row r="36639" spans="1:10" x14ac:dyDescent="0.35">
      <c r="A36639" s="1" t="s">
        <v>115793</v>
      </c>
      <c r="B36639" s="1" t="s">
        <v>126612</v>
      </c>
      <c r="C36639" s="1" t="s">
        <v>45</v>
      </c>
      <c r="D36639" s="1" t="s">
        <v>66296</v>
      </c>
      <c r="E36639" s="1" t="s">
        <v>56897</v>
      </c>
      <c r="F36639" s="1" t="s">
        <v>127142</v>
      </c>
      <c r="G36639" s="1" t="s">
        <v>127124</v>
      </c>
      <c r="H36639" s="1" t="s">
        <v>127125</v>
      </c>
      <c r="I36639" s="1" t="s">
        <v>126615</v>
      </c>
      <c r="J36639" s="1" t="s">
        <v>127143</v>
      </c>
    </row>
    <row r="36640" spans="1:10" x14ac:dyDescent="0.35">
      <c r="A36640" s="1" t="s">
        <v>115793</v>
      </c>
      <c r="B36640" s="1" t="s">
        <v>126612</v>
      </c>
      <c r="C36640" s="1" t="s">
        <v>50</v>
      </c>
      <c r="D36640" s="1" t="s">
        <v>100098</v>
      </c>
      <c r="E36640" s="1" t="s">
        <v>68648</v>
      </c>
      <c r="F36640" s="1" t="s">
        <v>127144</v>
      </c>
      <c r="G36640" s="1" t="s">
        <v>127124</v>
      </c>
      <c r="H36640" s="1" t="s">
        <v>127125</v>
      </c>
      <c r="I36640" s="1" t="s">
        <v>126615</v>
      </c>
      <c r="J36640" s="1" t="s">
        <v>127145</v>
      </c>
    </row>
    <row r="36641" spans="1:10" x14ac:dyDescent="0.35">
      <c r="A36641" s="1" t="s">
        <v>115793</v>
      </c>
      <c r="B36641" s="1" t="s">
        <v>126612</v>
      </c>
      <c r="C36641" s="1" t="s">
        <v>55</v>
      </c>
      <c r="D36641" s="1" t="s">
        <v>127146</v>
      </c>
      <c r="E36641" s="1" t="s">
        <v>127147</v>
      </c>
      <c r="F36641" s="1" t="s">
        <v>22983</v>
      </c>
      <c r="G36641" s="1" t="s">
        <v>127124</v>
      </c>
      <c r="H36641" s="1" t="s">
        <v>127125</v>
      </c>
      <c r="I36641" s="1" t="s">
        <v>126615</v>
      </c>
      <c r="J36641" s="1" t="s">
        <v>127148</v>
      </c>
    </row>
    <row r="36642" spans="1:10" x14ac:dyDescent="0.35">
      <c r="A36642" s="1" t="s">
        <v>115793</v>
      </c>
      <c r="B36642" s="1" t="s">
        <v>126612</v>
      </c>
      <c r="C36642" s="1" t="s">
        <v>60</v>
      </c>
      <c r="D36642" s="1" t="s">
        <v>69824</v>
      </c>
      <c r="E36642" s="1" t="s">
        <v>23087</v>
      </c>
      <c r="F36642" s="1" t="s">
        <v>127149</v>
      </c>
      <c r="G36642" s="1" t="s">
        <v>127124</v>
      </c>
      <c r="H36642" s="1" t="s">
        <v>127125</v>
      </c>
      <c r="I36642" s="1" t="s">
        <v>126615</v>
      </c>
      <c r="J36642" s="1" t="s">
        <v>127150</v>
      </c>
    </row>
    <row r="36643" spans="1:10" x14ac:dyDescent="0.35">
      <c r="A36643" s="1" t="s">
        <v>115793</v>
      </c>
      <c r="B36643" s="1" t="s">
        <v>126612</v>
      </c>
      <c r="C36643" s="1" t="s">
        <v>65</v>
      </c>
      <c r="D36643" s="1" t="s">
        <v>127151</v>
      </c>
      <c r="E36643" s="1" t="s">
        <v>21588</v>
      </c>
      <c r="F36643" s="1" t="s">
        <v>127152</v>
      </c>
      <c r="G36643" s="1" t="s">
        <v>127124</v>
      </c>
      <c r="H36643" s="1" t="s">
        <v>127125</v>
      </c>
      <c r="I36643" s="1" t="s">
        <v>126615</v>
      </c>
      <c r="J36643" s="1" t="s">
        <v>127153</v>
      </c>
    </row>
    <row r="36644" spans="1:10" x14ac:dyDescent="0.35">
      <c r="A36644" s="1" t="s">
        <v>115793</v>
      </c>
      <c r="B36644" s="1" t="s">
        <v>126612</v>
      </c>
      <c r="C36644" s="1" t="s">
        <v>70</v>
      </c>
      <c r="D36644" s="1" t="s">
        <v>127154</v>
      </c>
      <c r="E36644" s="1" t="s">
        <v>63431</v>
      </c>
      <c r="F36644" s="1" t="s">
        <v>127155</v>
      </c>
      <c r="G36644" s="1" t="s">
        <v>127124</v>
      </c>
      <c r="H36644" s="1" t="s">
        <v>127125</v>
      </c>
      <c r="I36644" s="1" t="s">
        <v>126615</v>
      </c>
      <c r="J36644" s="1" t="s">
        <v>127156</v>
      </c>
    </row>
    <row r="36645" spans="1:10" x14ac:dyDescent="0.35">
      <c r="A36645" s="1" t="s">
        <v>115793</v>
      </c>
      <c r="B36645" s="1" t="s">
        <v>126612</v>
      </c>
      <c r="C36645" s="1" t="s">
        <v>75</v>
      </c>
      <c r="D36645" s="1" t="s">
        <v>127157</v>
      </c>
      <c r="E36645" s="1" t="s">
        <v>22958</v>
      </c>
      <c r="F36645" s="1" t="s">
        <v>64271</v>
      </c>
      <c r="G36645" s="1" t="s">
        <v>127124</v>
      </c>
      <c r="H36645" s="1" t="s">
        <v>127125</v>
      </c>
      <c r="I36645" s="1" t="s">
        <v>126615</v>
      </c>
      <c r="J36645" s="1" t="s">
        <v>127158</v>
      </c>
    </row>
    <row r="36646" spans="1:10" x14ac:dyDescent="0.35">
      <c r="A36646" s="1" t="s">
        <v>115793</v>
      </c>
      <c r="B36646" s="1" t="s">
        <v>126612</v>
      </c>
      <c r="C36646" s="1" t="s">
        <v>80</v>
      </c>
      <c r="D36646" s="1" t="s">
        <v>127159</v>
      </c>
      <c r="E36646" s="1" t="s">
        <v>82940</v>
      </c>
      <c r="F36646" s="1" t="s">
        <v>127160</v>
      </c>
      <c r="G36646" s="1" t="s">
        <v>127124</v>
      </c>
      <c r="H36646" s="1" t="s">
        <v>127125</v>
      </c>
      <c r="I36646" s="1" t="s">
        <v>126615</v>
      </c>
      <c r="J36646" s="1" t="s">
        <v>127161</v>
      </c>
    </row>
    <row r="36647" spans="1:10" x14ac:dyDescent="0.35">
      <c r="A36647" s="1" t="s">
        <v>115793</v>
      </c>
      <c r="B36647" s="1" t="s">
        <v>126612</v>
      </c>
      <c r="C36647" s="1" t="s">
        <v>85</v>
      </c>
      <c r="D36647" s="1" t="s">
        <v>127162</v>
      </c>
      <c r="E36647" s="1" t="s">
        <v>24795</v>
      </c>
      <c r="F36647" s="1" t="s">
        <v>127163</v>
      </c>
      <c r="G36647" s="1" t="s">
        <v>127124</v>
      </c>
      <c r="H36647" s="1" t="s">
        <v>127125</v>
      </c>
      <c r="I36647" s="1" t="s">
        <v>126615</v>
      </c>
      <c r="J36647" s="1" t="s">
        <v>127164</v>
      </c>
    </row>
    <row r="36648" spans="1:10" x14ac:dyDescent="0.35">
      <c r="A36648" s="1" t="s">
        <v>115793</v>
      </c>
      <c r="B36648" s="1" t="s">
        <v>126612</v>
      </c>
      <c r="C36648" s="1" t="s">
        <v>90</v>
      </c>
      <c r="D36648" s="1" t="s">
        <v>127165</v>
      </c>
      <c r="E36648" s="1" t="s">
        <v>41502</v>
      </c>
      <c r="F36648" s="1" t="s">
        <v>58786</v>
      </c>
      <c r="G36648" s="1" t="s">
        <v>127124</v>
      </c>
      <c r="H36648" s="1" t="s">
        <v>127125</v>
      </c>
      <c r="I36648" s="1" t="s">
        <v>126615</v>
      </c>
      <c r="J36648" s="1" t="s">
        <v>127166</v>
      </c>
    </row>
    <row r="36649" spans="1:10" x14ac:dyDescent="0.35">
      <c r="A36649" s="1" t="s">
        <v>115793</v>
      </c>
      <c r="B36649" s="1" t="s">
        <v>126612</v>
      </c>
      <c r="C36649" s="1" t="s">
        <v>95</v>
      </c>
      <c r="D36649" s="1" t="s">
        <v>62728</v>
      </c>
      <c r="E36649" s="1" t="s">
        <v>55007</v>
      </c>
      <c r="F36649" s="1" t="s">
        <v>55397</v>
      </c>
      <c r="G36649" s="1" t="s">
        <v>127124</v>
      </c>
      <c r="H36649" s="1" t="s">
        <v>127125</v>
      </c>
      <c r="I36649" s="1" t="s">
        <v>126615</v>
      </c>
      <c r="J36649" s="1" t="s">
        <v>127167</v>
      </c>
    </row>
    <row r="36650" spans="1:10" x14ac:dyDescent="0.35">
      <c r="A36650" s="1" t="s">
        <v>115793</v>
      </c>
      <c r="B36650" s="1" t="s">
        <v>126612</v>
      </c>
      <c r="C36650" s="1" t="s">
        <v>100</v>
      </c>
      <c r="D36650" s="1" t="s">
        <v>127168</v>
      </c>
      <c r="E36650" s="1" t="s">
        <v>127169</v>
      </c>
      <c r="F36650" s="1" t="s">
        <v>127170</v>
      </c>
      <c r="G36650" s="1" t="s">
        <v>127124</v>
      </c>
      <c r="H36650" s="1" t="s">
        <v>127125</v>
      </c>
      <c r="I36650" s="1" t="s">
        <v>126615</v>
      </c>
      <c r="J36650" s="1" t="s">
        <v>127171</v>
      </c>
    </row>
    <row r="36651" spans="1:10" x14ac:dyDescent="0.35">
      <c r="A36651" s="1" t="s">
        <v>115793</v>
      </c>
      <c r="B36651" s="1" t="s">
        <v>126612</v>
      </c>
      <c r="C36651" s="1" t="s">
        <v>105</v>
      </c>
      <c r="D36651" s="1" t="s">
        <v>127172</v>
      </c>
      <c r="E36651" s="1" t="s">
        <v>54971</v>
      </c>
      <c r="F36651" s="1" t="s">
        <v>127173</v>
      </c>
      <c r="G36651" s="1" t="s">
        <v>127124</v>
      </c>
      <c r="H36651" s="1" t="s">
        <v>127125</v>
      </c>
      <c r="I36651" s="1" t="s">
        <v>126615</v>
      </c>
      <c r="J36651" s="1" t="s">
        <v>127174</v>
      </c>
    </row>
    <row r="36652" spans="1:10" x14ac:dyDescent="0.35">
      <c r="A36652" s="1" t="s">
        <v>115793</v>
      </c>
      <c r="B36652" s="1" t="s">
        <v>126612</v>
      </c>
      <c r="C36652" s="1" t="s">
        <v>110</v>
      </c>
      <c r="D36652" s="1" t="s">
        <v>127175</v>
      </c>
      <c r="E36652" s="1" t="s">
        <v>52429</v>
      </c>
      <c r="F36652" s="1" t="s">
        <v>54086</v>
      </c>
      <c r="G36652" s="1" t="s">
        <v>127124</v>
      </c>
      <c r="H36652" s="1" t="s">
        <v>127125</v>
      </c>
      <c r="I36652" s="1" t="s">
        <v>126615</v>
      </c>
      <c r="J36652" s="1" t="s">
        <v>127176</v>
      </c>
    </row>
    <row r="36653" spans="1:10" x14ac:dyDescent="0.35">
      <c r="A36653" s="1" t="s">
        <v>115793</v>
      </c>
      <c r="B36653" s="1" t="s">
        <v>126612</v>
      </c>
      <c r="C36653" s="1" t="s">
        <v>115</v>
      </c>
      <c r="D36653" s="1" t="s">
        <v>127177</v>
      </c>
      <c r="E36653" s="1" t="s">
        <v>22990</v>
      </c>
      <c r="F36653" s="1" t="s">
        <v>67463</v>
      </c>
      <c r="G36653" s="1" t="s">
        <v>127124</v>
      </c>
      <c r="H36653" s="1" t="s">
        <v>127125</v>
      </c>
      <c r="I36653" s="1" t="s">
        <v>126615</v>
      </c>
      <c r="J36653" s="1" t="s">
        <v>127178</v>
      </c>
    </row>
    <row r="36654" spans="1:10" x14ac:dyDescent="0.35">
      <c r="A36654" s="1" t="s">
        <v>115793</v>
      </c>
      <c r="B36654" s="1" t="s">
        <v>126612</v>
      </c>
      <c r="C36654" s="1" t="s">
        <v>120</v>
      </c>
      <c r="D36654" s="1" t="s">
        <v>127179</v>
      </c>
      <c r="E36654" s="1" t="s">
        <v>22954</v>
      </c>
      <c r="F36654" s="1" t="s">
        <v>127180</v>
      </c>
      <c r="G36654" s="1" t="s">
        <v>127124</v>
      </c>
      <c r="H36654" s="1" t="s">
        <v>127125</v>
      </c>
      <c r="I36654" s="1" t="s">
        <v>126615</v>
      </c>
      <c r="J36654" s="1" t="s">
        <v>127181</v>
      </c>
    </row>
    <row r="36655" spans="1:10" x14ac:dyDescent="0.35">
      <c r="A36655" s="1" t="s">
        <v>115793</v>
      </c>
      <c r="B36655" s="1" t="s">
        <v>126612</v>
      </c>
      <c r="C36655" s="1" t="s">
        <v>125</v>
      </c>
      <c r="D36655" s="1" t="s">
        <v>127182</v>
      </c>
      <c r="E36655" s="1" t="s">
        <v>69716</v>
      </c>
      <c r="F36655" s="1" t="s">
        <v>127183</v>
      </c>
      <c r="G36655" s="1" t="s">
        <v>127124</v>
      </c>
      <c r="H36655" s="1" t="s">
        <v>127125</v>
      </c>
      <c r="I36655" s="1" t="s">
        <v>126615</v>
      </c>
      <c r="J36655" s="1" t="s">
        <v>127184</v>
      </c>
    </row>
    <row r="36656" spans="1:10" x14ac:dyDescent="0.35">
      <c r="A36656" s="1" t="s">
        <v>115793</v>
      </c>
      <c r="B36656" s="1" t="s">
        <v>126612</v>
      </c>
      <c r="C36656" s="1" t="s">
        <v>130</v>
      </c>
      <c r="D36656" s="1" t="s">
        <v>127185</v>
      </c>
      <c r="E36656" s="1" t="s">
        <v>31405</v>
      </c>
      <c r="F36656" s="1" t="s">
        <v>127186</v>
      </c>
      <c r="G36656" s="1" t="s">
        <v>127124</v>
      </c>
      <c r="H36656" s="1" t="s">
        <v>127125</v>
      </c>
      <c r="I36656" s="1" t="s">
        <v>126615</v>
      </c>
      <c r="J36656" s="1" t="s">
        <v>127187</v>
      </c>
    </row>
    <row r="36657" spans="1:10" x14ac:dyDescent="0.35">
      <c r="A36657" s="1" t="s">
        <v>115793</v>
      </c>
      <c r="B36657" s="1" t="s">
        <v>126612</v>
      </c>
      <c r="C36657" s="1" t="s">
        <v>135</v>
      </c>
      <c r="D36657" s="1" t="s">
        <v>127188</v>
      </c>
      <c r="E36657" s="1" t="s">
        <v>41555</v>
      </c>
      <c r="F36657" s="1" t="s">
        <v>15354</v>
      </c>
      <c r="G36657" s="1" t="s">
        <v>127124</v>
      </c>
      <c r="H36657" s="1" t="s">
        <v>127125</v>
      </c>
      <c r="I36657" s="1" t="s">
        <v>126615</v>
      </c>
      <c r="J36657" s="1" t="s">
        <v>127189</v>
      </c>
    </row>
    <row r="36658" spans="1:10" x14ac:dyDescent="0.35">
      <c r="A36658" s="1" t="s">
        <v>115793</v>
      </c>
      <c r="B36658" s="1" t="s">
        <v>126612</v>
      </c>
      <c r="C36658" s="1" t="s">
        <v>140</v>
      </c>
      <c r="D36658" s="1" t="s">
        <v>127190</v>
      </c>
      <c r="E36658" s="1" t="s">
        <v>21113</v>
      </c>
      <c r="F36658" s="1" t="s">
        <v>127191</v>
      </c>
      <c r="G36658" s="1" t="s">
        <v>127124</v>
      </c>
      <c r="H36658" s="1" t="s">
        <v>127125</v>
      </c>
      <c r="I36658" s="1" t="s">
        <v>126615</v>
      </c>
      <c r="J36658" s="1" t="s">
        <v>127192</v>
      </c>
    </row>
    <row r="36659" spans="1:10" x14ac:dyDescent="0.35">
      <c r="A36659" s="1" t="s">
        <v>115793</v>
      </c>
      <c r="B36659" s="1" t="s">
        <v>126612</v>
      </c>
      <c r="C36659" s="1" t="s">
        <v>145</v>
      </c>
      <c r="D36659" s="1" t="s">
        <v>58634</v>
      </c>
      <c r="E36659" s="1" t="s">
        <v>41327</v>
      </c>
      <c r="F36659" s="1" t="s">
        <v>127193</v>
      </c>
      <c r="G36659" s="1" t="s">
        <v>127124</v>
      </c>
      <c r="H36659" s="1" t="s">
        <v>127125</v>
      </c>
      <c r="I36659" s="1" t="s">
        <v>126615</v>
      </c>
      <c r="J36659" s="1" t="s">
        <v>127194</v>
      </c>
    </row>
    <row r="36660" spans="1:10" x14ac:dyDescent="0.35">
      <c r="A36660" s="1" t="s">
        <v>115793</v>
      </c>
      <c r="B36660" s="1" t="s">
        <v>126612</v>
      </c>
      <c r="C36660" s="1" t="s">
        <v>150</v>
      </c>
      <c r="D36660" s="1" t="s">
        <v>127195</v>
      </c>
      <c r="E36660" s="1" t="s">
        <v>56994</v>
      </c>
      <c r="F36660" s="1" t="s">
        <v>127196</v>
      </c>
      <c r="G36660" s="1" t="s">
        <v>127124</v>
      </c>
      <c r="H36660" s="1" t="s">
        <v>127125</v>
      </c>
      <c r="I36660" s="1" t="s">
        <v>126615</v>
      </c>
      <c r="J36660" s="1" t="s">
        <v>127197</v>
      </c>
    </row>
    <row r="36661" spans="1:10" x14ac:dyDescent="0.35">
      <c r="A36661" s="1" t="s">
        <v>115793</v>
      </c>
      <c r="B36661" s="1" t="s">
        <v>126612</v>
      </c>
      <c r="C36661" s="1" t="s">
        <v>155</v>
      </c>
      <c r="D36661" s="1" t="s">
        <v>127198</v>
      </c>
      <c r="E36661" s="1" t="s">
        <v>97005</v>
      </c>
      <c r="F36661" s="1" t="s">
        <v>127199</v>
      </c>
      <c r="G36661" s="1" t="s">
        <v>127124</v>
      </c>
      <c r="H36661" s="1" t="s">
        <v>127125</v>
      </c>
      <c r="I36661" s="1" t="s">
        <v>126615</v>
      </c>
      <c r="J36661" s="1" t="s">
        <v>127200</v>
      </c>
    </row>
    <row r="36662" spans="1:10" x14ac:dyDescent="0.35">
      <c r="A36662" s="1" t="s">
        <v>115793</v>
      </c>
      <c r="B36662" s="1" t="s">
        <v>126612</v>
      </c>
      <c r="C36662" s="1" t="s">
        <v>160</v>
      </c>
      <c r="D36662" s="1" t="s">
        <v>127201</v>
      </c>
      <c r="E36662" s="1" t="s">
        <v>23890</v>
      </c>
      <c r="F36662" s="1" t="s">
        <v>127202</v>
      </c>
      <c r="G36662" s="1" t="s">
        <v>127124</v>
      </c>
      <c r="H36662" s="1" t="s">
        <v>127125</v>
      </c>
      <c r="I36662" s="1" t="s">
        <v>126615</v>
      </c>
      <c r="J36662" s="1" t="s">
        <v>127203</v>
      </c>
    </row>
    <row r="36663" spans="1:10" x14ac:dyDescent="0.35">
      <c r="A36663" s="1" t="s">
        <v>115793</v>
      </c>
      <c r="B36663" s="1" t="s">
        <v>126612</v>
      </c>
      <c r="C36663" s="1" t="s">
        <v>165</v>
      </c>
      <c r="D36663" s="1" t="s">
        <v>127204</v>
      </c>
      <c r="E36663" s="1" t="s">
        <v>23796</v>
      </c>
      <c r="F36663" s="1" t="s">
        <v>65368</v>
      </c>
      <c r="G36663" s="1" t="s">
        <v>127124</v>
      </c>
      <c r="H36663" s="1" t="s">
        <v>127125</v>
      </c>
      <c r="I36663" s="1" t="s">
        <v>126615</v>
      </c>
      <c r="J36663" s="1" t="s">
        <v>127205</v>
      </c>
    </row>
    <row r="36664" spans="1:10" x14ac:dyDescent="0.35">
      <c r="A36664" s="1" t="s">
        <v>115793</v>
      </c>
      <c r="B36664" s="1" t="s">
        <v>126612</v>
      </c>
      <c r="C36664" s="1" t="s">
        <v>170</v>
      </c>
      <c r="D36664" s="1" t="s">
        <v>127206</v>
      </c>
      <c r="E36664" s="1" t="s">
        <v>56304</v>
      </c>
      <c r="F36664" s="1" t="s">
        <v>127207</v>
      </c>
      <c r="G36664" s="1" t="s">
        <v>127124</v>
      </c>
      <c r="H36664" s="1" t="s">
        <v>127125</v>
      </c>
      <c r="I36664" s="1" t="s">
        <v>126615</v>
      </c>
      <c r="J36664" s="1" t="s">
        <v>127208</v>
      </c>
    </row>
    <row r="36665" spans="1:10" x14ac:dyDescent="0.35">
      <c r="A36665" s="1" t="s">
        <v>6190</v>
      </c>
      <c r="B36665" s="1" t="s">
        <v>126612</v>
      </c>
      <c r="C36665" s="1" t="s">
        <v>8</v>
      </c>
      <c r="D36665" s="1" t="s">
        <v>127209</v>
      </c>
      <c r="E36665" s="1" t="s">
        <v>70935</v>
      </c>
      <c r="F36665" s="1" t="s">
        <v>67808</v>
      </c>
      <c r="G36665" s="1" t="s">
        <v>127210</v>
      </c>
      <c r="H36665" s="1" t="s">
        <v>127211</v>
      </c>
      <c r="I36665" s="1" t="s">
        <v>126615</v>
      </c>
      <c r="J36665" s="1" t="s">
        <v>13</v>
      </c>
    </row>
    <row r="36666" spans="1:10" x14ac:dyDescent="0.35">
      <c r="A36666" s="1" t="s">
        <v>6190</v>
      </c>
      <c r="B36666" s="1" t="s">
        <v>126612</v>
      </c>
      <c r="C36666" s="1" t="s">
        <v>15</v>
      </c>
      <c r="D36666" s="1" t="s">
        <v>127212</v>
      </c>
      <c r="E36666" s="1" t="s">
        <v>107008</v>
      </c>
      <c r="F36666" s="1" t="s">
        <v>69205</v>
      </c>
      <c r="G36666" s="1" t="s">
        <v>127210</v>
      </c>
      <c r="H36666" s="1" t="s">
        <v>127211</v>
      </c>
      <c r="I36666" s="1" t="s">
        <v>126615</v>
      </c>
      <c r="J36666" s="1" t="s">
        <v>127213</v>
      </c>
    </row>
    <row r="36667" spans="1:10" x14ac:dyDescent="0.35">
      <c r="A36667" s="1" t="s">
        <v>6190</v>
      </c>
      <c r="B36667" s="1" t="s">
        <v>126612</v>
      </c>
      <c r="C36667" s="1" t="s">
        <v>20</v>
      </c>
      <c r="D36667" s="1" t="s">
        <v>127214</v>
      </c>
      <c r="E36667" s="1" t="s">
        <v>15959</v>
      </c>
      <c r="F36667" s="1" t="s">
        <v>66834</v>
      </c>
      <c r="G36667" s="1" t="s">
        <v>127210</v>
      </c>
      <c r="H36667" s="1" t="s">
        <v>127211</v>
      </c>
      <c r="I36667" s="1" t="s">
        <v>126615</v>
      </c>
      <c r="J36667" s="1" t="s">
        <v>127215</v>
      </c>
    </row>
    <row r="36668" spans="1:10" x14ac:dyDescent="0.35">
      <c r="A36668" s="1" t="s">
        <v>6190</v>
      </c>
      <c r="B36668" s="1" t="s">
        <v>126612</v>
      </c>
      <c r="C36668" s="1" t="s">
        <v>25</v>
      </c>
      <c r="D36668" s="1" t="s">
        <v>100232</v>
      </c>
      <c r="E36668" s="1" t="s">
        <v>127216</v>
      </c>
      <c r="F36668" s="1" t="s">
        <v>127217</v>
      </c>
      <c r="G36668" s="1" t="s">
        <v>127210</v>
      </c>
      <c r="H36668" s="1" t="s">
        <v>127211</v>
      </c>
      <c r="I36668" s="1" t="s">
        <v>126615</v>
      </c>
      <c r="J36668" s="1" t="s">
        <v>127218</v>
      </c>
    </row>
    <row r="36669" spans="1:10" x14ac:dyDescent="0.35">
      <c r="A36669" s="1" t="s">
        <v>6190</v>
      </c>
      <c r="B36669" s="1" t="s">
        <v>126612</v>
      </c>
      <c r="C36669" s="1" t="s">
        <v>30</v>
      </c>
      <c r="D36669" s="1" t="s">
        <v>86797</v>
      </c>
      <c r="E36669" s="1" t="s">
        <v>127219</v>
      </c>
      <c r="F36669" s="1" t="s">
        <v>58972</v>
      </c>
      <c r="G36669" s="1" t="s">
        <v>127210</v>
      </c>
      <c r="H36669" s="1" t="s">
        <v>127211</v>
      </c>
      <c r="I36669" s="1" t="s">
        <v>126615</v>
      </c>
      <c r="J36669" s="1" t="s">
        <v>127220</v>
      </c>
    </row>
    <row r="36670" spans="1:10" x14ac:dyDescent="0.35">
      <c r="A36670" s="1" t="s">
        <v>6190</v>
      </c>
      <c r="B36670" s="1" t="s">
        <v>126612</v>
      </c>
      <c r="C36670" s="1" t="s">
        <v>35</v>
      </c>
      <c r="D36670" s="1" t="s">
        <v>105300</v>
      </c>
      <c r="E36670" s="1" t="s">
        <v>127221</v>
      </c>
      <c r="F36670" s="1" t="s">
        <v>15908</v>
      </c>
      <c r="G36670" s="1" t="s">
        <v>127210</v>
      </c>
      <c r="H36670" s="1" t="s">
        <v>127211</v>
      </c>
      <c r="I36670" s="1" t="s">
        <v>126615</v>
      </c>
      <c r="J36670" s="1" t="s">
        <v>127222</v>
      </c>
    </row>
    <row r="36671" spans="1:10" x14ac:dyDescent="0.35">
      <c r="A36671" s="1" t="s">
        <v>6190</v>
      </c>
      <c r="B36671" s="1" t="s">
        <v>126612</v>
      </c>
      <c r="C36671" s="1" t="s">
        <v>40</v>
      </c>
      <c r="D36671" s="1" t="s">
        <v>64693</v>
      </c>
      <c r="E36671" s="1" t="s">
        <v>127223</v>
      </c>
      <c r="F36671" s="1" t="s">
        <v>127224</v>
      </c>
      <c r="G36671" s="1" t="s">
        <v>127210</v>
      </c>
      <c r="H36671" s="1" t="s">
        <v>127211</v>
      </c>
      <c r="I36671" s="1" t="s">
        <v>126615</v>
      </c>
      <c r="J36671" s="1" t="s">
        <v>127225</v>
      </c>
    </row>
    <row r="36672" spans="1:10" x14ac:dyDescent="0.35">
      <c r="A36672" s="1" t="s">
        <v>6190</v>
      </c>
      <c r="B36672" s="1" t="s">
        <v>126612</v>
      </c>
      <c r="C36672" s="1" t="s">
        <v>45</v>
      </c>
      <c r="D36672" s="1" t="s">
        <v>127226</v>
      </c>
      <c r="E36672" s="1" t="s">
        <v>77694</v>
      </c>
      <c r="F36672" s="1" t="s">
        <v>127227</v>
      </c>
      <c r="G36672" s="1" t="s">
        <v>127210</v>
      </c>
      <c r="H36672" s="1" t="s">
        <v>127211</v>
      </c>
      <c r="I36672" s="1" t="s">
        <v>126615</v>
      </c>
      <c r="J36672" s="1" t="s">
        <v>127228</v>
      </c>
    </row>
    <row r="36673" spans="1:10" x14ac:dyDescent="0.35">
      <c r="A36673" s="1" t="s">
        <v>6190</v>
      </c>
      <c r="B36673" s="1" t="s">
        <v>126612</v>
      </c>
      <c r="C36673" s="1" t="s">
        <v>50</v>
      </c>
      <c r="D36673" s="1" t="s">
        <v>127229</v>
      </c>
      <c r="E36673" s="1" t="s">
        <v>15959</v>
      </c>
      <c r="F36673" s="1" t="s">
        <v>60985</v>
      </c>
      <c r="G36673" s="1" t="s">
        <v>127210</v>
      </c>
      <c r="H36673" s="1" t="s">
        <v>127211</v>
      </c>
      <c r="I36673" s="1" t="s">
        <v>126615</v>
      </c>
      <c r="J36673" s="1" t="s">
        <v>127230</v>
      </c>
    </row>
    <row r="36674" spans="1:10" x14ac:dyDescent="0.35">
      <c r="A36674" s="1" t="s">
        <v>6190</v>
      </c>
      <c r="B36674" s="1" t="s">
        <v>126612</v>
      </c>
      <c r="C36674" s="1" t="s">
        <v>55</v>
      </c>
      <c r="D36674" s="1" t="s">
        <v>86556</v>
      </c>
      <c r="E36674" s="1" t="s">
        <v>90268</v>
      </c>
      <c r="F36674" s="1" t="s">
        <v>127231</v>
      </c>
      <c r="G36674" s="1" t="s">
        <v>127210</v>
      </c>
      <c r="H36674" s="1" t="s">
        <v>127211</v>
      </c>
      <c r="I36674" s="1" t="s">
        <v>126615</v>
      </c>
      <c r="J36674" s="1" t="s">
        <v>127232</v>
      </c>
    </row>
    <row r="36675" spans="1:10" x14ac:dyDescent="0.35">
      <c r="A36675" s="1" t="s">
        <v>6190</v>
      </c>
      <c r="B36675" s="1" t="s">
        <v>126612</v>
      </c>
      <c r="C36675" s="1" t="s">
        <v>60</v>
      </c>
      <c r="D36675" s="1" t="s">
        <v>66612</v>
      </c>
      <c r="E36675" s="1" t="s">
        <v>16201</v>
      </c>
      <c r="F36675" s="1" t="s">
        <v>55222</v>
      </c>
      <c r="G36675" s="1" t="s">
        <v>127210</v>
      </c>
      <c r="H36675" s="1" t="s">
        <v>127211</v>
      </c>
      <c r="I36675" s="1" t="s">
        <v>126615</v>
      </c>
      <c r="J36675" s="1" t="s">
        <v>127233</v>
      </c>
    </row>
    <row r="36676" spans="1:10" x14ac:dyDescent="0.35">
      <c r="A36676" s="1" t="s">
        <v>6190</v>
      </c>
      <c r="B36676" s="1" t="s">
        <v>126612</v>
      </c>
      <c r="C36676" s="1" t="s">
        <v>65</v>
      </c>
      <c r="D36676" s="1" t="s">
        <v>127234</v>
      </c>
      <c r="E36676" s="1" t="s">
        <v>94692</v>
      </c>
      <c r="F36676" s="1" t="s">
        <v>127235</v>
      </c>
      <c r="G36676" s="1" t="s">
        <v>127210</v>
      </c>
      <c r="H36676" s="1" t="s">
        <v>127211</v>
      </c>
      <c r="I36676" s="1" t="s">
        <v>126615</v>
      </c>
      <c r="J36676" s="1" t="s">
        <v>127236</v>
      </c>
    </row>
    <row r="36677" spans="1:10" x14ac:dyDescent="0.35">
      <c r="A36677" s="1" t="s">
        <v>6190</v>
      </c>
      <c r="B36677" s="1" t="s">
        <v>126612</v>
      </c>
      <c r="C36677" s="1" t="s">
        <v>70</v>
      </c>
      <c r="D36677" s="1" t="s">
        <v>102705</v>
      </c>
      <c r="E36677" s="1" t="s">
        <v>127237</v>
      </c>
      <c r="F36677" s="1" t="s">
        <v>127238</v>
      </c>
      <c r="G36677" s="1" t="s">
        <v>127210</v>
      </c>
      <c r="H36677" s="1" t="s">
        <v>127211</v>
      </c>
      <c r="I36677" s="1" t="s">
        <v>126615</v>
      </c>
      <c r="J36677" s="1" t="s">
        <v>127239</v>
      </c>
    </row>
    <row r="36678" spans="1:10" x14ac:dyDescent="0.35">
      <c r="A36678" s="1" t="s">
        <v>6190</v>
      </c>
      <c r="B36678" s="1" t="s">
        <v>126612</v>
      </c>
      <c r="C36678" s="1" t="s">
        <v>75</v>
      </c>
      <c r="D36678" s="1" t="s">
        <v>56490</v>
      </c>
      <c r="E36678" s="1" t="s">
        <v>16220</v>
      </c>
      <c r="F36678" s="1" t="s">
        <v>127240</v>
      </c>
      <c r="G36678" s="1" t="s">
        <v>127210</v>
      </c>
      <c r="H36678" s="1" t="s">
        <v>127211</v>
      </c>
      <c r="I36678" s="1" t="s">
        <v>126615</v>
      </c>
      <c r="J36678" s="1" t="s">
        <v>127241</v>
      </c>
    </row>
    <row r="36679" spans="1:10" x14ac:dyDescent="0.35">
      <c r="A36679" s="1" t="s">
        <v>6190</v>
      </c>
      <c r="B36679" s="1" t="s">
        <v>126612</v>
      </c>
      <c r="C36679" s="1" t="s">
        <v>80</v>
      </c>
      <c r="D36679" s="1" t="s">
        <v>127242</v>
      </c>
      <c r="E36679" s="1" t="s">
        <v>105932</v>
      </c>
      <c r="F36679" s="1" t="s">
        <v>54698</v>
      </c>
      <c r="G36679" s="1" t="s">
        <v>127210</v>
      </c>
      <c r="H36679" s="1" t="s">
        <v>127211</v>
      </c>
      <c r="I36679" s="1" t="s">
        <v>126615</v>
      </c>
      <c r="J36679" s="1" t="s">
        <v>127243</v>
      </c>
    </row>
    <row r="36680" spans="1:10" x14ac:dyDescent="0.35">
      <c r="A36680" s="1" t="s">
        <v>6190</v>
      </c>
      <c r="B36680" s="1" t="s">
        <v>126612</v>
      </c>
      <c r="C36680" s="1" t="s">
        <v>85</v>
      </c>
      <c r="D36680" s="1" t="s">
        <v>98338</v>
      </c>
      <c r="E36680" s="1" t="s">
        <v>89357</v>
      </c>
      <c r="F36680" s="1" t="s">
        <v>23222</v>
      </c>
      <c r="G36680" s="1" t="s">
        <v>127210</v>
      </c>
      <c r="H36680" s="1" t="s">
        <v>127211</v>
      </c>
      <c r="I36680" s="1" t="s">
        <v>126615</v>
      </c>
      <c r="J36680" s="1" t="s">
        <v>127244</v>
      </c>
    </row>
    <row r="36681" spans="1:10" x14ac:dyDescent="0.35">
      <c r="A36681" s="1" t="s">
        <v>6190</v>
      </c>
      <c r="B36681" s="1" t="s">
        <v>126612</v>
      </c>
      <c r="C36681" s="1" t="s">
        <v>90</v>
      </c>
      <c r="D36681" s="1" t="s">
        <v>39476</v>
      </c>
      <c r="E36681" s="1" t="s">
        <v>127245</v>
      </c>
      <c r="F36681" s="1" t="s">
        <v>89354</v>
      </c>
      <c r="G36681" s="1" t="s">
        <v>127210</v>
      </c>
      <c r="H36681" s="1" t="s">
        <v>127211</v>
      </c>
      <c r="I36681" s="1" t="s">
        <v>126615</v>
      </c>
      <c r="J36681" s="1" t="s">
        <v>127246</v>
      </c>
    </row>
    <row r="36682" spans="1:10" x14ac:dyDescent="0.35">
      <c r="A36682" s="1" t="s">
        <v>6190</v>
      </c>
      <c r="B36682" s="1" t="s">
        <v>126612</v>
      </c>
      <c r="C36682" s="1" t="s">
        <v>95</v>
      </c>
      <c r="D36682" s="1" t="s">
        <v>102773</v>
      </c>
      <c r="E36682" s="1" t="s">
        <v>127247</v>
      </c>
      <c r="F36682" s="1" t="s">
        <v>127248</v>
      </c>
      <c r="G36682" s="1" t="s">
        <v>127210</v>
      </c>
      <c r="H36682" s="1" t="s">
        <v>127211</v>
      </c>
      <c r="I36682" s="1" t="s">
        <v>126615</v>
      </c>
      <c r="J36682" s="1" t="s">
        <v>127249</v>
      </c>
    </row>
    <row r="36683" spans="1:10" x14ac:dyDescent="0.35">
      <c r="A36683" s="1" t="s">
        <v>6190</v>
      </c>
      <c r="B36683" s="1" t="s">
        <v>126612</v>
      </c>
      <c r="C36683" s="1" t="s">
        <v>100</v>
      </c>
      <c r="D36683" s="1" t="s">
        <v>68159</v>
      </c>
      <c r="E36683" s="1" t="s">
        <v>127250</v>
      </c>
      <c r="F36683" s="1" t="s">
        <v>106976</v>
      </c>
      <c r="G36683" s="1" t="s">
        <v>127210</v>
      </c>
      <c r="H36683" s="1" t="s">
        <v>127211</v>
      </c>
      <c r="I36683" s="1" t="s">
        <v>126615</v>
      </c>
      <c r="J36683" s="1" t="s">
        <v>4841</v>
      </c>
    </row>
    <row r="36684" spans="1:10" x14ac:dyDescent="0.35">
      <c r="A36684" s="1" t="s">
        <v>6190</v>
      </c>
      <c r="B36684" s="1" t="s">
        <v>126612</v>
      </c>
      <c r="C36684" s="1" t="s">
        <v>105</v>
      </c>
      <c r="D36684" s="1" t="s">
        <v>127251</v>
      </c>
      <c r="E36684" s="1" t="s">
        <v>109232</v>
      </c>
      <c r="F36684" s="1" t="s">
        <v>127252</v>
      </c>
      <c r="G36684" s="1" t="s">
        <v>127210</v>
      </c>
      <c r="H36684" s="1" t="s">
        <v>127211</v>
      </c>
      <c r="I36684" s="1" t="s">
        <v>126615</v>
      </c>
      <c r="J36684" s="1" t="s">
        <v>127253</v>
      </c>
    </row>
    <row r="36685" spans="1:10" x14ac:dyDescent="0.35">
      <c r="A36685" s="1" t="s">
        <v>6190</v>
      </c>
      <c r="B36685" s="1" t="s">
        <v>126612</v>
      </c>
      <c r="C36685" s="1" t="s">
        <v>110</v>
      </c>
      <c r="D36685" s="1" t="s">
        <v>63287</v>
      </c>
      <c r="E36685" s="1" t="s">
        <v>127254</v>
      </c>
      <c r="F36685" s="1" t="s">
        <v>127255</v>
      </c>
      <c r="G36685" s="1" t="s">
        <v>127210</v>
      </c>
      <c r="H36685" s="1" t="s">
        <v>127211</v>
      </c>
      <c r="I36685" s="1" t="s">
        <v>126615</v>
      </c>
      <c r="J36685" s="1" t="s">
        <v>127256</v>
      </c>
    </row>
    <row r="36686" spans="1:10" x14ac:dyDescent="0.35">
      <c r="A36686" s="1" t="s">
        <v>6190</v>
      </c>
      <c r="B36686" s="1" t="s">
        <v>126612</v>
      </c>
      <c r="C36686" s="1" t="s">
        <v>115</v>
      </c>
      <c r="D36686" s="1" t="s">
        <v>127257</v>
      </c>
      <c r="E36686" s="1" t="s">
        <v>16028</v>
      </c>
      <c r="F36686" s="1" t="s">
        <v>89301</v>
      </c>
      <c r="G36686" s="1" t="s">
        <v>127210</v>
      </c>
      <c r="H36686" s="1" t="s">
        <v>127211</v>
      </c>
      <c r="I36686" s="1" t="s">
        <v>126615</v>
      </c>
      <c r="J36686" s="1" t="s">
        <v>127258</v>
      </c>
    </row>
    <row r="36687" spans="1:10" x14ac:dyDescent="0.35">
      <c r="A36687" s="1" t="s">
        <v>6190</v>
      </c>
      <c r="B36687" s="1" t="s">
        <v>126612</v>
      </c>
      <c r="C36687" s="1" t="s">
        <v>120</v>
      </c>
      <c r="D36687" s="1" t="s">
        <v>127259</v>
      </c>
      <c r="E36687" s="1" t="s">
        <v>94767</v>
      </c>
      <c r="F36687" s="1" t="s">
        <v>127260</v>
      </c>
      <c r="G36687" s="1" t="s">
        <v>127210</v>
      </c>
      <c r="H36687" s="1" t="s">
        <v>127211</v>
      </c>
      <c r="I36687" s="1" t="s">
        <v>126615</v>
      </c>
      <c r="J36687" s="1" t="s">
        <v>127261</v>
      </c>
    </row>
    <row r="36688" spans="1:10" x14ac:dyDescent="0.35">
      <c r="A36688" s="1" t="s">
        <v>6190</v>
      </c>
      <c r="B36688" s="1" t="s">
        <v>126612</v>
      </c>
      <c r="C36688" s="1" t="s">
        <v>125</v>
      </c>
      <c r="D36688" s="1" t="s">
        <v>127262</v>
      </c>
      <c r="E36688" s="1" t="s">
        <v>127237</v>
      </c>
      <c r="F36688" s="1" t="s">
        <v>127263</v>
      </c>
      <c r="G36688" s="1" t="s">
        <v>127210</v>
      </c>
      <c r="H36688" s="1" t="s">
        <v>127211</v>
      </c>
      <c r="I36688" s="1" t="s">
        <v>126615</v>
      </c>
      <c r="J36688" s="1" t="s">
        <v>127264</v>
      </c>
    </row>
    <row r="36689" spans="1:10" x14ac:dyDescent="0.35">
      <c r="A36689" s="1" t="s">
        <v>6190</v>
      </c>
      <c r="B36689" s="1" t="s">
        <v>126612</v>
      </c>
      <c r="C36689" s="1" t="s">
        <v>130</v>
      </c>
      <c r="D36689" s="1" t="s">
        <v>114984</v>
      </c>
      <c r="E36689" s="1" t="s">
        <v>108678</v>
      </c>
      <c r="F36689" s="1" t="s">
        <v>99905</v>
      </c>
      <c r="G36689" s="1" t="s">
        <v>127210</v>
      </c>
      <c r="H36689" s="1" t="s">
        <v>127211</v>
      </c>
      <c r="I36689" s="1" t="s">
        <v>126615</v>
      </c>
      <c r="J36689" s="1" t="s">
        <v>127265</v>
      </c>
    </row>
    <row r="36690" spans="1:10" x14ac:dyDescent="0.35">
      <c r="A36690" s="1" t="s">
        <v>6190</v>
      </c>
      <c r="B36690" s="1" t="s">
        <v>126612</v>
      </c>
      <c r="C36690" s="1" t="s">
        <v>135</v>
      </c>
      <c r="D36690" s="1" t="s">
        <v>127266</v>
      </c>
      <c r="E36690" s="1" t="s">
        <v>127267</v>
      </c>
      <c r="F36690" s="1" t="s">
        <v>127268</v>
      </c>
      <c r="G36690" s="1" t="s">
        <v>127210</v>
      </c>
      <c r="H36690" s="1" t="s">
        <v>127211</v>
      </c>
      <c r="I36690" s="1" t="s">
        <v>126615</v>
      </c>
      <c r="J36690" s="1" t="s">
        <v>127269</v>
      </c>
    </row>
    <row r="36691" spans="1:10" x14ac:dyDescent="0.35">
      <c r="A36691" s="1" t="s">
        <v>6190</v>
      </c>
      <c r="B36691" s="1" t="s">
        <v>126612</v>
      </c>
      <c r="C36691" s="1" t="s">
        <v>140</v>
      </c>
      <c r="D36691" s="1" t="s">
        <v>6836</v>
      </c>
      <c r="E36691" s="1" t="s">
        <v>127270</v>
      </c>
      <c r="F36691" s="1" t="s">
        <v>127271</v>
      </c>
      <c r="G36691" s="1" t="s">
        <v>127210</v>
      </c>
      <c r="H36691" s="1" t="s">
        <v>127211</v>
      </c>
      <c r="I36691" s="1" t="s">
        <v>126615</v>
      </c>
      <c r="J36691" s="1" t="s">
        <v>127272</v>
      </c>
    </row>
    <row r="36692" spans="1:10" x14ac:dyDescent="0.35">
      <c r="A36692" s="1" t="s">
        <v>6190</v>
      </c>
      <c r="B36692" s="1" t="s">
        <v>126612</v>
      </c>
      <c r="C36692" s="1" t="s">
        <v>145</v>
      </c>
      <c r="D36692" s="1" t="s">
        <v>98284</v>
      </c>
      <c r="E36692" s="1" t="s">
        <v>127273</v>
      </c>
      <c r="F36692" s="1" t="s">
        <v>127274</v>
      </c>
      <c r="G36692" s="1" t="s">
        <v>127210</v>
      </c>
      <c r="H36692" s="1" t="s">
        <v>127211</v>
      </c>
      <c r="I36692" s="1" t="s">
        <v>126615</v>
      </c>
      <c r="J36692" s="1" t="s">
        <v>127275</v>
      </c>
    </row>
    <row r="36693" spans="1:10" x14ac:dyDescent="0.35">
      <c r="A36693" s="1" t="s">
        <v>6190</v>
      </c>
      <c r="B36693" s="1" t="s">
        <v>126612</v>
      </c>
      <c r="C36693" s="1" t="s">
        <v>150</v>
      </c>
      <c r="D36693" s="1" t="s">
        <v>80388</v>
      </c>
      <c r="E36693" s="1" t="s">
        <v>127276</v>
      </c>
      <c r="F36693" s="1" t="s">
        <v>64917</v>
      </c>
      <c r="G36693" s="1" t="s">
        <v>127210</v>
      </c>
      <c r="H36693" s="1" t="s">
        <v>127211</v>
      </c>
      <c r="I36693" s="1" t="s">
        <v>126615</v>
      </c>
      <c r="J36693" s="1" t="s">
        <v>127277</v>
      </c>
    </row>
    <row r="36694" spans="1:10" x14ac:dyDescent="0.35">
      <c r="A36694" s="1" t="s">
        <v>6190</v>
      </c>
      <c r="B36694" s="1" t="s">
        <v>126612</v>
      </c>
      <c r="C36694" s="1" t="s">
        <v>155</v>
      </c>
      <c r="D36694" s="1" t="s">
        <v>127278</v>
      </c>
      <c r="E36694" s="1" t="s">
        <v>16242</v>
      </c>
      <c r="F36694" s="1" t="s">
        <v>58983</v>
      </c>
      <c r="G36694" s="1" t="s">
        <v>127210</v>
      </c>
      <c r="H36694" s="1" t="s">
        <v>127211</v>
      </c>
      <c r="I36694" s="1" t="s">
        <v>126615</v>
      </c>
      <c r="J36694" s="1" t="s">
        <v>127279</v>
      </c>
    </row>
    <row r="36695" spans="1:10" x14ac:dyDescent="0.35">
      <c r="A36695" s="1" t="s">
        <v>6190</v>
      </c>
      <c r="B36695" s="1" t="s">
        <v>126612</v>
      </c>
      <c r="C36695" s="1" t="s">
        <v>160</v>
      </c>
      <c r="D36695" s="1" t="s">
        <v>127280</v>
      </c>
      <c r="E36695" s="1" t="s">
        <v>127281</v>
      </c>
      <c r="F36695" s="1" t="s">
        <v>127282</v>
      </c>
      <c r="G36695" s="1" t="s">
        <v>127210</v>
      </c>
      <c r="H36695" s="1" t="s">
        <v>127211</v>
      </c>
      <c r="I36695" s="1" t="s">
        <v>126615</v>
      </c>
      <c r="J36695" s="1" t="s">
        <v>127283</v>
      </c>
    </row>
    <row r="36696" spans="1:10" x14ac:dyDescent="0.35">
      <c r="A36696" s="1" t="s">
        <v>6190</v>
      </c>
      <c r="B36696" s="1" t="s">
        <v>126612</v>
      </c>
      <c r="C36696" s="1" t="s">
        <v>165</v>
      </c>
      <c r="D36696" s="1" t="s">
        <v>127284</v>
      </c>
      <c r="E36696" s="1" t="s">
        <v>16024</v>
      </c>
      <c r="F36696" s="1" t="s">
        <v>127285</v>
      </c>
      <c r="G36696" s="1" t="s">
        <v>127210</v>
      </c>
      <c r="H36696" s="1" t="s">
        <v>127211</v>
      </c>
      <c r="I36696" s="1" t="s">
        <v>126615</v>
      </c>
      <c r="J36696" s="1" t="s">
        <v>127286</v>
      </c>
    </row>
    <row r="36697" spans="1:10" x14ac:dyDescent="0.35">
      <c r="A36697" s="1" t="s">
        <v>6190</v>
      </c>
      <c r="B36697" s="1" t="s">
        <v>126612</v>
      </c>
      <c r="C36697" s="1" t="s">
        <v>170</v>
      </c>
      <c r="D36697" s="1" t="s">
        <v>127287</v>
      </c>
      <c r="E36697" s="1" t="s">
        <v>48030</v>
      </c>
      <c r="F36697" s="1" t="s">
        <v>97614</v>
      </c>
      <c r="G36697" s="1" t="s">
        <v>127210</v>
      </c>
      <c r="H36697" s="1" t="s">
        <v>127211</v>
      </c>
      <c r="I36697" s="1" t="s">
        <v>126615</v>
      </c>
      <c r="J36697" s="1" t="s">
        <v>127288</v>
      </c>
    </row>
    <row r="36698" spans="1:10" x14ac:dyDescent="0.35">
      <c r="A36698" s="1" t="s">
        <v>6143</v>
      </c>
      <c r="B36698" s="1" t="s">
        <v>126612</v>
      </c>
      <c r="C36698" s="1" t="s">
        <v>8</v>
      </c>
      <c r="D36698" s="1" t="s">
        <v>85048</v>
      </c>
      <c r="E36698" s="1" t="s">
        <v>15365</v>
      </c>
      <c r="F36698" s="1" t="s">
        <v>127289</v>
      </c>
      <c r="G36698" s="1" t="s">
        <v>127290</v>
      </c>
      <c r="H36698" s="1" t="s">
        <v>127291</v>
      </c>
      <c r="I36698" s="1" t="s">
        <v>126615</v>
      </c>
      <c r="J36698" s="1" t="s">
        <v>13</v>
      </c>
    </row>
    <row r="36699" spans="1:10" x14ac:dyDescent="0.35">
      <c r="A36699" s="1" t="s">
        <v>6143</v>
      </c>
      <c r="B36699" s="1" t="s">
        <v>126612</v>
      </c>
      <c r="C36699" s="1" t="s">
        <v>15</v>
      </c>
      <c r="D36699" s="1" t="s">
        <v>56042</v>
      </c>
      <c r="E36699" s="1" t="s">
        <v>57099</v>
      </c>
      <c r="F36699" s="1" t="s">
        <v>67554</v>
      </c>
      <c r="G36699" s="1" t="s">
        <v>127290</v>
      </c>
      <c r="H36699" s="1" t="s">
        <v>127291</v>
      </c>
      <c r="I36699" s="1" t="s">
        <v>126615</v>
      </c>
      <c r="J36699" s="1" t="s">
        <v>127292</v>
      </c>
    </row>
    <row r="36700" spans="1:10" x14ac:dyDescent="0.35">
      <c r="A36700" s="1" t="s">
        <v>6143</v>
      </c>
      <c r="B36700" s="1" t="s">
        <v>126612</v>
      </c>
      <c r="C36700" s="1" t="s">
        <v>20</v>
      </c>
      <c r="D36700" s="1" t="s">
        <v>127293</v>
      </c>
      <c r="E36700" s="1" t="s">
        <v>59099</v>
      </c>
      <c r="F36700" s="1" t="s">
        <v>127294</v>
      </c>
      <c r="G36700" s="1" t="s">
        <v>127290</v>
      </c>
      <c r="H36700" s="1" t="s">
        <v>127291</v>
      </c>
      <c r="I36700" s="1" t="s">
        <v>126615</v>
      </c>
      <c r="J36700" s="1" t="s">
        <v>127295</v>
      </c>
    </row>
    <row r="36701" spans="1:10" x14ac:dyDescent="0.35">
      <c r="A36701" s="1" t="s">
        <v>6143</v>
      </c>
      <c r="B36701" s="1" t="s">
        <v>126612</v>
      </c>
      <c r="C36701" s="1" t="s">
        <v>25</v>
      </c>
      <c r="D36701" s="1" t="s">
        <v>127296</v>
      </c>
      <c r="E36701" s="1" t="s">
        <v>12883</v>
      </c>
      <c r="F36701" s="1" t="s">
        <v>127297</v>
      </c>
      <c r="G36701" s="1" t="s">
        <v>127290</v>
      </c>
      <c r="H36701" s="1" t="s">
        <v>127291</v>
      </c>
      <c r="I36701" s="1" t="s">
        <v>126615</v>
      </c>
      <c r="J36701" s="1" t="s">
        <v>127298</v>
      </c>
    </row>
    <row r="36702" spans="1:10" x14ac:dyDescent="0.35">
      <c r="A36702" s="1" t="s">
        <v>6143</v>
      </c>
      <c r="B36702" s="1" t="s">
        <v>126612</v>
      </c>
      <c r="C36702" s="1" t="s">
        <v>30</v>
      </c>
      <c r="D36702" s="1" t="s">
        <v>95063</v>
      </c>
      <c r="E36702" s="1" t="s">
        <v>15889</v>
      </c>
      <c r="F36702" s="1" t="s">
        <v>127299</v>
      </c>
      <c r="G36702" s="1" t="s">
        <v>127290</v>
      </c>
      <c r="H36702" s="1" t="s">
        <v>127291</v>
      </c>
      <c r="I36702" s="1" t="s">
        <v>126615</v>
      </c>
      <c r="J36702" s="1" t="s">
        <v>127300</v>
      </c>
    </row>
    <row r="36703" spans="1:10" x14ac:dyDescent="0.35">
      <c r="A36703" s="1" t="s">
        <v>6143</v>
      </c>
      <c r="B36703" s="1" t="s">
        <v>126612</v>
      </c>
      <c r="C36703" s="1" t="s">
        <v>35</v>
      </c>
      <c r="D36703" s="1" t="s">
        <v>70091</v>
      </c>
      <c r="E36703" s="1" t="s">
        <v>54118</v>
      </c>
      <c r="F36703" s="1" t="s">
        <v>127301</v>
      </c>
      <c r="G36703" s="1" t="s">
        <v>127290</v>
      </c>
      <c r="H36703" s="1" t="s">
        <v>127291</v>
      </c>
      <c r="I36703" s="1" t="s">
        <v>126615</v>
      </c>
      <c r="J36703" s="1" t="s">
        <v>127302</v>
      </c>
    </row>
    <row r="36704" spans="1:10" x14ac:dyDescent="0.35">
      <c r="A36704" s="1" t="s">
        <v>6143</v>
      </c>
      <c r="B36704" s="1" t="s">
        <v>126612</v>
      </c>
      <c r="C36704" s="1" t="s">
        <v>40</v>
      </c>
      <c r="D36704" s="1" t="s">
        <v>127303</v>
      </c>
      <c r="E36704" s="1" t="s">
        <v>12864</v>
      </c>
      <c r="F36704" s="1" t="s">
        <v>127304</v>
      </c>
      <c r="G36704" s="1" t="s">
        <v>127290</v>
      </c>
      <c r="H36704" s="1" t="s">
        <v>127291</v>
      </c>
      <c r="I36704" s="1" t="s">
        <v>126615</v>
      </c>
      <c r="J36704" s="1" t="s">
        <v>127305</v>
      </c>
    </row>
    <row r="36705" spans="1:10" x14ac:dyDescent="0.35">
      <c r="A36705" s="1" t="s">
        <v>6143</v>
      </c>
      <c r="B36705" s="1" t="s">
        <v>126612</v>
      </c>
      <c r="C36705" s="1" t="s">
        <v>45</v>
      </c>
      <c r="D36705" s="1" t="s">
        <v>127306</v>
      </c>
      <c r="E36705" s="1" t="s">
        <v>32133</v>
      </c>
      <c r="F36705" s="1" t="s">
        <v>54372</v>
      </c>
      <c r="G36705" s="1" t="s">
        <v>127290</v>
      </c>
      <c r="H36705" s="1" t="s">
        <v>127291</v>
      </c>
      <c r="I36705" s="1" t="s">
        <v>126615</v>
      </c>
      <c r="J36705" s="1" t="s">
        <v>127307</v>
      </c>
    </row>
    <row r="36706" spans="1:10" x14ac:dyDescent="0.35">
      <c r="A36706" s="1" t="s">
        <v>6143</v>
      </c>
      <c r="B36706" s="1" t="s">
        <v>126612</v>
      </c>
      <c r="C36706" s="1" t="s">
        <v>50</v>
      </c>
      <c r="D36706" s="1" t="s">
        <v>127308</v>
      </c>
      <c r="E36706" s="1" t="s">
        <v>22282</v>
      </c>
      <c r="F36706" s="1" t="s">
        <v>27465</v>
      </c>
      <c r="G36706" s="1" t="s">
        <v>127290</v>
      </c>
      <c r="H36706" s="1" t="s">
        <v>127291</v>
      </c>
      <c r="I36706" s="1" t="s">
        <v>126615</v>
      </c>
      <c r="J36706" s="1" t="s">
        <v>127309</v>
      </c>
    </row>
    <row r="36707" spans="1:10" x14ac:dyDescent="0.35">
      <c r="A36707" s="1" t="s">
        <v>6143</v>
      </c>
      <c r="B36707" s="1" t="s">
        <v>126612</v>
      </c>
      <c r="C36707" s="1" t="s">
        <v>55</v>
      </c>
      <c r="D36707" s="1" t="s">
        <v>127310</v>
      </c>
      <c r="E36707" s="1" t="s">
        <v>27100</v>
      </c>
      <c r="F36707" s="1" t="s">
        <v>127311</v>
      </c>
      <c r="G36707" s="1" t="s">
        <v>127290</v>
      </c>
      <c r="H36707" s="1" t="s">
        <v>127291</v>
      </c>
      <c r="I36707" s="1" t="s">
        <v>126615</v>
      </c>
      <c r="J36707" s="1" t="s">
        <v>127312</v>
      </c>
    </row>
    <row r="36708" spans="1:10" x14ac:dyDescent="0.35">
      <c r="A36708" s="1" t="s">
        <v>6143</v>
      </c>
      <c r="B36708" s="1" t="s">
        <v>126612</v>
      </c>
      <c r="C36708" s="1" t="s">
        <v>60</v>
      </c>
      <c r="D36708" s="1" t="s">
        <v>127313</v>
      </c>
      <c r="E36708" s="1" t="s">
        <v>57176</v>
      </c>
      <c r="F36708" s="1" t="s">
        <v>127314</v>
      </c>
      <c r="G36708" s="1" t="s">
        <v>127290</v>
      </c>
      <c r="H36708" s="1" t="s">
        <v>127291</v>
      </c>
      <c r="I36708" s="1" t="s">
        <v>126615</v>
      </c>
      <c r="J36708" s="1" t="s">
        <v>127315</v>
      </c>
    </row>
    <row r="36709" spans="1:10" x14ac:dyDescent="0.35">
      <c r="A36709" s="1" t="s">
        <v>6143</v>
      </c>
      <c r="B36709" s="1" t="s">
        <v>126612</v>
      </c>
      <c r="C36709" s="1" t="s">
        <v>65</v>
      </c>
      <c r="D36709" s="1" t="s">
        <v>127316</v>
      </c>
      <c r="E36709" s="1" t="s">
        <v>27126</v>
      </c>
      <c r="F36709" s="1" t="s">
        <v>127317</v>
      </c>
      <c r="G36709" s="1" t="s">
        <v>127290</v>
      </c>
      <c r="H36709" s="1" t="s">
        <v>127291</v>
      </c>
      <c r="I36709" s="1" t="s">
        <v>126615</v>
      </c>
      <c r="J36709" s="1" t="s">
        <v>127318</v>
      </c>
    </row>
    <row r="36710" spans="1:10" x14ac:dyDescent="0.35">
      <c r="A36710" s="1" t="s">
        <v>6143</v>
      </c>
      <c r="B36710" s="1" t="s">
        <v>126612</v>
      </c>
      <c r="C36710" s="1" t="s">
        <v>70</v>
      </c>
      <c r="D36710" s="1" t="s">
        <v>127319</v>
      </c>
      <c r="E36710" s="1" t="s">
        <v>64074</v>
      </c>
      <c r="F36710" s="1" t="s">
        <v>127320</v>
      </c>
      <c r="G36710" s="1" t="s">
        <v>127290</v>
      </c>
      <c r="H36710" s="1" t="s">
        <v>127291</v>
      </c>
      <c r="I36710" s="1" t="s">
        <v>126615</v>
      </c>
      <c r="J36710" s="1" t="s">
        <v>127321</v>
      </c>
    </row>
    <row r="36711" spans="1:10" x14ac:dyDescent="0.35">
      <c r="A36711" s="1" t="s">
        <v>6143</v>
      </c>
      <c r="B36711" s="1" t="s">
        <v>126612</v>
      </c>
      <c r="C36711" s="1" t="s">
        <v>75</v>
      </c>
      <c r="D36711" s="1" t="s">
        <v>127322</v>
      </c>
      <c r="E36711" s="1" t="s">
        <v>55432</v>
      </c>
      <c r="F36711" s="1" t="s">
        <v>56954</v>
      </c>
      <c r="G36711" s="1" t="s">
        <v>127290</v>
      </c>
      <c r="H36711" s="1" t="s">
        <v>127291</v>
      </c>
      <c r="I36711" s="1" t="s">
        <v>126615</v>
      </c>
      <c r="J36711" s="1" t="s">
        <v>127323</v>
      </c>
    </row>
    <row r="36712" spans="1:10" x14ac:dyDescent="0.35">
      <c r="A36712" s="1" t="s">
        <v>6143</v>
      </c>
      <c r="B36712" s="1" t="s">
        <v>126612</v>
      </c>
      <c r="C36712" s="1" t="s">
        <v>80</v>
      </c>
      <c r="D36712" s="1" t="s">
        <v>127324</v>
      </c>
      <c r="E36712" s="1" t="s">
        <v>56046</v>
      </c>
      <c r="F36712" s="1" t="s">
        <v>63820</v>
      </c>
      <c r="G36712" s="1" t="s">
        <v>127290</v>
      </c>
      <c r="H36712" s="1" t="s">
        <v>127291</v>
      </c>
      <c r="I36712" s="1" t="s">
        <v>126615</v>
      </c>
      <c r="J36712" s="1" t="s">
        <v>127325</v>
      </c>
    </row>
    <row r="36713" spans="1:10" x14ac:dyDescent="0.35">
      <c r="A36713" s="1" t="s">
        <v>6143</v>
      </c>
      <c r="B36713" s="1" t="s">
        <v>126612</v>
      </c>
      <c r="C36713" s="1" t="s">
        <v>85</v>
      </c>
      <c r="D36713" s="1" t="s">
        <v>127326</v>
      </c>
      <c r="E36713" s="1" t="s">
        <v>26478</v>
      </c>
      <c r="F36713" s="1" t="s">
        <v>127327</v>
      </c>
      <c r="G36713" s="1" t="s">
        <v>127290</v>
      </c>
      <c r="H36713" s="1" t="s">
        <v>127291</v>
      </c>
      <c r="I36713" s="1" t="s">
        <v>126615</v>
      </c>
      <c r="J36713" s="1" t="s">
        <v>127328</v>
      </c>
    </row>
    <row r="36714" spans="1:10" x14ac:dyDescent="0.35">
      <c r="A36714" s="1" t="s">
        <v>6143</v>
      </c>
      <c r="B36714" s="1" t="s">
        <v>126612</v>
      </c>
      <c r="C36714" s="1" t="s">
        <v>90</v>
      </c>
      <c r="D36714" s="1" t="s">
        <v>127329</v>
      </c>
      <c r="E36714" s="1" t="s">
        <v>15923</v>
      </c>
      <c r="F36714" s="1" t="s">
        <v>127330</v>
      </c>
      <c r="G36714" s="1" t="s">
        <v>127290</v>
      </c>
      <c r="H36714" s="1" t="s">
        <v>127291</v>
      </c>
      <c r="I36714" s="1" t="s">
        <v>126615</v>
      </c>
      <c r="J36714" s="1" t="s">
        <v>127331</v>
      </c>
    </row>
    <row r="36715" spans="1:10" x14ac:dyDescent="0.35">
      <c r="A36715" s="1" t="s">
        <v>6143</v>
      </c>
      <c r="B36715" s="1" t="s">
        <v>126612</v>
      </c>
      <c r="C36715" s="1" t="s">
        <v>95</v>
      </c>
      <c r="D36715" s="1" t="s">
        <v>127332</v>
      </c>
      <c r="E36715" s="1" t="s">
        <v>32924</v>
      </c>
      <c r="F36715" s="1" t="s">
        <v>127333</v>
      </c>
      <c r="G36715" s="1" t="s">
        <v>127290</v>
      </c>
      <c r="H36715" s="1" t="s">
        <v>127291</v>
      </c>
      <c r="I36715" s="1" t="s">
        <v>126615</v>
      </c>
      <c r="J36715" s="1" t="s">
        <v>127334</v>
      </c>
    </row>
    <row r="36716" spans="1:10" x14ac:dyDescent="0.35">
      <c r="A36716" s="1" t="s">
        <v>6143</v>
      </c>
      <c r="B36716" s="1" t="s">
        <v>126612</v>
      </c>
      <c r="C36716" s="1" t="s">
        <v>100</v>
      </c>
      <c r="D36716" s="1" t="s">
        <v>127335</v>
      </c>
      <c r="E36716" s="1" t="s">
        <v>26478</v>
      </c>
      <c r="F36716" s="1" t="s">
        <v>127336</v>
      </c>
      <c r="G36716" s="1" t="s">
        <v>127290</v>
      </c>
      <c r="H36716" s="1" t="s">
        <v>127291</v>
      </c>
      <c r="I36716" s="1" t="s">
        <v>126615</v>
      </c>
      <c r="J36716" s="1" t="s">
        <v>127337</v>
      </c>
    </row>
    <row r="36717" spans="1:10" x14ac:dyDescent="0.35">
      <c r="A36717" s="1" t="s">
        <v>6143</v>
      </c>
      <c r="B36717" s="1" t="s">
        <v>126612</v>
      </c>
      <c r="C36717" s="1" t="s">
        <v>105</v>
      </c>
      <c r="D36717" s="1" t="s">
        <v>127338</v>
      </c>
      <c r="E36717" s="1" t="s">
        <v>23240</v>
      </c>
      <c r="F36717" s="1" t="s">
        <v>127339</v>
      </c>
      <c r="G36717" s="1" t="s">
        <v>127290</v>
      </c>
      <c r="H36717" s="1" t="s">
        <v>127291</v>
      </c>
      <c r="I36717" s="1" t="s">
        <v>126615</v>
      </c>
      <c r="J36717" s="1" t="s">
        <v>127340</v>
      </c>
    </row>
    <row r="36718" spans="1:10" x14ac:dyDescent="0.35">
      <c r="A36718" s="1" t="s">
        <v>6143</v>
      </c>
      <c r="B36718" s="1" t="s">
        <v>126612</v>
      </c>
      <c r="C36718" s="1" t="s">
        <v>110</v>
      </c>
      <c r="D36718" s="1" t="s">
        <v>127341</v>
      </c>
      <c r="E36718" s="1" t="s">
        <v>15311</v>
      </c>
      <c r="F36718" s="1" t="s">
        <v>127342</v>
      </c>
      <c r="G36718" s="1" t="s">
        <v>127290</v>
      </c>
      <c r="H36718" s="1" t="s">
        <v>127291</v>
      </c>
      <c r="I36718" s="1" t="s">
        <v>126615</v>
      </c>
      <c r="J36718" s="1" t="s">
        <v>127343</v>
      </c>
    </row>
    <row r="36719" spans="1:10" x14ac:dyDescent="0.35">
      <c r="A36719" s="1" t="s">
        <v>6143</v>
      </c>
      <c r="B36719" s="1" t="s">
        <v>126612</v>
      </c>
      <c r="C36719" s="1" t="s">
        <v>115</v>
      </c>
      <c r="D36719" s="1" t="s">
        <v>127344</v>
      </c>
      <c r="E36719" s="1" t="s">
        <v>56468</v>
      </c>
      <c r="F36719" s="1" t="s">
        <v>127345</v>
      </c>
      <c r="G36719" s="1" t="s">
        <v>127290</v>
      </c>
      <c r="H36719" s="1" t="s">
        <v>127291</v>
      </c>
      <c r="I36719" s="1" t="s">
        <v>126615</v>
      </c>
      <c r="J36719" s="1" t="s">
        <v>127346</v>
      </c>
    </row>
    <row r="36720" spans="1:10" x14ac:dyDescent="0.35">
      <c r="A36720" s="1" t="s">
        <v>6143</v>
      </c>
      <c r="B36720" s="1" t="s">
        <v>126612</v>
      </c>
      <c r="C36720" s="1" t="s">
        <v>120</v>
      </c>
      <c r="D36720" s="1" t="s">
        <v>127347</v>
      </c>
      <c r="E36720" s="1" t="s">
        <v>15365</v>
      </c>
      <c r="F36720" s="1" t="s">
        <v>127348</v>
      </c>
      <c r="G36720" s="1" t="s">
        <v>127290</v>
      </c>
      <c r="H36720" s="1" t="s">
        <v>127291</v>
      </c>
      <c r="I36720" s="1" t="s">
        <v>126615</v>
      </c>
      <c r="J36720" s="1" t="s">
        <v>127349</v>
      </c>
    </row>
    <row r="36721" spans="1:10" x14ac:dyDescent="0.35">
      <c r="A36721" s="1" t="s">
        <v>6143</v>
      </c>
      <c r="B36721" s="1" t="s">
        <v>126612</v>
      </c>
      <c r="C36721" s="1" t="s">
        <v>125</v>
      </c>
      <c r="D36721" s="1" t="s">
        <v>127350</v>
      </c>
      <c r="E36721" s="1" t="s">
        <v>57609</v>
      </c>
      <c r="F36721" s="1" t="s">
        <v>127351</v>
      </c>
      <c r="G36721" s="1" t="s">
        <v>127290</v>
      </c>
      <c r="H36721" s="1" t="s">
        <v>127291</v>
      </c>
      <c r="I36721" s="1" t="s">
        <v>126615</v>
      </c>
      <c r="J36721" s="1" t="s">
        <v>127352</v>
      </c>
    </row>
    <row r="36722" spans="1:10" x14ac:dyDescent="0.35">
      <c r="A36722" s="1" t="s">
        <v>6143</v>
      </c>
      <c r="B36722" s="1" t="s">
        <v>126612</v>
      </c>
      <c r="C36722" s="1" t="s">
        <v>130</v>
      </c>
      <c r="D36722" s="1" t="s">
        <v>20383</v>
      </c>
      <c r="E36722" s="1" t="s">
        <v>26261</v>
      </c>
      <c r="F36722" s="1" t="s">
        <v>127353</v>
      </c>
      <c r="G36722" s="1" t="s">
        <v>127290</v>
      </c>
      <c r="H36722" s="1" t="s">
        <v>127291</v>
      </c>
      <c r="I36722" s="1" t="s">
        <v>126615</v>
      </c>
      <c r="J36722" s="1" t="s">
        <v>127354</v>
      </c>
    </row>
    <row r="36723" spans="1:10" x14ac:dyDescent="0.35">
      <c r="A36723" s="1" t="s">
        <v>6143</v>
      </c>
      <c r="B36723" s="1" t="s">
        <v>126612</v>
      </c>
      <c r="C36723" s="1" t="s">
        <v>135</v>
      </c>
      <c r="D36723" s="1" t="s">
        <v>127355</v>
      </c>
      <c r="E36723" s="1" t="s">
        <v>26261</v>
      </c>
      <c r="F36723" s="1" t="s">
        <v>127356</v>
      </c>
      <c r="G36723" s="1" t="s">
        <v>127290</v>
      </c>
      <c r="H36723" s="1" t="s">
        <v>127291</v>
      </c>
      <c r="I36723" s="1" t="s">
        <v>126615</v>
      </c>
      <c r="J36723" s="1" t="s">
        <v>127357</v>
      </c>
    </row>
    <row r="36724" spans="1:10" x14ac:dyDescent="0.35">
      <c r="A36724" s="1" t="s">
        <v>6143</v>
      </c>
      <c r="B36724" s="1" t="s">
        <v>126612</v>
      </c>
      <c r="C36724" s="1" t="s">
        <v>140</v>
      </c>
      <c r="D36724" s="1" t="s">
        <v>127358</v>
      </c>
      <c r="E36724" s="1" t="s">
        <v>54697</v>
      </c>
      <c r="F36724" s="1" t="s">
        <v>127359</v>
      </c>
      <c r="G36724" s="1" t="s">
        <v>127290</v>
      </c>
      <c r="H36724" s="1" t="s">
        <v>127291</v>
      </c>
      <c r="I36724" s="1" t="s">
        <v>126615</v>
      </c>
      <c r="J36724" s="1" t="s">
        <v>127360</v>
      </c>
    </row>
    <row r="36725" spans="1:10" x14ac:dyDescent="0.35">
      <c r="A36725" s="1" t="s">
        <v>6143</v>
      </c>
      <c r="B36725" s="1" t="s">
        <v>126612</v>
      </c>
      <c r="C36725" s="1" t="s">
        <v>145</v>
      </c>
      <c r="D36725" s="1" t="s">
        <v>127361</v>
      </c>
      <c r="E36725" s="1" t="s">
        <v>22359</v>
      </c>
      <c r="F36725" s="1" t="s">
        <v>127362</v>
      </c>
      <c r="G36725" s="1" t="s">
        <v>127290</v>
      </c>
      <c r="H36725" s="1" t="s">
        <v>127291</v>
      </c>
      <c r="I36725" s="1" t="s">
        <v>126615</v>
      </c>
      <c r="J36725" s="1" t="s">
        <v>127363</v>
      </c>
    </row>
    <row r="36726" spans="1:10" x14ac:dyDescent="0.35">
      <c r="A36726" s="1" t="s">
        <v>6143</v>
      </c>
      <c r="B36726" s="1" t="s">
        <v>126612</v>
      </c>
      <c r="C36726" s="1" t="s">
        <v>150</v>
      </c>
      <c r="D36726" s="1" t="s">
        <v>64131</v>
      </c>
      <c r="E36726" s="1" t="s">
        <v>65615</v>
      </c>
      <c r="F36726" s="1" t="s">
        <v>127364</v>
      </c>
      <c r="G36726" s="1" t="s">
        <v>127290</v>
      </c>
      <c r="H36726" s="1" t="s">
        <v>127291</v>
      </c>
      <c r="I36726" s="1" t="s">
        <v>126615</v>
      </c>
      <c r="J36726" s="1" t="s">
        <v>127365</v>
      </c>
    </row>
    <row r="36727" spans="1:10" x14ac:dyDescent="0.35">
      <c r="A36727" s="1" t="s">
        <v>6143</v>
      </c>
      <c r="B36727" s="1" t="s">
        <v>126612</v>
      </c>
      <c r="C36727" s="1" t="s">
        <v>155</v>
      </c>
      <c r="D36727" s="1" t="s">
        <v>127366</v>
      </c>
      <c r="E36727" s="1" t="s">
        <v>31790</v>
      </c>
      <c r="F36727" s="1" t="s">
        <v>56260</v>
      </c>
      <c r="G36727" s="1" t="s">
        <v>127290</v>
      </c>
      <c r="H36727" s="1" t="s">
        <v>127291</v>
      </c>
      <c r="I36727" s="1" t="s">
        <v>126615</v>
      </c>
      <c r="J36727" s="1" t="s">
        <v>127367</v>
      </c>
    </row>
    <row r="36728" spans="1:10" x14ac:dyDescent="0.35">
      <c r="A36728" s="1" t="s">
        <v>6143</v>
      </c>
      <c r="B36728" s="1" t="s">
        <v>126612</v>
      </c>
      <c r="C36728" s="1" t="s">
        <v>160</v>
      </c>
      <c r="D36728" s="1" t="s">
        <v>22738</v>
      </c>
      <c r="E36728" s="1" t="s">
        <v>127368</v>
      </c>
      <c r="F36728" s="1" t="s">
        <v>127369</v>
      </c>
      <c r="G36728" s="1" t="s">
        <v>127290</v>
      </c>
      <c r="H36728" s="1" t="s">
        <v>127291</v>
      </c>
      <c r="I36728" s="1" t="s">
        <v>126615</v>
      </c>
      <c r="J36728" s="1" t="s">
        <v>127370</v>
      </c>
    </row>
    <row r="36729" spans="1:10" x14ac:dyDescent="0.35">
      <c r="A36729" s="1" t="s">
        <v>6143</v>
      </c>
      <c r="B36729" s="1" t="s">
        <v>126612</v>
      </c>
      <c r="C36729" s="1" t="s">
        <v>165</v>
      </c>
      <c r="D36729" s="1" t="s">
        <v>127371</v>
      </c>
      <c r="E36729" s="1" t="s">
        <v>22363</v>
      </c>
      <c r="F36729" s="1" t="s">
        <v>127372</v>
      </c>
      <c r="G36729" s="1" t="s">
        <v>127290</v>
      </c>
      <c r="H36729" s="1" t="s">
        <v>127291</v>
      </c>
      <c r="I36729" s="1" t="s">
        <v>126615</v>
      </c>
      <c r="J36729" s="1" t="s">
        <v>127373</v>
      </c>
    </row>
    <row r="36730" spans="1:10" x14ac:dyDescent="0.35">
      <c r="A36730" s="1" t="s">
        <v>6143</v>
      </c>
      <c r="B36730" s="1" t="s">
        <v>126612</v>
      </c>
      <c r="C36730" s="1" t="s">
        <v>170</v>
      </c>
      <c r="D36730" s="1" t="s">
        <v>127374</v>
      </c>
      <c r="E36730" s="1" t="s">
        <v>107498</v>
      </c>
      <c r="F36730" s="1" t="s">
        <v>127375</v>
      </c>
      <c r="G36730" s="1" t="s">
        <v>127290</v>
      </c>
      <c r="H36730" s="1" t="s">
        <v>127291</v>
      </c>
      <c r="I36730" s="1" t="s">
        <v>126615</v>
      </c>
      <c r="J36730" s="1" t="s">
        <v>127376</v>
      </c>
    </row>
    <row r="36731" spans="1:10" x14ac:dyDescent="0.35">
      <c r="A36731" s="1" t="s">
        <v>29984</v>
      </c>
      <c r="B36731" s="1" t="s">
        <v>126612</v>
      </c>
      <c r="C36731" s="1" t="s">
        <v>8</v>
      </c>
      <c r="D36731" s="1" t="s">
        <v>127377</v>
      </c>
      <c r="E36731" s="1" t="s">
        <v>127378</v>
      </c>
      <c r="F36731" s="1" t="s">
        <v>127379</v>
      </c>
      <c r="G36731" s="1" t="s">
        <v>127380</v>
      </c>
      <c r="H36731" s="1" t="s">
        <v>127381</v>
      </c>
      <c r="I36731" s="1" t="s">
        <v>126615</v>
      </c>
      <c r="J36731" s="1" t="s">
        <v>13</v>
      </c>
    </row>
    <row r="36732" spans="1:10" x14ac:dyDescent="0.35">
      <c r="A36732" s="1" t="s">
        <v>29984</v>
      </c>
      <c r="B36732" s="1" t="s">
        <v>126612</v>
      </c>
      <c r="C36732" s="1" t="s">
        <v>15</v>
      </c>
      <c r="D36732" s="1" t="s">
        <v>127382</v>
      </c>
      <c r="E36732" s="1" t="s">
        <v>127383</v>
      </c>
      <c r="F36732" s="1" t="s">
        <v>127384</v>
      </c>
      <c r="G36732" s="1" t="s">
        <v>127380</v>
      </c>
      <c r="H36732" s="1" t="s">
        <v>127381</v>
      </c>
      <c r="I36732" s="1" t="s">
        <v>126615</v>
      </c>
      <c r="J36732" s="1" t="s">
        <v>127385</v>
      </c>
    </row>
    <row r="36733" spans="1:10" x14ac:dyDescent="0.35">
      <c r="A36733" s="1" t="s">
        <v>29984</v>
      </c>
      <c r="B36733" s="1" t="s">
        <v>126612</v>
      </c>
      <c r="C36733" s="1" t="s">
        <v>20</v>
      </c>
      <c r="D36733" s="1" t="s">
        <v>127386</v>
      </c>
      <c r="E36733" s="1" t="s">
        <v>127387</v>
      </c>
      <c r="F36733" s="1" t="s">
        <v>127388</v>
      </c>
      <c r="G36733" s="1" t="s">
        <v>127380</v>
      </c>
      <c r="H36733" s="1" t="s">
        <v>127381</v>
      </c>
      <c r="I36733" s="1" t="s">
        <v>126615</v>
      </c>
      <c r="J36733" s="1" t="s">
        <v>127389</v>
      </c>
    </row>
    <row r="36734" spans="1:10" x14ac:dyDescent="0.35">
      <c r="A36734" s="1" t="s">
        <v>29984</v>
      </c>
      <c r="B36734" s="1" t="s">
        <v>126612</v>
      </c>
      <c r="C36734" s="1" t="s">
        <v>25</v>
      </c>
      <c r="D36734" s="1" t="s">
        <v>70468</v>
      </c>
      <c r="E36734" s="1" t="s">
        <v>127390</v>
      </c>
      <c r="F36734" s="1" t="s">
        <v>127391</v>
      </c>
      <c r="G36734" s="1" t="s">
        <v>127380</v>
      </c>
      <c r="H36734" s="1" t="s">
        <v>127381</v>
      </c>
      <c r="I36734" s="1" t="s">
        <v>126615</v>
      </c>
      <c r="J36734" s="1" t="s">
        <v>127392</v>
      </c>
    </row>
    <row r="36735" spans="1:10" x14ac:dyDescent="0.35">
      <c r="A36735" s="1" t="s">
        <v>29984</v>
      </c>
      <c r="B36735" s="1" t="s">
        <v>126612</v>
      </c>
      <c r="C36735" s="1" t="s">
        <v>30</v>
      </c>
      <c r="D36735" s="1" t="s">
        <v>127393</v>
      </c>
      <c r="E36735" s="1" t="s">
        <v>127394</v>
      </c>
      <c r="F36735" s="1" t="s">
        <v>127395</v>
      </c>
      <c r="G36735" s="1" t="s">
        <v>127380</v>
      </c>
      <c r="H36735" s="1" t="s">
        <v>127381</v>
      </c>
      <c r="I36735" s="1" t="s">
        <v>126615</v>
      </c>
      <c r="J36735" s="1" t="s">
        <v>127396</v>
      </c>
    </row>
    <row r="36736" spans="1:10" x14ac:dyDescent="0.35">
      <c r="A36736" s="1" t="s">
        <v>29984</v>
      </c>
      <c r="B36736" s="1" t="s">
        <v>126612</v>
      </c>
      <c r="C36736" s="1" t="s">
        <v>35</v>
      </c>
      <c r="D36736" s="1" t="s">
        <v>127397</v>
      </c>
      <c r="E36736" s="1" t="s">
        <v>127398</v>
      </c>
      <c r="F36736" s="1" t="s">
        <v>127399</v>
      </c>
      <c r="G36736" s="1" t="s">
        <v>127380</v>
      </c>
      <c r="H36736" s="1" t="s">
        <v>127381</v>
      </c>
      <c r="I36736" s="1" t="s">
        <v>126615</v>
      </c>
      <c r="J36736" s="1" t="s">
        <v>127400</v>
      </c>
    </row>
    <row r="36737" spans="1:10" x14ac:dyDescent="0.35">
      <c r="A36737" s="1" t="s">
        <v>29984</v>
      </c>
      <c r="B36737" s="1" t="s">
        <v>126612</v>
      </c>
      <c r="C36737" s="1" t="s">
        <v>40</v>
      </c>
      <c r="D36737" s="1" t="s">
        <v>127401</v>
      </c>
      <c r="E36737" s="1" t="s">
        <v>127402</v>
      </c>
      <c r="F36737" s="1" t="s">
        <v>127403</v>
      </c>
      <c r="G36737" s="1" t="s">
        <v>127380</v>
      </c>
      <c r="H36737" s="1" t="s">
        <v>127381</v>
      </c>
      <c r="I36737" s="1" t="s">
        <v>126615</v>
      </c>
      <c r="J36737" s="1" t="s">
        <v>127404</v>
      </c>
    </row>
    <row r="36738" spans="1:10" x14ac:dyDescent="0.35">
      <c r="A36738" s="1" t="s">
        <v>29984</v>
      </c>
      <c r="B36738" s="1" t="s">
        <v>126612</v>
      </c>
      <c r="C36738" s="1" t="s">
        <v>45</v>
      </c>
      <c r="D36738" s="1" t="s">
        <v>127405</v>
      </c>
      <c r="E36738" s="1" t="s">
        <v>127406</v>
      </c>
      <c r="F36738" s="1" t="s">
        <v>127407</v>
      </c>
      <c r="G36738" s="1" t="s">
        <v>127380</v>
      </c>
      <c r="H36738" s="1" t="s">
        <v>127381</v>
      </c>
      <c r="I36738" s="1" t="s">
        <v>126615</v>
      </c>
      <c r="J36738" s="1" t="s">
        <v>127408</v>
      </c>
    </row>
    <row r="36739" spans="1:10" x14ac:dyDescent="0.35">
      <c r="A36739" s="1" t="s">
        <v>29984</v>
      </c>
      <c r="B36739" s="1" t="s">
        <v>126612</v>
      </c>
      <c r="C36739" s="1" t="s">
        <v>50</v>
      </c>
      <c r="D36739" s="1" t="s">
        <v>127409</v>
      </c>
      <c r="E36739" s="1" t="s">
        <v>127410</v>
      </c>
      <c r="F36739" s="1" t="s">
        <v>127411</v>
      </c>
      <c r="G36739" s="1" t="s">
        <v>127380</v>
      </c>
      <c r="H36739" s="1" t="s">
        <v>127381</v>
      </c>
      <c r="I36739" s="1" t="s">
        <v>126615</v>
      </c>
      <c r="J36739" s="1" t="s">
        <v>127412</v>
      </c>
    </row>
    <row r="36740" spans="1:10" x14ac:dyDescent="0.35">
      <c r="A36740" s="1" t="s">
        <v>29984</v>
      </c>
      <c r="B36740" s="1" t="s">
        <v>126612</v>
      </c>
      <c r="C36740" s="1" t="s">
        <v>55</v>
      </c>
      <c r="D36740" s="1" t="s">
        <v>127413</v>
      </c>
      <c r="E36740" s="1" t="s">
        <v>127414</v>
      </c>
      <c r="F36740" s="1" t="s">
        <v>127415</v>
      </c>
      <c r="G36740" s="1" t="s">
        <v>127380</v>
      </c>
      <c r="H36740" s="1" t="s">
        <v>127381</v>
      </c>
      <c r="I36740" s="1" t="s">
        <v>126615</v>
      </c>
      <c r="J36740" s="1" t="s">
        <v>127416</v>
      </c>
    </row>
    <row r="36741" spans="1:10" x14ac:dyDescent="0.35">
      <c r="A36741" s="1" t="s">
        <v>29984</v>
      </c>
      <c r="B36741" s="1" t="s">
        <v>126612</v>
      </c>
      <c r="C36741" s="1" t="s">
        <v>60</v>
      </c>
      <c r="D36741" s="1" t="s">
        <v>127417</v>
      </c>
      <c r="E36741" s="1" t="s">
        <v>127418</v>
      </c>
      <c r="F36741" s="1" t="s">
        <v>127419</v>
      </c>
      <c r="G36741" s="1" t="s">
        <v>127380</v>
      </c>
      <c r="H36741" s="1" t="s">
        <v>127381</v>
      </c>
      <c r="I36741" s="1" t="s">
        <v>126615</v>
      </c>
      <c r="J36741" s="1" t="s">
        <v>127420</v>
      </c>
    </row>
    <row r="36742" spans="1:10" x14ac:dyDescent="0.35">
      <c r="A36742" s="1" t="s">
        <v>29984</v>
      </c>
      <c r="B36742" s="1" t="s">
        <v>126612</v>
      </c>
      <c r="C36742" s="1" t="s">
        <v>65</v>
      </c>
      <c r="D36742" s="1" t="s">
        <v>127421</v>
      </c>
      <c r="E36742" s="1" t="s">
        <v>127422</v>
      </c>
      <c r="F36742" s="1" t="s">
        <v>127423</v>
      </c>
      <c r="G36742" s="1" t="s">
        <v>127380</v>
      </c>
      <c r="H36742" s="1" t="s">
        <v>127381</v>
      </c>
      <c r="I36742" s="1" t="s">
        <v>126615</v>
      </c>
      <c r="J36742" s="1" t="s">
        <v>127424</v>
      </c>
    </row>
    <row r="36743" spans="1:10" x14ac:dyDescent="0.35">
      <c r="A36743" s="1" t="s">
        <v>29984</v>
      </c>
      <c r="B36743" s="1" t="s">
        <v>126612</v>
      </c>
      <c r="C36743" s="1" t="s">
        <v>70</v>
      </c>
      <c r="D36743" s="1" t="s">
        <v>127425</v>
      </c>
      <c r="E36743" s="1" t="s">
        <v>127426</v>
      </c>
      <c r="F36743" s="1" t="s">
        <v>127427</v>
      </c>
      <c r="G36743" s="1" t="s">
        <v>127380</v>
      </c>
      <c r="H36743" s="1" t="s">
        <v>127381</v>
      </c>
      <c r="I36743" s="1" t="s">
        <v>126615</v>
      </c>
      <c r="J36743" s="1" t="s">
        <v>127428</v>
      </c>
    </row>
    <row r="36744" spans="1:10" x14ac:dyDescent="0.35">
      <c r="A36744" s="1" t="s">
        <v>29984</v>
      </c>
      <c r="B36744" s="1" t="s">
        <v>126612</v>
      </c>
      <c r="C36744" s="1" t="s">
        <v>75</v>
      </c>
      <c r="D36744" s="1" t="s">
        <v>127429</v>
      </c>
      <c r="E36744" s="1" t="s">
        <v>127430</v>
      </c>
      <c r="F36744" s="1" t="s">
        <v>127431</v>
      </c>
      <c r="G36744" s="1" t="s">
        <v>127380</v>
      </c>
      <c r="H36744" s="1" t="s">
        <v>127381</v>
      </c>
      <c r="I36744" s="1" t="s">
        <v>126615</v>
      </c>
      <c r="J36744" s="1" t="s">
        <v>127432</v>
      </c>
    </row>
    <row r="36745" spans="1:10" x14ac:dyDescent="0.35">
      <c r="A36745" s="1" t="s">
        <v>29984</v>
      </c>
      <c r="B36745" s="1" t="s">
        <v>126612</v>
      </c>
      <c r="C36745" s="1" t="s">
        <v>80</v>
      </c>
      <c r="D36745" s="1" t="s">
        <v>127433</v>
      </c>
      <c r="E36745" s="1" t="s">
        <v>127434</v>
      </c>
      <c r="F36745" s="1" t="s">
        <v>127435</v>
      </c>
      <c r="G36745" s="1" t="s">
        <v>127380</v>
      </c>
      <c r="H36745" s="1" t="s">
        <v>127381</v>
      </c>
      <c r="I36745" s="1" t="s">
        <v>126615</v>
      </c>
      <c r="J36745" s="1" t="s">
        <v>127436</v>
      </c>
    </row>
    <row r="36746" spans="1:10" x14ac:dyDescent="0.35">
      <c r="A36746" s="1" t="s">
        <v>29984</v>
      </c>
      <c r="B36746" s="1" t="s">
        <v>126612</v>
      </c>
      <c r="C36746" s="1" t="s">
        <v>85</v>
      </c>
      <c r="D36746" s="1" t="s">
        <v>127437</v>
      </c>
      <c r="E36746" s="1" t="s">
        <v>127438</v>
      </c>
      <c r="F36746" s="1" t="s">
        <v>127439</v>
      </c>
      <c r="G36746" s="1" t="s">
        <v>127380</v>
      </c>
      <c r="H36746" s="1" t="s">
        <v>127381</v>
      </c>
      <c r="I36746" s="1" t="s">
        <v>126615</v>
      </c>
      <c r="J36746" s="1" t="s">
        <v>127440</v>
      </c>
    </row>
    <row r="36747" spans="1:10" x14ac:dyDescent="0.35">
      <c r="A36747" s="1" t="s">
        <v>29984</v>
      </c>
      <c r="B36747" s="1" t="s">
        <v>126612</v>
      </c>
      <c r="C36747" s="1" t="s">
        <v>90</v>
      </c>
      <c r="D36747" s="1" t="s">
        <v>127441</v>
      </c>
      <c r="E36747" s="1" t="s">
        <v>127442</v>
      </c>
      <c r="F36747" s="1" t="s">
        <v>127443</v>
      </c>
      <c r="G36747" s="1" t="s">
        <v>127380</v>
      </c>
      <c r="H36747" s="1" t="s">
        <v>127381</v>
      </c>
      <c r="I36747" s="1" t="s">
        <v>126615</v>
      </c>
      <c r="J36747" s="1" t="s">
        <v>127444</v>
      </c>
    </row>
    <row r="36748" spans="1:10" x14ac:dyDescent="0.35">
      <c r="A36748" s="1" t="s">
        <v>29984</v>
      </c>
      <c r="B36748" s="1" t="s">
        <v>126612</v>
      </c>
      <c r="C36748" s="1" t="s">
        <v>95</v>
      </c>
      <c r="D36748" s="1" t="s">
        <v>127445</v>
      </c>
      <c r="E36748" s="1" t="s">
        <v>127446</v>
      </c>
      <c r="F36748" s="1" t="s">
        <v>127447</v>
      </c>
      <c r="G36748" s="1" t="s">
        <v>127380</v>
      </c>
      <c r="H36748" s="1" t="s">
        <v>127381</v>
      </c>
      <c r="I36748" s="1" t="s">
        <v>126615</v>
      </c>
      <c r="J36748" s="1" t="s">
        <v>127448</v>
      </c>
    </row>
    <row r="36749" spans="1:10" x14ac:dyDescent="0.35">
      <c r="A36749" s="1" t="s">
        <v>29984</v>
      </c>
      <c r="B36749" s="1" t="s">
        <v>126612</v>
      </c>
      <c r="C36749" s="1" t="s">
        <v>100</v>
      </c>
      <c r="D36749" s="1" t="s">
        <v>127449</v>
      </c>
      <c r="E36749" s="1" t="s">
        <v>127450</v>
      </c>
      <c r="F36749" s="1" t="s">
        <v>127451</v>
      </c>
      <c r="G36749" s="1" t="s">
        <v>127380</v>
      </c>
      <c r="H36749" s="1" t="s">
        <v>127381</v>
      </c>
      <c r="I36749" s="1" t="s">
        <v>126615</v>
      </c>
      <c r="J36749" s="1" t="s">
        <v>127452</v>
      </c>
    </row>
    <row r="36750" spans="1:10" x14ac:dyDescent="0.35">
      <c r="A36750" s="1" t="s">
        <v>29984</v>
      </c>
      <c r="B36750" s="1" t="s">
        <v>126612</v>
      </c>
      <c r="C36750" s="1" t="s">
        <v>105</v>
      </c>
      <c r="D36750" s="1" t="s">
        <v>127453</v>
      </c>
      <c r="E36750" s="1" t="s">
        <v>127454</v>
      </c>
      <c r="F36750" s="1" t="s">
        <v>127455</v>
      </c>
      <c r="G36750" s="1" t="s">
        <v>127380</v>
      </c>
      <c r="H36750" s="1" t="s">
        <v>127381</v>
      </c>
      <c r="I36750" s="1" t="s">
        <v>126615</v>
      </c>
      <c r="J36750" s="1" t="s">
        <v>127456</v>
      </c>
    </row>
    <row r="36751" spans="1:10" x14ac:dyDescent="0.35">
      <c r="A36751" s="1" t="s">
        <v>29984</v>
      </c>
      <c r="B36751" s="1" t="s">
        <v>126612</v>
      </c>
      <c r="C36751" s="1" t="s">
        <v>110</v>
      </c>
      <c r="D36751" s="1" t="s">
        <v>127457</v>
      </c>
      <c r="E36751" s="1" t="s">
        <v>127458</v>
      </c>
      <c r="F36751" s="1" t="s">
        <v>127459</v>
      </c>
      <c r="G36751" s="1" t="s">
        <v>127380</v>
      </c>
      <c r="H36751" s="1" t="s">
        <v>127381</v>
      </c>
      <c r="I36751" s="1" t="s">
        <v>126615</v>
      </c>
      <c r="J36751" s="1" t="s">
        <v>127460</v>
      </c>
    </row>
    <row r="36752" spans="1:10" x14ac:dyDescent="0.35">
      <c r="A36752" s="1" t="s">
        <v>29984</v>
      </c>
      <c r="B36752" s="1" t="s">
        <v>126612</v>
      </c>
      <c r="C36752" s="1" t="s">
        <v>115</v>
      </c>
      <c r="D36752" s="1" t="s">
        <v>127461</v>
      </c>
      <c r="E36752" s="1" t="s">
        <v>127462</v>
      </c>
      <c r="F36752" s="1" t="s">
        <v>127463</v>
      </c>
      <c r="G36752" s="1" t="s">
        <v>127380</v>
      </c>
      <c r="H36752" s="1" t="s">
        <v>127381</v>
      </c>
      <c r="I36752" s="1" t="s">
        <v>126615</v>
      </c>
      <c r="J36752" s="1" t="s">
        <v>127464</v>
      </c>
    </row>
    <row r="36753" spans="1:10" x14ac:dyDescent="0.35">
      <c r="A36753" s="1" t="s">
        <v>29984</v>
      </c>
      <c r="B36753" s="1" t="s">
        <v>126612</v>
      </c>
      <c r="C36753" s="1" t="s">
        <v>120</v>
      </c>
      <c r="D36753" s="1" t="s">
        <v>26099</v>
      </c>
      <c r="E36753" s="1" t="s">
        <v>127465</v>
      </c>
      <c r="F36753" s="1" t="s">
        <v>127466</v>
      </c>
      <c r="G36753" s="1" t="s">
        <v>127380</v>
      </c>
      <c r="H36753" s="1" t="s">
        <v>127381</v>
      </c>
      <c r="I36753" s="1" t="s">
        <v>126615</v>
      </c>
      <c r="J36753" s="1" t="s">
        <v>127467</v>
      </c>
    </row>
    <row r="36754" spans="1:10" x14ac:dyDescent="0.35">
      <c r="A36754" s="1" t="s">
        <v>29984</v>
      </c>
      <c r="B36754" s="1" t="s">
        <v>126612</v>
      </c>
      <c r="C36754" s="1" t="s">
        <v>125</v>
      </c>
      <c r="D36754" s="1" t="s">
        <v>127468</v>
      </c>
      <c r="E36754" s="1" t="s">
        <v>127469</v>
      </c>
      <c r="F36754" s="1" t="s">
        <v>127470</v>
      </c>
      <c r="G36754" s="1" t="s">
        <v>127380</v>
      </c>
      <c r="H36754" s="1" t="s">
        <v>127381</v>
      </c>
      <c r="I36754" s="1" t="s">
        <v>126615</v>
      </c>
      <c r="J36754" s="1" t="s">
        <v>127471</v>
      </c>
    </row>
    <row r="36755" spans="1:10" x14ac:dyDescent="0.35">
      <c r="A36755" s="1" t="s">
        <v>29984</v>
      </c>
      <c r="B36755" s="1" t="s">
        <v>126612</v>
      </c>
      <c r="C36755" s="1" t="s">
        <v>130</v>
      </c>
      <c r="D36755" s="1" t="s">
        <v>41642</v>
      </c>
      <c r="E36755" s="1" t="s">
        <v>127472</v>
      </c>
      <c r="F36755" s="1" t="s">
        <v>127473</v>
      </c>
      <c r="G36755" s="1" t="s">
        <v>127380</v>
      </c>
      <c r="H36755" s="1" t="s">
        <v>127381</v>
      </c>
      <c r="I36755" s="1" t="s">
        <v>126615</v>
      </c>
      <c r="J36755" s="1" t="s">
        <v>127474</v>
      </c>
    </row>
    <row r="36756" spans="1:10" x14ac:dyDescent="0.35">
      <c r="A36756" s="1" t="s">
        <v>29984</v>
      </c>
      <c r="B36756" s="1" t="s">
        <v>126612</v>
      </c>
      <c r="C36756" s="1" t="s">
        <v>135</v>
      </c>
      <c r="D36756" s="1" t="s">
        <v>127475</v>
      </c>
      <c r="E36756" s="1" t="s">
        <v>127476</v>
      </c>
      <c r="F36756" s="1" t="s">
        <v>127477</v>
      </c>
      <c r="G36756" s="1" t="s">
        <v>127380</v>
      </c>
      <c r="H36756" s="1" t="s">
        <v>127381</v>
      </c>
      <c r="I36756" s="1" t="s">
        <v>126615</v>
      </c>
      <c r="J36756" s="1" t="s">
        <v>127478</v>
      </c>
    </row>
    <row r="36757" spans="1:10" x14ac:dyDescent="0.35">
      <c r="A36757" s="1" t="s">
        <v>29984</v>
      </c>
      <c r="B36757" s="1" t="s">
        <v>126612</v>
      </c>
      <c r="C36757" s="1" t="s">
        <v>140</v>
      </c>
      <c r="D36757" s="1" t="s">
        <v>127479</v>
      </c>
      <c r="E36757" s="1" t="s">
        <v>127480</v>
      </c>
      <c r="F36757" s="1" t="s">
        <v>127481</v>
      </c>
      <c r="G36757" s="1" t="s">
        <v>127380</v>
      </c>
      <c r="H36757" s="1" t="s">
        <v>127381</v>
      </c>
      <c r="I36757" s="1" t="s">
        <v>126615</v>
      </c>
      <c r="J36757" s="1" t="s">
        <v>127482</v>
      </c>
    </row>
    <row r="36758" spans="1:10" x14ac:dyDescent="0.35">
      <c r="A36758" s="1" t="s">
        <v>29984</v>
      </c>
      <c r="B36758" s="1" t="s">
        <v>126612</v>
      </c>
      <c r="C36758" s="1" t="s">
        <v>145</v>
      </c>
      <c r="D36758" s="1" t="s">
        <v>127483</v>
      </c>
      <c r="E36758" s="1" t="s">
        <v>127484</v>
      </c>
      <c r="F36758" s="1" t="s">
        <v>127485</v>
      </c>
      <c r="G36758" s="1" t="s">
        <v>127380</v>
      </c>
      <c r="H36758" s="1" t="s">
        <v>127381</v>
      </c>
      <c r="I36758" s="1" t="s">
        <v>126615</v>
      </c>
      <c r="J36758" s="1" t="s">
        <v>127486</v>
      </c>
    </row>
    <row r="36759" spans="1:10" x14ac:dyDescent="0.35">
      <c r="A36759" s="1" t="s">
        <v>29984</v>
      </c>
      <c r="B36759" s="1" t="s">
        <v>126612</v>
      </c>
      <c r="C36759" s="1" t="s">
        <v>150</v>
      </c>
      <c r="D36759" s="1" t="s">
        <v>127487</v>
      </c>
      <c r="E36759" s="1" t="s">
        <v>127488</v>
      </c>
      <c r="F36759" s="1" t="s">
        <v>127489</v>
      </c>
      <c r="G36759" s="1" t="s">
        <v>127380</v>
      </c>
      <c r="H36759" s="1" t="s">
        <v>127381</v>
      </c>
      <c r="I36759" s="1" t="s">
        <v>126615</v>
      </c>
      <c r="J36759" s="1" t="s">
        <v>127490</v>
      </c>
    </row>
    <row r="36760" spans="1:10" x14ac:dyDescent="0.35">
      <c r="A36760" s="1" t="s">
        <v>29984</v>
      </c>
      <c r="B36760" s="1" t="s">
        <v>126612</v>
      </c>
      <c r="C36760" s="1" t="s">
        <v>155</v>
      </c>
      <c r="D36760" s="1" t="s">
        <v>127491</v>
      </c>
      <c r="E36760" s="1" t="s">
        <v>127492</v>
      </c>
      <c r="F36760" s="1" t="s">
        <v>127493</v>
      </c>
      <c r="G36760" s="1" t="s">
        <v>127380</v>
      </c>
      <c r="H36760" s="1" t="s">
        <v>127381</v>
      </c>
      <c r="I36760" s="1" t="s">
        <v>126615</v>
      </c>
      <c r="J36760" s="1" t="s">
        <v>127494</v>
      </c>
    </row>
    <row r="36761" spans="1:10" x14ac:dyDescent="0.35">
      <c r="A36761" s="1" t="s">
        <v>29984</v>
      </c>
      <c r="B36761" s="1" t="s">
        <v>126612</v>
      </c>
      <c r="C36761" s="1" t="s">
        <v>160</v>
      </c>
      <c r="D36761" s="1" t="s">
        <v>127495</v>
      </c>
      <c r="E36761" s="1" t="s">
        <v>127496</v>
      </c>
      <c r="F36761" s="1" t="s">
        <v>127497</v>
      </c>
      <c r="G36761" s="1" t="s">
        <v>127380</v>
      </c>
      <c r="H36761" s="1" t="s">
        <v>127381</v>
      </c>
      <c r="I36761" s="1" t="s">
        <v>126615</v>
      </c>
      <c r="J36761" s="1" t="s">
        <v>127498</v>
      </c>
    </row>
    <row r="36762" spans="1:10" x14ac:dyDescent="0.35">
      <c r="A36762" s="1" t="s">
        <v>29984</v>
      </c>
      <c r="B36762" s="1" t="s">
        <v>126612</v>
      </c>
      <c r="C36762" s="1" t="s">
        <v>165</v>
      </c>
      <c r="D36762" s="1" t="s">
        <v>127499</v>
      </c>
      <c r="E36762" s="1" t="s">
        <v>127500</v>
      </c>
      <c r="F36762" s="1" t="s">
        <v>127501</v>
      </c>
      <c r="G36762" s="1" t="s">
        <v>127380</v>
      </c>
      <c r="H36762" s="1" t="s">
        <v>127381</v>
      </c>
      <c r="I36762" s="1" t="s">
        <v>126615</v>
      </c>
      <c r="J36762" s="1" t="s">
        <v>127502</v>
      </c>
    </row>
    <row r="36763" spans="1:10" x14ac:dyDescent="0.35">
      <c r="A36763" s="1" t="s">
        <v>29984</v>
      </c>
      <c r="B36763" s="1" t="s">
        <v>126612</v>
      </c>
      <c r="C36763" s="1" t="s">
        <v>170</v>
      </c>
      <c r="D36763" s="1" t="s">
        <v>127503</v>
      </c>
      <c r="E36763" s="1" t="s">
        <v>127504</v>
      </c>
      <c r="F36763" s="1" t="s">
        <v>127505</v>
      </c>
      <c r="G36763" s="1" t="s">
        <v>127380</v>
      </c>
      <c r="H36763" s="1" t="s">
        <v>127381</v>
      </c>
      <c r="I36763" s="1" t="s">
        <v>126615</v>
      </c>
      <c r="J36763" s="1" t="s">
        <v>127506</v>
      </c>
    </row>
    <row r="36764" spans="1:10" x14ac:dyDescent="0.35">
      <c r="A36764" s="1" t="s">
        <v>120116</v>
      </c>
      <c r="B36764" s="1" t="s">
        <v>126612</v>
      </c>
      <c r="C36764" s="1" t="s">
        <v>8</v>
      </c>
      <c r="D36764" s="1" t="s">
        <v>127507</v>
      </c>
      <c r="E36764" s="1" t="s">
        <v>127508</v>
      </c>
      <c r="F36764" s="1" t="s">
        <v>127509</v>
      </c>
      <c r="G36764" s="1" t="s">
        <v>127510</v>
      </c>
      <c r="H36764" s="1" t="s">
        <v>127511</v>
      </c>
      <c r="I36764" s="1" t="s">
        <v>126615</v>
      </c>
      <c r="J36764" s="1" t="s">
        <v>13</v>
      </c>
    </row>
    <row r="36765" spans="1:10" x14ac:dyDescent="0.35">
      <c r="A36765" s="1" t="s">
        <v>120116</v>
      </c>
      <c r="B36765" s="1" t="s">
        <v>126612</v>
      </c>
      <c r="C36765" s="1" t="s">
        <v>15</v>
      </c>
      <c r="D36765" s="1" t="s">
        <v>127512</v>
      </c>
      <c r="E36765" s="1" t="s">
        <v>127513</v>
      </c>
      <c r="F36765" s="1" t="s">
        <v>127514</v>
      </c>
      <c r="G36765" s="1" t="s">
        <v>127510</v>
      </c>
      <c r="H36765" s="1" t="s">
        <v>127511</v>
      </c>
      <c r="I36765" s="1" t="s">
        <v>126615</v>
      </c>
      <c r="J36765" s="1" t="s">
        <v>127515</v>
      </c>
    </row>
    <row r="36766" spans="1:10" x14ac:dyDescent="0.35">
      <c r="A36766" s="1" t="s">
        <v>120116</v>
      </c>
      <c r="B36766" s="1" t="s">
        <v>126612</v>
      </c>
      <c r="C36766" s="1" t="s">
        <v>20</v>
      </c>
      <c r="D36766" s="1" t="s">
        <v>127516</v>
      </c>
      <c r="E36766" s="1" t="s">
        <v>127517</v>
      </c>
      <c r="F36766" s="1" t="s">
        <v>127518</v>
      </c>
      <c r="G36766" s="1" t="s">
        <v>127510</v>
      </c>
      <c r="H36766" s="1" t="s">
        <v>127511</v>
      </c>
      <c r="I36766" s="1" t="s">
        <v>126615</v>
      </c>
      <c r="J36766" s="1" t="s">
        <v>127519</v>
      </c>
    </row>
    <row r="36767" spans="1:10" x14ac:dyDescent="0.35">
      <c r="A36767" s="1" t="s">
        <v>120116</v>
      </c>
      <c r="B36767" s="1" t="s">
        <v>126612</v>
      </c>
      <c r="C36767" s="1" t="s">
        <v>25</v>
      </c>
      <c r="D36767" s="1" t="s">
        <v>127520</v>
      </c>
      <c r="E36767" s="1" t="s">
        <v>127521</v>
      </c>
      <c r="F36767" s="1" t="s">
        <v>127522</v>
      </c>
      <c r="G36767" s="1" t="s">
        <v>127510</v>
      </c>
      <c r="H36767" s="1" t="s">
        <v>127511</v>
      </c>
      <c r="I36767" s="1" t="s">
        <v>126615</v>
      </c>
      <c r="J36767" s="1" t="s">
        <v>127523</v>
      </c>
    </row>
    <row r="36768" spans="1:10" x14ac:dyDescent="0.35">
      <c r="A36768" s="1" t="s">
        <v>120116</v>
      </c>
      <c r="B36768" s="1" t="s">
        <v>126612</v>
      </c>
      <c r="C36768" s="1" t="s">
        <v>30</v>
      </c>
      <c r="D36768" s="1" t="s">
        <v>127524</v>
      </c>
      <c r="E36768" s="1" t="s">
        <v>127525</v>
      </c>
      <c r="F36768" s="1" t="s">
        <v>127526</v>
      </c>
      <c r="G36768" s="1" t="s">
        <v>127510</v>
      </c>
      <c r="H36768" s="1" t="s">
        <v>127511</v>
      </c>
      <c r="I36768" s="1" t="s">
        <v>126615</v>
      </c>
      <c r="J36768" s="1" t="s">
        <v>127527</v>
      </c>
    </row>
    <row r="36769" spans="1:10" x14ac:dyDescent="0.35">
      <c r="A36769" s="1" t="s">
        <v>120116</v>
      </c>
      <c r="B36769" s="1" t="s">
        <v>126612</v>
      </c>
      <c r="C36769" s="1" t="s">
        <v>35</v>
      </c>
      <c r="D36769" s="1" t="s">
        <v>127528</v>
      </c>
      <c r="E36769" s="1" t="s">
        <v>127529</v>
      </c>
      <c r="F36769" s="1" t="s">
        <v>127530</v>
      </c>
      <c r="G36769" s="1" t="s">
        <v>127510</v>
      </c>
      <c r="H36769" s="1" t="s">
        <v>127511</v>
      </c>
      <c r="I36769" s="1" t="s">
        <v>126615</v>
      </c>
      <c r="J36769" s="1" t="s">
        <v>127531</v>
      </c>
    </row>
    <row r="36770" spans="1:10" x14ac:dyDescent="0.35">
      <c r="A36770" s="1" t="s">
        <v>120116</v>
      </c>
      <c r="B36770" s="1" t="s">
        <v>126612</v>
      </c>
      <c r="C36770" s="1" t="s">
        <v>40</v>
      </c>
      <c r="D36770" s="1" t="s">
        <v>127532</v>
      </c>
      <c r="E36770" s="1" t="s">
        <v>127533</v>
      </c>
      <c r="F36770" s="1" t="s">
        <v>127534</v>
      </c>
      <c r="G36770" s="1" t="s">
        <v>127510</v>
      </c>
      <c r="H36770" s="1" t="s">
        <v>127511</v>
      </c>
      <c r="I36770" s="1" t="s">
        <v>126615</v>
      </c>
      <c r="J36770" s="1" t="s">
        <v>127535</v>
      </c>
    </row>
    <row r="36771" spans="1:10" x14ac:dyDescent="0.35">
      <c r="A36771" s="1" t="s">
        <v>120116</v>
      </c>
      <c r="B36771" s="1" t="s">
        <v>126612</v>
      </c>
      <c r="C36771" s="1" t="s">
        <v>45</v>
      </c>
      <c r="D36771" s="1" t="s">
        <v>127536</v>
      </c>
      <c r="E36771" s="1" t="s">
        <v>127537</v>
      </c>
      <c r="F36771" s="1" t="s">
        <v>127538</v>
      </c>
      <c r="G36771" s="1" t="s">
        <v>127510</v>
      </c>
      <c r="H36771" s="1" t="s">
        <v>127511</v>
      </c>
      <c r="I36771" s="1" t="s">
        <v>126615</v>
      </c>
      <c r="J36771" s="1" t="s">
        <v>127539</v>
      </c>
    </row>
    <row r="36772" spans="1:10" x14ac:dyDescent="0.35">
      <c r="A36772" s="1" t="s">
        <v>120116</v>
      </c>
      <c r="B36772" s="1" t="s">
        <v>126612</v>
      </c>
      <c r="C36772" s="1" t="s">
        <v>50</v>
      </c>
      <c r="D36772" s="1" t="s">
        <v>127540</v>
      </c>
      <c r="E36772" s="1" t="s">
        <v>127541</v>
      </c>
      <c r="F36772" s="1" t="s">
        <v>127542</v>
      </c>
      <c r="G36772" s="1" t="s">
        <v>127510</v>
      </c>
      <c r="H36772" s="1" t="s">
        <v>127511</v>
      </c>
      <c r="I36772" s="1" t="s">
        <v>126615</v>
      </c>
      <c r="J36772" s="1" t="s">
        <v>127543</v>
      </c>
    </row>
    <row r="36773" spans="1:10" x14ac:dyDescent="0.35">
      <c r="A36773" s="1" t="s">
        <v>120116</v>
      </c>
      <c r="B36773" s="1" t="s">
        <v>126612</v>
      </c>
      <c r="C36773" s="1" t="s">
        <v>55</v>
      </c>
      <c r="D36773" s="1" t="s">
        <v>127544</v>
      </c>
      <c r="E36773" s="1" t="s">
        <v>127545</v>
      </c>
      <c r="F36773" s="1" t="s">
        <v>127546</v>
      </c>
      <c r="G36773" s="1" t="s">
        <v>127510</v>
      </c>
      <c r="H36773" s="1" t="s">
        <v>127511</v>
      </c>
      <c r="I36773" s="1" t="s">
        <v>126615</v>
      </c>
      <c r="J36773" s="1" t="s">
        <v>127547</v>
      </c>
    </row>
    <row r="36774" spans="1:10" x14ac:dyDescent="0.35">
      <c r="A36774" s="1" t="s">
        <v>120116</v>
      </c>
      <c r="B36774" s="1" t="s">
        <v>126612</v>
      </c>
      <c r="C36774" s="1" t="s">
        <v>60</v>
      </c>
      <c r="D36774" s="1" t="s">
        <v>127548</v>
      </c>
      <c r="E36774" s="1" t="s">
        <v>127549</v>
      </c>
      <c r="F36774" s="1" t="s">
        <v>127550</v>
      </c>
      <c r="G36774" s="1" t="s">
        <v>127510</v>
      </c>
      <c r="H36774" s="1" t="s">
        <v>127511</v>
      </c>
      <c r="I36774" s="1" t="s">
        <v>126615</v>
      </c>
      <c r="J36774" s="1" t="s">
        <v>127551</v>
      </c>
    </row>
    <row r="36775" spans="1:10" x14ac:dyDescent="0.35">
      <c r="A36775" s="1" t="s">
        <v>120116</v>
      </c>
      <c r="B36775" s="1" t="s">
        <v>126612</v>
      </c>
      <c r="C36775" s="1" t="s">
        <v>65</v>
      </c>
      <c r="D36775" s="1" t="s">
        <v>127552</v>
      </c>
      <c r="E36775" s="1" t="s">
        <v>127553</v>
      </c>
      <c r="F36775" s="1" t="s">
        <v>127554</v>
      </c>
      <c r="G36775" s="1" t="s">
        <v>127510</v>
      </c>
      <c r="H36775" s="1" t="s">
        <v>127511</v>
      </c>
      <c r="I36775" s="1" t="s">
        <v>126615</v>
      </c>
      <c r="J36775" s="1" t="s">
        <v>127555</v>
      </c>
    </row>
    <row r="36776" spans="1:10" x14ac:dyDescent="0.35">
      <c r="A36776" s="1" t="s">
        <v>120116</v>
      </c>
      <c r="B36776" s="1" t="s">
        <v>126612</v>
      </c>
      <c r="C36776" s="1" t="s">
        <v>70</v>
      </c>
      <c r="D36776" s="1" t="s">
        <v>127556</v>
      </c>
      <c r="E36776" s="1" t="s">
        <v>127557</v>
      </c>
      <c r="F36776" s="1" t="s">
        <v>127558</v>
      </c>
      <c r="G36776" s="1" t="s">
        <v>127510</v>
      </c>
      <c r="H36776" s="1" t="s">
        <v>127511</v>
      </c>
      <c r="I36776" s="1" t="s">
        <v>126615</v>
      </c>
      <c r="J36776" s="1" t="s">
        <v>127559</v>
      </c>
    </row>
    <row r="36777" spans="1:10" x14ac:dyDescent="0.35">
      <c r="A36777" s="1" t="s">
        <v>120116</v>
      </c>
      <c r="B36777" s="1" t="s">
        <v>126612</v>
      </c>
      <c r="C36777" s="1" t="s">
        <v>75</v>
      </c>
      <c r="D36777" s="1" t="s">
        <v>127560</v>
      </c>
      <c r="E36777" s="1" t="s">
        <v>127561</v>
      </c>
      <c r="F36777" s="1" t="s">
        <v>127562</v>
      </c>
      <c r="G36777" s="1" t="s">
        <v>127510</v>
      </c>
      <c r="H36777" s="1" t="s">
        <v>127511</v>
      </c>
      <c r="I36777" s="1" t="s">
        <v>126615</v>
      </c>
      <c r="J36777" s="1" t="s">
        <v>127563</v>
      </c>
    </row>
    <row r="36778" spans="1:10" x14ac:dyDescent="0.35">
      <c r="A36778" s="1" t="s">
        <v>120116</v>
      </c>
      <c r="B36778" s="1" t="s">
        <v>126612</v>
      </c>
      <c r="C36778" s="1" t="s">
        <v>80</v>
      </c>
      <c r="D36778" s="1" t="s">
        <v>127564</v>
      </c>
      <c r="E36778" s="1" t="s">
        <v>127565</v>
      </c>
      <c r="F36778" s="1" t="s">
        <v>127566</v>
      </c>
      <c r="G36778" s="1" t="s">
        <v>127510</v>
      </c>
      <c r="H36778" s="1" t="s">
        <v>127511</v>
      </c>
      <c r="I36778" s="1" t="s">
        <v>126615</v>
      </c>
      <c r="J36778" s="1" t="s">
        <v>127567</v>
      </c>
    </row>
    <row r="36779" spans="1:10" x14ac:dyDescent="0.35">
      <c r="A36779" s="1" t="s">
        <v>120116</v>
      </c>
      <c r="B36779" s="1" t="s">
        <v>126612</v>
      </c>
      <c r="C36779" s="1" t="s">
        <v>85</v>
      </c>
      <c r="D36779" s="1" t="s">
        <v>127568</v>
      </c>
      <c r="E36779" s="1" t="s">
        <v>127569</v>
      </c>
      <c r="F36779" s="1" t="s">
        <v>127570</v>
      </c>
      <c r="G36779" s="1" t="s">
        <v>127510</v>
      </c>
      <c r="H36779" s="1" t="s">
        <v>127511</v>
      </c>
      <c r="I36779" s="1" t="s">
        <v>126615</v>
      </c>
      <c r="J36779" s="1" t="s">
        <v>127571</v>
      </c>
    </row>
    <row r="36780" spans="1:10" x14ac:dyDescent="0.35">
      <c r="A36780" s="1" t="s">
        <v>120116</v>
      </c>
      <c r="B36780" s="1" t="s">
        <v>126612</v>
      </c>
      <c r="C36780" s="1" t="s">
        <v>90</v>
      </c>
      <c r="D36780" s="1" t="s">
        <v>127572</v>
      </c>
      <c r="E36780" s="1" t="s">
        <v>127573</v>
      </c>
      <c r="F36780" s="1" t="s">
        <v>127574</v>
      </c>
      <c r="G36780" s="1" t="s">
        <v>127510</v>
      </c>
      <c r="H36780" s="1" t="s">
        <v>127511</v>
      </c>
      <c r="I36780" s="1" t="s">
        <v>126615</v>
      </c>
      <c r="J36780" s="1" t="s">
        <v>127575</v>
      </c>
    </row>
    <row r="36781" spans="1:10" x14ac:dyDescent="0.35">
      <c r="A36781" s="1" t="s">
        <v>120116</v>
      </c>
      <c r="B36781" s="1" t="s">
        <v>126612</v>
      </c>
      <c r="C36781" s="1" t="s">
        <v>95</v>
      </c>
      <c r="D36781" s="1" t="s">
        <v>127576</v>
      </c>
      <c r="E36781" s="1" t="s">
        <v>127577</v>
      </c>
      <c r="F36781" s="1" t="s">
        <v>127578</v>
      </c>
      <c r="G36781" s="1" t="s">
        <v>127510</v>
      </c>
      <c r="H36781" s="1" t="s">
        <v>127511</v>
      </c>
      <c r="I36781" s="1" t="s">
        <v>126615</v>
      </c>
      <c r="J36781" s="1" t="s">
        <v>127579</v>
      </c>
    </row>
    <row r="36782" spans="1:10" x14ac:dyDescent="0.35">
      <c r="A36782" s="1" t="s">
        <v>120116</v>
      </c>
      <c r="B36782" s="1" t="s">
        <v>126612</v>
      </c>
      <c r="C36782" s="1" t="s">
        <v>100</v>
      </c>
      <c r="D36782" s="1" t="s">
        <v>127580</v>
      </c>
      <c r="E36782" s="1" t="s">
        <v>127581</v>
      </c>
      <c r="F36782" s="1" t="s">
        <v>127582</v>
      </c>
      <c r="G36782" s="1" t="s">
        <v>127510</v>
      </c>
      <c r="H36782" s="1" t="s">
        <v>127511</v>
      </c>
      <c r="I36782" s="1" t="s">
        <v>126615</v>
      </c>
      <c r="J36782" s="1" t="s">
        <v>127583</v>
      </c>
    </row>
    <row r="36783" spans="1:10" x14ac:dyDescent="0.35">
      <c r="A36783" s="1" t="s">
        <v>120116</v>
      </c>
      <c r="B36783" s="1" t="s">
        <v>126612</v>
      </c>
      <c r="C36783" s="1" t="s">
        <v>105</v>
      </c>
      <c r="D36783" s="1" t="s">
        <v>127584</v>
      </c>
      <c r="E36783" s="1" t="s">
        <v>127585</v>
      </c>
      <c r="F36783" s="1" t="s">
        <v>127586</v>
      </c>
      <c r="G36783" s="1" t="s">
        <v>127510</v>
      </c>
      <c r="H36783" s="1" t="s">
        <v>127511</v>
      </c>
      <c r="I36783" s="1" t="s">
        <v>126615</v>
      </c>
      <c r="J36783" s="1" t="s">
        <v>127587</v>
      </c>
    </row>
    <row r="36784" spans="1:10" x14ac:dyDescent="0.35">
      <c r="A36784" s="1" t="s">
        <v>120116</v>
      </c>
      <c r="B36784" s="1" t="s">
        <v>126612</v>
      </c>
      <c r="C36784" s="1" t="s">
        <v>110</v>
      </c>
      <c r="D36784" s="1" t="s">
        <v>127588</v>
      </c>
      <c r="E36784" s="1" t="s">
        <v>127589</v>
      </c>
      <c r="F36784" s="1" t="s">
        <v>127590</v>
      </c>
      <c r="G36784" s="1" t="s">
        <v>127510</v>
      </c>
      <c r="H36784" s="1" t="s">
        <v>127511</v>
      </c>
      <c r="I36784" s="1" t="s">
        <v>126615</v>
      </c>
      <c r="J36784" s="1" t="s">
        <v>127591</v>
      </c>
    </row>
    <row r="36785" spans="1:10" x14ac:dyDescent="0.35">
      <c r="A36785" s="1" t="s">
        <v>120116</v>
      </c>
      <c r="B36785" s="1" t="s">
        <v>126612</v>
      </c>
      <c r="C36785" s="1" t="s">
        <v>115</v>
      </c>
      <c r="D36785" s="1" t="s">
        <v>127592</v>
      </c>
      <c r="E36785" s="1" t="s">
        <v>127593</v>
      </c>
      <c r="F36785" s="1" t="s">
        <v>127594</v>
      </c>
      <c r="G36785" s="1" t="s">
        <v>127510</v>
      </c>
      <c r="H36785" s="1" t="s">
        <v>127511</v>
      </c>
      <c r="I36785" s="1" t="s">
        <v>126615</v>
      </c>
      <c r="J36785" s="1" t="s">
        <v>127595</v>
      </c>
    </row>
    <row r="36786" spans="1:10" x14ac:dyDescent="0.35">
      <c r="A36786" s="1" t="s">
        <v>120116</v>
      </c>
      <c r="B36786" s="1" t="s">
        <v>126612</v>
      </c>
      <c r="C36786" s="1" t="s">
        <v>120</v>
      </c>
      <c r="D36786" s="1" t="s">
        <v>127596</v>
      </c>
      <c r="E36786" s="1" t="s">
        <v>127597</v>
      </c>
      <c r="F36786" s="1" t="s">
        <v>127598</v>
      </c>
      <c r="G36786" s="1" t="s">
        <v>127510</v>
      </c>
      <c r="H36786" s="1" t="s">
        <v>127511</v>
      </c>
      <c r="I36786" s="1" t="s">
        <v>126615</v>
      </c>
      <c r="J36786" s="1" t="s">
        <v>127599</v>
      </c>
    </row>
    <row r="36787" spans="1:10" x14ac:dyDescent="0.35">
      <c r="A36787" s="1" t="s">
        <v>120116</v>
      </c>
      <c r="B36787" s="1" t="s">
        <v>126612</v>
      </c>
      <c r="C36787" s="1" t="s">
        <v>125</v>
      </c>
      <c r="D36787" s="1" t="s">
        <v>127600</v>
      </c>
      <c r="E36787" s="1" t="s">
        <v>127601</v>
      </c>
      <c r="F36787" s="1" t="s">
        <v>127602</v>
      </c>
      <c r="G36787" s="1" t="s">
        <v>127510</v>
      </c>
      <c r="H36787" s="1" t="s">
        <v>127511</v>
      </c>
      <c r="I36787" s="1" t="s">
        <v>126615</v>
      </c>
      <c r="J36787" s="1" t="s">
        <v>127603</v>
      </c>
    </row>
    <row r="36788" spans="1:10" x14ac:dyDescent="0.35">
      <c r="A36788" s="1" t="s">
        <v>120116</v>
      </c>
      <c r="B36788" s="1" t="s">
        <v>126612</v>
      </c>
      <c r="C36788" s="1" t="s">
        <v>130</v>
      </c>
      <c r="D36788" s="1" t="s">
        <v>127604</v>
      </c>
      <c r="E36788" s="1" t="s">
        <v>127605</v>
      </c>
      <c r="F36788" s="1" t="s">
        <v>127606</v>
      </c>
      <c r="G36788" s="1" t="s">
        <v>127510</v>
      </c>
      <c r="H36788" s="1" t="s">
        <v>127511</v>
      </c>
      <c r="I36788" s="1" t="s">
        <v>126615</v>
      </c>
      <c r="J36788" s="1" t="s">
        <v>127607</v>
      </c>
    </row>
    <row r="36789" spans="1:10" x14ac:dyDescent="0.35">
      <c r="A36789" s="1" t="s">
        <v>120116</v>
      </c>
      <c r="B36789" s="1" t="s">
        <v>126612</v>
      </c>
      <c r="C36789" s="1" t="s">
        <v>135</v>
      </c>
      <c r="D36789" s="1" t="s">
        <v>127608</v>
      </c>
      <c r="E36789" s="1" t="s">
        <v>127609</v>
      </c>
      <c r="F36789" s="1" t="s">
        <v>127610</v>
      </c>
      <c r="G36789" s="1" t="s">
        <v>127510</v>
      </c>
      <c r="H36789" s="1" t="s">
        <v>127511</v>
      </c>
      <c r="I36789" s="1" t="s">
        <v>126615</v>
      </c>
      <c r="J36789" s="1" t="s">
        <v>127611</v>
      </c>
    </row>
    <row r="36790" spans="1:10" x14ac:dyDescent="0.35">
      <c r="A36790" s="1" t="s">
        <v>120116</v>
      </c>
      <c r="B36790" s="1" t="s">
        <v>126612</v>
      </c>
      <c r="C36790" s="1" t="s">
        <v>140</v>
      </c>
      <c r="D36790" s="1" t="s">
        <v>127612</v>
      </c>
      <c r="E36790" s="1" t="s">
        <v>127613</v>
      </c>
      <c r="F36790" s="1" t="s">
        <v>127614</v>
      </c>
      <c r="G36790" s="1" t="s">
        <v>127510</v>
      </c>
      <c r="H36790" s="1" t="s">
        <v>127511</v>
      </c>
      <c r="I36790" s="1" t="s">
        <v>126615</v>
      </c>
      <c r="J36790" s="1" t="s">
        <v>127615</v>
      </c>
    </row>
    <row r="36791" spans="1:10" x14ac:dyDescent="0.35">
      <c r="A36791" s="1" t="s">
        <v>120116</v>
      </c>
      <c r="B36791" s="1" t="s">
        <v>126612</v>
      </c>
      <c r="C36791" s="1" t="s">
        <v>145</v>
      </c>
      <c r="D36791" s="1" t="s">
        <v>127616</v>
      </c>
      <c r="E36791" s="1" t="s">
        <v>127617</v>
      </c>
      <c r="F36791" s="1" t="s">
        <v>127618</v>
      </c>
      <c r="G36791" s="1" t="s">
        <v>127510</v>
      </c>
      <c r="H36791" s="1" t="s">
        <v>127511</v>
      </c>
      <c r="I36791" s="1" t="s">
        <v>126615</v>
      </c>
      <c r="J36791" s="1" t="s">
        <v>127619</v>
      </c>
    </row>
    <row r="36792" spans="1:10" x14ac:dyDescent="0.35">
      <c r="A36792" s="1" t="s">
        <v>120116</v>
      </c>
      <c r="B36792" s="1" t="s">
        <v>126612</v>
      </c>
      <c r="C36792" s="1" t="s">
        <v>150</v>
      </c>
      <c r="D36792" s="1" t="s">
        <v>127620</v>
      </c>
      <c r="E36792" s="1" t="s">
        <v>127621</v>
      </c>
      <c r="F36792" s="1" t="s">
        <v>127622</v>
      </c>
      <c r="G36792" s="1" t="s">
        <v>127510</v>
      </c>
      <c r="H36792" s="1" t="s">
        <v>127511</v>
      </c>
      <c r="I36792" s="1" t="s">
        <v>126615</v>
      </c>
      <c r="J36792" s="1" t="s">
        <v>127623</v>
      </c>
    </row>
    <row r="36793" spans="1:10" x14ac:dyDescent="0.35">
      <c r="A36793" s="1" t="s">
        <v>120116</v>
      </c>
      <c r="B36793" s="1" t="s">
        <v>126612</v>
      </c>
      <c r="C36793" s="1" t="s">
        <v>155</v>
      </c>
      <c r="D36793" s="1" t="s">
        <v>127624</v>
      </c>
      <c r="E36793" s="1" t="s">
        <v>127625</v>
      </c>
      <c r="F36793" s="1" t="s">
        <v>127626</v>
      </c>
      <c r="G36793" s="1" t="s">
        <v>127510</v>
      </c>
      <c r="H36793" s="1" t="s">
        <v>127511</v>
      </c>
      <c r="I36793" s="1" t="s">
        <v>126615</v>
      </c>
      <c r="J36793" s="1" t="s">
        <v>127627</v>
      </c>
    </row>
    <row r="36794" spans="1:10" x14ac:dyDescent="0.35">
      <c r="A36794" s="1" t="s">
        <v>120116</v>
      </c>
      <c r="B36794" s="1" t="s">
        <v>126612</v>
      </c>
      <c r="C36794" s="1" t="s">
        <v>160</v>
      </c>
      <c r="D36794" s="1" t="s">
        <v>127628</v>
      </c>
      <c r="E36794" s="1" t="s">
        <v>127629</v>
      </c>
      <c r="F36794" s="1" t="s">
        <v>122683</v>
      </c>
      <c r="G36794" s="1" t="s">
        <v>127510</v>
      </c>
      <c r="H36794" s="1" t="s">
        <v>127511</v>
      </c>
      <c r="I36794" s="1" t="s">
        <v>126615</v>
      </c>
      <c r="J36794" s="1" t="s">
        <v>127630</v>
      </c>
    </row>
    <row r="36795" spans="1:10" x14ac:dyDescent="0.35">
      <c r="A36795" s="1" t="s">
        <v>120116</v>
      </c>
      <c r="B36795" s="1" t="s">
        <v>126612</v>
      </c>
      <c r="C36795" s="1" t="s">
        <v>165</v>
      </c>
      <c r="D36795" s="1" t="s">
        <v>127631</v>
      </c>
      <c r="E36795" s="1" t="s">
        <v>127632</v>
      </c>
      <c r="F36795" s="1" t="s">
        <v>127633</v>
      </c>
      <c r="G36795" s="1" t="s">
        <v>127510</v>
      </c>
      <c r="H36795" s="1" t="s">
        <v>127511</v>
      </c>
      <c r="I36795" s="1" t="s">
        <v>126615</v>
      </c>
      <c r="J36795" s="1" t="s">
        <v>127634</v>
      </c>
    </row>
    <row r="36796" spans="1:10" x14ac:dyDescent="0.35">
      <c r="A36796" s="1" t="s">
        <v>120116</v>
      </c>
      <c r="B36796" s="1" t="s">
        <v>126612</v>
      </c>
      <c r="C36796" s="1" t="s">
        <v>170</v>
      </c>
      <c r="D36796" s="1" t="s">
        <v>127635</v>
      </c>
      <c r="E36796" s="1" t="s">
        <v>127636</v>
      </c>
      <c r="F36796" s="1" t="s">
        <v>127637</v>
      </c>
      <c r="G36796" s="1" t="s">
        <v>127510</v>
      </c>
      <c r="H36796" s="1" t="s">
        <v>127511</v>
      </c>
      <c r="I36796" s="1" t="s">
        <v>126615</v>
      </c>
      <c r="J36796" s="1" t="s">
        <v>127638</v>
      </c>
    </row>
    <row r="36797" spans="1:10" x14ac:dyDescent="0.35">
      <c r="A36797" s="1" t="s">
        <v>2004</v>
      </c>
      <c r="B36797" s="1" t="s">
        <v>126612</v>
      </c>
      <c r="C36797" s="1" t="s">
        <v>8</v>
      </c>
      <c r="D36797" s="1" t="s">
        <v>55051</v>
      </c>
      <c r="E36797" s="1" t="s">
        <v>127639</v>
      </c>
      <c r="F36797" s="1" t="s">
        <v>127640</v>
      </c>
      <c r="G36797" s="1" t="s">
        <v>127641</v>
      </c>
      <c r="H36797" s="1" t="s">
        <v>127642</v>
      </c>
      <c r="I36797" s="1" t="s">
        <v>126615</v>
      </c>
      <c r="J36797" s="1" t="s">
        <v>13</v>
      </c>
    </row>
    <row r="36798" spans="1:10" x14ac:dyDescent="0.35">
      <c r="A36798" s="1" t="s">
        <v>2004</v>
      </c>
      <c r="B36798" s="1" t="s">
        <v>126612</v>
      </c>
      <c r="C36798" s="1" t="s">
        <v>15</v>
      </c>
      <c r="D36798" s="1" t="s">
        <v>127643</v>
      </c>
      <c r="E36798" s="1" t="s">
        <v>127644</v>
      </c>
      <c r="F36798" s="1" t="s">
        <v>127645</v>
      </c>
      <c r="G36798" s="1" t="s">
        <v>127641</v>
      </c>
      <c r="H36798" s="1" t="s">
        <v>127642</v>
      </c>
      <c r="I36798" s="1" t="s">
        <v>126615</v>
      </c>
      <c r="J36798" s="1" t="s">
        <v>127646</v>
      </c>
    </row>
    <row r="36799" spans="1:10" x14ac:dyDescent="0.35">
      <c r="A36799" s="1" t="s">
        <v>2004</v>
      </c>
      <c r="B36799" s="1" t="s">
        <v>126612</v>
      </c>
      <c r="C36799" s="1" t="s">
        <v>20</v>
      </c>
      <c r="D36799" s="1" t="s">
        <v>127647</v>
      </c>
      <c r="E36799" s="1" t="s">
        <v>127648</v>
      </c>
      <c r="F36799" s="1" t="s">
        <v>127649</v>
      </c>
      <c r="G36799" s="1" t="s">
        <v>127641</v>
      </c>
      <c r="H36799" s="1" t="s">
        <v>127642</v>
      </c>
      <c r="I36799" s="1" t="s">
        <v>126615</v>
      </c>
      <c r="J36799" s="1" t="s">
        <v>127650</v>
      </c>
    </row>
    <row r="36800" spans="1:10" x14ac:dyDescent="0.35">
      <c r="A36800" s="1" t="s">
        <v>2004</v>
      </c>
      <c r="B36800" s="1" t="s">
        <v>126612</v>
      </c>
      <c r="C36800" s="1" t="s">
        <v>25</v>
      </c>
      <c r="D36800" s="1" t="s">
        <v>127651</v>
      </c>
      <c r="E36800" s="1" t="s">
        <v>127652</v>
      </c>
      <c r="F36800" s="1" t="s">
        <v>127653</v>
      </c>
      <c r="G36800" s="1" t="s">
        <v>127641</v>
      </c>
      <c r="H36800" s="1" t="s">
        <v>127642</v>
      </c>
      <c r="I36800" s="1" t="s">
        <v>126615</v>
      </c>
      <c r="J36800" s="1" t="s">
        <v>127654</v>
      </c>
    </row>
    <row r="36801" spans="1:10" x14ac:dyDescent="0.35">
      <c r="A36801" s="1" t="s">
        <v>2004</v>
      </c>
      <c r="B36801" s="1" t="s">
        <v>126612</v>
      </c>
      <c r="C36801" s="1" t="s">
        <v>30</v>
      </c>
      <c r="D36801" s="1" t="s">
        <v>127655</v>
      </c>
      <c r="E36801" s="1" t="s">
        <v>127656</v>
      </c>
      <c r="F36801" s="1" t="s">
        <v>127657</v>
      </c>
      <c r="G36801" s="1" t="s">
        <v>127641</v>
      </c>
      <c r="H36801" s="1" t="s">
        <v>127642</v>
      </c>
      <c r="I36801" s="1" t="s">
        <v>126615</v>
      </c>
      <c r="J36801" s="1" t="s">
        <v>127658</v>
      </c>
    </row>
    <row r="36802" spans="1:10" x14ac:dyDescent="0.35">
      <c r="A36802" s="1" t="s">
        <v>2004</v>
      </c>
      <c r="B36802" s="1" t="s">
        <v>126612</v>
      </c>
      <c r="C36802" s="1" t="s">
        <v>35</v>
      </c>
      <c r="D36802" s="1" t="s">
        <v>127659</v>
      </c>
      <c r="E36802" s="1" t="s">
        <v>127660</v>
      </c>
      <c r="F36802" s="1" t="s">
        <v>127661</v>
      </c>
      <c r="G36802" s="1" t="s">
        <v>127641</v>
      </c>
      <c r="H36802" s="1" t="s">
        <v>127642</v>
      </c>
      <c r="I36802" s="1" t="s">
        <v>126615</v>
      </c>
      <c r="J36802" s="1" t="s">
        <v>127662</v>
      </c>
    </row>
    <row r="36803" spans="1:10" x14ac:dyDescent="0.35">
      <c r="A36803" s="1" t="s">
        <v>2004</v>
      </c>
      <c r="B36803" s="1" t="s">
        <v>126612</v>
      </c>
      <c r="C36803" s="1" t="s">
        <v>40</v>
      </c>
      <c r="D36803" s="1" t="s">
        <v>127663</v>
      </c>
      <c r="E36803" s="1" t="s">
        <v>127664</v>
      </c>
      <c r="F36803" s="1" t="s">
        <v>127665</v>
      </c>
      <c r="G36803" s="1" t="s">
        <v>127641</v>
      </c>
      <c r="H36803" s="1" t="s">
        <v>127642</v>
      </c>
      <c r="I36803" s="1" t="s">
        <v>126615</v>
      </c>
      <c r="J36803" s="1" t="s">
        <v>127666</v>
      </c>
    </row>
    <row r="36804" spans="1:10" x14ac:dyDescent="0.35">
      <c r="A36804" s="1" t="s">
        <v>2004</v>
      </c>
      <c r="B36804" s="1" t="s">
        <v>126612</v>
      </c>
      <c r="C36804" s="1" t="s">
        <v>45</v>
      </c>
      <c r="D36804" s="1" t="s">
        <v>127667</v>
      </c>
      <c r="E36804" s="1" t="s">
        <v>127668</v>
      </c>
      <c r="F36804" s="1" t="s">
        <v>127669</v>
      </c>
      <c r="G36804" s="1" t="s">
        <v>127641</v>
      </c>
      <c r="H36804" s="1" t="s">
        <v>127642</v>
      </c>
      <c r="I36804" s="1" t="s">
        <v>126615</v>
      </c>
      <c r="J36804" s="1" t="s">
        <v>127670</v>
      </c>
    </row>
    <row r="36805" spans="1:10" x14ac:dyDescent="0.35">
      <c r="A36805" s="1" t="s">
        <v>2004</v>
      </c>
      <c r="B36805" s="1" t="s">
        <v>126612</v>
      </c>
      <c r="C36805" s="1" t="s">
        <v>50</v>
      </c>
      <c r="D36805" s="1" t="s">
        <v>127671</v>
      </c>
      <c r="E36805" s="1" t="s">
        <v>127672</v>
      </c>
      <c r="F36805" s="1" t="s">
        <v>127673</v>
      </c>
      <c r="G36805" s="1" t="s">
        <v>127641</v>
      </c>
      <c r="H36805" s="1" t="s">
        <v>127642</v>
      </c>
      <c r="I36805" s="1" t="s">
        <v>126615</v>
      </c>
      <c r="J36805" s="1" t="s">
        <v>127674</v>
      </c>
    </row>
    <row r="36806" spans="1:10" x14ac:dyDescent="0.35">
      <c r="A36806" s="1" t="s">
        <v>2004</v>
      </c>
      <c r="B36806" s="1" t="s">
        <v>126612</v>
      </c>
      <c r="C36806" s="1" t="s">
        <v>55</v>
      </c>
      <c r="D36806" s="1" t="s">
        <v>127675</v>
      </c>
      <c r="E36806" s="1" t="s">
        <v>127676</v>
      </c>
      <c r="F36806" s="1" t="s">
        <v>127677</v>
      </c>
      <c r="G36806" s="1" t="s">
        <v>127641</v>
      </c>
      <c r="H36806" s="1" t="s">
        <v>127642</v>
      </c>
      <c r="I36806" s="1" t="s">
        <v>126615</v>
      </c>
      <c r="J36806" s="1" t="s">
        <v>127678</v>
      </c>
    </row>
    <row r="36807" spans="1:10" x14ac:dyDescent="0.35">
      <c r="A36807" s="1" t="s">
        <v>2004</v>
      </c>
      <c r="B36807" s="1" t="s">
        <v>126612</v>
      </c>
      <c r="C36807" s="1" t="s">
        <v>60</v>
      </c>
      <c r="D36807" s="1" t="s">
        <v>127679</v>
      </c>
      <c r="E36807" s="1" t="s">
        <v>127680</v>
      </c>
      <c r="F36807" s="1" t="s">
        <v>127681</v>
      </c>
      <c r="G36807" s="1" t="s">
        <v>127641</v>
      </c>
      <c r="H36807" s="1" t="s">
        <v>127642</v>
      </c>
      <c r="I36807" s="1" t="s">
        <v>126615</v>
      </c>
      <c r="J36807" s="1" t="s">
        <v>127682</v>
      </c>
    </row>
    <row r="36808" spans="1:10" x14ac:dyDescent="0.35">
      <c r="A36808" s="1" t="s">
        <v>2004</v>
      </c>
      <c r="B36808" s="1" t="s">
        <v>126612</v>
      </c>
      <c r="C36808" s="1" t="s">
        <v>65</v>
      </c>
      <c r="D36808" s="1" t="s">
        <v>127683</v>
      </c>
      <c r="E36808" s="1" t="s">
        <v>127684</v>
      </c>
      <c r="F36808" s="1" t="s">
        <v>127685</v>
      </c>
      <c r="G36808" s="1" t="s">
        <v>127641</v>
      </c>
      <c r="H36808" s="1" t="s">
        <v>127642</v>
      </c>
      <c r="I36808" s="1" t="s">
        <v>126615</v>
      </c>
      <c r="J36808" s="1" t="s">
        <v>127686</v>
      </c>
    </row>
    <row r="36809" spans="1:10" x14ac:dyDescent="0.35">
      <c r="A36809" s="1" t="s">
        <v>2004</v>
      </c>
      <c r="B36809" s="1" t="s">
        <v>126612</v>
      </c>
      <c r="C36809" s="1" t="s">
        <v>70</v>
      </c>
      <c r="D36809" s="1" t="s">
        <v>127687</v>
      </c>
      <c r="E36809" s="1" t="s">
        <v>127688</v>
      </c>
      <c r="F36809" s="1" t="s">
        <v>127689</v>
      </c>
      <c r="G36809" s="1" t="s">
        <v>127641</v>
      </c>
      <c r="H36809" s="1" t="s">
        <v>127642</v>
      </c>
      <c r="I36809" s="1" t="s">
        <v>126615</v>
      </c>
      <c r="J36809" s="1" t="s">
        <v>127690</v>
      </c>
    </row>
    <row r="36810" spans="1:10" x14ac:dyDescent="0.35">
      <c r="A36810" s="1" t="s">
        <v>2004</v>
      </c>
      <c r="B36810" s="1" t="s">
        <v>126612</v>
      </c>
      <c r="C36810" s="1" t="s">
        <v>75</v>
      </c>
      <c r="D36810" s="1" t="s">
        <v>127691</v>
      </c>
      <c r="E36810" s="1" t="s">
        <v>127692</v>
      </c>
      <c r="F36810" s="1" t="s">
        <v>127693</v>
      </c>
      <c r="G36810" s="1" t="s">
        <v>127641</v>
      </c>
      <c r="H36810" s="1" t="s">
        <v>127642</v>
      </c>
      <c r="I36810" s="1" t="s">
        <v>126615</v>
      </c>
      <c r="J36810" s="1" t="s">
        <v>127694</v>
      </c>
    </row>
    <row r="36811" spans="1:10" x14ac:dyDescent="0.35">
      <c r="A36811" s="1" t="s">
        <v>2004</v>
      </c>
      <c r="B36811" s="1" t="s">
        <v>126612</v>
      </c>
      <c r="C36811" s="1" t="s">
        <v>80</v>
      </c>
      <c r="D36811" s="1" t="s">
        <v>127695</v>
      </c>
      <c r="E36811" s="1" t="s">
        <v>127696</v>
      </c>
      <c r="F36811" s="1" t="s">
        <v>127697</v>
      </c>
      <c r="G36811" s="1" t="s">
        <v>127641</v>
      </c>
      <c r="H36811" s="1" t="s">
        <v>127642</v>
      </c>
      <c r="I36811" s="1" t="s">
        <v>126615</v>
      </c>
      <c r="J36811" s="1" t="s">
        <v>127698</v>
      </c>
    </row>
    <row r="36812" spans="1:10" x14ac:dyDescent="0.35">
      <c r="A36812" s="1" t="s">
        <v>2004</v>
      </c>
      <c r="B36812" s="1" t="s">
        <v>126612</v>
      </c>
      <c r="C36812" s="1" t="s">
        <v>85</v>
      </c>
      <c r="D36812" s="1" t="s">
        <v>127699</v>
      </c>
      <c r="E36812" s="1" t="s">
        <v>127700</v>
      </c>
      <c r="F36812" s="1" t="s">
        <v>127701</v>
      </c>
      <c r="G36812" s="1" t="s">
        <v>127641</v>
      </c>
      <c r="H36812" s="1" t="s">
        <v>127642</v>
      </c>
      <c r="I36812" s="1" t="s">
        <v>126615</v>
      </c>
      <c r="J36812" s="1" t="s">
        <v>127702</v>
      </c>
    </row>
    <row r="36813" spans="1:10" x14ac:dyDescent="0.35">
      <c r="A36813" s="1" t="s">
        <v>2004</v>
      </c>
      <c r="B36813" s="1" t="s">
        <v>126612</v>
      </c>
      <c r="C36813" s="1" t="s">
        <v>90</v>
      </c>
      <c r="D36813" s="1" t="s">
        <v>127703</v>
      </c>
      <c r="E36813" s="1" t="s">
        <v>127704</v>
      </c>
      <c r="F36813" s="1" t="s">
        <v>127705</v>
      </c>
      <c r="G36813" s="1" t="s">
        <v>127641</v>
      </c>
      <c r="H36813" s="1" t="s">
        <v>127642</v>
      </c>
      <c r="I36813" s="1" t="s">
        <v>126615</v>
      </c>
      <c r="J36813" s="1" t="s">
        <v>127706</v>
      </c>
    </row>
    <row r="36814" spans="1:10" x14ac:dyDescent="0.35">
      <c r="A36814" s="1" t="s">
        <v>2004</v>
      </c>
      <c r="B36814" s="1" t="s">
        <v>126612</v>
      </c>
      <c r="C36814" s="1" t="s">
        <v>95</v>
      </c>
      <c r="D36814" s="1" t="s">
        <v>127707</v>
      </c>
      <c r="E36814" s="1" t="s">
        <v>127708</v>
      </c>
      <c r="F36814" s="1" t="s">
        <v>127709</v>
      </c>
      <c r="G36814" s="1" t="s">
        <v>127641</v>
      </c>
      <c r="H36814" s="1" t="s">
        <v>127642</v>
      </c>
      <c r="I36814" s="1" t="s">
        <v>126615</v>
      </c>
      <c r="J36814" s="1" t="s">
        <v>127710</v>
      </c>
    </row>
    <row r="36815" spans="1:10" x14ac:dyDescent="0.35">
      <c r="A36815" s="1" t="s">
        <v>2004</v>
      </c>
      <c r="B36815" s="1" t="s">
        <v>126612</v>
      </c>
      <c r="C36815" s="1" t="s">
        <v>100</v>
      </c>
      <c r="D36815" s="1" t="s">
        <v>127711</v>
      </c>
      <c r="E36815" s="1" t="s">
        <v>127712</v>
      </c>
      <c r="F36815" s="1" t="s">
        <v>127713</v>
      </c>
      <c r="G36815" s="1" t="s">
        <v>127641</v>
      </c>
      <c r="H36815" s="1" t="s">
        <v>127642</v>
      </c>
      <c r="I36815" s="1" t="s">
        <v>126615</v>
      </c>
      <c r="J36815" s="1" t="s">
        <v>127714</v>
      </c>
    </row>
    <row r="36816" spans="1:10" x14ac:dyDescent="0.35">
      <c r="A36816" s="1" t="s">
        <v>2004</v>
      </c>
      <c r="B36816" s="1" t="s">
        <v>126612</v>
      </c>
      <c r="C36816" s="1" t="s">
        <v>105</v>
      </c>
      <c r="D36816" s="1" t="s">
        <v>127715</v>
      </c>
      <c r="E36816" s="1" t="s">
        <v>127716</v>
      </c>
      <c r="F36816" s="1" t="s">
        <v>127717</v>
      </c>
      <c r="G36816" s="1" t="s">
        <v>127641</v>
      </c>
      <c r="H36816" s="1" t="s">
        <v>127642</v>
      </c>
      <c r="I36816" s="1" t="s">
        <v>126615</v>
      </c>
      <c r="J36816" s="1" t="s">
        <v>127718</v>
      </c>
    </row>
    <row r="36817" spans="1:10" x14ac:dyDescent="0.35">
      <c r="A36817" s="1" t="s">
        <v>2004</v>
      </c>
      <c r="B36817" s="1" t="s">
        <v>126612</v>
      </c>
      <c r="C36817" s="1" t="s">
        <v>110</v>
      </c>
      <c r="D36817" s="1" t="s">
        <v>97664</v>
      </c>
      <c r="E36817" s="1" t="s">
        <v>127719</v>
      </c>
      <c r="F36817" s="1" t="s">
        <v>127720</v>
      </c>
      <c r="G36817" s="1" t="s">
        <v>127641</v>
      </c>
      <c r="H36817" s="1" t="s">
        <v>127642</v>
      </c>
      <c r="I36817" s="1" t="s">
        <v>126615</v>
      </c>
      <c r="J36817" s="1" t="s">
        <v>127721</v>
      </c>
    </row>
    <row r="36818" spans="1:10" x14ac:dyDescent="0.35">
      <c r="A36818" s="1" t="s">
        <v>2004</v>
      </c>
      <c r="B36818" s="1" t="s">
        <v>126612</v>
      </c>
      <c r="C36818" s="1" t="s">
        <v>115</v>
      </c>
      <c r="D36818" s="1" t="s">
        <v>127722</v>
      </c>
      <c r="E36818" s="1" t="s">
        <v>127723</v>
      </c>
      <c r="F36818" s="1" t="s">
        <v>127724</v>
      </c>
      <c r="G36818" s="1" t="s">
        <v>127641</v>
      </c>
      <c r="H36818" s="1" t="s">
        <v>127642</v>
      </c>
      <c r="I36818" s="1" t="s">
        <v>126615</v>
      </c>
      <c r="J36818" s="1" t="s">
        <v>127725</v>
      </c>
    </row>
    <row r="36819" spans="1:10" x14ac:dyDescent="0.35">
      <c r="A36819" s="1" t="s">
        <v>2004</v>
      </c>
      <c r="B36819" s="1" t="s">
        <v>126612</v>
      </c>
      <c r="C36819" s="1" t="s">
        <v>120</v>
      </c>
      <c r="D36819" s="1" t="s">
        <v>97261</v>
      </c>
      <c r="E36819" s="1" t="s">
        <v>127726</v>
      </c>
      <c r="F36819" s="1" t="s">
        <v>127727</v>
      </c>
      <c r="G36819" s="1" t="s">
        <v>127641</v>
      </c>
      <c r="H36819" s="1" t="s">
        <v>127642</v>
      </c>
      <c r="I36819" s="1" t="s">
        <v>126615</v>
      </c>
      <c r="J36819" s="1" t="s">
        <v>127728</v>
      </c>
    </row>
    <row r="36820" spans="1:10" x14ac:dyDescent="0.35">
      <c r="A36820" s="1" t="s">
        <v>2004</v>
      </c>
      <c r="B36820" s="1" t="s">
        <v>126612</v>
      </c>
      <c r="C36820" s="1" t="s">
        <v>125</v>
      </c>
      <c r="D36820" s="1" t="s">
        <v>127729</v>
      </c>
      <c r="E36820" s="1" t="s">
        <v>127730</v>
      </c>
      <c r="F36820" s="1" t="s">
        <v>127731</v>
      </c>
      <c r="G36820" s="1" t="s">
        <v>127641</v>
      </c>
      <c r="H36820" s="1" t="s">
        <v>127642</v>
      </c>
      <c r="I36820" s="1" t="s">
        <v>126615</v>
      </c>
      <c r="J36820" s="1" t="s">
        <v>127732</v>
      </c>
    </row>
    <row r="36821" spans="1:10" x14ac:dyDescent="0.35">
      <c r="A36821" s="1" t="s">
        <v>2004</v>
      </c>
      <c r="B36821" s="1" t="s">
        <v>126612</v>
      </c>
      <c r="C36821" s="1" t="s">
        <v>130</v>
      </c>
      <c r="D36821" s="1" t="s">
        <v>127733</v>
      </c>
      <c r="E36821" s="1" t="s">
        <v>127734</v>
      </c>
      <c r="F36821" s="1" t="s">
        <v>127735</v>
      </c>
      <c r="G36821" s="1" t="s">
        <v>127641</v>
      </c>
      <c r="H36821" s="1" t="s">
        <v>127642</v>
      </c>
      <c r="I36821" s="1" t="s">
        <v>126615</v>
      </c>
      <c r="J36821" s="1" t="s">
        <v>127736</v>
      </c>
    </row>
    <row r="36822" spans="1:10" x14ac:dyDescent="0.35">
      <c r="A36822" s="1" t="s">
        <v>2004</v>
      </c>
      <c r="B36822" s="1" t="s">
        <v>126612</v>
      </c>
      <c r="C36822" s="1" t="s">
        <v>135</v>
      </c>
      <c r="D36822" s="1" t="s">
        <v>127737</v>
      </c>
      <c r="E36822" s="1" t="s">
        <v>127738</v>
      </c>
      <c r="F36822" s="1" t="s">
        <v>127739</v>
      </c>
      <c r="G36822" s="1" t="s">
        <v>127641</v>
      </c>
      <c r="H36822" s="1" t="s">
        <v>127642</v>
      </c>
      <c r="I36822" s="1" t="s">
        <v>126615</v>
      </c>
      <c r="J36822" s="1" t="s">
        <v>127740</v>
      </c>
    </row>
    <row r="36823" spans="1:10" x14ac:dyDescent="0.35">
      <c r="A36823" s="1" t="s">
        <v>2004</v>
      </c>
      <c r="B36823" s="1" t="s">
        <v>126612</v>
      </c>
      <c r="C36823" s="1" t="s">
        <v>140</v>
      </c>
      <c r="D36823" s="1" t="s">
        <v>127741</v>
      </c>
      <c r="E36823" s="1" t="s">
        <v>127742</v>
      </c>
      <c r="F36823" s="1" t="s">
        <v>127743</v>
      </c>
      <c r="G36823" s="1" t="s">
        <v>127641</v>
      </c>
      <c r="H36823" s="1" t="s">
        <v>127642</v>
      </c>
      <c r="I36823" s="1" t="s">
        <v>126615</v>
      </c>
      <c r="J36823" s="1" t="s">
        <v>127744</v>
      </c>
    </row>
    <row r="36824" spans="1:10" x14ac:dyDescent="0.35">
      <c r="A36824" s="1" t="s">
        <v>2004</v>
      </c>
      <c r="B36824" s="1" t="s">
        <v>126612</v>
      </c>
      <c r="C36824" s="1" t="s">
        <v>145</v>
      </c>
      <c r="D36824" s="1" t="s">
        <v>127745</v>
      </c>
      <c r="E36824" s="1" t="s">
        <v>127746</v>
      </c>
      <c r="F36824" s="1" t="s">
        <v>127747</v>
      </c>
      <c r="G36824" s="1" t="s">
        <v>127641</v>
      </c>
      <c r="H36824" s="1" t="s">
        <v>127642</v>
      </c>
      <c r="I36824" s="1" t="s">
        <v>126615</v>
      </c>
      <c r="J36824" s="1" t="s">
        <v>127748</v>
      </c>
    </row>
    <row r="36825" spans="1:10" x14ac:dyDescent="0.35">
      <c r="A36825" s="1" t="s">
        <v>2004</v>
      </c>
      <c r="B36825" s="1" t="s">
        <v>126612</v>
      </c>
      <c r="C36825" s="1" t="s">
        <v>150</v>
      </c>
      <c r="D36825" s="1" t="s">
        <v>21524</v>
      </c>
      <c r="E36825" s="1" t="s">
        <v>127749</v>
      </c>
      <c r="F36825" s="1" t="s">
        <v>127750</v>
      </c>
      <c r="G36825" s="1" t="s">
        <v>127641</v>
      </c>
      <c r="H36825" s="1" t="s">
        <v>127642</v>
      </c>
      <c r="I36825" s="1" t="s">
        <v>126615</v>
      </c>
      <c r="J36825" s="1" t="s">
        <v>127751</v>
      </c>
    </row>
    <row r="36826" spans="1:10" x14ac:dyDescent="0.35">
      <c r="A36826" s="1" t="s">
        <v>2004</v>
      </c>
      <c r="B36826" s="1" t="s">
        <v>126612</v>
      </c>
      <c r="C36826" s="1" t="s">
        <v>155</v>
      </c>
      <c r="D36826" s="1" t="s">
        <v>127752</v>
      </c>
      <c r="E36826" s="1" t="s">
        <v>127753</v>
      </c>
      <c r="F36826" s="1" t="s">
        <v>127754</v>
      </c>
      <c r="G36826" s="1" t="s">
        <v>127641</v>
      </c>
      <c r="H36826" s="1" t="s">
        <v>127642</v>
      </c>
      <c r="I36826" s="1" t="s">
        <v>126615</v>
      </c>
      <c r="J36826" s="1" t="s">
        <v>127755</v>
      </c>
    </row>
    <row r="36827" spans="1:10" x14ac:dyDescent="0.35">
      <c r="A36827" s="1" t="s">
        <v>2004</v>
      </c>
      <c r="B36827" s="1" t="s">
        <v>126612</v>
      </c>
      <c r="C36827" s="1" t="s">
        <v>160</v>
      </c>
      <c r="D36827" s="1" t="s">
        <v>70119</v>
      </c>
      <c r="E36827" s="1" t="s">
        <v>127756</v>
      </c>
      <c r="F36827" s="1" t="s">
        <v>127757</v>
      </c>
      <c r="G36827" s="1" t="s">
        <v>127641</v>
      </c>
      <c r="H36827" s="1" t="s">
        <v>127642</v>
      </c>
      <c r="I36827" s="1" t="s">
        <v>126615</v>
      </c>
      <c r="J36827" s="1" t="s">
        <v>127758</v>
      </c>
    </row>
    <row r="36828" spans="1:10" x14ac:dyDescent="0.35">
      <c r="A36828" s="1" t="s">
        <v>2004</v>
      </c>
      <c r="B36828" s="1" t="s">
        <v>126612</v>
      </c>
      <c r="C36828" s="1" t="s">
        <v>165</v>
      </c>
      <c r="D36828" s="1" t="s">
        <v>127759</v>
      </c>
      <c r="E36828" s="1" t="s">
        <v>127760</v>
      </c>
      <c r="F36828" s="1" t="s">
        <v>127761</v>
      </c>
      <c r="G36828" s="1" t="s">
        <v>127641</v>
      </c>
      <c r="H36828" s="1" t="s">
        <v>127642</v>
      </c>
      <c r="I36828" s="1" t="s">
        <v>126615</v>
      </c>
      <c r="J36828" s="1" t="s">
        <v>127762</v>
      </c>
    </row>
    <row r="36829" spans="1:10" x14ac:dyDescent="0.35">
      <c r="A36829" s="1" t="s">
        <v>2004</v>
      </c>
      <c r="B36829" s="1" t="s">
        <v>126612</v>
      </c>
      <c r="C36829" s="1" t="s">
        <v>170</v>
      </c>
      <c r="D36829" s="1" t="s">
        <v>127763</v>
      </c>
      <c r="E36829" s="1" t="s">
        <v>127764</v>
      </c>
      <c r="F36829" s="1" t="s">
        <v>127765</v>
      </c>
      <c r="G36829" s="1" t="s">
        <v>127641</v>
      </c>
      <c r="H36829" s="1" t="s">
        <v>127642</v>
      </c>
      <c r="I36829" s="1" t="s">
        <v>126615</v>
      </c>
      <c r="J36829" s="1" t="s">
        <v>127766</v>
      </c>
    </row>
    <row r="36830" spans="1:10" x14ac:dyDescent="0.35">
      <c r="A36830" s="1" t="s">
        <v>12115</v>
      </c>
      <c r="B36830" s="1" t="s">
        <v>126612</v>
      </c>
      <c r="C36830" s="1" t="s">
        <v>8</v>
      </c>
      <c r="D36830" s="1" t="s">
        <v>113925</v>
      </c>
      <c r="E36830" s="1" t="s">
        <v>49816</v>
      </c>
      <c r="F36830" s="1" t="s">
        <v>127767</v>
      </c>
      <c r="G36830" s="1" t="s">
        <v>127768</v>
      </c>
      <c r="H36830" s="1" t="s">
        <v>127769</v>
      </c>
      <c r="I36830" s="1" t="s">
        <v>126615</v>
      </c>
      <c r="J36830" s="1" t="s">
        <v>13</v>
      </c>
    </row>
    <row r="36831" spans="1:10" x14ac:dyDescent="0.35">
      <c r="A36831" s="1" t="s">
        <v>12115</v>
      </c>
      <c r="B36831" s="1" t="s">
        <v>126612</v>
      </c>
      <c r="C36831" s="1" t="s">
        <v>15</v>
      </c>
      <c r="D36831" s="1" t="s">
        <v>127770</v>
      </c>
      <c r="E36831" s="1" t="s">
        <v>16309</v>
      </c>
      <c r="F36831" s="1" t="s">
        <v>127771</v>
      </c>
      <c r="G36831" s="1" t="s">
        <v>127768</v>
      </c>
      <c r="H36831" s="1" t="s">
        <v>127769</v>
      </c>
      <c r="I36831" s="1" t="s">
        <v>126615</v>
      </c>
      <c r="J36831" s="1" t="s">
        <v>127772</v>
      </c>
    </row>
    <row r="36832" spans="1:10" x14ac:dyDescent="0.35">
      <c r="A36832" s="1" t="s">
        <v>12115</v>
      </c>
      <c r="B36832" s="1" t="s">
        <v>126612</v>
      </c>
      <c r="C36832" s="1" t="s">
        <v>20</v>
      </c>
      <c r="D36832" s="1" t="s">
        <v>127773</v>
      </c>
      <c r="E36832" s="1" t="s">
        <v>127774</v>
      </c>
      <c r="F36832" s="1" t="s">
        <v>127775</v>
      </c>
      <c r="G36832" s="1" t="s">
        <v>127768</v>
      </c>
      <c r="H36832" s="1" t="s">
        <v>127769</v>
      </c>
      <c r="I36832" s="1" t="s">
        <v>126615</v>
      </c>
      <c r="J36832" s="1" t="s">
        <v>127776</v>
      </c>
    </row>
    <row r="36833" spans="1:10" x14ac:dyDescent="0.35">
      <c r="A36833" s="1" t="s">
        <v>12115</v>
      </c>
      <c r="B36833" s="1" t="s">
        <v>126612</v>
      </c>
      <c r="C36833" s="1" t="s">
        <v>25</v>
      </c>
      <c r="D36833" s="1" t="s">
        <v>22013</v>
      </c>
      <c r="E36833" s="1" t="s">
        <v>49792</v>
      </c>
      <c r="F36833" s="1" t="s">
        <v>67796</v>
      </c>
      <c r="G36833" s="1" t="s">
        <v>127768</v>
      </c>
      <c r="H36833" s="1" t="s">
        <v>127769</v>
      </c>
      <c r="I36833" s="1" t="s">
        <v>126615</v>
      </c>
      <c r="J36833" s="1" t="s">
        <v>127777</v>
      </c>
    </row>
    <row r="36834" spans="1:10" x14ac:dyDescent="0.35">
      <c r="A36834" s="1" t="s">
        <v>12115</v>
      </c>
      <c r="B36834" s="1" t="s">
        <v>126612</v>
      </c>
      <c r="C36834" s="1" t="s">
        <v>30</v>
      </c>
      <c r="D36834" s="1" t="s">
        <v>127778</v>
      </c>
      <c r="E36834" s="1" t="s">
        <v>78845</v>
      </c>
      <c r="F36834" s="1" t="s">
        <v>127779</v>
      </c>
      <c r="G36834" s="1" t="s">
        <v>127768</v>
      </c>
      <c r="H36834" s="1" t="s">
        <v>127769</v>
      </c>
      <c r="I36834" s="1" t="s">
        <v>126615</v>
      </c>
      <c r="J36834" s="1" t="s">
        <v>127780</v>
      </c>
    </row>
    <row r="36835" spans="1:10" x14ac:dyDescent="0.35">
      <c r="A36835" s="1" t="s">
        <v>12115</v>
      </c>
      <c r="B36835" s="1" t="s">
        <v>126612</v>
      </c>
      <c r="C36835" s="1" t="s">
        <v>35</v>
      </c>
      <c r="D36835" s="1" t="s">
        <v>127781</v>
      </c>
      <c r="E36835" s="1" t="s">
        <v>48110</v>
      </c>
      <c r="F36835" s="1" t="s">
        <v>99352</v>
      </c>
      <c r="G36835" s="1" t="s">
        <v>127768</v>
      </c>
      <c r="H36835" s="1" t="s">
        <v>127769</v>
      </c>
      <c r="I36835" s="1" t="s">
        <v>126615</v>
      </c>
      <c r="J36835" s="1" t="s">
        <v>127782</v>
      </c>
    </row>
    <row r="36836" spans="1:10" x14ac:dyDescent="0.35">
      <c r="A36836" s="1" t="s">
        <v>12115</v>
      </c>
      <c r="B36836" s="1" t="s">
        <v>126612</v>
      </c>
      <c r="C36836" s="1" t="s">
        <v>40</v>
      </c>
      <c r="D36836" s="1" t="s">
        <v>127783</v>
      </c>
      <c r="E36836" s="1" t="s">
        <v>127784</v>
      </c>
      <c r="F36836" s="1" t="s">
        <v>99857</v>
      </c>
      <c r="G36836" s="1" t="s">
        <v>127768</v>
      </c>
      <c r="H36836" s="1" t="s">
        <v>127769</v>
      </c>
      <c r="I36836" s="1" t="s">
        <v>126615</v>
      </c>
      <c r="J36836" s="1" t="s">
        <v>127785</v>
      </c>
    </row>
    <row r="36837" spans="1:10" x14ac:dyDescent="0.35">
      <c r="A36837" s="1" t="s">
        <v>12115</v>
      </c>
      <c r="B36837" s="1" t="s">
        <v>126612</v>
      </c>
      <c r="C36837" s="1" t="s">
        <v>45</v>
      </c>
      <c r="D36837" s="1" t="s">
        <v>127786</v>
      </c>
      <c r="E36837" s="1" t="s">
        <v>127082</v>
      </c>
      <c r="F36837" s="1" t="s">
        <v>127787</v>
      </c>
      <c r="G36837" s="1" t="s">
        <v>127768</v>
      </c>
      <c r="H36837" s="1" t="s">
        <v>127769</v>
      </c>
      <c r="I36837" s="1" t="s">
        <v>126615</v>
      </c>
      <c r="J36837" s="1" t="s">
        <v>127788</v>
      </c>
    </row>
    <row r="36838" spans="1:10" x14ac:dyDescent="0.35">
      <c r="A36838" s="1" t="s">
        <v>12115</v>
      </c>
      <c r="B36838" s="1" t="s">
        <v>126612</v>
      </c>
      <c r="C36838" s="1" t="s">
        <v>50</v>
      </c>
      <c r="D36838" s="1" t="s">
        <v>127789</v>
      </c>
      <c r="E36838" s="1" t="s">
        <v>127790</v>
      </c>
      <c r="F36838" s="1" t="s">
        <v>127791</v>
      </c>
      <c r="G36838" s="1" t="s">
        <v>127768</v>
      </c>
      <c r="H36838" s="1" t="s">
        <v>127769</v>
      </c>
      <c r="I36838" s="1" t="s">
        <v>126615</v>
      </c>
      <c r="J36838" s="1" t="s">
        <v>127792</v>
      </c>
    </row>
    <row r="36839" spans="1:10" x14ac:dyDescent="0.35">
      <c r="A36839" s="1" t="s">
        <v>12115</v>
      </c>
      <c r="B36839" s="1" t="s">
        <v>126612</v>
      </c>
      <c r="C36839" s="1" t="s">
        <v>55</v>
      </c>
      <c r="D36839" s="1" t="s">
        <v>127793</v>
      </c>
      <c r="E36839" s="1" t="s">
        <v>81128</v>
      </c>
      <c r="F36839" s="1" t="s">
        <v>127794</v>
      </c>
      <c r="G36839" s="1" t="s">
        <v>127768</v>
      </c>
      <c r="H36839" s="1" t="s">
        <v>127769</v>
      </c>
      <c r="I36839" s="1" t="s">
        <v>126615</v>
      </c>
      <c r="J36839" s="1" t="s">
        <v>127795</v>
      </c>
    </row>
    <row r="36840" spans="1:10" x14ac:dyDescent="0.35">
      <c r="A36840" s="1" t="s">
        <v>12115</v>
      </c>
      <c r="B36840" s="1" t="s">
        <v>126612</v>
      </c>
      <c r="C36840" s="1" t="s">
        <v>60</v>
      </c>
      <c r="D36840" s="1" t="s">
        <v>61282</v>
      </c>
      <c r="E36840" s="1" t="s">
        <v>109465</v>
      </c>
      <c r="F36840" s="1" t="s">
        <v>97218</v>
      </c>
      <c r="G36840" s="1" t="s">
        <v>127768</v>
      </c>
      <c r="H36840" s="1" t="s">
        <v>127769</v>
      </c>
      <c r="I36840" s="1" t="s">
        <v>126615</v>
      </c>
      <c r="J36840" s="1" t="s">
        <v>127796</v>
      </c>
    </row>
    <row r="36841" spans="1:10" x14ac:dyDescent="0.35">
      <c r="A36841" s="1" t="s">
        <v>12115</v>
      </c>
      <c r="B36841" s="1" t="s">
        <v>126612</v>
      </c>
      <c r="C36841" s="1" t="s">
        <v>65</v>
      </c>
      <c r="D36841" s="1" t="s">
        <v>127797</v>
      </c>
      <c r="E36841" s="1" t="s">
        <v>81106</v>
      </c>
      <c r="F36841" s="1" t="s">
        <v>127798</v>
      </c>
      <c r="G36841" s="1" t="s">
        <v>127768</v>
      </c>
      <c r="H36841" s="1" t="s">
        <v>127769</v>
      </c>
      <c r="I36841" s="1" t="s">
        <v>126615</v>
      </c>
      <c r="J36841" s="1" t="s">
        <v>127799</v>
      </c>
    </row>
    <row r="36842" spans="1:10" x14ac:dyDescent="0.35">
      <c r="A36842" s="1" t="s">
        <v>12115</v>
      </c>
      <c r="B36842" s="1" t="s">
        <v>126612</v>
      </c>
      <c r="C36842" s="1" t="s">
        <v>70</v>
      </c>
      <c r="D36842" s="1" t="s">
        <v>100947</v>
      </c>
      <c r="E36842" s="1" t="s">
        <v>127800</v>
      </c>
      <c r="F36842" s="1" t="s">
        <v>127801</v>
      </c>
      <c r="G36842" s="1" t="s">
        <v>127768</v>
      </c>
      <c r="H36842" s="1" t="s">
        <v>127769</v>
      </c>
      <c r="I36842" s="1" t="s">
        <v>126615</v>
      </c>
      <c r="J36842" s="1" t="s">
        <v>127802</v>
      </c>
    </row>
    <row r="36843" spans="1:10" x14ac:dyDescent="0.35">
      <c r="A36843" s="1" t="s">
        <v>12115</v>
      </c>
      <c r="B36843" s="1" t="s">
        <v>126612</v>
      </c>
      <c r="C36843" s="1" t="s">
        <v>75</v>
      </c>
      <c r="D36843" s="1" t="s">
        <v>127803</v>
      </c>
      <c r="E36843" s="1" t="s">
        <v>127804</v>
      </c>
      <c r="F36843" s="1" t="s">
        <v>62501</v>
      </c>
      <c r="G36843" s="1" t="s">
        <v>127768</v>
      </c>
      <c r="H36843" s="1" t="s">
        <v>127769</v>
      </c>
      <c r="I36843" s="1" t="s">
        <v>126615</v>
      </c>
      <c r="J36843" s="1" t="s">
        <v>127805</v>
      </c>
    </row>
    <row r="36844" spans="1:10" x14ac:dyDescent="0.35">
      <c r="A36844" s="1" t="s">
        <v>12115</v>
      </c>
      <c r="B36844" s="1" t="s">
        <v>126612</v>
      </c>
      <c r="C36844" s="1" t="s">
        <v>80</v>
      </c>
      <c r="D36844" s="1" t="s">
        <v>127806</v>
      </c>
      <c r="E36844" s="1" t="s">
        <v>127807</v>
      </c>
      <c r="F36844" s="1" t="s">
        <v>60145</v>
      </c>
      <c r="G36844" s="1" t="s">
        <v>127768</v>
      </c>
      <c r="H36844" s="1" t="s">
        <v>127769</v>
      </c>
      <c r="I36844" s="1" t="s">
        <v>126615</v>
      </c>
      <c r="J36844" s="1" t="s">
        <v>127808</v>
      </c>
    </row>
    <row r="36845" spans="1:10" x14ac:dyDescent="0.35">
      <c r="A36845" s="1" t="s">
        <v>12115</v>
      </c>
      <c r="B36845" s="1" t="s">
        <v>126612</v>
      </c>
      <c r="C36845" s="1" t="s">
        <v>85</v>
      </c>
      <c r="D36845" s="1" t="s">
        <v>127809</v>
      </c>
      <c r="E36845" s="1" t="s">
        <v>48107</v>
      </c>
      <c r="F36845" s="1" t="s">
        <v>59012</v>
      </c>
      <c r="G36845" s="1" t="s">
        <v>127768</v>
      </c>
      <c r="H36845" s="1" t="s">
        <v>127769</v>
      </c>
      <c r="I36845" s="1" t="s">
        <v>126615</v>
      </c>
      <c r="J36845" s="1" t="s">
        <v>127810</v>
      </c>
    </row>
    <row r="36846" spans="1:10" x14ac:dyDescent="0.35">
      <c r="A36846" s="1" t="s">
        <v>12115</v>
      </c>
      <c r="B36846" s="1" t="s">
        <v>126612</v>
      </c>
      <c r="C36846" s="1" t="s">
        <v>90</v>
      </c>
      <c r="D36846" s="1" t="s">
        <v>127811</v>
      </c>
      <c r="E36846" s="1" t="s">
        <v>81170</v>
      </c>
      <c r="F36846" s="1" t="s">
        <v>127812</v>
      </c>
      <c r="G36846" s="1" t="s">
        <v>127768</v>
      </c>
      <c r="H36846" s="1" t="s">
        <v>127769</v>
      </c>
      <c r="I36846" s="1" t="s">
        <v>126615</v>
      </c>
      <c r="J36846" s="1" t="s">
        <v>127813</v>
      </c>
    </row>
    <row r="36847" spans="1:10" x14ac:dyDescent="0.35">
      <c r="A36847" s="1" t="s">
        <v>12115</v>
      </c>
      <c r="B36847" s="1" t="s">
        <v>126612</v>
      </c>
      <c r="C36847" s="1" t="s">
        <v>95</v>
      </c>
      <c r="D36847" s="1" t="s">
        <v>127814</v>
      </c>
      <c r="E36847" s="1" t="s">
        <v>106543</v>
      </c>
      <c r="F36847" s="1" t="s">
        <v>127815</v>
      </c>
      <c r="G36847" s="1" t="s">
        <v>127768</v>
      </c>
      <c r="H36847" s="1" t="s">
        <v>127769</v>
      </c>
      <c r="I36847" s="1" t="s">
        <v>126615</v>
      </c>
      <c r="J36847" s="1" t="s">
        <v>127816</v>
      </c>
    </row>
    <row r="36848" spans="1:10" x14ac:dyDescent="0.35">
      <c r="A36848" s="1" t="s">
        <v>12115</v>
      </c>
      <c r="B36848" s="1" t="s">
        <v>126612</v>
      </c>
      <c r="C36848" s="1" t="s">
        <v>100</v>
      </c>
      <c r="D36848" s="1" t="s">
        <v>87969</v>
      </c>
      <c r="E36848" s="1" t="s">
        <v>111200</v>
      </c>
      <c r="F36848" s="1" t="s">
        <v>31381</v>
      </c>
      <c r="G36848" s="1" t="s">
        <v>127768</v>
      </c>
      <c r="H36848" s="1" t="s">
        <v>127769</v>
      </c>
      <c r="I36848" s="1" t="s">
        <v>126615</v>
      </c>
      <c r="J36848" s="1" t="s">
        <v>127817</v>
      </c>
    </row>
    <row r="36849" spans="1:10" x14ac:dyDescent="0.35">
      <c r="A36849" s="1" t="s">
        <v>12115</v>
      </c>
      <c r="B36849" s="1" t="s">
        <v>126612</v>
      </c>
      <c r="C36849" s="1" t="s">
        <v>105</v>
      </c>
      <c r="D36849" s="1" t="s">
        <v>127818</v>
      </c>
      <c r="E36849" s="1" t="s">
        <v>107290</v>
      </c>
      <c r="F36849" s="1" t="s">
        <v>63445</v>
      </c>
      <c r="G36849" s="1" t="s">
        <v>127768</v>
      </c>
      <c r="H36849" s="1" t="s">
        <v>127769</v>
      </c>
      <c r="I36849" s="1" t="s">
        <v>126615</v>
      </c>
      <c r="J36849" s="1" t="s">
        <v>127819</v>
      </c>
    </row>
    <row r="36850" spans="1:10" x14ac:dyDescent="0.35">
      <c r="A36850" s="1" t="s">
        <v>12115</v>
      </c>
      <c r="B36850" s="1" t="s">
        <v>126612</v>
      </c>
      <c r="C36850" s="1" t="s">
        <v>110</v>
      </c>
      <c r="D36850" s="1" t="s">
        <v>127820</v>
      </c>
      <c r="E36850" s="1" t="s">
        <v>78802</v>
      </c>
      <c r="F36850" s="1" t="s">
        <v>56234</v>
      </c>
      <c r="G36850" s="1" t="s">
        <v>127768</v>
      </c>
      <c r="H36850" s="1" t="s">
        <v>127769</v>
      </c>
      <c r="I36850" s="1" t="s">
        <v>126615</v>
      </c>
      <c r="J36850" s="1" t="s">
        <v>127821</v>
      </c>
    </row>
    <row r="36851" spans="1:10" x14ac:dyDescent="0.35">
      <c r="A36851" s="1" t="s">
        <v>12115</v>
      </c>
      <c r="B36851" s="1" t="s">
        <v>126612</v>
      </c>
      <c r="C36851" s="1" t="s">
        <v>115</v>
      </c>
      <c r="D36851" s="1" t="s">
        <v>26324</v>
      </c>
      <c r="E36851" s="1" t="s">
        <v>15548</v>
      </c>
      <c r="F36851" s="1" t="s">
        <v>127822</v>
      </c>
      <c r="G36851" s="1" t="s">
        <v>127768</v>
      </c>
      <c r="H36851" s="1" t="s">
        <v>127769</v>
      </c>
      <c r="I36851" s="1" t="s">
        <v>126615</v>
      </c>
      <c r="J36851" s="1" t="s">
        <v>127823</v>
      </c>
    </row>
    <row r="36852" spans="1:10" x14ac:dyDescent="0.35">
      <c r="A36852" s="1" t="s">
        <v>12115</v>
      </c>
      <c r="B36852" s="1" t="s">
        <v>126612</v>
      </c>
      <c r="C36852" s="1" t="s">
        <v>120</v>
      </c>
      <c r="D36852" s="1" t="s">
        <v>2694</v>
      </c>
      <c r="E36852" s="1" t="s">
        <v>108912</v>
      </c>
      <c r="F36852" s="1" t="s">
        <v>127824</v>
      </c>
      <c r="G36852" s="1" t="s">
        <v>127768</v>
      </c>
      <c r="H36852" s="1" t="s">
        <v>127769</v>
      </c>
      <c r="I36852" s="1" t="s">
        <v>126615</v>
      </c>
      <c r="J36852" s="1" t="s">
        <v>127825</v>
      </c>
    </row>
    <row r="36853" spans="1:10" x14ac:dyDescent="0.35">
      <c r="A36853" s="1" t="s">
        <v>12115</v>
      </c>
      <c r="B36853" s="1" t="s">
        <v>126612</v>
      </c>
      <c r="C36853" s="1" t="s">
        <v>125</v>
      </c>
      <c r="D36853" s="1" t="s">
        <v>77343</v>
      </c>
      <c r="E36853" s="1" t="s">
        <v>127826</v>
      </c>
      <c r="F36853" s="1" t="s">
        <v>59050</v>
      </c>
      <c r="G36853" s="1" t="s">
        <v>127768</v>
      </c>
      <c r="H36853" s="1" t="s">
        <v>127769</v>
      </c>
      <c r="I36853" s="1" t="s">
        <v>126615</v>
      </c>
      <c r="J36853" s="1" t="s">
        <v>127827</v>
      </c>
    </row>
    <row r="36854" spans="1:10" x14ac:dyDescent="0.35">
      <c r="A36854" s="1" t="s">
        <v>12115</v>
      </c>
      <c r="B36854" s="1" t="s">
        <v>126612</v>
      </c>
      <c r="C36854" s="1" t="s">
        <v>130</v>
      </c>
      <c r="D36854" s="1" t="s">
        <v>107032</v>
      </c>
      <c r="E36854" s="1" t="s">
        <v>127828</v>
      </c>
      <c r="F36854" s="1" t="s">
        <v>33005</v>
      </c>
      <c r="G36854" s="1" t="s">
        <v>127768</v>
      </c>
      <c r="H36854" s="1" t="s">
        <v>127769</v>
      </c>
      <c r="I36854" s="1" t="s">
        <v>126615</v>
      </c>
      <c r="J36854" s="1" t="s">
        <v>127829</v>
      </c>
    </row>
    <row r="36855" spans="1:10" x14ac:dyDescent="0.35">
      <c r="A36855" s="1" t="s">
        <v>12115</v>
      </c>
      <c r="B36855" s="1" t="s">
        <v>126612</v>
      </c>
      <c r="C36855" s="1" t="s">
        <v>135</v>
      </c>
      <c r="D36855" s="1" t="s">
        <v>127830</v>
      </c>
      <c r="E36855" s="1" t="s">
        <v>127831</v>
      </c>
      <c r="F36855" s="1" t="s">
        <v>127832</v>
      </c>
      <c r="G36855" s="1" t="s">
        <v>127768</v>
      </c>
      <c r="H36855" s="1" t="s">
        <v>127769</v>
      </c>
      <c r="I36855" s="1" t="s">
        <v>126615</v>
      </c>
      <c r="J36855" s="1" t="s">
        <v>127833</v>
      </c>
    </row>
    <row r="36856" spans="1:10" x14ac:dyDescent="0.35">
      <c r="A36856" s="1" t="s">
        <v>12115</v>
      </c>
      <c r="B36856" s="1" t="s">
        <v>126612</v>
      </c>
      <c r="C36856" s="1" t="s">
        <v>140</v>
      </c>
      <c r="D36856" s="1" t="s">
        <v>127834</v>
      </c>
      <c r="E36856" s="1" t="s">
        <v>78845</v>
      </c>
      <c r="F36856" s="1" t="s">
        <v>67808</v>
      </c>
      <c r="G36856" s="1" t="s">
        <v>127768</v>
      </c>
      <c r="H36856" s="1" t="s">
        <v>127769</v>
      </c>
      <c r="I36856" s="1" t="s">
        <v>126615</v>
      </c>
      <c r="J36856" s="1" t="s">
        <v>127835</v>
      </c>
    </row>
    <row r="36857" spans="1:10" x14ac:dyDescent="0.35">
      <c r="A36857" s="1" t="s">
        <v>12115</v>
      </c>
      <c r="B36857" s="1" t="s">
        <v>126612</v>
      </c>
      <c r="C36857" s="1" t="s">
        <v>145</v>
      </c>
      <c r="D36857" s="1" t="s">
        <v>78242</v>
      </c>
      <c r="E36857" s="1" t="s">
        <v>127836</v>
      </c>
      <c r="F36857" s="1" t="s">
        <v>127837</v>
      </c>
      <c r="G36857" s="1" t="s">
        <v>127768</v>
      </c>
      <c r="H36857" s="1" t="s">
        <v>127769</v>
      </c>
      <c r="I36857" s="1" t="s">
        <v>126615</v>
      </c>
      <c r="J36857" s="1" t="s">
        <v>127838</v>
      </c>
    </row>
    <row r="36858" spans="1:10" x14ac:dyDescent="0.35">
      <c r="A36858" s="1" t="s">
        <v>12115</v>
      </c>
      <c r="B36858" s="1" t="s">
        <v>126612</v>
      </c>
      <c r="C36858" s="1" t="s">
        <v>150</v>
      </c>
      <c r="D36858" s="1" t="s">
        <v>62932</v>
      </c>
      <c r="E36858" s="1" t="s">
        <v>78866</v>
      </c>
      <c r="F36858" s="1" t="s">
        <v>60655</v>
      </c>
      <c r="G36858" s="1" t="s">
        <v>127768</v>
      </c>
      <c r="H36858" s="1" t="s">
        <v>127769</v>
      </c>
      <c r="I36858" s="1" t="s">
        <v>126615</v>
      </c>
      <c r="J36858" s="1" t="s">
        <v>127839</v>
      </c>
    </row>
    <row r="36859" spans="1:10" x14ac:dyDescent="0.35">
      <c r="A36859" s="1" t="s">
        <v>12115</v>
      </c>
      <c r="B36859" s="1" t="s">
        <v>126612</v>
      </c>
      <c r="C36859" s="1" t="s">
        <v>155</v>
      </c>
      <c r="D36859" s="1" t="s">
        <v>124715</v>
      </c>
      <c r="E36859" s="1" t="s">
        <v>127840</v>
      </c>
      <c r="F36859" s="1" t="s">
        <v>59536</v>
      </c>
      <c r="G36859" s="1" t="s">
        <v>127768</v>
      </c>
      <c r="H36859" s="1" t="s">
        <v>127769</v>
      </c>
      <c r="I36859" s="1" t="s">
        <v>126615</v>
      </c>
      <c r="J36859" s="1" t="s">
        <v>127841</v>
      </c>
    </row>
    <row r="36860" spans="1:10" x14ac:dyDescent="0.35">
      <c r="A36860" s="1" t="s">
        <v>12115</v>
      </c>
      <c r="B36860" s="1" t="s">
        <v>126612</v>
      </c>
      <c r="C36860" s="1" t="s">
        <v>160</v>
      </c>
      <c r="D36860" s="1" t="s">
        <v>127842</v>
      </c>
      <c r="E36860" s="1" t="s">
        <v>127843</v>
      </c>
      <c r="F36860" s="1" t="s">
        <v>31853</v>
      </c>
      <c r="G36860" s="1" t="s">
        <v>127768</v>
      </c>
      <c r="H36860" s="1" t="s">
        <v>127769</v>
      </c>
      <c r="I36860" s="1" t="s">
        <v>126615</v>
      </c>
      <c r="J36860" s="1" t="s">
        <v>127844</v>
      </c>
    </row>
    <row r="36861" spans="1:10" x14ac:dyDescent="0.35">
      <c r="A36861" s="1" t="s">
        <v>12115</v>
      </c>
      <c r="B36861" s="1" t="s">
        <v>126612</v>
      </c>
      <c r="C36861" s="1" t="s">
        <v>165</v>
      </c>
      <c r="D36861" s="1" t="s">
        <v>62321</v>
      </c>
      <c r="E36861" s="1" t="s">
        <v>127845</v>
      </c>
      <c r="F36861" s="1" t="s">
        <v>127846</v>
      </c>
      <c r="G36861" s="1" t="s">
        <v>127768</v>
      </c>
      <c r="H36861" s="1" t="s">
        <v>127769</v>
      </c>
      <c r="I36861" s="1" t="s">
        <v>126615</v>
      </c>
      <c r="J36861" s="1" t="s">
        <v>127847</v>
      </c>
    </row>
    <row r="36862" spans="1:10" x14ac:dyDescent="0.35">
      <c r="A36862" s="1" t="s">
        <v>12115</v>
      </c>
      <c r="B36862" s="1" t="s">
        <v>126612</v>
      </c>
      <c r="C36862" s="1" t="s">
        <v>170</v>
      </c>
      <c r="D36862" s="1" t="s">
        <v>127848</v>
      </c>
      <c r="E36862" s="1" t="s">
        <v>127849</v>
      </c>
      <c r="F36862" s="1" t="s">
        <v>103789</v>
      </c>
      <c r="G36862" s="1" t="s">
        <v>127768</v>
      </c>
      <c r="H36862" s="1" t="s">
        <v>127769</v>
      </c>
      <c r="I36862" s="1" t="s">
        <v>126615</v>
      </c>
      <c r="J36862" s="1" t="s">
        <v>127850</v>
      </c>
    </row>
    <row r="36863" spans="1:10" x14ac:dyDescent="0.35">
      <c r="A36863" s="1" t="s">
        <v>2000</v>
      </c>
      <c r="B36863" s="1" t="s">
        <v>126612</v>
      </c>
      <c r="C36863" s="1" t="s">
        <v>8</v>
      </c>
      <c r="D36863" s="1" t="s">
        <v>127851</v>
      </c>
      <c r="E36863" s="1" t="s">
        <v>15532</v>
      </c>
      <c r="F36863" s="1" t="s">
        <v>127852</v>
      </c>
      <c r="G36863" s="1" t="s">
        <v>127853</v>
      </c>
      <c r="H36863" s="1" t="s">
        <v>127854</v>
      </c>
      <c r="I36863" s="1" t="s">
        <v>126615</v>
      </c>
      <c r="J36863" s="1" t="s">
        <v>13</v>
      </c>
    </row>
    <row r="36864" spans="1:10" x14ac:dyDescent="0.35">
      <c r="A36864" s="1" t="s">
        <v>2000</v>
      </c>
      <c r="B36864" s="1" t="s">
        <v>126612</v>
      </c>
      <c r="C36864" s="1" t="s">
        <v>15</v>
      </c>
      <c r="D36864" s="1" t="s">
        <v>68752</v>
      </c>
      <c r="E36864" s="1" t="s">
        <v>107592</v>
      </c>
      <c r="F36864" s="1" t="s">
        <v>127855</v>
      </c>
      <c r="G36864" s="1" t="s">
        <v>127853</v>
      </c>
      <c r="H36864" s="1" t="s">
        <v>127854</v>
      </c>
      <c r="I36864" s="1" t="s">
        <v>126615</v>
      </c>
      <c r="J36864" s="1" t="s">
        <v>127856</v>
      </c>
    </row>
    <row r="36865" spans="1:10" x14ac:dyDescent="0.35">
      <c r="A36865" s="1" t="s">
        <v>2000</v>
      </c>
      <c r="B36865" s="1" t="s">
        <v>126612</v>
      </c>
      <c r="C36865" s="1" t="s">
        <v>20</v>
      </c>
      <c r="D36865" s="1" t="s">
        <v>127857</v>
      </c>
      <c r="E36865" s="1" t="s">
        <v>15563</v>
      </c>
      <c r="F36865" s="1" t="s">
        <v>127858</v>
      </c>
      <c r="G36865" s="1" t="s">
        <v>127853</v>
      </c>
      <c r="H36865" s="1" t="s">
        <v>127854</v>
      </c>
      <c r="I36865" s="1" t="s">
        <v>126615</v>
      </c>
      <c r="J36865" s="1" t="s">
        <v>127859</v>
      </c>
    </row>
    <row r="36866" spans="1:10" x14ac:dyDescent="0.35">
      <c r="A36866" s="1" t="s">
        <v>2000</v>
      </c>
      <c r="B36866" s="1" t="s">
        <v>126612</v>
      </c>
      <c r="C36866" s="1" t="s">
        <v>25</v>
      </c>
      <c r="D36866" s="1" t="s">
        <v>127860</v>
      </c>
      <c r="E36866" s="1" t="s">
        <v>127861</v>
      </c>
      <c r="F36866" s="1" t="s">
        <v>127862</v>
      </c>
      <c r="G36866" s="1" t="s">
        <v>127853</v>
      </c>
      <c r="H36866" s="1" t="s">
        <v>127854</v>
      </c>
      <c r="I36866" s="1" t="s">
        <v>126615</v>
      </c>
      <c r="J36866" s="1" t="s">
        <v>127863</v>
      </c>
    </row>
    <row r="36867" spans="1:10" x14ac:dyDescent="0.35">
      <c r="A36867" s="1" t="s">
        <v>2000</v>
      </c>
      <c r="B36867" s="1" t="s">
        <v>126612</v>
      </c>
      <c r="C36867" s="1" t="s">
        <v>30</v>
      </c>
      <c r="D36867" s="1" t="s">
        <v>108074</v>
      </c>
      <c r="E36867" s="1" t="s">
        <v>107295</v>
      </c>
      <c r="F36867" s="1" t="s">
        <v>127864</v>
      </c>
      <c r="G36867" s="1" t="s">
        <v>127853</v>
      </c>
      <c r="H36867" s="1" t="s">
        <v>127854</v>
      </c>
      <c r="I36867" s="1" t="s">
        <v>126615</v>
      </c>
      <c r="J36867" s="1" t="s">
        <v>127865</v>
      </c>
    </row>
    <row r="36868" spans="1:10" x14ac:dyDescent="0.35">
      <c r="A36868" s="1" t="s">
        <v>2000</v>
      </c>
      <c r="B36868" s="1" t="s">
        <v>126612</v>
      </c>
      <c r="C36868" s="1" t="s">
        <v>35</v>
      </c>
      <c r="D36868" s="1" t="s">
        <v>127866</v>
      </c>
      <c r="E36868" s="1" t="s">
        <v>78814</v>
      </c>
      <c r="F36868" s="1" t="s">
        <v>127867</v>
      </c>
      <c r="G36868" s="1" t="s">
        <v>127853</v>
      </c>
      <c r="H36868" s="1" t="s">
        <v>127854</v>
      </c>
      <c r="I36868" s="1" t="s">
        <v>126615</v>
      </c>
      <c r="J36868" s="1" t="s">
        <v>127868</v>
      </c>
    </row>
    <row r="36869" spans="1:10" x14ac:dyDescent="0.35">
      <c r="A36869" s="1" t="s">
        <v>2000</v>
      </c>
      <c r="B36869" s="1" t="s">
        <v>126612</v>
      </c>
      <c r="C36869" s="1" t="s">
        <v>40</v>
      </c>
      <c r="D36869" s="1" t="s">
        <v>127869</v>
      </c>
      <c r="E36869" s="1" t="s">
        <v>49804</v>
      </c>
      <c r="F36869" s="1" t="s">
        <v>66511</v>
      </c>
      <c r="G36869" s="1" t="s">
        <v>127853</v>
      </c>
      <c r="H36869" s="1" t="s">
        <v>127854</v>
      </c>
      <c r="I36869" s="1" t="s">
        <v>126615</v>
      </c>
      <c r="J36869" s="1" t="s">
        <v>127870</v>
      </c>
    </row>
    <row r="36870" spans="1:10" x14ac:dyDescent="0.35">
      <c r="A36870" s="1" t="s">
        <v>2000</v>
      </c>
      <c r="B36870" s="1" t="s">
        <v>126612</v>
      </c>
      <c r="C36870" s="1" t="s">
        <v>45</v>
      </c>
      <c r="D36870" s="1" t="s">
        <v>62919</v>
      </c>
      <c r="E36870" s="1" t="s">
        <v>109515</v>
      </c>
      <c r="F36870" s="1" t="s">
        <v>127871</v>
      </c>
      <c r="G36870" s="1" t="s">
        <v>127853</v>
      </c>
      <c r="H36870" s="1" t="s">
        <v>127854</v>
      </c>
      <c r="I36870" s="1" t="s">
        <v>126615</v>
      </c>
      <c r="J36870" s="1" t="s">
        <v>127872</v>
      </c>
    </row>
    <row r="36871" spans="1:10" x14ac:dyDescent="0.35">
      <c r="A36871" s="1" t="s">
        <v>2000</v>
      </c>
      <c r="B36871" s="1" t="s">
        <v>126612</v>
      </c>
      <c r="C36871" s="1" t="s">
        <v>50</v>
      </c>
      <c r="D36871" s="1" t="s">
        <v>127873</v>
      </c>
      <c r="E36871" s="1" t="s">
        <v>49825</v>
      </c>
      <c r="F36871" s="1" t="s">
        <v>127874</v>
      </c>
      <c r="G36871" s="1" t="s">
        <v>127853</v>
      </c>
      <c r="H36871" s="1" t="s">
        <v>127854</v>
      </c>
      <c r="I36871" s="1" t="s">
        <v>126615</v>
      </c>
      <c r="J36871" s="1" t="s">
        <v>127875</v>
      </c>
    </row>
    <row r="36872" spans="1:10" x14ac:dyDescent="0.35">
      <c r="A36872" s="1" t="s">
        <v>2000</v>
      </c>
      <c r="B36872" s="1" t="s">
        <v>126612</v>
      </c>
      <c r="C36872" s="1" t="s">
        <v>55</v>
      </c>
      <c r="D36872" s="1" t="s">
        <v>127876</v>
      </c>
      <c r="E36872" s="1" t="s">
        <v>127877</v>
      </c>
      <c r="F36872" s="1" t="s">
        <v>78773</v>
      </c>
      <c r="G36872" s="1" t="s">
        <v>127853</v>
      </c>
      <c r="H36872" s="1" t="s">
        <v>127854</v>
      </c>
      <c r="I36872" s="1" t="s">
        <v>126615</v>
      </c>
      <c r="J36872" s="1" t="s">
        <v>127878</v>
      </c>
    </row>
    <row r="36873" spans="1:10" x14ac:dyDescent="0.35">
      <c r="A36873" s="1" t="s">
        <v>2000</v>
      </c>
      <c r="B36873" s="1" t="s">
        <v>126612</v>
      </c>
      <c r="C36873" s="1" t="s">
        <v>60</v>
      </c>
      <c r="D36873" s="1" t="s">
        <v>127879</v>
      </c>
      <c r="E36873" s="1" t="s">
        <v>106525</v>
      </c>
      <c r="F36873" s="1" t="s">
        <v>127880</v>
      </c>
      <c r="G36873" s="1" t="s">
        <v>127853</v>
      </c>
      <c r="H36873" s="1" t="s">
        <v>127854</v>
      </c>
      <c r="I36873" s="1" t="s">
        <v>126615</v>
      </c>
      <c r="J36873" s="1" t="s">
        <v>127881</v>
      </c>
    </row>
    <row r="36874" spans="1:10" x14ac:dyDescent="0.35">
      <c r="A36874" s="1" t="s">
        <v>2000</v>
      </c>
      <c r="B36874" s="1" t="s">
        <v>126612</v>
      </c>
      <c r="C36874" s="1" t="s">
        <v>65</v>
      </c>
      <c r="D36874" s="1" t="s">
        <v>127882</v>
      </c>
      <c r="E36874" s="1" t="s">
        <v>111178</v>
      </c>
      <c r="F36874" s="1" t="s">
        <v>127883</v>
      </c>
      <c r="G36874" s="1" t="s">
        <v>127853</v>
      </c>
      <c r="H36874" s="1" t="s">
        <v>127854</v>
      </c>
      <c r="I36874" s="1" t="s">
        <v>126615</v>
      </c>
      <c r="J36874" s="1" t="s">
        <v>127884</v>
      </c>
    </row>
    <row r="36875" spans="1:10" x14ac:dyDescent="0.35">
      <c r="A36875" s="1" t="s">
        <v>2000</v>
      </c>
      <c r="B36875" s="1" t="s">
        <v>126612</v>
      </c>
      <c r="C36875" s="1" t="s">
        <v>70</v>
      </c>
      <c r="D36875" s="1" t="s">
        <v>127885</v>
      </c>
      <c r="E36875" s="1" t="s">
        <v>108882</v>
      </c>
      <c r="F36875" s="1" t="s">
        <v>127886</v>
      </c>
      <c r="G36875" s="1" t="s">
        <v>127853</v>
      </c>
      <c r="H36875" s="1" t="s">
        <v>127854</v>
      </c>
      <c r="I36875" s="1" t="s">
        <v>126615</v>
      </c>
      <c r="J36875" s="1" t="s">
        <v>127887</v>
      </c>
    </row>
    <row r="36876" spans="1:10" x14ac:dyDescent="0.35">
      <c r="A36876" s="1" t="s">
        <v>2000</v>
      </c>
      <c r="B36876" s="1" t="s">
        <v>126612</v>
      </c>
      <c r="C36876" s="1" t="s">
        <v>75</v>
      </c>
      <c r="D36876" s="1" t="s">
        <v>127888</v>
      </c>
      <c r="E36876" s="1" t="s">
        <v>127889</v>
      </c>
      <c r="F36876" s="1" t="s">
        <v>127890</v>
      </c>
      <c r="G36876" s="1" t="s">
        <v>127853</v>
      </c>
      <c r="H36876" s="1" t="s">
        <v>127854</v>
      </c>
      <c r="I36876" s="1" t="s">
        <v>126615</v>
      </c>
      <c r="J36876" s="1" t="s">
        <v>127891</v>
      </c>
    </row>
    <row r="36877" spans="1:10" x14ac:dyDescent="0.35">
      <c r="A36877" s="1" t="s">
        <v>2000</v>
      </c>
      <c r="B36877" s="1" t="s">
        <v>126612</v>
      </c>
      <c r="C36877" s="1" t="s">
        <v>80</v>
      </c>
      <c r="D36877" s="1" t="s">
        <v>127892</v>
      </c>
      <c r="E36877" s="1" t="s">
        <v>106540</v>
      </c>
      <c r="F36877" s="1" t="s">
        <v>127893</v>
      </c>
      <c r="G36877" s="1" t="s">
        <v>127853</v>
      </c>
      <c r="H36877" s="1" t="s">
        <v>127854</v>
      </c>
      <c r="I36877" s="1" t="s">
        <v>126615</v>
      </c>
      <c r="J36877" s="1" t="s">
        <v>127894</v>
      </c>
    </row>
    <row r="36878" spans="1:10" x14ac:dyDescent="0.35">
      <c r="A36878" s="1" t="s">
        <v>2000</v>
      </c>
      <c r="B36878" s="1" t="s">
        <v>126612</v>
      </c>
      <c r="C36878" s="1" t="s">
        <v>85</v>
      </c>
      <c r="D36878" s="1" t="s">
        <v>127895</v>
      </c>
      <c r="E36878" s="1" t="s">
        <v>127896</v>
      </c>
      <c r="F36878" s="1" t="s">
        <v>127897</v>
      </c>
      <c r="G36878" s="1" t="s">
        <v>127853</v>
      </c>
      <c r="H36878" s="1" t="s">
        <v>127854</v>
      </c>
      <c r="I36878" s="1" t="s">
        <v>126615</v>
      </c>
      <c r="J36878" s="1" t="s">
        <v>127898</v>
      </c>
    </row>
    <row r="36879" spans="1:10" x14ac:dyDescent="0.35">
      <c r="A36879" s="1" t="s">
        <v>2000</v>
      </c>
      <c r="B36879" s="1" t="s">
        <v>126612</v>
      </c>
      <c r="C36879" s="1" t="s">
        <v>90</v>
      </c>
      <c r="D36879" s="1" t="s">
        <v>102702</v>
      </c>
      <c r="E36879" s="1" t="s">
        <v>127899</v>
      </c>
      <c r="F36879" s="1" t="s">
        <v>127900</v>
      </c>
      <c r="G36879" s="1" t="s">
        <v>127853</v>
      </c>
      <c r="H36879" s="1" t="s">
        <v>127854</v>
      </c>
      <c r="I36879" s="1" t="s">
        <v>126615</v>
      </c>
      <c r="J36879" s="1" t="s">
        <v>127901</v>
      </c>
    </row>
    <row r="36880" spans="1:10" x14ac:dyDescent="0.35">
      <c r="A36880" s="1" t="s">
        <v>2000</v>
      </c>
      <c r="B36880" s="1" t="s">
        <v>126612</v>
      </c>
      <c r="C36880" s="1" t="s">
        <v>95</v>
      </c>
      <c r="D36880" s="1" t="s">
        <v>127902</v>
      </c>
      <c r="E36880" s="1" t="s">
        <v>127119</v>
      </c>
      <c r="F36880" s="1" t="s">
        <v>127903</v>
      </c>
      <c r="G36880" s="1" t="s">
        <v>127853</v>
      </c>
      <c r="H36880" s="1" t="s">
        <v>127854</v>
      </c>
      <c r="I36880" s="1" t="s">
        <v>126615</v>
      </c>
      <c r="J36880" s="1" t="s">
        <v>127904</v>
      </c>
    </row>
    <row r="36881" spans="1:10" x14ac:dyDescent="0.35">
      <c r="A36881" s="1" t="s">
        <v>2000</v>
      </c>
      <c r="B36881" s="1" t="s">
        <v>126612</v>
      </c>
      <c r="C36881" s="1" t="s">
        <v>100</v>
      </c>
      <c r="D36881" s="1" t="s">
        <v>107726</v>
      </c>
      <c r="E36881" s="1" t="s">
        <v>127800</v>
      </c>
      <c r="F36881" s="1" t="s">
        <v>63704</v>
      </c>
      <c r="G36881" s="1" t="s">
        <v>127853</v>
      </c>
      <c r="H36881" s="1" t="s">
        <v>127854</v>
      </c>
      <c r="I36881" s="1" t="s">
        <v>126615</v>
      </c>
      <c r="J36881" s="1" t="s">
        <v>127905</v>
      </c>
    </row>
    <row r="36882" spans="1:10" x14ac:dyDescent="0.35">
      <c r="A36882" s="1" t="s">
        <v>2000</v>
      </c>
      <c r="B36882" s="1" t="s">
        <v>126612</v>
      </c>
      <c r="C36882" s="1" t="s">
        <v>105</v>
      </c>
      <c r="D36882" s="1" t="s">
        <v>24546</v>
      </c>
      <c r="E36882" s="1" t="s">
        <v>111178</v>
      </c>
      <c r="F36882" s="1" t="s">
        <v>127906</v>
      </c>
      <c r="G36882" s="1" t="s">
        <v>127853</v>
      </c>
      <c r="H36882" s="1" t="s">
        <v>127854</v>
      </c>
      <c r="I36882" s="1" t="s">
        <v>126615</v>
      </c>
      <c r="J36882" s="1" t="s">
        <v>127907</v>
      </c>
    </row>
    <row r="36883" spans="1:10" x14ac:dyDescent="0.35">
      <c r="A36883" s="1" t="s">
        <v>2000</v>
      </c>
      <c r="B36883" s="1" t="s">
        <v>126612</v>
      </c>
      <c r="C36883" s="1" t="s">
        <v>110</v>
      </c>
      <c r="D36883" s="1" t="s">
        <v>68676</v>
      </c>
      <c r="E36883" s="1" t="s">
        <v>78852</v>
      </c>
      <c r="F36883" s="1" t="s">
        <v>127908</v>
      </c>
      <c r="G36883" s="1" t="s">
        <v>127853</v>
      </c>
      <c r="H36883" s="1" t="s">
        <v>127854</v>
      </c>
      <c r="I36883" s="1" t="s">
        <v>126615</v>
      </c>
      <c r="J36883" s="1" t="s">
        <v>127909</v>
      </c>
    </row>
    <row r="36884" spans="1:10" x14ac:dyDescent="0.35">
      <c r="A36884" s="1" t="s">
        <v>2000</v>
      </c>
      <c r="B36884" s="1" t="s">
        <v>126612</v>
      </c>
      <c r="C36884" s="1" t="s">
        <v>115</v>
      </c>
      <c r="D36884" s="1" t="s">
        <v>102291</v>
      </c>
      <c r="E36884" s="1" t="s">
        <v>108875</v>
      </c>
      <c r="F36884" s="1" t="s">
        <v>127910</v>
      </c>
      <c r="G36884" s="1" t="s">
        <v>127853</v>
      </c>
      <c r="H36884" s="1" t="s">
        <v>127854</v>
      </c>
      <c r="I36884" s="1" t="s">
        <v>126615</v>
      </c>
      <c r="J36884" s="1" t="s">
        <v>127911</v>
      </c>
    </row>
    <row r="36885" spans="1:10" x14ac:dyDescent="0.35">
      <c r="A36885" s="1" t="s">
        <v>2000</v>
      </c>
      <c r="B36885" s="1" t="s">
        <v>126612</v>
      </c>
      <c r="C36885" s="1" t="s">
        <v>120</v>
      </c>
      <c r="D36885" s="1" t="s">
        <v>127912</v>
      </c>
      <c r="E36885" s="1" t="s">
        <v>127913</v>
      </c>
      <c r="F36885" s="1" t="s">
        <v>127914</v>
      </c>
      <c r="G36885" s="1" t="s">
        <v>127853</v>
      </c>
      <c r="H36885" s="1" t="s">
        <v>127854</v>
      </c>
      <c r="I36885" s="1" t="s">
        <v>126615</v>
      </c>
      <c r="J36885" s="1" t="s">
        <v>127915</v>
      </c>
    </row>
    <row r="36886" spans="1:10" x14ac:dyDescent="0.35">
      <c r="A36886" s="1" t="s">
        <v>2000</v>
      </c>
      <c r="B36886" s="1" t="s">
        <v>126612</v>
      </c>
      <c r="C36886" s="1" t="s">
        <v>125</v>
      </c>
      <c r="D36886" s="1" t="s">
        <v>127916</v>
      </c>
      <c r="E36886" s="1" t="s">
        <v>78870</v>
      </c>
      <c r="F36886" s="1" t="s">
        <v>127917</v>
      </c>
      <c r="G36886" s="1" t="s">
        <v>127853</v>
      </c>
      <c r="H36886" s="1" t="s">
        <v>127854</v>
      </c>
      <c r="I36886" s="1" t="s">
        <v>126615</v>
      </c>
      <c r="J36886" s="1" t="s">
        <v>127918</v>
      </c>
    </row>
    <row r="36887" spans="1:10" x14ac:dyDescent="0.35">
      <c r="A36887" s="1" t="s">
        <v>2000</v>
      </c>
      <c r="B36887" s="1" t="s">
        <v>126612</v>
      </c>
      <c r="C36887" s="1" t="s">
        <v>130</v>
      </c>
      <c r="D36887" s="1" t="s">
        <v>127919</v>
      </c>
      <c r="E36887" s="1" t="s">
        <v>127920</v>
      </c>
      <c r="F36887" s="1" t="s">
        <v>127921</v>
      </c>
      <c r="G36887" s="1" t="s">
        <v>127853</v>
      </c>
      <c r="H36887" s="1" t="s">
        <v>127854</v>
      </c>
      <c r="I36887" s="1" t="s">
        <v>126615</v>
      </c>
      <c r="J36887" s="1" t="s">
        <v>127922</v>
      </c>
    </row>
    <row r="36888" spans="1:10" x14ac:dyDescent="0.35">
      <c r="A36888" s="1" t="s">
        <v>2000</v>
      </c>
      <c r="B36888" s="1" t="s">
        <v>126612</v>
      </c>
      <c r="C36888" s="1" t="s">
        <v>135</v>
      </c>
      <c r="D36888" s="1" t="s">
        <v>127923</v>
      </c>
      <c r="E36888" s="1" t="s">
        <v>111213</v>
      </c>
      <c r="F36888" s="1" t="s">
        <v>127924</v>
      </c>
      <c r="G36888" s="1" t="s">
        <v>127853</v>
      </c>
      <c r="H36888" s="1" t="s">
        <v>127854</v>
      </c>
      <c r="I36888" s="1" t="s">
        <v>126615</v>
      </c>
      <c r="J36888" s="1" t="s">
        <v>127925</v>
      </c>
    </row>
    <row r="36889" spans="1:10" x14ac:dyDescent="0.35">
      <c r="A36889" s="1" t="s">
        <v>2000</v>
      </c>
      <c r="B36889" s="1" t="s">
        <v>126612</v>
      </c>
      <c r="C36889" s="1" t="s">
        <v>140</v>
      </c>
      <c r="D36889" s="1" t="s">
        <v>16822</v>
      </c>
      <c r="E36889" s="1" t="s">
        <v>127831</v>
      </c>
      <c r="F36889" s="1" t="s">
        <v>127926</v>
      </c>
      <c r="G36889" s="1" t="s">
        <v>127853</v>
      </c>
      <c r="H36889" s="1" t="s">
        <v>127854</v>
      </c>
      <c r="I36889" s="1" t="s">
        <v>126615</v>
      </c>
      <c r="J36889" s="1" t="s">
        <v>127927</v>
      </c>
    </row>
    <row r="36890" spans="1:10" x14ac:dyDescent="0.35">
      <c r="A36890" s="1" t="s">
        <v>2000</v>
      </c>
      <c r="B36890" s="1" t="s">
        <v>126612</v>
      </c>
      <c r="C36890" s="1" t="s">
        <v>145</v>
      </c>
      <c r="D36890" s="1" t="s">
        <v>127928</v>
      </c>
      <c r="E36890" s="1" t="s">
        <v>111220</v>
      </c>
      <c r="F36890" s="1" t="s">
        <v>127929</v>
      </c>
      <c r="G36890" s="1" t="s">
        <v>127853</v>
      </c>
      <c r="H36890" s="1" t="s">
        <v>127854</v>
      </c>
      <c r="I36890" s="1" t="s">
        <v>126615</v>
      </c>
      <c r="J36890" s="1" t="s">
        <v>127930</v>
      </c>
    </row>
    <row r="36891" spans="1:10" x14ac:dyDescent="0.35">
      <c r="A36891" s="1" t="s">
        <v>2000</v>
      </c>
      <c r="B36891" s="1" t="s">
        <v>126612</v>
      </c>
      <c r="C36891" s="1" t="s">
        <v>150</v>
      </c>
      <c r="D36891" s="1" t="s">
        <v>113760</v>
      </c>
      <c r="E36891" s="1" t="s">
        <v>111223</v>
      </c>
      <c r="F36891" s="1" t="s">
        <v>66405</v>
      </c>
      <c r="G36891" s="1" t="s">
        <v>127853</v>
      </c>
      <c r="H36891" s="1" t="s">
        <v>127854</v>
      </c>
      <c r="I36891" s="1" t="s">
        <v>126615</v>
      </c>
      <c r="J36891" s="1" t="s">
        <v>127931</v>
      </c>
    </row>
    <row r="36892" spans="1:10" x14ac:dyDescent="0.35">
      <c r="A36892" s="1" t="s">
        <v>2000</v>
      </c>
      <c r="B36892" s="1" t="s">
        <v>126612</v>
      </c>
      <c r="C36892" s="1" t="s">
        <v>155</v>
      </c>
      <c r="D36892" s="1" t="s">
        <v>64859</v>
      </c>
      <c r="E36892" s="1" t="s">
        <v>127932</v>
      </c>
      <c r="F36892" s="1" t="s">
        <v>127933</v>
      </c>
      <c r="G36892" s="1" t="s">
        <v>127853</v>
      </c>
      <c r="H36892" s="1" t="s">
        <v>127854</v>
      </c>
      <c r="I36892" s="1" t="s">
        <v>126615</v>
      </c>
      <c r="J36892" s="1" t="s">
        <v>127934</v>
      </c>
    </row>
    <row r="36893" spans="1:10" x14ac:dyDescent="0.35">
      <c r="A36893" s="1" t="s">
        <v>2000</v>
      </c>
      <c r="B36893" s="1" t="s">
        <v>126612</v>
      </c>
      <c r="C36893" s="1" t="s">
        <v>160</v>
      </c>
      <c r="D36893" s="1" t="s">
        <v>127935</v>
      </c>
      <c r="E36893" s="1" t="s">
        <v>109465</v>
      </c>
      <c r="F36893" s="1" t="s">
        <v>127936</v>
      </c>
      <c r="G36893" s="1" t="s">
        <v>127853</v>
      </c>
      <c r="H36893" s="1" t="s">
        <v>127854</v>
      </c>
      <c r="I36893" s="1" t="s">
        <v>126615</v>
      </c>
      <c r="J36893" s="1" t="s">
        <v>127937</v>
      </c>
    </row>
    <row r="36894" spans="1:10" x14ac:dyDescent="0.35">
      <c r="A36894" s="1" t="s">
        <v>2000</v>
      </c>
      <c r="B36894" s="1" t="s">
        <v>126612</v>
      </c>
      <c r="C36894" s="1" t="s">
        <v>165</v>
      </c>
      <c r="D36894" s="1" t="s">
        <v>83078</v>
      </c>
      <c r="E36894" s="1" t="s">
        <v>127938</v>
      </c>
      <c r="F36894" s="1" t="s">
        <v>127939</v>
      </c>
      <c r="G36894" s="1" t="s">
        <v>127853</v>
      </c>
      <c r="H36894" s="1" t="s">
        <v>127854</v>
      </c>
      <c r="I36894" s="1" t="s">
        <v>126615</v>
      </c>
      <c r="J36894" s="1" t="s">
        <v>127940</v>
      </c>
    </row>
    <row r="36895" spans="1:10" x14ac:dyDescent="0.35">
      <c r="A36895" s="1" t="s">
        <v>2000</v>
      </c>
      <c r="B36895" s="1" t="s">
        <v>126612</v>
      </c>
      <c r="C36895" s="1" t="s">
        <v>170</v>
      </c>
      <c r="D36895" s="1" t="s">
        <v>127941</v>
      </c>
      <c r="E36895" s="1" t="s">
        <v>108933</v>
      </c>
      <c r="F36895" s="1" t="s">
        <v>127942</v>
      </c>
      <c r="G36895" s="1" t="s">
        <v>127853</v>
      </c>
      <c r="H36895" s="1" t="s">
        <v>127854</v>
      </c>
      <c r="I36895" s="1" t="s">
        <v>126615</v>
      </c>
      <c r="J36895" s="1" t="s">
        <v>127943</v>
      </c>
    </row>
    <row r="36896" spans="1:10" x14ac:dyDescent="0.35">
      <c r="A36896" s="1" t="s">
        <v>127944</v>
      </c>
      <c r="B36896" s="1" t="s">
        <v>126612</v>
      </c>
      <c r="C36896" s="1" t="s">
        <v>8</v>
      </c>
      <c r="D36896" s="1" t="s">
        <v>127945</v>
      </c>
      <c r="E36896" s="1" t="s">
        <v>94756</v>
      </c>
      <c r="F36896" s="1" t="s">
        <v>127946</v>
      </c>
      <c r="G36896" s="1" t="s">
        <v>127947</v>
      </c>
      <c r="H36896" s="1" t="s">
        <v>127948</v>
      </c>
      <c r="I36896" s="1" t="s">
        <v>126615</v>
      </c>
      <c r="J36896" s="1" t="s">
        <v>13</v>
      </c>
    </row>
    <row r="36897" spans="1:10" x14ac:dyDescent="0.35">
      <c r="A36897" s="1" t="s">
        <v>127944</v>
      </c>
      <c r="B36897" s="1" t="s">
        <v>126612</v>
      </c>
      <c r="C36897" s="1" t="s">
        <v>15</v>
      </c>
      <c r="D36897" s="1" t="s">
        <v>26571</v>
      </c>
      <c r="E36897" s="1" t="s">
        <v>30626</v>
      </c>
      <c r="F36897" s="1" t="s">
        <v>127949</v>
      </c>
      <c r="G36897" s="1" t="s">
        <v>127947</v>
      </c>
      <c r="H36897" s="1" t="s">
        <v>127948</v>
      </c>
      <c r="I36897" s="1" t="s">
        <v>126615</v>
      </c>
      <c r="J36897" s="1" t="s">
        <v>127950</v>
      </c>
    </row>
    <row r="36898" spans="1:10" x14ac:dyDescent="0.35">
      <c r="A36898" s="1" t="s">
        <v>127944</v>
      </c>
      <c r="B36898" s="1" t="s">
        <v>126612</v>
      </c>
      <c r="C36898" s="1" t="s">
        <v>20</v>
      </c>
      <c r="D36898" s="1" t="s">
        <v>127951</v>
      </c>
      <c r="E36898" s="1" t="s">
        <v>105283</v>
      </c>
      <c r="F36898" s="1" t="s">
        <v>127952</v>
      </c>
      <c r="G36898" s="1" t="s">
        <v>127947</v>
      </c>
      <c r="H36898" s="1" t="s">
        <v>127948</v>
      </c>
      <c r="I36898" s="1" t="s">
        <v>126615</v>
      </c>
      <c r="J36898" s="1" t="s">
        <v>127953</v>
      </c>
    </row>
    <row r="36899" spans="1:10" x14ac:dyDescent="0.35">
      <c r="A36899" s="1" t="s">
        <v>127944</v>
      </c>
      <c r="B36899" s="1" t="s">
        <v>126612</v>
      </c>
      <c r="C36899" s="1" t="s">
        <v>25</v>
      </c>
      <c r="D36899" s="1" t="s">
        <v>95372</v>
      </c>
      <c r="E36899" s="1" t="s">
        <v>105932</v>
      </c>
      <c r="F36899" s="1" t="s">
        <v>127954</v>
      </c>
      <c r="G36899" s="1" t="s">
        <v>127947</v>
      </c>
      <c r="H36899" s="1" t="s">
        <v>127948</v>
      </c>
      <c r="I36899" s="1" t="s">
        <v>126615</v>
      </c>
      <c r="J36899" s="1" t="s">
        <v>127955</v>
      </c>
    </row>
    <row r="36900" spans="1:10" x14ac:dyDescent="0.35">
      <c r="A36900" s="1" t="s">
        <v>127944</v>
      </c>
      <c r="B36900" s="1" t="s">
        <v>126612</v>
      </c>
      <c r="C36900" s="1" t="s">
        <v>30</v>
      </c>
      <c r="D36900" s="1" t="s">
        <v>127956</v>
      </c>
      <c r="E36900" s="1" t="s">
        <v>127957</v>
      </c>
      <c r="F36900" s="1" t="s">
        <v>127958</v>
      </c>
      <c r="G36900" s="1" t="s">
        <v>127947</v>
      </c>
      <c r="H36900" s="1" t="s">
        <v>127948</v>
      </c>
      <c r="I36900" s="1" t="s">
        <v>126615</v>
      </c>
      <c r="J36900" s="1" t="s">
        <v>127959</v>
      </c>
    </row>
    <row r="36901" spans="1:10" x14ac:dyDescent="0.35">
      <c r="A36901" s="1" t="s">
        <v>127944</v>
      </c>
      <c r="B36901" s="1" t="s">
        <v>126612</v>
      </c>
      <c r="C36901" s="1" t="s">
        <v>35</v>
      </c>
      <c r="D36901" s="1" t="s">
        <v>24275</v>
      </c>
      <c r="E36901" s="1" t="s">
        <v>108595</v>
      </c>
      <c r="F36901" s="1" t="s">
        <v>26179</v>
      </c>
      <c r="G36901" s="1" t="s">
        <v>127947</v>
      </c>
      <c r="H36901" s="1" t="s">
        <v>127948</v>
      </c>
      <c r="I36901" s="1" t="s">
        <v>126615</v>
      </c>
      <c r="J36901" s="1" t="s">
        <v>127960</v>
      </c>
    </row>
    <row r="36902" spans="1:10" x14ac:dyDescent="0.35">
      <c r="A36902" s="1" t="s">
        <v>127944</v>
      </c>
      <c r="B36902" s="1" t="s">
        <v>126612</v>
      </c>
      <c r="C36902" s="1" t="s">
        <v>40</v>
      </c>
      <c r="D36902" s="1" t="s">
        <v>60114</v>
      </c>
      <c r="E36902" s="1" t="s">
        <v>89357</v>
      </c>
      <c r="F36902" s="1" t="s">
        <v>127961</v>
      </c>
      <c r="G36902" s="1" t="s">
        <v>127947</v>
      </c>
      <c r="H36902" s="1" t="s">
        <v>127948</v>
      </c>
      <c r="I36902" s="1" t="s">
        <v>126615</v>
      </c>
      <c r="J36902" s="1" t="s">
        <v>127962</v>
      </c>
    </row>
    <row r="36903" spans="1:10" x14ac:dyDescent="0.35">
      <c r="A36903" s="1" t="s">
        <v>127944</v>
      </c>
      <c r="B36903" s="1" t="s">
        <v>126612</v>
      </c>
      <c r="C36903" s="1" t="s">
        <v>45</v>
      </c>
      <c r="D36903" s="1" t="s">
        <v>127963</v>
      </c>
      <c r="E36903" s="1" t="s">
        <v>127964</v>
      </c>
      <c r="F36903" s="1" t="s">
        <v>127965</v>
      </c>
      <c r="G36903" s="1" t="s">
        <v>127947</v>
      </c>
      <c r="H36903" s="1" t="s">
        <v>127948</v>
      </c>
      <c r="I36903" s="1" t="s">
        <v>126615</v>
      </c>
      <c r="J36903" s="1" t="s">
        <v>127966</v>
      </c>
    </row>
    <row r="36904" spans="1:10" x14ac:dyDescent="0.35">
      <c r="A36904" s="1" t="s">
        <v>127944</v>
      </c>
      <c r="B36904" s="1" t="s">
        <v>126612</v>
      </c>
      <c r="C36904" s="1" t="s">
        <v>50</v>
      </c>
      <c r="D36904" s="1" t="s">
        <v>127967</v>
      </c>
      <c r="E36904" s="1" t="s">
        <v>127968</v>
      </c>
      <c r="F36904" s="1" t="s">
        <v>102499</v>
      </c>
      <c r="G36904" s="1" t="s">
        <v>127947</v>
      </c>
      <c r="H36904" s="1" t="s">
        <v>127948</v>
      </c>
      <c r="I36904" s="1" t="s">
        <v>126615</v>
      </c>
      <c r="J36904" s="1" t="s">
        <v>127969</v>
      </c>
    </row>
    <row r="36905" spans="1:10" x14ac:dyDescent="0.35">
      <c r="A36905" s="1" t="s">
        <v>127944</v>
      </c>
      <c r="B36905" s="1" t="s">
        <v>126612</v>
      </c>
      <c r="C36905" s="1" t="s">
        <v>55</v>
      </c>
      <c r="D36905" s="1" t="s">
        <v>108519</v>
      </c>
      <c r="E36905" s="1" t="s">
        <v>127970</v>
      </c>
      <c r="F36905" s="1" t="s">
        <v>127971</v>
      </c>
      <c r="G36905" s="1" t="s">
        <v>127947</v>
      </c>
      <c r="H36905" s="1" t="s">
        <v>127948</v>
      </c>
      <c r="I36905" s="1" t="s">
        <v>126615</v>
      </c>
      <c r="J36905" s="1" t="s">
        <v>127972</v>
      </c>
    </row>
    <row r="36906" spans="1:10" x14ac:dyDescent="0.35">
      <c r="A36906" s="1" t="s">
        <v>127944</v>
      </c>
      <c r="B36906" s="1" t="s">
        <v>126612</v>
      </c>
      <c r="C36906" s="1" t="s">
        <v>60</v>
      </c>
      <c r="D36906" s="1" t="s">
        <v>127973</v>
      </c>
      <c r="E36906" s="1" t="s">
        <v>16035</v>
      </c>
      <c r="F36906" s="1" t="s">
        <v>127974</v>
      </c>
      <c r="G36906" s="1" t="s">
        <v>127947</v>
      </c>
      <c r="H36906" s="1" t="s">
        <v>127948</v>
      </c>
      <c r="I36906" s="1" t="s">
        <v>126615</v>
      </c>
      <c r="J36906" s="1" t="s">
        <v>127975</v>
      </c>
    </row>
    <row r="36907" spans="1:10" x14ac:dyDescent="0.35">
      <c r="A36907" s="1" t="s">
        <v>127944</v>
      </c>
      <c r="B36907" s="1" t="s">
        <v>126612</v>
      </c>
      <c r="C36907" s="1" t="s">
        <v>65</v>
      </c>
      <c r="D36907" s="1" t="s">
        <v>127976</v>
      </c>
      <c r="E36907" s="1" t="s">
        <v>15998</v>
      </c>
      <c r="F36907" s="1" t="s">
        <v>127977</v>
      </c>
      <c r="G36907" s="1" t="s">
        <v>127947</v>
      </c>
      <c r="H36907" s="1" t="s">
        <v>127948</v>
      </c>
      <c r="I36907" s="1" t="s">
        <v>126615</v>
      </c>
      <c r="J36907" s="1" t="s">
        <v>127978</v>
      </c>
    </row>
    <row r="36908" spans="1:10" x14ac:dyDescent="0.35">
      <c r="A36908" s="1" t="s">
        <v>127944</v>
      </c>
      <c r="B36908" s="1" t="s">
        <v>126612</v>
      </c>
      <c r="C36908" s="1" t="s">
        <v>70</v>
      </c>
      <c r="D36908" s="1" t="s">
        <v>69919</v>
      </c>
      <c r="E36908" s="1" t="s">
        <v>127979</v>
      </c>
      <c r="F36908" s="1" t="s">
        <v>127980</v>
      </c>
      <c r="G36908" s="1" t="s">
        <v>127947</v>
      </c>
      <c r="H36908" s="1" t="s">
        <v>127948</v>
      </c>
      <c r="I36908" s="1" t="s">
        <v>126615</v>
      </c>
      <c r="J36908" s="1" t="s">
        <v>127981</v>
      </c>
    </row>
    <row r="36909" spans="1:10" x14ac:dyDescent="0.35">
      <c r="A36909" s="1" t="s">
        <v>127944</v>
      </c>
      <c r="B36909" s="1" t="s">
        <v>126612</v>
      </c>
      <c r="C36909" s="1" t="s">
        <v>75</v>
      </c>
      <c r="D36909" s="1" t="s">
        <v>127982</v>
      </c>
      <c r="E36909" s="1" t="s">
        <v>127983</v>
      </c>
      <c r="F36909" s="1" t="s">
        <v>127984</v>
      </c>
      <c r="G36909" s="1" t="s">
        <v>127947</v>
      </c>
      <c r="H36909" s="1" t="s">
        <v>127948</v>
      </c>
      <c r="I36909" s="1" t="s">
        <v>126615</v>
      </c>
      <c r="J36909" s="1" t="s">
        <v>127985</v>
      </c>
    </row>
    <row r="36910" spans="1:10" x14ac:dyDescent="0.35">
      <c r="A36910" s="1" t="s">
        <v>127944</v>
      </c>
      <c r="B36910" s="1" t="s">
        <v>126612</v>
      </c>
      <c r="C36910" s="1" t="s">
        <v>80</v>
      </c>
      <c r="D36910" s="1" t="s">
        <v>127986</v>
      </c>
      <c r="E36910" s="1" t="s">
        <v>108694</v>
      </c>
      <c r="F36910" s="1" t="s">
        <v>127987</v>
      </c>
      <c r="G36910" s="1" t="s">
        <v>127947</v>
      </c>
      <c r="H36910" s="1" t="s">
        <v>127948</v>
      </c>
      <c r="I36910" s="1" t="s">
        <v>126615</v>
      </c>
      <c r="J36910" s="1" t="s">
        <v>127988</v>
      </c>
    </row>
    <row r="36911" spans="1:10" x14ac:dyDescent="0.35">
      <c r="A36911" s="1" t="s">
        <v>127944</v>
      </c>
      <c r="B36911" s="1" t="s">
        <v>126612</v>
      </c>
      <c r="C36911" s="1" t="s">
        <v>85</v>
      </c>
      <c r="D36911" s="1" t="s">
        <v>127989</v>
      </c>
      <c r="E36911" s="1" t="s">
        <v>127990</v>
      </c>
      <c r="F36911" s="1" t="s">
        <v>64457</v>
      </c>
      <c r="G36911" s="1" t="s">
        <v>127947</v>
      </c>
      <c r="H36911" s="1" t="s">
        <v>127948</v>
      </c>
      <c r="I36911" s="1" t="s">
        <v>126615</v>
      </c>
      <c r="J36911" s="1" t="s">
        <v>127991</v>
      </c>
    </row>
    <row r="36912" spans="1:10" x14ac:dyDescent="0.35">
      <c r="A36912" s="1" t="s">
        <v>127944</v>
      </c>
      <c r="B36912" s="1" t="s">
        <v>126612</v>
      </c>
      <c r="C36912" s="1" t="s">
        <v>90</v>
      </c>
      <c r="D36912" s="1" t="s">
        <v>61882</v>
      </c>
      <c r="E36912" s="1" t="s">
        <v>25475</v>
      </c>
      <c r="F36912" s="1" t="s">
        <v>67119</v>
      </c>
      <c r="G36912" s="1" t="s">
        <v>127947</v>
      </c>
      <c r="H36912" s="1" t="s">
        <v>127948</v>
      </c>
      <c r="I36912" s="1" t="s">
        <v>126615</v>
      </c>
      <c r="J36912" s="1" t="s">
        <v>127992</v>
      </c>
    </row>
    <row r="36913" spans="1:10" x14ac:dyDescent="0.35">
      <c r="A36913" s="1" t="s">
        <v>127944</v>
      </c>
      <c r="B36913" s="1" t="s">
        <v>126612</v>
      </c>
      <c r="C36913" s="1" t="s">
        <v>95</v>
      </c>
      <c r="D36913" s="1" t="s">
        <v>36338</v>
      </c>
      <c r="E36913" s="1" t="s">
        <v>127993</v>
      </c>
      <c r="F36913" s="1" t="s">
        <v>59749</v>
      </c>
      <c r="G36913" s="1" t="s">
        <v>127947</v>
      </c>
      <c r="H36913" s="1" t="s">
        <v>127948</v>
      </c>
      <c r="I36913" s="1" t="s">
        <v>126615</v>
      </c>
      <c r="J36913" s="1" t="s">
        <v>127994</v>
      </c>
    </row>
    <row r="36914" spans="1:10" x14ac:dyDescent="0.35">
      <c r="A36914" s="1" t="s">
        <v>127944</v>
      </c>
      <c r="B36914" s="1" t="s">
        <v>126612</v>
      </c>
      <c r="C36914" s="1" t="s">
        <v>100</v>
      </c>
      <c r="D36914" s="1" t="s">
        <v>104013</v>
      </c>
      <c r="E36914" s="1" t="s">
        <v>105955</v>
      </c>
      <c r="F36914" s="1" t="s">
        <v>127995</v>
      </c>
      <c r="G36914" s="1" t="s">
        <v>127947</v>
      </c>
      <c r="H36914" s="1" t="s">
        <v>127948</v>
      </c>
      <c r="I36914" s="1" t="s">
        <v>126615</v>
      </c>
      <c r="J36914" s="1" t="s">
        <v>127996</v>
      </c>
    </row>
    <row r="36915" spans="1:10" x14ac:dyDescent="0.35">
      <c r="A36915" s="1" t="s">
        <v>127944</v>
      </c>
      <c r="B36915" s="1" t="s">
        <v>126612</v>
      </c>
      <c r="C36915" s="1" t="s">
        <v>105</v>
      </c>
      <c r="D36915" s="1" t="s">
        <v>127997</v>
      </c>
      <c r="E36915" s="1" t="s">
        <v>109211</v>
      </c>
      <c r="F36915" s="1" t="s">
        <v>82628</v>
      </c>
      <c r="G36915" s="1" t="s">
        <v>127947</v>
      </c>
      <c r="H36915" s="1" t="s">
        <v>127948</v>
      </c>
      <c r="I36915" s="1" t="s">
        <v>126615</v>
      </c>
      <c r="J36915" s="1" t="s">
        <v>127998</v>
      </c>
    </row>
    <row r="36916" spans="1:10" x14ac:dyDescent="0.35">
      <c r="A36916" s="1" t="s">
        <v>127944</v>
      </c>
      <c r="B36916" s="1" t="s">
        <v>126612</v>
      </c>
      <c r="C36916" s="1" t="s">
        <v>110</v>
      </c>
      <c r="D36916" s="1" t="s">
        <v>127999</v>
      </c>
      <c r="E36916" s="1" t="s">
        <v>94692</v>
      </c>
      <c r="F36916" s="1" t="s">
        <v>128000</v>
      </c>
      <c r="G36916" s="1" t="s">
        <v>127947</v>
      </c>
      <c r="H36916" s="1" t="s">
        <v>127948</v>
      </c>
      <c r="I36916" s="1" t="s">
        <v>126615</v>
      </c>
      <c r="J36916" s="1" t="s">
        <v>128001</v>
      </c>
    </row>
    <row r="36917" spans="1:10" x14ac:dyDescent="0.35">
      <c r="A36917" s="1" t="s">
        <v>127944</v>
      </c>
      <c r="B36917" s="1" t="s">
        <v>126612</v>
      </c>
      <c r="C36917" s="1" t="s">
        <v>115</v>
      </c>
      <c r="D36917" s="1" t="s">
        <v>92750</v>
      </c>
      <c r="E36917" s="1" t="s">
        <v>128002</v>
      </c>
      <c r="F36917" s="1" t="s">
        <v>128003</v>
      </c>
      <c r="G36917" s="1" t="s">
        <v>127947</v>
      </c>
      <c r="H36917" s="1" t="s">
        <v>127948</v>
      </c>
      <c r="I36917" s="1" t="s">
        <v>126615</v>
      </c>
      <c r="J36917" s="1" t="s">
        <v>128004</v>
      </c>
    </row>
    <row r="36918" spans="1:10" x14ac:dyDescent="0.35">
      <c r="A36918" s="1" t="s">
        <v>127944</v>
      </c>
      <c r="B36918" s="1" t="s">
        <v>126612</v>
      </c>
      <c r="C36918" s="1" t="s">
        <v>120</v>
      </c>
      <c r="D36918" s="1" t="s">
        <v>128005</v>
      </c>
      <c r="E36918" s="1" t="s">
        <v>128006</v>
      </c>
      <c r="F36918" s="1" t="s">
        <v>128007</v>
      </c>
      <c r="G36918" s="1" t="s">
        <v>127947</v>
      </c>
      <c r="H36918" s="1" t="s">
        <v>127948</v>
      </c>
      <c r="I36918" s="1" t="s">
        <v>126615</v>
      </c>
      <c r="J36918" s="1" t="s">
        <v>128008</v>
      </c>
    </row>
    <row r="36919" spans="1:10" x14ac:dyDescent="0.35">
      <c r="A36919" s="1" t="s">
        <v>127944</v>
      </c>
      <c r="B36919" s="1" t="s">
        <v>126612</v>
      </c>
      <c r="C36919" s="1" t="s">
        <v>125</v>
      </c>
      <c r="D36919" s="1" t="s">
        <v>67110</v>
      </c>
      <c r="E36919" s="1" t="s">
        <v>128009</v>
      </c>
      <c r="F36919" s="1" t="s">
        <v>128010</v>
      </c>
      <c r="G36919" s="1" t="s">
        <v>127947</v>
      </c>
      <c r="H36919" s="1" t="s">
        <v>127948</v>
      </c>
      <c r="I36919" s="1" t="s">
        <v>126615</v>
      </c>
      <c r="J36919" s="1" t="s">
        <v>128011</v>
      </c>
    </row>
    <row r="36920" spans="1:10" x14ac:dyDescent="0.35">
      <c r="A36920" s="1" t="s">
        <v>127944</v>
      </c>
      <c r="B36920" s="1" t="s">
        <v>126612</v>
      </c>
      <c r="C36920" s="1" t="s">
        <v>130</v>
      </c>
      <c r="D36920" s="1" t="s">
        <v>39334</v>
      </c>
      <c r="E36920" s="1" t="s">
        <v>128012</v>
      </c>
      <c r="F36920" s="1" t="s">
        <v>128013</v>
      </c>
      <c r="G36920" s="1" t="s">
        <v>127947</v>
      </c>
      <c r="H36920" s="1" t="s">
        <v>127948</v>
      </c>
      <c r="I36920" s="1" t="s">
        <v>126615</v>
      </c>
      <c r="J36920" s="1" t="s">
        <v>128014</v>
      </c>
    </row>
    <row r="36921" spans="1:10" x14ac:dyDescent="0.35">
      <c r="A36921" s="1" t="s">
        <v>127944</v>
      </c>
      <c r="B36921" s="1" t="s">
        <v>126612</v>
      </c>
      <c r="C36921" s="1" t="s">
        <v>135</v>
      </c>
      <c r="D36921" s="1" t="s">
        <v>78291</v>
      </c>
      <c r="E36921" s="1" t="s">
        <v>48060</v>
      </c>
      <c r="F36921" s="1" t="s">
        <v>128015</v>
      </c>
      <c r="G36921" s="1" t="s">
        <v>127947</v>
      </c>
      <c r="H36921" s="1" t="s">
        <v>127948</v>
      </c>
      <c r="I36921" s="1" t="s">
        <v>126615</v>
      </c>
      <c r="J36921" s="1" t="s">
        <v>128016</v>
      </c>
    </row>
    <row r="36922" spans="1:10" x14ac:dyDescent="0.35">
      <c r="A36922" s="1" t="s">
        <v>127944</v>
      </c>
      <c r="B36922" s="1" t="s">
        <v>126612</v>
      </c>
      <c r="C36922" s="1" t="s">
        <v>140</v>
      </c>
      <c r="D36922" s="1" t="s">
        <v>43480</v>
      </c>
      <c r="E36922" s="1" t="s">
        <v>128017</v>
      </c>
      <c r="F36922" s="1" t="s">
        <v>128018</v>
      </c>
      <c r="G36922" s="1" t="s">
        <v>127947</v>
      </c>
      <c r="H36922" s="1" t="s">
        <v>127948</v>
      </c>
      <c r="I36922" s="1" t="s">
        <v>126615</v>
      </c>
      <c r="J36922" s="1" t="s">
        <v>128019</v>
      </c>
    </row>
    <row r="36923" spans="1:10" x14ac:dyDescent="0.35">
      <c r="A36923" s="1" t="s">
        <v>127944</v>
      </c>
      <c r="B36923" s="1" t="s">
        <v>126612</v>
      </c>
      <c r="C36923" s="1" t="s">
        <v>145</v>
      </c>
      <c r="D36923" s="1" t="s">
        <v>86994</v>
      </c>
      <c r="E36923" s="1" t="s">
        <v>48040</v>
      </c>
      <c r="F36923" s="1" t="s">
        <v>128020</v>
      </c>
      <c r="G36923" s="1" t="s">
        <v>127947</v>
      </c>
      <c r="H36923" s="1" t="s">
        <v>127948</v>
      </c>
      <c r="I36923" s="1" t="s">
        <v>126615</v>
      </c>
      <c r="J36923" s="1" t="s">
        <v>128021</v>
      </c>
    </row>
    <row r="36924" spans="1:10" x14ac:dyDescent="0.35">
      <c r="A36924" s="1" t="s">
        <v>127944</v>
      </c>
      <c r="B36924" s="1" t="s">
        <v>126612</v>
      </c>
      <c r="C36924" s="1" t="s">
        <v>150</v>
      </c>
      <c r="D36924" s="1" t="s">
        <v>128022</v>
      </c>
      <c r="E36924" s="1" t="s">
        <v>107551</v>
      </c>
      <c r="F36924" s="1" t="s">
        <v>128023</v>
      </c>
      <c r="G36924" s="1" t="s">
        <v>127947</v>
      </c>
      <c r="H36924" s="1" t="s">
        <v>127948</v>
      </c>
      <c r="I36924" s="1" t="s">
        <v>126615</v>
      </c>
      <c r="J36924" s="1" t="s">
        <v>128024</v>
      </c>
    </row>
    <row r="36925" spans="1:10" x14ac:dyDescent="0.35">
      <c r="A36925" s="1" t="s">
        <v>127944</v>
      </c>
      <c r="B36925" s="1" t="s">
        <v>126612</v>
      </c>
      <c r="C36925" s="1" t="s">
        <v>155</v>
      </c>
      <c r="D36925" s="1" t="s">
        <v>128025</v>
      </c>
      <c r="E36925" s="1" t="s">
        <v>128026</v>
      </c>
      <c r="F36925" s="1" t="s">
        <v>58234</v>
      </c>
      <c r="G36925" s="1" t="s">
        <v>127947</v>
      </c>
      <c r="H36925" s="1" t="s">
        <v>127948</v>
      </c>
      <c r="I36925" s="1" t="s">
        <v>126615</v>
      </c>
      <c r="J36925" s="1" t="s">
        <v>128027</v>
      </c>
    </row>
    <row r="36926" spans="1:10" x14ac:dyDescent="0.35">
      <c r="A36926" s="1" t="s">
        <v>127944</v>
      </c>
      <c r="B36926" s="1" t="s">
        <v>126612</v>
      </c>
      <c r="C36926" s="1" t="s">
        <v>160</v>
      </c>
      <c r="D36926" s="1" t="s">
        <v>128028</v>
      </c>
      <c r="E36926" s="1" t="s">
        <v>128029</v>
      </c>
      <c r="F36926" s="1" t="s">
        <v>128030</v>
      </c>
      <c r="G36926" s="1" t="s">
        <v>127947</v>
      </c>
      <c r="H36926" s="1" t="s">
        <v>127948</v>
      </c>
      <c r="I36926" s="1" t="s">
        <v>126615</v>
      </c>
      <c r="J36926" s="1" t="s">
        <v>128031</v>
      </c>
    </row>
    <row r="36927" spans="1:10" x14ac:dyDescent="0.35">
      <c r="A36927" s="1" t="s">
        <v>127944</v>
      </c>
      <c r="B36927" s="1" t="s">
        <v>126612</v>
      </c>
      <c r="C36927" s="1" t="s">
        <v>165</v>
      </c>
      <c r="D36927" s="1" t="s">
        <v>128032</v>
      </c>
      <c r="E36927" s="1" t="s">
        <v>128033</v>
      </c>
      <c r="F36927" s="1" t="s">
        <v>128034</v>
      </c>
      <c r="G36927" s="1" t="s">
        <v>127947</v>
      </c>
      <c r="H36927" s="1" t="s">
        <v>127948</v>
      </c>
      <c r="I36927" s="1" t="s">
        <v>126615</v>
      </c>
      <c r="J36927" s="1" t="s">
        <v>128035</v>
      </c>
    </row>
    <row r="36928" spans="1:10" x14ac:dyDescent="0.35">
      <c r="A36928" s="1" t="s">
        <v>127944</v>
      </c>
      <c r="B36928" s="1" t="s">
        <v>126612</v>
      </c>
      <c r="C36928" s="1" t="s">
        <v>170</v>
      </c>
      <c r="D36928" s="1" t="s">
        <v>128036</v>
      </c>
      <c r="E36928" s="1" t="s">
        <v>128037</v>
      </c>
      <c r="F36928" s="1" t="s">
        <v>128038</v>
      </c>
      <c r="G36928" s="1" t="s">
        <v>127947</v>
      </c>
      <c r="H36928" s="1" t="s">
        <v>127948</v>
      </c>
      <c r="I36928" s="1" t="s">
        <v>126615</v>
      </c>
      <c r="J36928" s="1" t="s">
        <v>128039</v>
      </c>
    </row>
    <row r="36929" spans="1:10" x14ac:dyDescent="0.35">
      <c r="A36929" s="1" t="s">
        <v>44515</v>
      </c>
      <c r="B36929" s="1" t="s">
        <v>126612</v>
      </c>
      <c r="C36929" s="1" t="s">
        <v>8</v>
      </c>
      <c r="D36929" s="1" t="s">
        <v>128040</v>
      </c>
      <c r="E36929" s="1" t="s">
        <v>128041</v>
      </c>
      <c r="F36929" s="1" t="s">
        <v>128042</v>
      </c>
      <c r="G36929" s="1" t="s">
        <v>128043</v>
      </c>
      <c r="H36929" s="1" t="s">
        <v>128044</v>
      </c>
      <c r="I36929" s="1" t="s">
        <v>126615</v>
      </c>
      <c r="J36929" s="1" t="s">
        <v>13</v>
      </c>
    </row>
    <row r="36930" spans="1:10" x14ac:dyDescent="0.35">
      <c r="A36930" s="1" t="s">
        <v>44515</v>
      </c>
      <c r="B36930" s="1" t="s">
        <v>126612</v>
      </c>
      <c r="C36930" s="1" t="s">
        <v>15</v>
      </c>
      <c r="D36930" s="1" t="s">
        <v>128045</v>
      </c>
      <c r="E36930" s="1" t="s">
        <v>76365</v>
      </c>
      <c r="F36930" s="1" t="s">
        <v>128046</v>
      </c>
      <c r="G36930" s="1" t="s">
        <v>128043</v>
      </c>
      <c r="H36930" s="1" t="s">
        <v>128044</v>
      </c>
      <c r="I36930" s="1" t="s">
        <v>126615</v>
      </c>
      <c r="J36930" s="1" t="s">
        <v>128047</v>
      </c>
    </row>
    <row r="36931" spans="1:10" x14ac:dyDescent="0.35">
      <c r="A36931" s="1" t="s">
        <v>44515</v>
      </c>
      <c r="B36931" s="1" t="s">
        <v>126612</v>
      </c>
      <c r="C36931" s="1" t="s">
        <v>20</v>
      </c>
      <c r="D36931" s="1" t="s">
        <v>128048</v>
      </c>
      <c r="E36931" s="1" t="s">
        <v>128049</v>
      </c>
      <c r="F36931" s="1" t="s">
        <v>128050</v>
      </c>
      <c r="G36931" s="1" t="s">
        <v>128043</v>
      </c>
      <c r="H36931" s="1" t="s">
        <v>128044</v>
      </c>
      <c r="I36931" s="1" t="s">
        <v>126615</v>
      </c>
      <c r="J36931" s="1" t="s">
        <v>128051</v>
      </c>
    </row>
    <row r="36932" spans="1:10" x14ac:dyDescent="0.35">
      <c r="A36932" s="1" t="s">
        <v>44515</v>
      </c>
      <c r="B36932" s="1" t="s">
        <v>126612</v>
      </c>
      <c r="C36932" s="1" t="s">
        <v>25</v>
      </c>
      <c r="D36932" s="1" t="s">
        <v>128052</v>
      </c>
      <c r="E36932" s="1" t="s">
        <v>128053</v>
      </c>
      <c r="F36932" s="1" t="s">
        <v>22059</v>
      </c>
      <c r="G36932" s="1" t="s">
        <v>128043</v>
      </c>
      <c r="H36932" s="1" t="s">
        <v>128044</v>
      </c>
      <c r="I36932" s="1" t="s">
        <v>126615</v>
      </c>
      <c r="J36932" s="1" t="s">
        <v>128054</v>
      </c>
    </row>
    <row r="36933" spans="1:10" x14ac:dyDescent="0.35">
      <c r="A36933" s="1" t="s">
        <v>44515</v>
      </c>
      <c r="B36933" s="1" t="s">
        <v>126612</v>
      </c>
      <c r="C36933" s="1" t="s">
        <v>30</v>
      </c>
      <c r="D36933" s="1" t="s">
        <v>107925</v>
      </c>
      <c r="E36933" s="1" t="s">
        <v>128055</v>
      </c>
      <c r="F36933" s="1" t="s">
        <v>128056</v>
      </c>
      <c r="G36933" s="1" t="s">
        <v>128043</v>
      </c>
      <c r="H36933" s="1" t="s">
        <v>128044</v>
      </c>
      <c r="I36933" s="1" t="s">
        <v>126615</v>
      </c>
      <c r="J36933" s="1" t="s">
        <v>128057</v>
      </c>
    </row>
    <row r="36934" spans="1:10" x14ac:dyDescent="0.35">
      <c r="A36934" s="1" t="s">
        <v>44515</v>
      </c>
      <c r="B36934" s="1" t="s">
        <v>126612</v>
      </c>
      <c r="C36934" s="1" t="s">
        <v>35</v>
      </c>
      <c r="D36934" s="1" t="s">
        <v>39457</v>
      </c>
      <c r="E36934" s="1" t="s">
        <v>127983</v>
      </c>
      <c r="F36934" s="1" t="s">
        <v>128058</v>
      </c>
      <c r="G36934" s="1" t="s">
        <v>128043</v>
      </c>
      <c r="H36934" s="1" t="s">
        <v>128044</v>
      </c>
      <c r="I36934" s="1" t="s">
        <v>126615</v>
      </c>
      <c r="J36934" s="1" t="s">
        <v>128059</v>
      </c>
    </row>
    <row r="36935" spans="1:10" x14ac:dyDescent="0.35">
      <c r="A36935" s="1" t="s">
        <v>44515</v>
      </c>
      <c r="B36935" s="1" t="s">
        <v>126612</v>
      </c>
      <c r="C36935" s="1" t="s">
        <v>40</v>
      </c>
      <c r="D36935" s="1" t="s">
        <v>128060</v>
      </c>
      <c r="E36935" s="1" t="s">
        <v>128061</v>
      </c>
      <c r="F36935" s="1" t="s">
        <v>86929</v>
      </c>
      <c r="G36935" s="1" t="s">
        <v>128043</v>
      </c>
      <c r="H36935" s="1" t="s">
        <v>128044</v>
      </c>
      <c r="I36935" s="1" t="s">
        <v>126615</v>
      </c>
      <c r="J36935" s="1" t="s">
        <v>128062</v>
      </c>
    </row>
    <row r="36936" spans="1:10" x14ac:dyDescent="0.35">
      <c r="A36936" s="1" t="s">
        <v>44515</v>
      </c>
      <c r="B36936" s="1" t="s">
        <v>126612</v>
      </c>
      <c r="C36936" s="1" t="s">
        <v>45</v>
      </c>
      <c r="D36936" s="1" t="s">
        <v>128063</v>
      </c>
      <c r="E36936" s="1" t="s">
        <v>15994</v>
      </c>
      <c r="F36936" s="1" t="s">
        <v>99122</v>
      </c>
      <c r="G36936" s="1" t="s">
        <v>128043</v>
      </c>
      <c r="H36936" s="1" t="s">
        <v>128044</v>
      </c>
      <c r="I36936" s="1" t="s">
        <v>126615</v>
      </c>
      <c r="J36936" s="1" t="s">
        <v>128064</v>
      </c>
    </row>
    <row r="36937" spans="1:10" x14ac:dyDescent="0.35">
      <c r="A36937" s="1" t="s">
        <v>44515</v>
      </c>
      <c r="B36937" s="1" t="s">
        <v>126612</v>
      </c>
      <c r="C36937" s="1" t="s">
        <v>50</v>
      </c>
      <c r="D36937" s="1" t="s">
        <v>64445</v>
      </c>
      <c r="E36937" s="1" t="s">
        <v>105247</v>
      </c>
      <c r="F36937" s="1" t="s">
        <v>94751</v>
      </c>
      <c r="G36937" s="1" t="s">
        <v>128043</v>
      </c>
      <c r="H36937" s="1" t="s">
        <v>128044</v>
      </c>
      <c r="I36937" s="1" t="s">
        <v>126615</v>
      </c>
      <c r="J36937" s="1" t="s">
        <v>128065</v>
      </c>
    </row>
    <row r="36938" spans="1:10" x14ac:dyDescent="0.35">
      <c r="A36938" s="1" t="s">
        <v>44515</v>
      </c>
      <c r="B36938" s="1" t="s">
        <v>126612</v>
      </c>
      <c r="C36938" s="1" t="s">
        <v>55</v>
      </c>
      <c r="D36938" s="1" t="s">
        <v>128066</v>
      </c>
      <c r="E36938" s="1" t="s">
        <v>128067</v>
      </c>
      <c r="F36938" s="1" t="s">
        <v>32154</v>
      </c>
      <c r="G36938" s="1" t="s">
        <v>128043</v>
      </c>
      <c r="H36938" s="1" t="s">
        <v>128044</v>
      </c>
      <c r="I36938" s="1" t="s">
        <v>126615</v>
      </c>
      <c r="J36938" s="1" t="s">
        <v>128068</v>
      </c>
    </row>
    <row r="36939" spans="1:10" x14ac:dyDescent="0.35">
      <c r="A36939" s="1" t="s">
        <v>44515</v>
      </c>
      <c r="B36939" s="1" t="s">
        <v>126612</v>
      </c>
      <c r="C36939" s="1" t="s">
        <v>60</v>
      </c>
      <c r="D36939" s="1" t="s">
        <v>97316</v>
      </c>
      <c r="E36939" s="1" t="s">
        <v>94769</v>
      </c>
      <c r="F36939" s="1" t="s">
        <v>128069</v>
      </c>
      <c r="G36939" s="1" t="s">
        <v>128043</v>
      </c>
      <c r="H36939" s="1" t="s">
        <v>128044</v>
      </c>
      <c r="I36939" s="1" t="s">
        <v>126615</v>
      </c>
      <c r="J36939" s="1" t="s">
        <v>128070</v>
      </c>
    </row>
    <row r="36940" spans="1:10" x14ac:dyDescent="0.35">
      <c r="A36940" s="1" t="s">
        <v>44515</v>
      </c>
      <c r="B36940" s="1" t="s">
        <v>126612</v>
      </c>
      <c r="C36940" s="1" t="s">
        <v>65</v>
      </c>
      <c r="D36940" s="1" t="s">
        <v>75711</v>
      </c>
      <c r="E36940" s="1" t="s">
        <v>128071</v>
      </c>
      <c r="F36940" s="1" t="s">
        <v>128072</v>
      </c>
      <c r="G36940" s="1" t="s">
        <v>128043</v>
      </c>
      <c r="H36940" s="1" t="s">
        <v>128044</v>
      </c>
      <c r="I36940" s="1" t="s">
        <v>126615</v>
      </c>
      <c r="J36940" s="1" t="s">
        <v>128073</v>
      </c>
    </row>
    <row r="36941" spans="1:10" x14ac:dyDescent="0.35">
      <c r="A36941" s="1" t="s">
        <v>44515</v>
      </c>
      <c r="B36941" s="1" t="s">
        <v>126612</v>
      </c>
      <c r="C36941" s="1" t="s">
        <v>70</v>
      </c>
      <c r="D36941" s="1" t="s">
        <v>94378</v>
      </c>
      <c r="E36941" s="1" t="s">
        <v>48074</v>
      </c>
      <c r="F36941" s="1" t="s">
        <v>128074</v>
      </c>
      <c r="G36941" s="1" t="s">
        <v>128043</v>
      </c>
      <c r="H36941" s="1" t="s">
        <v>128044</v>
      </c>
      <c r="I36941" s="1" t="s">
        <v>126615</v>
      </c>
      <c r="J36941" s="1" t="s">
        <v>128075</v>
      </c>
    </row>
    <row r="36942" spans="1:10" x14ac:dyDescent="0.35">
      <c r="A36942" s="1" t="s">
        <v>44515</v>
      </c>
      <c r="B36942" s="1" t="s">
        <v>126612</v>
      </c>
      <c r="C36942" s="1" t="s">
        <v>75</v>
      </c>
      <c r="D36942" s="1" t="s">
        <v>66547</v>
      </c>
      <c r="E36942" s="1" t="s">
        <v>128029</v>
      </c>
      <c r="F36942" s="1" t="s">
        <v>128076</v>
      </c>
      <c r="G36942" s="1" t="s">
        <v>128043</v>
      </c>
      <c r="H36942" s="1" t="s">
        <v>128044</v>
      </c>
      <c r="I36942" s="1" t="s">
        <v>126615</v>
      </c>
      <c r="J36942" s="1" t="s">
        <v>128077</v>
      </c>
    </row>
    <row r="36943" spans="1:10" x14ac:dyDescent="0.35">
      <c r="A36943" s="1" t="s">
        <v>44515</v>
      </c>
      <c r="B36943" s="1" t="s">
        <v>126612</v>
      </c>
      <c r="C36943" s="1" t="s">
        <v>80</v>
      </c>
      <c r="D36943" s="1" t="s">
        <v>43484</v>
      </c>
      <c r="E36943" s="1" t="s">
        <v>105278</v>
      </c>
      <c r="F36943" s="1" t="s">
        <v>56290</v>
      </c>
      <c r="G36943" s="1" t="s">
        <v>128043</v>
      </c>
      <c r="H36943" s="1" t="s">
        <v>128044</v>
      </c>
      <c r="I36943" s="1" t="s">
        <v>126615</v>
      </c>
      <c r="J36943" s="1" t="s">
        <v>128078</v>
      </c>
    </row>
    <row r="36944" spans="1:10" x14ac:dyDescent="0.35">
      <c r="A36944" s="1" t="s">
        <v>44515</v>
      </c>
      <c r="B36944" s="1" t="s">
        <v>126612</v>
      </c>
      <c r="C36944" s="1" t="s">
        <v>85</v>
      </c>
      <c r="D36944" s="1" t="s">
        <v>16771</v>
      </c>
      <c r="E36944" s="1" t="s">
        <v>105960</v>
      </c>
      <c r="F36944" s="1" t="s">
        <v>128079</v>
      </c>
      <c r="G36944" s="1" t="s">
        <v>128043</v>
      </c>
      <c r="H36944" s="1" t="s">
        <v>128044</v>
      </c>
      <c r="I36944" s="1" t="s">
        <v>126615</v>
      </c>
      <c r="J36944" s="1" t="s">
        <v>128080</v>
      </c>
    </row>
    <row r="36945" spans="1:10" x14ac:dyDescent="0.35">
      <c r="A36945" s="1" t="s">
        <v>44515</v>
      </c>
      <c r="B36945" s="1" t="s">
        <v>126612</v>
      </c>
      <c r="C36945" s="1" t="s">
        <v>90</v>
      </c>
      <c r="D36945" s="1" t="s">
        <v>96318</v>
      </c>
      <c r="E36945" s="1" t="s">
        <v>128081</v>
      </c>
      <c r="F36945" s="1" t="s">
        <v>128082</v>
      </c>
      <c r="G36945" s="1" t="s">
        <v>128043</v>
      </c>
      <c r="H36945" s="1" t="s">
        <v>128044</v>
      </c>
      <c r="I36945" s="1" t="s">
        <v>126615</v>
      </c>
      <c r="J36945" s="1" t="s">
        <v>128083</v>
      </c>
    </row>
    <row r="36946" spans="1:10" x14ac:dyDescent="0.35">
      <c r="A36946" s="1" t="s">
        <v>44515</v>
      </c>
      <c r="B36946" s="1" t="s">
        <v>126612</v>
      </c>
      <c r="C36946" s="1" t="s">
        <v>95</v>
      </c>
      <c r="D36946" s="1" t="s">
        <v>89617</v>
      </c>
      <c r="E36946" s="1" t="s">
        <v>108639</v>
      </c>
      <c r="F36946" s="1" t="s">
        <v>107367</v>
      </c>
      <c r="G36946" s="1" t="s">
        <v>128043</v>
      </c>
      <c r="H36946" s="1" t="s">
        <v>128044</v>
      </c>
      <c r="I36946" s="1" t="s">
        <v>126615</v>
      </c>
      <c r="J36946" s="1" t="s">
        <v>128084</v>
      </c>
    </row>
    <row r="36947" spans="1:10" x14ac:dyDescent="0.35">
      <c r="A36947" s="1" t="s">
        <v>44515</v>
      </c>
      <c r="B36947" s="1" t="s">
        <v>126612</v>
      </c>
      <c r="C36947" s="1" t="s">
        <v>100</v>
      </c>
      <c r="D36947" s="1" t="s">
        <v>39729</v>
      </c>
      <c r="E36947" s="1" t="s">
        <v>16035</v>
      </c>
      <c r="F36947" s="1" t="s">
        <v>55577</v>
      </c>
      <c r="G36947" s="1" t="s">
        <v>128043</v>
      </c>
      <c r="H36947" s="1" t="s">
        <v>128044</v>
      </c>
      <c r="I36947" s="1" t="s">
        <v>126615</v>
      </c>
      <c r="J36947" s="1" t="s">
        <v>128085</v>
      </c>
    </row>
    <row r="36948" spans="1:10" x14ac:dyDescent="0.35">
      <c r="A36948" s="1" t="s">
        <v>44515</v>
      </c>
      <c r="B36948" s="1" t="s">
        <v>126612</v>
      </c>
      <c r="C36948" s="1" t="s">
        <v>105</v>
      </c>
      <c r="D36948" s="1" t="s">
        <v>93497</v>
      </c>
      <c r="E36948" s="1" t="s">
        <v>48070</v>
      </c>
      <c r="F36948" s="1" t="s">
        <v>128086</v>
      </c>
      <c r="G36948" s="1" t="s">
        <v>128043</v>
      </c>
      <c r="H36948" s="1" t="s">
        <v>128044</v>
      </c>
      <c r="I36948" s="1" t="s">
        <v>126615</v>
      </c>
      <c r="J36948" s="1" t="s">
        <v>128087</v>
      </c>
    </row>
    <row r="36949" spans="1:10" x14ac:dyDescent="0.35">
      <c r="A36949" s="1" t="s">
        <v>44515</v>
      </c>
      <c r="B36949" s="1" t="s">
        <v>126612</v>
      </c>
      <c r="C36949" s="1" t="s">
        <v>110</v>
      </c>
      <c r="D36949" s="1" t="s">
        <v>128088</v>
      </c>
      <c r="E36949" s="1" t="s">
        <v>128089</v>
      </c>
      <c r="F36949" s="1" t="s">
        <v>128090</v>
      </c>
      <c r="G36949" s="1" t="s">
        <v>128043</v>
      </c>
      <c r="H36949" s="1" t="s">
        <v>128044</v>
      </c>
      <c r="I36949" s="1" t="s">
        <v>126615</v>
      </c>
      <c r="J36949" s="1" t="s">
        <v>128091</v>
      </c>
    </row>
    <row r="36950" spans="1:10" x14ac:dyDescent="0.35">
      <c r="A36950" s="1" t="s">
        <v>44515</v>
      </c>
      <c r="B36950" s="1" t="s">
        <v>126612</v>
      </c>
      <c r="C36950" s="1" t="s">
        <v>115</v>
      </c>
      <c r="D36950" s="1" t="s">
        <v>128092</v>
      </c>
      <c r="E36950" s="1" t="s">
        <v>16224</v>
      </c>
      <c r="F36950" s="1" t="s">
        <v>69160</v>
      </c>
      <c r="G36950" s="1" t="s">
        <v>128043</v>
      </c>
      <c r="H36950" s="1" t="s">
        <v>128044</v>
      </c>
      <c r="I36950" s="1" t="s">
        <v>126615</v>
      </c>
      <c r="J36950" s="1" t="s">
        <v>128093</v>
      </c>
    </row>
    <row r="36951" spans="1:10" x14ac:dyDescent="0.35">
      <c r="A36951" s="1" t="s">
        <v>44515</v>
      </c>
      <c r="B36951" s="1" t="s">
        <v>126612</v>
      </c>
      <c r="C36951" s="1" t="s">
        <v>120</v>
      </c>
      <c r="D36951" s="1" t="s">
        <v>24296</v>
      </c>
      <c r="E36951" s="1" t="s">
        <v>128094</v>
      </c>
      <c r="F36951" s="1" t="s">
        <v>128095</v>
      </c>
      <c r="G36951" s="1" t="s">
        <v>128043</v>
      </c>
      <c r="H36951" s="1" t="s">
        <v>128044</v>
      </c>
      <c r="I36951" s="1" t="s">
        <v>126615</v>
      </c>
      <c r="J36951" s="1" t="s">
        <v>128096</v>
      </c>
    </row>
    <row r="36952" spans="1:10" x14ac:dyDescent="0.35">
      <c r="A36952" s="1" t="s">
        <v>44515</v>
      </c>
      <c r="B36952" s="1" t="s">
        <v>126612</v>
      </c>
      <c r="C36952" s="1" t="s">
        <v>125</v>
      </c>
      <c r="D36952" s="1" t="s">
        <v>128097</v>
      </c>
      <c r="E36952" s="1" t="s">
        <v>128055</v>
      </c>
      <c r="F36952" s="1" t="s">
        <v>128098</v>
      </c>
      <c r="G36952" s="1" t="s">
        <v>128043</v>
      </c>
      <c r="H36952" s="1" t="s">
        <v>128044</v>
      </c>
      <c r="I36952" s="1" t="s">
        <v>126615</v>
      </c>
      <c r="J36952" s="1" t="s">
        <v>128099</v>
      </c>
    </row>
    <row r="36953" spans="1:10" x14ac:dyDescent="0.35">
      <c r="A36953" s="1" t="s">
        <v>44515</v>
      </c>
      <c r="B36953" s="1" t="s">
        <v>126612</v>
      </c>
      <c r="C36953" s="1" t="s">
        <v>130</v>
      </c>
      <c r="D36953" s="1" t="s">
        <v>128100</v>
      </c>
      <c r="E36953" s="1" t="s">
        <v>48030</v>
      </c>
      <c r="F36953" s="1" t="s">
        <v>128101</v>
      </c>
      <c r="G36953" s="1" t="s">
        <v>128043</v>
      </c>
      <c r="H36953" s="1" t="s">
        <v>128044</v>
      </c>
      <c r="I36953" s="1" t="s">
        <v>126615</v>
      </c>
      <c r="J36953" s="1" t="s">
        <v>128102</v>
      </c>
    </row>
    <row r="36954" spans="1:10" x14ac:dyDescent="0.35">
      <c r="A36954" s="1" t="s">
        <v>44515</v>
      </c>
      <c r="B36954" s="1" t="s">
        <v>126612</v>
      </c>
      <c r="C36954" s="1" t="s">
        <v>135</v>
      </c>
      <c r="D36954" s="1" t="s">
        <v>128103</v>
      </c>
      <c r="E36954" s="1" t="s">
        <v>128104</v>
      </c>
      <c r="F36954" s="1" t="s">
        <v>55141</v>
      </c>
      <c r="G36954" s="1" t="s">
        <v>128043</v>
      </c>
      <c r="H36954" s="1" t="s">
        <v>128044</v>
      </c>
      <c r="I36954" s="1" t="s">
        <v>126615</v>
      </c>
      <c r="J36954" s="1" t="s">
        <v>128105</v>
      </c>
    </row>
    <row r="36955" spans="1:10" x14ac:dyDescent="0.35">
      <c r="A36955" s="1" t="s">
        <v>44515</v>
      </c>
      <c r="B36955" s="1" t="s">
        <v>126612</v>
      </c>
      <c r="C36955" s="1" t="s">
        <v>140</v>
      </c>
      <c r="D36955" s="1" t="s">
        <v>128106</v>
      </c>
      <c r="E36955" s="1" t="s">
        <v>16224</v>
      </c>
      <c r="F36955" s="1" t="s">
        <v>128107</v>
      </c>
      <c r="G36955" s="1" t="s">
        <v>128043</v>
      </c>
      <c r="H36955" s="1" t="s">
        <v>128044</v>
      </c>
      <c r="I36955" s="1" t="s">
        <v>126615</v>
      </c>
      <c r="J36955" s="1" t="s">
        <v>128108</v>
      </c>
    </row>
    <row r="36956" spans="1:10" x14ac:dyDescent="0.35">
      <c r="A36956" s="1" t="s">
        <v>44515</v>
      </c>
      <c r="B36956" s="1" t="s">
        <v>126612</v>
      </c>
      <c r="C36956" s="1" t="s">
        <v>145</v>
      </c>
      <c r="D36956" s="1" t="s">
        <v>128109</v>
      </c>
      <c r="E36956" s="1" t="s">
        <v>16253</v>
      </c>
      <c r="F36956" s="1" t="s">
        <v>128110</v>
      </c>
      <c r="G36956" s="1" t="s">
        <v>128043</v>
      </c>
      <c r="H36956" s="1" t="s">
        <v>128044</v>
      </c>
      <c r="I36956" s="1" t="s">
        <v>126615</v>
      </c>
      <c r="J36956" s="1" t="s">
        <v>74330</v>
      </c>
    </row>
    <row r="36957" spans="1:10" x14ac:dyDescent="0.35">
      <c r="A36957" s="1" t="s">
        <v>44515</v>
      </c>
      <c r="B36957" s="1" t="s">
        <v>126612</v>
      </c>
      <c r="C36957" s="1" t="s">
        <v>150</v>
      </c>
      <c r="D36957" s="1" t="s">
        <v>59261</v>
      </c>
      <c r="E36957" s="1" t="s">
        <v>128111</v>
      </c>
      <c r="F36957" s="1" t="s">
        <v>128112</v>
      </c>
      <c r="G36957" s="1" t="s">
        <v>128043</v>
      </c>
      <c r="H36957" s="1" t="s">
        <v>128044</v>
      </c>
      <c r="I36957" s="1" t="s">
        <v>126615</v>
      </c>
      <c r="J36957" s="1" t="s">
        <v>128113</v>
      </c>
    </row>
    <row r="36958" spans="1:10" x14ac:dyDescent="0.35">
      <c r="A36958" s="1" t="s">
        <v>44515</v>
      </c>
      <c r="B36958" s="1" t="s">
        <v>126612</v>
      </c>
      <c r="C36958" s="1" t="s">
        <v>155</v>
      </c>
      <c r="D36958" s="1" t="s">
        <v>128114</v>
      </c>
      <c r="E36958" s="1" t="s">
        <v>108765</v>
      </c>
      <c r="F36958" s="1" t="s">
        <v>128115</v>
      </c>
      <c r="G36958" s="1" t="s">
        <v>128043</v>
      </c>
      <c r="H36958" s="1" t="s">
        <v>128044</v>
      </c>
      <c r="I36958" s="1" t="s">
        <v>126615</v>
      </c>
      <c r="J36958" s="1" t="s">
        <v>128116</v>
      </c>
    </row>
    <row r="36959" spans="1:10" x14ac:dyDescent="0.35">
      <c r="A36959" s="1" t="s">
        <v>44515</v>
      </c>
      <c r="B36959" s="1" t="s">
        <v>126612</v>
      </c>
      <c r="C36959" s="1" t="s">
        <v>160</v>
      </c>
      <c r="D36959" s="1" t="s">
        <v>108494</v>
      </c>
      <c r="E36959" s="1" t="s">
        <v>105275</v>
      </c>
      <c r="F36959" s="1" t="s">
        <v>99372</v>
      </c>
      <c r="G36959" s="1" t="s">
        <v>128043</v>
      </c>
      <c r="H36959" s="1" t="s">
        <v>128044</v>
      </c>
      <c r="I36959" s="1" t="s">
        <v>126615</v>
      </c>
      <c r="J36959" s="1" t="s">
        <v>128117</v>
      </c>
    </row>
    <row r="36960" spans="1:10" x14ac:dyDescent="0.35">
      <c r="A36960" s="1" t="s">
        <v>44515</v>
      </c>
      <c r="B36960" s="1" t="s">
        <v>126612</v>
      </c>
      <c r="C36960" s="1" t="s">
        <v>165</v>
      </c>
      <c r="D36960" s="1" t="s">
        <v>128118</v>
      </c>
      <c r="E36960" s="1" t="s">
        <v>106175</v>
      </c>
      <c r="F36960" s="1" t="s">
        <v>128119</v>
      </c>
      <c r="G36960" s="1" t="s">
        <v>128043</v>
      </c>
      <c r="H36960" s="1" t="s">
        <v>128044</v>
      </c>
      <c r="I36960" s="1" t="s">
        <v>126615</v>
      </c>
      <c r="J36960" s="1" t="s">
        <v>128120</v>
      </c>
    </row>
    <row r="36961" spans="1:10" x14ac:dyDescent="0.35">
      <c r="A36961" s="1" t="s">
        <v>44515</v>
      </c>
      <c r="B36961" s="1" t="s">
        <v>126612</v>
      </c>
      <c r="C36961" s="1" t="s">
        <v>170</v>
      </c>
      <c r="D36961" s="1" t="s">
        <v>128121</v>
      </c>
      <c r="E36961" s="1" t="s">
        <v>15504</v>
      </c>
      <c r="F36961" s="1" t="s">
        <v>128122</v>
      </c>
      <c r="G36961" s="1" t="s">
        <v>128043</v>
      </c>
      <c r="H36961" s="1" t="s">
        <v>128044</v>
      </c>
      <c r="I36961" s="1" t="s">
        <v>126615</v>
      </c>
      <c r="J36961" s="1" t="s">
        <v>128123</v>
      </c>
    </row>
    <row r="36962" spans="1:10" x14ac:dyDescent="0.35">
      <c r="A36962" s="1" t="s">
        <v>128124</v>
      </c>
      <c r="B36962" s="1" t="s">
        <v>126612</v>
      </c>
      <c r="C36962" s="1" t="s">
        <v>8</v>
      </c>
      <c r="D36962" s="1" t="s">
        <v>128125</v>
      </c>
      <c r="E36962" s="1" t="s">
        <v>128126</v>
      </c>
      <c r="F36962" s="1" t="s">
        <v>128127</v>
      </c>
      <c r="G36962" s="1" t="s">
        <v>128128</v>
      </c>
      <c r="H36962" s="1" t="s">
        <v>128129</v>
      </c>
      <c r="I36962" s="1" t="s">
        <v>126615</v>
      </c>
      <c r="J36962" s="1" t="s">
        <v>13</v>
      </c>
    </row>
    <row r="36963" spans="1:10" x14ac:dyDescent="0.35">
      <c r="A36963" s="1" t="s">
        <v>128124</v>
      </c>
      <c r="B36963" s="1" t="s">
        <v>126612</v>
      </c>
      <c r="C36963" s="1" t="s">
        <v>15</v>
      </c>
      <c r="D36963" s="1" t="s">
        <v>128130</v>
      </c>
      <c r="E36963" s="1" t="s">
        <v>128131</v>
      </c>
      <c r="F36963" s="1" t="s">
        <v>128132</v>
      </c>
      <c r="G36963" s="1" t="s">
        <v>128128</v>
      </c>
      <c r="H36963" s="1" t="s">
        <v>128129</v>
      </c>
      <c r="I36963" s="1" t="s">
        <v>126615</v>
      </c>
      <c r="J36963" s="1" t="s">
        <v>128133</v>
      </c>
    </row>
    <row r="36964" spans="1:10" x14ac:dyDescent="0.35">
      <c r="A36964" s="1" t="s">
        <v>128124</v>
      </c>
      <c r="B36964" s="1" t="s">
        <v>126612</v>
      </c>
      <c r="C36964" s="1" t="s">
        <v>20</v>
      </c>
      <c r="D36964" s="1" t="s">
        <v>128134</v>
      </c>
      <c r="E36964" s="1" t="s">
        <v>128135</v>
      </c>
      <c r="F36964" s="1" t="s">
        <v>128136</v>
      </c>
      <c r="G36964" s="1" t="s">
        <v>128128</v>
      </c>
      <c r="H36964" s="1" t="s">
        <v>128129</v>
      </c>
      <c r="I36964" s="1" t="s">
        <v>126615</v>
      </c>
      <c r="J36964" s="1" t="s">
        <v>128137</v>
      </c>
    </row>
    <row r="36965" spans="1:10" x14ac:dyDescent="0.35">
      <c r="A36965" s="1" t="s">
        <v>128124</v>
      </c>
      <c r="B36965" s="1" t="s">
        <v>126612</v>
      </c>
      <c r="C36965" s="1" t="s">
        <v>25</v>
      </c>
      <c r="D36965" s="1" t="s">
        <v>128138</v>
      </c>
      <c r="E36965" s="1" t="s">
        <v>128139</v>
      </c>
      <c r="F36965" s="1" t="s">
        <v>128140</v>
      </c>
      <c r="G36965" s="1" t="s">
        <v>128128</v>
      </c>
      <c r="H36965" s="1" t="s">
        <v>128129</v>
      </c>
      <c r="I36965" s="1" t="s">
        <v>126615</v>
      </c>
      <c r="J36965" s="1" t="s">
        <v>128141</v>
      </c>
    </row>
    <row r="36966" spans="1:10" x14ac:dyDescent="0.35">
      <c r="A36966" s="1" t="s">
        <v>128124</v>
      </c>
      <c r="B36966" s="1" t="s">
        <v>126612</v>
      </c>
      <c r="C36966" s="1" t="s">
        <v>30</v>
      </c>
      <c r="D36966" s="1" t="s">
        <v>128142</v>
      </c>
      <c r="E36966" s="1" t="s">
        <v>128143</v>
      </c>
      <c r="F36966" s="1" t="s">
        <v>128144</v>
      </c>
      <c r="G36966" s="1" t="s">
        <v>128128</v>
      </c>
      <c r="H36966" s="1" t="s">
        <v>128129</v>
      </c>
      <c r="I36966" s="1" t="s">
        <v>126615</v>
      </c>
      <c r="J36966" s="1" t="s">
        <v>128145</v>
      </c>
    </row>
    <row r="36967" spans="1:10" x14ac:dyDescent="0.35">
      <c r="A36967" s="1" t="s">
        <v>128124</v>
      </c>
      <c r="B36967" s="1" t="s">
        <v>126612</v>
      </c>
      <c r="C36967" s="1" t="s">
        <v>35</v>
      </c>
      <c r="D36967" s="1" t="s">
        <v>89737</v>
      </c>
      <c r="E36967" s="1" t="s">
        <v>128146</v>
      </c>
      <c r="F36967" s="1" t="s">
        <v>128147</v>
      </c>
      <c r="G36967" s="1" t="s">
        <v>128128</v>
      </c>
      <c r="H36967" s="1" t="s">
        <v>128129</v>
      </c>
      <c r="I36967" s="1" t="s">
        <v>126615</v>
      </c>
      <c r="J36967" s="1" t="s">
        <v>50997</v>
      </c>
    </row>
    <row r="36968" spans="1:10" x14ac:dyDescent="0.35">
      <c r="A36968" s="1" t="s">
        <v>128124</v>
      </c>
      <c r="B36968" s="1" t="s">
        <v>126612</v>
      </c>
      <c r="C36968" s="1" t="s">
        <v>40</v>
      </c>
      <c r="D36968" s="1" t="s">
        <v>122509</v>
      </c>
      <c r="E36968" s="1" t="s">
        <v>128148</v>
      </c>
      <c r="F36968" s="1" t="s">
        <v>128149</v>
      </c>
      <c r="G36968" s="1" t="s">
        <v>128128</v>
      </c>
      <c r="H36968" s="1" t="s">
        <v>128129</v>
      </c>
      <c r="I36968" s="1" t="s">
        <v>126615</v>
      </c>
      <c r="J36968" s="1" t="s">
        <v>128150</v>
      </c>
    </row>
    <row r="36969" spans="1:10" x14ac:dyDescent="0.35">
      <c r="A36969" s="1" t="s">
        <v>128124</v>
      </c>
      <c r="B36969" s="1" t="s">
        <v>126612</v>
      </c>
      <c r="C36969" s="1" t="s">
        <v>45</v>
      </c>
      <c r="D36969" s="1" t="s">
        <v>128151</v>
      </c>
      <c r="E36969" s="1" t="s">
        <v>128152</v>
      </c>
      <c r="F36969" s="1" t="s">
        <v>128153</v>
      </c>
      <c r="G36969" s="1" t="s">
        <v>128128</v>
      </c>
      <c r="H36969" s="1" t="s">
        <v>128129</v>
      </c>
      <c r="I36969" s="1" t="s">
        <v>126615</v>
      </c>
      <c r="J36969" s="1" t="s">
        <v>128154</v>
      </c>
    </row>
    <row r="36970" spans="1:10" x14ac:dyDescent="0.35">
      <c r="A36970" s="1" t="s">
        <v>128124</v>
      </c>
      <c r="B36970" s="1" t="s">
        <v>126612</v>
      </c>
      <c r="C36970" s="1" t="s">
        <v>50</v>
      </c>
      <c r="D36970" s="1" t="s">
        <v>87220</v>
      </c>
      <c r="E36970" s="1" t="s">
        <v>128155</v>
      </c>
      <c r="F36970" s="1" t="s">
        <v>128156</v>
      </c>
      <c r="G36970" s="1" t="s">
        <v>128128</v>
      </c>
      <c r="H36970" s="1" t="s">
        <v>128129</v>
      </c>
      <c r="I36970" s="1" t="s">
        <v>126615</v>
      </c>
      <c r="J36970" s="1" t="s">
        <v>128157</v>
      </c>
    </row>
    <row r="36971" spans="1:10" x14ac:dyDescent="0.35">
      <c r="A36971" s="1" t="s">
        <v>128124</v>
      </c>
      <c r="B36971" s="1" t="s">
        <v>126612</v>
      </c>
      <c r="C36971" s="1" t="s">
        <v>55</v>
      </c>
      <c r="D36971" s="1" t="s">
        <v>128158</v>
      </c>
      <c r="E36971" s="1" t="s">
        <v>128159</v>
      </c>
      <c r="F36971" s="1" t="s">
        <v>128160</v>
      </c>
      <c r="G36971" s="1" t="s">
        <v>128128</v>
      </c>
      <c r="H36971" s="1" t="s">
        <v>128129</v>
      </c>
      <c r="I36971" s="1" t="s">
        <v>126615</v>
      </c>
      <c r="J36971" s="1" t="s">
        <v>128161</v>
      </c>
    </row>
    <row r="36972" spans="1:10" x14ac:dyDescent="0.35">
      <c r="A36972" s="1" t="s">
        <v>128124</v>
      </c>
      <c r="B36972" s="1" t="s">
        <v>126612</v>
      </c>
      <c r="C36972" s="1" t="s">
        <v>60</v>
      </c>
      <c r="D36972" s="1" t="s">
        <v>69547</v>
      </c>
      <c r="E36972" s="1" t="s">
        <v>128162</v>
      </c>
      <c r="F36972" s="1" t="s">
        <v>128163</v>
      </c>
      <c r="G36972" s="1" t="s">
        <v>128128</v>
      </c>
      <c r="H36972" s="1" t="s">
        <v>128129</v>
      </c>
      <c r="I36972" s="1" t="s">
        <v>126615</v>
      </c>
      <c r="J36972" s="1" t="s">
        <v>128164</v>
      </c>
    </row>
    <row r="36973" spans="1:10" x14ac:dyDescent="0.35">
      <c r="A36973" s="1" t="s">
        <v>128124</v>
      </c>
      <c r="B36973" s="1" t="s">
        <v>126612</v>
      </c>
      <c r="C36973" s="1" t="s">
        <v>65</v>
      </c>
      <c r="D36973" s="1" t="s">
        <v>95654</v>
      </c>
      <c r="E36973" s="1" t="s">
        <v>128165</v>
      </c>
      <c r="F36973" s="1" t="s">
        <v>128166</v>
      </c>
      <c r="G36973" s="1" t="s">
        <v>128128</v>
      </c>
      <c r="H36973" s="1" t="s">
        <v>128129</v>
      </c>
      <c r="I36973" s="1" t="s">
        <v>126615</v>
      </c>
      <c r="J36973" s="1" t="s">
        <v>95657</v>
      </c>
    </row>
    <row r="36974" spans="1:10" x14ac:dyDescent="0.35">
      <c r="A36974" s="1" t="s">
        <v>128124</v>
      </c>
      <c r="B36974" s="1" t="s">
        <v>126612</v>
      </c>
      <c r="C36974" s="1" t="s">
        <v>70</v>
      </c>
      <c r="D36974" s="1" t="s">
        <v>128167</v>
      </c>
      <c r="E36974" s="1" t="s">
        <v>128168</v>
      </c>
      <c r="F36974" s="1" t="s">
        <v>128169</v>
      </c>
      <c r="G36974" s="1" t="s">
        <v>128128</v>
      </c>
      <c r="H36974" s="1" t="s">
        <v>128129</v>
      </c>
      <c r="I36974" s="1" t="s">
        <v>126615</v>
      </c>
      <c r="J36974" s="1" t="s">
        <v>128170</v>
      </c>
    </row>
    <row r="36975" spans="1:10" x14ac:dyDescent="0.35">
      <c r="A36975" s="1" t="s">
        <v>128124</v>
      </c>
      <c r="B36975" s="1" t="s">
        <v>126612</v>
      </c>
      <c r="C36975" s="1" t="s">
        <v>75</v>
      </c>
      <c r="D36975" s="1" t="s">
        <v>65815</v>
      </c>
      <c r="E36975" s="1" t="s">
        <v>128171</v>
      </c>
      <c r="F36975" s="1" t="s">
        <v>128172</v>
      </c>
      <c r="G36975" s="1" t="s">
        <v>128128</v>
      </c>
      <c r="H36975" s="1" t="s">
        <v>128129</v>
      </c>
      <c r="I36975" s="1" t="s">
        <v>126615</v>
      </c>
      <c r="J36975" s="1" t="s">
        <v>128173</v>
      </c>
    </row>
    <row r="36976" spans="1:10" x14ac:dyDescent="0.35">
      <c r="A36976" s="1" t="s">
        <v>128124</v>
      </c>
      <c r="B36976" s="1" t="s">
        <v>126612</v>
      </c>
      <c r="C36976" s="1" t="s">
        <v>80</v>
      </c>
      <c r="D36976" s="1" t="s">
        <v>128174</v>
      </c>
      <c r="E36976" s="1" t="s">
        <v>128175</v>
      </c>
      <c r="F36976" s="1" t="s">
        <v>128176</v>
      </c>
      <c r="G36976" s="1" t="s">
        <v>128128</v>
      </c>
      <c r="H36976" s="1" t="s">
        <v>128129</v>
      </c>
      <c r="I36976" s="1" t="s">
        <v>126615</v>
      </c>
      <c r="J36976" s="1" t="s">
        <v>128177</v>
      </c>
    </row>
    <row r="36977" spans="1:10" x14ac:dyDescent="0.35">
      <c r="A36977" s="1" t="s">
        <v>128124</v>
      </c>
      <c r="B36977" s="1" t="s">
        <v>126612</v>
      </c>
      <c r="C36977" s="1" t="s">
        <v>85</v>
      </c>
      <c r="D36977" s="1" t="s">
        <v>128022</v>
      </c>
      <c r="E36977" s="1" t="s">
        <v>128178</v>
      </c>
      <c r="F36977" s="1" t="s">
        <v>128179</v>
      </c>
      <c r="G36977" s="1" t="s">
        <v>128128</v>
      </c>
      <c r="H36977" s="1" t="s">
        <v>128129</v>
      </c>
      <c r="I36977" s="1" t="s">
        <v>126615</v>
      </c>
      <c r="J36977" s="1" t="s">
        <v>128180</v>
      </c>
    </row>
    <row r="36978" spans="1:10" x14ac:dyDescent="0.35">
      <c r="A36978" s="1" t="s">
        <v>128124</v>
      </c>
      <c r="B36978" s="1" t="s">
        <v>126612</v>
      </c>
      <c r="C36978" s="1" t="s">
        <v>90</v>
      </c>
      <c r="D36978" s="1" t="s">
        <v>109451</v>
      </c>
      <c r="E36978" s="1" t="s">
        <v>128181</v>
      </c>
      <c r="F36978" s="1" t="s">
        <v>128182</v>
      </c>
      <c r="G36978" s="1" t="s">
        <v>128128</v>
      </c>
      <c r="H36978" s="1" t="s">
        <v>128129</v>
      </c>
      <c r="I36978" s="1" t="s">
        <v>126615</v>
      </c>
      <c r="J36978" s="1" t="s">
        <v>128183</v>
      </c>
    </row>
    <row r="36979" spans="1:10" x14ac:dyDescent="0.35">
      <c r="A36979" s="1" t="s">
        <v>128124</v>
      </c>
      <c r="B36979" s="1" t="s">
        <v>126612</v>
      </c>
      <c r="C36979" s="1" t="s">
        <v>95</v>
      </c>
      <c r="D36979" s="1" t="s">
        <v>53842</v>
      </c>
      <c r="E36979" s="1" t="s">
        <v>128184</v>
      </c>
      <c r="F36979" s="1" t="s">
        <v>128185</v>
      </c>
      <c r="G36979" s="1" t="s">
        <v>128128</v>
      </c>
      <c r="H36979" s="1" t="s">
        <v>128129</v>
      </c>
      <c r="I36979" s="1" t="s">
        <v>126615</v>
      </c>
      <c r="J36979" s="1" t="s">
        <v>128186</v>
      </c>
    </row>
    <row r="36980" spans="1:10" x14ac:dyDescent="0.35">
      <c r="A36980" s="1" t="s">
        <v>128124</v>
      </c>
      <c r="B36980" s="1" t="s">
        <v>126612</v>
      </c>
      <c r="C36980" s="1" t="s">
        <v>100</v>
      </c>
      <c r="D36980" s="1" t="s">
        <v>93541</v>
      </c>
      <c r="E36980" s="1" t="s">
        <v>128187</v>
      </c>
      <c r="F36980" s="1" t="s">
        <v>128188</v>
      </c>
      <c r="G36980" s="1" t="s">
        <v>128128</v>
      </c>
      <c r="H36980" s="1" t="s">
        <v>128129</v>
      </c>
      <c r="I36980" s="1" t="s">
        <v>126615</v>
      </c>
      <c r="J36980" s="1" t="s">
        <v>128189</v>
      </c>
    </row>
    <row r="36981" spans="1:10" x14ac:dyDescent="0.35">
      <c r="A36981" s="1" t="s">
        <v>128124</v>
      </c>
      <c r="B36981" s="1" t="s">
        <v>126612</v>
      </c>
      <c r="C36981" s="1" t="s">
        <v>105</v>
      </c>
      <c r="D36981" s="1" t="s">
        <v>43488</v>
      </c>
      <c r="E36981" s="1" t="s">
        <v>128190</v>
      </c>
      <c r="F36981" s="1" t="s">
        <v>128191</v>
      </c>
      <c r="G36981" s="1" t="s">
        <v>128128</v>
      </c>
      <c r="H36981" s="1" t="s">
        <v>128129</v>
      </c>
      <c r="I36981" s="1" t="s">
        <v>126615</v>
      </c>
      <c r="J36981" s="1" t="s">
        <v>128192</v>
      </c>
    </row>
    <row r="36982" spans="1:10" x14ac:dyDescent="0.35">
      <c r="A36982" s="1" t="s">
        <v>128124</v>
      </c>
      <c r="B36982" s="1" t="s">
        <v>126612</v>
      </c>
      <c r="C36982" s="1" t="s">
        <v>110</v>
      </c>
      <c r="D36982" s="1" t="s">
        <v>88960</v>
      </c>
      <c r="E36982" s="1" t="s">
        <v>128193</v>
      </c>
      <c r="F36982" s="1" t="s">
        <v>128194</v>
      </c>
      <c r="G36982" s="1" t="s">
        <v>128128</v>
      </c>
      <c r="H36982" s="1" t="s">
        <v>128129</v>
      </c>
      <c r="I36982" s="1" t="s">
        <v>126615</v>
      </c>
      <c r="J36982" s="1" t="s">
        <v>128195</v>
      </c>
    </row>
    <row r="36983" spans="1:10" x14ac:dyDescent="0.35">
      <c r="A36983" s="1" t="s">
        <v>128124</v>
      </c>
      <c r="B36983" s="1" t="s">
        <v>126612</v>
      </c>
      <c r="C36983" s="1" t="s">
        <v>115</v>
      </c>
      <c r="D36983" s="1" t="s">
        <v>39476</v>
      </c>
      <c r="E36983" s="1" t="s">
        <v>128196</v>
      </c>
      <c r="F36983" s="1" t="s">
        <v>128197</v>
      </c>
      <c r="G36983" s="1" t="s">
        <v>128128</v>
      </c>
      <c r="H36983" s="1" t="s">
        <v>128129</v>
      </c>
      <c r="I36983" s="1" t="s">
        <v>126615</v>
      </c>
      <c r="J36983" s="1" t="s">
        <v>128198</v>
      </c>
    </row>
    <row r="36984" spans="1:10" x14ac:dyDescent="0.35">
      <c r="A36984" s="1" t="s">
        <v>128124</v>
      </c>
      <c r="B36984" s="1" t="s">
        <v>126612</v>
      </c>
      <c r="C36984" s="1" t="s">
        <v>120</v>
      </c>
      <c r="D36984" s="1" t="s">
        <v>128199</v>
      </c>
      <c r="E36984" s="1" t="s">
        <v>128200</v>
      </c>
      <c r="F36984" s="1" t="s">
        <v>128201</v>
      </c>
      <c r="G36984" s="1" t="s">
        <v>128128</v>
      </c>
      <c r="H36984" s="1" t="s">
        <v>128129</v>
      </c>
      <c r="I36984" s="1" t="s">
        <v>126615</v>
      </c>
      <c r="J36984" s="1" t="s">
        <v>128202</v>
      </c>
    </row>
    <row r="36985" spans="1:10" x14ac:dyDescent="0.35">
      <c r="A36985" s="1" t="s">
        <v>128124</v>
      </c>
      <c r="B36985" s="1" t="s">
        <v>126612</v>
      </c>
      <c r="C36985" s="1" t="s">
        <v>125</v>
      </c>
      <c r="D36985" s="1" t="s">
        <v>26806</v>
      </c>
      <c r="E36985" s="1" t="s">
        <v>128203</v>
      </c>
      <c r="F36985" s="1" t="s">
        <v>128204</v>
      </c>
      <c r="G36985" s="1" t="s">
        <v>128128</v>
      </c>
      <c r="H36985" s="1" t="s">
        <v>128129</v>
      </c>
      <c r="I36985" s="1" t="s">
        <v>126615</v>
      </c>
      <c r="J36985" s="1" t="s">
        <v>128205</v>
      </c>
    </row>
    <row r="36986" spans="1:10" x14ac:dyDescent="0.35">
      <c r="A36986" s="1" t="s">
        <v>128124</v>
      </c>
      <c r="B36986" s="1" t="s">
        <v>126612</v>
      </c>
      <c r="C36986" s="1" t="s">
        <v>130</v>
      </c>
      <c r="D36986" s="1" t="s">
        <v>91140</v>
      </c>
      <c r="E36986" s="1" t="s">
        <v>128206</v>
      </c>
      <c r="F36986" s="1" t="s">
        <v>128207</v>
      </c>
      <c r="G36986" s="1" t="s">
        <v>128128</v>
      </c>
      <c r="H36986" s="1" t="s">
        <v>128129</v>
      </c>
      <c r="I36986" s="1" t="s">
        <v>126615</v>
      </c>
      <c r="J36986" s="1" t="s">
        <v>128208</v>
      </c>
    </row>
    <row r="36987" spans="1:10" x14ac:dyDescent="0.35">
      <c r="A36987" s="1" t="s">
        <v>128124</v>
      </c>
      <c r="B36987" s="1" t="s">
        <v>126612</v>
      </c>
      <c r="C36987" s="1" t="s">
        <v>135</v>
      </c>
      <c r="D36987" s="1" t="s">
        <v>128209</v>
      </c>
      <c r="E36987" s="1" t="s">
        <v>128210</v>
      </c>
      <c r="F36987" s="1" t="s">
        <v>128211</v>
      </c>
      <c r="G36987" s="1" t="s">
        <v>128128</v>
      </c>
      <c r="H36987" s="1" t="s">
        <v>128129</v>
      </c>
      <c r="I36987" s="1" t="s">
        <v>126615</v>
      </c>
      <c r="J36987" s="1" t="s">
        <v>128212</v>
      </c>
    </row>
    <row r="36988" spans="1:10" x14ac:dyDescent="0.35">
      <c r="A36988" s="1" t="s">
        <v>128124</v>
      </c>
      <c r="B36988" s="1" t="s">
        <v>126612</v>
      </c>
      <c r="C36988" s="1" t="s">
        <v>140</v>
      </c>
      <c r="D36988" s="1" t="s">
        <v>128213</v>
      </c>
      <c r="E36988" s="1" t="s">
        <v>128214</v>
      </c>
      <c r="F36988" s="1" t="s">
        <v>128215</v>
      </c>
      <c r="G36988" s="1" t="s">
        <v>128128</v>
      </c>
      <c r="H36988" s="1" t="s">
        <v>128129</v>
      </c>
      <c r="I36988" s="1" t="s">
        <v>126615</v>
      </c>
      <c r="J36988" s="1" t="s">
        <v>128216</v>
      </c>
    </row>
    <row r="36989" spans="1:10" x14ac:dyDescent="0.35">
      <c r="A36989" s="1" t="s">
        <v>128124</v>
      </c>
      <c r="B36989" s="1" t="s">
        <v>126612</v>
      </c>
      <c r="C36989" s="1" t="s">
        <v>145</v>
      </c>
      <c r="D36989" s="1" t="s">
        <v>128217</v>
      </c>
      <c r="E36989" s="1" t="s">
        <v>128218</v>
      </c>
      <c r="F36989" s="1" t="s">
        <v>128219</v>
      </c>
      <c r="G36989" s="1" t="s">
        <v>128128</v>
      </c>
      <c r="H36989" s="1" t="s">
        <v>128129</v>
      </c>
      <c r="I36989" s="1" t="s">
        <v>126615</v>
      </c>
      <c r="J36989" s="1" t="s">
        <v>128220</v>
      </c>
    </row>
    <row r="36990" spans="1:10" x14ac:dyDescent="0.35">
      <c r="A36990" s="1" t="s">
        <v>128124</v>
      </c>
      <c r="B36990" s="1" t="s">
        <v>126612</v>
      </c>
      <c r="C36990" s="1" t="s">
        <v>150</v>
      </c>
      <c r="D36990" s="1" t="s">
        <v>128221</v>
      </c>
      <c r="E36990" s="1" t="s">
        <v>128222</v>
      </c>
      <c r="F36990" s="1" t="s">
        <v>128223</v>
      </c>
      <c r="G36990" s="1" t="s">
        <v>128128</v>
      </c>
      <c r="H36990" s="1" t="s">
        <v>128129</v>
      </c>
      <c r="I36990" s="1" t="s">
        <v>126615</v>
      </c>
      <c r="J36990" s="1" t="s">
        <v>128224</v>
      </c>
    </row>
    <row r="36991" spans="1:10" x14ac:dyDescent="0.35">
      <c r="A36991" s="1" t="s">
        <v>128124</v>
      </c>
      <c r="B36991" s="1" t="s">
        <v>126612</v>
      </c>
      <c r="C36991" s="1" t="s">
        <v>155</v>
      </c>
      <c r="D36991" s="1" t="s">
        <v>128225</v>
      </c>
      <c r="E36991" s="1" t="s">
        <v>128226</v>
      </c>
      <c r="F36991" s="1" t="s">
        <v>128227</v>
      </c>
      <c r="G36991" s="1" t="s">
        <v>128128</v>
      </c>
      <c r="H36991" s="1" t="s">
        <v>128129</v>
      </c>
      <c r="I36991" s="1" t="s">
        <v>126615</v>
      </c>
      <c r="J36991" s="1" t="s">
        <v>128228</v>
      </c>
    </row>
    <row r="36992" spans="1:10" x14ac:dyDescent="0.35">
      <c r="A36992" s="1" t="s">
        <v>128124</v>
      </c>
      <c r="B36992" s="1" t="s">
        <v>126612</v>
      </c>
      <c r="C36992" s="1" t="s">
        <v>160</v>
      </c>
      <c r="D36992" s="1" t="s">
        <v>64453</v>
      </c>
      <c r="E36992" s="1" t="s">
        <v>128229</v>
      </c>
      <c r="F36992" s="1" t="s">
        <v>128230</v>
      </c>
      <c r="G36992" s="1" t="s">
        <v>128128</v>
      </c>
      <c r="H36992" s="1" t="s">
        <v>128129</v>
      </c>
      <c r="I36992" s="1" t="s">
        <v>126615</v>
      </c>
      <c r="J36992" s="1" t="s">
        <v>128231</v>
      </c>
    </row>
    <row r="36993" spans="1:10" x14ac:dyDescent="0.35">
      <c r="A36993" s="1" t="s">
        <v>128124</v>
      </c>
      <c r="B36993" s="1" t="s">
        <v>126612</v>
      </c>
      <c r="C36993" s="1" t="s">
        <v>165</v>
      </c>
      <c r="D36993" s="1" t="s">
        <v>128232</v>
      </c>
      <c r="E36993" s="1" t="s">
        <v>128233</v>
      </c>
      <c r="F36993" s="1" t="s">
        <v>128234</v>
      </c>
      <c r="G36993" s="1" t="s">
        <v>128128</v>
      </c>
      <c r="H36993" s="1" t="s">
        <v>128129</v>
      </c>
      <c r="I36993" s="1" t="s">
        <v>126615</v>
      </c>
      <c r="J36993" s="1" t="s">
        <v>128235</v>
      </c>
    </row>
    <row r="36994" spans="1:10" x14ac:dyDescent="0.35">
      <c r="A36994" s="1" t="s">
        <v>128124</v>
      </c>
      <c r="B36994" s="1" t="s">
        <v>126612</v>
      </c>
      <c r="C36994" s="1" t="s">
        <v>170</v>
      </c>
      <c r="D36994" s="1" t="s">
        <v>86933</v>
      </c>
      <c r="E36994" s="1" t="s">
        <v>128236</v>
      </c>
      <c r="F36994" s="1" t="s">
        <v>128237</v>
      </c>
      <c r="G36994" s="1" t="s">
        <v>128128</v>
      </c>
      <c r="H36994" s="1" t="s">
        <v>128129</v>
      </c>
      <c r="I36994" s="1" t="s">
        <v>126615</v>
      </c>
      <c r="J36994" s="1" t="s">
        <v>128238</v>
      </c>
    </row>
    <row r="36995" spans="1:10" x14ac:dyDescent="0.35">
      <c r="A36995" s="1" t="s">
        <v>128239</v>
      </c>
      <c r="B36995" s="1" t="s">
        <v>126612</v>
      </c>
      <c r="C36995" s="1" t="s">
        <v>8</v>
      </c>
      <c r="D36995" s="1" t="s">
        <v>99787</v>
      </c>
      <c r="E36995" s="1" t="s">
        <v>108585</v>
      </c>
      <c r="F36995" s="1" t="s">
        <v>127801</v>
      </c>
      <c r="G36995" s="1" t="s">
        <v>128240</v>
      </c>
      <c r="H36995" s="1" t="s">
        <v>128241</v>
      </c>
      <c r="I36995" s="1" t="s">
        <v>126615</v>
      </c>
      <c r="J36995" s="1" t="s">
        <v>13</v>
      </c>
    </row>
    <row r="36996" spans="1:10" x14ac:dyDescent="0.35">
      <c r="A36996" s="1" t="s">
        <v>128239</v>
      </c>
      <c r="B36996" s="1" t="s">
        <v>126612</v>
      </c>
      <c r="C36996" s="1" t="s">
        <v>15</v>
      </c>
      <c r="D36996" s="1" t="s">
        <v>128242</v>
      </c>
      <c r="E36996" s="1" t="s">
        <v>19928</v>
      </c>
      <c r="F36996" s="1" t="s">
        <v>100695</v>
      </c>
      <c r="G36996" s="1" t="s">
        <v>128240</v>
      </c>
      <c r="H36996" s="1" t="s">
        <v>128241</v>
      </c>
      <c r="I36996" s="1" t="s">
        <v>126615</v>
      </c>
      <c r="J36996" s="1" t="s">
        <v>128243</v>
      </c>
    </row>
    <row r="36997" spans="1:10" x14ac:dyDescent="0.35">
      <c r="A36997" s="1" t="s">
        <v>128239</v>
      </c>
      <c r="B36997" s="1" t="s">
        <v>126612</v>
      </c>
      <c r="C36997" s="1" t="s">
        <v>20</v>
      </c>
      <c r="D36997" s="1" t="s">
        <v>75806</v>
      </c>
      <c r="E36997" s="1" t="s">
        <v>89357</v>
      </c>
      <c r="F36997" s="1" t="s">
        <v>128244</v>
      </c>
      <c r="G36997" s="1" t="s">
        <v>128240</v>
      </c>
      <c r="H36997" s="1" t="s">
        <v>128241</v>
      </c>
      <c r="I36997" s="1" t="s">
        <v>126615</v>
      </c>
      <c r="J36997" s="1" t="s">
        <v>128245</v>
      </c>
    </row>
    <row r="36998" spans="1:10" x14ac:dyDescent="0.35">
      <c r="A36998" s="1" t="s">
        <v>128239</v>
      </c>
      <c r="B36998" s="1" t="s">
        <v>126612</v>
      </c>
      <c r="C36998" s="1" t="s">
        <v>25</v>
      </c>
      <c r="D36998" s="1" t="s">
        <v>96457</v>
      </c>
      <c r="E36998" s="1" t="s">
        <v>107509</v>
      </c>
      <c r="F36998" s="1" t="s">
        <v>128246</v>
      </c>
      <c r="G36998" s="1" t="s">
        <v>128240</v>
      </c>
      <c r="H36998" s="1" t="s">
        <v>128241</v>
      </c>
      <c r="I36998" s="1" t="s">
        <v>126615</v>
      </c>
      <c r="J36998" s="1" t="s">
        <v>128247</v>
      </c>
    </row>
    <row r="36999" spans="1:10" x14ac:dyDescent="0.35">
      <c r="A36999" s="1" t="s">
        <v>128239</v>
      </c>
      <c r="B36999" s="1" t="s">
        <v>126612</v>
      </c>
      <c r="C36999" s="1" t="s">
        <v>30</v>
      </c>
      <c r="D36999" s="1" t="s">
        <v>128248</v>
      </c>
      <c r="E36999" s="1" t="s">
        <v>128249</v>
      </c>
      <c r="F36999" s="1" t="s">
        <v>57632</v>
      </c>
      <c r="G36999" s="1" t="s">
        <v>128240</v>
      </c>
      <c r="H36999" s="1" t="s">
        <v>128241</v>
      </c>
      <c r="I36999" s="1" t="s">
        <v>126615</v>
      </c>
      <c r="J36999" s="1" t="s">
        <v>128250</v>
      </c>
    </row>
    <row r="37000" spans="1:10" x14ac:dyDescent="0.35">
      <c r="A37000" s="1" t="s">
        <v>128239</v>
      </c>
      <c r="B37000" s="1" t="s">
        <v>126612</v>
      </c>
      <c r="C37000" s="1" t="s">
        <v>35</v>
      </c>
      <c r="D37000" s="1" t="s">
        <v>20634</v>
      </c>
      <c r="E37000" s="1" t="s">
        <v>128251</v>
      </c>
      <c r="F37000" s="1" t="s">
        <v>128252</v>
      </c>
      <c r="G37000" s="1" t="s">
        <v>128240</v>
      </c>
      <c r="H37000" s="1" t="s">
        <v>128241</v>
      </c>
      <c r="I37000" s="1" t="s">
        <v>126615</v>
      </c>
      <c r="J37000" s="1" t="s">
        <v>128253</v>
      </c>
    </row>
    <row r="37001" spans="1:10" x14ac:dyDescent="0.35">
      <c r="A37001" s="1" t="s">
        <v>128239</v>
      </c>
      <c r="B37001" s="1" t="s">
        <v>126612</v>
      </c>
      <c r="C37001" s="1" t="s">
        <v>40</v>
      </c>
      <c r="D37001" s="1" t="s">
        <v>62545</v>
      </c>
      <c r="E37001" s="1" t="s">
        <v>128254</v>
      </c>
      <c r="F37001" s="1" t="s">
        <v>128255</v>
      </c>
      <c r="G37001" s="1" t="s">
        <v>128240</v>
      </c>
      <c r="H37001" s="1" t="s">
        <v>128241</v>
      </c>
      <c r="I37001" s="1" t="s">
        <v>126615</v>
      </c>
      <c r="J37001" s="1" t="s">
        <v>128256</v>
      </c>
    </row>
    <row r="37002" spans="1:10" x14ac:dyDescent="0.35">
      <c r="A37002" s="1" t="s">
        <v>128239</v>
      </c>
      <c r="B37002" s="1" t="s">
        <v>126612</v>
      </c>
      <c r="C37002" s="1" t="s">
        <v>45</v>
      </c>
      <c r="D37002" s="1" t="s">
        <v>128257</v>
      </c>
      <c r="E37002" s="1" t="s">
        <v>77730</v>
      </c>
      <c r="F37002" s="1" t="s">
        <v>57291</v>
      </c>
      <c r="G37002" s="1" t="s">
        <v>128240</v>
      </c>
      <c r="H37002" s="1" t="s">
        <v>128241</v>
      </c>
      <c r="I37002" s="1" t="s">
        <v>126615</v>
      </c>
      <c r="J37002" s="1" t="s">
        <v>128258</v>
      </c>
    </row>
    <row r="37003" spans="1:10" x14ac:dyDescent="0.35">
      <c r="A37003" s="1" t="s">
        <v>128239</v>
      </c>
      <c r="B37003" s="1" t="s">
        <v>126612</v>
      </c>
      <c r="C37003" s="1" t="s">
        <v>50</v>
      </c>
      <c r="D37003" s="1" t="s">
        <v>128259</v>
      </c>
      <c r="E37003" s="1" t="s">
        <v>77722</v>
      </c>
      <c r="F37003" s="1" t="s">
        <v>63627</v>
      </c>
      <c r="G37003" s="1" t="s">
        <v>128240</v>
      </c>
      <c r="H37003" s="1" t="s">
        <v>128241</v>
      </c>
      <c r="I37003" s="1" t="s">
        <v>126615</v>
      </c>
      <c r="J37003" s="1" t="s">
        <v>128260</v>
      </c>
    </row>
    <row r="37004" spans="1:10" x14ac:dyDescent="0.35">
      <c r="A37004" s="1" t="s">
        <v>128239</v>
      </c>
      <c r="B37004" s="1" t="s">
        <v>126612</v>
      </c>
      <c r="C37004" s="1" t="s">
        <v>55</v>
      </c>
      <c r="D37004" s="1" t="s">
        <v>91683</v>
      </c>
      <c r="E37004" s="1" t="s">
        <v>128261</v>
      </c>
      <c r="F37004" s="1" t="s">
        <v>89350</v>
      </c>
      <c r="G37004" s="1" t="s">
        <v>128240</v>
      </c>
      <c r="H37004" s="1" t="s">
        <v>128241</v>
      </c>
      <c r="I37004" s="1" t="s">
        <v>126615</v>
      </c>
      <c r="J37004" s="1" t="s">
        <v>128262</v>
      </c>
    </row>
    <row r="37005" spans="1:10" x14ac:dyDescent="0.35">
      <c r="A37005" s="1" t="s">
        <v>128239</v>
      </c>
      <c r="B37005" s="1" t="s">
        <v>126612</v>
      </c>
      <c r="C37005" s="1" t="s">
        <v>60</v>
      </c>
      <c r="D37005" s="1" t="s">
        <v>128263</v>
      </c>
      <c r="E37005" s="1" t="s">
        <v>105960</v>
      </c>
      <c r="F37005" s="1" t="s">
        <v>128264</v>
      </c>
      <c r="G37005" s="1" t="s">
        <v>128240</v>
      </c>
      <c r="H37005" s="1" t="s">
        <v>128241</v>
      </c>
      <c r="I37005" s="1" t="s">
        <v>126615</v>
      </c>
      <c r="J37005" s="1" t="s">
        <v>128265</v>
      </c>
    </row>
    <row r="37006" spans="1:10" x14ac:dyDescent="0.35">
      <c r="A37006" s="1" t="s">
        <v>128239</v>
      </c>
      <c r="B37006" s="1" t="s">
        <v>126612</v>
      </c>
      <c r="C37006" s="1" t="s">
        <v>65</v>
      </c>
      <c r="D37006" s="1" t="s">
        <v>128266</v>
      </c>
      <c r="E37006" s="1" t="s">
        <v>108601</v>
      </c>
      <c r="F37006" s="1" t="s">
        <v>128267</v>
      </c>
      <c r="G37006" s="1" t="s">
        <v>128240</v>
      </c>
      <c r="H37006" s="1" t="s">
        <v>128241</v>
      </c>
      <c r="I37006" s="1" t="s">
        <v>126615</v>
      </c>
      <c r="J37006" s="1" t="s">
        <v>128268</v>
      </c>
    </row>
    <row r="37007" spans="1:10" x14ac:dyDescent="0.35">
      <c r="A37007" s="1" t="s">
        <v>128239</v>
      </c>
      <c r="B37007" s="1" t="s">
        <v>126612</v>
      </c>
      <c r="C37007" s="1" t="s">
        <v>70</v>
      </c>
      <c r="D37007" s="1" t="s">
        <v>57540</v>
      </c>
      <c r="E37007" s="1" t="s">
        <v>76393</v>
      </c>
      <c r="F37007" s="1" t="s">
        <v>107360</v>
      </c>
      <c r="G37007" s="1" t="s">
        <v>128240</v>
      </c>
      <c r="H37007" s="1" t="s">
        <v>128241</v>
      </c>
      <c r="I37007" s="1" t="s">
        <v>126615</v>
      </c>
      <c r="J37007" s="1" t="s">
        <v>128269</v>
      </c>
    </row>
    <row r="37008" spans="1:10" x14ac:dyDescent="0.35">
      <c r="A37008" s="1" t="s">
        <v>128239</v>
      </c>
      <c r="B37008" s="1" t="s">
        <v>126612</v>
      </c>
      <c r="C37008" s="1" t="s">
        <v>75</v>
      </c>
      <c r="D37008" s="1" t="s">
        <v>128270</v>
      </c>
      <c r="E37008" s="1" t="s">
        <v>128271</v>
      </c>
      <c r="F37008" s="1" t="s">
        <v>59729</v>
      </c>
      <c r="G37008" s="1" t="s">
        <v>128240</v>
      </c>
      <c r="H37008" s="1" t="s">
        <v>128241</v>
      </c>
      <c r="I37008" s="1" t="s">
        <v>126615</v>
      </c>
      <c r="J37008" s="1" t="s">
        <v>128272</v>
      </c>
    </row>
    <row r="37009" spans="1:10" x14ac:dyDescent="0.35">
      <c r="A37009" s="1" t="s">
        <v>128239</v>
      </c>
      <c r="B37009" s="1" t="s">
        <v>126612</v>
      </c>
      <c r="C37009" s="1" t="s">
        <v>80</v>
      </c>
      <c r="D37009" s="1" t="s">
        <v>96525</v>
      </c>
      <c r="E37009" s="1" t="s">
        <v>128273</v>
      </c>
      <c r="F37009" s="1" t="s">
        <v>128274</v>
      </c>
      <c r="G37009" s="1" t="s">
        <v>128240</v>
      </c>
      <c r="H37009" s="1" t="s">
        <v>128241</v>
      </c>
      <c r="I37009" s="1" t="s">
        <v>126615</v>
      </c>
      <c r="J37009" s="1" t="s">
        <v>128275</v>
      </c>
    </row>
    <row r="37010" spans="1:10" x14ac:dyDescent="0.35">
      <c r="A37010" s="1" t="s">
        <v>128239</v>
      </c>
      <c r="B37010" s="1" t="s">
        <v>126612</v>
      </c>
      <c r="C37010" s="1" t="s">
        <v>85</v>
      </c>
      <c r="D37010" s="1" t="s">
        <v>128276</v>
      </c>
      <c r="E37010" s="1" t="s">
        <v>128277</v>
      </c>
      <c r="F37010" s="1" t="s">
        <v>68845</v>
      </c>
      <c r="G37010" s="1" t="s">
        <v>128240</v>
      </c>
      <c r="H37010" s="1" t="s">
        <v>128241</v>
      </c>
      <c r="I37010" s="1" t="s">
        <v>126615</v>
      </c>
      <c r="J37010" s="1" t="s">
        <v>128278</v>
      </c>
    </row>
    <row r="37011" spans="1:10" x14ac:dyDescent="0.35">
      <c r="A37011" s="1" t="s">
        <v>128239</v>
      </c>
      <c r="B37011" s="1" t="s">
        <v>126612</v>
      </c>
      <c r="C37011" s="1" t="s">
        <v>90</v>
      </c>
      <c r="D37011" s="1" t="s">
        <v>62643</v>
      </c>
      <c r="E37011" s="1" t="s">
        <v>128279</v>
      </c>
      <c r="F37011" s="1" t="s">
        <v>23211</v>
      </c>
      <c r="G37011" s="1" t="s">
        <v>128240</v>
      </c>
      <c r="H37011" s="1" t="s">
        <v>128241</v>
      </c>
      <c r="I37011" s="1" t="s">
        <v>126615</v>
      </c>
      <c r="J37011" s="1" t="s">
        <v>128280</v>
      </c>
    </row>
    <row r="37012" spans="1:10" x14ac:dyDescent="0.35">
      <c r="A37012" s="1" t="s">
        <v>128239</v>
      </c>
      <c r="B37012" s="1" t="s">
        <v>126612</v>
      </c>
      <c r="C37012" s="1" t="s">
        <v>95</v>
      </c>
      <c r="D37012" s="1" t="s">
        <v>36393</v>
      </c>
      <c r="E37012" s="1" t="s">
        <v>128281</v>
      </c>
      <c r="F37012" s="1" t="s">
        <v>54236</v>
      </c>
      <c r="G37012" s="1" t="s">
        <v>128240</v>
      </c>
      <c r="H37012" s="1" t="s">
        <v>128241</v>
      </c>
      <c r="I37012" s="1" t="s">
        <v>126615</v>
      </c>
      <c r="J37012" s="1" t="s">
        <v>128282</v>
      </c>
    </row>
    <row r="37013" spans="1:10" x14ac:dyDescent="0.35">
      <c r="A37013" s="1" t="s">
        <v>128239</v>
      </c>
      <c r="B37013" s="1" t="s">
        <v>126612</v>
      </c>
      <c r="C37013" s="1" t="s">
        <v>100</v>
      </c>
      <c r="D37013" s="1" t="s">
        <v>128283</v>
      </c>
      <c r="E37013" s="1" t="s">
        <v>70915</v>
      </c>
      <c r="F37013" s="1" t="s">
        <v>128284</v>
      </c>
      <c r="G37013" s="1" t="s">
        <v>128240</v>
      </c>
      <c r="H37013" s="1" t="s">
        <v>128241</v>
      </c>
      <c r="I37013" s="1" t="s">
        <v>126615</v>
      </c>
      <c r="J37013" s="1" t="s">
        <v>128285</v>
      </c>
    </row>
    <row r="37014" spans="1:10" x14ac:dyDescent="0.35">
      <c r="A37014" s="1" t="s">
        <v>128239</v>
      </c>
      <c r="B37014" s="1" t="s">
        <v>126612</v>
      </c>
      <c r="C37014" s="1" t="s">
        <v>105</v>
      </c>
      <c r="D37014" s="1" t="s">
        <v>68020</v>
      </c>
      <c r="E37014" s="1" t="s">
        <v>128286</v>
      </c>
      <c r="F37014" s="1" t="s">
        <v>128287</v>
      </c>
      <c r="G37014" s="1" t="s">
        <v>128240</v>
      </c>
      <c r="H37014" s="1" t="s">
        <v>128241</v>
      </c>
      <c r="I37014" s="1" t="s">
        <v>126615</v>
      </c>
      <c r="J37014" s="1" t="s">
        <v>128288</v>
      </c>
    </row>
    <row r="37015" spans="1:10" x14ac:dyDescent="0.35">
      <c r="A37015" s="1" t="s">
        <v>128239</v>
      </c>
      <c r="B37015" s="1" t="s">
        <v>126612</v>
      </c>
      <c r="C37015" s="1" t="s">
        <v>110</v>
      </c>
      <c r="D37015" s="1" t="s">
        <v>87878</v>
      </c>
      <c r="E37015" s="1" t="s">
        <v>128289</v>
      </c>
      <c r="F37015" s="1" t="s">
        <v>107455</v>
      </c>
      <c r="G37015" s="1" t="s">
        <v>128240</v>
      </c>
      <c r="H37015" s="1" t="s">
        <v>128241</v>
      </c>
      <c r="I37015" s="1" t="s">
        <v>126615</v>
      </c>
      <c r="J37015" s="1" t="s">
        <v>128290</v>
      </c>
    </row>
    <row r="37016" spans="1:10" x14ac:dyDescent="0.35">
      <c r="A37016" s="1" t="s">
        <v>128239</v>
      </c>
      <c r="B37016" s="1" t="s">
        <v>126612</v>
      </c>
      <c r="C37016" s="1" t="s">
        <v>115</v>
      </c>
      <c r="D37016" s="1" t="s">
        <v>128291</v>
      </c>
      <c r="E37016" s="1" t="s">
        <v>90268</v>
      </c>
      <c r="F37016" s="1" t="s">
        <v>103616</v>
      </c>
      <c r="G37016" s="1" t="s">
        <v>128240</v>
      </c>
      <c r="H37016" s="1" t="s">
        <v>128241</v>
      </c>
      <c r="I37016" s="1" t="s">
        <v>126615</v>
      </c>
      <c r="J37016" s="1" t="s">
        <v>128292</v>
      </c>
    </row>
    <row r="37017" spans="1:10" x14ac:dyDescent="0.35">
      <c r="A37017" s="1" t="s">
        <v>128239</v>
      </c>
      <c r="B37017" s="1" t="s">
        <v>126612</v>
      </c>
      <c r="C37017" s="1" t="s">
        <v>120</v>
      </c>
      <c r="D37017" s="1" t="s">
        <v>87895</v>
      </c>
      <c r="E37017" s="1" t="s">
        <v>76409</v>
      </c>
      <c r="F37017" s="1" t="s">
        <v>101468</v>
      </c>
      <c r="G37017" s="1" t="s">
        <v>128240</v>
      </c>
      <c r="H37017" s="1" t="s">
        <v>128241</v>
      </c>
      <c r="I37017" s="1" t="s">
        <v>126615</v>
      </c>
      <c r="J37017" s="1" t="s">
        <v>128293</v>
      </c>
    </row>
    <row r="37018" spans="1:10" x14ac:dyDescent="0.35">
      <c r="A37018" s="1" t="s">
        <v>128239</v>
      </c>
      <c r="B37018" s="1" t="s">
        <v>126612</v>
      </c>
      <c r="C37018" s="1" t="s">
        <v>125</v>
      </c>
      <c r="D37018" s="1" t="s">
        <v>128294</v>
      </c>
      <c r="E37018" s="1" t="s">
        <v>128295</v>
      </c>
      <c r="F37018" s="1" t="s">
        <v>128296</v>
      </c>
      <c r="G37018" s="1" t="s">
        <v>128240</v>
      </c>
      <c r="H37018" s="1" t="s">
        <v>128241</v>
      </c>
      <c r="I37018" s="1" t="s">
        <v>126615</v>
      </c>
      <c r="J37018" s="1" t="s">
        <v>128297</v>
      </c>
    </row>
    <row r="37019" spans="1:10" x14ac:dyDescent="0.35">
      <c r="A37019" s="1" t="s">
        <v>128239</v>
      </c>
      <c r="B37019" s="1" t="s">
        <v>126612</v>
      </c>
      <c r="C37019" s="1" t="s">
        <v>130</v>
      </c>
      <c r="D37019" s="1" t="s">
        <v>64251</v>
      </c>
      <c r="E37019" s="1" t="s">
        <v>15984</v>
      </c>
      <c r="F37019" s="1" t="s">
        <v>128298</v>
      </c>
      <c r="G37019" s="1" t="s">
        <v>128240</v>
      </c>
      <c r="H37019" s="1" t="s">
        <v>128241</v>
      </c>
      <c r="I37019" s="1" t="s">
        <v>126615</v>
      </c>
      <c r="J37019" s="1" t="s">
        <v>128299</v>
      </c>
    </row>
    <row r="37020" spans="1:10" x14ac:dyDescent="0.35">
      <c r="A37020" s="1" t="s">
        <v>128239</v>
      </c>
      <c r="B37020" s="1" t="s">
        <v>126612</v>
      </c>
      <c r="C37020" s="1" t="s">
        <v>135</v>
      </c>
      <c r="D37020" s="1" t="s">
        <v>93432</v>
      </c>
      <c r="E37020" s="1" t="s">
        <v>128300</v>
      </c>
      <c r="F37020" s="1" t="s">
        <v>128301</v>
      </c>
      <c r="G37020" s="1" t="s">
        <v>128240</v>
      </c>
      <c r="H37020" s="1" t="s">
        <v>128241</v>
      </c>
      <c r="I37020" s="1" t="s">
        <v>126615</v>
      </c>
      <c r="J37020" s="1" t="s">
        <v>128302</v>
      </c>
    </row>
    <row r="37021" spans="1:10" x14ac:dyDescent="0.35">
      <c r="A37021" s="1" t="s">
        <v>128239</v>
      </c>
      <c r="B37021" s="1" t="s">
        <v>126612</v>
      </c>
      <c r="C37021" s="1" t="s">
        <v>140</v>
      </c>
      <c r="D37021" s="1" t="s">
        <v>128303</v>
      </c>
      <c r="E37021" s="1" t="s">
        <v>108595</v>
      </c>
      <c r="F37021" s="1" t="s">
        <v>128304</v>
      </c>
      <c r="G37021" s="1" t="s">
        <v>128240</v>
      </c>
      <c r="H37021" s="1" t="s">
        <v>128241</v>
      </c>
      <c r="I37021" s="1" t="s">
        <v>126615</v>
      </c>
      <c r="J37021" s="1" t="s">
        <v>128305</v>
      </c>
    </row>
    <row r="37022" spans="1:10" x14ac:dyDescent="0.35">
      <c r="A37022" s="1" t="s">
        <v>128239</v>
      </c>
      <c r="B37022" s="1" t="s">
        <v>126612</v>
      </c>
      <c r="C37022" s="1" t="s">
        <v>145</v>
      </c>
      <c r="D37022" s="1" t="s">
        <v>56833</v>
      </c>
      <c r="E37022" s="1" t="s">
        <v>128306</v>
      </c>
      <c r="F37022" s="1" t="s">
        <v>81137</v>
      </c>
      <c r="G37022" s="1" t="s">
        <v>128240</v>
      </c>
      <c r="H37022" s="1" t="s">
        <v>128241</v>
      </c>
      <c r="I37022" s="1" t="s">
        <v>126615</v>
      </c>
      <c r="J37022" s="1" t="s">
        <v>128307</v>
      </c>
    </row>
    <row r="37023" spans="1:10" x14ac:dyDescent="0.35">
      <c r="A37023" s="1" t="s">
        <v>128239</v>
      </c>
      <c r="B37023" s="1" t="s">
        <v>126612</v>
      </c>
      <c r="C37023" s="1" t="s">
        <v>150</v>
      </c>
      <c r="D37023" s="1" t="s">
        <v>128308</v>
      </c>
      <c r="E37023" s="1" t="s">
        <v>76417</v>
      </c>
      <c r="F37023" s="1" t="s">
        <v>58980</v>
      </c>
      <c r="G37023" s="1" t="s">
        <v>128240</v>
      </c>
      <c r="H37023" s="1" t="s">
        <v>128241</v>
      </c>
      <c r="I37023" s="1" t="s">
        <v>126615</v>
      </c>
      <c r="J37023" s="1" t="s">
        <v>128309</v>
      </c>
    </row>
    <row r="37024" spans="1:10" x14ac:dyDescent="0.35">
      <c r="A37024" s="1" t="s">
        <v>128239</v>
      </c>
      <c r="B37024" s="1" t="s">
        <v>126612</v>
      </c>
      <c r="C37024" s="1" t="s">
        <v>155</v>
      </c>
      <c r="D37024" s="1" t="s">
        <v>81565</v>
      </c>
      <c r="E37024" s="1" t="s">
        <v>16204</v>
      </c>
      <c r="F37024" s="1" t="s">
        <v>57190</v>
      </c>
      <c r="G37024" s="1" t="s">
        <v>128240</v>
      </c>
      <c r="H37024" s="1" t="s">
        <v>128241</v>
      </c>
      <c r="I37024" s="1" t="s">
        <v>126615</v>
      </c>
      <c r="J37024" s="1" t="s">
        <v>128310</v>
      </c>
    </row>
    <row r="37025" spans="1:10" x14ac:dyDescent="0.35">
      <c r="A37025" s="1" t="s">
        <v>128239</v>
      </c>
      <c r="B37025" s="1" t="s">
        <v>126612</v>
      </c>
      <c r="C37025" s="1" t="s">
        <v>160</v>
      </c>
      <c r="D37025" s="1" t="s">
        <v>128311</v>
      </c>
      <c r="E37025" s="1" t="s">
        <v>16220</v>
      </c>
      <c r="F37025" s="1" t="s">
        <v>128312</v>
      </c>
      <c r="G37025" s="1" t="s">
        <v>128240</v>
      </c>
      <c r="H37025" s="1" t="s">
        <v>128241</v>
      </c>
      <c r="I37025" s="1" t="s">
        <v>126615</v>
      </c>
      <c r="J37025" s="1" t="s">
        <v>128313</v>
      </c>
    </row>
    <row r="37026" spans="1:10" x14ac:dyDescent="0.35">
      <c r="A37026" s="1" t="s">
        <v>128239</v>
      </c>
      <c r="B37026" s="1" t="s">
        <v>126612</v>
      </c>
      <c r="C37026" s="1" t="s">
        <v>165</v>
      </c>
      <c r="D37026" s="1" t="s">
        <v>39389</v>
      </c>
      <c r="E37026" s="1" t="s">
        <v>77769</v>
      </c>
      <c r="F37026" s="1" t="s">
        <v>128314</v>
      </c>
      <c r="G37026" s="1" t="s">
        <v>128240</v>
      </c>
      <c r="H37026" s="1" t="s">
        <v>128241</v>
      </c>
      <c r="I37026" s="1" t="s">
        <v>126615</v>
      </c>
      <c r="J37026" s="1" t="s">
        <v>128315</v>
      </c>
    </row>
    <row r="37027" spans="1:10" x14ac:dyDescent="0.35">
      <c r="A37027" s="1" t="s">
        <v>128239</v>
      </c>
      <c r="B37027" s="1" t="s">
        <v>126612</v>
      </c>
      <c r="C37027" s="1" t="s">
        <v>170</v>
      </c>
      <c r="D37027" s="1" t="s">
        <v>23672</v>
      </c>
      <c r="E37027" s="1" t="s">
        <v>128316</v>
      </c>
      <c r="F37027" s="1" t="s">
        <v>128317</v>
      </c>
      <c r="G37027" s="1" t="s">
        <v>128240</v>
      </c>
      <c r="H37027" s="1" t="s">
        <v>128241</v>
      </c>
      <c r="I37027" s="1" t="s">
        <v>126615</v>
      </c>
      <c r="J37027" s="1" t="s">
        <v>128318</v>
      </c>
    </row>
    <row r="37028" spans="1:10" x14ac:dyDescent="0.35">
      <c r="A37028" s="1" t="s">
        <v>44976</v>
      </c>
      <c r="B37028" s="1" t="s">
        <v>126612</v>
      </c>
      <c r="C37028" s="1" t="s">
        <v>8</v>
      </c>
      <c r="D37028" s="1" t="s">
        <v>128319</v>
      </c>
      <c r="E37028" s="1" t="s">
        <v>128320</v>
      </c>
      <c r="F37028" s="1" t="s">
        <v>128321</v>
      </c>
      <c r="G37028" s="1" t="s">
        <v>128322</v>
      </c>
      <c r="H37028" s="1" t="s">
        <v>128323</v>
      </c>
      <c r="I37028" s="1" t="s">
        <v>126615</v>
      </c>
      <c r="J37028" s="1" t="s">
        <v>13</v>
      </c>
    </row>
    <row r="37029" spans="1:10" x14ac:dyDescent="0.35">
      <c r="A37029" s="1" t="s">
        <v>44976</v>
      </c>
      <c r="B37029" s="1" t="s">
        <v>126612</v>
      </c>
      <c r="C37029" s="1" t="s">
        <v>15</v>
      </c>
      <c r="D37029" s="1" t="s">
        <v>128324</v>
      </c>
      <c r="E37029" s="1" t="s">
        <v>128325</v>
      </c>
      <c r="F37029" s="1" t="s">
        <v>128326</v>
      </c>
      <c r="G37029" s="1" t="s">
        <v>128322</v>
      </c>
      <c r="H37029" s="1" t="s">
        <v>128323</v>
      </c>
      <c r="I37029" s="1" t="s">
        <v>126615</v>
      </c>
      <c r="J37029" s="1" t="s">
        <v>128327</v>
      </c>
    </row>
    <row r="37030" spans="1:10" x14ac:dyDescent="0.35">
      <c r="A37030" s="1" t="s">
        <v>44976</v>
      </c>
      <c r="B37030" s="1" t="s">
        <v>126612</v>
      </c>
      <c r="C37030" s="1" t="s">
        <v>20</v>
      </c>
      <c r="D37030" s="1" t="s">
        <v>128328</v>
      </c>
      <c r="E37030" s="1" t="s">
        <v>128329</v>
      </c>
      <c r="F37030" s="1" t="s">
        <v>128330</v>
      </c>
      <c r="G37030" s="1" t="s">
        <v>128322</v>
      </c>
      <c r="H37030" s="1" t="s">
        <v>128323</v>
      </c>
      <c r="I37030" s="1" t="s">
        <v>126615</v>
      </c>
      <c r="J37030" s="1" t="s">
        <v>128331</v>
      </c>
    </row>
    <row r="37031" spans="1:10" x14ac:dyDescent="0.35">
      <c r="A37031" s="1" t="s">
        <v>44976</v>
      </c>
      <c r="B37031" s="1" t="s">
        <v>126612</v>
      </c>
      <c r="C37031" s="1" t="s">
        <v>25</v>
      </c>
      <c r="D37031" s="1" t="s">
        <v>128332</v>
      </c>
      <c r="E37031" s="1" t="s">
        <v>128333</v>
      </c>
      <c r="F37031" s="1" t="s">
        <v>128334</v>
      </c>
      <c r="G37031" s="1" t="s">
        <v>128322</v>
      </c>
      <c r="H37031" s="1" t="s">
        <v>128323</v>
      </c>
      <c r="I37031" s="1" t="s">
        <v>126615</v>
      </c>
      <c r="J37031" s="1" t="s">
        <v>128335</v>
      </c>
    </row>
    <row r="37032" spans="1:10" x14ac:dyDescent="0.35">
      <c r="A37032" s="1" t="s">
        <v>44976</v>
      </c>
      <c r="B37032" s="1" t="s">
        <v>126612</v>
      </c>
      <c r="C37032" s="1" t="s">
        <v>30</v>
      </c>
      <c r="D37032" s="1" t="s">
        <v>128336</v>
      </c>
      <c r="E37032" s="1" t="s">
        <v>128337</v>
      </c>
      <c r="F37032" s="1" t="s">
        <v>128338</v>
      </c>
      <c r="G37032" s="1" t="s">
        <v>128322</v>
      </c>
      <c r="H37032" s="1" t="s">
        <v>128323</v>
      </c>
      <c r="I37032" s="1" t="s">
        <v>126615</v>
      </c>
      <c r="J37032" s="1" t="s">
        <v>128339</v>
      </c>
    </row>
    <row r="37033" spans="1:10" x14ac:dyDescent="0.35">
      <c r="A37033" s="1" t="s">
        <v>44976</v>
      </c>
      <c r="B37033" s="1" t="s">
        <v>126612</v>
      </c>
      <c r="C37033" s="1" t="s">
        <v>35</v>
      </c>
      <c r="D37033" s="1" t="s">
        <v>38117</v>
      </c>
      <c r="E37033" s="1" t="s">
        <v>128340</v>
      </c>
      <c r="F37033" s="1" t="s">
        <v>128341</v>
      </c>
      <c r="G37033" s="1" t="s">
        <v>128322</v>
      </c>
      <c r="H37033" s="1" t="s">
        <v>128323</v>
      </c>
      <c r="I37033" s="1" t="s">
        <v>126615</v>
      </c>
      <c r="J37033" s="1" t="s">
        <v>128342</v>
      </c>
    </row>
    <row r="37034" spans="1:10" x14ac:dyDescent="0.35">
      <c r="A37034" s="1" t="s">
        <v>44976</v>
      </c>
      <c r="B37034" s="1" t="s">
        <v>126612</v>
      </c>
      <c r="C37034" s="1" t="s">
        <v>40</v>
      </c>
      <c r="D37034" s="1" t="s">
        <v>128343</v>
      </c>
      <c r="E37034" s="1" t="s">
        <v>128344</v>
      </c>
      <c r="F37034" s="1" t="s">
        <v>128345</v>
      </c>
      <c r="G37034" s="1" t="s">
        <v>128322</v>
      </c>
      <c r="H37034" s="1" t="s">
        <v>128323</v>
      </c>
      <c r="I37034" s="1" t="s">
        <v>126615</v>
      </c>
      <c r="J37034" s="1" t="s">
        <v>128346</v>
      </c>
    </row>
    <row r="37035" spans="1:10" x14ac:dyDescent="0.35">
      <c r="A37035" s="1" t="s">
        <v>44976</v>
      </c>
      <c r="B37035" s="1" t="s">
        <v>126612</v>
      </c>
      <c r="C37035" s="1" t="s">
        <v>45</v>
      </c>
      <c r="D37035" s="1" t="s">
        <v>128347</v>
      </c>
      <c r="E37035" s="1" t="s">
        <v>128348</v>
      </c>
      <c r="F37035" s="1" t="s">
        <v>128349</v>
      </c>
      <c r="G37035" s="1" t="s">
        <v>128322</v>
      </c>
      <c r="H37035" s="1" t="s">
        <v>128323</v>
      </c>
      <c r="I37035" s="1" t="s">
        <v>126615</v>
      </c>
      <c r="J37035" s="1" t="s">
        <v>128350</v>
      </c>
    </row>
    <row r="37036" spans="1:10" x14ac:dyDescent="0.35">
      <c r="A37036" s="1" t="s">
        <v>44976</v>
      </c>
      <c r="B37036" s="1" t="s">
        <v>126612</v>
      </c>
      <c r="C37036" s="1" t="s">
        <v>50</v>
      </c>
      <c r="D37036" s="1" t="s">
        <v>128351</v>
      </c>
      <c r="E37036" s="1" t="s">
        <v>128352</v>
      </c>
      <c r="F37036" s="1" t="s">
        <v>128353</v>
      </c>
      <c r="G37036" s="1" t="s">
        <v>128322</v>
      </c>
      <c r="H37036" s="1" t="s">
        <v>128323</v>
      </c>
      <c r="I37036" s="1" t="s">
        <v>126615</v>
      </c>
      <c r="J37036" s="1" t="s">
        <v>128354</v>
      </c>
    </row>
    <row r="37037" spans="1:10" x14ac:dyDescent="0.35">
      <c r="A37037" s="1" t="s">
        <v>44976</v>
      </c>
      <c r="B37037" s="1" t="s">
        <v>126612</v>
      </c>
      <c r="C37037" s="1" t="s">
        <v>55</v>
      </c>
      <c r="D37037" s="1" t="s">
        <v>63653</v>
      </c>
      <c r="E37037" s="1" t="s">
        <v>128355</v>
      </c>
      <c r="F37037" s="1" t="s">
        <v>128356</v>
      </c>
      <c r="G37037" s="1" t="s">
        <v>128322</v>
      </c>
      <c r="H37037" s="1" t="s">
        <v>128323</v>
      </c>
      <c r="I37037" s="1" t="s">
        <v>126615</v>
      </c>
      <c r="J37037" s="1" t="s">
        <v>128357</v>
      </c>
    </row>
    <row r="37038" spans="1:10" x14ac:dyDescent="0.35">
      <c r="A37038" s="1" t="s">
        <v>44976</v>
      </c>
      <c r="B37038" s="1" t="s">
        <v>126612</v>
      </c>
      <c r="C37038" s="1" t="s">
        <v>60</v>
      </c>
      <c r="D37038" s="1" t="s">
        <v>128358</v>
      </c>
      <c r="E37038" s="1" t="s">
        <v>128359</v>
      </c>
      <c r="F37038" s="1" t="s">
        <v>128360</v>
      </c>
      <c r="G37038" s="1" t="s">
        <v>128322</v>
      </c>
      <c r="H37038" s="1" t="s">
        <v>128323</v>
      </c>
      <c r="I37038" s="1" t="s">
        <v>126615</v>
      </c>
      <c r="J37038" s="1" t="s">
        <v>128361</v>
      </c>
    </row>
    <row r="37039" spans="1:10" x14ac:dyDescent="0.35">
      <c r="A37039" s="1" t="s">
        <v>44976</v>
      </c>
      <c r="B37039" s="1" t="s">
        <v>126612</v>
      </c>
      <c r="C37039" s="1" t="s">
        <v>65</v>
      </c>
      <c r="D37039" s="1" t="s">
        <v>128362</v>
      </c>
      <c r="E37039" s="1" t="s">
        <v>128363</v>
      </c>
      <c r="F37039" s="1" t="s">
        <v>128364</v>
      </c>
      <c r="G37039" s="1" t="s">
        <v>128322</v>
      </c>
      <c r="H37039" s="1" t="s">
        <v>128323</v>
      </c>
      <c r="I37039" s="1" t="s">
        <v>126615</v>
      </c>
      <c r="J37039" s="1" t="s">
        <v>128365</v>
      </c>
    </row>
    <row r="37040" spans="1:10" x14ac:dyDescent="0.35">
      <c r="A37040" s="1" t="s">
        <v>44976</v>
      </c>
      <c r="B37040" s="1" t="s">
        <v>126612</v>
      </c>
      <c r="C37040" s="1" t="s">
        <v>70</v>
      </c>
      <c r="D37040" s="1" t="s">
        <v>102291</v>
      </c>
      <c r="E37040" s="1" t="s">
        <v>128366</v>
      </c>
      <c r="F37040" s="1" t="s">
        <v>128367</v>
      </c>
      <c r="G37040" s="1" t="s">
        <v>128322</v>
      </c>
      <c r="H37040" s="1" t="s">
        <v>128323</v>
      </c>
      <c r="I37040" s="1" t="s">
        <v>126615</v>
      </c>
      <c r="J37040" s="1" t="s">
        <v>128368</v>
      </c>
    </row>
    <row r="37041" spans="1:10" x14ac:dyDescent="0.35">
      <c r="A37041" s="1" t="s">
        <v>44976</v>
      </c>
      <c r="B37041" s="1" t="s">
        <v>126612</v>
      </c>
      <c r="C37041" s="1" t="s">
        <v>75</v>
      </c>
      <c r="D37041" s="1" t="s">
        <v>128369</v>
      </c>
      <c r="E37041" s="1" t="s">
        <v>128370</v>
      </c>
      <c r="F37041" s="1" t="s">
        <v>128371</v>
      </c>
      <c r="G37041" s="1" t="s">
        <v>128322</v>
      </c>
      <c r="H37041" s="1" t="s">
        <v>128323</v>
      </c>
      <c r="I37041" s="1" t="s">
        <v>126615</v>
      </c>
      <c r="J37041" s="1" t="s">
        <v>128372</v>
      </c>
    </row>
    <row r="37042" spans="1:10" x14ac:dyDescent="0.35">
      <c r="A37042" s="1" t="s">
        <v>44976</v>
      </c>
      <c r="B37042" s="1" t="s">
        <v>126612</v>
      </c>
      <c r="C37042" s="1" t="s">
        <v>80</v>
      </c>
      <c r="D37042" s="1" t="s">
        <v>128373</v>
      </c>
      <c r="E37042" s="1" t="s">
        <v>128374</v>
      </c>
      <c r="F37042" s="1" t="s">
        <v>128375</v>
      </c>
      <c r="G37042" s="1" t="s">
        <v>128322</v>
      </c>
      <c r="H37042" s="1" t="s">
        <v>128323</v>
      </c>
      <c r="I37042" s="1" t="s">
        <v>126615</v>
      </c>
      <c r="J37042" s="1" t="s">
        <v>128376</v>
      </c>
    </row>
    <row r="37043" spans="1:10" x14ac:dyDescent="0.35">
      <c r="A37043" s="1" t="s">
        <v>44976</v>
      </c>
      <c r="B37043" s="1" t="s">
        <v>126612</v>
      </c>
      <c r="C37043" s="1" t="s">
        <v>85</v>
      </c>
      <c r="D37043" s="1" t="s">
        <v>128377</v>
      </c>
      <c r="E37043" s="1" t="s">
        <v>128378</v>
      </c>
      <c r="F37043" s="1" t="s">
        <v>128379</v>
      </c>
      <c r="G37043" s="1" t="s">
        <v>128322</v>
      </c>
      <c r="H37043" s="1" t="s">
        <v>128323</v>
      </c>
      <c r="I37043" s="1" t="s">
        <v>126615</v>
      </c>
      <c r="J37043" s="1" t="s">
        <v>128380</v>
      </c>
    </row>
    <row r="37044" spans="1:10" x14ac:dyDescent="0.35">
      <c r="A37044" s="1" t="s">
        <v>44976</v>
      </c>
      <c r="B37044" s="1" t="s">
        <v>126612</v>
      </c>
      <c r="C37044" s="1" t="s">
        <v>90</v>
      </c>
      <c r="D37044" s="1" t="s">
        <v>128381</v>
      </c>
      <c r="E37044" s="1" t="s">
        <v>128382</v>
      </c>
      <c r="F37044" s="1" t="s">
        <v>128383</v>
      </c>
      <c r="G37044" s="1" t="s">
        <v>128322</v>
      </c>
      <c r="H37044" s="1" t="s">
        <v>128323</v>
      </c>
      <c r="I37044" s="1" t="s">
        <v>126615</v>
      </c>
      <c r="J37044" s="1" t="s">
        <v>128384</v>
      </c>
    </row>
    <row r="37045" spans="1:10" x14ac:dyDescent="0.35">
      <c r="A37045" s="1" t="s">
        <v>44976</v>
      </c>
      <c r="B37045" s="1" t="s">
        <v>126612</v>
      </c>
      <c r="C37045" s="1" t="s">
        <v>95</v>
      </c>
      <c r="D37045" s="1" t="s">
        <v>60083</v>
      </c>
      <c r="E37045" s="1" t="s">
        <v>128385</v>
      </c>
      <c r="F37045" s="1" t="s">
        <v>128386</v>
      </c>
      <c r="G37045" s="1" t="s">
        <v>128322</v>
      </c>
      <c r="H37045" s="1" t="s">
        <v>128323</v>
      </c>
      <c r="I37045" s="1" t="s">
        <v>126615</v>
      </c>
      <c r="J37045" s="1" t="s">
        <v>128387</v>
      </c>
    </row>
    <row r="37046" spans="1:10" x14ac:dyDescent="0.35">
      <c r="A37046" s="1" t="s">
        <v>44976</v>
      </c>
      <c r="B37046" s="1" t="s">
        <v>126612</v>
      </c>
      <c r="C37046" s="1" t="s">
        <v>100</v>
      </c>
      <c r="D37046" s="1" t="s">
        <v>92801</v>
      </c>
      <c r="E37046" s="1" t="s">
        <v>128388</v>
      </c>
      <c r="F37046" s="1" t="s">
        <v>128389</v>
      </c>
      <c r="G37046" s="1" t="s">
        <v>128322</v>
      </c>
      <c r="H37046" s="1" t="s">
        <v>128323</v>
      </c>
      <c r="I37046" s="1" t="s">
        <v>126615</v>
      </c>
      <c r="J37046" s="1" t="s">
        <v>128390</v>
      </c>
    </row>
    <row r="37047" spans="1:10" x14ac:dyDescent="0.35">
      <c r="A37047" s="1" t="s">
        <v>44976</v>
      </c>
      <c r="B37047" s="1" t="s">
        <v>126612</v>
      </c>
      <c r="C37047" s="1" t="s">
        <v>105</v>
      </c>
      <c r="D37047" s="1" t="s">
        <v>24212</v>
      </c>
      <c r="E37047" s="1" t="s">
        <v>128391</v>
      </c>
      <c r="F37047" s="1" t="s">
        <v>128392</v>
      </c>
      <c r="G37047" s="1" t="s">
        <v>128322</v>
      </c>
      <c r="H37047" s="1" t="s">
        <v>128323</v>
      </c>
      <c r="I37047" s="1" t="s">
        <v>126615</v>
      </c>
      <c r="J37047" s="1" t="s">
        <v>128393</v>
      </c>
    </row>
    <row r="37048" spans="1:10" x14ac:dyDescent="0.35">
      <c r="A37048" s="1" t="s">
        <v>44976</v>
      </c>
      <c r="B37048" s="1" t="s">
        <v>126612</v>
      </c>
      <c r="C37048" s="1" t="s">
        <v>110</v>
      </c>
      <c r="D37048" s="1" t="s">
        <v>61831</v>
      </c>
      <c r="E37048" s="1" t="s">
        <v>128394</v>
      </c>
      <c r="F37048" s="1" t="s">
        <v>128395</v>
      </c>
      <c r="G37048" s="1" t="s">
        <v>128322</v>
      </c>
      <c r="H37048" s="1" t="s">
        <v>128323</v>
      </c>
      <c r="I37048" s="1" t="s">
        <v>126615</v>
      </c>
      <c r="J37048" s="1" t="s">
        <v>128396</v>
      </c>
    </row>
    <row r="37049" spans="1:10" x14ac:dyDescent="0.35">
      <c r="A37049" s="1" t="s">
        <v>44976</v>
      </c>
      <c r="B37049" s="1" t="s">
        <v>126612</v>
      </c>
      <c r="C37049" s="1" t="s">
        <v>115</v>
      </c>
      <c r="D37049" s="1" t="s">
        <v>128397</v>
      </c>
      <c r="E37049" s="1" t="s">
        <v>128398</v>
      </c>
      <c r="F37049" s="1" t="s">
        <v>128399</v>
      </c>
      <c r="G37049" s="1" t="s">
        <v>128322</v>
      </c>
      <c r="H37049" s="1" t="s">
        <v>128323</v>
      </c>
      <c r="I37049" s="1" t="s">
        <v>126615</v>
      </c>
      <c r="J37049" s="1" t="s">
        <v>128400</v>
      </c>
    </row>
    <row r="37050" spans="1:10" x14ac:dyDescent="0.35">
      <c r="A37050" s="1" t="s">
        <v>44976</v>
      </c>
      <c r="B37050" s="1" t="s">
        <v>126612</v>
      </c>
      <c r="C37050" s="1" t="s">
        <v>120</v>
      </c>
      <c r="D37050" s="1" t="s">
        <v>43515</v>
      </c>
      <c r="E37050" s="1" t="s">
        <v>128401</v>
      </c>
      <c r="F37050" s="1" t="s">
        <v>128402</v>
      </c>
      <c r="G37050" s="1" t="s">
        <v>128322</v>
      </c>
      <c r="H37050" s="1" t="s">
        <v>128323</v>
      </c>
      <c r="I37050" s="1" t="s">
        <v>126615</v>
      </c>
      <c r="J37050" s="1" t="s">
        <v>128403</v>
      </c>
    </row>
    <row r="37051" spans="1:10" x14ac:dyDescent="0.35">
      <c r="A37051" s="1" t="s">
        <v>44976</v>
      </c>
      <c r="B37051" s="1" t="s">
        <v>126612</v>
      </c>
      <c r="C37051" s="1" t="s">
        <v>125</v>
      </c>
      <c r="D37051" s="1" t="s">
        <v>128404</v>
      </c>
      <c r="E37051" s="1" t="s">
        <v>128405</v>
      </c>
      <c r="F37051" s="1" t="s">
        <v>128406</v>
      </c>
      <c r="G37051" s="1" t="s">
        <v>128322</v>
      </c>
      <c r="H37051" s="1" t="s">
        <v>128323</v>
      </c>
      <c r="I37051" s="1" t="s">
        <v>126615</v>
      </c>
      <c r="J37051" s="1" t="s">
        <v>128407</v>
      </c>
    </row>
    <row r="37052" spans="1:10" x14ac:dyDescent="0.35">
      <c r="A37052" s="1" t="s">
        <v>44976</v>
      </c>
      <c r="B37052" s="1" t="s">
        <v>126612</v>
      </c>
      <c r="C37052" s="1" t="s">
        <v>130</v>
      </c>
      <c r="D37052" s="1" t="s">
        <v>128408</v>
      </c>
      <c r="E37052" s="1" t="s">
        <v>128409</v>
      </c>
      <c r="F37052" s="1" t="s">
        <v>128410</v>
      </c>
      <c r="G37052" s="1" t="s">
        <v>128322</v>
      </c>
      <c r="H37052" s="1" t="s">
        <v>128323</v>
      </c>
      <c r="I37052" s="1" t="s">
        <v>126615</v>
      </c>
      <c r="J37052" s="1" t="s">
        <v>128411</v>
      </c>
    </row>
    <row r="37053" spans="1:10" x14ac:dyDescent="0.35">
      <c r="A37053" s="1" t="s">
        <v>44976</v>
      </c>
      <c r="B37053" s="1" t="s">
        <v>126612</v>
      </c>
      <c r="C37053" s="1" t="s">
        <v>135</v>
      </c>
      <c r="D37053" s="1" t="s">
        <v>54740</v>
      </c>
      <c r="E37053" s="1" t="s">
        <v>128412</v>
      </c>
      <c r="F37053" s="1" t="s">
        <v>128413</v>
      </c>
      <c r="G37053" s="1" t="s">
        <v>128322</v>
      </c>
      <c r="H37053" s="1" t="s">
        <v>128323</v>
      </c>
      <c r="I37053" s="1" t="s">
        <v>126615</v>
      </c>
      <c r="J37053" s="1" t="s">
        <v>128414</v>
      </c>
    </row>
    <row r="37054" spans="1:10" x14ac:dyDescent="0.35">
      <c r="A37054" s="1" t="s">
        <v>44976</v>
      </c>
      <c r="B37054" s="1" t="s">
        <v>126612</v>
      </c>
      <c r="C37054" s="1" t="s">
        <v>140</v>
      </c>
      <c r="D37054" s="1" t="s">
        <v>107811</v>
      </c>
      <c r="E37054" s="1" t="s">
        <v>128415</v>
      </c>
      <c r="F37054" s="1" t="s">
        <v>128416</v>
      </c>
      <c r="G37054" s="1" t="s">
        <v>128322</v>
      </c>
      <c r="H37054" s="1" t="s">
        <v>128323</v>
      </c>
      <c r="I37054" s="1" t="s">
        <v>126615</v>
      </c>
      <c r="J37054" s="1" t="s">
        <v>128417</v>
      </c>
    </row>
    <row r="37055" spans="1:10" x14ac:dyDescent="0.35">
      <c r="A37055" s="1" t="s">
        <v>44976</v>
      </c>
      <c r="B37055" s="1" t="s">
        <v>126612</v>
      </c>
      <c r="C37055" s="1" t="s">
        <v>145</v>
      </c>
      <c r="D37055" s="1" t="s">
        <v>128418</v>
      </c>
      <c r="E37055" s="1" t="s">
        <v>128419</v>
      </c>
      <c r="F37055" s="1" t="s">
        <v>128420</v>
      </c>
      <c r="G37055" s="1" t="s">
        <v>128322</v>
      </c>
      <c r="H37055" s="1" t="s">
        <v>128323</v>
      </c>
      <c r="I37055" s="1" t="s">
        <v>126615</v>
      </c>
      <c r="J37055" s="1" t="s">
        <v>128421</v>
      </c>
    </row>
    <row r="37056" spans="1:10" x14ac:dyDescent="0.35">
      <c r="A37056" s="1" t="s">
        <v>44976</v>
      </c>
      <c r="B37056" s="1" t="s">
        <v>126612</v>
      </c>
      <c r="C37056" s="1" t="s">
        <v>150</v>
      </c>
      <c r="D37056" s="1" t="s">
        <v>128422</v>
      </c>
      <c r="E37056" s="1" t="s">
        <v>128423</v>
      </c>
      <c r="F37056" s="1" t="s">
        <v>128424</v>
      </c>
      <c r="G37056" s="1" t="s">
        <v>128322</v>
      </c>
      <c r="H37056" s="1" t="s">
        <v>128323</v>
      </c>
      <c r="I37056" s="1" t="s">
        <v>126615</v>
      </c>
      <c r="J37056" s="1" t="s">
        <v>128425</v>
      </c>
    </row>
    <row r="37057" spans="1:10" x14ac:dyDescent="0.35">
      <c r="A37057" s="1" t="s">
        <v>44976</v>
      </c>
      <c r="B37057" s="1" t="s">
        <v>126612</v>
      </c>
      <c r="C37057" s="1" t="s">
        <v>155</v>
      </c>
      <c r="D37057" s="1" t="s">
        <v>11523</v>
      </c>
      <c r="E37057" s="1" t="s">
        <v>128426</v>
      </c>
      <c r="F37057" s="1" t="s">
        <v>128427</v>
      </c>
      <c r="G37057" s="1" t="s">
        <v>128322</v>
      </c>
      <c r="H37057" s="1" t="s">
        <v>128323</v>
      </c>
      <c r="I37057" s="1" t="s">
        <v>126615</v>
      </c>
      <c r="J37057" s="1" t="s">
        <v>128428</v>
      </c>
    </row>
    <row r="37058" spans="1:10" x14ac:dyDescent="0.35">
      <c r="A37058" s="1" t="s">
        <v>44976</v>
      </c>
      <c r="B37058" s="1" t="s">
        <v>126612</v>
      </c>
      <c r="C37058" s="1" t="s">
        <v>160</v>
      </c>
      <c r="D37058" s="1" t="s">
        <v>128429</v>
      </c>
      <c r="E37058" s="1" t="s">
        <v>128430</v>
      </c>
      <c r="F37058" s="1" t="s">
        <v>128431</v>
      </c>
      <c r="G37058" s="1" t="s">
        <v>128322</v>
      </c>
      <c r="H37058" s="1" t="s">
        <v>128323</v>
      </c>
      <c r="I37058" s="1" t="s">
        <v>126615</v>
      </c>
      <c r="J37058" s="1" t="s">
        <v>128432</v>
      </c>
    </row>
    <row r="37059" spans="1:10" x14ac:dyDescent="0.35">
      <c r="A37059" s="1" t="s">
        <v>44976</v>
      </c>
      <c r="B37059" s="1" t="s">
        <v>126612</v>
      </c>
      <c r="C37059" s="1" t="s">
        <v>165</v>
      </c>
      <c r="D37059" s="1" t="s">
        <v>128433</v>
      </c>
      <c r="E37059" s="1" t="s">
        <v>128434</v>
      </c>
      <c r="F37059" s="1" t="s">
        <v>128435</v>
      </c>
      <c r="G37059" s="1" t="s">
        <v>128322</v>
      </c>
      <c r="H37059" s="1" t="s">
        <v>128323</v>
      </c>
      <c r="I37059" s="1" t="s">
        <v>126615</v>
      </c>
      <c r="J37059" s="1" t="s">
        <v>128436</v>
      </c>
    </row>
    <row r="37060" spans="1:10" x14ac:dyDescent="0.35">
      <c r="A37060" s="1" t="s">
        <v>44976</v>
      </c>
      <c r="B37060" s="1" t="s">
        <v>126612</v>
      </c>
      <c r="C37060" s="1" t="s">
        <v>170</v>
      </c>
      <c r="D37060" s="1" t="s">
        <v>128437</v>
      </c>
      <c r="E37060" s="1" t="s">
        <v>128438</v>
      </c>
      <c r="F37060" s="1" t="s">
        <v>128439</v>
      </c>
      <c r="G37060" s="1" t="s">
        <v>128322</v>
      </c>
      <c r="H37060" s="1" t="s">
        <v>128323</v>
      </c>
      <c r="I37060" s="1" t="s">
        <v>126615</v>
      </c>
      <c r="J37060" s="1" t="s">
        <v>128440</v>
      </c>
    </row>
    <row r="37061" spans="1:10" x14ac:dyDescent="0.35">
      <c r="A37061" s="1" t="s">
        <v>111175</v>
      </c>
      <c r="B37061" s="1" t="s">
        <v>126612</v>
      </c>
      <c r="C37061" s="1" t="s">
        <v>8</v>
      </c>
      <c r="D37061" s="1" t="s">
        <v>128441</v>
      </c>
      <c r="E37061" s="1" t="s">
        <v>128442</v>
      </c>
      <c r="F37061" s="1" t="s">
        <v>96876</v>
      </c>
      <c r="G37061" s="1" t="s">
        <v>128443</v>
      </c>
      <c r="H37061" s="1" t="s">
        <v>128444</v>
      </c>
      <c r="I37061" s="1" t="s">
        <v>126615</v>
      </c>
      <c r="J37061" s="1" t="s">
        <v>13</v>
      </c>
    </row>
    <row r="37062" spans="1:10" x14ac:dyDescent="0.35">
      <c r="A37062" s="1" t="s">
        <v>111175</v>
      </c>
      <c r="B37062" s="1" t="s">
        <v>126612</v>
      </c>
      <c r="C37062" s="1" t="s">
        <v>15</v>
      </c>
      <c r="D37062" s="1" t="s">
        <v>81038</v>
      </c>
      <c r="E37062" s="1" t="s">
        <v>108943</v>
      </c>
      <c r="F37062" s="1" t="s">
        <v>55911</v>
      </c>
      <c r="G37062" s="1" t="s">
        <v>128443</v>
      </c>
      <c r="H37062" s="1" t="s">
        <v>128444</v>
      </c>
      <c r="I37062" s="1" t="s">
        <v>126615</v>
      </c>
      <c r="J37062" s="1" t="s">
        <v>128445</v>
      </c>
    </row>
    <row r="37063" spans="1:10" x14ac:dyDescent="0.35">
      <c r="A37063" s="1" t="s">
        <v>111175</v>
      </c>
      <c r="B37063" s="1" t="s">
        <v>126612</v>
      </c>
      <c r="C37063" s="1" t="s">
        <v>20</v>
      </c>
      <c r="D37063" s="1" t="s">
        <v>128446</v>
      </c>
      <c r="E37063" s="1" t="s">
        <v>128447</v>
      </c>
      <c r="F37063" s="1" t="s">
        <v>128448</v>
      </c>
      <c r="G37063" s="1" t="s">
        <v>128443</v>
      </c>
      <c r="H37063" s="1" t="s">
        <v>128444</v>
      </c>
      <c r="I37063" s="1" t="s">
        <v>126615</v>
      </c>
      <c r="J37063" s="1" t="s">
        <v>128449</v>
      </c>
    </row>
    <row r="37064" spans="1:10" x14ac:dyDescent="0.35">
      <c r="A37064" s="1" t="s">
        <v>111175</v>
      </c>
      <c r="B37064" s="1" t="s">
        <v>126612</v>
      </c>
      <c r="C37064" s="1" t="s">
        <v>25</v>
      </c>
      <c r="D37064" s="1" t="s">
        <v>128450</v>
      </c>
      <c r="E37064" s="1" t="s">
        <v>108843</v>
      </c>
      <c r="F37064" s="1" t="s">
        <v>62547</v>
      </c>
      <c r="G37064" s="1" t="s">
        <v>128443</v>
      </c>
      <c r="H37064" s="1" t="s">
        <v>128444</v>
      </c>
      <c r="I37064" s="1" t="s">
        <v>126615</v>
      </c>
      <c r="J37064" s="1" t="s">
        <v>128451</v>
      </c>
    </row>
    <row r="37065" spans="1:10" x14ac:dyDescent="0.35">
      <c r="A37065" s="1" t="s">
        <v>111175</v>
      </c>
      <c r="B37065" s="1" t="s">
        <v>126612</v>
      </c>
      <c r="C37065" s="1" t="s">
        <v>30</v>
      </c>
      <c r="D37065" s="1" t="s">
        <v>128452</v>
      </c>
      <c r="E37065" s="1" t="s">
        <v>128453</v>
      </c>
      <c r="F37065" s="1" t="s">
        <v>128454</v>
      </c>
      <c r="G37065" s="1" t="s">
        <v>128443</v>
      </c>
      <c r="H37065" s="1" t="s">
        <v>128444</v>
      </c>
      <c r="I37065" s="1" t="s">
        <v>126615</v>
      </c>
      <c r="J37065" s="1" t="s">
        <v>128455</v>
      </c>
    </row>
    <row r="37066" spans="1:10" x14ac:dyDescent="0.35">
      <c r="A37066" s="1" t="s">
        <v>111175</v>
      </c>
      <c r="B37066" s="1" t="s">
        <v>126612</v>
      </c>
      <c r="C37066" s="1" t="s">
        <v>35</v>
      </c>
      <c r="D37066" s="1" t="s">
        <v>128456</v>
      </c>
      <c r="E37066" s="1" t="s">
        <v>77710</v>
      </c>
      <c r="F37066" s="1" t="s">
        <v>128457</v>
      </c>
      <c r="G37066" s="1" t="s">
        <v>128443</v>
      </c>
      <c r="H37066" s="1" t="s">
        <v>128444</v>
      </c>
      <c r="I37066" s="1" t="s">
        <v>126615</v>
      </c>
      <c r="J37066" s="1" t="s">
        <v>128458</v>
      </c>
    </row>
    <row r="37067" spans="1:10" x14ac:dyDescent="0.35">
      <c r="A37067" s="1" t="s">
        <v>111175</v>
      </c>
      <c r="B37067" s="1" t="s">
        <v>126612</v>
      </c>
      <c r="C37067" s="1" t="s">
        <v>40</v>
      </c>
      <c r="D37067" s="1" t="s">
        <v>128459</v>
      </c>
      <c r="E37067" s="1" t="s">
        <v>94176</v>
      </c>
      <c r="F37067" s="1" t="s">
        <v>128460</v>
      </c>
      <c r="G37067" s="1" t="s">
        <v>128443</v>
      </c>
      <c r="H37067" s="1" t="s">
        <v>128444</v>
      </c>
      <c r="I37067" s="1" t="s">
        <v>126615</v>
      </c>
      <c r="J37067" s="1" t="s">
        <v>128461</v>
      </c>
    </row>
    <row r="37068" spans="1:10" x14ac:dyDescent="0.35">
      <c r="A37068" s="1" t="s">
        <v>111175</v>
      </c>
      <c r="B37068" s="1" t="s">
        <v>126612</v>
      </c>
      <c r="C37068" s="1" t="s">
        <v>45</v>
      </c>
      <c r="D37068" s="1" t="s">
        <v>128462</v>
      </c>
      <c r="E37068" s="1" t="s">
        <v>128463</v>
      </c>
      <c r="F37068" s="1" t="s">
        <v>128464</v>
      </c>
      <c r="G37068" s="1" t="s">
        <v>128443</v>
      </c>
      <c r="H37068" s="1" t="s">
        <v>128444</v>
      </c>
      <c r="I37068" s="1" t="s">
        <v>126615</v>
      </c>
      <c r="J37068" s="1" t="s">
        <v>128465</v>
      </c>
    </row>
    <row r="37069" spans="1:10" x14ac:dyDescent="0.35">
      <c r="A37069" s="1" t="s">
        <v>111175</v>
      </c>
      <c r="B37069" s="1" t="s">
        <v>126612</v>
      </c>
      <c r="C37069" s="1" t="s">
        <v>50</v>
      </c>
      <c r="D37069" s="1" t="s">
        <v>27278</v>
      </c>
      <c r="E37069" s="1" t="s">
        <v>128466</v>
      </c>
      <c r="F37069" s="1" t="s">
        <v>128467</v>
      </c>
      <c r="G37069" s="1" t="s">
        <v>128443</v>
      </c>
      <c r="H37069" s="1" t="s">
        <v>128444</v>
      </c>
      <c r="I37069" s="1" t="s">
        <v>126615</v>
      </c>
      <c r="J37069" s="1" t="s">
        <v>128468</v>
      </c>
    </row>
    <row r="37070" spans="1:10" x14ac:dyDescent="0.35">
      <c r="A37070" s="1" t="s">
        <v>111175</v>
      </c>
      <c r="B37070" s="1" t="s">
        <v>126612</v>
      </c>
      <c r="C37070" s="1" t="s">
        <v>55</v>
      </c>
      <c r="D37070" s="1" t="s">
        <v>128469</v>
      </c>
      <c r="E37070" s="1" t="s">
        <v>70875</v>
      </c>
      <c r="F37070" s="1" t="s">
        <v>57374</v>
      </c>
      <c r="G37070" s="1" t="s">
        <v>128443</v>
      </c>
      <c r="H37070" s="1" t="s">
        <v>128444</v>
      </c>
      <c r="I37070" s="1" t="s">
        <v>126615</v>
      </c>
      <c r="J37070" s="1" t="s">
        <v>128470</v>
      </c>
    </row>
    <row r="37071" spans="1:10" x14ac:dyDescent="0.35">
      <c r="A37071" s="1" t="s">
        <v>111175</v>
      </c>
      <c r="B37071" s="1" t="s">
        <v>126612</v>
      </c>
      <c r="C37071" s="1" t="s">
        <v>60</v>
      </c>
      <c r="D37071" s="1" t="s">
        <v>128471</v>
      </c>
      <c r="E37071" s="1" t="s">
        <v>128472</v>
      </c>
      <c r="F37071" s="1" t="s">
        <v>128473</v>
      </c>
      <c r="G37071" s="1" t="s">
        <v>128443</v>
      </c>
      <c r="H37071" s="1" t="s">
        <v>128444</v>
      </c>
      <c r="I37071" s="1" t="s">
        <v>126615</v>
      </c>
      <c r="J37071" s="1" t="s">
        <v>128474</v>
      </c>
    </row>
    <row r="37072" spans="1:10" x14ac:dyDescent="0.35">
      <c r="A37072" s="1" t="s">
        <v>111175</v>
      </c>
      <c r="B37072" s="1" t="s">
        <v>126612</v>
      </c>
      <c r="C37072" s="1" t="s">
        <v>65</v>
      </c>
      <c r="D37072" s="1" t="s">
        <v>128475</v>
      </c>
      <c r="E37072" s="1" t="s">
        <v>70897</v>
      </c>
      <c r="F37072" s="1" t="s">
        <v>128476</v>
      </c>
      <c r="G37072" s="1" t="s">
        <v>128443</v>
      </c>
      <c r="H37072" s="1" t="s">
        <v>128444</v>
      </c>
      <c r="I37072" s="1" t="s">
        <v>126615</v>
      </c>
      <c r="J37072" s="1" t="s">
        <v>128477</v>
      </c>
    </row>
    <row r="37073" spans="1:10" x14ac:dyDescent="0.35">
      <c r="A37073" s="1" t="s">
        <v>111175</v>
      </c>
      <c r="B37073" s="1" t="s">
        <v>126612</v>
      </c>
      <c r="C37073" s="1" t="s">
        <v>70</v>
      </c>
      <c r="D37073" s="1" t="s">
        <v>128478</v>
      </c>
      <c r="E37073" s="1" t="s">
        <v>128479</v>
      </c>
      <c r="F37073" s="1" t="s">
        <v>128480</v>
      </c>
      <c r="G37073" s="1" t="s">
        <v>128443</v>
      </c>
      <c r="H37073" s="1" t="s">
        <v>128444</v>
      </c>
      <c r="I37073" s="1" t="s">
        <v>126615</v>
      </c>
      <c r="J37073" s="1" t="s">
        <v>128481</v>
      </c>
    </row>
    <row r="37074" spans="1:10" x14ac:dyDescent="0.35">
      <c r="A37074" s="1" t="s">
        <v>111175</v>
      </c>
      <c r="B37074" s="1" t="s">
        <v>126612</v>
      </c>
      <c r="C37074" s="1" t="s">
        <v>75</v>
      </c>
      <c r="D37074" s="1" t="s">
        <v>128482</v>
      </c>
      <c r="E37074" s="1" t="s">
        <v>128483</v>
      </c>
      <c r="F37074" s="1" t="s">
        <v>57913</v>
      </c>
      <c r="G37074" s="1" t="s">
        <v>128443</v>
      </c>
      <c r="H37074" s="1" t="s">
        <v>128444</v>
      </c>
      <c r="I37074" s="1" t="s">
        <v>126615</v>
      </c>
      <c r="J37074" s="1" t="s">
        <v>128484</v>
      </c>
    </row>
    <row r="37075" spans="1:10" x14ac:dyDescent="0.35">
      <c r="A37075" s="1" t="s">
        <v>111175</v>
      </c>
      <c r="B37075" s="1" t="s">
        <v>126612</v>
      </c>
      <c r="C37075" s="1" t="s">
        <v>80</v>
      </c>
      <c r="D37075" s="1" t="s">
        <v>128485</v>
      </c>
      <c r="E37075" s="1" t="s">
        <v>128486</v>
      </c>
      <c r="F37075" s="1" t="s">
        <v>65643</v>
      </c>
      <c r="G37075" s="1" t="s">
        <v>128443</v>
      </c>
      <c r="H37075" s="1" t="s">
        <v>128444</v>
      </c>
      <c r="I37075" s="1" t="s">
        <v>126615</v>
      </c>
      <c r="J37075" s="1" t="s">
        <v>128487</v>
      </c>
    </row>
    <row r="37076" spans="1:10" x14ac:dyDescent="0.35">
      <c r="A37076" s="1" t="s">
        <v>111175</v>
      </c>
      <c r="B37076" s="1" t="s">
        <v>126612</v>
      </c>
      <c r="C37076" s="1" t="s">
        <v>85</v>
      </c>
      <c r="D37076" s="1" t="s">
        <v>128488</v>
      </c>
      <c r="E37076" s="1" t="s">
        <v>89349</v>
      </c>
      <c r="F37076" s="1" t="s">
        <v>54684</v>
      </c>
      <c r="G37076" s="1" t="s">
        <v>128443</v>
      </c>
      <c r="H37076" s="1" t="s">
        <v>128444</v>
      </c>
      <c r="I37076" s="1" t="s">
        <v>126615</v>
      </c>
      <c r="J37076" s="1" t="s">
        <v>128489</v>
      </c>
    </row>
    <row r="37077" spans="1:10" x14ac:dyDescent="0.35">
      <c r="A37077" s="1" t="s">
        <v>111175</v>
      </c>
      <c r="B37077" s="1" t="s">
        <v>126612</v>
      </c>
      <c r="C37077" s="1" t="s">
        <v>90</v>
      </c>
      <c r="D37077" s="1" t="s">
        <v>128490</v>
      </c>
      <c r="E37077" s="1" t="s">
        <v>128491</v>
      </c>
      <c r="F37077" s="1" t="s">
        <v>55965</v>
      </c>
      <c r="G37077" s="1" t="s">
        <v>128443</v>
      </c>
      <c r="H37077" s="1" t="s">
        <v>128444</v>
      </c>
      <c r="I37077" s="1" t="s">
        <v>126615</v>
      </c>
      <c r="J37077" s="1" t="s">
        <v>128492</v>
      </c>
    </row>
    <row r="37078" spans="1:10" x14ac:dyDescent="0.35">
      <c r="A37078" s="1" t="s">
        <v>111175</v>
      </c>
      <c r="B37078" s="1" t="s">
        <v>126612</v>
      </c>
      <c r="C37078" s="1" t="s">
        <v>95</v>
      </c>
      <c r="D37078" s="1" t="s">
        <v>20121</v>
      </c>
      <c r="E37078" s="1" t="s">
        <v>105240</v>
      </c>
      <c r="F37078" s="1" t="s">
        <v>57260</v>
      </c>
      <c r="G37078" s="1" t="s">
        <v>128443</v>
      </c>
      <c r="H37078" s="1" t="s">
        <v>128444</v>
      </c>
      <c r="I37078" s="1" t="s">
        <v>126615</v>
      </c>
      <c r="J37078" s="1" t="s">
        <v>128493</v>
      </c>
    </row>
    <row r="37079" spans="1:10" x14ac:dyDescent="0.35">
      <c r="A37079" s="1" t="s">
        <v>111175</v>
      </c>
      <c r="B37079" s="1" t="s">
        <v>126612</v>
      </c>
      <c r="C37079" s="1" t="s">
        <v>100</v>
      </c>
      <c r="D37079" s="1" t="s">
        <v>128494</v>
      </c>
      <c r="E37079" s="1" t="s">
        <v>128495</v>
      </c>
      <c r="F37079" s="1" t="s">
        <v>60228</v>
      </c>
      <c r="G37079" s="1" t="s">
        <v>128443</v>
      </c>
      <c r="H37079" s="1" t="s">
        <v>128444</v>
      </c>
      <c r="I37079" s="1" t="s">
        <v>126615</v>
      </c>
      <c r="J37079" s="1" t="s">
        <v>128496</v>
      </c>
    </row>
    <row r="37080" spans="1:10" x14ac:dyDescent="0.35">
      <c r="A37080" s="1" t="s">
        <v>111175</v>
      </c>
      <c r="B37080" s="1" t="s">
        <v>126612</v>
      </c>
      <c r="C37080" s="1" t="s">
        <v>105</v>
      </c>
      <c r="D37080" s="1" t="s">
        <v>60723</v>
      </c>
      <c r="E37080" s="1" t="s">
        <v>19998</v>
      </c>
      <c r="F37080" s="1" t="s">
        <v>58272</v>
      </c>
      <c r="G37080" s="1" t="s">
        <v>128443</v>
      </c>
      <c r="H37080" s="1" t="s">
        <v>128444</v>
      </c>
      <c r="I37080" s="1" t="s">
        <v>126615</v>
      </c>
      <c r="J37080" s="1" t="s">
        <v>128497</v>
      </c>
    </row>
    <row r="37081" spans="1:10" x14ac:dyDescent="0.35">
      <c r="A37081" s="1" t="s">
        <v>111175</v>
      </c>
      <c r="B37081" s="1" t="s">
        <v>126612</v>
      </c>
      <c r="C37081" s="1" t="s">
        <v>110</v>
      </c>
      <c r="D37081" s="1" t="s">
        <v>128498</v>
      </c>
      <c r="E37081" s="1" t="s">
        <v>128499</v>
      </c>
      <c r="F37081" s="1" t="s">
        <v>128500</v>
      </c>
      <c r="G37081" s="1" t="s">
        <v>128443</v>
      </c>
      <c r="H37081" s="1" t="s">
        <v>128444</v>
      </c>
      <c r="I37081" s="1" t="s">
        <v>126615</v>
      </c>
      <c r="J37081" s="1" t="s">
        <v>128501</v>
      </c>
    </row>
    <row r="37082" spans="1:10" x14ac:dyDescent="0.35">
      <c r="A37082" s="1" t="s">
        <v>111175</v>
      </c>
      <c r="B37082" s="1" t="s">
        <v>126612</v>
      </c>
      <c r="C37082" s="1" t="s">
        <v>115</v>
      </c>
      <c r="D37082" s="1" t="s">
        <v>128502</v>
      </c>
      <c r="E37082" s="1" t="s">
        <v>128503</v>
      </c>
      <c r="F37082" s="1" t="s">
        <v>128504</v>
      </c>
      <c r="G37082" s="1" t="s">
        <v>128443</v>
      </c>
      <c r="H37082" s="1" t="s">
        <v>128444</v>
      </c>
      <c r="I37082" s="1" t="s">
        <v>126615</v>
      </c>
      <c r="J37082" s="1" t="s">
        <v>128505</v>
      </c>
    </row>
    <row r="37083" spans="1:10" x14ac:dyDescent="0.35">
      <c r="A37083" s="1" t="s">
        <v>111175</v>
      </c>
      <c r="B37083" s="1" t="s">
        <v>126612</v>
      </c>
      <c r="C37083" s="1" t="s">
        <v>120</v>
      </c>
      <c r="D37083" s="1" t="s">
        <v>95336</v>
      </c>
      <c r="E37083" s="1" t="s">
        <v>128506</v>
      </c>
      <c r="F37083" s="1" t="s">
        <v>128507</v>
      </c>
      <c r="G37083" s="1" t="s">
        <v>128443</v>
      </c>
      <c r="H37083" s="1" t="s">
        <v>128444</v>
      </c>
      <c r="I37083" s="1" t="s">
        <v>126615</v>
      </c>
      <c r="J37083" s="1" t="s">
        <v>128508</v>
      </c>
    </row>
    <row r="37084" spans="1:10" x14ac:dyDescent="0.35">
      <c r="A37084" s="1" t="s">
        <v>111175</v>
      </c>
      <c r="B37084" s="1" t="s">
        <v>126612</v>
      </c>
      <c r="C37084" s="1" t="s">
        <v>125</v>
      </c>
      <c r="D37084" s="1" t="s">
        <v>128509</v>
      </c>
      <c r="E37084" s="1" t="s">
        <v>128447</v>
      </c>
      <c r="F37084" s="1" t="s">
        <v>128510</v>
      </c>
      <c r="G37084" s="1" t="s">
        <v>128443</v>
      </c>
      <c r="H37084" s="1" t="s">
        <v>128444</v>
      </c>
      <c r="I37084" s="1" t="s">
        <v>126615</v>
      </c>
      <c r="J37084" s="1" t="s">
        <v>128511</v>
      </c>
    </row>
    <row r="37085" spans="1:10" x14ac:dyDescent="0.35">
      <c r="A37085" s="1" t="s">
        <v>111175</v>
      </c>
      <c r="B37085" s="1" t="s">
        <v>126612</v>
      </c>
      <c r="C37085" s="1" t="s">
        <v>130</v>
      </c>
      <c r="D37085" s="1" t="s">
        <v>128512</v>
      </c>
      <c r="E37085" s="1" t="s">
        <v>128513</v>
      </c>
      <c r="F37085" s="1" t="s">
        <v>128514</v>
      </c>
      <c r="G37085" s="1" t="s">
        <v>128443</v>
      </c>
      <c r="H37085" s="1" t="s">
        <v>128444</v>
      </c>
      <c r="I37085" s="1" t="s">
        <v>126615</v>
      </c>
      <c r="J37085" s="1" t="s">
        <v>128515</v>
      </c>
    </row>
    <row r="37086" spans="1:10" x14ac:dyDescent="0.35">
      <c r="A37086" s="1" t="s">
        <v>111175</v>
      </c>
      <c r="B37086" s="1" t="s">
        <v>126612</v>
      </c>
      <c r="C37086" s="1" t="s">
        <v>135</v>
      </c>
      <c r="D37086" s="1" t="s">
        <v>128516</v>
      </c>
      <c r="E37086" s="1" t="s">
        <v>16212</v>
      </c>
      <c r="F37086" s="1" t="s">
        <v>69279</v>
      </c>
      <c r="G37086" s="1" t="s">
        <v>128443</v>
      </c>
      <c r="H37086" s="1" t="s">
        <v>128444</v>
      </c>
      <c r="I37086" s="1" t="s">
        <v>126615</v>
      </c>
      <c r="J37086" s="1" t="s">
        <v>128517</v>
      </c>
    </row>
    <row r="37087" spans="1:10" x14ac:dyDescent="0.35">
      <c r="A37087" s="1" t="s">
        <v>111175</v>
      </c>
      <c r="B37087" s="1" t="s">
        <v>126612</v>
      </c>
      <c r="C37087" s="1" t="s">
        <v>140</v>
      </c>
      <c r="D37087" s="1" t="s">
        <v>128518</v>
      </c>
      <c r="E37087" s="1" t="s">
        <v>128519</v>
      </c>
      <c r="F37087" s="1" t="s">
        <v>128520</v>
      </c>
      <c r="G37087" s="1" t="s">
        <v>128443</v>
      </c>
      <c r="H37087" s="1" t="s">
        <v>128444</v>
      </c>
      <c r="I37087" s="1" t="s">
        <v>126615</v>
      </c>
      <c r="J37087" s="1" t="s">
        <v>128521</v>
      </c>
    </row>
    <row r="37088" spans="1:10" x14ac:dyDescent="0.35">
      <c r="A37088" s="1" t="s">
        <v>111175</v>
      </c>
      <c r="B37088" s="1" t="s">
        <v>126612</v>
      </c>
      <c r="C37088" s="1" t="s">
        <v>145</v>
      </c>
      <c r="D37088" s="1" t="s">
        <v>12746</v>
      </c>
      <c r="E37088" s="1" t="s">
        <v>128017</v>
      </c>
      <c r="F37088" s="1" t="s">
        <v>31484</v>
      </c>
      <c r="G37088" s="1" t="s">
        <v>128443</v>
      </c>
      <c r="H37088" s="1" t="s">
        <v>128444</v>
      </c>
      <c r="I37088" s="1" t="s">
        <v>126615</v>
      </c>
      <c r="J37088" s="1" t="s">
        <v>128522</v>
      </c>
    </row>
    <row r="37089" spans="1:10" x14ac:dyDescent="0.35">
      <c r="A37089" s="1" t="s">
        <v>111175</v>
      </c>
      <c r="B37089" s="1" t="s">
        <v>126612</v>
      </c>
      <c r="C37089" s="1" t="s">
        <v>150</v>
      </c>
      <c r="D37089" s="1" t="s">
        <v>128523</v>
      </c>
      <c r="E37089" s="1" t="s">
        <v>128524</v>
      </c>
      <c r="F37089" s="1" t="s">
        <v>128525</v>
      </c>
      <c r="G37089" s="1" t="s">
        <v>128443</v>
      </c>
      <c r="H37089" s="1" t="s">
        <v>128444</v>
      </c>
      <c r="I37089" s="1" t="s">
        <v>126615</v>
      </c>
      <c r="J37089" s="1" t="s">
        <v>128526</v>
      </c>
    </row>
    <row r="37090" spans="1:10" x14ac:dyDescent="0.35">
      <c r="A37090" s="1" t="s">
        <v>111175</v>
      </c>
      <c r="B37090" s="1" t="s">
        <v>126612</v>
      </c>
      <c r="C37090" s="1" t="s">
        <v>155</v>
      </c>
      <c r="D37090" s="1" t="s">
        <v>102135</v>
      </c>
      <c r="E37090" s="1" t="s">
        <v>128527</v>
      </c>
      <c r="F37090" s="1" t="s">
        <v>16114</v>
      </c>
      <c r="G37090" s="1" t="s">
        <v>128443</v>
      </c>
      <c r="H37090" s="1" t="s">
        <v>128444</v>
      </c>
      <c r="I37090" s="1" t="s">
        <v>126615</v>
      </c>
      <c r="J37090" s="1" t="s">
        <v>128528</v>
      </c>
    </row>
    <row r="37091" spans="1:10" x14ac:dyDescent="0.35">
      <c r="A37091" s="1" t="s">
        <v>111175</v>
      </c>
      <c r="B37091" s="1" t="s">
        <v>126612</v>
      </c>
      <c r="C37091" s="1" t="s">
        <v>160</v>
      </c>
      <c r="D37091" s="1" t="s">
        <v>128529</v>
      </c>
      <c r="E37091" s="1" t="s">
        <v>105278</v>
      </c>
      <c r="F37091" s="1" t="s">
        <v>62064</v>
      </c>
      <c r="G37091" s="1" t="s">
        <v>128443</v>
      </c>
      <c r="H37091" s="1" t="s">
        <v>128444</v>
      </c>
      <c r="I37091" s="1" t="s">
        <v>126615</v>
      </c>
      <c r="J37091" s="1" t="s">
        <v>128530</v>
      </c>
    </row>
    <row r="37092" spans="1:10" x14ac:dyDescent="0.35">
      <c r="A37092" s="1" t="s">
        <v>111175</v>
      </c>
      <c r="B37092" s="1" t="s">
        <v>126612</v>
      </c>
      <c r="C37092" s="1" t="s">
        <v>165</v>
      </c>
      <c r="D37092" s="1" t="s">
        <v>128531</v>
      </c>
      <c r="E37092" s="1" t="s">
        <v>19990</v>
      </c>
      <c r="F37092" s="1" t="s">
        <v>60529</v>
      </c>
      <c r="G37092" s="1" t="s">
        <v>128443</v>
      </c>
      <c r="H37092" s="1" t="s">
        <v>128444</v>
      </c>
      <c r="I37092" s="1" t="s">
        <v>126615</v>
      </c>
      <c r="J37092" s="1" t="s">
        <v>128532</v>
      </c>
    </row>
    <row r="37093" spans="1:10" x14ac:dyDescent="0.35">
      <c r="A37093" s="1" t="s">
        <v>111175</v>
      </c>
      <c r="B37093" s="1" t="s">
        <v>126612</v>
      </c>
      <c r="C37093" s="1" t="s">
        <v>170</v>
      </c>
      <c r="D37093" s="1" t="s">
        <v>128533</v>
      </c>
      <c r="E37093" s="1" t="s">
        <v>128534</v>
      </c>
      <c r="F37093" s="1" t="s">
        <v>82160</v>
      </c>
      <c r="G37093" s="1" t="s">
        <v>128443</v>
      </c>
      <c r="H37093" s="1" t="s">
        <v>128444</v>
      </c>
      <c r="I37093" s="1" t="s">
        <v>126615</v>
      </c>
      <c r="J37093" s="1" t="s">
        <v>128535</v>
      </c>
    </row>
    <row r="37094" spans="1:10" x14ac:dyDescent="0.35">
      <c r="A37094" s="1" t="s">
        <v>8510</v>
      </c>
      <c r="B37094" s="1" t="s">
        <v>126612</v>
      </c>
      <c r="C37094" s="1" t="s">
        <v>8</v>
      </c>
      <c r="D37094" s="1" t="s">
        <v>128536</v>
      </c>
      <c r="E37094" s="1" t="s">
        <v>128537</v>
      </c>
      <c r="F37094" s="1" t="s">
        <v>128538</v>
      </c>
      <c r="G37094" s="1" t="s">
        <v>128539</v>
      </c>
      <c r="H37094" s="1" t="s">
        <v>128540</v>
      </c>
      <c r="I37094" s="1" t="s">
        <v>126615</v>
      </c>
      <c r="J37094" s="1" t="s">
        <v>13</v>
      </c>
    </row>
    <row r="37095" spans="1:10" x14ac:dyDescent="0.35">
      <c r="A37095" s="1" t="s">
        <v>8510</v>
      </c>
      <c r="B37095" s="1" t="s">
        <v>126612</v>
      </c>
      <c r="C37095" s="1" t="s">
        <v>15</v>
      </c>
      <c r="D37095" s="1" t="s">
        <v>24907</v>
      </c>
      <c r="E37095" s="1" t="s">
        <v>128541</v>
      </c>
      <c r="F37095" s="1" t="s">
        <v>128542</v>
      </c>
      <c r="G37095" s="1" t="s">
        <v>128539</v>
      </c>
      <c r="H37095" s="1" t="s">
        <v>128540</v>
      </c>
      <c r="I37095" s="1" t="s">
        <v>126615</v>
      </c>
      <c r="J37095" s="1" t="s">
        <v>128543</v>
      </c>
    </row>
    <row r="37096" spans="1:10" x14ac:dyDescent="0.35">
      <c r="A37096" s="1" t="s">
        <v>8510</v>
      </c>
      <c r="B37096" s="1" t="s">
        <v>126612</v>
      </c>
      <c r="C37096" s="1" t="s">
        <v>20</v>
      </c>
      <c r="D37096" s="1" t="s">
        <v>128544</v>
      </c>
      <c r="E37096" s="1" t="s">
        <v>128545</v>
      </c>
      <c r="F37096" s="1" t="s">
        <v>128546</v>
      </c>
      <c r="G37096" s="1" t="s">
        <v>128539</v>
      </c>
      <c r="H37096" s="1" t="s">
        <v>128540</v>
      </c>
      <c r="I37096" s="1" t="s">
        <v>126615</v>
      </c>
      <c r="J37096" s="1" t="s">
        <v>128547</v>
      </c>
    </row>
    <row r="37097" spans="1:10" x14ac:dyDescent="0.35">
      <c r="A37097" s="1" t="s">
        <v>8510</v>
      </c>
      <c r="B37097" s="1" t="s">
        <v>126612</v>
      </c>
      <c r="C37097" s="1" t="s">
        <v>25</v>
      </c>
      <c r="D37097" s="1" t="s">
        <v>23163</v>
      </c>
      <c r="E37097" s="1" t="s">
        <v>128548</v>
      </c>
      <c r="F37097" s="1" t="s">
        <v>128549</v>
      </c>
      <c r="G37097" s="1" t="s">
        <v>128539</v>
      </c>
      <c r="H37097" s="1" t="s">
        <v>128540</v>
      </c>
      <c r="I37097" s="1" t="s">
        <v>126615</v>
      </c>
      <c r="J37097" s="1" t="s">
        <v>128550</v>
      </c>
    </row>
    <row r="37098" spans="1:10" x14ac:dyDescent="0.35">
      <c r="A37098" s="1" t="s">
        <v>8510</v>
      </c>
      <c r="B37098" s="1" t="s">
        <v>126612</v>
      </c>
      <c r="C37098" s="1" t="s">
        <v>30</v>
      </c>
      <c r="D37098" s="1" t="s">
        <v>56764</v>
      </c>
      <c r="E37098" s="1" t="s">
        <v>128551</v>
      </c>
      <c r="F37098" s="1" t="s">
        <v>128552</v>
      </c>
      <c r="G37098" s="1" t="s">
        <v>128539</v>
      </c>
      <c r="H37098" s="1" t="s">
        <v>128540</v>
      </c>
      <c r="I37098" s="1" t="s">
        <v>126615</v>
      </c>
      <c r="J37098" s="1" t="s">
        <v>128553</v>
      </c>
    </row>
    <row r="37099" spans="1:10" x14ac:dyDescent="0.35">
      <c r="A37099" s="1" t="s">
        <v>8510</v>
      </c>
      <c r="B37099" s="1" t="s">
        <v>126612</v>
      </c>
      <c r="C37099" s="1" t="s">
        <v>35</v>
      </c>
      <c r="D37099" s="1" t="s">
        <v>128554</v>
      </c>
      <c r="E37099" s="1" t="s">
        <v>128555</v>
      </c>
      <c r="F37099" s="1" t="s">
        <v>128556</v>
      </c>
      <c r="G37099" s="1" t="s">
        <v>128539</v>
      </c>
      <c r="H37099" s="1" t="s">
        <v>128540</v>
      </c>
      <c r="I37099" s="1" t="s">
        <v>126615</v>
      </c>
      <c r="J37099" s="1" t="s">
        <v>128557</v>
      </c>
    </row>
    <row r="37100" spans="1:10" x14ac:dyDescent="0.35">
      <c r="A37100" s="1" t="s">
        <v>8510</v>
      </c>
      <c r="B37100" s="1" t="s">
        <v>126612</v>
      </c>
      <c r="C37100" s="1" t="s">
        <v>40</v>
      </c>
      <c r="D37100" s="1" t="s">
        <v>57817</v>
      </c>
      <c r="E37100" s="1" t="s">
        <v>128558</v>
      </c>
      <c r="F37100" s="1" t="s">
        <v>128559</v>
      </c>
      <c r="G37100" s="1" t="s">
        <v>128539</v>
      </c>
      <c r="H37100" s="1" t="s">
        <v>128540</v>
      </c>
      <c r="I37100" s="1" t="s">
        <v>126615</v>
      </c>
      <c r="J37100" s="1" t="s">
        <v>128560</v>
      </c>
    </row>
    <row r="37101" spans="1:10" x14ac:dyDescent="0.35">
      <c r="A37101" s="1" t="s">
        <v>8510</v>
      </c>
      <c r="B37101" s="1" t="s">
        <v>126612</v>
      </c>
      <c r="C37101" s="1" t="s">
        <v>45</v>
      </c>
      <c r="D37101" s="1" t="s">
        <v>40000</v>
      </c>
      <c r="E37101" s="1" t="s">
        <v>128561</v>
      </c>
      <c r="F37101" s="1" t="s">
        <v>128562</v>
      </c>
      <c r="G37101" s="1" t="s">
        <v>128539</v>
      </c>
      <c r="H37101" s="1" t="s">
        <v>128540</v>
      </c>
      <c r="I37101" s="1" t="s">
        <v>126615</v>
      </c>
      <c r="J37101" s="1" t="s">
        <v>128563</v>
      </c>
    </row>
    <row r="37102" spans="1:10" x14ac:dyDescent="0.35">
      <c r="A37102" s="1" t="s">
        <v>8510</v>
      </c>
      <c r="B37102" s="1" t="s">
        <v>126612</v>
      </c>
      <c r="C37102" s="1" t="s">
        <v>50</v>
      </c>
      <c r="D37102" s="1" t="s">
        <v>128564</v>
      </c>
      <c r="E37102" s="1" t="s">
        <v>128565</v>
      </c>
      <c r="F37102" s="1" t="s">
        <v>128566</v>
      </c>
      <c r="G37102" s="1" t="s">
        <v>128539</v>
      </c>
      <c r="H37102" s="1" t="s">
        <v>128540</v>
      </c>
      <c r="I37102" s="1" t="s">
        <v>126615</v>
      </c>
      <c r="J37102" s="1" t="s">
        <v>128567</v>
      </c>
    </row>
    <row r="37103" spans="1:10" x14ac:dyDescent="0.35">
      <c r="A37103" s="1" t="s">
        <v>8510</v>
      </c>
      <c r="B37103" s="1" t="s">
        <v>126612</v>
      </c>
      <c r="C37103" s="1" t="s">
        <v>55</v>
      </c>
      <c r="D37103" s="1" t="s">
        <v>128568</v>
      </c>
      <c r="E37103" s="1" t="s">
        <v>128569</v>
      </c>
      <c r="F37103" s="1" t="s">
        <v>128570</v>
      </c>
      <c r="G37103" s="1" t="s">
        <v>128539</v>
      </c>
      <c r="H37103" s="1" t="s">
        <v>128540</v>
      </c>
      <c r="I37103" s="1" t="s">
        <v>126615</v>
      </c>
      <c r="J37103" s="1" t="s">
        <v>128571</v>
      </c>
    </row>
    <row r="37104" spans="1:10" x14ac:dyDescent="0.35">
      <c r="A37104" s="1" t="s">
        <v>8510</v>
      </c>
      <c r="B37104" s="1" t="s">
        <v>126612</v>
      </c>
      <c r="C37104" s="1" t="s">
        <v>60</v>
      </c>
      <c r="D37104" s="1" t="s">
        <v>128572</v>
      </c>
      <c r="E37104" s="1" t="s">
        <v>128573</v>
      </c>
      <c r="F37104" s="1" t="s">
        <v>128574</v>
      </c>
      <c r="G37104" s="1" t="s">
        <v>128539</v>
      </c>
      <c r="H37104" s="1" t="s">
        <v>128540</v>
      </c>
      <c r="I37104" s="1" t="s">
        <v>126615</v>
      </c>
      <c r="J37104" s="1" t="s">
        <v>128575</v>
      </c>
    </row>
    <row r="37105" spans="1:10" x14ac:dyDescent="0.35">
      <c r="A37105" s="1" t="s">
        <v>8510</v>
      </c>
      <c r="B37105" s="1" t="s">
        <v>126612</v>
      </c>
      <c r="C37105" s="1" t="s">
        <v>65</v>
      </c>
      <c r="D37105" s="1" t="s">
        <v>128576</v>
      </c>
      <c r="E37105" s="1" t="s">
        <v>128577</v>
      </c>
      <c r="F37105" s="1" t="s">
        <v>128578</v>
      </c>
      <c r="G37105" s="1" t="s">
        <v>128539</v>
      </c>
      <c r="H37105" s="1" t="s">
        <v>128540</v>
      </c>
      <c r="I37105" s="1" t="s">
        <v>126615</v>
      </c>
      <c r="J37105" s="1" t="s">
        <v>128579</v>
      </c>
    </row>
    <row r="37106" spans="1:10" x14ac:dyDescent="0.35">
      <c r="A37106" s="1" t="s">
        <v>8510</v>
      </c>
      <c r="B37106" s="1" t="s">
        <v>126612</v>
      </c>
      <c r="C37106" s="1" t="s">
        <v>70</v>
      </c>
      <c r="D37106" s="1" t="s">
        <v>128580</v>
      </c>
      <c r="E37106" s="1" t="s">
        <v>128581</v>
      </c>
      <c r="F37106" s="1" t="s">
        <v>128582</v>
      </c>
      <c r="G37106" s="1" t="s">
        <v>128539</v>
      </c>
      <c r="H37106" s="1" t="s">
        <v>128540</v>
      </c>
      <c r="I37106" s="1" t="s">
        <v>126615</v>
      </c>
      <c r="J37106" s="1" t="s">
        <v>128583</v>
      </c>
    </row>
    <row r="37107" spans="1:10" x14ac:dyDescent="0.35">
      <c r="A37107" s="1" t="s">
        <v>8510</v>
      </c>
      <c r="B37107" s="1" t="s">
        <v>126612</v>
      </c>
      <c r="C37107" s="1" t="s">
        <v>75</v>
      </c>
      <c r="D37107" s="1" t="s">
        <v>128584</v>
      </c>
      <c r="E37107" s="1" t="s">
        <v>128585</v>
      </c>
      <c r="F37107" s="1" t="s">
        <v>128586</v>
      </c>
      <c r="G37107" s="1" t="s">
        <v>128539</v>
      </c>
      <c r="H37107" s="1" t="s">
        <v>128540</v>
      </c>
      <c r="I37107" s="1" t="s">
        <v>126615</v>
      </c>
      <c r="J37107" s="1" t="s">
        <v>128587</v>
      </c>
    </row>
    <row r="37108" spans="1:10" x14ac:dyDescent="0.35">
      <c r="A37108" s="1" t="s">
        <v>8510</v>
      </c>
      <c r="B37108" s="1" t="s">
        <v>126612</v>
      </c>
      <c r="C37108" s="1" t="s">
        <v>80</v>
      </c>
      <c r="D37108" s="1" t="s">
        <v>128588</v>
      </c>
      <c r="E37108" s="1" t="s">
        <v>128589</v>
      </c>
      <c r="F37108" s="1" t="s">
        <v>128590</v>
      </c>
      <c r="G37108" s="1" t="s">
        <v>128539</v>
      </c>
      <c r="H37108" s="1" t="s">
        <v>128540</v>
      </c>
      <c r="I37108" s="1" t="s">
        <v>126615</v>
      </c>
      <c r="J37108" s="1" t="s">
        <v>128591</v>
      </c>
    </row>
    <row r="37109" spans="1:10" x14ac:dyDescent="0.35">
      <c r="A37109" s="1" t="s">
        <v>8510</v>
      </c>
      <c r="B37109" s="1" t="s">
        <v>126612</v>
      </c>
      <c r="C37109" s="1" t="s">
        <v>85</v>
      </c>
      <c r="D37109" s="1" t="s">
        <v>128592</v>
      </c>
      <c r="E37109" s="1" t="s">
        <v>128593</v>
      </c>
      <c r="F37109" s="1" t="s">
        <v>128594</v>
      </c>
      <c r="G37109" s="1" t="s">
        <v>128539</v>
      </c>
      <c r="H37109" s="1" t="s">
        <v>128540</v>
      </c>
      <c r="I37109" s="1" t="s">
        <v>126615</v>
      </c>
      <c r="J37109" s="1" t="s">
        <v>128595</v>
      </c>
    </row>
    <row r="37110" spans="1:10" x14ac:dyDescent="0.35">
      <c r="A37110" s="1" t="s">
        <v>8510</v>
      </c>
      <c r="B37110" s="1" t="s">
        <v>126612</v>
      </c>
      <c r="C37110" s="1" t="s">
        <v>90</v>
      </c>
      <c r="D37110" s="1" t="s">
        <v>128596</v>
      </c>
      <c r="E37110" s="1" t="s">
        <v>128597</v>
      </c>
      <c r="F37110" s="1" t="s">
        <v>128598</v>
      </c>
      <c r="G37110" s="1" t="s">
        <v>128539</v>
      </c>
      <c r="H37110" s="1" t="s">
        <v>128540</v>
      </c>
      <c r="I37110" s="1" t="s">
        <v>126615</v>
      </c>
      <c r="J37110" s="1" t="s">
        <v>128599</v>
      </c>
    </row>
    <row r="37111" spans="1:10" x14ac:dyDescent="0.35">
      <c r="A37111" s="1" t="s">
        <v>8510</v>
      </c>
      <c r="B37111" s="1" t="s">
        <v>126612</v>
      </c>
      <c r="C37111" s="1" t="s">
        <v>95</v>
      </c>
      <c r="D37111" s="1" t="s">
        <v>128600</v>
      </c>
      <c r="E37111" s="1" t="s">
        <v>128601</v>
      </c>
      <c r="F37111" s="1" t="s">
        <v>128602</v>
      </c>
      <c r="G37111" s="1" t="s">
        <v>128539</v>
      </c>
      <c r="H37111" s="1" t="s">
        <v>128540</v>
      </c>
      <c r="I37111" s="1" t="s">
        <v>126615</v>
      </c>
      <c r="J37111" s="1" t="s">
        <v>128603</v>
      </c>
    </row>
    <row r="37112" spans="1:10" x14ac:dyDescent="0.35">
      <c r="A37112" s="1" t="s">
        <v>8510</v>
      </c>
      <c r="B37112" s="1" t="s">
        <v>126612</v>
      </c>
      <c r="C37112" s="1" t="s">
        <v>100</v>
      </c>
      <c r="D37112" s="1" t="s">
        <v>128604</v>
      </c>
      <c r="E37112" s="1" t="s">
        <v>128605</v>
      </c>
      <c r="F37112" s="1" t="s">
        <v>128606</v>
      </c>
      <c r="G37112" s="1" t="s">
        <v>128539</v>
      </c>
      <c r="H37112" s="1" t="s">
        <v>128540</v>
      </c>
      <c r="I37112" s="1" t="s">
        <v>126615</v>
      </c>
      <c r="J37112" s="1" t="s">
        <v>128607</v>
      </c>
    </row>
    <row r="37113" spans="1:10" x14ac:dyDescent="0.35">
      <c r="A37113" s="1" t="s">
        <v>8510</v>
      </c>
      <c r="B37113" s="1" t="s">
        <v>126612</v>
      </c>
      <c r="C37113" s="1" t="s">
        <v>105</v>
      </c>
      <c r="D37113" s="1" t="s">
        <v>128608</v>
      </c>
      <c r="E37113" s="1" t="s">
        <v>128609</v>
      </c>
      <c r="F37113" s="1" t="s">
        <v>128610</v>
      </c>
      <c r="G37113" s="1" t="s">
        <v>128539</v>
      </c>
      <c r="H37113" s="1" t="s">
        <v>128540</v>
      </c>
      <c r="I37113" s="1" t="s">
        <v>126615</v>
      </c>
      <c r="J37113" s="1" t="s">
        <v>128611</v>
      </c>
    </row>
    <row r="37114" spans="1:10" x14ac:dyDescent="0.35">
      <c r="A37114" s="1" t="s">
        <v>8510</v>
      </c>
      <c r="B37114" s="1" t="s">
        <v>126612</v>
      </c>
      <c r="C37114" s="1" t="s">
        <v>110</v>
      </c>
      <c r="D37114" s="1" t="s">
        <v>62587</v>
      </c>
      <c r="E37114" s="1" t="s">
        <v>128612</v>
      </c>
      <c r="F37114" s="1" t="s">
        <v>128613</v>
      </c>
      <c r="G37114" s="1" t="s">
        <v>128539</v>
      </c>
      <c r="H37114" s="1" t="s">
        <v>128540</v>
      </c>
      <c r="I37114" s="1" t="s">
        <v>126615</v>
      </c>
      <c r="J37114" s="1" t="s">
        <v>128614</v>
      </c>
    </row>
    <row r="37115" spans="1:10" x14ac:dyDescent="0.35">
      <c r="A37115" s="1" t="s">
        <v>8510</v>
      </c>
      <c r="B37115" s="1" t="s">
        <v>126612</v>
      </c>
      <c r="C37115" s="1" t="s">
        <v>115</v>
      </c>
      <c r="D37115" s="1" t="s">
        <v>69866</v>
      </c>
      <c r="E37115" s="1" t="s">
        <v>128615</v>
      </c>
      <c r="F37115" s="1" t="s">
        <v>128616</v>
      </c>
      <c r="G37115" s="1" t="s">
        <v>128539</v>
      </c>
      <c r="H37115" s="1" t="s">
        <v>128540</v>
      </c>
      <c r="I37115" s="1" t="s">
        <v>126615</v>
      </c>
      <c r="J37115" s="1" t="s">
        <v>128617</v>
      </c>
    </row>
    <row r="37116" spans="1:10" x14ac:dyDescent="0.35">
      <c r="A37116" s="1" t="s">
        <v>8510</v>
      </c>
      <c r="B37116" s="1" t="s">
        <v>126612</v>
      </c>
      <c r="C37116" s="1" t="s">
        <v>120</v>
      </c>
      <c r="D37116" s="1" t="s">
        <v>17328</v>
      </c>
      <c r="E37116" s="1" t="s">
        <v>128618</v>
      </c>
      <c r="F37116" s="1" t="s">
        <v>128619</v>
      </c>
      <c r="G37116" s="1" t="s">
        <v>128539</v>
      </c>
      <c r="H37116" s="1" t="s">
        <v>128540</v>
      </c>
      <c r="I37116" s="1" t="s">
        <v>126615</v>
      </c>
      <c r="J37116" s="1" t="s">
        <v>128620</v>
      </c>
    </row>
    <row r="37117" spans="1:10" x14ac:dyDescent="0.35">
      <c r="A37117" s="1" t="s">
        <v>8510</v>
      </c>
      <c r="B37117" s="1" t="s">
        <v>126612</v>
      </c>
      <c r="C37117" s="1" t="s">
        <v>125</v>
      </c>
      <c r="D37117" s="1" t="s">
        <v>128621</v>
      </c>
      <c r="E37117" s="1" t="s">
        <v>128622</v>
      </c>
      <c r="F37117" s="1" t="s">
        <v>128623</v>
      </c>
      <c r="G37117" s="1" t="s">
        <v>128539</v>
      </c>
      <c r="H37117" s="1" t="s">
        <v>128540</v>
      </c>
      <c r="I37117" s="1" t="s">
        <v>126615</v>
      </c>
      <c r="J37117" s="1" t="s">
        <v>128624</v>
      </c>
    </row>
    <row r="37118" spans="1:10" x14ac:dyDescent="0.35">
      <c r="A37118" s="1" t="s">
        <v>8510</v>
      </c>
      <c r="B37118" s="1" t="s">
        <v>126612</v>
      </c>
      <c r="C37118" s="1" t="s">
        <v>130</v>
      </c>
      <c r="D37118" s="1" t="s">
        <v>128625</v>
      </c>
      <c r="E37118" s="1" t="s">
        <v>128626</v>
      </c>
      <c r="F37118" s="1" t="s">
        <v>128627</v>
      </c>
      <c r="G37118" s="1" t="s">
        <v>128539</v>
      </c>
      <c r="H37118" s="1" t="s">
        <v>128540</v>
      </c>
      <c r="I37118" s="1" t="s">
        <v>126615</v>
      </c>
      <c r="J37118" s="1" t="s">
        <v>128628</v>
      </c>
    </row>
    <row r="37119" spans="1:10" x14ac:dyDescent="0.35">
      <c r="A37119" s="1" t="s">
        <v>8510</v>
      </c>
      <c r="B37119" s="1" t="s">
        <v>126612</v>
      </c>
      <c r="C37119" s="1" t="s">
        <v>135</v>
      </c>
      <c r="D37119" s="1" t="s">
        <v>128629</v>
      </c>
      <c r="E37119" s="1" t="s">
        <v>128630</v>
      </c>
      <c r="F37119" s="1" t="s">
        <v>128631</v>
      </c>
      <c r="G37119" s="1" t="s">
        <v>128539</v>
      </c>
      <c r="H37119" s="1" t="s">
        <v>128540</v>
      </c>
      <c r="I37119" s="1" t="s">
        <v>126615</v>
      </c>
      <c r="J37119" s="1" t="s">
        <v>128632</v>
      </c>
    </row>
    <row r="37120" spans="1:10" x14ac:dyDescent="0.35">
      <c r="A37120" s="1" t="s">
        <v>8510</v>
      </c>
      <c r="B37120" s="1" t="s">
        <v>126612</v>
      </c>
      <c r="C37120" s="1" t="s">
        <v>140</v>
      </c>
      <c r="D37120" s="1" t="s">
        <v>128633</v>
      </c>
      <c r="E37120" s="1" t="s">
        <v>128634</v>
      </c>
      <c r="F37120" s="1" t="s">
        <v>128635</v>
      </c>
      <c r="G37120" s="1" t="s">
        <v>128539</v>
      </c>
      <c r="H37120" s="1" t="s">
        <v>128540</v>
      </c>
      <c r="I37120" s="1" t="s">
        <v>126615</v>
      </c>
      <c r="J37120" s="1" t="s">
        <v>128636</v>
      </c>
    </row>
    <row r="37121" spans="1:10" x14ac:dyDescent="0.35">
      <c r="A37121" s="1" t="s">
        <v>8510</v>
      </c>
      <c r="B37121" s="1" t="s">
        <v>126612</v>
      </c>
      <c r="C37121" s="1" t="s">
        <v>145</v>
      </c>
      <c r="D37121" s="1" t="s">
        <v>77477</v>
      </c>
      <c r="E37121" s="1" t="s">
        <v>128637</v>
      </c>
      <c r="F37121" s="1" t="s">
        <v>128638</v>
      </c>
      <c r="G37121" s="1" t="s">
        <v>128539</v>
      </c>
      <c r="H37121" s="1" t="s">
        <v>128540</v>
      </c>
      <c r="I37121" s="1" t="s">
        <v>126615</v>
      </c>
      <c r="J37121" s="1" t="s">
        <v>128639</v>
      </c>
    </row>
    <row r="37122" spans="1:10" x14ac:dyDescent="0.35">
      <c r="A37122" s="1" t="s">
        <v>8510</v>
      </c>
      <c r="B37122" s="1" t="s">
        <v>126612</v>
      </c>
      <c r="C37122" s="1" t="s">
        <v>150</v>
      </c>
      <c r="D37122" s="1" t="s">
        <v>128640</v>
      </c>
      <c r="E37122" s="1" t="s">
        <v>128641</v>
      </c>
      <c r="F37122" s="1" t="s">
        <v>128642</v>
      </c>
      <c r="G37122" s="1" t="s">
        <v>128539</v>
      </c>
      <c r="H37122" s="1" t="s">
        <v>128540</v>
      </c>
      <c r="I37122" s="1" t="s">
        <v>126615</v>
      </c>
      <c r="J37122" s="1" t="s">
        <v>128643</v>
      </c>
    </row>
    <row r="37123" spans="1:10" x14ac:dyDescent="0.35">
      <c r="A37123" s="1" t="s">
        <v>8510</v>
      </c>
      <c r="B37123" s="1" t="s">
        <v>126612</v>
      </c>
      <c r="C37123" s="1" t="s">
        <v>155</v>
      </c>
      <c r="D37123" s="1" t="s">
        <v>19678</v>
      </c>
      <c r="E37123" s="1" t="s">
        <v>128644</v>
      </c>
      <c r="F37123" s="1" t="s">
        <v>128645</v>
      </c>
      <c r="G37123" s="1" t="s">
        <v>128539</v>
      </c>
      <c r="H37123" s="1" t="s">
        <v>128540</v>
      </c>
      <c r="I37123" s="1" t="s">
        <v>126615</v>
      </c>
      <c r="J37123" s="1" t="s">
        <v>128646</v>
      </c>
    </row>
    <row r="37124" spans="1:10" x14ac:dyDescent="0.35">
      <c r="A37124" s="1" t="s">
        <v>8510</v>
      </c>
      <c r="B37124" s="1" t="s">
        <v>126612</v>
      </c>
      <c r="C37124" s="1" t="s">
        <v>160</v>
      </c>
      <c r="D37124" s="1" t="s">
        <v>128647</v>
      </c>
      <c r="E37124" s="1" t="s">
        <v>128648</v>
      </c>
      <c r="F37124" s="1" t="s">
        <v>128649</v>
      </c>
      <c r="G37124" s="1" t="s">
        <v>128539</v>
      </c>
      <c r="H37124" s="1" t="s">
        <v>128540</v>
      </c>
      <c r="I37124" s="1" t="s">
        <v>126615</v>
      </c>
      <c r="J37124" s="1" t="s">
        <v>128650</v>
      </c>
    </row>
    <row r="37125" spans="1:10" x14ac:dyDescent="0.35">
      <c r="A37125" s="1" t="s">
        <v>8510</v>
      </c>
      <c r="B37125" s="1" t="s">
        <v>126612</v>
      </c>
      <c r="C37125" s="1" t="s">
        <v>165</v>
      </c>
      <c r="D37125" s="1" t="s">
        <v>128651</v>
      </c>
      <c r="E37125" s="1" t="s">
        <v>128652</v>
      </c>
      <c r="F37125" s="1" t="s">
        <v>128653</v>
      </c>
      <c r="G37125" s="1" t="s">
        <v>128539</v>
      </c>
      <c r="H37125" s="1" t="s">
        <v>128540</v>
      </c>
      <c r="I37125" s="1" t="s">
        <v>126615</v>
      </c>
      <c r="J37125" s="1" t="s">
        <v>128654</v>
      </c>
    </row>
    <row r="37126" spans="1:10" x14ac:dyDescent="0.35">
      <c r="A37126" s="1" t="s">
        <v>8510</v>
      </c>
      <c r="B37126" s="1" t="s">
        <v>126612</v>
      </c>
      <c r="C37126" s="1" t="s">
        <v>170</v>
      </c>
      <c r="D37126" s="1" t="s">
        <v>128655</v>
      </c>
      <c r="E37126" s="1" t="s">
        <v>128656</v>
      </c>
      <c r="F37126" s="1" t="s">
        <v>128657</v>
      </c>
      <c r="G37126" s="1" t="s">
        <v>128539</v>
      </c>
      <c r="H37126" s="1" t="s">
        <v>128540</v>
      </c>
      <c r="I37126" s="1" t="s">
        <v>126615</v>
      </c>
      <c r="J37126" s="1" t="s">
        <v>128658</v>
      </c>
    </row>
    <row r="37127" spans="1:10" x14ac:dyDescent="0.35">
      <c r="A37127" s="1" t="s">
        <v>119397</v>
      </c>
      <c r="B37127" s="1" t="s">
        <v>126612</v>
      </c>
      <c r="C37127" s="1" t="s">
        <v>8</v>
      </c>
      <c r="D37127" s="1" t="s">
        <v>113116</v>
      </c>
      <c r="E37127" s="1" t="s">
        <v>128659</v>
      </c>
      <c r="F37127" s="1" t="s">
        <v>128660</v>
      </c>
      <c r="G37127" s="1" t="s">
        <v>128661</v>
      </c>
      <c r="H37127" s="1" t="s">
        <v>128662</v>
      </c>
      <c r="I37127" s="1" t="s">
        <v>126615</v>
      </c>
      <c r="J37127" s="1" t="s">
        <v>13</v>
      </c>
    </row>
    <row r="37128" spans="1:10" x14ac:dyDescent="0.35">
      <c r="A37128" s="1" t="s">
        <v>119397</v>
      </c>
      <c r="B37128" s="1" t="s">
        <v>126612</v>
      </c>
      <c r="C37128" s="1" t="s">
        <v>15</v>
      </c>
      <c r="D37128" s="1" t="s">
        <v>98261</v>
      </c>
      <c r="E37128" s="1" t="s">
        <v>128663</v>
      </c>
      <c r="F37128" s="1" t="s">
        <v>128664</v>
      </c>
      <c r="G37128" s="1" t="s">
        <v>128661</v>
      </c>
      <c r="H37128" s="1" t="s">
        <v>128662</v>
      </c>
      <c r="I37128" s="1" t="s">
        <v>126615</v>
      </c>
      <c r="J37128" s="1" t="s">
        <v>128665</v>
      </c>
    </row>
    <row r="37129" spans="1:10" x14ac:dyDescent="0.35">
      <c r="A37129" s="1" t="s">
        <v>119397</v>
      </c>
      <c r="B37129" s="1" t="s">
        <v>126612</v>
      </c>
      <c r="C37129" s="1" t="s">
        <v>20</v>
      </c>
      <c r="D37129" s="1" t="s">
        <v>128666</v>
      </c>
      <c r="E37129" s="1" t="s">
        <v>128667</v>
      </c>
      <c r="F37129" s="1" t="s">
        <v>128668</v>
      </c>
      <c r="G37129" s="1" t="s">
        <v>128661</v>
      </c>
      <c r="H37129" s="1" t="s">
        <v>128662</v>
      </c>
      <c r="I37129" s="1" t="s">
        <v>126615</v>
      </c>
      <c r="J37129" s="1" t="s">
        <v>128669</v>
      </c>
    </row>
    <row r="37130" spans="1:10" x14ac:dyDescent="0.35">
      <c r="A37130" s="1" t="s">
        <v>119397</v>
      </c>
      <c r="B37130" s="1" t="s">
        <v>126612</v>
      </c>
      <c r="C37130" s="1" t="s">
        <v>25</v>
      </c>
      <c r="D37130" s="1" t="s">
        <v>82477</v>
      </c>
      <c r="E37130" s="1" t="s">
        <v>128670</v>
      </c>
      <c r="F37130" s="1" t="s">
        <v>103739</v>
      </c>
      <c r="G37130" s="1" t="s">
        <v>128661</v>
      </c>
      <c r="H37130" s="1" t="s">
        <v>128662</v>
      </c>
      <c r="I37130" s="1" t="s">
        <v>126615</v>
      </c>
      <c r="J37130" s="1" t="s">
        <v>128671</v>
      </c>
    </row>
    <row r="37131" spans="1:10" x14ac:dyDescent="0.35">
      <c r="A37131" s="1" t="s">
        <v>119397</v>
      </c>
      <c r="B37131" s="1" t="s">
        <v>126612</v>
      </c>
      <c r="C37131" s="1" t="s">
        <v>30</v>
      </c>
      <c r="D37131" s="1" t="s">
        <v>18159</v>
      </c>
      <c r="E37131" s="1" t="s">
        <v>128672</v>
      </c>
      <c r="F37131" s="1" t="s">
        <v>56762</v>
      </c>
      <c r="G37131" s="1" t="s">
        <v>128661</v>
      </c>
      <c r="H37131" s="1" t="s">
        <v>128662</v>
      </c>
      <c r="I37131" s="1" t="s">
        <v>126615</v>
      </c>
      <c r="J37131" s="1" t="s">
        <v>128673</v>
      </c>
    </row>
    <row r="37132" spans="1:10" x14ac:dyDescent="0.35">
      <c r="A37132" s="1" t="s">
        <v>119397</v>
      </c>
      <c r="B37132" s="1" t="s">
        <v>126612</v>
      </c>
      <c r="C37132" s="1" t="s">
        <v>35</v>
      </c>
      <c r="D37132" s="1" t="s">
        <v>109167</v>
      </c>
      <c r="E37132" s="1" t="s">
        <v>128674</v>
      </c>
      <c r="F37132" s="1" t="s">
        <v>128675</v>
      </c>
      <c r="G37132" s="1" t="s">
        <v>128661</v>
      </c>
      <c r="H37132" s="1" t="s">
        <v>128662</v>
      </c>
      <c r="I37132" s="1" t="s">
        <v>126615</v>
      </c>
      <c r="J37132" s="1" t="s">
        <v>128676</v>
      </c>
    </row>
    <row r="37133" spans="1:10" x14ac:dyDescent="0.35">
      <c r="A37133" s="1" t="s">
        <v>119397</v>
      </c>
      <c r="B37133" s="1" t="s">
        <v>126612</v>
      </c>
      <c r="C37133" s="1" t="s">
        <v>40</v>
      </c>
      <c r="D37133" s="1" t="s">
        <v>128677</v>
      </c>
      <c r="E37133" s="1" t="s">
        <v>128678</v>
      </c>
      <c r="F37133" s="1" t="s">
        <v>128679</v>
      </c>
      <c r="G37133" s="1" t="s">
        <v>128661</v>
      </c>
      <c r="H37133" s="1" t="s">
        <v>128662</v>
      </c>
      <c r="I37133" s="1" t="s">
        <v>126615</v>
      </c>
      <c r="J37133" s="1" t="s">
        <v>128680</v>
      </c>
    </row>
    <row r="37134" spans="1:10" x14ac:dyDescent="0.35">
      <c r="A37134" s="1" t="s">
        <v>119397</v>
      </c>
      <c r="B37134" s="1" t="s">
        <v>126612</v>
      </c>
      <c r="C37134" s="1" t="s">
        <v>45</v>
      </c>
      <c r="D37134" s="1" t="s">
        <v>128681</v>
      </c>
      <c r="E37134" s="1" t="s">
        <v>128682</v>
      </c>
      <c r="F37134" s="1" t="s">
        <v>128683</v>
      </c>
      <c r="G37134" s="1" t="s">
        <v>128661</v>
      </c>
      <c r="H37134" s="1" t="s">
        <v>128662</v>
      </c>
      <c r="I37134" s="1" t="s">
        <v>126615</v>
      </c>
      <c r="J37134" s="1" t="s">
        <v>128684</v>
      </c>
    </row>
    <row r="37135" spans="1:10" x14ac:dyDescent="0.35">
      <c r="A37135" s="1" t="s">
        <v>119397</v>
      </c>
      <c r="B37135" s="1" t="s">
        <v>126612</v>
      </c>
      <c r="C37135" s="1" t="s">
        <v>50</v>
      </c>
      <c r="D37135" s="1" t="s">
        <v>128685</v>
      </c>
      <c r="E37135" s="1" t="s">
        <v>108615</v>
      </c>
      <c r="F37135" s="1" t="s">
        <v>128686</v>
      </c>
      <c r="G37135" s="1" t="s">
        <v>128661</v>
      </c>
      <c r="H37135" s="1" t="s">
        <v>128662</v>
      </c>
      <c r="I37135" s="1" t="s">
        <v>126615</v>
      </c>
      <c r="J37135" s="1" t="s">
        <v>128687</v>
      </c>
    </row>
    <row r="37136" spans="1:10" x14ac:dyDescent="0.35">
      <c r="A37136" s="1" t="s">
        <v>119397</v>
      </c>
      <c r="B37136" s="1" t="s">
        <v>126612</v>
      </c>
      <c r="C37136" s="1" t="s">
        <v>55</v>
      </c>
      <c r="D37136" s="1" t="s">
        <v>128688</v>
      </c>
      <c r="E37136" s="1" t="s">
        <v>108748</v>
      </c>
      <c r="F37136" s="1" t="s">
        <v>128689</v>
      </c>
      <c r="G37136" s="1" t="s">
        <v>128661</v>
      </c>
      <c r="H37136" s="1" t="s">
        <v>128662</v>
      </c>
      <c r="I37136" s="1" t="s">
        <v>126615</v>
      </c>
      <c r="J37136" s="1" t="s">
        <v>128690</v>
      </c>
    </row>
    <row r="37137" spans="1:10" x14ac:dyDescent="0.35">
      <c r="A37137" s="1" t="s">
        <v>119397</v>
      </c>
      <c r="B37137" s="1" t="s">
        <v>126612</v>
      </c>
      <c r="C37137" s="1" t="s">
        <v>60</v>
      </c>
      <c r="D37137" s="1" t="s">
        <v>79000</v>
      </c>
      <c r="E37137" s="1" t="s">
        <v>111006</v>
      </c>
      <c r="F37137" s="1" t="s">
        <v>128691</v>
      </c>
      <c r="G37137" s="1" t="s">
        <v>128661</v>
      </c>
      <c r="H37137" s="1" t="s">
        <v>128662</v>
      </c>
      <c r="I37137" s="1" t="s">
        <v>126615</v>
      </c>
      <c r="J37137" s="1" t="s">
        <v>128692</v>
      </c>
    </row>
    <row r="37138" spans="1:10" x14ac:dyDescent="0.35">
      <c r="A37138" s="1" t="s">
        <v>119397</v>
      </c>
      <c r="B37138" s="1" t="s">
        <v>126612</v>
      </c>
      <c r="C37138" s="1" t="s">
        <v>65</v>
      </c>
      <c r="D37138" s="1" t="s">
        <v>66362</v>
      </c>
      <c r="E37138" s="1" t="s">
        <v>128693</v>
      </c>
      <c r="F37138" s="1" t="s">
        <v>61870</v>
      </c>
      <c r="G37138" s="1" t="s">
        <v>128661</v>
      </c>
      <c r="H37138" s="1" t="s">
        <v>128662</v>
      </c>
      <c r="I37138" s="1" t="s">
        <v>126615</v>
      </c>
      <c r="J37138" s="1" t="s">
        <v>128694</v>
      </c>
    </row>
    <row r="37139" spans="1:10" x14ac:dyDescent="0.35">
      <c r="A37139" s="1" t="s">
        <v>119397</v>
      </c>
      <c r="B37139" s="1" t="s">
        <v>126612</v>
      </c>
      <c r="C37139" s="1" t="s">
        <v>70</v>
      </c>
      <c r="D37139" s="1" t="s">
        <v>64677</v>
      </c>
      <c r="E37139" s="1" t="s">
        <v>111003</v>
      </c>
      <c r="F37139" s="1" t="s">
        <v>128695</v>
      </c>
      <c r="G37139" s="1" t="s">
        <v>128661</v>
      </c>
      <c r="H37139" s="1" t="s">
        <v>128662</v>
      </c>
      <c r="I37139" s="1" t="s">
        <v>126615</v>
      </c>
      <c r="J37139" s="1" t="s">
        <v>128696</v>
      </c>
    </row>
    <row r="37140" spans="1:10" x14ac:dyDescent="0.35">
      <c r="A37140" s="1" t="s">
        <v>119397</v>
      </c>
      <c r="B37140" s="1" t="s">
        <v>126612</v>
      </c>
      <c r="C37140" s="1" t="s">
        <v>75</v>
      </c>
      <c r="D37140" s="1" t="s">
        <v>85816</v>
      </c>
      <c r="E37140" s="1" t="s">
        <v>128697</v>
      </c>
      <c r="F37140" s="1" t="s">
        <v>128698</v>
      </c>
      <c r="G37140" s="1" t="s">
        <v>128661</v>
      </c>
      <c r="H37140" s="1" t="s">
        <v>128662</v>
      </c>
      <c r="I37140" s="1" t="s">
        <v>126615</v>
      </c>
      <c r="J37140" s="1" t="s">
        <v>128699</v>
      </c>
    </row>
    <row r="37141" spans="1:10" x14ac:dyDescent="0.35">
      <c r="A37141" s="1" t="s">
        <v>119397</v>
      </c>
      <c r="B37141" s="1" t="s">
        <v>126612</v>
      </c>
      <c r="C37141" s="1" t="s">
        <v>80</v>
      </c>
      <c r="D37141" s="1" t="s">
        <v>128700</v>
      </c>
      <c r="E37141" s="1" t="s">
        <v>15994</v>
      </c>
      <c r="F37141" s="1" t="s">
        <v>68711</v>
      </c>
      <c r="G37141" s="1" t="s">
        <v>128661</v>
      </c>
      <c r="H37141" s="1" t="s">
        <v>128662</v>
      </c>
      <c r="I37141" s="1" t="s">
        <v>126615</v>
      </c>
      <c r="J37141" s="1" t="s">
        <v>128701</v>
      </c>
    </row>
    <row r="37142" spans="1:10" x14ac:dyDescent="0.35">
      <c r="A37142" s="1" t="s">
        <v>119397</v>
      </c>
      <c r="B37142" s="1" t="s">
        <v>126612</v>
      </c>
      <c r="C37142" s="1" t="s">
        <v>85</v>
      </c>
      <c r="D37142" s="1" t="s">
        <v>128702</v>
      </c>
      <c r="E37142" s="1" t="s">
        <v>105947</v>
      </c>
      <c r="F37142" s="1" t="s">
        <v>128703</v>
      </c>
      <c r="G37142" s="1" t="s">
        <v>128661</v>
      </c>
      <c r="H37142" s="1" t="s">
        <v>128662</v>
      </c>
      <c r="I37142" s="1" t="s">
        <v>126615</v>
      </c>
      <c r="J37142" s="1" t="s">
        <v>128704</v>
      </c>
    </row>
    <row r="37143" spans="1:10" x14ac:dyDescent="0.35">
      <c r="A37143" s="1" t="s">
        <v>119397</v>
      </c>
      <c r="B37143" s="1" t="s">
        <v>126612</v>
      </c>
      <c r="C37143" s="1" t="s">
        <v>90</v>
      </c>
      <c r="D37143" s="1" t="s">
        <v>128705</v>
      </c>
      <c r="E37143" s="1" t="s">
        <v>128706</v>
      </c>
      <c r="F37143" s="1" t="s">
        <v>128707</v>
      </c>
      <c r="G37143" s="1" t="s">
        <v>128661</v>
      </c>
      <c r="H37143" s="1" t="s">
        <v>128662</v>
      </c>
      <c r="I37143" s="1" t="s">
        <v>126615</v>
      </c>
      <c r="J37143" s="1" t="s">
        <v>128708</v>
      </c>
    </row>
    <row r="37144" spans="1:10" x14ac:dyDescent="0.35">
      <c r="A37144" s="1" t="s">
        <v>119397</v>
      </c>
      <c r="B37144" s="1" t="s">
        <v>126612</v>
      </c>
      <c r="C37144" s="1" t="s">
        <v>95</v>
      </c>
      <c r="D37144" s="1" t="s">
        <v>61843</v>
      </c>
      <c r="E37144" s="1" t="s">
        <v>128709</v>
      </c>
      <c r="F37144" s="1" t="s">
        <v>63792</v>
      </c>
      <c r="G37144" s="1" t="s">
        <v>128661</v>
      </c>
      <c r="H37144" s="1" t="s">
        <v>128662</v>
      </c>
      <c r="I37144" s="1" t="s">
        <v>126615</v>
      </c>
      <c r="J37144" s="1" t="s">
        <v>128710</v>
      </c>
    </row>
    <row r="37145" spans="1:10" x14ac:dyDescent="0.35">
      <c r="A37145" s="1" t="s">
        <v>119397</v>
      </c>
      <c r="B37145" s="1" t="s">
        <v>126612</v>
      </c>
      <c r="C37145" s="1" t="s">
        <v>100</v>
      </c>
      <c r="D37145" s="1" t="s">
        <v>128711</v>
      </c>
      <c r="E37145" s="1" t="s">
        <v>128712</v>
      </c>
      <c r="F37145" s="1" t="s">
        <v>69588</v>
      </c>
      <c r="G37145" s="1" t="s">
        <v>128661</v>
      </c>
      <c r="H37145" s="1" t="s">
        <v>128662</v>
      </c>
      <c r="I37145" s="1" t="s">
        <v>126615</v>
      </c>
      <c r="J37145" s="1" t="s">
        <v>128713</v>
      </c>
    </row>
    <row r="37146" spans="1:10" x14ac:dyDescent="0.35">
      <c r="A37146" s="1" t="s">
        <v>119397</v>
      </c>
      <c r="B37146" s="1" t="s">
        <v>126612</v>
      </c>
      <c r="C37146" s="1" t="s">
        <v>105</v>
      </c>
      <c r="D37146" s="1" t="s">
        <v>128714</v>
      </c>
      <c r="E37146" s="1" t="s">
        <v>16062</v>
      </c>
      <c r="F37146" s="1" t="s">
        <v>61726</v>
      </c>
      <c r="G37146" s="1" t="s">
        <v>128661</v>
      </c>
      <c r="H37146" s="1" t="s">
        <v>128662</v>
      </c>
      <c r="I37146" s="1" t="s">
        <v>126615</v>
      </c>
      <c r="J37146" s="1" t="s">
        <v>128715</v>
      </c>
    </row>
    <row r="37147" spans="1:10" x14ac:dyDescent="0.35">
      <c r="A37147" s="1" t="s">
        <v>119397</v>
      </c>
      <c r="B37147" s="1" t="s">
        <v>126612</v>
      </c>
      <c r="C37147" s="1" t="s">
        <v>110</v>
      </c>
      <c r="D37147" s="1" t="s">
        <v>67934</v>
      </c>
      <c r="E37147" s="1" t="s">
        <v>105272</v>
      </c>
      <c r="F37147" s="1" t="s">
        <v>24179</v>
      </c>
      <c r="G37147" s="1" t="s">
        <v>128661</v>
      </c>
      <c r="H37147" s="1" t="s">
        <v>128662</v>
      </c>
      <c r="I37147" s="1" t="s">
        <v>126615</v>
      </c>
      <c r="J37147" s="1" t="s">
        <v>128716</v>
      </c>
    </row>
    <row r="37148" spans="1:10" x14ac:dyDescent="0.35">
      <c r="A37148" s="1" t="s">
        <v>119397</v>
      </c>
      <c r="B37148" s="1" t="s">
        <v>126612</v>
      </c>
      <c r="C37148" s="1" t="s">
        <v>115</v>
      </c>
      <c r="D37148" s="1" t="s">
        <v>127087</v>
      </c>
      <c r="E37148" s="1" t="s">
        <v>15468</v>
      </c>
      <c r="F37148" s="1" t="s">
        <v>128717</v>
      </c>
      <c r="G37148" s="1" t="s">
        <v>128661</v>
      </c>
      <c r="H37148" s="1" t="s">
        <v>128662</v>
      </c>
      <c r="I37148" s="1" t="s">
        <v>126615</v>
      </c>
      <c r="J37148" s="1" t="s">
        <v>128718</v>
      </c>
    </row>
    <row r="37149" spans="1:10" x14ac:dyDescent="0.35">
      <c r="A37149" s="1" t="s">
        <v>119397</v>
      </c>
      <c r="B37149" s="1" t="s">
        <v>126612</v>
      </c>
      <c r="C37149" s="1" t="s">
        <v>120</v>
      </c>
      <c r="D37149" s="1" t="s">
        <v>128719</v>
      </c>
      <c r="E37149" s="1" t="s">
        <v>48099</v>
      </c>
      <c r="F37149" s="1" t="s">
        <v>128720</v>
      </c>
      <c r="G37149" s="1" t="s">
        <v>128661</v>
      </c>
      <c r="H37149" s="1" t="s">
        <v>128662</v>
      </c>
      <c r="I37149" s="1" t="s">
        <v>126615</v>
      </c>
      <c r="J37149" s="1" t="s">
        <v>128721</v>
      </c>
    </row>
    <row r="37150" spans="1:10" x14ac:dyDescent="0.35">
      <c r="A37150" s="1" t="s">
        <v>119397</v>
      </c>
      <c r="B37150" s="1" t="s">
        <v>126612</v>
      </c>
      <c r="C37150" s="1" t="s">
        <v>125</v>
      </c>
      <c r="D37150" s="1" t="s">
        <v>128722</v>
      </c>
      <c r="E37150" s="1" t="s">
        <v>110987</v>
      </c>
      <c r="F37150" s="1" t="s">
        <v>128723</v>
      </c>
      <c r="G37150" s="1" t="s">
        <v>128661</v>
      </c>
      <c r="H37150" s="1" t="s">
        <v>128662</v>
      </c>
      <c r="I37150" s="1" t="s">
        <v>126615</v>
      </c>
      <c r="J37150" s="1" t="s">
        <v>128724</v>
      </c>
    </row>
    <row r="37151" spans="1:10" x14ac:dyDescent="0.35">
      <c r="A37151" s="1" t="s">
        <v>119397</v>
      </c>
      <c r="B37151" s="1" t="s">
        <v>126612</v>
      </c>
      <c r="C37151" s="1" t="s">
        <v>130</v>
      </c>
      <c r="D37151" s="1" t="s">
        <v>109262</v>
      </c>
      <c r="E37151" s="1" t="s">
        <v>16264</v>
      </c>
      <c r="F37151" s="1" t="s">
        <v>128725</v>
      </c>
      <c r="G37151" s="1" t="s">
        <v>128661</v>
      </c>
      <c r="H37151" s="1" t="s">
        <v>128662</v>
      </c>
      <c r="I37151" s="1" t="s">
        <v>126615</v>
      </c>
      <c r="J37151" s="1" t="s">
        <v>128726</v>
      </c>
    </row>
    <row r="37152" spans="1:10" x14ac:dyDescent="0.35">
      <c r="A37152" s="1" t="s">
        <v>119397</v>
      </c>
      <c r="B37152" s="1" t="s">
        <v>126612</v>
      </c>
      <c r="C37152" s="1" t="s">
        <v>135</v>
      </c>
      <c r="D37152" s="1" t="s">
        <v>3320</v>
      </c>
      <c r="E37152" s="1" t="s">
        <v>128727</v>
      </c>
      <c r="F37152" s="1" t="s">
        <v>128728</v>
      </c>
      <c r="G37152" s="1" t="s">
        <v>128661</v>
      </c>
      <c r="H37152" s="1" t="s">
        <v>128662</v>
      </c>
      <c r="I37152" s="1" t="s">
        <v>126615</v>
      </c>
      <c r="J37152" s="1" t="s">
        <v>128729</v>
      </c>
    </row>
    <row r="37153" spans="1:10" x14ac:dyDescent="0.35">
      <c r="A37153" s="1" t="s">
        <v>119397</v>
      </c>
      <c r="B37153" s="1" t="s">
        <v>126612</v>
      </c>
      <c r="C37153" s="1" t="s">
        <v>140</v>
      </c>
      <c r="D37153" s="1" t="s">
        <v>128730</v>
      </c>
      <c r="E37153" s="1" t="s">
        <v>110984</v>
      </c>
      <c r="F37153" s="1" t="s">
        <v>128731</v>
      </c>
      <c r="G37153" s="1" t="s">
        <v>128661</v>
      </c>
      <c r="H37153" s="1" t="s">
        <v>128662</v>
      </c>
      <c r="I37153" s="1" t="s">
        <v>126615</v>
      </c>
      <c r="J37153" s="1" t="s">
        <v>128732</v>
      </c>
    </row>
    <row r="37154" spans="1:10" x14ac:dyDescent="0.35">
      <c r="A37154" s="1" t="s">
        <v>119397</v>
      </c>
      <c r="B37154" s="1" t="s">
        <v>126612</v>
      </c>
      <c r="C37154" s="1" t="s">
        <v>145</v>
      </c>
      <c r="D37154" s="1" t="s">
        <v>127935</v>
      </c>
      <c r="E37154" s="1" t="s">
        <v>128733</v>
      </c>
      <c r="F37154" s="1" t="s">
        <v>128734</v>
      </c>
      <c r="G37154" s="1" t="s">
        <v>128661</v>
      </c>
      <c r="H37154" s="1" t="s">
        <v>128662</v>
      </c>
      <c r="I37154" s="1" t="s">
        <v>126615</v>
      </c>
      <c r="J37154" s="1" t="s">
        <v>128735</v>
      </c>
    </row>
    <row r="37155" spans="1:10" x14ac:dyDescent="0.35">
      <c r="A37155" s="1" t="s">
        <v>119397</v>
      </c>
      <c r="B37155" s="1" t="s">
        <v>126612</v>
      </c>
      <c r="C37155" s="1" t="s">
        <v>150</v>
      </c>
      <c r="D37155" s="1" t="s">
        <v>83865</v>
      </c>
      <c r="E37155" s="1" t="s">
        <v>105265</v>
      </c>
      <c r="F37155" s="1" t="s">
        <v>128736</v>
      </c>
      <c r="G37155" s="1" t="s">
        <v>128661</v>
      </c>
      <c r="H37155" s="1" t="s">
        <v>128662</v>
      </c>
      <c r="I37155" s="1" t="s">
        <v>126615</v>
      </c>
      <c r="J37155" s="1" t="s">
        <v>128737</v>
      </c>
    </row>
    <row r="37156" spans="1:10" x14ac:dyDescent="0.35">
      <c r="A37156" s="1" t="s">
        <v>119397</v>
      </c>
      <c r="B37156" s="1" t="s">
        <v>126612</v>
      </c>
      <c r="C37156" s="1" t="s">
        <v>155</v>
      </c>
      <c r="D37156" s="1" t="s">
        <v>128738</v>
      </c>
      <c r="E37156" s="1" t="s">
        <v>128739</v>
      </c>
      <c r="F37156" s="1" t="s">
        <v>128740</v>
      </c>
      <c r="G37156" s="1" t="s">
        <v>128661</v>
      </c>
      <c r="H37156" s="1" t="s">
        <v>128662</v>
      </c>
      <c r="I37156" s="1" t="s">
        <v>126615</v>
      </c>
      <c r="J37156" s="1" t="s">
        <v>128741</v>
      </c>
    </row>
    <row r="37157" spans="1:10" x14ac:dyDescent="0.35">
      <c r="A37157" s="1" t="s">
        <v>119397</v>
      </c>
      <c r="B37157" s="1" t="s">
        <v>126612</v>
      </c>
      <c r="C37157" s="1" t="s">
        <v>160</v>
      </c>
      <c r="D37157" s="1" t="s">
        <v>108016</v>
      </c>
      <c r="E37157" s="1" t="s">
        <v>108259</v>
      </c>
      <c r="F37157" s="1" t="s">
        <v>128742</v>
      </c>
      <c r="G37157" s="1" t="s">
        <v>128661</v>
      </c>
      <c r="H37157" s="1" t="s">
        <v>128662</v>
      </c>
      <c r="I37157" s="1" t="s">
        <v>126615</v>
      </c>
      <c r="J37157" s="1" t="s">
        <v>128743</v>
      </c>
    </row>
    <row r="37158" spans="1:10" x14ac:dyDescent="0.35">
      <c r="A37158" s="1" t="s">
        <v>119397</v>
      </c>
      <c r="B37158" s="1" t="s">
        <v>126612</v>
      </c>
      <c r="C37158" s="1" t="s">
        <v>165</v>
      </c>
      <c r="D37158" s="1" t="s">
        <v>114425</v>
      </c>
      <c r="E37158" s="1" t="s">
        <v>128727</v>
      </c>
      <c r="F37158" s="1" t="s">
        <v>128744</v>
      </c>
      <c r="G37158" s="1" t="s">
        <v>128661</v>
      </c>
      <c r="H37158" s="1" t="s">
        <v>128662</v>
      </c>
      <c r="I37158" s="1" t="s">
        <v>126615</v>
      </c>
      <c r="J37158" s="1" t="s">
        <v>128745</v>
      </c>
    </row>
    <row r="37159" spans="1:10" x14ac:dyDescent="0.35">
      <c r="A37159" s="1" t="s">
        <v>119397</v>
      </c>
      <c r="B37159" s="1" t="s">
        <v>126612</v>
      </c>
      <c r="C37159" s="1" t="s">
        <v>170</v>
      </c>
      <c r="D37159" s="1" t="s">
        <v>128746</v>
      </c>
      <c r="E37159" s="1" t="s">
        <v>106162</v>
      </c>
      <c r="F37159" s="1" t="s">
        <v>128747</v>
      </c>
      <c r="G37159" s="1" t="s">
        <v>128661</v>
      </c>
      <c r="H37159" s="1" t="s">
        <v>128662</v>
      </c>
      <c r="I37159" s="1" t="s">
        <v>126615</v>
      </c>
      <c r="J37159" s="1" t="s">
        <v>128748</v>
      </c>
    </row>
    <row r="37160" spans="1:10" x14ac:dyDescent="0.35">
      <c r="A37160" s="1" t="s">
        <v>4301</v>
      </c>
      <c r="B37160" s="1" t="s">
        <v>126612</v>
      </c>
      <c r="C37160" s="1" t="s">
        <v>8</v>
      </c>
      <c r="D37160" s="1" t="s">
        <v>56835</v>
      </c>
      <c r="E37160" s="1" t="s">
        <v>128749</v>
      </c>
      <c r="F37160" s="1" t="s">
        <v>128750</v>
      </c>
      <c r="G37160" s="1" t="s">
        <v>128751</v>
      </c>
      <c r="H37160" s="1" t="s">
        <v>128752</v>
      </c>
      <c r="I37160" s="1" t="s">
        <v>126615</v>
      </c>
      <c r="J37160" s="1" t="s">
        <v>13</v>
      </c>
    </row>
    <row r="37161" spans="1:10" x14ac:dyDescent="0.35">
      <c r="A37161" s="1" t="s">
        <v>4301</v>
      </c>
      <c r="B37161" s="1" t="s">
        <v>126612</v>
      </c>
      <c r="C37161" s="1" t="s">
        <v>15</v>
      </c>
      <c r="D37161" s="1" t="s">
        <v>60131</v>
      </c>
      <c r="E37161" s="1" t="s">
        <v>128753</v>
      </c>
      <c r="F37161" s="1" t="s">
        <v>128754</v>
      </c>
      <c r="G37161" s="1" t="s">
        <v>128751</v>
      </c>
      <c r="H37161" s="1" t="s">
        <v>128752</v>
      </c>
      <c r="I37161" s="1" t="s">
        <v>126615</v>
      </c>
      <c r="J37161" s="1" t="s">
        <v>128755</v>
      </c>
    </row>
    <row r="37162" spans="1:10" x14ac:dyDescent="0.35">
      <c r="A37162" s="1" t="s">
        <v>4301</v>
      </c>
      <c r="B37162" s="1" t="s">
        <v>126612</v>
      </c>
      <c r="C37162" s="1" t="s">
        <v>20</v>
      </c>
      <c r="D37162" s="1" t="s">
        <v>20622</v>
      </c>
      <c r="E37162" s="1" t="s">
        <v>128756</v>
      </c>
      <c r="F37162" s="1" t="s">
        <v>128757</v>
      </c>
      <c r="G37162" s="1" t="s">
        <v>128751</v>
      </c>
      <c r="H37162" s="1" t="s">
        <v>128752</v>
      </c>
      <c r="I37162" s="1" t="s">
        <v>126615</v>
      </c>
      <c r="J37162" s="1" t="s">
        <v>128758</v>
      </c>
    </row>
    <row r="37163" spans="1:10" x14ac:dyDescent="0.35">
      <c r="A37163" s="1" t="s">
        <v>4301</v>
      </c>
      <c r="B37163" s="1" t="s">
        <v>126612</v>
      </c>
      <c r="C37163" s="1" t="s">
        <v>25</v>
      </c>
      <c r="D37163" s="1" t="s">
        <v>89679</v>
      </c>
      <c r="E37163" s="1" t="s">
        <v>15965</v>
      </c>
      <c r="F37163" s="1" t="s">
        <v>128759</v>
      </c>
      <c r="G37163" s="1" t="s">
        <v>128751</v>
      </c>
      <c r="H37163" s="1" t="s">
        <v>128752</v>
      </c>
      <c r="I37163" s="1" t="s">
        <v>126615</v>
      </c>
      <c r="J37163" s="1" t="s">
        <v>128760</v>
      </c>
    </row>
    <row r="37164" spans="1:10" x14ac:dyDescent="0.35">
      <c r="A37164" s="1" t="s">
        <v>4301</v>
      </c>
      <c r="B37164" s="1" t="s">
        <v>126612</v>
      </c>
      <c r="C37164" s="1" t="s">
        <v>30</v>
      </c>
      <c r="D37164" s="1" t="s">
        <v>85125</v>
      </c>
      <c r="E37164" s="1" t="s">
        <v>128761</v>
      </c>
      <c r="F37164" s="1" t="s">
        <v>128762</v>
      </c>
      <c r="G37164" s="1" t="s">
        <v>128751</v>
      </c>
      <c r="H37164" s="1" t="s">
        <v>128752</v>
      </c>
      <c r="I37164" s="1" t="s">
        <v>126615</v>
      </c>
      <c r="J37164" s="1" t="s">
        <v>128763</v>
      </c>
    </row>
    <row r="37165" spans="1:10" x14ac:dyDescent="0.35">
      <c r="A37165" s="1" t="s">
        <v>4301</v>
      </c>
      <c r="B37165" s="1" t="s">
        <v>126612</v>
      </c>
      <c r="C37165" s="1" t="s">
        <v>35</v>
      </c>
      <c r="D37165" s="1" t="s">
        <v>128764</v>
      </c>
      <c r="E37165" s="1" t="s">
        <v>128053</v>
      </c>
      <c r="F37165" s="1" t="s">
        <v>128765</v>
      </c>
      <c r="G37165" s="1" t="s">
        <v>128751</v>
      </c>
      <c r="H37165" s="1" t="s">
        <v>128752</v>
      </c>
      <c r="I37165" s="1" t="s">
        <v>126615</v>
      </c>
      <c r="J37165" s="1" t="s">
        <v>128766</v>
      </c>
    </row>
    <row r="37166" spans="1:10" x14ac:dyDescent="0.35">
      <c r="A37166" s="1" t="s">
        <v>4301</v>
      </c>
      <c r="B37166" s="1" t="s">
        <v>126612</v>
      </c>
      <c r="C37166" s="1" t="s">
        <v>40</v>
      </c>
      <c r="D37166" s="1" t="s">
        <v>84531</v>
      </c>
      <c r="E37166" s="1" t="s">
        <v>128767</v>
      </c>
      <c r="F37166" s="1" t="s">
        <v>128768</v>
      </c>
      <c r="G37166" s="1" t="s">
        <v>128751</v>
      </c>
      <c r="H37166" s="1" t="s">
        <v>128752</v>
      </c>
      <c r="I37166" s="1" t="s">
        <v>126615</v>
      </c>
      <c r="J37166" s="1" t="s">
        <v>128769</v>
      </c>
    </row>
    <row r="37167" spans="1:10" x14ac:dyDescent="0.35">
      <c r="A37167" s="1" t="s">
        <v>4301</v>
      </c>
      <c r="B37167" s="1" t="s">
        <v>126612</v>
      </c>
      <c r="C37167" s="1" t="s">
        <v>45</v>
      </c>
      <c r="D37167" s="1" t="s">
        <v>128770</v>
      </c>
      <c r="E37167" s="1" t="s">
        <v>128771</v>
      </c>
      <c r="F37167" s="1" t="s">
        <v>102541</v>
      </c>
      <c r="G37167" s="1" t="s">
        <v>128751</v>
      </c>
      <c r="H37167" s="1" t="s">
        <v>128752</v>
      </c>
      <c r="I37167" s="1" t="s">
        <v>126615</v>
      </c>
      <c r="J37167" s="1" t="s">
        <v>128772</v>
      </c>
    </row>
    <row r="37168" spans="1:10" x14ac:dyDescent="0.35">
      <c r="A37168" s="1" t="s">
        <v>4301</v>
      </c>
      <c r="B37168" s="1" t="s">
        <v>126612</v>
      </c>
      <c r="C37168" s="1" t="s">
        <v>50</v>
      </c>
      <c r="D37168" s="1" t="s">
        <v>22193</v>
      </c>
      <c r="E37168" s="1" t="s">
        <v>128773</v>
      </c>
      <c r="F37168" s="1" t="s">
        <v>26544</v>
      </c>
      <c r="G37168" s="1" t="s">
        <v>128751</v>
      </c>
      <c r="H37168" s="1" t="s">
        <v>128752</v>
      </c>
      <c r="I37168" s="1" t="s">
        <v>126615</v>
      </c>
      <c r="J37168" s="1" t="s">
        <v>128774</v>
      </c>
    </row>
    <row r="37169" spans="1:10" x14ac:dyDescent="0.35">
      <c r="A37169" s="1" t="s">
        <v>4301</v>
      </c>
      <c r="B37169" s="1" t="s">
        <v>126612</v>
      </c>
      <c r="C37169" s="1" t="s">
        <v>55</v>
      </c>
      <c r="D37169" s="1" t="s">
        <v>128775</v>
      </c>
      <c r="E37169" s="1" t="s">
        <v>107547</v>
      </c>
      <c r="F37169" s="1" t="s">
        <v>53850</v>
      </c>
      <c r="G37169" s="1" t="s">
        <v>128751</v>
      </c>
      <c r="H37169" s="1" t="s">
        <v>128752</v>
      </c>
      <c r="I37169" s="1" t="s">
        <v>126615</v>
      </c>
      <c r="J37169" s="1" t="s">
        <v>128776</v>
      </c>
    </row>
    <row r="37170" spans="1:10" x14ac:dyDescent="0.35">
      <c r="A37170" s="1" t="s">
        <v>4301</v>
      </c>
      <c r="B37170" s="1" t="s">
        <v>126612</v>
      </c>
      <c r="C37170" s="1" t="s">
        <v>60</v>
      </c>
      <c r="D37170" s="1" t="s">
        <v>128777</v>
      </c>
      <c r="E37170" s="1" t="s">
        <v>128778</v>
      </c>
      <c r="F37170" s="1" t="s">
        <v>31934</v>
      </c>
      <c r="G37170" s="1" t="s">
        <v>128751</v>
      </c>
      <c r="H37170" s="1" t="s">
        <v>128752</v>
      </c>
      <c r="I37170" s="1" t="s">
        <v>126615</v>
      </c>
      <c r="J37170" s="1" t="s">
        <v>128779</v>
      </c>
    </row>
    <row r="37171" spans="1:10" x14ac:dyDescent="0.35">
      <c r="A37171" s="1" t="s">
        <v>4301</v>
      </c>
      <c r="B37171" s="1" t="s">
        <v>126612</v>
      </c>
      <c r="C37171" s="1" t="s">
        <v>65</v>
      </c>
      <c r="D37171" s="1" t="s">
        <v>128780</v>
      </c>
      <c r="E37171" s="1" t="s">
        <v>128781</v>
      </c>
      <c r="F37171" s="1" t="s">
        <v>59271</v>
      </c>
      <c r="G37171" s="1" t="s">
        <v>128751</v>
      </c>
      <c r="H37171" s="1" t="s">
        <v>128752</v>
      </c>
      <c r="I37171" s="1" t="s">
        <v>126615</v>
      </c>
      <c r="J37171" s="1" t="s">
        <v>128782</v>
      </c>
    </row>
    <row r="37172" spans="1:10" x14ac:dyDescent="0.35">
      <c r="A37172" s="1" t="s">
        <v>4301</v>
      </c>
      <c r="B37172" s="1" t="s">
        <v>126612</v>
      </c>
      <c r="C37172" s="1" t="s">
        <v>70</v>
      </c>
      <c r="D37172" s="1" t="s">
        <v>103828</v>
      </c>
      <c r="E37172" s="1" t="s">
        <v>110978</v>
      </c>
      <c r="F37172" s="1" t="s">
        <v>128783</v>
      </c>
      <c r="G37172" s="1" t="s">
        <v>128751</v>
      </c>
      <c r="H37172" s="1" t="s">
        <v>128752</v>
      </c>
      <c r="I37172" s="1" t="s">
        <v>126615</v>
      </c>
      <c r="J37172" s="1" t="s">
        <v>128784</v>
      </c>
    </row>
    <row r="37173" spans="1:10" x14ac:dyDescent="0.35">
      <c r="A37173" s="1" t="s">
        <v>4301</v>
      </c>
      <c r="B37173" s="1" t="s">
        <v>126612</v>
      </c>
      <c r="C37173" s="1" t="s">
        <v>75</v>
      </c>
      <c r="D37173" s="1" t="s">
        <v>128785</v>
      </c>
      <c r="E37173" s="1" t="s">
        <v>128786</v>
      </c>
      <c r="F37173" s="1" t="s">
        <v>128787</v>
      </c>
      <c r="G37173" s="1" t="s">
        <v>128751</v>
      </c>
      <c r="H37173" s="1" t="s">
        <v>128752</v>
      </c>
      <c r="I37173" s="1" t="s">
        <v>126615</v>
      </c>
      <c r="J37173" s="1" t="s">
        <v>128788</v>
      </c>
    </row>
    <row r="37174" spans="1:10" x14ac:dyDescent="0.35">
      <c r="A37174" s="1" t="s">
        <v>4301</v>
      </c>
      <c r="B37174" s="1" t="s">
        <v>126612</v>
      </c>
      <c r="C37174" s="1" t="s">
        <v>80</v>
      </c>
      <c r="D37174" s="1" t="s">
        <v>128789</v>
      </c>
      <c r="E37174" s="1" t="s">
        <v>108546</v>
      </c>
      <c r="F37174" s="1" t="s">
        <v>68993</v>
      </c>
      <c r="G37174" s="1" t="s">
        <v>128751</v>
      </c>
      <c r="H37174" s="1" t="s">
        <v>128752</v>
      </c>
      <c r="I37174" s="1" t="s">
        <v>126615</v>
      </c>
      <c r="J37174" s="1" t="s">
        <v>128790</v>
      </c>
    </row>
    <row r="37175" spans="1:10" x14ac:dyDescent="0.35">
      <c r="A37175" s="1" t="s">
        <v>4301</v>
      </c>
      <c r="B37175" s="1" t="s">
        <v>126612</v>
      </c>
      <c r="C37175" s="1" t="s">
        <v>85</v>
      </c>
      <c r="D37175" s="1" t="s">
        <v>95343</v>
      </c>
      <c r="E37175" s="1" t="s">
        <v>128791</v>
      </c>
      <c r="F37175" s="1" t="s">
        <v>72784</v>
      </c>
      <c r="G37175" s="1" t="s">
        <v>128751</v>
      </c>
      <c r="H37175" s="1" t="s">
        <v>128752</v>
      </c>
      <c r="I37175" s="1" t="s">
        <v>126615</v>
      </c>
      <c r="J37175" s="1" t="s">
        <v>128792</v>
      </c>
    </row>
    <row r="37176" spans="1:10" x14ac:dyDescent="0.35">
      <c r="A37176" s="1" t="s">
        <v>4301</v>
      </c>
      <c r="B37176" s="1" t="s">
        <v>126612</v>
      </c>
      <c r="C37176" s="1" t="s">
        <v>90</v>
      </c>
      <c r="D37176" s="1" t="s">
        <v>26534</v>
      </c>
      <c r="E37176" s="1" t="s">
        <v>128793</v>
      </c>
      <c r="F37176" s="1" t="s">
        <v>128794</v>
      </c>
      <c r="G37176" s="1" t="s">
        <v>128751</v>
      </c>
      <c r="H37176" s="1" t="s">
        <v>128752</v>
      </c>
      <c r="I37176" s="1" t="s">
        <v>126615</v>
      </c>
      <c r="J37176" s="1" t="s">
        <v>128795</v>
      </c>
    </row>
    <row r="37177" spans="1:10" x14ac:dyDescent="0.35">
      <c r="A37177" s="1" t="s">
        <v>4301</v>
      </c>
      <c r="B37177" s="1" t="s">
        <v>126612</v>
      </c>
      <c r="C37177" s="1" t="s">
        <v>95</v>
      </c>
      <c r="D37177" s="1" t="s">
        <v>103828</v>
      </c>
      <c r="E37177" s="1" t="s">
        <v>128796</v>
      </c>
      <c r="F37177" s="1" t="s">
        <v>60576</v>
      </c>
      <c r="G37177" s="1" t="s">
        <v>128751</v>
      </c>
      <c r="H37177" s="1" t="s">
        <v>128752</v>
      </c>
      <c r="I37177" s="1" t="s">
        <v>126615</v>
      </c>
      <c r="J37177" s="1" t="s">
        <v>128797</v>
      </c>
    </row>
    <row r="37178" spans="1:10" x14ac:dyDescent="0.35">
      <c r="A37178" s="1" t="s">
        <v>4301</v>
      </c>
      <c r="B37178" s="1" t="s">
        <v>126612</v>
      </c>
      <c r="C37178" s="1" t="s">
        <v>100</v>
      </c>
      <c r="D37178" s="1" t="s">
        <v>128798</v>
      </c>
      <c r="E37178" s="1" t="s">
        <v>128799</v>
      </c>
      <c r="F37178" s="1" t="s">
        <v>55453</v>
      </c>
      <c r="G37178" s="1" t="s">
        <v>128751</v>
      </c>
      <c r="H37178" s="1" t="s">
        <v>128752</v>
      </c>
      <c r="I37178" s="1" t="s">
        <v>126615</v>
      </c>
      <c r="J37178" s="1" t="s">
        <v>128800</v>
      </c>
    </row>
    <row r="37179" spans="1:10" x14ac:dyDescent="0.35">
      <c r="A37179" s="1" t="s">
        <v>4301</v>
      </c>
      <c r="B37179" s="1" t="s">
        <v>126612</v>
      </c>
      <c r="C37179" s="1" t="s">
        <v>105</v>
      </c>
      <c r="D37179" s="1" t="s">
        <v>39880</v>
      </c>
      <c r="E37179" s="1" t="s">
        <v>107563</v>
      </c>
      <c r="F37179" s="1" t="s">
        <v>67043</v>
      </c>
      <c r="G37179" s="1" t="s">
        <v>128751</v>
      </c>
      <c r="H37179" s="1" t="s">
        <v>128752</v>
      </c>
      <c r="I37179" s="1" t="s">
        <v>126615</v>
      </c>
      <c r="J37179" s="1" t="s">
        <v>128801</v>
      </c>
    </row>
    <row r="37180" spans="1:10" x14ac:dyDescent="0.35">
      <c r="A37180" s="1" t="s">
        <v>4301</v>
      </c>
      <c r="B37180" s="1" t="s">
        <v>126612</v>
      </c>
      <c r="C37180" s="1" t="s">
        <v>110</v>
      </c>
      <c r="D37180" s="1" t="s">
        <v>22305</v>
      </c>
      <c r="E37180" s="1" t="s">
        <v>108609</v>
      </c>
      <c r="F37180" s="1" t="s">
        <v>128802</v>
      </c>
      <c r="G37180" s="1" t="s">
        <v>128751</v>
      </c>
      <c r="H37180" s="1" t="s">
        <v>128752</v>
      </c>
      <c r="I37180" s="1" t="s">
        <v>126615</v>
      </c>
      <c r="J37180" s="1" t="s">
        <v>128803</v>
      </c>
    </row>
    <row r="37181" spans="1:10" x14ac:dyDescent="0.35">
      <c r="A37181" s="1" t="s">
        <v>4301</v>
      </c>
      <c r="B37181" s="1" t="s">
        <v>126612</v>
      </c>
      <c r="C37181" s="1" t="s">
        <v>115</v>
      </c>
      <c r="D37181" s="1" t="s">
        <v>128804</v>
      </c>
      <c r="E37181" s="1" t="s">
        <v>107348</v>
      </c>
      <c r="F37181" s="1" t="s">
        <v>128805</v>
      </c>
      <c r="G37181" s="1" t="s">
        <v>128751</v>
      </c>
      <c r="H37181" s="1" t="s">
        <v>128752</v>
      </c>
      <c r="I37181" s="1" t="s">
        <v>126615</v>
      </c>
      <c r="J37181" s="1" t="s">
        <v>128806</v>
      </c>
    </row>
    <row r="37182" spans="1:10" x14ac:dyDescent="0.35">
      <c r="A37182" s="1" t="s">
        <v>4301</v>
      </c>
      <c r="B37182" s="1" t="s">
        <v>126612</v>
      </c>
      <c r="C37182" s="1" t="s">
        <v>120</v>
      </c>
      <c r="D37182" s="1" t="s">
        <v>61350</v>
      </c>
      <c r="E37182" s="1" t="s">
        <v>128807</v>
      </c>
      <c r="F37182" s="1" t="s">
        <v>32641</v>
      </c>
      <c r="G37182" s="1" t="s">
        <v>128751</v>
      </c>
      <c r="H37182" s="1" t="s">
        <v>128752</v>
      </c>
      <c r="I37182" s="1" t="s">
        <v>126615</v>
      </c>
      <c r="J37182" s="1" t="s">
        <v>128808</v>
      </c>
    </row>
    <row r="37183" spans="1:10" x14ac:dyDescent="0.35">
      <c r="A37183" s="1" t="s">
        <v>4301</v>
      </c>
      <c r="B37183" s="1" t="s">
        <v>126612</v>
      </c>
      <c r="C37183" s="1" t="s">
        <v>125</v>
      </c>
      <c r="D37183" s="1" t="s">
        <v>103753</v>
      </c>
      <c r="E37183" s="1" t="s">
        <v>128809</v>
      </c>
      <c r="F37183" s="1" t="s">
        <v>128810</v>
      </c>
      <c r="G37183" s="1" t="s">
        <v>128751</v>
      </c>
      <c r="H37183" s="1" t="s">
        <v>128752</v>
      </c>
      <c r="I37183" s="1" t="s">
        <v>126615</v>
      </c>
      <c r="J37183" s="1" t="s">
        <v>128811</v>
      </c>
    </row>
    <row r="37184" spans="1:10" x14ac:dyDescent="0.35">
      <c r="A37184" s="1" t="s">
        <v>4301</v>
      </c>
      <c r="B37184" s="1" t="s">
        <v>126612</v>
      </c>
      <c r="C37184" s="1" t="s">
        <v>130</v>
      </c>
      <c r="D37184" s="1" t="s">
        <v>128812</v>
      </c>
      <c r="E37184" s="1" t="s">
        <v>107253</v>
      </c>
      <c r="F37184" s="1" t="s">
        <v>128813</v>
      </c>
      <c r="G37184" s="1" t="s">
        <v>128751</v>
      </c>
      <c r="H37184" s="1" t="s">
        <v>128752</v>
      </c>
      <c r="I37184" s="1" t="s">
        <v>126615</v>
      </c>
      <c r="J37184" s="1" t="s">
        <v>128814</v>
      </c>
    </row>
    <row r="37185" spans="1:10" x14ac:dyDescent="0.35">
      <c r="A37185" s="1" t="s">
        <v>4301</v>
      </c>
      <c r="B37185" s="1" t="s">
        <v>126612</v>
      </c>
      <c r="C37185" s="1" t="s">
        <v>135</v>
      </c>
      <c r="D37185" s="1" t="s">
        <v>128815</v>
      </c>
      <c r="E37185" s="1" t="s">
        <v>128816</v>
      </c>
      <c r="F37185" s="1" t="s">
        <v>63639</v>
      </c>
      <c r="G37185" s="1" t="s">
        <v>128751</v>
      </c>
      <c r="H37185" s="1" t="s">
        <v>128752</v>
      </c>
      <c r="I37185" s="1" t="s">
        <v>126615</v>
      </c>
      <c r="J37185" s="1" t="s">
        <v>128817</v>
      </c>
    </row>
    <row r="37186" spans="1:10" x14ac:dyDescent="0.35">
      <c r="A37186" s="1" t="s">
        <v>4301</v>
      </c>
      <c r="B37186" s="1" t="s">
        <v>126612</v>
      </c>
      <c r="C37186" s="1" t="s">
        <v>140</v>
      </c>
      <c r="D37186" s="1" t="s">
        <v>42324</v>
      </c>
      <c r="E37186" s="1" t="s">
        <v>110984</v>
      </c>
      <c r="F37186" s="1" t="s">
        <v>128818</v>
      </c>
      <c r="G37186" s="1" t="s">
        <v>128751</v>
      </c>
      <c r="H37186" s="1" t="s">
        <v>128752</v>
      </c>
      <c r="I37186" s="1" t="s">
        <v>126615</v>
      </c>
      <c r="J37186" s="1" t="s">
        <v>128819</v>
      </c>
    </row>
    <row r="37187" spans="1:10" x14ac:dyDescent="0.35">
      <c r="A37187" s="1" t="s">
        <v>4301</v>
      </c>
      <c r="B37187" s="1" t="s">
        <v>126612</v>
      </c>
      <c r="C37187" s="1" t="s">
        <v>145</v>
      </c>
      <c r="D37187" s="1" t="s">
        <v>95188</v>
      </c>
      <c r="E37187" s="1" t="s">
        <v>106190</v>
      </c>
      <c r="F37187" s="1" t="s">
        <v>67108</v>
      </c>
      <c r="G37187" s="1" t="s">
        <v>128751</v>
      </c>
      <c r="H37187" s="1" t="s">
        <v>128752</v>
      </c>
      <c r="I37187" s="1" t="s">
        <v>126615</v>
      </c>
      <c r="J37187" s="1" t="s">
        <v>128820</v>
      </c>
    </row>
    <row r="37188" spans="1:10" x14ac:dyDescent="0.35">
      <c r="A37188" s="1" t="s">
        <v>4301</v>
      </c>
      <c r="B37188" s="1" t="s">
        <v>126612</v>
      </c>
      <c r="C37188" s="1" t="s">
        <v>150</v>
      </c>
      <c r="D37188" s="1" t="s">
        <v>128821</v>
      </c>
      <c r="E37188" s="1" t="s">
        <v>105297</v>
      </c>
      <c r="F37188" s="1" t="s">
        <v>128822</v>
      </c>
      <c r="G37188" s="1" t="s">
        <v>128751</v>
      </c>
      <c r="H37188" s="1" t="s">
        <v>128752</v>
      </c>
      <c r="I37188" s="1" t="s">
        <v>126615</v>
      </c>
      <c r="J37188" s="1" t="s">
        <v>128823</v>
      </c>
    </row>
    <row r="37189" spans="1:10" x14ac:dyDescent="0.35">
      <c r="A37189" s="1" t="s">
        <v>4301</v>
      </c>
      <c r="B37189" s="1" t="s">
        <v>126612</v>
      </c>
      <c r="C37189" s="1" t="s">
        <v>155</v>
      </c>
      <c r="D37189" s="1" t="s">
        <v>128824</v>
      </c>
      <c r="E37189" s="1" t="s">
        <v>49804</v>
      </c>
      <c r="F37189" s="1" t="s">
        <v>58121</v>
      </c>
      <c r="G37189" s="1" t="s">
        <v>128751</v>
      </c>
      <c r="H37189" s="1" t="s">
        <v>128752</v>
      </c>
      <c r="I37189" s="1" t="s">
        <v>126615</v>
      </c>
      <c r="J37189" s="1" t="s">
        <v>128825</v>
      </c>
    </row>
    <row r="37190" spans="1:10" x14ac:dyDescent="0.35">
      <c r="A37190" s="1" t="s">
        <v>4301</v>
      </c>
      <c r="B37190" s="1" t="s">
        <v>126612</v>
      </c>
      <c r="C37190" s="1" t="s">
        <v>160</v>
      </c>
      <c r="D37190" s="1" t="s">
        <v>109459</v>
      </c>
      <c r="E37190" s="1" t="s">
        <v>128826</v>
      </c>
      <c r="F37190" s="1" t="s">
        <v>127217</v>
      </c>
      <c r="G37190" s="1" t="s">
        <v>128751</v>
      </c>
      <c r="H37190" s="1" t="s">
        <v>128752</v>
      </c>
      <c r="I37190" s="1" t="s">
        <v>126615</v>
      </c>
      <c r="J37190" s="1" t="s">
        <v>128827</v>
      </c>
    </row>
    <row r="37191" spans="1:10" x14ac:dyDescent="0.35">
      <c r="A37191" s="1" t="s">
        <v>4301</v>
      </c>
      <c r="B37191" s="1" t="s">
        <v>126612</v>
      </c>
      <c r="C37191" s="1" t="s">
        <v>165</v>
      </c>
      <c r="D37191" s="1" t="s">
        <v>91875</v>
      </c>
      <c r="E37191" s="1" t="s">
        <v>105351</v>
      </c>
      <c r="F37191" s="1" t="s">
        <v>69605</v>
      </c>
      <c r="G37191" s="1" t="s">
        <v>128751</v>
      </c>
      <c r="H37191" s="1" t="s">
        <v>128752</v>
      </c>
      <c r="I37191" s="1" t="s">
        <v>126615</v>
      </c>
      <c r="J37191" s="1" t="s">
        <v>128828</v>
      </c>
    </row>
    <row r="37192" spans="1:10" x14ac:dyDescent="0.35">
      <c r="A37192" s="1" t="s">
        <v>4301</v>
      </c>
      <c r="B37192" s="1" t="s">
        <v>126612</v>
      </c>
      <c r="C37192" s="1" t="s">
        <v>170</v>
      </c>
      <c r="D37192" s="1" t="s">
        <v>128829</v>
      </c>
      <c r="E37192" s="1" t="s">
        <v>81178</v>
      </c>
      <c r="F37192" s="1" t="s">
        <v>54800</v>
      </c>
      <c r="G37192" s="1" t="s">
        <v>128751</v>
      </c>
      <c r="H37192" s="1" t="s">
        <v>128752</v>
      </c>
      <c r="I37192" s="1" t="s">
        <v>126615</v>
      </c>
      <c r="J37192" s="1" t="s">
        <v>128830</v>
      </c>
    </row>
    <row r="37193" spans="1:10" x14ac:dyDescent="0.35">
      <c r="A37193" s="1" t="s">
        <v>1962</v>
      </c>
      <c r="B37193" s="1" t="s">
        <v>126612</v>
      </c>
      <c r="C37193" s="1" t="s">
        <v>8</v>
      </c>
      <c r="D37193" s="1" t="s">
        <v>128831</v>
      </c>
      <c r="E37193" s="1" t="s">
        <v>128832</v>
      </c>
      <c r="F37193" s="1" t="s">
        <v>128833</v>
      </c>
      <c r="G37193" s="1" t="s">
        <v>128834</v>
      </c>
      <c r="H37193" s="1" t="s">
        <v>128835</v>
      </c>
      <c r="I37193" s="1" t="s">
        <v>126615</v>
      </c>
      <c r="J37193" s="1" t="s">
        <v>13</v>
      </c>
    </row>
    <row r="37194" spans="1:10" x14ac:dyDescent="0.35">
      <c r="A37194" s="1" t="s">
        <v>1962</v>
      </c>
      <c r="B37194" s="1" t="s">
        <v>126612</v>
      </c>
      <c r="C37194" s="1" t="s">
        <v>15</v>
      </c>
      <c r="D37194" s="1" t="s">
        <v>128836</v>
      </c>
      <c r="E37194" s="1" t="s">
        <v>128837</v>
      </c>
      <c r="F37194" s="1" t="s">
        <v>128838</v>
      </c>
      <c r="G37194" s="1" t="s">
        <v>128834</v>
      </c>
      <c r="H37194" s="1" t="s">
        <v>128835</v>
      </c>
      <c r="I37194" s="1" t="s">
        <v>126615</v>
      </c>
      <c r="J37194" s="1" t="s">
        <v>128839</v>
      </c>
    </row>
    <row r="37195" spans="1:10" x14ac:dyDescent="0.35">
      <c r="A37195" s="1" t="s">
        <v>1962</v>
      </c>
      <c r="B37195" s="1" t="s">
        <v>126612</v>
      </c>
      <c r="C37195" s="1" t="s">
        <v>20</v>
      </c>
      <c r="D37195" s="1" t="s">
        <v>24376</v>
      </c>
      <c r="E37195" s="1" t="s">
        <v>128840</v>
      </c>
      <c r="F37195" s="1" t="s">
        <v>128841</v>
      </c>
      <c r="G37195" s="1" t="s">
        <v>128834</v>
      </c>
      <c r="H37195" s="1" t="s">
        <v>128835</v>
      </c>
      <c r="I37195" s="1" t="s">
        <v>126615</v>
      </c>
      <c r="J37195" s="1" t="s">
        <v>128842</v>
      </c>
    </row>
    <row r="37196" spans="1:10" x14ac:dyDescent="0.35">
      <c r="A37196" s="1" t="s">
        <v>1962</v>
      </c>
      <c r="B37196" s="1" t="s">
        <v>126612</v>
      </c>
      <c r="C37196" s="1" t="s">
        <v>25</v>
      </c>
      <c r="D37196" s="1" t="s">
        <v>128843</v>
      </c>
      <c r="E37196" s="1" t="s">
        <v>128844</v>
      </c>
      <c r="F37196" s="1" t="s">
        <v>128845</v>
      </c>
      <c r="G37196" s="1" t="s">
        <v>128834</v>
      </c>
      <c r="H37196" s="1" t="s">
        <v>128835</v>
      </c>
      <c r="I37196" s="1" t="s">
        <v>126615</v>
      </c>
      <c r="J37196" s="1" t="s">
        <v>128846</v>
      </c>
    </row>
    <row r="37197" spans="1:10" x14ac:dyDescent="0.35">
      <c r="A37197" s="1" t="s">
        <v>1962</v>
      </c>
      <c r="B37197" s="1" t="s">
        <v>126612</v>
      </c>
      <c r="C37197" s="1" t="s">
        <v>30</v>
      </c>
      <c r="D37197" s="1" t="s">
        <v>64327</v>
      </c>
      <c r="E37197" s="1" t="s">
        <v>128847</v>
      </c>
      <c r="F37197" s="1" t="s">
        <v>128848</v>
      </c>
      <c r="G37197" s="1" t="s">
        <v>128834</v>
      </c>
      <c r="H37197" s="1" t="s">
        <v>128835</v>
      </c>
      <c r="I37197" s="1" t="s">
        <v>126615</v>
      </c>
      <c r="J37197" s="1" t="s">
        <v>128849</v>
      </c>
    </row>
    <row r="37198" spans="1:10" x14ac:dyDescent="0.35">
      <c r="A37198" s="1" t="s">
        <v>1962</v>
      </c>
      <c r="B37198" s="1" t="s">
        <v>126612</v>
      </c>
      <c r="C37198" s="1" t="s">
        <v>35</v>
      </c>
      <c r="D37198" s="1" t="s">
        <v>128850</v>
      </c>
      <c r="E37198" s="1" t="s">
        <v>128851</v>
      </c>
      <c r="F37198" s="1" t="s">
        <v>128852</v>
      </c>
      <c r="G37198" s="1" t="s">
        <v>128834</v>
      </c>
      <c r="H37198" s="1" t="s">
        <v>128835</v>
      </c>
      <c r="I37198" s="1" t="s">
        <v>126615</v>
      </c>
      <c r="J37198" s="1" t="s">
        <v>128853</v>
      </c>
    </row>
    <row r="37199" spans="1:10" x14ac:dyDescent="0.35">
      <c r="A37199" s="1" t="s">
        <v>1962</v>
      </c>
      <c r="B37199" s="1" t="s">
        <v>126612</v>
      </c>
      <c r="C37199" s="1" t="s">
        <v>40</v>
      </c>
      <c r="D37199" s="1" t="s">
        <v>128854</v>
      </c>
      <c r="E37199" s="1" t="s">
        <v>128855</v>
      </c>
      <c r="F37199" s="1" t="s">
        <v>128856</v>
      </c>
      <c r="G37199" s="1" t="s">
        <v>128834</v>
      </c>
      <c r="H37199" s="1" t="s">
        <v>128835</v>
      </c>
      <c r="I37199" s="1" t="s">
        <v>126615</v>
      </c>
      <c r="J37199" s="1" t="s">
        <v>128857</v>
      </c>
    </row>
    <row r="37200" spans="1:10" x14ac:dyDescent="0.35">
      <c r="A37200" s="1" t="s">
        <v>1962</v>
      </c>
      <c r="B37200" s="1" t="s">
        <v>126612</v>
      </c>
      <c r="C37200" s="1" t="s">
        <v>45</v>
      </c>
      <c r="D37200" s="1" t="s">
        <v>128858</v>
      </c>
      <c r="E37200" s="1" t="s">
        <v>128859</v>
      </c>
      <c r="F37200" s="1" t="s">
        <v>128860</v>
      </c>
      <c r="G37200" s="1" t="s">
        <v>128834</v>
      </c>
      <c r="H37200" s="1" t="s">
        <v>128835</v>
      </c>
      <c r="I37200" s="1" t="s">
        <v>126615</v>
      </c>
      <c r="J37200" s="1" t="s">
        <v>128861</v>
      </c>
    </row>
    <row r="37201" spans="1:10" x14ac:dyDescent="0.35">
      <c r="A37201" s="1" t="s">
        <v>1962</v>
      </c>
      <c r="B37201" s="1" t="s">
        <v>126612</v>
      </c>
      <c r="C37201" s="1" t="s">
        <v>50</v>
      </c>
      <c r="D37201" s="1" t="s">
        <v>96029</v>
      </c>
      <c r="E37201" s="1" t="s">
        <v>128862</v>
      </c>
      <c r="F37201" s="1" t="s">
        <v>128863</v>
      </c>
      <c r="G37201" s="1" t="s">
        <v>128834</v>
      </c>
      <c r="H37201" s="1" t="s">
        <v>128835</v>
      </c>
      <c r="I37201" s="1" t="s">
        <v>126615</v>
      </c>
      <c r="J37201" s="1" t="s">
        <v>128864</v>
      </c>
    </row>
    <row r="37202" spans="1:10" x14ac:dyDescent="0.35">
      <c r="A37202" s="1" t="s">
        <v>1962</v>
      </c>
      <c r="B37202" s="1" t="s">
        <v>126612</v>
      </c>
      <c r="C37202" s="1" t="s">
        <v>55</v>
      </c>
      <c r="D37202" s="1" t="s">
        <v>128865</v>
      </c>
      <c r="E37202" s="1" t="s">
        <v>128866</v>
      </c>
      <c r="F37202" s="1" t="s">
        <v>128867</v>
      </c>
      <c r="G37202" s="1" t="s">
        <v>128834</v>
      </c>
      <c r="H37202" s="1" t="s">
        <v>128835</v>
      </c>
      <c r="I37202" s="1" t="s">
        <v>126615</v>
      </c>
      <c r="J37202" s="1" t="s">
        <v>39333</v>
      </c>
    </row>
    <row r="37203" spans="1:10" x14ac:dyDescent="0.35">
      <c r="A37203" s="1" t="s">
        <v>1962</v>
      </c>
      <c r="B37203" s="1" t="s">
        <v>126612</v>
      </c>
      <c r="C37203" s="1" t="s">
        <v>60</v>
      </c>
      <c r="D37203" s="1" t="s">
        <v>128868</v>
      </c>
      <c r="E37203" s="1" t="s">
        <v>128869</v>
      </c>
      <c r="F37203" s="1" t="s">
        <v>128870</v>
      </c>
      <c r="G37203" s="1" t="s">
        <v>128834</v>
      </c>
      <c r="H37203" s="1" t="s">
        <v>128835</v>
      </c>
      <c r="I37203" s="1" t="s">
        <v>126615</v>
      </c>
      <c r="J37203" s="1" t="s">
        <v>128871</v>
      </c>
    </row>
    <row r="37204" spans="1:10" x14ac:dyDescent="0.35">
      <c r="A37204" s="1" t="s">
        <v>1962</v>
      </c>
      <c r="B37204" s="1" t="s">
        <v>126612</v>
      </c>
      <c r="C37204" s="1" t="s">
        <v>65</v>
      </c>
      <c r="D37204" s="1" t="s">
        <v>67491</v>
      </c>
      <c r="E37204" s="1" t="s">
        <v>128872</v>
      </c>
      <c r="F37204" s="1" t="s">
        <v>128873</v>
      </c>
      <c r="G37204" s="1" t="s">
        <v>128834</v>
      </c>
      <c r="H37204" s="1" t="s">
        <v>128835</v>
      </c>
      <c r="I37204" s="1" t="s">
        <v>126615</v>
      </c>
      <c r="J37204" s="1" t="s">
        <v>128874</v>
      </c>
    </row>
    <row r="37205" spans="1:10" x14ac:dyDescent="0.35">
      <c r="A37205" s="1" t="s">
        <v>1962</v>
      </c>
      <c r="B37205" s="1" t="s">
        <v>126612</v>
      </c>
      <c r="C37205" s="1" t="s">
        <v>70</v>
      </c>
      <c r="D37205" s="1" t="s">
        <v>128875</v>
      </c>
      <c r="E37205" s="1" t="s">
        <v>128876</v>
      </c>
      <c r="F37205" s="1" t="s">
        <v>128877</v>
      </c>
      <c r="G37205" s="1" t="s">
        <v>128834</v>
      </c>
      <c r="H37205" s="1" t="s">
        <v>128835</v>
      </c>
      <c r="I37205" s="1" t="s">
        <v>126615</v>
      </c>
      <c r="J37205" s="1" t="s">
        <v>128878</v>
      </c>
    </row>
    <row r="37206" spans="1:10" x14ac:dyDescent="0.35">
      <c r="A37206" s="1" t="s">
        <v>1962</v>
      </c>
      <c r="B37206" s="1" t="s">
        <v>126612</v>
      </c>
      <c r="C37206" s="1" t="s">
        <v>75</v>
      </c>
      <c r="D37206" s="1" t="s">
        <v>56163</v>
      </c>
      <c r="E37206" s="1" t="s">
        <v>128879</v>
      </c>
      <c r="F37206" s="1" t="s">
        <v>84099</v>
      </c>
      <c r="G37206" s="1" t="s">
        <v>128834</v>
      </c>
      <c r="H37206" s="1" t="s">
        <v>128835</v>
      </c>
      <c r="I37206" s="1" t="s">
        <v>126615</v>
      </c>
      <c r="J37206" s="1" t="s">
        <v>128880</v>
      </c>
    </row>
    <row r="37207" spans="1:10" x14ac:dyDescent="0.35">
      <c r="A37207" s="1" t="s">
        <v>1962</v>
      </c>
      <c r="B37207" s="1" t="s">
        <v>126612</v>
      </c>
      <c r="C37207" s="1" t="s">
        <v>80</v>
      </c>
      <c r="D37207" s="1" t="s">
        <v>128881</v>
      </c>
      <c r="E37207" s="1" t="s">
        <v>128882</v>
      </c>
      <c r="F37207" s="1" t="s">
        <v>128883</v>
      </c>
      <c r="G37207" s="1" t="s">
        <v>128834</v>
      </c>
      <c r="H37207" s="1" t="s">
        <v>128835</v>
      </c>
      <c r="I37207" s="1" t="s">
        <v>126615</v>
      </c>
      <c r="J37207" s="1" t="s">
        <v>128884</v>
      </c>
    </row>
    <row r="37208" spans="1:10" x14ac:dyDescent="0.35">
      <c r="A37208" s="1" t="s">
        <v>1962</v>
      </c>
      <c r="B37208" s="1" t="s">
        <v>126612</v>
      </c>
      <c r="C37208" s="1" t="s">
        <v>85</v>
      </c>
      <c r="D37208" s="1" t="s">
        <v>128885</v>
      </c>
      <c r="E37208" s="1" t="s">
        <v>128886</v>
      </c>
      <c r="F37208" s="1" t="s">
        <v>128887</v>
      </c>
      <c r="G37208" s="1" t="s">
        <v>128834</v>
      </c>
      <c r="H37208" s="1" t="s">
        <v>128835</v>
      </c>
      <c r="I37208" s="1" t="s">
        <v>126615</v>
      </c>
      <c r="J37208" s="1" t="s">
        <v>128888</v>
      </c>
    </row>
    <row r="37209" spans="1:10" x14ac:dyDescent="0.35">
      <c r="A37209" s="1" t="s">
        <v>1962</v>
      </c>
      <c r="B37209" s="1" t="s">
        <v>126612</v>
      </c>
      <c r="C37209" s="1" t="s">
        <v>90</v>
      </c>
      <c r="D37209" s="1" t="s">
        <v>128889</v>
      </c>
      <c r="E37209" s="1" t="s">
        <v>128890</v>
      </c>
      <c r="F37209" s="1" t="s">
        <v>128891</v>
      </c>
      <c r="G37209" s="1" t="s">
        <v>128834</v>
      </c>
      <c r="H37209" s="1" t="s">
        <v>128835</v>
      </c>
      <c r="I37209" s="1" t="s">
        <v>126615</v>
      </c>
      <c r="J37209" s="1" t="s">
        <v>128892</v>
      </c>
    </row>
    <row r="37210" spans="1:10" x14ac:dyDescent="0.35">
      <c r="A37210" s="1" t="s">
        <v>1962</v>
      </c>
      <c r="B37210" s="1" t="s">
        <v>126612</v>
      </c>
      <c r="C37210" s="1" t="s">
        <v>95</v>
      </c>
      <c r="D37210" s="1" t="s">
        <v>61418</v>
      </c>
      <c r="E37210" s="1" t="s">
        <v>128893</v>
      </c>
      <c r="F37210" s="1" t="s">
        <v>128894</v>
      </c>
      <c r="G37210" s="1" t="s">
        <v>128834</v>
      </c>
      <c r="H37210" s="1" t="s">
        <v>128835</v>
      </c>
      <c r="I37210" s="1" t="s">
        <v>126615</v>
      </c>
      <c r="J37210" s="1" t="s">
        <v>128895</v>
      </c>
    </row>
    <row r="37211" spans="1:10" x14ac:dyDescent="0.35">
      <c r="A37211" s="1" t="s">
        <v>1962</v>
      </c>
      <c r="B37211" s="1" t="s">
        <v>126612</v>
      </c>
      <c r="C37211" s="1" t="s">
        <v>100</v>
      </c>
      <c r="D37211" s="1" t="s">
        <v>128896</v>
      </c>
      <c r="E37211" s="1" t="s">
        <v>128897</v>
      </c>
      <c r="F37211" s="1" t="s">
        <v>128898</v>
      </c>
      <c r="G37211" s="1" t="s">
        <v>128834</v>
      </c>
      <c r="H37211" s="1" t="s">
        <v>128835</v>
      </c>
      <c r="I37211" s="1" t="s">
        <v>126615</v>
      </c>
      <c r="J37211" s="1" t="s">
        <v>128899</v>
      </c>
    </row>
    <row r="37212" spans="1:10" x14ac:dyDescent="0.35">
      <c r="A37212" s="1" t="s">
        <v>1962</v>
      </c>
      <c r="B37212" s="1" t="s">
        <v>126612</v>
      </c>
      <c r="C37212" s="1" t="s">
        <v>105</v>
      </c>
      <c r="D37212" s="1" t="s">
        <v>128900</v>
      </c>
      <c r="E37212" s="1" t="s">
        <v>128901</v>
      </c>
      <c r="F37212" s="1" t="s">
        <v>128902</v>
      </c>
      <c r="G37212" s="1" t="s">
        <v>128834</v>
      </c>
      <c r="H37212" s="1" t="s">
        <v>128835</v>
      </c>
      <c r="I37212" s="1" t="s">
        <v>126615</v>
      </c>
      <c r="J37212" s="1" t="s">
        <v>128903</v>
      </c>
    </row>
    <row r="37213" spans="1:10" x14ac:dyDescent="0.35">
      <c r="A37213" s="1" t="s">
        <v>1962</v>
      </c>
      <c r="B37213" s="1" t="s">
        <v>126612</v>
      </c>
      <c r="C37213" s="1" t="s">
        <v>110</v>
      </c>
      <c r="D37213" s="1" t="s">
        <v>128904</v>
      </c>
      <c r="E37213" s="1" t="s">
        <v>128905</v>
      </c>
      <c r="F37213" s="1" t="s">
        <v>128906</v>
      </c>
      <c r="G37213" s="1" t="s">
        <v>128834</v>
      </c>
      <c r="H37213" s="1" t="s">
        <v>128835</v>
      </c>
      <c r="I37213" s="1" t="s">
        <v>126615</v>
      </c>
      <c r="J37213" s="1" t="s">
        <v>128907</v>
      </c>
    </row>
    <row r="37214" spans="1:10" x14ac:dyDescent="0.35">
      <c r="A37214" s="1" t="s">
        <v>1962</v>
      </c>
      <c r="B37214" s="1" t="s">
        <v>126612</v>
      </c>
      <c r="C37214" s="1" t="s">
        <v>115</v>
      </c>
      <c r="D37214" s="1" t="s">
        <v>128908</v>
      </c>
      <c r="E37214" s="1" t="s">
        <v>128909</v>
      </c>
      <c r="F37214" s="1" t="s">
        <v>128910</v>
      </c>
      <c r="G37214" s="1" t="s">
        <v>128834</v>
      </c>
      <c r="H37214" s="1" t="s">
        <v>128835</v>
      </c>
      <c r="I37214" s="1" t="s">
        <v>126615</v>
      </c>
      <c r="J37214" s="1" t="s">
        <v>128911</v>
      </c>
    </row>
    <row r="37215" spans="1:10" x14ac:dyDescent="0.35">
      <c r="A37215" s="1" t="s">
        <v>1962</v>
      </c>
      <c r="B37215" s="1" t="s">
        <v>126612</v>
      </c>
      <c r="C37215" s="1" t="s">
        <v>120</v>
      </c>
      <c r="D37215" s="1" t="s">
        <v>128912</v>
      </c>
      <c r="E37215" s="1" t="s">
        <v>128913</v>
      </c>
      <c r="F37215" s="1" t="s">
        <v>128914</v>
      </c>
      <c r="G37215" s="1" t="s">
        <v>128834</v>
      </c>
      <c r="H37215" s="1" t="s">
        <v>128835</v>
      </c>
      <c r="I37215" s="1" t="s">
        <v>126615</v>
      </c>
      <c r="J37215" s="1" t="s">
        <v>128915</v>
      </c>
    </row>
    <row r="37216" spans="1:10" x14ac:dyDescent="0.35">
      <c r="A37216" s="1" t="s">
        <v>1962</v>
      </c>
      <c r="B37216" s="1" t="s">
        <v>126612</v>
      </c>
      <c r="C37216" s="1" t="s">
        <v>125</v>
      </c>
      <c r="D37216" s="1" t="s">
        <v>61756</v>
      </c>
      <c r="E37216" s="1" t="s">
        <v>128916</v>
      </c>
      <c r="F37216" s="1" t="s">
        <v>128917</v>
      </c>
      <c r="G37216" s="1" t="s">
        <v>128834</v>
      </c>
      <c r="H37216" s="1" t="s">
        <v>128835</v>
      </c>
      <c r="I37216" s="1" t="s">
        <v>126615</v>
      </c>
      <c r="J37216" s="1" t="s">
        <v>128918</v>
      </c>
    </row>
    <row r="37217" spans="1:10" x14ac:dyDescent="0.35">
      <c r="A37217" s="1" t="s">
        <v>1962</v>
      </c>
      <c r="B37217" s="1" t="s">
        <v>126612</v>
      </c>
      <c r="C37217" s="1" t="s">
        <v>130</v>
      </c>
      <c r="D37217" s="1" t="s">
        <v>61362</v>
      </c>
      <c r="E37217" s="1" t="s">
        <v>128919</v>
      </c>
      <c r="F37217" s="1" t="s">
        <v>128920</v>
      </c>
      <c r="G37217" s="1" t="s">
        <v>128834</v>
      </c>
      <c r="H37217" s="1" t="s">
        <v>128835</v>
      </c>
      <c r="I37217" s="1" t="s">
        <v>126615</v>
      </c>
      <c r="J37217" s="1" t="s">
        <v>128921</v>
      </c>
    </row>
    <row r="37218" spans="1:10" x14ac:dyDescent="0.35">
      <c r="A37218" s="1" t="s">
        <v>1962</v>
      </c>
      <c r="B37218" s="1" t="s">
        <v>126612</v>
      </c>
      <c r="C37218" s="1" t="s">
        <v>135</v>
      </c>
      <c r="D37218" s="1" t="s">
        <v>128922</v>
      </c>
      <c r="E37218" s="1" t="s">
        <v>128923</v>
      </c>
      <c r="F37218" s="1" t="s">
        <v>128924</v>
      </c>
      <c r="G37218" s="1" t="s">
        <v>128834</v>
      </c>
      <c r="H37218" s="1" t="s">
        <v>128835</v>
      </c>
      <c r="I37218" s="1" t="s">
        <v>126615</v>
      </c>
      <c r="J37218" s="1" t="s">
        <v>128925</v>
      </c>
    </row>
    <row r="37219" spans="1:10" x14ac:dyDescent="0.35">
      <c r="A37219" s="1" t="s">
        <v>1962</v>
      </c>
      <c r="B37219" s="1" t="s">
        <v>126612</v>
      </c>
      <c r="C37219" s="1" t="s">
        <v>140</v>
      </c>
      <c r="D37219" s="1" t="s">
        <v>64597</v>
      </c>
      <c r="E37219" s="1" t="s">
        <v>128926</v>
      </c>
      <c r="F37219" s="1" t="s">
        <v>128927</v>
      </c>
      <c r="G37219" s="1" t="s">
        <v>128834</v>
      </c>
      <c r="H37219" s="1" t="s">
        <v>128835</v>
      </c>
      <c r="I37219" s="1" t="s">
        <v>126615</v>
      </c>
      <c r="J37219" s="1" t="s">
        <v>128928</v>
      </c>
    </row>
    <row r="37220" spans="1:10" x14ac:dyDescent="0.35">
      <c r="A37220" s="1" t="s">
        <v>1962</v>
      </c>
      <c r="B37220" s="1" t="s">
        <v>126612</v>
      </c>
      <c r="C37220" s="1" t="s">
        <v>145</v>
      </c>
      <c r="D37220" s="1" t="s">
        <v>103951</v>
      </c>
      <c r="E37220" s="1" t="s">
        <v>128919</v>
      </c>
      <c r="F37220" s="1" t="s">
        <v>128929</v>
      </c>
      <c r="G37220" s="1" t="s">
        <v>128834</v>
      </c>
      <c r="H37220" s="1" t="s">
        <v>128835</v>
      </c>
      <c r="I37220" s="1" t="s">
        <v>126615</v>
      </c>
      <c r="J37220" s="1" t="s">
        <v>128930</v>
      </c>
    </row>
    <row r="37221" spans="1:10" x14ac:dyDescent="0.35">
      <c r="A37221" s="1" t="s">
        <v>1962</v>
      </c>
      <c r="B37221" s="1" t="s">
        <v>126612</v>
      </c>
      <c r="C37221" s="1" t="s">
        <v>150</v>
      </c>
      <c r="D37221" s="1" t="s">
        <v>64266</v>
      </c>
      <c r="E37221" s="1" t="s">
        <v>128931</v>
      </c>
      <c r="F37221" s="1" t="s">
        <v>128932</v>
      </c>
      <c r="G37221" s="1" t="s">
        <v>128834</v>
      </c>
      <c r="H37221" s="1" t="s">
        <v>128835</v>
      </c>
      <c r="I37221" s="1" t="s">
        <v>126615</v>
      </c>
      <c r="J37221" s="1" t="s">
        <v>128933</v>
      </c>
    </row>
    <row r="37222" spans="1:10" x14ac:dyDescent="0.35">
      <c r="A37222" s="1" t="s">
        <v>1962</v>
      </c>
      <c r="B37222" s="1" t="s">
        <v>126612</v>
      </c>
      <c r="C37222" s="1" t="s">
        <v>155</v>
      </c>
      <c r="D37222" s="1" t="s">
        <v>97217</v>
      </c>
      <c r="E37222" s="1" t="s">
        <v>128934</v>
      </c>
      <c r="F37222" s="1" t="s">
        <v>128935</v>
      </c>
      <c r="G37222" s="1" t="s">
        <v>128834</v>
      </c>
      <c r="H37222" s="1" t="s">
        <v>128835</v>
      </c>
      <c r="I37222" s="1" t="s">
        <v>126615</v>
      </c>
      <c r="J37222" s="1" t="s">
        <v>128936</v>
      </c>
    </row>
    <row r="37223" spans="1:10" x14ac:dyDescent="0.35">
      <c r="A37223" s="1" t="s">
        <v>1962</v>
      </c>
      <c r="B37223" s="1" t="s">
        <v>126612</v>
      </c>
      <c r="C37223" s="1" t="s">
        <v>160</v>
      </c>
      <c r="D37223" s="1" t="s">
        <v>128937</v>
      </c>
      <c r="E37223" s="1" t="s">
        <v>128938</v>
      </c>
      <c r="F37223" s="1" t="s">
        <v>128939</v>
      </c>
      <c r="G37223" s="1" t="s">
        <v>128834</v>
      </c>
      <c r="H37223" s="1" t="s">
        <v>128835</v>
      </c>
      <c r="I37223" s="1" t="s">
        <v>126615</v>
      </c>
      <c r="J37223" s="1" t="s">
        <v>128940</v>
      </c>
    </row>
    <row r="37224" spans="1:10" x14ac:dyDescent="0.35">
      <c r="A37224" s="1" t="s">
        <v>1962</v>
      </c>
      <c r="B37224" s="1" t="s">
        <v>126612</v>
      </c>
      <c r="C37224" s="1" t="s">
        <v>165</v>
      </c>
      <c r="D37224" s="1" t="s">
        <v>128941</v>
      </c>
      <c r="E37224" s="1" t="s">
        <v>128942</v>
      </c>
      <c r="F37224" s="1" t="s">
        <v>128943</v>
      </c>
      <c r="G37224" s="1" t="s">
        <v>128834</v>
      </c>
      <c r="H37224" s="1" t="s">
        <v>128835</v>
      </c>
      <c r="I37224" s="1" t="s">
        <v>126615</v>
      </c>
      <c r="J37224" s="1" t="s">
        <v>128944</v>
      </c>
    </row>
    <row r="37225" spans="1:10" x14ac:dyDescent="0.35">
      <c r="A37225" s="1" t="s">
        <v>1962</v>
      </c>
      <c r="B37225" s="1" t="s">
        <v>126612</v>
      </c>
      <c r="C37225" s="1" t="s">
        <v>170</v>
      </c>
      <c r="D37225" s="1" t="s">
        <v>24517</v>
      </c>
      <c r="E37225" s="1" t="s">
        <v>128945</v>
      </c>
      <c r="F37225" s="1" t="s">
        <v>128946</v>
      </c>
      <c r="G37225" s="1" t="s">
        <v>128834</v>
      </c>
      <c r="H37225" s="1" t="s">
        <v>128835</v>
      </c>
      <c r="I37225" s="1" t="s">
        <v>126615</v>
      </c>
      <c r="J37225" s="1" t="s">
        <v>128947</v>
      </c>
    </row>
    <row r="37226" spans="1:10" x14ac:dyDescent="0.35">
      <c r="A37226" s="1" t="s">
        <v>1174</v>
      </c>
      <c r="B37226" s="1" t="s">
        <v>126612</v>
      </c>
      <c r="C37226" s="1" t="s">
        <v>8</v>
      </c>
      <c r="D37226" s="1" t="s">
        <v>128948</v>
      </c>
      <c r="E37226" s="1" t="s">
        <v>127970</v>
      </c>
      <c r="F37226" s="1" t="s">
        <v>128949</v>
      </c>
      <c r="G37226" s="1" t="s">
        <v>128950</v>
      </c>
      <c r="H37226" s="1" t="s">
        <v>128951</v>
      </c>
      <c r="I37226" s="1" t="s">
        <v>126615</v>
      </c>
      <c r="J37226" s="1" t="s">
        <v>13</v>
      </c>
    </row>
    <row r="37227" spans="1:10" x14ac:dyDescent="0.35">
      <c r="A37227" s="1" t="s">
        <v>1174</v>
      </c>
      <c r="B37227" s="1" t="s">
        <v>126612</v>
      </c>
      <c r="C37227" s="1" t="s">
        <v>15</v>
      </c>
      <c r="D37227" s="1" t="s">
        <v>128952</v>
      </c>
      <c r="E37227" s="1" t="s">
        <v>128273</v>
      </c>
      <c r="F37227" s="1" t="s">
        <v>128953</v>
      </c>
      <c r="G37227" s="1" t="s">
        <v>128950</v>
      </c>
      <c r="H37227" s="1" t="s">
        <v>128951</v>
      </c>
      <c r="I37227" s="1" t="s">
        <v>126615</v>
      </c>
      <c r="J37227" s="1" t="s">
        <v>128954</v>
      </c>
    </row>
    <row r="37228" spans="1:10" x14ac:dyDescent="0.35">
      <c r="A37228" s="1" t="s">
        <v>1174</v>
      </c>
      <c r="B37228" s="1" t="s">
        <v>126612</v>
      </c>
      <c r="C37228" s="1" t="s">
        <v>20</v>
      </c>
      <c r="D37228" s="1" t="s">
        <v>60542</v>
      </c>
      <c r="E37228" s="1" t="s">
        <v>128955</v>
      </c>
      <c r="F37228" s="1" t="s">
        <v>128956</v>
      </c>
      <c r="G37228" s="1" t="s">
        <v>128950</v>
      </c>
      <c r="H37228" s="1" t="s">
        <v>128951</v>
      </c>
      <c r="I37228" s="1" t="s">
        <v>126615</v>
      </c>
      <c r="J37228" s="1" t="s">
        <v>128957</v>
      </c>
    </row>
    <row r="37229" spans="1:10" x14ac:dyDescent="0.35">
      <c r="A37229" s="1" t="s">
        <v>1174</v>
      </c>
      <c r="B37229" s="1" t="s">
        <v>126612</v>
      </c>
      <c r="C37229" s="1" t="s">
        <v>25</v>
      </c>
      <c r="D37229" s="1" t="s">
        <v>128958</v>
      </c>
      <c r="E37229" s="1" t="s">
        <v>128959</v>
      </c>
      <c r="F37229" s="1" t="s">
        <v>128960</v>
      </c>
      <c r="G37229" s="1" t="s">
        <v>128950</v>
      </c>
      <c r="H37229" s="1" t="s">
        <v>128951</v>
      </c>
      <c r="I37229" s="1" t="s">
        <v>126615</v>
      </c>
      <c r="J37229" s="1" t="s">
        <v>128961</v>
      </c>
    </row>
    <row r="37230" spans="1:10" x14ac:dyDescent="0.35">
      <c r="A37230" s="1" t="s">
        <v>1174</v>
      </c>
      <c r="B37230" s="1" t="s">
        <v>126612</v>
      </c>
      <c r="C37230" s="1" t="s">
        <v>30</v>
      </c>
      <c r="D37230" s="1" t="s">
        <v>128962</v>
      </c>
      <c r="E37230" s="1" t="s">
        <v>127273</v>
      </c>
      <c r="F37230" s="1" t="s">
        <v>56056</v>
      </c>
      <c r="G37230" s="1" t="s">
        <v>128950</v>
      </c>
      <c r="H37230" s="1" t="s">
        <v>128951</v>
      </c>
      <c r="I37230" s="1" t="s">
        <v>126615</v>
      </c>
      <c r="J37230" s="1" t="s">
        <v>128963</v>
      </c>
    </row>
    <row r="37231" spans="1:10" x14ac:dyDescent="0.35">
      <c r="A37231" s="1" t="s">
        <v>1174</v>
      </c>
      <c r="B37231" s="1" t="s">
        <v>126612</v>
      </c>
      <c r="C37231" s="1" t="s">
        <v>35</v>
      </c>
      <c r="D37231" s="1" t="s">
        <v>128964</v>
      </c>
      <c r="E37231" s="1" t="s">
        <v>128965</v>
      </c>
      <c r="F37231" s="1" t="s">
        <v>128966</v>
      </c>
      <c r="G37231" s="1" t="s">
        <v>128950</v>
      </c>
      <c r="H37231" s="1" t="s">
        <v>128951</v>
      </c>
      <c r="I37231" s="1" t="s">
        <v>126615</v>
      </c>
      <c r="J37231" s="1" t="s">
        <v>128967</v>
      </c>
    </row>
    <row r="37232" spans="1:10" x14ac:dyDescent="0.35">
      <c r="A37232" s="1" t="s">
        <v>1174</v>
      </c>
      <c r="B37232" s="1" t="s">
        <v>126612</v>
      </c>
      <c r="C37232" s="1" t="s">
        <v>40</v>
      </c>
      <c r="D37232" s="1" t="s">
        <v>19273</v>
      </c>
      <c r="E37232" s="1" t="s">
        <v>128968</v>
      </c>
      <c r="F37232" s="1" t="s">
        <v>64311</v>
      </c>
      <c r="G37232" s="1" t="s">
        <v>128950</v>
      </c>
      <c r="H37232" s="1" t="s">
        <v>128951</v>
      </c>
      <c r="I37232" s="1" t="s">
        <v>126615</v>
      </c>
      <c r="J37232" s="1" t="s">
        <v>128969</v>
      </c>
    </row>
    <row r="37233" spans="1:10" x14ac:dyDescent="0.35">
      <c r="A37233" s="1" t="s">
        <v>1174</v>
      </c>
      <c r="B37233" s="1" t="s">
        <v>126612</v>
      </c>
      <c r="C37233" s="1" t="s">
        <v>45</v>
      </c>
      <c r="D37233" s="1" t="s">
        <v>128970</v>
      </c>
      <c r="E37233" s="1" t="s">
        <v>128678</v>
      </c>
      <c r="F37233" s="1" t="s">
        <v>128971</v>
      </c>
      <c r="G37233" s="1" t="s">
        <v>128950</v>
      </c>
      <c r="H37233" s="1" t="s">
        <v>128951</v>
      </c>
      <c r="I37233" s="1" t="s">
        <v>126615</v>
      </c>
      <c r="J37233" s="1" t="s">
        <v>128972</v>
      </c>
    </row>
    <row r="37234" spans="1:10" x14ac:dyDescent="0.35">
      <c r="A37234" s="1" t="s">
        <v>1174</v>
      </c>
      <c r="B37234" s="1" t="s">
        <v>126612</v>
      </c>
      <c r="C37234" s="1" t="s">
        <v>50</v>
      </c>
      <c r="D37234" s="1" t="s">
        <v>128973</v>
      </c>
      <c r="E37234" s="1" t="s">
        <v>90262</v>
      </c>
      <c r="F37234" s="1" t="s">
        <v>128974</v>
      </c>
      <c r="G37234" s="1" t="s">
        <v>128950</v>
      </c>
      <c r="H37234" s="1" t="s">
        <v>128951</v>
      </c>
      <c r="I37234" s="1" t="s">
        <v>126615</v>
      </c>
      <c r="J37234" s="1" t="s">
        <v>128975</v>
      </c>
    </row>
    <row r="37235" spans="1:10" x14ac:dyDescent="0.35">
      <c r="A37235" s="1" t="s">
        <v>1174</v>
      </c>
      <c r="B37235" s="1" t="s">
        <v>126612</v>
      </c>
      <c r="C37235" s="1" t="s">
        <v>55</v>
      </c>
      <c r="D37235" s="1" t="s">
        <v>128976</v>
      </c>
      <c r="E37235" s="1" t="s">
        <v>128977</v>
      </c>
      <c r="F37235" s="1" t="s">
        <v>128978</v>
      </c>
      <c r="G37235" s="1" t="s">
        <v>128950</v>
      </c>
      <c r="H37235" s="1" t="s">
        <v>128951</v>
      </c>
      <c r="I37235" s="1" t="s">
        <v>126615</v>
      </c>
      <c r="J37235" s="1" t="s">
        <v>128979</v>
      </c>
    </row>
    <row r="37236" spans="1:10" x14ac:dyDescent="0.35">
      <c r="A37236" s="1" t="s">
        <v>1174</v>
      </c>
      <c r="B37236" s="1" t="s">
        <v>126612</v>
      </c>
      <c r="C37236" s="1" t="s">
        <v>60</v>
      </c>
      <c r="D37236" s="1" t="s">
        <v>128980</v>
      </c>
      <c r="E37236" s="1" t="s">
        <v>127276</v>
      </c>
      <c r="F37236" s="1" t="s">
        <v>67914</v>
      </c>
      <c r="G37236" s="1" t="s">
        <v>128950</v>
      </c>
      <c r="H37236" s="1" t="s">
        <v>128951</v>
      </c>
      <c r="I37236" s="1" t="s">
        <v>126615</v>
      </c>
      <c r="J37236" s="1" t="s">
        <v>128981</v>
      </c>
    </row>
    <row r="37237" spans="1:10" x14ac:dyDescent="0.35">
      <c r="A37237" s="1" t="s">
        <v>1174</v>
      </c>
      <c r="B37237" s="1" t="s">
        <v>126612</v>
      </c>
      <c r="C37237" s="1" t="s">
        <v>65</v>
      </c>
      <c r="D37237" s="1" t="s">
        <v>128982</v>
      </c>
      <c r="E37237" s="1" t="s">
        <v>128453</v>
      </c>
      <c r="F37237" s="1" t="s">
        <v>128983</v>
      </c>
      <c r="G37237" s="1" t="s">
        <v>128950</v>
      </c>
      <c r="H37237" s="1" t="s">
        <v>128951</v>
      </c>
      <c r="I37237" s="1" t="s">
        <v>126615</v>
      </c>
      <c r="J37237" s="1" t="s">
        <v>128984</v>
      </c>
    </row>
    <row r="37238" spans="1:10" x14ac:dyDescent="0.35">
      <c r="A37238" s="1" t="s">
        <v>1174</v>
      </c>
      <c r="B37238" s="1" t="s">
        <v>126612</v>
      </c>
      <c r="C37238" s="1" t="s">
        <v>70</v>
      </c>
      <c r="D37238" s="1" t="s">
        <v>128985</v>
      </c>
      <c r="E37238" s="1" t="s">
        <v>128986</v>
      </c>
      <c r="F37238" s="1" t="s">
        <v>128987</v>
      </c>
      <c r="G37238" s="1" t="s">
        <v>128950</v>
      </c>
      <c r="H37238" s="1" t="s">
        <v>128951</v>
      </c>
      <c r="I37238" s="1" t="s">
        <v>126615</v>
      </c>
      <c r="J37238" s="1" t="s">
        <v>128988</v>
      </c>
    </row>
    <row r="37239" spans="1:10" x14ac:dyDescent="0.35">
      <c r="A37239" s="1" t="s">
        <v>1174</v>
      </c>
      <c r="B37239" s="1" t="s">
        <v>126612</v>
      </c>
      <c r="C37239" s="1" t="s">
        <v>75</v>
      </c>
      <c r="D37239" s="1" t="s">
        <v>128989</v>
      </c>
      <c r="E37239" s="1" t="s">
        <v>128017</v>
      </c>
      <c r="F37239" s="1" t="s">
        <v>128990</v>
      </c>
      <c r="G37239" s="1" t="s">
        <v>128950</v>
      </c>
      <c r="H37239" s="1" t="s">
        <v>128951</v>
      </c>
      <c r="I37239" s="1" t="s">
        <v>126615</v>
      </c>
      <c r="J37239" s="1" t="s">
        <v>128991</v>
      </c>
    </row>
    <row r="37240" spans="1:10" x14ac:dyDescent="0.35">
      <c r="A37240" s="1" t="s">
        <v>1174</v>
      </c>
      <c r="B37240" s="1" t="s">
        <v>126612</v>
      </c>
      <c r="C37240" s="1" t="s">
        <v>80</v>
      </c>
      <c r="D37240" s="1" t="s">
        <v>128992</v>
      </c>
      <c r="E37240" s="1" t="s">
        <v>128993</v>
      </c>
      <c r="F37240" s="1" t="s">
        <v>128994</v>
      </c>
      <c r="G37240" s="1" t="s">
        <v>128950</v>
      </c>
      <c r="H37240" s="1" t="s">
        <v>128951</v>
      </c>
      <c r="I37240" s="1" t="s">
        <v>126615</v>
      </c>
      <c r="J37240" s="1" t="s">
        <v>128995</v>
      </c>
    </row>
    <row r="37241" spans="1:10" x14ac:dyDescent="0.35">
      <c r="A37241" s="1" t="s">
        <v>1174</v>
      </c>
      <c r="B37241" s="1" t="s">
        <v>126612</v>
      </c>
      <c r="C37241" s="1" t="s">
        <v>85</v>
      </c>
      <c r="D37241" s="1" t="s">
        <v>128996</v>
      </c>
      <c r="E37241" s="1" t="s">
        <v>128997</v>
      </c>
      <c r="F37241" s="1" t="s">
        <v>128998</v>
      </c>
      <c r="G37241" s="1" t="s">
        <v>128950</v>
      </c>
      <c r="H37241" s="1" t="s">
        <v>128951</v>
      </c>
      <c r="I37241" s="1" t="s">
        <v>126615</v>
      </c>
      <c r="J37241" s="1" t="s">
        <v>128999</v>
      </c>
    </row>
    <row r="37242" spans="1:10" x14ac:dyDescent="0.35">
      <c r="A37242" s="1" t="s">
        <v>1174</v>
      </c>
      <c r="B37242" s="1" t="s">
        <v>126612</v>
      </c>
      <c r="C37242" s="1" t="s">
        <v>90</v>
      </c>
      <c r="D37242" s="1" t="s">
        <v>129000</v>
      </c>
      <c r="E37242" s="1" t="s">
        <v>128674</v>
      </c>
      <c r="F37242" s="1" t="s">
        <v>129001</v>
      </c>
      <c r="G37242" s="1" t="s">
        <v>128950</v>
      </c>
      <c r="H37242" s="1" t="s">
        <v>128951</v>
      </c>
      <c r="I37242" s="1" t="s">
        <v>126615</v>
      </c>
      <c r="J37242" s="1" t="s">
        <v>129002</v>
      </c>
    </row>
    <row r="37243" spans="1:10" x14ac:dyDescent="0.35">
      <c r="A37243" s="1" t="s">
        <v>1174</v>
      </c>
      <c r="B37243" s="1" t="s">
        <v>126612</v>
      </c>
      <c r="C37243" s="1" t="s">
        <v>95</v>
      </c>
      <c r="D37243" s="1" t="s">
        <v>57624</v>
      </c>
      <c r="E37243" s="1" t="s">
        <v>128017</v>
      </c>
      <c r="F37243" s="1" t="s">
        <v>129003</v>
      </c>
      <c r="G37243" s="1" t="s">
        <v>128950</v>
      </c>
      <c r="H37243" s="1" t="s">
        <v>128951</v>
      </c>
      <c r="I37243" s="1" t="s">
        <v>126615</v>
      </c>
      <c r="J37243" s="1" t="s">
        <v>129004</v>
      </c>
    </row>
    <row r="37244" spans="1:10" x14ac:dyDescent="0.35">
      <c r="A37244" s="1" t="s">
        <v>1174</v>
      </c>
      <c r="B37244" s="1" t="s">
        <v>126612</v>
      </c>
      <c r="C37244" s="1" t="s">
        <v>100</v>
      </c>
      <c r="D37244" s="1" t="s">
        <v>21112</v>
      </c>
      <c r="E37244" s="1" t="s">
        <v>129005</v>
      </c>
      <c r="F37244" s="1" t="s">
        <v>107553</v>
      </c>
      <c r="G37244" s="1" t="s">
        <v>128950</v>
      </c>
      <c r="H37244" s="1" t="s">
        <v>128951</v>
      </c>
      <c r="I37244" s="1" t="s">
        <v>126615</v>
      </c>
      <c r="J37244" s="1" t="s">
        <v>129006</v>
      </c>
    </row>
    <row r="37245" spans="1:10" x14ac:dyDescent="0.35">
      <c r="A37245" s="1" t="s">
        <v>1174</v>
      </c>
      <c r="B37245" s="1" t="s">
        <v>126612</v>
      </c>
      <c r="C37245" s="1" t="s">
        <v>105</v>
      </c>
      <c r="D37245" s="1" t="s">
        <v>129007</v>
      </c>
      <c r="E37245" s="1" t="s">
        <v>109227</v>
      </c>
      <c r="F37245" s="1" t="s">
        <v>129008</v>
      </c>
      <c r="G37245" s="1" t="s">
        <v>128950</v>
      </c>
      <c r="H37245" s="1" t="s">
        <v>128951</v>
      </c>
      <c r="I37245" s="1" t="s">
        <v>126615</v>
      </c>
      <c r="J37245" s="1" t="s">
        <v>129009</v>
      </c>
    </row>
    <row r="37246" spans="1:10" x14ac:dyDescent="0.35">
      <c r="A37246" s="1" t="s">
        <v>1174</v>
      </c>
      <c r="B37246" s="1" t="s">
        <v>126612</v>
      </c>
      <c r="C37246" s="1" t="s">
        <v>110</v>
      </c>
      <c r="D37246" s="1" t="s">
        <v>129010</v>
      </c>
      <c r="E37246" s="1" t="s">
        <v>94880</v>
      </c>
      <c r="F37246" s="1" t="s">
        <v>128460</v>
      </c>
      <c r="G37246" s="1" t="s">
        <v>128950</v>
      </c>
      <c r="H37246" s="1" t="s">
        <v>128951</v>
      </c>
      <c r="I37246" s="1" t="s">
        <v>126615</v>
      </c>
      <c r="J37246" s="1" t="s">
        <v>129011</v>
      </c>
    </row>
    <row r="37247" spans="1:10" x14ac:dyDescent="0.35">
      <c r="A37247" s="1" t="s">
        <v>1174</v>
      </c>
      <c r="B37247" s="1" t="s">
        <v>126612</v>
      </c>
      <c r="C37247" s="1" t="s">
        <v>115</v>
      </c>
      <c r="D37247" s="1" t="s">
        <v>129012</v>
      </c>
      <c r="E37247" s="1" t="s">
        <v>129013</v>
      </c>
      <c r="F37247" s="1" t="s">
        <v>129014</v>
      </c>
      <c r="G37247" s="1" t="s">
        <v>128950</v>
      </c>
      <c r="H37247" s="1" t="s">
        <v>128951</v>
      </c>
      <c r="I37247" s="1" t="s">
        <v>126615</v>
      </c>
      <c r="J37247" s="1" t="s">
        <v>129015</v>
      </c>
    </row>
    <row r="37248" spans="1:10" x14ac:dyDescent="0.35">
      <c r="A37248" s="1" t="s">
        <v>1174</v>
      </c>
      <c r="B37248" s="1" t="s">
        <v>126612</v>
      </c>
      <c r="C37248" s="1" t="s">
        <v>120</v>
      </c>
      <c r="D37248" s="1" t="s">
        <v>129016</v>
      </c>
      <c r="E37248" s="1" t="s">
        <v>16212</v>
      </c>
      <c r="F37248" s="1" t="s">
        <v>60835</v>
      </c>
      <c r="G37248" s="1" t="s">
        <v>128950</v>
      </c>
      <c r="H37248" s="1" t="s">
        <v>128951</v>
      </c>
      <c r="I37248" s="1" t="s">
        <v>126615</v>
      </c>
      <c r="J37248" s="1" t="s">
        <v>129017</v>
      </c>
    </row>
    <row r="37249" spans="1:10" x14ac:dyDescent="0.35">
      <c r="A37249" s="1" t="s">
        <v>1174</v>
      </c>
      <c r="B37249" s="1" t="s">
        <v>126612</v>
      </c>
      <c r="C37249" s="1" t="s">
        <v>125</v>
      </c>
      <c r="D37249" s="1" t="s">
        <v>27290</v>
      </c>
      <c r="E37249" s="1" t="s">
        <v>70881</v>
      </c>
      <c r="F37249" s="1" t="s">
        <v>129018</v>
      </c>
      <c r="G37249" s="1" t="s">
        <v>128950</v>
      </c>
      <c r="H37249" s="1" t="s">
        <v>128951</v>
      </c>
      <c r="I37249" s="1" t="s">
        <v>126615</v>
      </c>
      <c r="J37249" s="1" t="s">
        <v>129019</v>
      </c>
    </row>
    <row r="37250" spans="1:10" x14ac:dyDescent="0.35">
      <c r="A37250" s="1" t="s">
        <v>1174</v>
      </c>
      <c r="B37250" s="1" t="s">
        <v>126612</v>
      </c>
      <c r="C37250" s="1" t="s">
        <v>130</v>
      </c>
      <c r="D37250" s="1" t="s">
        <v>61452</v>
      </c>
      <c r="E37250" s="1" t="s">
        <v>128055</v>
      </c>
      <c r="F37250" s="1" t="s">
        <v>129020</v>
      </c>
      <c r="G37250" s="1" t="s">
        <v>128950</v>
      </c>
      <c r="H37250" s="1" t="s">
        <v>128951</v>
      </c>
      <c r="I37250" s="1" t="s">
        <v>126615</v>
      </c>
      <c r="J37250" s="1" t="s">
        <v>129021</v>
      </c>
    </row>
    <row r="37251" spans="1:10" x14ac:dyDescent="0.35">
      <c r="A37251" s="1" t="s">
        <v>1174</v>
      </c>
      <c r="B37251" s="1" t="s">
        <v>126612</v>
      </c>
      <c r="C37251" s="1" t="s">
        <v>135</v>
      </c>
      <c r="D37251" s="1" t="s">
        <v>129022</v>
      </c>
      <c r="E37251" s="1" t="s">
        <v>48037</v>
      </c>
      <c r="F37251" s="1" t="s">
        <v>129023</v>
      </c>
      <c r="G37251" s="1" t="s">
        <v>128950</v>
      </c>
      <c r="H37251" s="1" t="s">
        <v>128951</v>
      </c>
      <c r="I37251" s="1" t="s">
        <v>126615</v>
      </c>
      <c r="J37251" s="1" t="s">
        <v>129024</v>
      </c>
    </row>
    <row r="37252" spans="1:10" x14ac:dyDescent="0.35">
      <c r="A37252" s="1" t="s">
        <v>1174</v>
      </c>
      <c r="B37252" s="1" t="s">
        <v>126612</v>
      </c>
      <c r="C37252" s="1" t="s">
        <v>140</v>
      </c>
      <c r="D37252" s="1" t="s">
        <v>129025</v>
      </c>
      <c r="E37252" s="1" t="s">
        <v>94684</v>
      </c>
      <c r="F37252" s="1" t="s">
        <v>64520</v>
      </c>
      <c r="G37252" s="1" t="s">
        <v>128950</v>
      </c>
      <c r="H37252" s="1" t="s">
        <v>128951</v>
      </c>
      <c r="I37252" s="1" t="s">
        <v>126615</v>
      </c>
      <c r="J37252" s="1" t="s">
        <v>129026</v>
      </c>
    </row>
    <row r="37253" spans="1:10" x14ac:dyDescent="0.35">
      <c r="A37253" s="1" t="s">
        <v>1174</v>
      </c>
      <c r="B37253" s="1" t="s">
        <v>126612</v>
      </c>
      <c r="C37253" s="1" t="s">
        <v>145</v>
      </c>
      <c r="D37253" s="1" t="s">
        <v>129027</v>
      </c>
      <c r="E37253" s="1" t="s">
        <v>129028</v>
      </c>
      <c r="F37253" s="1" t="s">
        <v>129029</v>
      </c>
      <c r="G37253" s="1" t="s">
        <v>128950</v>
      </c>
      <c r="H37253" s="1" t="s">
        <v>128951</v>
      </c>
      <c r="I37253" s="1" t="s">
        <v>126615</v>
      </c>
      <c r="J37253" s="1" t="s">
        <v>129030</v>
      </c>
    </row>
    <row r="37254" spans="1:10" x14ac:dyDescent="0.35">
      <c r="A37254" s="1" t="s">
        <v>1174</v>
      </c>
      <c r="B37254" s="1" t="s">
        <v>126612</v>
      </c>
      <c r="C37254" s="1" t="s">
        <v>150</v>
      </c>
      <c r="D37254" s="1" t="s">
        <v>129031</v>
      </c>
      <c r="E37254" s="1" t="s">
        <v>108748</v>
      </c>
      <c r="F37254" s="1" t="s">
        <v>129032</v>
      </c>
      <c r="G37254" s="1" t="s">
        <v>128950</v>
      </c>
      <c r="H37254" s="1" t="s">
        <v>128951</v>
      </c>
      <c r="I37254" s="1" t="s">
        <v>126615</v>
      </c>
      <c r="J37254" s="1" t="s">
        <v>129033</v>
      </c>
    </row>
    <row r="37255" spans="1:10" x14ac:dyDescent="0.35">
      <c r="A37255" s="1" t="s">
        <v>1174</v>
      </c>
      <c r="B37255" s="1" t="s">
        <v>126612</v>
      </c>
      <c r="C37255" s="1" t="s">
        <v>155</v>
      </c>
      <c r="D37255" s="1" t="s">
        <v>129034</v>
      </c>
      <c r="E37255" s="1" t="s">
        <v>16291</v>
      </c>
      <c r="F37255" s="1" t="s">
        <v>129035</v>
      </c>
      <c r="G37255" s="1" t="s">
        <v>128950</v>
      </c>
      <c r="H37255" s="1" t="s">
        <v>128951</v>
      </c>
      <c r="I37255" s="1" t="s">
        <v>126615</v>
      </c>
      <c r="J37255" s="1" t="s">
        <v>129036</v>
      </c>
    </row>
    <row r="37256" spans="1:10" x14ac:dyDescent="0.35">
      <c r="A37256" s="1" t="s">
        <v>1174</v>
      </c>
      <c r="B37256" s="1" t="s">
        <v>126612</v>
      </c>
      <c r="C37256" s="1" t="s">
        <v>160</v>
      </c>
      <c r="D37256" s="1" t="s">
        <v>129037</v>
      </c>
      <c r="E37256" s="1" t="s">
        <v>105262</v>
      </c>
      <c r="F37256" s="1" t="s">
        <v>66499</v>
      </c>
      <c r="G37256" s="1" t="s">
        <v>128950</v>
      </c>
      <c r="H37256" s="1" t="s">
        <v>128951</v>
      </c>
      <c r="I37256" s="1" t="s">
        <v>126615</v>
      </c>
      <c r="J37256" s="1" t="s">
        <v>129038</v>
      </c>
    </row>
    <row r="37257" spans="1:10" x14ac:dyDescent="0.35">
      <c r="A37257" s="1" t="s">
        <v>1174</v>
      </c>
      <c r="B37257" s="1" t="s">
        <v>126612</v>
      </c>
      <c r="C37257" s="1" t="s">
        <v>165</v>
      </c>
      <c r="D37257" s="1" t="s">
        <v>129039</v>
      </c>
      <c r="E37257" s="1" t="s">
        <v>105278</v>
      </c>
      <c r="F37257" s="1" t="s">
        <v>66960</v>
      </c>
      <c r="G37257" s="1" t="s">
        <v>128950</v>
      </c>
      <c r="H37257" s="1" t="s">
        <v>128951</v>
      </c>
      <c r="I37257" s="1" t="s">
        <v>126615</v>
      </c>
      <c r="J37257" s="1" t="s">
        <v>129040</v>
      </c>
    </row>
    <row r="37258" spans="1:10" x14ac:dyDescent="0.35">
      <c r="A37258" s="1" t="s">
        <v>1174</v>
      </c>
      <c r="B37258" s="1" t="s">
        <v>126612</v>
      </c>
      <c r="C37258" s="1" t="s">
        <v>170</v>
      </c>
      <c r="D37258" s="1" t="s">
        <v>129041</v>
      </c>
      <c r="E37258" s="1" t="s">
        <v>129042</v>
      </c>
      <c r="F37258" s="1" t="s">
        <v>56711</v>
      </c>
      <c r="G37258" s="1" t="s">
        <v>128950</v>
      </c>
      <c r="H37258" s="1" t="s">
        <v>128951</v>
      </c>
      <c r="I37258" s="1" t="s">
        <v>126615</v>
      </c>
      <c r="J37258" s="1" t="s">
        <v>129043</v>
      </c>
    </row>
    <row r="37259" spans="1:10" x14ac:dyDescent="0.35">
      <c r="A37259" s="1" t="s">
        <v>1536</v>
      </c>
      <c r="B37259" s="1" t="s">
        <v>126612</v>
      </c>
      <c r="C37259" s="1" t="s">
        <v>8</v>
      </c>
      <c r="D37259" s="1" t="s">
        <v>129044</v>
      </c>
      <c r="E37259" s="1" t="s">
        <v>129045</v>
      </c>
      <c r="F37259" s="1" t="s">
        <v>129046</v>
      </c>
      <c r="G37259" s="1" t="s">
        <v>129047</v>
      </c>
      <c r="H37259" s="1" t="s">
        <v>129048</v>
      </c>
      <c r="I37259" s="1" t="s">
        <v>126615</v>
      </c>
      <c r="J37259" s="1" t="s">
        <v>13</v>
      </c>
    </row>
    <row r="37260" spans="1:10" x14ac:dyDescent="0.35">
      <c r="A37260" s="1" t="s">
        <v>1536</v>
      </c>
      <c r="B37260" s="1" t="s">
        <v>126612</v>
      </c>
      <c r="C37260" s="1" t="s">
        <v>15</v>
      </c>
      <c r="D37260" s="1" t="s">
        <v>129049</v>
      </c>
      <c r="E37260" s="1" t="s">
        <v>129050</v>
      </c>
      <c r="F37260" s="1" t="s">
        <v>129051</v>
      </c>
      <c r="G37260" s="1" t="s">
        <v>129047</v>
      </c>
      <c r="H37260" s="1" t="s">
        <v>129048</v>
      </c>
      <c r="I37260" s="1" t="s">
        <v>126615</v>
      </c>
      <c r="J37260" s="1" t="s">
        <v>129052</v>
      </c>
    </row>
    <row r="37261" spans="1:10" x14ac:dyDescent="0.35">
      <c r="A37261" s="1" t="s">
        <v>1536</v>
      </c>
      <c r="B37261" s="1" t="s">
        <v>126612</v>
      </c>
      <c r="C37261" s="1" t="s">
        <v>20</v>
      </c>
      <c r="D37261" s="1" t="s">
        <v>56189</v>
      </c>
      <c r="E37261" s="1" t="s">
        <v>129053</v>
      </c>
      <c r="F37261" s="1" t="s">
        <v>129054</v>
      </c>
      <c r="G37261" s="1" t="s">
        <v>129047</v>
      </c>
      <c r="H37261" s="1" t="s">
        <v>129048</v>
      </c>
      <c r="I37261" s="1" t="s">
        <v>126615</v>
      </c>
      <c r="J37261" s="1" t="s">
        <v>129055</v>
      </c>
    </row>
    <row r="37262" spans="1:10" x14ac:dyDescent="0.35">
      <c r="A37262" s="1" t="s">
        <v>1536</v>
      </c>
      <c r="B37262" s="1" t="s">
        <v>126612</v>
      </c>
      <c r="C37262" s="1" t="s">
        <v>25</v>
      </c>
      <c r="D37262" s="1" t="s">
        <v>129056</v>
      </c>
      <c r="E37262" s="1" t="s">
        <v>129057</v>
      </c>
      <c r="F37262" s="1" t="s">
        <v>129058</v>
      </c>
      <c r="G37262" s="1" t="s">
        <v>129047</v>
      </c>
      <c r="H37262" s="1" t="s">
        <v>129048</v>
      </c>
      <c r="I37262" s="1" t="s">
        <v>126615</v>
      </c>
      <c r="J37262" s="1" t="s">
        <v>129059</v>
      </c>
    </row>
    <row r="37263" spans="1:10" x14ac:dyDescent="0.35">
      <c r="A37263" s="1" t="s">
        <v>1536</v>
      </c>
      <c r="B37263" s="1" t="s">
        <v>126612</v>
      </c>
      <c r="C37263" s="1" t="s">
        <v>30</v>
      </c>
      <c r="D37263" s="1" t="s">
        <v>99537</v>
      </c>
      <c r="E37263" s="1" t="s">
        <v>129060</v>
      </c>
      <c r="F37263" s="1" t="s">
        <v>129061</v>
      </c>
      <c r="G37263" s="1" t="s">
        <v>129047</v>
      </c>
      <c r="H37263" s="1" t="s">
        <v>129048</v>
      </c>
      <c r="I37263" s="1" t="s">
        <v>126615</v>
      </c>
      <c r="J37263" s="1" t="s">
        <v>129062</v>
      </c>
    </row>
    <row r="37264" spans="1:10" x14ac:dyDescent="0.35">
      <c r="A37264" s="1" t="s">
        <v>1536</v>
      </c>
      <c r="B37264" s="1" t="s">
        <v>126612</v>
      </c>
      <c r="C37264" s="1" t="s">
        <v>35</v>
      </c>
      <c r="D37264" s="1" t="s">
        <v>26296</v>
      </c>
      <c r="E37264" s="1" t="s">
        <v>129063</v>
      </c>
      <c r="F37264" s="1" t="s">
        <v>129064</v>
      </c>
      <c r="G37264" s="1" t="s">
        <v>129047</v>
      </c>
      <c r="H37264" s="1" t="s">
        <v>129048</v>
      </c>
      <c r="I37264" s="1" t="s">
        <v>126615</v>
      </c>
      <c r="J37264" s="1" t="s">
        <v>129065</v>
      </c>
    </row>
    <row r="37265" spans="1:10" x14ac:dyDescent="0.35">
      <c r="A37265" s="1" t="s">
        <v>1536</v>
      </c>
      <c r="B37265" s="1" t="s">
        <v>126612</v>
      </c>
      <c r="C37265" s="1" t="s">
        <v>40</v>
      </c>
      <c r="D37265" s="1" t="s">
        <v>11531</v>
      </c>
      <c r="E37265" s="1" t="s">
        <v>129066</v>
      </c>
      <c r="F37265" s="1" t="s">
        <v>129067</v>
      </c>
      <c r="G37265" s="1" t="s">
        <v>129047</v>
      </c>
      <c r="H37265" s="1" t="s">
        <v>129048</v>
      </c>
      <c r="I37265" s="1" t="s">
        <v>126615</v>
      </c>
      <c r="J37265" s="1" t="s">
        <v>129068</v>
      </c>
    </row>
    <row r="37266" spans="1:10" x14ac:dyDescent="0.35">
      <c r="A37266" s="1" t="s">
        <v>1536</v>
      </c>
      <c r="B37266" s="1" t="s">
        <v>126612</v>
      </c>
      <c r="C37266" s="1" t="s">
        <v>45</v>
      </c>
      <c r="D37266" s="1" t="s">
        <v>26669</v>
      </c>
      <c r="E37266" s="1" t="s">
        <v>129069</v>
      </c>
      <c r="F37266" s="1" t="s">
        <v>129070</v>
      </c>
      <c r="G37266" s="1" t="s">
        <v>129047</v>
      </c>
      <c r="H37266" s="1" t="s">
        <v>129048</v>
      </c>
      <c r="I37266" s="1" t="s">
        <v>126615</v>
      </c>
      <c r="J37266" s="1" t="s">
        <v>129071</v>
      </c>
    </row>
    <row r="37267" spans="1:10" x14ac:dyDescent="0.35">
      <c r="A37267" s="1" t="s">
        <v>1536</v>
      </c>
      <c r="B37267" s="1" t="s">
        <v>126612</v>
      </c>
      <c r="C37267" s="1" t="s">
        <v>50</v>
      </c>
      <c r="D37267" s="1" t="s">
        <v>56205</v>
      </c>
      <c r="E37267" s="1" t="s">
        <v>129072</v>
      </c>
      <c r="F37267" s="1" t="s">
        <v>129073</v>
      </c>
      <c r="G37267" s="1" t="s">
        <v>129047</v>
      </c>
      <c r="H37267" s="1" t="s">
        <v>129048</v>
      </c>
      <c r="I37267" s="1" t="s">
        <v>126615</v>
      </c>
      <c r="J37267" s="1" t="s">
        <v>129074</v>
      </c>
    </row>
    <row r="37268" spans="1:10" x14ac:dyDescent="0.35">
      <c r="A37268" s="1" t="s">
        <v>1536</v>
      </c>
      <c r="B37268" s="1" t="s">
        <v>126612</v>
      </c>
      <c r="C37268" s="1" t="s">
        <v>55</v>
      </c>
      <c r="D37268" s="1" t="s">
        <v>129075</v>
      </c>
      <c r="E37268" s="1" t="s">
        <v>129076</v>
      </c>
      <c r="F37268" s="1" t="s">
        <v>129077</v>
      </c>
      <c r="G37268" s="1" t="s">
        <v>129047</v>
      </c>
      <c r="H37268" s="1" t="s">
        <v>129048</v>
      </c>
      <c r="I37268" s="1" t="s">
        <v>126615</v>
      </c>
      <c r="J37268" s="1" t="s">
        <v>129078</v>
      </c>
    </row>
    <row r="37269" spans="1:10" x14ac:dyDescent="0.35">
      <c r="A37269" s="1" t="s">
        <v>1536</v>
      </c>
      <c r="B37269" s="1" t="s">
        <v>126612</v>
      </c>
      <c r="C37269" s="1" t="s">
        <v>60</v>
      </c>
      <c r="D37269" s="1" t="s">
        <v>53119</v>
      </c>
      <c r="E37269" s="1" t="s">
        <v>129079</v>
      </c>
      <c r="F37269" s="1" t="s">
        <v>129080</v>
      </c>
      <c r="G37269" s="1" t="s">
        <v>129047</v>
      </c>
      <c r="H37269" s="1" t="s">
        <v>129048</v>
      </c>
      <c r="I37269" s="1" t="s">
        <v>126615</v>
      </c>
      <c r="J37269" s="1" t="s">
        <v>129081</v>
      </c>
    </row>
    <row r="37270" spans="1:10" x14ac:dyDescent="0.35">
      <c r="A37270" s="1" t="s">
        <v>1536</v>
      </c>
      <c r="B37270" s="1" t="s">
        <v>126612</v>
      </c>
      <c r="C37270" s="1" t="s">
        <v>65</v>
      </c>
      <c r="D37270" s="1" t="s">
        <v>129082</v>
      </c>
      <c r="E37270" s="1" t="s">
        <v>129083</v>
      </c>
      <c r="F37270" s="1" t="s">
        <v>129084</v>
      </c>
      <c r="G37270" s="1" t="s">
        <v>129047</v>
      </c>
      <c r="H37270" s="1" t="s">
        <v>129048</v>
      </c>
      <c r="I37270" s="1" t="s">
        <v>126615</v>
      </c>
      <c r="J37270" s="1" t="s">
        <v>129085</v>
      </c>
    </row>
    <row r="37271" spans="1:10" x14ac:dyDescent="0.35">
      <c r="A37271" s="1" t="s">
        <v>1536</v>
      </c>
      <c r="B37271" s="1" t="s">
        <v>126612</v>
      </c>
      <c r="C37271" s="1" t="s">
        <v>70</v>
      </c>
      <c r="D37271" s="1" t="s">
        <v>129086</v>
      </c>
      <c r="E37271" s="1" t="s">
        <v>129087</v>
      </c>
      <c r="F37271" s="1" t="s">
        <v>129088</v>
      </c>
      <c r="G37271" s="1" t="s">
        <v>129047</v>
      </c>
      <c r="H37271" s="1" t="s">
        <v>129048</v>
      </c>
      <c r="I37271" s="1" t="s">
        <v>126615</v>
      </c>
      <c r="J37271" s="1" t="s">
        <v>129089</v>
      </c>
    </row>
    <row r="37272" spans="1:10" x14ac:dyDescent="0.35">
      <c r="A37272" s="1" t="s">
        <v>1536</v>
      </c>
      <c r="B37272" s="1" t="s">
        <v>126612</v>
      </c>
      <c r="C37272" s="1" t="s">
        <v>75</v>
      </c>
      <c r="D37272" s="1" t="s">
        <v>129090</v>
      </c>
      <c r="E37272" s="1" t="s">
        <v>129091</v>
      </c>
      <c r="F37272" s="1" t="s">
        <v>129092</v>
      </c>
      <c r="G37272" s="1" t="s">
        <v>129047</v>
      </c>
      <c r="H37272" s="1" t="s">
        <v>129048</v>
      </c>
      <c r="I37272" s="1" t="s">
        <v>126615</v>
      </c>
      <c r="J37272" s="1" t="s">
        <v>129093</v>
      </c>
    </row>
    <row r="37273" spans="1:10" x14ac:dyDescent="0.35">
      <c r="A37273" s="1" t="s">
        <v>1536</v>
      </c>
      <c r="B37273" s="1" t="s">
        <v>126612</v>
      </c>
      <c r="C37273" s="1" t="s">
        <v>80</v>
      </c>
      <c r="D37273" s="1" t="s">
        <v>129094</v>
      </c>
      <c r="E37273" s="1" t="s">
        <v>129095</v>
      </c>
      <c r="F37273" s="1" t="s">
        <v>129096</v>
      </c>
      <c r="G37273" s="1" t="s">
        <v>129047</v>
      </c>
      <c r="H37273" s="1" t="s">
        <v>129048</v>
      </c>
      <c r="I37273" s="1" t="s">
        <v>126615</v>
      </c>
      <c r="J37273" s="1" t="s">
        <v>129097</v>
      </c>
    </row>
    <row r="37274" spans="1:10" x14ac:dyDescent="0.35">
      <c r="A37274" s="1" t="s">
        <v>1536</v>
      </c>
      <c r="B37274" s="1" t="s">
        <v>126612</v>
      </c>
      <c r="C37274" s="1" t="s">
        <v>85</v>
      </c>
      <c r="D37274" s="1" t="s">
        <v>11461</v>
      </c>
      <c r="E37274" s="1" t="s">
        <v>129098</v>
      </c>
      <c r="F37274" s="1" t="s">
        <v>129099</v>
      </c>
      <c r="G37274" s="1" t="s">
        <v>129047</v>
      </c>
      <c r="H37274" s="1" t="s">
        <v>129048</v>
      </c>
      <c r="I37274" s="1" t="s">
        <v>126615</v>
      </c>
      <c r="J37274" s="1" t="s">
        <v>129100</v>
      </c>
    </row>
    <row r="37275" spans="1:10" x14ac:dyDescent="0.35">
      <c r="A37275" s="1" t="s">
        <v>1536</v>
      </c>
      <c r="B37275" s="1" t="s">
        <v>126612</v>
      </c>
      <c r="C37275" s="1" t="s">
        <v>90</v>
      </c>
      <c r="D37275" s="1" t="s">
        <v>65084</v>
      </c>
      <c r="E37275" s="1" t="s">
        <v>129101</v>
      </c>
      <c r="F37275" s="1" t="s">
        <v>129102</v>
      </c>
      <c r="G37275" s="1" t="s">
        <v>129047</v>
      </c>
      <c r="H37275" s="1" t="s">
        <v>129048</v>
      </c>
      <c r="I37275" s="1" t="s">
        <v>126615</v>
      </c>
      <c r="J37275" s="1" t="s">
        <v>129103</v>
      </c>
    </row>
    <row r="37276" spans="1:10" x14ac:dyDescent="0.35">
      <c r="A37276" s="1" t="s">
        <v>1536</v>
      </c>
      <c r="B37276" s="1" t="s">
        <v>126612</v>
      </c>
      <c r="C37276" s="1" t="s">
        <v>95</v>
      </c>
      <c r="D37276" s="1" t="s">
        <v>129104</v>
      </c>
      <c r="E37276" s="1" t="s">
        <v>129105</v>
      </c>
      <c r="F37276" s="1" t="s">
        <v>129106</v>
      </c>
      <c r="G37276" s="1" t="s">
        <v>129047</v>
      </c>
      <c r="H37276" s="1" t="s">
        <v>129048</v>
      </c>
      <c r="I37276" s="1" t="s">
        <v>126615</v>
      </c>
      <c r="J37276" s="1" t="s">
        <v>129107</v>
      </c>
    </row>
    <row r="37277" spans="1:10" x14ac:dyDescent="0.35">
      <c r="A37277" s="1" t="s">
        <v>1536</v>
      </c>
      <c r="B37277" s="1" t="s">
        <v>126612</v>
      </c>
      <c r="C37277" s="1" t="s">
        <v>100</v>
      </c>
      <c r="D37277" s="1" t="s">
        <v>129108</v>
      </c>
      <c r="E37277" s="1" t="s">
        <v>129109</v>
      </c>
      <c r="F37277" s="1" t="s">
        <v>129110</v>
      </c>
      <c r="G37277" s="1" t="s">
        <v>129047</v>
      </c>
      <c r="H37277" s="1" t="s">
        <v>129048</v>
      </c>
      <c r="I37277" s="1" t="s">
        <v>126615</v>
      </c>
      <c r="J37277" s="1" t="s">
        <v>129111</v>
      </c>
    </row>
    <row r="37278" spans="1:10" x14ac:dyDescent="0.35">
      <c r="A37278" s="1" t="s">
        <v>1536</v>
      </c>
      <c r="B37278" s="1" t="s">
        <v>126612</v>
      </c>
      <c r="C37278" s="1" t="s">
        <v>105</v>
      </c>
      <c r="D37278" s="1" t="s">
        <v>62905</v>
      </c>
      <c r="E37278" s="1" t="s">
        <v>129112</v>
      </c>
      <c r="F37278" s="1" t="s">
        <v>129113</v>
      </c>
      <c r="G37278" s="1" t="s">
        <v>129047</v>
      </c>
      <c r="H37278" s="1" t="s">
        <v>129048</v>
      </c>
      <c r="I37278" s="1" t="s">
        <v>126615</v>
      </c>
      <c r="J37278" s="1" t="s">
        <v>129114</v>
      </c>
    </row>
    <row r="37279" spans="1:10" x14ac:dyDescent="0.35">
      <c r="A37279" s="1" t="s">
        <v>1536</v>
      </c>
      <c r="B37279" s="1" t="s">
        <v>126612</v>
      </c>
      <c r="C37279" s="1" t="s">
        <v>110</v>
      </c>
      <c r="D37279" s="1" t="s">
        <v>129115</v>
      </c>
      <c r="E37279" s="1" t="s">
        <v>129116</v>
      </c>
      <c r="F37279" s="1" t="s">
        <v>129117</v>
      </c>
      <c r="G37279" s="1" t="s">
        <v>129047</v>
      </c>
      <c r="H37279" s="1" t="s">
        <v>129048</v>
      </c>
      <c r="I37279" s="1" t="s">
        <v>126615</v>
      </c>
      <c r="J37279" s="1" t="s">
        <v>129118</v>
      </c>
    </row>
    <row r="37280" spans="1:10" x14ac:dyDescent="0.35">
      <c r="A37280" s="1" t="s">
        <v>1536</v>
      </c>
      <c r="B37280" s="1" t="s">
        <v>126612</v>
      </c>
      <c r="C37280" s="1" t="s">
        <v>115</v>
      </c>
      <c r="D37280" s="1" t="s">
        <v>129119</v>
      </c>
      <c r="E37280" s="1" t="s">
        <v>129120</v>
      </c>
      <c r="F37280" s="1" t="s">
        <v>129121</v>
      </c>
      <c r="G37280" s="1" t="s">
        <v>129047</v>
      </c>
      <c r="H37280" s="1" t="s">
        <v>129048</v>
      </c>
      <c r="I37280" s="1" t="s">
        <v>126615</v>
      </c>
      <c r="J37280" s="1" t="s">
        <v>129122</v>
      </c>
    </row>
    <row r="37281" spans="1:10" x14ac:dyDescent="0.35">
      <c r="A37281" s="1" t="s">
        <v>1536</v>
      </c>
      <c r="B37281" s="1" t="s">
        <v>126612</v>
      </c>
      <c r="C37281" s="1" t="s">
        <v>120</v>
      </c>
      <c r="D37281" s="1" t="s">
        <v>129123</v>
      </c>
      <c r="E37281" s="1" t="s">
        <v>129124</v>
      </c>
      <c r="F37281" s="1" t="s">
        <v>129125</v>
      </c>
      <c r="G37281" s="1" t="s">
        <v>129047</v>
      </c>
      <c r="H37281" s="1" t="s">
        <v>129048</v>
      </c>
      <c r="I37281" s="1" t="s">
        <v>126615</v>
      </c>
      <c r="J37281" s="1" t="s">
        <v>129126</v>
      </c>
    </row>
    <row r="37282" spans="1:10" x14ac:dyDescent="0.35">
      <c r="A37282" s="1" t="s">
        <v>1536</v>
      </c>
      <c r="B37282" s="1" t="s">
        <v>126612</v>
      </c>
      <c r="C37282" s="1" t="s">
        <v>125</v>
      </c>
      <c r="D37282" s="1" t="s">
        <v>129127</v>
      </c>
      <c r="E37282" s="1" t="s">
        <v>129128</v>
      </c>
      <c r="F37282" s="1" t="s">
        <v>129129</v>
      </c>
      <c r="G37282" s="1" t="s">
        <v>129047</v>
      </c>
      <c r="H37282" s="1" t="s">
        <v>129048</v>
      </c>
      <c r="I37282" s="1" t="s">
        <v>126615</v>
      </c>
      <c r="J37282" s="1" t="s">
        <v>129130</v>
      </c>
    </row>
    <row r="37283" spans="1:10" x14ac:dyDescent="0.35">
      <c r="A37283" s="1" t="s">
        <v>1536</v>
      </c>
      <c r="B37283" s="1" t="s">
        <v>126612</v>
      </c>
      <c r="C37283" s="1" t="s">
        <v>130</v>
      </c>
      <c r="D37283" s="1" t="s">
        <v>129131</v>
      </c>
      <c r="E37283" s="1" t="s">
        <v>129132</v>
      </c>
      <c r="F37283" s="1" t="s">
        <v>129133</v>
      </c>
      <c r="G37283" s="1" t="s">
        <v>129047</v>
      </c>
      <c r="H37283" s="1" t="s">
        <v>129048</v>
      </c>
      <c r="I37283" s="1" t="s">
        <v>126615</v>
      </c>
      <c r="J37283" s="1" t="s">
        <v>129134</v>
      </c>
    </row>
    <row r="37284" spans="1:10" x14ac:dyDescent="0.35">
      <c r="A37284" s="1" t="s">
        <v>1536</v>
      </c>
      <c r="B37284" s="1" t="s">
        <v>126612</v>
      </c>
      <c r="C37284" s="1" t="s">
        <v>135</v>
      </c>
      <c r="D37284" s="1" t="s">
        <v>113870</v>
      </c>
      <c r="E37284" s="1" t="s">
        <v>129135</v>
      </c>
      <c r="F37284" s="1" t="s">
        <v>129136</v>
      </c>
      <c r="G37284" s="1" t="s">
        <v>129047</v>
      </c>
      <c r="H37284" s="1" t="s">
        <v>129048</v>
      </c>
      <c r="I37284" s="1" t="s">
        <v>126615</v>
      </c>
      <c r="J37284" s="1" t="s">
        <v>129137</v>
      </c>
    </row>
    <row r="37285" spans="1:10" x14ac:dyDescent="0.35">
      <c r="A37285" s="1" t="s">
        <v>1536</v>
      </c>
      <c r="B37285" s="1" t="s">
        <v>126612</v>
      </c>
      <c r="C37285" s="1" t="s">
        <v>140</v>
      </c>
      <c r="D37285" s="1" t="s">
        <v>60318</v>
      </c>
      <c r="E37285" s="1" t="s">
        <v>129138</v>
      </c>
      <c r="F37285" s="1" t="s">
        <v>129139</v>
      </c>
      <c r="G37285" s="1" t="s">
        <v>129047</v>
      </c>
      <c r="H37285" s="1" t="s">
        <v>129048</v>
      </c>
      <c r="I37285" s="1" t="s">
        <v>126615</v>
      </c>
      <c r="J37285" s="1" t="s">
        <v>129140</v>
      </c>
    </row>
    <row r="37286" spans="1:10" x14ac:dyDescent="0.35">
      <c r="A37286" s="1" t="s">
        <v>1536</v>
      </c>
      <c r="B37286" s="1" t="s">
        <v>126612</v>
      </c>
      <c r="C37286" s="1" t="s">
        <v>145</v>
      </c>
      <c r="D37286" s="1" t="s">
        <v>129141</v>
      </c>
      <c r="E37286" s="1" t="s">
        <v>129142</v>
      </c>
      <c r="F37286" s="1" t="s">
        <v>129143</v>
      </c>
      <c r="G37286" s="1" t="s">
        <v>129047</v>
      </c>
      <c r="H37286" s="1" t="s">
        <v>129048</v>
      </c>
      <c r="I37286" s="1" t="s">
        <v>126615</v>
      </c>
      <c r="J37286" s="1" t="s">
        <v>129144</v>
      </c>
    </row>
    <row r="37287" spans="1:10" x14ac:dyDescent="0.35">
      <c r="A37287" s="1" t="s">
        <v>1536</v>
      </c>
      <c r="B37287" s="1" t="s">
        <v>126612</v>
      </c>
      <c r="C37287" s="1" t="s">
        <v>150</v>
      </c>
      <c r="D37287" s="1" t="s">
        <v>129145</v>
      </c>
      <c r="E37287" s="1" t="s">
        <v>129146</v>
      </c>
      <c r="F37287" s="1" t="s">
        <v>129147</v>
      </c>
      <c r="G37287" s="1" t="s">
        <v>129047</v>
      </c>
      <c r="H37287" s="1" t="s">
        <v>129048</v>
      </c>
      <c r="I37287" s="1" t="s">
        <v>126615</v>
      </c>
      <c r="J37287" s="1" t="s">
        <v>129148</v>
      </c>
    </row>
    <row r="37288" spans="1:10" x14ac:dyDescent="0.35">
      <c r="A37288" s="1" t="s">
        <v>1536</v>
      </c>
      <c r="B37288" s="1" t="s">
        <v>126612</v>
      </c>
      <c r="C37288" s="1" t="s">
        <v>155</v>
      </c>
      <c r="D37288" s="1" t="s">
        <v>128121</v>
      </c>
      <c r="E37288" s="1" t="s">
        <v>129149</v>
      </c>
      <c r="F37288" s="1" t="s">
        <v>129150</v>
      </c>
      <c r="G37288" s="1" t="s">
        <v>129047</v>
      </c>
      <c r="H37288" s="1" t="s">
        <v>129048</v>
      </c>
      <c r="I37288" s="1" t="s">
        <v>126615</v>
      </c>
      <c r="J37288" s="1" t="s">
        <v>129151</v>
      </c>
    </row>
    <row r="37289" spans="1:10" x14ac:dyDescent="0.35">
      <c r="A37289" s="1" t="s">
        <v>1536</v>
      </c>
      <c r="B37289" s="1" t="s">
        <v>126612</v>
      </c>
      <c r="C37289" s="1" t="s">
        <v>160</v>
      </c>
      <c r="D37289" s="1" t="s">
        <v>94688</v>
      </c>
      <c r="E37289" s="1" t="s">
        <v>129152</v>
      </c>
      <c r="F37289" s="1" t="s">
        <v>129153</v>
      </c>
      <c r="G37289" s="1" t="s">
        <v>129047</v>
      </c>
      <c r="H37289" s="1" t="s">
        <v>129048</v>
      </c>
      <c r="I37289" s="1" t="s">
        <v>126615</v>
      </c>
      <c r="J37289" s="1" t="s">
        <v>129154</v>
      </c>
    </row>
    <row r="37290" spans="1:10" x14ac:dyDescent="0.35">
      <c r="A37290" s="1" t="s">
        <v>1536</v>
      </c>
      <c r="B37290" s="1" t="s">
        <v>126612</v>
      </c>
      <c r="C37290" s="1" t="s">
        <v>165</v>
      </c>
      <c r="D37290" s="1" t="s">
        <v>129155</v>
      </c>
      <c r="E37290" s="1" t="s">
        <v>129156</v>
      </c>
      <c r="F37290" s="1" t="s">
        <v>129157</v>
      </c>
      <c r="G37290" s="1" t="s">
        <v>129047</v>
      </c>
      <c r="H37290" s="1" t="s">
        <v>129048</v>
      </c>
      <c r="I37290" s="1" t="s">
        <v>126615</v>
      </c>
      <c r="J37290" s="1" t="s">
        <v>129158</v>
      </c>
    </row>
    <row r="37291" spans="1:10" x14ac:dyDescent="0.35">
      <c r="A37291" s="1" t="s">
        <v>1536</v>
      </c>
      <c r="B37291" s="1" t="s">
        <v>126612</v>
      </c>
      <c r="C37291" s="1" t="s">
        <v>170</v>
      </c>
      <c r="D37291" s="1" t="s">
        <v>56396</v>
      </c>
      <c r="E37291" s="1" t="s">
        <v>129159</v>
      </c>
      <c r="F37291" s="1" t="s">
        <v>129160</v>
      </c>
      <c r="G37291" s="1" t="s">
        <v>129047</v>
      </c>
      <c r="H37291" s="1" t="s">
        <v>129048</v>
      </c>
      <c r="I37291" s="1" t="s">
        <v>126615</v>
      </c>
      <c r="J37291" s="1" t="s">
        <v>129161</v>
      </c>
    </row>
    <row r="37292" spans="1:10" x14ac:dyDescent="0.35">
      <c r="A37292" s="1" t="s">
        <v>13210</v>
      </c>
      <c r="B37292" s="1" t="s">
        <v>126612</v>
      </c>
      <c r="C37292" s="1" t="s">
        <v>8</v>
      </c>
      <c r="D37292" s="1" t="s">
        <v>87200</v>
      </c>
      <c r="E37292" s="1" t="s">
        <v>129162</v>
      </c>
      <c r="F37292" s="1" t="s">
        <v>129163</v>
      </c>
      <c r="G37292" s="1" t="s">
        <v>129164</v>
      </c>
      <c r="H37292" s="1" t="s">
        <v>129165</v>
      </c>
      <c r="I37292" s="1" t="s">
        <v>126615</v>
      </c>
      <c r="J37292" s="1" t="s">
        <v>13</v>
      </c>
    </row>
    <row r="37293" spans="1:10" x14ac:dyDescent="0.35">
      <c r="A37293" s="1" t="s">
        <v>13210</v>
      </c>
      <c r="B37293" s="1" t="s">
        <v>126612</v>
      </c>
      <c r="C37293" s="1" t="s">
        <v>15</v>
      </c>
      <c r="D37293" s="1" t="s">
        <v>77868</v>
      </c>
      <c r="E37293" s="1" t="s">
        <v>129166</v>
      </c>
      <c r="F37293" s="1" t="s">
        <v>129167</v>
      </c>
      <c r="G37293" s="1" t="s">
        <v>129164</v>
      </c>
      <c r="H37293" s="1" t="s">
        <v>129165</v>
      </c>
      <c r="I37293" s="1" t="s">
        <v>126615</v>
      </c>
      <c r="J37293" s="1" t="s">
        <v>129168</v>
      </c>
    </row>
    <row r="37294" spans="1:10" x14ac:dyDescent="0.35">
      <c r="A37294" s="1" t="s">
        <v>13210</v>
      </c>
      <c r="B37294" s="1" t="s">
        <v>126612</v>
      </c>
      <c r="C37294" s="1" t="s">
        <v>20</v>
      </c>
      <c r="D37294" s="1" t="s">
        <v>129169</v>
      </c>
      <c r="E37294" s="1" t="s">
        <v>129170</v>
      </c>
      <c r="F37294" s="1" t="s">
        <v>129171</v>
      </c>
      <c r="G37294" s="1" t="s">
        <v>129164</v>
      </c>
      <c r="H37294" s="1" t="s">
        <v>129165</v>
      </c>
      <c r="I37294" s="1" t="s">
        <v>126615</v>
      </c>
      <c r="J37294" s="1" t="s">
        <v>129172</v>
      </c>
    </row>
    <row r="37295" spans="1:10" x14ac:dyDescent="0.35">
      <c r="A37295" s="1" t="s">
        <v>13210</v>
      </c>
      <c r="B37295" s="1" t="s">
        <v>126612</v>
      </c>
      <c r="C37295" s="1" t="s">
        <v>25</v>
      </c>
      <c r="D37295" s="1" t="s">
        <v>81379</v>
      </c>
      <c r="E37295" s="1" t="s">
        <v>129173</v>
      </c>
      <c r="F37295" s="1" t="s">
        <v>129174</v>
      </c>
      <c r="G37295" s="1" t="s">
        <v>129164</v>
      </c>
      <c r="H37295" s="1" t="s">
        <v>129165</v>
      </c>
      <c r="I37295" s="1" t="s">
        <v>126615</v>
      </c>
      <c r="J37295" s="1" t="s">
        <v>129175</v>
      </c>
    </row>
    <row r="37296" spans="1:10" x14ac:dyDescent="0.35">
      <c r="A37296" s="1" t="s">
        <v>13210</v>
      </c>
      <c r="B37296" s="1" t="s">
        <v>126612</v>
      </c>
      <c r="C37296" s="1" t="s">
        <v>30</v>
      </c>
      <c r="D37296" s="1" t="s">
        <v>129176</v>
      </c>
      <c r="E37296" s="1" t="s">
        <v>129177</v>
      </c>
      <c r="F37296" s="1" t="s">
        <v>129178</v>
      </c>
      <c r="G37296" s="1" t="s">
        <v>129164</v>
      </c>
      <c r="H37296" s="1" t="s">
        <v>129165</v>
      </c>
      <c r="I37296" s="1" t="s">
        <v>126615</v>
      </c>
      <c r="J37296" s="1" t="s">
        <v>129179</v>
      </c>
    </row>
    <row r="37297" spans="1:10" x14ac:dyDescent="0.35">
      <c r="A37297" s="1" t="s">
        <v>13210</v>
      </c>
      <c r="B37297" s="1" t="s">
        <v>126612</v>
      </c>
      <c r="C37297" s="1" t="s">
        <v>35</v>
      </c>
      <c r="D37297" s="1" t="s">
        <v>129180</v>
      </c>
      <c r="E37297" s="1" t="s">
        <v>129181</v>
      </c>
      <c r="F37297" s="1" t="s">
        <v>129182</v>
      </c>
      <c r="G37297" s="1" t="s">
        <v>129164</v>
      </c>
      <c r="H37297" s="1" t="s">
        <v>129165</v>
      </c>
      <c r="I37297" s="1" t="s">
        <v>126615</v>
      </c>
      <c r="J37297" s="1" t="s">
        <v>129183</v>
      </c>
    </row>
    <row r="37298" spans="1:10" x14ac:dyDescent="0.35">
      <c r="A37298" s="1" t="s">
        <v>13210</v>
      </c>
      <c r="B37298" s="1" t="s">
        <v>126612</v>
      </c>
      <c r="C37298" s="1" t="s">
        <v>40</v>
      </c>
      <c r="D37298" s="1" t="s">
        <v>95819</v>
      </c>
      <c r="E37298" s="1" t="s">
        <v>129184</v>
      </c>
      <c r="F37298" s="1" t="s">
        <v>129185</v>
      </c>
      <c r="G37298" s="1" t="s">
        <v>129164</v>
      </c>
      <c r="H37298" s="1" t="s">
        <v>129165</v>
      </c>
      <c r="I37298" s="1" t="s">
        <v>126615</v>
      </c>
      <c r="J37298" s="1" t="s">
        <v>129186</v>
      </c>
    </row>
    <row r="37299" spans="1:10" x14ac:dyDescent="0.35">
      <c r="A37299" s="1" t="s">
        <v>13210</v>
      </c>
      <c r="B37299" s="1" t="s">
        <v>126612</v>
      </c>
      <c r="C37299" s="1" t="s">
        <v>45</v>
      </c>
      <c r="D37299" s="1" t="s">
        <v>129187</v>
      </c>
      <c r="E37299" s="1" t="s">
        <v>129188</v>
      </c>
      <c r="F37299" s="1" t="s">
        <v>129189</v>
      </c>
      <c r="G37299" s="1" t="s">
        <v>129164</v>
      </c>
      <c r="H37299" s="1" t="s">
        <v>129165</v>
      </c>
      <c r="I37299" s="1" t="s">
        <v>126615</v>
      </c>
      <c r="J37299" s="1" t="s">
        <v>129190</v>
      </c>
    </row>
    <row r="37300" spans="1:10" x14ac:dyDescent="0.35">
      <c r="A37300" s="1" t="s">
        <v>13210</v>
      </c>
      <c r="B37300" s="1" t="s">
        <v>126612</v>
      </c>
      <c r="C37300" s="1" t="s">
        <v>50</v>
      </c>
      <c r="D37300" s="1" t="s">
        <v>89786</v>
      </c>
      <c r="E37300" s="1" t="s">
        <v>129191</v>
      </c>
      <c r="F37300" s="1" t="s">
        <v>129192</v>
      </c>
      <c r="G37300" s="1" t="s">
        <v>129164</v>
      </c>
      <c r="H37300" s="1" t="s">
        <v>129165</v>
      </c>
      <c r="I37300" s="1" t="s">
        <v>126615</v>
      </c>
      <c r="J37300" s="1" t="s">
        <v>129193</v>
      </c>
    </row>
    <row r="37301" spans="1:10" x14ac:dyDescent="0.35">
      <c r="A37301" s="1" t="s">
        <v>13210</v>
      </c>
      <c r="B37301" s="1" t="s">
        <v>126612</v>
      </c>
      <c r="C37301" s="1" t="s">
        <v>55</v>
      </c>
      <c r="D37301" s="1" t="s">
        <v>92620</v>
      </c>
      <c r="E37301" s="1" t="s">
        <v>129194</v>
      </c>
      <c r="F37301" s="1" t="s">
        <v>129195</v>
      </c>
      <c r="G37301" s="1" t="s">
        <v>129164</v>
      </c>
      <c r="H37301" s="1" t="s">
        <v>129165</v>
      </c>
      <c r="I37301" s="1" t="s">
        <v>126615</v>
      </c>
      <c r="J37301" s="1" t="s">
        <v>129196</v>
      </c>
    </row>
    <row r="37302" spans="1:10" x14ac:dyDescent="0.35">
      <c r="A37302" s="1" t="s">
        <v>13210</v>
      </c>
      <c r="B37302" s="1" t="s">
        <v>126612</v>
      </c>
      <c r="C37302" s="1" t="s">
        <v>60</v>
      </c>
      <c r="D37302" s="1" t="s">
        <v>91100</v>
      </c>
      <c r="E37302" s="1" t="s">
        <v>129197</v>
      </c>
      <c r="F37302" s="1" t="s">
        <v>129198</v>
      </c>
      <c r="G37302" s="1" t="s">
        <v>129164</v>
      </c>
      <c r="H37302" s="1" t="s">
        <v>129165</v>
      </c>
      <c r="I37302" s="1" t="s">
        <v>126615</v>
      </c>
      <c r="J37302" s="1" t="s">
        <v>129199</v>
      </c>
    </row>
    <row r="37303" spans="1:10" x14ac:dyDescent="0.35">
      <c r="A37303" s="1" t="s">
        <v>13210</v>
      </c>
      <c r="B37303" s="1" t="s">
        <v>126612</v>
      </c>
      <c r="C37303" s="1" t="s">
        <v>65</v>
      </c>
      <c r="D37303" s="1" t="s">
        <v>39794</v>
      </c>
      <c r="E37303" s="1" t="s">
        <v>129200</v>
      </c>
      <c r="F37303" s="1" t="s">
        <v>129201</v>
      </c>
      <c r="G37303" s="1" t="s">
        <v>129164</v>
      </c>
      <c r="H37303" s="1" t="s">
        <v>129165</v>
      </c>
      <c r="I37303" s="1" t="s">
        <v>126615</v>
      </c>
      <c r="J37303" s="1" t="s">
        <v>129202</v>
      </c>
    </row>
    <row r="37304" spans="1:10" x14ac:dyDescent="0.35">
      <c r="A37304" s="1" t="s">
        <v>13210</v>
      </c>
      <c r="B37304" s="1" t="s">
        <v>126612</v>
      </c>
      <c r="C37304" s="1" t="s">
        <v>70</v>
      </c>
      <c r="D37304" s="1" t="s">
        <v>129203</v>
      </c>
      <c r="E37304" s="1" t="s">
        <v>129204</v>
      </c>
      <c r="F37304" s="1" t="s">
        <v>129205</v>
      </c>
      <c r="G37304" s="1" t="s">
        <v>129164</v>
      </c>
      <c r="H37304" s="1" t="s">
        <v>129165</v>
      </c>
      <c r="I37304" s="1" t="s">
        <v>126615</v>
      </c>
      <c r="J37304" s="1" t="s">
        <v>129206</v>
      </c>
    </row>
    <row r="37305" spans="1:10" x14ac:dyDescent="0.35">
      <c r="A37305" s="1" t="s">
        <v>13210</v>
      </c>
      <c r="B37305" s="1" t="s">
        <v>126612</v>
      </c>
      <c r="C37305" s="1" t="s">
        <v>75</v>
      </c>
      <c r="D37305" s="1" t="s">
        <v>129207</v>
      </c>
      <c r="E37305" s="1" t="s">
        <v>129208</v>
      </c>
      <c r="F37305" s="1" t="s">
        <v>129209</v>
      </c>
      <c r="G37305" s="1" t="s">
        <v>129164</v>
      </c>
      <c r="H37305" s="1" t="s">
        <v>129165</v>
      </c>
      <c r="I37305" s="1" t="s">
        <v>126615</v>
      </c>
      <c r="J37305" s="1" t="s">
        <v>129210</v>
      </c>
    </row>
    <row r="37306" spans="1:10" x14ac:dyDescent="0.35">
      <c r="A37306" s="1" t="s">
        <v>13210</v>
      </c>
      <c r="B37306" s="1" t="s">
        <v>126612</v>
      </c>
      <c r="C37306" s="1" t="s">
        <v>80</v>
      </c>
      <c r="D37306" s="1" t="s">
        <v>98495</v>
      </c>
      <c r="E37306" s="1" t="s">
        <v>129211</v>
      </c>
      <c r="F37306" s="1" t="s">
        <v>129212</v>
      </c>
      <c r="G37306" s="1" t="s">
        <v>129164</v>
      </c>
      <c r="H37306" s="1" t="s">
        <v>129165</v>
      </c>
      <c r="I37306" s="1" t="s">
        <v>126615</v>
      </c>
      <c r="J37306" s="1" t="s">
        <v>129213</v>
      </c>
    </row>
    <row r="37307" spans="1:10" x14ac:dyDescent="0.35">
      <c r="A37307" s="1" t="s">
        <v>13210</v>
      </c>
      <c r="B37307" s="1" t="s">
        <v>126612</v>
      </c>
      <c r="C37307" s="1" t="s">
        <v>85</v>
      </c>
      <c r="D37307" s="1" t="s">
        <v>13459</v>
      </c>
      <c r="E37307" s="1" t="s">
        <v>129214</v>
      </c>
      <c r="F37307" s="1" t="s">
        <v>129215</v>
      </c>
      <c r="G37307" s="1" t="s">
        <v>129164</v>
      </c>
      <c r="H37307" s="1" t="s">
        <v>129165</v>
      </c>
      <c r="I37307" s="1" t="s">
        <v>126615</v>
      </c>
      <c r="J37307" s="1" t="s">
        <v>129216</v>
      </c>
    </row>
    <row r="37308" spans="1:10" x14ac:dyDescent="0.35">
      <c r="A37308" s="1" t="s">
        <v>13210</v>
      </c>
      <c r="B37308" s="1" t="s">
        <v>126612</v>
      </c>
      <c r="C37308" s="1" t="s">
        <v>90</v>
      </c>
      <c r="D37308" s="1" t="s">
        <v>27190</v>
      </c>
      <c r="E37308" s="1" t="s">
        <v>129217</v>
      </c>
      <c r="F37308" s="1" t="s">
        <v>129218</v>
      </c>
      <c r="G37308" s="1" t="s">
        <v>129164</v>
      </c>
      <c r="H37308" s="1" t="s">
        <v>129165</v>
      </c>
      <c r="I37308" s="1" t="s">
        <v>126615</v>
      </c>
      <c r="J37308" s="1" t="s">
        <v>129219</v>
      </c>
    </row>
    <row r="37309" spans="1:10" x14ac:dyDescent="0.35">
      <c r="A37309" s="1" t="s">
        <v>13210</v>
      </c>
      <c r="B37309" s="1" t="s">
        <v>126612</v>
      </c>
      <c r="C37309" s="1" t="s">
        <v>95</v>
      </c>
      <c r="D37309" s="1" t="s">
        <v>39233</v>
      </c>
      <c r="E37309" s="1" t="s">
        <v>129220</v>
      </c>
      <c r="F37309" s="1" t="s">
        <v>129221</v>
      </c>
      <c r="G37309" s="1" t="s">
        <v>129164</v>
      </c>
      <c r="H37309" s="1" t="s">
        <v>129165</v>
      </c>
      <c r="I37309" s="1" t="s">
        <v>126615</v>
      </c>
      <c r="J37309" s="1" t="s">
        <v>129222</v>
      </c>
    </row>
    <row r="37310" spans="1:10" x14ac:dyDescent="0.35">
      <c r="A37310" s="1" t="s">
        <v>13210</v>
      </c>
      <c r="B37310" s="1" t="s">
        <v>126612</v>
      </c>
      <c r="C37310" s="1" t="s">
        <v>100</v>
      </c>
      <c r="D37310" s="1" t="s">
        <v>129223</v>
      </c>
      <c r="E37310" s="1" t="s">
        <v>129224</v>
      </c>
      <c r="F37310" s="1" t="s">
        <v>129225</v>
      </c>
      <c r="G37310" s="1" t="s">
        <v>129164</v>
      </c>
      <c r="H37310" s="1" t="s">
        <v>129165</v>
      </c>
      <c r="I37310" s="1" t="s">
        <v>126615</v>
      </c>
      <c r="J37310" s="1" t="s">
        <v>129226</v>
      </c>
    </row>
    <row r="37311" spans="1:10" x14ac:dyDescent="0.35">
      <c r="A37311" s="1" t="s">
        <v>13210</v>
      </c>
      <c r="B37311" s="1" t="s">
        <v>126612</v>
      </c>
      <c r="C37311" s="1" t="s">
        <v>105</v>
      </c>
      <c r="D37311" s="1" t="s">
        <v>22563</v>
      </c>
      <c r="E37311" s="1" t="s">
        <v>129227</v>
      </c>
      <c r="F37311" s="1" t="s">
        <v>129228</v>
      </c>
      <c r="G37311" s="1" t="s">
        <v>129164</v>
      </c>
      <c r="H37311" s="1" t="s">
        <v>129165</v>
      </c>
      <c r="I37311" s="1" t="s">
        <v>126615</v>
      </c>
      <c r="J37311" s="1" t="s">
        <v>129229</v>
      </c>
    </row>
    <row r="37312" spans="1:10" x14ac:dyDescent="0.35">
      <c r="A37312" s="1" t="s">
        <v>13210</v>
      </c>
      <c r="B37312" s="1" t="s">
        <v>126612</v>
      </c>
      <c r="C37312" s="1" t="s">
        <v>110</v>
      </c>
      <c r="D37312" s="1" t="s">
        <v>59014</v>
      </c>
      <c r="E37312" s="1" t="s">
        <v>129230</v>
      </c>
      <c r="F37312" s="1" t="s">
        <v>129231</v>
      </c>
      <c r="G37312" s="1" t="s">
        <v>129164</v>
      </c>
      <c r="H37312" s="1" t="s">
        <v>129165</v>
      </c>
      <c r="I37312" s="1" t="s">
        <v>126615</v>
      </c>
      <c r="J37312" s="1" t="s">
        <v>129232</v>
      </c>
    </row>
    <row r="37313" spans="1:10" x14ac:dyDescent="0.35">
      <c r="A37313" s="1" t="s">
        <v>13210</v>
      </c>
      <c r="B37313" s="1" t="s">
        <v>126612</v>
      </c>
      <c r="C37313" s="1" t="s">
        <v>115</v>
      </c>
      <c r="D37313" s="1" t="s">
        <v>90952</v>
      </c>
      <c r="E37313" s="1" t="s">
        <v>129233</v>
      </c>
      <c r="F37313" s="1" t="s">
        <v>129234</v>
      </c>
      <c r="G37313" s="1" t="s">
        <v>129164</v>
      </c>
      <c r="H37313" s="1" t="s">
        <v>129165</v>
      </c>
      <c r="I37313" s="1" t="s">
        <v>126615</v>
      </c>
      <c r="J37313" s="1" t="s">
        <v>129235</v>
      </c>
    </row>
    <row r="37314" spans="1:10" x14ac:dyDescent="0.35">
      <c r="A37314" s="1" t="s">
        <v>13210</v>
      </c>
      <c r="B37314" s="1" t="s">
        <v>126612</v>
      </c>
      <c r="C37314" s="1" t="s">
        <v>120</v>
      </c>
      <c r="D37314" s="1" t="s">
        <v>40363</v>
      </c>
      <c r="E37314" s="1" t="s">
        <v>129236</v>
      </c>
      <c r="F37314" s="1" t="s">
        <v>129237</v>
      </c>
      <c r="G37314" s="1" t="s">
        <v>129164</v>
      </c>
      <c r="H37314" s="1" t="s">
        <v>129165</v>
      </c>
      <c r="I37314" s="1" t="s">
        <v>126615</v>
      </c>
      <c r="J37314" s="1" t="s">
        <v>129238</v>
      </c>
    </row>
    <row r="37315" spans="1:10" x14ac:dyDescent="0.35">
      <c r="A37315" s="1" t="s">
        <v>13210</v>
      </c>
      <c r="B37315" s="1" t="s">
        <v>126612</v>
      </c>
      <c r="C37315" s="1" t="s">
        <v>125</v>
      </c>
      <c r="D37315" s="1" t="s">
        <v>21619</v>
      </c>
      <c r="E37315" s="1" t="s">
        <v>129239</v>
      </c>
      <c r="F37315" s="1" t="s">
        <v>129240</v>
      </c>
      <c r="G37315" s="1" t="s">
        <v>129164</v>
      </c>
      <c r="H37315" s="1" t="s">
        <v>129165</v>
      </c>
      <c r="I37315" s="1" t="s">
        <v>126615</v>
      </c>
      <c r="J37315" s="1" t="s">
        <v>129241</v>
      </c>
    </row>
    <row r="37316" spans="1:10" x14ac:dyDescent="0.35">
      <c r="A37316" s="1" t="s">
        <v>13210</v>
      </c>
      <c r="B37316" s="1" t="s">
        <v>126612</v>
      </c>
      <c r="C37316" s="1" t="s">
        <v>130</v>
      </c>
      <c r="D37316" s="1" t="s">
        <v>129242</v>
      </c>
      <c r="E37316" s="1" t="s">
        <v>129243</v>
      </c>
      <c r="F37316" s="1" t="s">
        <v>129244</v>
      </c>
      <c r="G37316" s="1" t="s">
        <v>129164</v>
      </c>
      <c r="H37316" s="1" t="s">
        <v>129165</v>
      </c>
      <c r="I37316" s="1" t="s">
        <v>126615</v>
      </c>
      <c r="J37316" s="1" t="s">
        <v>129245</v>
      </c>
    </row>
    <row r="37317" spans="1:10" x14ac:dyDescent="0.35">
      <c r="A37317" s="1" t="s">
        <v>13210</v>
      </c>
      <c r="B37317" s="1" t="s">
        <v>126612</v>
      </c>
      <c r="C37317" s="1" t="s">
        <v>135</v>
      </c>
      <c r="D37317" s="1" t="s">
        <v>53833</v>
      </c>
      <c r="E37317" s="1" t="s">
        <v>129246</v>
      </c>
      <c r="F37317" s="1" t="s">
        <v>129247</v>
      </c>
      <c r="G37317" s="1" t="s">
        <v>129164</v>
      </c>
      <c r="H37317" s="1" t="s">
        <v>129165</v>
      </c>
      <c r="I37317" s="1" t="s">
        <v>126615</v>
      </c>
      <c r="J37317" s="1" t="s">
        <v>129248</v>
      </c>
    </row>
    <row r="37318" spans="1:10" x14ac:dyDescent="0.35">
      <c r="A37318" s="1" t="s">
        <v>13210</v>
      </c>
      <c r="B37318" s="1" t="s">
        <v>126612</v>
      </c>
      <c r="C37318" s="1" t="s">
        <v>140</v>
      </c>
      <c r="D37318" s="1" t="s">
        <v>122696</v>
      </c>
      <c r="E37318" s="1" t="s">
        <v>129249</v>
      </c>
      <c r="F37318" s="1" t="s">
        <v>129250</v>
      </c>
      <c r="G37318" s="1" t="s">
        <v>129164</v>
      </c>
      <c r="H37318" s="1" t="s">
        <v>129165</v>
      </c>
      <c r="I37318" s="1" t="s">
        <v>126615</v>
      </c>
      <c r="J37318" s="1" t="s">
        <v>129251</v>
      </c>
    </row>
    <row r="37319" spans="1:10" x14ac:dyDescent="0.35">
      <c r="A37319" s="1" t="s">
        <v>13210</v>
      </c>
      <c r="B37319" s="1" t="s">
        <v>126612</v>
      </c>
      <c r="C37319" s="1" t="s">
        <v>145</v>
      </c>
      <c r="D37319" s="1" t="s">
        <v>129252</v>
      </c>
      <c r="E37319" s="1" t="s">
        <v>129253</v>
      </c>
      <c r="F37319" s="1" t="s">
        <v>129254</v>
      </c>
      <c r="G37319" s="1" t="s">
        <v>129164</v>
      </c>
      <c r="H37319" s="1" t="s">
        <v>129165</v>
      </c>
      <c r="I37319" s="1" t="s">
        <v>126615</v>
      </c>
      <c r="J37319" s="1" t="s">
        <v>129255</v>
      </c>
    </row>
    <row r="37320" spans="1:10" x14ac:dyDescent="0.35">
      <c r="A37320" s="1" t="s">
        <v>13210</v>
      </c>
      <c r="B37320" s="1" t="s">
        <v>126612</v>
      </c>
      <c r="C37320" s="1" t="s">
        <v>150</v>
      </c>
      <c r="D37320" s="1" t="s">
        <v>129256</v>
      </c>
      <c r="E37320" s="1" t="s">
        <v>129257</v>
      </c>
      <c r="F37320" s="1" t="s">
        <v>129258</v>
      </c>
      <c r="G37320" s="1" t="s">
        <v>129164</v>
      </c>
      <c r="H37320" s="1" t="s">
        <v>129165</v>
      </c>
      <c r="I37320" s="1" t="s">
        <v>126615</v>
      </c>
      <c r="J37320" s="1" t="s">
        <v>129259</v>
      </c>
    </row>
    <row r="37321" spans="1:10" x14ac:dyDescent="0.35">
      <c r="A37321" s="1" t="s">
        <v>13210</v>
      </c>
      <c r="B37321" s="1" t="s">
        <v>126612</v>
      </c>
      <c r="C37321" s="1" t="s">
        <v>155</v>
      </c>
      <c r="D37321" s="1" t="s">
        <v>52296</v>
      </c>
      <c r="E37321" s="1" t="s">
        <v>129260</v>
      </c>
      <c r="F37321" s="1" t="s">
        <v>129261</v>
      </c>
      <c r="G37321" s="1" t="s">
        <v>129164</v>
      </c>
      <c r="H37321" s="1" t="s">
        <v>129165</v>
      </c>
      <c r="I37321" s="1" t="s">
        <v>126615</v>
      </c>
      <c r="J37321" s="1" t="s">
        <v>129262</v>
      </c>
    </row>
    <row r="37322" spans="1:10" x14ac:dyDescent="0.35">
      <c r="A37322" s="1" t="s">
        <v>13210</v>
      </c>
      <c r="B37322" s="1" t="s">
        <v>126612</v>
      </c>
      <c r="C37322" s="1" t="s">
        <v>160</v>
      </c>
      <c r="D37322" s="1" t="s">
        <v>61854</v>
      </c>
      <c r="E37322" s="1" t="s">
        <v>129263</v>
      </c>
      <c r="F37322" s="1" t="s">
        <v>129264</v>
      </c>
      <c r="G37322" s="1" t="s">
        <v>129164</v>
      </c>
      <c r="H37322" s="1" t="s">
        <v>129165</v>
      </c>
      <c r="I37322" s="1" t="s">
        <v>126615</v>
      </c>
      <c r="J37322" s="1" t="s">
        <v>129265</v>
      </c>
    </row>
    <row r="37323" spans="1:10" x14ac:dyDescent="0.35">
      <c r="A37323" s="1" t="s">
        <v>13210</v>
      </c>
      <c r="B37323" s="1" t="s">
        <v>126612</v>
      </c>
      <c r="C37323" s="1" t="s">
        <v>165</v>
      </c>
      <c r="D37323" s="1" t="s">
        <v>129266</v>
      </c>
      <c r="E37323" s="1" t="s">
        <v>129267</v>
      </c>
      <c r="F37323" s="1" t="s">
        <v>129268</v>
      </c>
      <c r="G37323" s="1" t="s">
        <v>129164</v>
      </c>
      <c r="H37323" s="1" t="s">
        <v>129165</v>
      </c>
      <c r="I37323" s="1" t="s">
        <v>126615</v>
      </c>
      <c r="J37323" s="1" t="s">
        <v>129269</v>
      </c>
    </row>
    <row r="37324" spans="1:10" x14ac:dyDescent="0.35">
      <c r="A37324" s="1" t="s">
        <v>13210</v>
      </c>
      <c r="B37324" s="1" t="s">
        <v>126612</v>
      </c>
      <c r="C37324" s="1" t="s">
        <v>170</v>
      </c>
      <c r="D37324" s="1" t="s">
        <v>66653</v>
      </c>
      <c r="E37324" s="1" t="s">
        <v>129270</v>
      </c>
      <c r="F37324" s="1" t="s">
        <v>129271</v>
      </c>
      <c r="G37324" s="1" t="s">
        <v>129164</v>
      </c>
      <c r="H37324" s="1" t="s">
        <v>129165</v>
      </c>
      <c r="I37324" s="1" t="s">
        <v>126615</v>
      </c>
      <c r="J37324" s="1" t="s">
        <v>129272</v>
      </c>
    </row>
    <row r="37325" spans="1:10" x14ac:dyDescent="0.35">
      <c r="A37325" s="1" t="s">
        <v>29970</v>
      </c>
      <c r="B37325" s="1" t="s">
        <v>126612</v>
      </c>
      <c r="C37325" s="1" t="s">
        <v>8</v>
      </c>
      <c r="D37325" s="1" t="s">
        <v>129273</v>
      </c>
      <c r="E37325" s="1" t="s">
        <v>108829</v>
      </c>
      <c r="F37325" s="1" t="s">
        <v>129274</v>
      </c>
      <c r="G37325" s="1" t="s">
        <v>129275</v>
      </c>
      <c r="H37325" s="1" t="s">
        <v>129276</v>
      </c>
      <c r="I37325" s="1" t="s">
        <v>126615</v>
      </c>
      <c r="J37325" s="1" t="s">
        <v>13</v>
      </c>
    </row>
    <row r="37326" spans="1:10" x14ac:dyDescent="0.35">
      <c r="A37326" s="1" t="s">
        <v>29970</v>
      </c>
      <c r="B37326" s="1" t="s">
        <v>126612</v>
      </c>
      <c r="C37326" s="1" t="s">
        <v>15</v>
      </c>
      <c r="D37326" s="1" t="s">
        <v>63001</v>
      </c>
      <c r="E37326" s="1" t="s">
        <v>67868</v>
      </c>
      <c r="F37326" s="1" t="s">
        <v>129277</v>
      </c>
      <c r="G37326" s="1" t="s">
        <v>129275</v>
      </c>
      <c r="H37326" s="1" t="s">
        <v>129276</v>
      </c>
      <c r="I37326" s="1" t="s">
        <v>126615</v>
      </c>
      <c r="J37326" s="1" t="s">
        <v>129278</v>
      </c>
    </row>
    <row r="37327" spans="1:10" x14ac:dyDescent="0.35">
      <c r="A37327" s="1" t="s">
        <v>29970</v>
      </c>
      <c r="B37327" s="1" t="s">
        <v>126612</v>
      </c>
      <c r="C37327" s="1" t="s">
        <v>20</v>
      </c>
      <c r="D37327" s="1" t="s">
        <v>76749</v>
      </c>
      <c r="E37327" s="1" t="s">
        <v>89313</v>
      </c>
      <c r="F37327" s="1" t="s">
        <v>129279</v>
      </c>
      <c r="G37327" s="1" t="s">
        <v>129275</v>
      </c>
      <c r="H37327" s="1" t="s">
        <v>129276</v>
      </c>
      <c r="I37327" s="1" t="s">
        <v>126615</v>
      </c>
      <c r="J37327" s="1" t="s">
        <v>129280</v>
      </c>
    </row>
    <row r="37328" spans="1:10" x14ac:dyDescent="0.35">
      <c r="A37328" s="1" t="s">
        <v>29970</v>
      </c>
      <c r="B37328" s="1" t="s">
        <v>126612</v>
      </c>
      <c r="C37328" s="1" t="s">
        <v>25</v>
      </c>
      <c r="D37328" s="1" t="s">
        <v>38924</v>
      </c>
      <c r="E37328" s="1" t="s">
        <v>71182</v>
      </c>
      <c r="F37328" s="1" t="s">
        <v>129281</v>
      </c>
      <c r="G37328" s="1" t="s">
        <v>129275</v>
      </c>
      <c r="H37328" s="1" t="s">
        <v>129276</v>
      </c>
      <c r="I37328" s="1" t="s">
        <v>126615</v>
      </c>
      <c r="J37328" s="1" t="s">
        <v>129282</v>
      </c>
    </row>
    <row r="37329" spans="1:10" x14ac:dyDescent="0.35">
      <c r="A37329" s="1" t="s">
        <v>29970</v>
      </c>
      <c r="B37329" s="1" t="s">
        <v>126612</v>
      </c>
      <c r="C37329" s="1" t="s">
        <v>30</v>
      </c>
      <c r="D37329" s="1" t="s">
        <v>129283</v>
      </c>
      <c r="E37329" s="1" t="s">
        <v>19882</v>
      </c>
      <c r="F37329" s="1" t="s">
        <v>129284</v>
      </c>
      <c r="G37329" s="1" t="s">
        <v>129275</v>
      </c>
      <c r="H37329" s="1" t="s">
        <v>129276</v>
      </c>
      <c r="I37329" s="1" t="s">
        <v>126615</v>
      </c>
      <c r="J37329" s="1" t="s">
        <v>129285</v>
      </c>
    </row>
    <row r="37330" spans="1:10" x14ac:dyDescent="0.35">
      <c r="A37330" s="1" t="s">
        <v>29970</v>
      </c>
      <c r="B37330" s="1" t="s">
        <v>126612</v>
      </c>
      <c r="C37330" s="1" t="s">
        <v>35</v>
      </c>
      <c r="D37330" s="1" t="s">
        <v>41755</v>
      </c>
      <c r="E37330" s="1" t="s">
        <v>31856</v>
      </c>
      <c r="F37330" s="1" t="s">
        <v>129286</v>
      </c>
      <c r="G37330" s="1" t="s">
        <v>129275</v>
      </c>
      <c r="H37330" s="1" t="s">
        <v>129276</v>
      </c>
      <c r="I37330" s="1" t="s">
        <v>126615</v>
      </c>
      <c r="J37330" s="1" t="s">
        <v>129287</v>
      </c>
    </row>
    <row r="37331" spans="1:10" x14ac:dyDescent="0.35">
      <c r="A37331" s="1" t="s">
        <v>29970</v>
      </c>
      <c r="B37331" s="1" t="s">
        <v>126612</v>
      </c>
      <c r="C37331" s="1" t="s">
        <v>40</v>
      </c>
      <c r="D37331" s="1" t="s">
        <v>129288</v>
      </c>
      <c r="E37331" s="1" t="s">
        <v>58124</v>
      </c>
      <c r="F37331" s="1" t="s">
        <v>129289</v>
      </c>
      <c r="G37331" s="1" t="s">
        <v>129275</v>
      </c>
      <c r="H37331" s="1" t="s">
        <v>129276</v>
      </c>
      <c r="I37331" s="1" t="s">
        <v>126615</v>
      </c>
      <c r="J37331" s="1" t="s">
        <v>129290</v>
      </c>
    </row>
    <row r="37332" spans="1:10" x14ac:dyDescent="0.35">
      <c r="A37332" s="1" t="s">
        <v>29970</v>
      </c>
      <c r="B37332" s="1" t="s">
        <v>126612</v>
      </c>
      <c r="C37332" s="1" t="s">
        <v>45</v>
      </c>
      <c r="D37332" s="1" t="s">
        <v>60153</v>
      </c>
      <c r="E37332" s="1" t="s">
        <v>129291</v>
      </c>
      <c r="F37332" s="1" t="s">
        <v>129292</v>
      </c>
      <c r="G37332" s="1" t="s">
        <v>129275</v>
      </c>
      <c r="H37332" s="1" t="s">
        <v>129276</v>
      </c>
      <c r="I37332" s="1" t="s">
        <v>126615</v>
      </c>
      <c r="J37332" s="1" t="s">
        <v>129293</v>
      </c>
    </row>
    <row r="37333" spans="1:10" x14ac:dyDescent="0.35">
      <c r="A37333" s="1" t="s">
        <v>29970</v>
      </c>
      <c r="B37333" s="1" t="s">
        <v>126612</v>
      </c>
      <c r="C37333" s="1" t="s">
        <v>50</v>
      </c>
      <c r="D37333" s="1" t="s">
        <v>95067</v>
      </c>
      <c r="E37333" s="1" t="s">
        <v>31518</v>
      </c>
      <c r="F37333" s="1" t="s">
        <v>129294</v>
      </c>
      <c r="G37333" s="1" t="s">
        <v>129275</v>
      </c>
      <c r="H37333" s="1" t="s">
        <v>129276</v>
      </c>
      <c r="I37333" s="1" t="s">
        <v>126615</v>
      </c>
      <c r="J37333" s="1" t="s">
        <v>129295</v>
      </c>
    </row>
    <row r="37334" spans="1:10" x14ac:dyDescent="0.35">
      <c r="A37334" s="1" t="s">
        <v>29970</v>
      </c>
      <c r="B37334" s="1" t="s">
        <v>126612</v>
      </c>
      <c r="C37334" s="1" t="s">
        <v>55</v>
      </c>
      <c r="D37334" s="1" t="s">
        <v>129296</v>
      </c>
      <c r="E37334" s="1" t="s">
        <v>22367</v>
      </c>
      <c r="F37334" s="1" t="s">
        <v>15429</v>
      </c>
      <c r="G37334" s="1" t="s">
        <v>129275</v>
      </c>
      <c r="H37334" s="1" t="s">
        <v>129276</v>
      </c>
      <c r="I37334" s="1" t="s">
        <v>126615</v>
      </c>
      <c r="J37334" s="1" t="s">
        <v>129297</v>
      </c>
    </row>
    <row r="37335" spans="1:10" x14ac:dyDescent="0.35">
      <c r="A37335" s="1" t="s">
        <v>29970</v>
      </c>
      <c r="B37335" s="1" t="s">
        <v>126612</v>
      </c>
      <c r="C37335" s="1" t="s">
        <v>60</v>
      </c>
      <c r="D37335" s="1" t="s">
        <v>97670</v>
      </c>
      <c r="E37335" s="1" t="s">
        <v>128495</v>
      </c>
      <c r="F37335" s="1" t="s">
        <v>129298</v>
      </c>
      <c r="G37335" s="1" t="s">
        <v>129275</v>
      </c>
      <c r="H37335" s="1" t="s">
        <v>129276</v>
      </c>
      <c r="I37335" s="1" t="s">
        <v>126615</v>
      </c>
      <c r="J37335" s="1" t="s">
        <v>129299</v>
      </c>
    </row>
    <row r="37336" spans="1:10" x14ac:dyDescent="0.35">
      <c r="A37336" s="1" t="s">
        <v>29970</v>
      </c>
      <c r="B37336" s="1" t="s">
        <v>126612</v>
      </c>
      <c r="C37336" s="1" t="s">
        <v>65</v>
      </c>
      <c r="D37336" s="1" t="s">
        <v>129300</v>
      </c>
      <c r="E37336" s="1" t="s">
        <v>19956</v>
      </c>
      <c r="F37336" s="1" t="s">
        <v>129301</v>
      </c>
      <c r="G37336" s="1" t="s">
        <v>129275</v>
      </c>
      <c r="H37336" s="1" t="s">
        <v>129276</v>
      </c>
      <c r="I37336" s="1" t="s">
        <v>126615</v>
      </c>
      <c r="J37336" s="1" t="s">
        <v>129302</v>
      </c>
    </row>
    <row r="37337" spans="1:10" x14ac:dyDescent="0.35">
      <c r="A37337" s="1" t="s">
        <v>29970</v>
      </c>
      <c r="B37337" s="1" t="s">
        <v>126612</v>
      </c>
      <c r="C37337" s="1" t="s">
        <v>70</v>
      </c>
      <c r="D37337" s="1" t="s">
        <v>129303</v>
      </c>
      <c r="E37337" s="1" t="s">
        <v>77741</v>
      </c>
      <c r="F37337" s="1" t="s">
        <v>129304</v>
      </c>
      <c r="G37337" s="1" t="s">
        <v>129275</v>
      </c>
      <c r="H37337" s="1" t="s">
        <v>129276</v>
      </c>
      <c r="I37337" s="1" t="s">
        <v>126615</v>
      </c>
      <c r="J37337" s="1" t="s">
        <v>129305</v>
      </c>
    </row>
    <row r="37338" spans="1:10" x14ac:dyDescent="0.35">
      <c r="A37338" s="1" t="s">
        <v>29970</v>
      </c>
      <c r="B37338" s="1" t="s">
        <v>126612</v>
      </c>
      <c r="C37338" s="1" t="s">
        <v>75</v>
      </c>
      <c r="D37338" s="1" t="s">
        <v>129306</v>
      </c>
      <c r="E37338" s="1" t="s">
        <v>32040</v>
      </c>
      <c r="F37338" s="1" t="s">
        <v>55866</v>
      </c>
      <c r="G37338" s="1" t="s">
        <v>129275</v>
      </c>
      <c r="H37338" s="1" t="s">
        <v>129276</v>
      </c>
      <c r="I37338" s="1" t="s">
        <v>126615</v>
      </c>
      <c r="J37338" s="1" t="s">
        <v>129307</v>
      </c>
    </row>
    <row r="37339" spans="1:10" x14ac:dyDescent="0.35">
      <c r="A37339" s="1" t="s">
        <v>29970</v>
      </c>
      <c r="B37339" s="1" t="s">
        <v>126612</v>
      </c>
      <c r="C37339" s="1" t="s">
        <v>80</v>
      </c>
      <c r="D37339" s="1" t="s">
        <v>129308</v>
      </c>
      <c r="E37339" s="1" t="s">
        <v>106991</v>
      </c>
      <c r="F37339" s="1" t="s">
        <v>129309</v>
      </c>
      <c r="G37339" s="1" t="s">
        <v>129275</v>
      </c>
      <c r="H37339" s="1" t="s">
        <v>129276</v>
      </c>
      <c r="I37339" s="1" t="s">
        <v>126615</v>
      </c>
      <c r="J37339" s="1" t="s">
        <v>129310</v>
      </c>
    </row>
    <row r="37340" spans="1:10" x14ac:dyDescent="0.35">
      <c r="A37340" s="1" t="s">
        <v>29970</v>
      </c>
      <c r="B37340" s="1" t="s">
        <v>126612</v>
      </c>
      <c r="C37340" s="1" t="s">
        <v>85</v>
      </c>
      <c r="D37340" s="1" t="s">
        <v>129311</v>
      </c>
      <c r="E37340" s="1" t="s">
        <v>32167</v>
      </c>
      <c r="F37340" s="1" t="s">
        <v>129312</v>
      </c>
      <c r="G37340" s="1" t="s">
        <v>129275</v>
      </c>
      <c r="H37340" s="1" t="s">
        <v>129276</v>
      </c>
      <c r="I37340" s="1" t="s">
        <v>126615</v>
      </c>
      <c r="J37340" s="1" t="s">
        <v>129313</v>
      </c>
    </row>
    <row r="37341" spans="1:10" x14ac:dyDescent="0.35">
      <c r="A37341" s="1" t="s">
        <v>29970</v>
      </c>
      <c r="B37341" s="1" t="s">
        <v>126612</v>
      </c>
      <c r="C37341" s="1" t="s">
        <v>90</v>
      </c>
      <c r="D37341" s="1" t="s">
        <v>100995</v>
      </c>
      <c r="E37341" s="1" t="s">
        <v>15684</v>
      </c>
      <c r="F37341" s="1" t="s">
        <v>69519</v>
      </c>
      <c r="G37341" s="1" t="s">
        <v>129275</v>
      </c>
      <c r="H37341" s="1" t="s">
        <v>129276</v>
      </c>
      <c r="I37341" s="1" t="s">
        <v>126615</v>
      </c>
      <c r="J37341" s="1" t="s">
        <v>129314</v>
      </c>
    </row>
    <row r="37342" spans="1:10" x14ac:dyDescent="0.35">
      <c r="A37342" s="1" t="s">
        <v>29970</v>
      </c>
      <c r="B37342" s="1" t="s">
        <v>126612</v>
      </c>
      <c r="C37342" s="1" t="s">
        <v>95</v>
      </c>
      <c r="D37342" s="1" t="s">
        <v>129315</v>
      </c>
      <c r="E37342" s="1" t="s">
        <v>109012</v>
      </c>
      <c r="F37342" s="1" t="s">
        <v>90279</v>
      </c>
      <c r="G37342" s="1" t="s">
        <v>129275</v>
      </c>
      <c r="H37342" s="1" t="s">
        <v>129276</v>
      </c>
      <c r="I37342" s="1" t="s">
        <v>126615</v>
      </c>
      <c r="J37342" s="1" t="s">
        <v>129316</v>
      </c>
    </row>
    <row r="37343" spans="1:10" x14ac:dyDescent="0.35">
      <c r="A37343" s="1" t="s">
        <v>29970</v>
      </c>
      <c r="B37343" s="1" t="s">
        <v>126612</v>
      </c>
      <c r="C37343" s="1" t="s">
        <v>100</v>
      </c>
      <c r="D37343" s="1" t="s">
        <v>129317</v>
      </c>
      <c r="E37343" s="1" t="s">
        <v>15648</v>
      </c>
      <c r="F37343" s="1" t="s">
        <v>60893</v>
      </c>
      <c r="G37343" s="1" t="s">
        <v>129275</v>
      </c>
      <c r="H37343" s="1" t="s">
        <v>129276</v>
      </c>
      <c r="I37343" s="1" t="s">
        <v>126615</v>
      </c>
      <c r="J37343" s="1" t="s">
        <v>129318</v>
      </c>
    </row>
    <row r="37344" spans="1:10" x14ac:dyDescent="0.35">
      <c r="A37344" s="1" t="s">
        <v>29970</v>
      </c>
      <c r="B37344" s="1" t="s">
        <v>126612</v>
      </c>
      <c r="C37344" s="1" t="s">
        <v>105</v>
      </c>
      <c r="D37344" s="1" t="s">
        <v>129319</v>
      </c>
      <c r="E37344" s="1" t="s">
        <v>96625</v>
      </c>
      <c r="F37344" s="1" t="s">
        <v>129320</v>
      </c>
      <c r="G37344" s="1" t="s">
        <v>129275</v>
      </c>
      <c r="H37344" s="1" t="s">
        <v>129276</v>
      </c>
      <c r="I37344" s="1" t="s">
        <v>126615</v>
      </c>
      <c r="J37344" s="1" t="s">
        <v>129321</v>
      </c>
    </row>
    <row r="37345" spans="1:10" x14ac:dyDescent="0.35">
      <c r="A37345" s="1" t="s">
        <v>29970</v>
      </c>
      <c r="B37345" s="1" t="s">
        <v>126612</v>
      </c>
      <c r="C37345" s="1" t="s">
        <v>110</v>
      </c>
      <c r="D37345" s="1" t="s">
        <v>59074</v>
      </c>
      <c r="E37345" s="1" t="s">
        <v>19904</v>
      </c>
      <c r="F37345" s="1" t="s">
        <v>129322</v>
      </c>
      <c r="G37345" s="1" t="s">
        <v>129275</v>
      </c>
      <c r="H37345" s="1" t="s">
        <v>129276</v>
      </c>
      <c r="I37345" s="1" t="s">
        <v>126615</v>
      </c>
      <c r="J37345" s="1" t="s">
        <v>129323</v>
      </c>
    </row>
    <row r="37346" spans="1:10" x14ac:dyDescent="0.35">
      <c r="A37346" s="1" t="s">
        <v>29970</v>
      </c>
      <c r="B37346" s="1" t="s">
        <v>126612</v>
      </c>
      <c r="C37346" s="1" t="s">
        <v>115</v>
      </c>
      <c r="D37346" s="1" t="s">
        <v>129324</v>
      </c>
      <c r="E37346" s="1" t="s">
        <v>30634</v>
      </c>
      <c r="F37346" s="1" t="s">
        <v>129325</v>
      </c>
      <c r="G37346" s="1" t="s">
        <v>129275</v>
      </c>
      <c r="H37346" s="1" t="s">
        <v>129276</v>
      </c>
      <c r="I37346" s="1" t="s">
        <v>126615</v>
      </c>
      <c r="J37346" s="1" t="s">
        <v>129326</v>
      </c>
    </row>
    <row r="37347" spans="1:10" x14ac:dyDescent="0.35">
      <c r="A37347" s="1" t="s">
        <v>29970</v>
      </c>
      <c r="B37347" s="1" t="s">
        <v>126612</v>
      </c>
      <c r="C37347" s="1" t="s">
        <v>120</v>
      </c>
      <c r="D37347" s="1" t="s">
        <v>129327</v>
      </c>
      <c r="E37347" s="1" t="s">
        <v>31918</v>
      </c>
      <c r="F37347" s="1" t="s">
        <v>58311</v>
      </c>
      <c r="G37347" s="1" t="s">
        <v>129275</v>
      </c>
      <c r="H37347" s="1" t="s">
        <v>129276</v>
      </c>
      <c r="I37347" s="1" t="s">
        <v>126615</v>
      </c>
      <c r="J37347" s="1" t="s">
        <v>129328</v>
      </c>
    </row>
    <row r="37348" spans="1:10" x14ac:dyDescent="0.35">
      <c r="A37348" s="1" t="s">
        <v>29970</v>
      </c>
      <c r="B37348" s="1" t="s">
        <v>126612</v>
      </c>
      <c r="C37348" s="1" t="s">
        <v>125</v>
      </c>
      <c r="D37348" s="1" t="s">
        <v>129329</v>
      </c>
      <c r="E37348" s="1" t="s">
        <v>32036</v>
      </c>
      <c r="F37348" s="1" t="s">
        <v>129330</v>
      </c>
      <c r="G37348" s="1" t="s">
        <v>129275</v>
      </c>
      <c r="H37348" s="1" t="s">
        <v>129276</v>
      </c>
      <c r="I37348" s="1" t="s">
        <v>126615</v>
      </c>
      <c r="J37348" s="1" t="s">
        <v>129331</v>
      </c>
    </row>
    <row r="37349" spans="1:10" x14ac:dyDescent="0.35">
      <c r="A37349" s="1" t="s">
        <v>29970</v>
      </c>
      <c r="B37349" s="1" t="s">
        <v>126612</v>
      </c>
      <c r="C37349" s="1" t="s">
        <v>130</v>
      </c>
      <c r="D37349" s="1" t="s">
        <v>129332</v>
      </c>
      <c r="E37349" s="1" t="s">
        <v>129333</v>
      </c>
      <c r="F37349" s="1" t="s">
        <v>129334</v>
      </c>
      <c r="G37349" s="1" t="s">
        <v>129275</v>
      </c>
      <c r="H37349" s="1" t="s">
        <v>129276</v>
      </c>
      <c r="I37349" s="1" t="s">
        <v>126615</v>
      </c>
      <c r="J37349" s="1" t="s">
        <v>129335</v>
      </c>
    </row>
    <row r="37350" spans="1:10" x14ac:dyDescent="0.35">
      <c r="A37350" s="1" t="s">
        <v>29970</v>
      </c>
      <c r="B37350" s="1" t="s">
        <v>126612</v>
      </c>
      <c r="C37350" s="1" t="s">
        <v>135</v>
      </c>
      <c r="D37350" s="1" t="s">
        <v>129336</v>
      </c>
      <c r="E37350" s="1" t="s">
        <v>108601</v>
      </c>
      <c r="F37350" s="1" t="s">
        <v>22325</v>
      </c>
      <c r="G37350" s="1" t="s">
        <v>129275</v>
      </c>
      <c r="H37350" s="1" t="s">
        <v>129276</v>
      </c>
      <c r="I37350" s="1" t="s">
        <v>126615</v>
      </c>
      <c r="J37350" s="1" t="s">
        <v>129337</v>
      </c>
    </row>
    <row r="37351" spans="1:10" x14ac:dyDescent="0.35">
      <c r="A37351" s="1" t="s">
        <v>29970</v>
      </c>
      <c r="B37351" s="1" t="s">
        <v>126612</v>
      </c>
      <c r="C37351" s="1" t="s">
        <v>140</v>
      </c>
      <c r="D37351" s="1" t="s">
        <v>129338</v>
      </c>
      <c r="E37351" s="1" t="s">
        <v>129339</v>
      </c>
      <c r="F37351" s="1" t="s">
        <v>129340</v>
      </c>
      <c r="G37351" s="1" t="s">
        <v>129275</v>
      </c>
      <c r="H37351" s="1" t="s">
        <v>129276</v>
      </c>
      <c r="I37351" s="1" t="s">
        <v>126615</v>
      </c>
      <c r="J37351" s="1" t="s">
        <v>129341</v>
      </c>
    </row>
    <row r="37352" spans="1:10" x14ac:dyDescent="0.35">
      <c r="A37352" s="1" t="s">
        <v>29970</v>
      </c>
      <c r="B37352" s="1" t="s">
        <v>126612</v>
      </c>
      <c r="C37352" s="1" t="s">
        <v>145</v>
      </c>
      <c r="D37352" s="1" t="s">
        <v>129342</v>
      </c>
      <c r="E37352" s="1" t="s">
        <v>129343</v>
      </c>
      <c r="F37352" s="1" t="s">
        <v>56091</v>
      </c>
      <c r="G37352" s="1" t="s">
        <v>129275</v>
      </c>
      <c r="H37352" s="1" t="s">
        <v>129276</v>
      </c>
      <c r="I37352" s="1" t="s">
        <v>126615</v>
      </c>
      <c r="J37352" s="1" t="s">
        <v>129344</v>
      </c>
    </row>
    <row r="37353" spans="1:10" x14ac:dyDescent="0.35">
      <c r="A37353" s="1" t="s">
        <v>29970</v>
      </c>
      <c r="B37353" s="1" t="s">
        <v>126612</v>
      </c>
      <c r="C37353" s="1" t="s">
        <v>150</v>
      </c>
      <c r="D37353" s="1" t="s">
        <v>129345</v>
      </c>
      <c r="E37353" s="1" t="s">
        <v>70915</v>
      </c>
      <c r="F37353" s="1" t="s">
        <v>129346</v>
      </c>
      <c r="G37353" s="1" t="s">
        <v>129275</v>
      </c>
      <c r="H37353" s="1" t="s">
        <v>129276</v>
      </c>
      <c r="I37353" s="1" t="s">
        <v>126615</v>
      </c>
      <c r="J37353" s="1" t="s">
        <v>129347</v>
      </c>
    </row>
    <row r="37354" spans="1:10" x14ac:dyDescent="0.35">
      <c r="A37354" s="1" t="s">
        <v>29970</v>
      </c>
      <c r="B37354" s="1" t="s">
        <v>126612</v>
      </c>
      <c r="C37354" s="1" t="s">
        <v>155</v>
      </c>
      <c r="D37354" s="1" t="s">
        <v>129348</v>
      </c>
      <c r="E37354" s="1" t="s">
        <v>95803</v>
      </c>
      <c r="F37354" s="1" t="s">
        <v>23579</v>
      </c>
      <c r="G37354" s="1" t="s">
        <v>129275</v>
      </c>
      <c r="H37354" s="1" t="s">
        <v>129276</v>
      </c>
      <c r="I37354" s="1" t="s">
        <v>126615</v>
      </c>
      <c r="J37354" s="1" t="s">
        <v>129349</v>
      </c>
    </row>
    <row r="37355" spans="1:10" x14ac:dyDescent="0.35">
      <c r="A37355" s="1" t="s">
        <v>29970</v>
      </c>
      <c r="B37355" s="1" t="s">
        <v>126612</v>
      </c>
      <c r="C37355" s="1" t="s">
        <v>160</v>
      </c>
      <c r="D37355" s="1" t="s">
        <v>65538</v>
      </c>
      <c r="E37355" s="1" t="s">
        <v>94695</v>
      </c>
      <c r="F37355" s="1" t="s">
        <v>129350</v>
      </c>
      <c r="G37355" s="1" t="s">
        <v>129275</v>
      </c>
      <c r="H37355" s="1" t="s">
        <v>129276</v>
      </c>
      <c r="I37355" s="1" t="s">
        <v>126615</v>
      </c>
      <c r="J37355" s="1" t="s">
        <v>129351</v>
      </c>
    </row>
    <row r="37356" spans="1:10" x14ac:dyDescent="0.35">
      <c r="A37356" s="1" t="s">
        <v>29970</v>
      </c>
      <c r="B37356" s="1" t="s">
        <v>126612</v>
      </c>
      <c r="C37356" s="1" t="s">
        <v>165</v>
      </c>
      <c r="D37356" s="1" t="s">
        <v>129352</v>
      </c>
      <c r="E37356" s="1" t="s">
        <v>129353</v>
      </c>
      <c r="F37356" s="1" t="s">
        <v>129354</v>
      </c>
      <c r="G37356" s="1" t="s">
        <v>129275</v>
      </c>
      <c r="H37356" s="1" t="s">
        <v>129276</v>
      </c>
      <c r="I37356" s="1" t="s">
        <v>126615</v>
      </c>
      <c r="J37356" s="1" t="s">
        <v>129355</v>
      </c>
    </row>
    <row r="37357" spans="1:10" x14ac:dyDescent="0.35">
      <c r="A37357" s="1" t="s">
        <v>29970</v>
      </c>
      <c r="B37357" s="1" t="s">
        <v>126612</v>
      </c>
      <c r="C37357" s="1" t="s">
        <v>170</v>
      </c>
      <c r="D37357" s="1" t="s">
        <v>129356</v>
      </c>
      <c r="E37357" s="1" t="s">
        <v>129357</v>
      </c>
      <c r="F37357" s="1" t="s">
        <v>59068</v>
      </c>
      <c r="G37357" s="1" t="s">
        <v>129275</v>
      </c>
      <c r="H37357" s="1" t="s">
        <v>129276</v>
      </c>
      <c r="I37357" s="1" t="s">
        <v>126615</v>
      </c>
      <c r="J37357" s="1" t="s">
        <v>129358</v>
      </c>
    </row>
    <row r="37358" spans="1:10" x14ac:dyDescent="0.35">
      <c r="A37358" s="1" t="s">
        <v>24953</v>
      </c>
      <c r="B37358" s="1" t="s">
        <v>126612</v>
      </c>
      <c r="C37358" s="1" t="s">
        <v>8</v>
      </c>
      <c r="D37358" s="1" t="s">
        <v>55890</v>
      </c>
      <c r="E37358" s="1" t="s">
        <v>16028</v>
      </c>
      <c r="F37358" s="1" t="s">
        <v>129359</v>
      </c>
      <c r="G37358" s="1" t="s">
        <v>129360</v>
      </c>
      <c r="H37358" s="1" t="s">
        <v>129361</v>
      </c>
      <c r="I37358" s="1" t="s">
        <v>126615</v>
      </c>
      <c r="J37358" s="1" t="s">
        <v>13</v>
      </c>
    </row>
    <row r="37359" spans="1:10" x14ac:dyDescent="0.35">
      <c r="A37359" s="1" t="s">
        <v>24953</v>
      </c>
      <c r="B37359" s="1" t="s">
        <v>126612</v>
      </c>
      <c r="C37359" s="1" t="s">
        <v>15</v>
      </c>
      <c r="D37359" s="1" t="s">
        <v>62545</v>
      </c>
      <c r="E37359" s="1" t="s">
        <v>70893</v>
      </c>
      <c r="F37359" s="1" t="s">
        <v>129362</v>
      </c>
      <c r="G37359" s="1" t="s">
        <v>129360</v>
      </c>
      <c r="H37359" s="1" t="s">
        <v>129361</v>
      </c>
      <c r="I37359" s="1" t="s">
        <v>126615</v>
      </c>
      <c r="J37359" s="1" t="s">
        <v>129363</v>
      </c>
    </row>
    <row r="37360" spans="1:10" x14ac:dyDescent="0.35">
      <c r="A37360" s="1" t="s">
        <v>24953</v>
      </c>
      <c r="B37360" s="1" t="s">
        <v>126612</v>
      </c>
      <c r="C37360" s="1" t="s">
        <v>20</v>
      </c>
      <c r="D37360" s="1" t="s">
        <v>77673</v>
      </c>
      <c r="E37360" s="1" t="s">
        <v>108651</v>
      </c>
      <c r="F37360" s="1" t="s">
        <v>129364</v>
      </c>
      <c r="G37360" s="1" t="s">
        <v>129360</v>
      </c>
      <c r="H37360" s="1" t="s">
        <v>129361</v>
      </c>
      <c r="I37360" s="1" t="s">
        <v>126615</v>
      </c>
      <c r="J37360" s="1" t="s">
        <v>129365</v>
      </c>
    </row>
    <row r="37361" spans="1:10" x14ac:dyDescent="0.35">
      <c r="A37361" s="1" t="s">
        <v>24953</v>
      </c>
      <c r="B37361" s="1" t="s">
        <v>126612</v>
      </c>
      <c r="C37361" s="1" t="s">
        <v>25</v>
      </c>
      <c r="D37361" s="1" t="s">
        <v>2738</v>
      </c>
      <c r="E37361" s="1" t="s">
        <v>128453</v>
      </c>
      <c r="F37361" s="1" t="s">
        <v>129366</v>
      </c>
      <c r="G37361" s="1" t="s">
        <v>129360</v>
      </c>
      <c r="H37361" s="1" t="s">
        <v>129361</v>
      </c>
      <c r="I37361" s="1" t="s">
        <v>126615</v>
      </c>
      <c r="J37361" s="1" t="s">
        <v>129367</v>
      </c>
    </row>
    <row r="37362" spans="1:10" x14ac:dyDescent="0.35">
      <c r="A37362" s="1" t="s">
        <v>24953</v>
      </c>
      <c r="B37362" s="1" t="s">
        <v>126612</v>
      </c>
      <c r="C37362" s="1" t="s">
        <v>30</v>
      </c>
      <c r="D37362" s="1" t="s">
        <v>129368</v>
      </c>
      <c r="E37362" s="1" t="s">
        <v>128674</v>
      </c>
      <c r="F37362" s="1" t="s">
        <v>55507</v>
      </c>
      <c r="G37362" s="1" t="s">
        <v>129360</v>
      </c>
      <c r="H37362" s="1" t="s">
        <v>129361</v>
      </c>
      <c r="I37362" s="1" t="s">
        <v>126615</v>
      </c>
      <c r="J37362" s="1" t="s">
        <v>129369</v>
      </c>
    </row>
    <row r="37363" spans="1:10" x14ac:dyDescent="0.35">
      <c r="A37363" s="1" t="s">
        <v>24953</v>
      </c>
      <c r="B37363" s="1" t="s">
        <v>126612</v>
      </c>
      <c r="C37363" s="1" t="s">
        <v>35</v>
      </c>
      <c r="D37363" s="1" t="s">
        <v>129370</v>
      </c>
      <c r="E37363" s="1" t="s">
        <v>70935</v>
      </c>
      <c r="F37363" s="1" t="s">
        <v>129371</v>
      </c>
      <c r="G37363" s="1" t="s">
        <v>129360</v>
      </c>
      <c r="H37363" s="1" t="s">
        <v>129361</v>
      </c>
      <c r="I37363" s="1" t="s">
        <v>126615</v>
      </c>
      <c r="J37363" s="1" t="s">
        <v>129372</v>
      </c>
    </row>
    <row r="37364" spans="1:10" x14ac:dyDescent="0.35">
      <c r="A37364" s="1" t="s">
        <v>24953</v>
      </c>
      <c r="B37364" s="1" t="s">
        <v>126612</v>
      </c>
      <c r="C37364" s="1" t="s">
        <v>40</v>
      </c>
      <c r="D37364" s="1" t="s">
        <v>19903</v>
      </c>
      <c r="E37364" s="1" t="s">
        <v>129373</v>
      </c>
      <c r="F37364" s="1" t="s">
        <v>129374</v>
      </c>
      <c r="G37364" s="1" t="s">
        <v>129360</v>
      </c>
      <c r="H37364" s="1" t="s">
        <v>129361</v>
      </c>
      <c r="I37364" s="1" t="s">
        <v>126615</v>
      </c>
      <c r="J37364" s="1" t="s">
        <v>129375</v>
      </c>
    </row>
    <row r="37365" spans="1:10" x14ac:dyDescent="0.35">
      <c r="A37365" s="1" t="s">
        <v>24953</v>
      </c>
      <c r="B37365" s="1" t="s">
        <v>126612</v>
      </c>
      <c r="C37365" s="1" t="s">
        <v>45</v>
      </c>
      <c r="D37365" s="1" t="s">
        <v>40316</v>
      </c>
      <c r="E37365" s="1" t="s">
        <v>129376</v>
      </c>
      <c r="F37365" s="1" t="s">
        <v>129377</v>
      </c>
      <c r="G37365" s="1" t="s">
        <v>129360</v>
      </c>
      <c r="H37365" s="1" t="s">
        <v>129361</v>
      </c>
      <c r="I37365" s="1" t="s">
        <v>126615</v>
      </c>
      <c r="J37365" s="1" t="s">
        <v>129378</v>
      </c>
    </row>
    <row r="37366" spans="1:10" x14ac:dyDescent="0.35">
      <c r="A37366" s="1" t="s">
        <v>24953</v>
      </c>
      <c r="B37366" s="1" t="s">
        <v>126612</v>
      </c>
      <c r="C37366" s="1" t="s">
        <v>50</v>
      </c>
      <c r="D37366" s="1" t="s">
        <v>129379</v>
      </c>
      <c r="E37366" s="1" t="s">
        <v>129380</v>
      </c>
      <c r="F37366" s="1" t="s">
        <v>129381</v>
      </c>
      <c r="G37366" s="1" t="s">
        <v>129360</v>
      </c>
      <c r="H37366" s="1" t="s">
        <v>129361</v>
      </c>
      <c r="I37366" s="1" t="s">
        <v>126615</v>
      </c>
      <c r="J37366" s="1" t="s">
        <v>129382</v>
      </c>
    </row>
    <row r="37367" spans="1:10" x14ac:dyDescent="0.35">
      <c r="A37367" s="1" t="s">
        <v>24953</v>
      </c>
      <c r="B37367" s="1" t="s">
        <v>126612</v>
      </c>
      <c r="C37367" s="1" t="s">
        <v>55</v>
      </c>
      <c r="D37367" s="1" t="s">
        <v>83826</v>
      </c>
      <c r="E37367" s="1" t="s">
        <v>128295</v>
      </c>
      <c r="F37367" s="1" t="s">
        <v>21149</v>
      </c>
      <c r="G37367" s="1" t="s">
        <v>129360</v>
      </c>
      <c r="H37367" s="1" t="s">
        <v>129361</v>
      </c>
      <c r="I37367" s="1" t="s">
        <v>126615</v>
      </c>
      <c r="J37367" s="1" t="s">
        <v>129383</v>
      </c>
    </row>
    <row r="37368" spans="1:10" x14ac:dyDescent="0.35">
      <c r="A37368" s="1" t="s">
        <v>24953</v>
      </c>
      <c r="B37368" s="1" t="s">
        <v>126612</v>
      </c>
      <c r="C37368" s="1" t="s">
        <v>60</v>
      </c>
      <c r="D37368" s="1" t="s">
        <v>129384</v>
      </c>
      <c r="E37368" s="1" t="s">
        <v>94725</v>
      </c>
      <c r="F37368" s="1" t="s">
        <v>129385</v>
      </c>
      <c r="G37368" s="1" t="s">
        <v>129360</v>
      </c>
      <c r="H37368" s="1" t="s">
        <v>129361</v>
      </c>
      <c r="I37368" s="1" t="s">
        <v>126615</v>
      </c>
      <c r="J37368" s="1" t="s">
        <v>129386</v>
      </c>
    </row>
    <row r="37369" spans="1:10" x14ac:dyDescent="0.35">
      <c r="A37369" s="1" t="s">
        <v>24953</v>
      </c>
      <c r="B37369" s="1" t="s">
        <v>126612</v>
      </c>
      <c r="C37369" s="1" t="s">
        <v>65</v>
      </c>
      <c r="D37369" s="1" t="s">
        <v>67646</v>
      </c>
      <c r="E37369" s="1" t="s">
        <v>128791</v>
      </c>
      <c r="F37369" s="1" t="s">
        <v>129387</v>
      </c>
      <c r="G37369" s="1" t="s">
        <v>129360</v>
      </c>
      <c r="H37369" s="1" t="s">
        <v>129361</v>
      </c>
      <c r="I37369" s="1" t="s">
        <v>126615</v>
      </c>
      <c r="J37369" s="1" t="s">
        <v>129388</v>
      </c>
    </row>
    <row r="37370" spans="1:10" x14ac:dyDescent="0.35">
      <c r="A37370" s="1" t="s">
        <v>24953</v>
      </c>
      <c r="B37370" s="1" t="s">
        <v>126612</v>
      </c>
      <c r="C37370" s="1" t="s">
        <v>70</v>
      </c>
      <c r="D37370" s="1" t="s">
        <v>129389</v>
      </c>
      <c r="E37370" s="1" t="s">
        <v>127273</v>
      </c>
      <c r="F37370" s="1" t="s">
        <v>129390</v>
      </c>
      <c r="G37370" s="1" t="s">
        <v>129360</v>
      </c>
      <c r="H37370" s="1" t="s">
        <v>129361</v>
      </c>
      <c r="I37370" s="1" t="s">
        <v>126615</v>
      </c>
      <c r="J37370" s="1" t="s">
        <v>129391</v>
      </c>
    </row>
    <row r="37371" spans="1:10" x14ac:dyDescent="0.35">
      <c r="A37371" s="1" t="s">
        <v>24953</v>
      </c>
      <c r="B37371" s="1" t="s">
        <v>126612</v>
      </c>
      <c r="C37371" s="1" t="s">
        <v>75</v>
      </c>
      <c r="D37371" s="1" t="s">
        <v>129392</v>
      </c>
      <c r="E37371" s="1" t="s">
        <v>48136</v>
      </c>
      <c r="F37371" s="1" t="s">
        <v>129393</v>
      </c>
      <c r="G37371" s="1" t="s">
        <v>129360</v>
      </c>
      <c r="H37371" s="1" t="s">
        <v>129361</v>
      </c>
      <c r="I37371" s="1" t="s">
        <v>126615</v>
      </c>
      <c r="J37371" s="1" t="s">
        <v>129394</v>
      </c>
    </row>
    <row r="37372" spans="1:10" x14ac:dyDescent="0.35">
      <c r="A37372" s="1" t="s">
        <v>24953</v>
      </c>
      <c r="B37372" s="1" t="s">
        <v>126612</v>
      </c>
      <c r="C37372" s="1" t="s">
        <v>80</v>
      </c>
      <c r="D37372" s="1" t="s">
        <v>129395</v>
      </c>
      <c r="E37372" s="1" t="s">
        <v>129396</v>
      </c>
      <c r="F37372" s="1" t="s">
        <v>129397</v>
      </c>
      <c r="G37372" s="1" t="s">
        <v>129360</v>
      </c>
      <c r="H37372" s="1" t="s">
        <v>129361</v>
      </c>
      <c r="I37372" s="1" t="s">
        <v>126615</v>
      </c>
      <c r="J37372" s="1" t="s">
        <v>129398</v>
      </c>
    </row>
    <row r="37373" spans="1:10" x14ac:dyDescent="0.35">
      <c r="A37373" s="1" t="s">
        <v>24953</v>
      </c>
      <c r="B37373" s="1" t="s">
        <v>126612</v>
      </c>
      <c r="C37373" s="1" t="s">
        <v>85</v>
      </c>
      <c r="D37373" s="1" t="s">
        <v>69954</v>
      </c>
      <c r="E37373" s="1" t="s">
        <v>129399</v>
      </c>
      <c r="F37373" s="1" t="s">
        <v>129400</v>
      </c>
      <c r="G37373" s="1" t="s">
        <v>129360</v>
      </c>
      <c r="H37373" s="1" t="s">
        <v>129361</v>
      </c>
      <c r="I37373" s="1" t="s">
        <v>126615</v>
      </c>
      <c r="J37373" s="1" t="s">
        <v>129401</v>
      </c>
    </row>
    <row r="37374" spans="1:10" x14ac:dyDescent="0.35">
      <c r="A37374" s="1" t="s">
        <v>24953</v>
      </c>
      <c r="B37374" s="1" t="s">
        <v>126612</v>
      </c>
      <c r="C37374" s="1" t="s">
        <v>90</v>
      </c>
      <c r="D37374" s="1" t="s">
        <v>129402</v>
      </c>
      <c r="E37374" s="1" t="s">
        <v>105286</v>
      </c>
      <c r="F37374" s="1" t="s">
        <v>129403</v>
      </c>
      <c r="G37374" s="1" t="s">
        <v>129360</v>
      </c>
      <c r="H37374" s="1" t="s">
        <v>129361</v>
      </c>
      <c r="I37374" s="1" t="s">
        <v>126615</v>
      </c>
      <c r="J37374" s="1" t="s">
        <v>129404</v>
      </c>
    </row>
    <row r="37375" spans="1:10" x14ac:dyDescent="0.35">
      <c r="A37375" s="1" t="s">
        <v>24953</v>
      </c>
      <c r="B37375" s="1" t="s">
        <v>126612</v>
      </c>
      <c r="C37375" s="1" t="s">
        <v>95</v>
      </c>
      <c r="D37375" s="1" t="s">
        <v>63028</v>
      </c>
      <c r="E37375" s="1" t="s">
        <v>94781</v>
      </c>
      <c r="F37375" s="1" t="s">
        <v>129405</v>
      </c>
      <c r="G37375" s="1" t="s">
        <v>129360</v>
      </c>
      <c r="H37375" s="1" t="s">
        <v>129361</v>
      </c>
      <c r="I37375" s="1" t="s">
        <v>126615</v>
      </c>
      <c r="J37375" s="1" t="s">
        <v>129406</v>
      </c>
    </row>
    <row r="37376" spans="1:10" x14ac:dyDescent="0.35">
      <c r="A37376" s="1" t="s">
        <v>24953</v>
      </c>
      <c r="B37376" s="1" t="s">
        <v>126612</v>
      </c>
      <c r="C37376" s="1" t="s">
        <v>100</v>
      </c>
      <c r="D37376" s="1" t="s">
        <v>129407</v>
      </c>
      <c r="E37376" s="1" t="s">
        <v>76427</v>
      </c>
      <c r="F37376" s="1" t="s">
        <v>110613</v>
      </c>
      <c r="G37376" s="1" t="s">
        <v>129360</v>
      </c>
      <c r="H37376" s="1" t="s">
        <v>129361</v>
      </c>
      <c r="I37376" s="1" t="s">
        <v>126615</v>
      </c>
      <c r="J37376" s="1" t="s">
        <v>129408</v>
      </c>
    </row>
    <row r="37377" spans="1:10" x14ac:dyDescent="0.35">
      <c r="A37377" s="1" t="s">
        <v>24953</v>
      </c>
      <c r="B37377" s="1" t="s">
        <v>126612</v>
      </c>
      <c r="C37377" s="1" t="s">
        <v>105</v>
      </c>
      <c r="D37377" s="1" t="s">
        <v>129409</v>
      </c>
      <c r="E37377" s="1" t="s">
        <v>30694</v>
      </c>
      <c r="F37377" s="1" t="s">
        <v>129410</v>
      </c>
      <c r="G37377" s="1" t="s">
        <v>129360</v>
      </c>
      <c r="H37377" s="1" t="s">
        <v>129361</v>
      </c>
      <c r="I37377" s="1" t="s">
        <v>126615</v>
      </c>
      <c r="J37377" s="1" t="s">
        <v>129411</v>
      </c>
    </row>
    <row r="37378" spans="1:10" x14ac:dyDescent="0.35">
      <c r="A37378" s="1" t="s">
        <v>24953</v>
      </c>
      <c r="B37378" s="1" t="s">
        <v>126612</v>
      </c>
      <c r="C37378" s="1" t="s">
        <v>110</v>
      </c>
      <c r="D37378" s="1" t="s">
        <v>103607</v>
      </c>
      <c r="E37378" s="1" t="s">
        <v>129412</v>
      </c>
      <c r="F37378" s="1" t="s">
        <v>129413</v>
      </c>
      <c r="G37378" s="1" t="s">
        <v>129360</v>
      </c>
      <c r="H37378" s="1" t="s">
        <v>129361</v>
      </c>
      <c r="I37378" s="1" t="s">
        <v>126615</v>
      </c>
      <c r="J37378" s="1" t="s">
        <v>129414</v>
      </c>
    </row>
    <row r="37379" spans="1:10" x14ac:dyDescent="0.35">
      <c r="A37379" s="1" t="s">
        <v>24953</v>
      </c>
      <c r="B37379" s="1" t="s">
        <v>126612</v>
      </c>
      <c r="C37379" s="1" t="s">
        <v>115</v>
      </c>
      <c r="D37379" s="1" t="s">
        <v>12742</v>
      </c>
      <c r="E37379" s="1" t="s">
        <v>107563</v>
      </c>
      <c r="F37379" s="1" t="s">
        <v>111018</v>
      </c>
      <c r="G37379" s="1" t="s">
        <v>129360</v>
      </c>
      <c r="H37379" s="1" t="s">
        <v>129361</v>
      </c>
      <c r="I37379" s="1" t="s">
        <v>126615</v>
      </c>
      <c r="J37379" s="1" t="s">
        <v>129415</v>
      </c>
    </row>
    <row r="37380" spans="1:10" x14ac:dyDescent="0.35">
      <c r="A37380" s="1" t="s">
        <v>24953</v>
      </c>
      <c r="B37380" s="1" t="s">
        <v>126612</v>
      </c>
      <c r="C37380" s="1" t="s">
        <v>120</v>
      </c>
      <c r="D37380" s="1" t="s">
        <v>22308</v>
      </c>
      <c r="E37380" s="1" t="s">
        <v>16201</v>
      </c>
      <c r="F37380" s="1" t="s">
        <v>101729</v>
      </c>
      <c r="G37380" s="1" t="s">
        <v>129360</v>
      </c>
      <c r="H37380" s="1" t="s">
        <v>129361</v>
      </c>
      <c r="I37380" s="1" t="s">
        <v>126615</v>
      </c>
      <c r="J37380" s="1" t="s">
        <v>129416</v>
      </c>
    </row>
    <row r="37381" spans="1:10" x14ac:dyDescent="0.35">
      <c r="A37381" s="1" t="s">
        <v>24953</v>
      </c>
      <c r="B37381" s="1" t="s">
        <v>126612</v>
      </c>
      <c r="C37381" s="1" t="s">
        <v>125</v>
      </c>
      <c r="D37381" s="1" t="s">
        <v>129417</v>
      </c>
      <c r="E37381" s="1" t="s">
        <v>127250</v>
      </c>
      <c r="F37381" s="1" t="s">
        <v>129418</v>
      </c>
      <c r="G37381" s="1" t="s">
        <v>129360</v>
      </c>
      <c r="H37381" s="1" t="s">
        <v>129361</v>
      </c>
      <c r="I37381" s="1" t="s">
        <v>126615</v>
      </c>
      <c r="J37381" s="1" t="s">
        <v>129419</v>
      </c>
    </row>
    <row r="37382" spans="1:10" x14ac:dyDescent="0.35">
      <c r="A37382" s="1" t="s">
        <v>24953</v>
      </c>
      <c r="B37382" s="1" t="s">
        <v>126612</v>
      </c>
      <c r="C37382" s="1" t="s">
        <v>130</v>
      </c>
      <c r="D37382" s="1" t="s">
        <v>103386</v>
      </c>
      <c r="E37382" s="1" t="s">
        <v>129420</v>
      </c>
      <c r="F37382" s="1" t="s">
        <v>129421</v>
      </c>
      <c r="G37382" s="1" t="s">
        <v>129360</v>
      </c>
      <c r="H37382" s="1" t="s">
        <v>129361</v>
      </c>
      <c r="I37382" s="1" t="s">
        <v>126615</v>
      </c>
      <c r="J37382" s="1" t="s">
        <v>129422</v>
      </c>
    </row>
    <row r="37383" spans="1:10" x14ac:dyDescent="0.35">
      <c r="A37383" s="1" t="s">
        <v>24953</v>
      </c>
      <c r="B37383" s="1" t="s">
        <v>126612</v>
      </c>
      <c r="C37383" s="1" t="s">
        <v>135</v>
      </c>
      <c r="D37383" s="1" t="s">
        <v>81259</v>
      </c>
      <c r="E37383" s="1" t="s">
        <v>48030</v>
      </c>
      <c r="F37383" s="1" t="s">
        <v>129423</v>
      </c>
      <c r="G37383" s="1" t="s">
        <v>129360</v>
      </c>
      <c r="H37383" s="1" t="s">
        <v>129361</v>
      </c>
      <c r="I37383" s="1" t="s">
        <v>126615</v>
      </c>
      <c r="J37383" s="1" t="s">
        <v>129424</v>
      </c>
    </row>
    <row r="37384" spans="1:10" x14ac:dyDescent="0.35">
      <c r="A37384" s="1" t="s">
        <v>24953</v>
      </c>
      <c r="B37384" s="1" t="s">
        <v>126612</v>
      </c>
      <c r="C37384" s="1" t="s">
        <v>140</v>
      </c>
      <c r="D37384" s="1" t="s">
        <v>129425</v>
      </c>
      <c r="E37384" s="1" t="s">
        <v>108513</v>
      </c>
      <c r="F37384" s="1" t="s">
        <v>129426</v>
      </c>
      <c r="G37384" s="1" t="s">
        <v>129360</v>
      </c>
      <c r="H37384" s="1" t="s">
        <v>129361</v>
      </c>
      <c r="I37384" s="1" t="s">
        <v>126615</v>
      </c>
      <c r="J37384" s="1" t="s">
        <v>129427</v>
      </c>
    </row>
    <row r="37385" spans="1:10" x14ac:dyDescent="0.35">
      <c r="A37385" s="1" t="s">
        <v>24953</v>
      </c>
      <c r="B37385" s="1" t="s">
        <v>126612</v>
      </c>
      <c r="C37385" s="1" t="s">
        <v>145</v>
      </c>
      <c r="D37385" s="1" t="s">
        <v>84816</v>
      </c>
      <c r="E37385" s="1" t="s">
        <v>15464</v>
      </c>
      <c r="F37385" s="1" t="s">
        <v>129428</v>
      </c>
      <c r="G37385" s="1" t="s">
        <v>129360</v>
      </c>
      <c r="H37385" s="1" t="s">
        <v>129361</v>
      </c>
      <c r="I37385" s="1" t="s">
        <v>126615</v>
      </c>
      <c r="J37385" s="1" t="s">
        <v>129429</v>
      </c>
    </row>
    <row r="37386" spans="1:10" x14ac:dyDescent="0.35">
      <c r="A37386" s="1" t="s">
        <v>24953</v>
      </c>
      <c r="B37386" s="1" t="s">
        <v>126612</v>
      </c>
      <c r="C37386" s="1" t="s">
        <v>150</v>
      </c>
      <c r="D37386" s="1" t="s">
        <v>129430</v>
      </c>
      <c r="E37386" s="1" t="s">
        <v>48037</v>
      </c>
      <c r="F37386" s="1" t="s">
        <v>129431</v>
      </c>
      <c r="G37386" s="1" t="s">
        <v>129360</v>
      </c>
      <c r="H37386" s="1" t="s">
        <v>129361</v>
      </c>
      <c r="I37386" s="1" t="s">
        <v>126615</v>
      </c>
      <c r="J37386" s="1" t="s">
        <v>129432</v>
      </c>
    </row>
    <row r="37387" spans="1:10" x14ac:dyDescent="0.35">
      <c r="A37387" s="1" t="s">
        <v>24953</v>
      </c>
      <c r="B37387" s="1" t="s">
        <v>126612</v>
      </c>
      <c r="C37387" s="1" t="s">
        <v>155</v>
      </c>
      <c r="D37387" s="1" t="s">
        <v>20732</v>
      </c>
      <c r="E37387" s="1" t="s">
        <v>15445</v>
      </c>
      <c r="F37387" s="1" t="s">
        <v>129433</v>
      </c>
      <c r="G37387" s="1" t="s">
        <v>129360</v>
      </c>
      <c r="H37387" s="1" t="s">
        <v>129361</v>
      </c>
      <c r="I37387" s="1" t="s">
        <v>126615</v>
      </c>
      <c r="J37387" s="1" t="s">
        <v>129434</v>
      </c>
    </row>
    <row r="37388" spans="1:10" x14ac:dyDescent="0.35">
      <c r="A37388" s="1" t="s">
        <v>24953</v>
      </c>
      <c r="B37388" s="1" t="s">
        <v>126612</v>
      </c>
      <c r="C37388" s="1" t="s">
        <v>160</v>
      </c>
      <c r="D37388" s="1" t="s">
        <v>129435</v>
      </c>
      <c r="E37388" s="1" t="s">
        <v>128712</v>
      </c>
      <c r="F37388" s="1" t="s">
        <v>129436</v>
      </c>
      <c r="G37388" s="1" t="s">
        <v>129360</v>
      </c>
      <c r="H37388" s="1" t="s">
        <v>129361</v>
      </c>
      <c r="I37388" s="1" t="s">
        <v>126615</v>
      </c>
      <c r="J37388" s="1" t="s">
        <v>129437</v>
      </c>
    </row>
    <row r="37389" spans="1:10" x14ac:dyDescent="0.35">
      <c r="A37389" s="1" t="s">
        <v>24953</v>
      </c>
      <c r="B37389" s="1" t="s">
        <v>126612</v>
      </c>
      <c r="C37389" s="1" t="s">
        <v>165</v>
      </c>
      <c r="D37389" s="1" t="s">
        <v>77693</v>
      </c>
      <c r="E37389" s="1" t="s">
        <v>128041</v>
      </c>
      <c r="F37389" s="1" t="s">
        <v>129438</v>
      </c>
      <c r="G37389" s="1" t="s">
        <v>129360</v>
      </c>
      <c r="H37389" s="1" t="s">
        <v>129361</v>
      </c>
      <c r="I37389" s="1" t="s">
        <v>126615</v>
      </c>
      <c r="J37389" s="1" t="s">
        <v>129439</v>
      </c>
    </row>
    <row r="37390" spans="1:10" x14ac:dyDescent="0.35">
      <c r="A37390" s="1" t="s">
        <v>24953</v>
      </c>
      <c r="B37390" s="1" t="s">
        <v>126612</v>
      </c>
      <c r="C37390" s="1" t="s">
        <v>170</v>
      </c>
      <c r="D37390" s="1" t="s">
        <v>129440</v>
      </c>
      <c r="E37390" s="1" t="s">
        <v>129441</v>
      </c>
      <c r="F37390" s="1" t="s">
        <v>129442</v>
      </c>
      <c r="G37390" s="1" t="s">
        <v>129360</v>
      </c>
      <c r="H37390" s="1" t="s">
        <v>129361</v>
      </c>
      <c r="I37390" s="1" t="s">
        <v>126615</v>
      </c>
      <c r="J37390" s="1" t="s">
        <v>129443</v>
      </c>
    </row>
    <row r="37391" spans="1:10" x14ac:dyDescent="0.35">
      <c r="A37391" s="1" t="s">
        <v>1958</v>
      </c>
      <c r="B37391" s="1" t="s">
        <v>126612</v>
      </c>
      <c r="C37391" s="1" t="s">
        <v>8</v>
      </c>
      <c r="D37391" s="1" t="s">
        <v>129444</v>
      </c>
      <c r="E37391" s="1" t="s">
        <v>105275</v>
      </c>
      <c r="F37391" s="1" t="s">
        <v>129445</v>
      </c>
      <c r="G37391" s="1" t="s">
        <v>129446</v>
      </c>
      <c r="H37391" s="1" t="s">
        <v>129447</v>
      </c>
      <c r="I37391" s="1" t="s">
        <v>126615</v>
      </c>
      <c r="J37391" s="1" t="s">
        <v>13</v>
      </c>
    </row>
    <row r="37392" spans="1:10" x14ac:dyDescent="0.35">
      <c r="A37392" s="1" t="s">
        <v>1958</v>
      </c>
      <c r="B37392" s="1" t="s">
        <v>126612</v>
      </c>
      <c r="C37392" s="1" t="s">
        <v>15</v>
      </c>
      <c r="D37392" s="1" t="s">
        <v>129448</v>
      </c>
      <c r="E37392" s="1" t="s">
        <v>129449</v>
      </c>
      <c r="F37392" s="1" t="s">
        <v>129450</v>
      </c>
      <c r="G37392" s="1" t="s">
        <v>129446</v>
      </c>
      <c r="H37392" s="1" t="s">
        <v>129447</v>
      </c>
      <c r="I37392" s="1" t="s">
        <v>126615</v>
      </c>
      <c r="J37392" s="1" t="s">
        <v>129451</v>
      </c>
    </row>
    <row r="37393" spans="1:10" x14ac:dyDescent="0.35">
      <c r="A37393" s="1" t="s">
        <v>1958</v>
      </c>
      <c r="B37393" s="1" t="s">
        <v>126612</v>
      </c>
      <c r="C37393" s="1" t="s">
        <v>20</v>
      </c>
      <c r="D37393" s="1" t="s">
        <v>129452</v>
      </c>
      <c r="E37393" s="1" t="s">
        <v>105361</v>
      </c>
      <c r="F37393" s="1" t="s">
        <v>64981</v>
      </c>
      <c r="G37393" s="1" t="s">
        <v>129446</v>
      </c>
      <c r="H37393" s="1" t="s">
        <v>129447</v>
      </c>
      <c r="I37393" s="1" t="s">
        <v>126615</v>
      </c>
      <c r="J37393" s="1" t="s">
        <v>129453</v>
      </c>
    </row>
    <row r="37394" spans="1:10" x14ac:dyDescent="0.35">
      <c r="A37394" s="1" t="s">
        <v>1958</v>
      </c>
      <c r="B37394" s="1" t="s">
        <v>126612</v>
      </c>
      <c r="C37394" s="1" t="s">
        <v>25</v>
      </c>
      <c r="D37394" s="1" t="s">
        <v>127902</v>
      </c>
      <c r="E37394" s="1" t="s">
        <v>129454</v>
      </c>
      <c r="F37394" s="1" t="s">
        <v>129455</v>
      </c>
      <c r="G37394" s="1" t="s">
        <v>129446</v>
      </c>
      <c r="H37394" s="1" t="s">
        <v>129447</v>
      </c>
      <c r="I37394" s="1" t="s">
        <v>126615</v>
      </c>
      <c r="J37394" s="1" t="s">
        <v>129456</v>
      </c>
    </row>
    <row r="37395" spans="1:10" x14ac:dyDescent="0.35">
      <c r="A37395" s="1" t="s">
        <v>1958</v>
      </c>
      <c r="B37395" s="1" t="s">
        <v>126612</v>
      </c>
      <c r="C37395" s="1" t="s">
        <v>30</v>
      </c>
      <c r="D37395" s="1" t="s">
        <v>129457</v>
      </c>
      <c r="E37395" s="1" t="s">
        <v>108755</v>
      </c>
      <c r="F37395" s="1" t="s">
        <v>129458</v>
      </c>
      <c r="G37395" s="1" t="s">
        <v>129446</v>
      </c>
      <c r="H37395" s="1" t="s">
        <v>129447</v>
      </c>
      <c r="I37395" s="1" t="s">
        <v>126615</v>
      </c>
      <c r="J37395" s="1" t="s">
        <v>129459</v>
      </c>
    </row>
    <row r="37396" spans="1:10" x14ac:dyDescent="0.35">
      <c r="A37396" s="1" t="s">
        <v>1958</v>
      </c>
      <c r="B37396" s="1" t="s">
        <v>126612</v>
      </c>
      <c r="C37396" s="1" t="s">
        <v>35</v>
      </c>
      <c r="D37396" s="1" t="s">
        <v>100287</v>
      </c>
      <c r="E37396" s="1" t="s">
        <v>129460</v>
      </c>
      <c r="F37396" s="1" t="s">
        <v>129461</v>
      </c>
      <c r="G37396" s="1" t="s">
        <v>129446</v>
      </c>
      <c r="H37396" s="1" t="s">
        <v>129447</v>
      </c>
      <c r="I37396" s="1" t="s">
        <v>126615</v>
      </c>
      <c r="J37396" s="1" t="s">
        <v>129462</v>
      </c>
    </row>
    <row r="37397" spans="1:10" x14ac:dyDescent="0.35">
      <c r="A37397" s="1" t="s">
        <v>1958</v>
      </c>
      <c r="B37397" s="1" t="s">
        <v>126612</v>
      </c>
      <c r="C37397" s="1" t="s">
        <v>40</v>
      </c>
      <c r="D37397" s="1" t="s">
        <v>81124</v>
      </c>
      <c r="E37397" s="1" t="s">
        <v>94703</v>
      </c>
      <c r="F37397" s="1" t="s">
        <v>32330</v>
      </c>
      <c r="G37397" s="1" t="s">
        <v>129446</v>
      </c>
      <c r="H37397" s="1" t="s">
        <v>129447</v>
      </c>
      <c r="I37397" s="1" t="s">
        <v>126615</v>
      </c>
      <c r="J37397" s="1" t="s">
        <v>129463</v>
      </c>
    </row>
    <row r="37398" spans="1:10" x14ac:dyDescent="0.35">
      <c r="A37398" s="1" t="s">
        <v>1958</v>
      </c>
      <c r="B37398" s="1" t="s">
        <v>126612</v>
      </c>
      <c r="C37398" s="1" t="s">
        <v>45</v>
      </c>
      <c r="D37398" s="1" t="s">
        <v>52235</v>
      </c>
      <c r="E37398" s="1" t="s">
        <v>129464</v>
      </c>
      <c r="F37398" s="1" t="s">
        <v>129465</v>
      </c>
      <c r="G37398" s="1" t="s">
        <v>129446</v>
      </c>
      <c r="H37398" s="1" t="s">
        <v>129447</v>
      </c>
      <c r="I37398" s="1" t="s">
        <v>126615</v>
      </c>
      <c r="J37398" s="1" t="s">
        <v>129466</v>
      </c>
    </row>
    <row r="37399" spans="1:10" x14ac:dyDescent="0.35">
      <c r="A37399" s="1" t="s">
        <v>1958</v>
      </c>
      <c r="B37399" s="1" t="s">
        <v>126612</v>
      </c>
      <c r="C37399" s="1" t="s">
        <v>50</v>
      </c>
      <c r="D37399" s="1" t="s">
        <v>55506</v>
      </c>
      <c r="E37399" s="1" t="s">
        <v>108639</v>
      </c>
      <c r="F37399" s="1" t="s">
        <v>67111</v>
      </c>
      <c r="G37399" s="1" t="s">
        <v>129446</v>
      </c>
      <c r="H37399" s="1" t="s">
        <v>129447</v>
      </c>
      <c r="I37399" s="1" t="s">
        <v>126615</v>
      </c>
      <c r="J37399" s="1" t="s">
        <v>129467</v>
      </c>
    </row>
    <row r="37400" spans="1:10" x14ac:dyDescent="0.35">
      <c r="A37400" s="1" t="s">
        <v>1958</v>
      </c>
      <c r="B37400" s="1" t="s">
        <v>126612</v>
      </c>
      <c r="C37400" s="1" t="s">
        <v>55</v>
      </c>
      <c r="D37400" s="1" t="s">
        <v>129468</v>
      </c>
      <c r="E37400" s="1" t="s">
        <v>110987</v>
      </c>
      <c r="F37400" s="1" t="s">
        <v>19929</v>
      </c>
      <c r="G37400" s="1" t="s">
        <v>129446</v>
      </c>
      <c r="H37400" s="1" t="s">
        <v>129447</v>
      </c>
      <c r="I37400" s="1" t="s">
        <v>126615</v>
      </c>
      <c r="J37400" s="1" t="s">
        <v>129469</v>
      </c>
    </row>
    <row r="37401" spans="1:10" x14ac:dyDescent="0.35">
      <c r="A37401" s="1" t="s">
        <v>1958</v>
      </c>
      <c r="B37401" s="1" t="s">
        <v>126612</v>
      </c>
      <c r="C37401" s="1" t="s">
        <v>60</v>
      </c>
      <c r="D37401" s="1" t="s">
        <v>129470</v>
      </c>
      <c r="E37401" s="1" t="s">
        <v>129471</v>
      </c>
      <c r="F37401" s="1" t="s">
        <v>63434</v>
      </c>
      <c r="G37401" s="1" t="s">
        <v>129446</v>
      </c>
      <c r="H37401" s="1" t="s">
        <v>129447</v>
      </c>
      <c r="I37401" s="1" t="s">
        <v>126615</v>
      </c>
      <c r="J37401" s="1" t="s">
        <v>129472</v>
      </c>
    </row>
    <row r="37402" spans="1:10" x14ac:dyDescent="0.35">
      <c r="A37402" s="1" t="s">
        <v>1958</v>
      </c>
      <c r="B37402" s="1" t="s">
        <v>126612</v>
      </c>
      <c r="C37402" s="1" t="s">
        <v>65</v>
      </c>
      <c r="D37402" s="1" t="s">
        <v>129473</v>
      </c>
      <c r="E37402" s="1" t="s">
        <v>105317</v>
      </c>
      <c r="F37402" s="1" t="s">
        <v>129474</v>
      </c>
      <c r="G37402" s="1" t="s">
        <v>129446</v>
      </c>
      <c r="H37402" s="1" t="s">
        <v>129447</v>
      </c>
      <c r="I37402" s="1" t="s">
        <v>126615</v>
      </c>
      <c r="J37402" s="1" t="s">
        <v>129475</v>
      </c>
    </row>
    <row r="37403" spans="1:10" x14ac:dyDescent="0.35">
      <c r="A37403" s="1" t="s">
        <v>1958</v>
      </c>
      <c r="B37403" s="1" t="s">
        <v>126612</v>
      </c>
      <c r="C37403" s="1" t="s">
        <v>70</v>
      </c>
      <c r="D37403" s="1" t="s">
        <v>61387</v>
      </c>
      <c r="E37403" s="1" t="s">
        <v>127077</v>
      </c>
      <c r="F37403" s="1" t="s">
        <v>129476</v>
      </c>
      <c r="G37403" s="1" t="s">
        <v>129446</v>
      </c>
      <c r="H37403" s="1" t="s">
        <v>129447</v>
      </c>
      <c r="I37403" s="1" t="s">
        <v>126615</v>
      </c>
      <c r="J37403" s="1" t="s">
        <v>129477</v>
      </c>
    </row>
    <row r="37404" spans="1:10" x14ac:dyDescent="0.35">
      <c r="A37404" s="1" t="s">
        <v>1958</v>
      </c>
      <c r="B37404" s="1" t="s">
        <v>126612</v>
      </c>
      <c r="C37404" s="1" t="s">
        <v>75</v>
      </c>
      <c r="D37404" s="1" t="s">
        <v>67606</v>
      </c>
      <c r="E37404" s="1" t="s">
        <v>129478</v>
      </c>
      <c r="F37404" s="1" t="s">
        <v>129479</v>
      </c>
      <c r="G37404" s="1" t="s">
        <v>129446</v>
      </c>
      <c r="H37404" s="1" t="s">
        <v>129447</v>
      </c>
      <c r="I37404" s="1" t="s">
        <v>126615</v>
      </c>
      <c r="J37404" s="1" t="s">
        <v>129480</v>
      </c>
    </row>
    <row r="37405" spans="1:10" x14ac:dyDescent="0.35">
      <c r="A37405" s="1" t="s">
        <v>1958</v>
      </c>
      <c r="B37405" s="1" t="s">
        <v>126612</v>
      </c>
      <c r="C37405" s="1" t="s">
        <v>80</v>
      </c>
      <c r="D37405" s="1" t="s">
        <v>89069</v>
      </c>
      <c r="E37405" s="1" t="s">
        <v>129481</v>
      </c>
      <c r="F37405" s="1" t="s">
        <v>109214</v>
      </c>
      <c r="G37405" s="1" t="s">
        <v>129446</v>
      </c>
      <c r="H37405" s="1" t="s">
        <v>129447</v>
      </c>
      <c r="I37405" s="1" t="s">
        <v>126615</v>
      </c>
      <c r="J37405" s="1" t="s">
        <v>129482</v>
      </c>
    </row>
    <row r="37406" spans="1:10" x14ac:dyDescent="0.35">
      <c r="A37406" s="1" t="s">
        <v>1958</v>
      </c>
      <c r="B37406" s="1" t="s">
        <v>126612</v>
      </c>
      <c r="C37406" s="1" t="s">
        <v>85</v>
      </c>
      <c r="D37406" s="1" t="s">
        <v>60666</v>
      </c>
      <c r="E37406" s="1" t="s">
        <v>105286</v>
      </c>
      <c r="F37406" s="1" t="s">
        <v>59541</v>
      </c>
      <c r="G37406" s="1" t="s">
        <v>129446</v>
      </c>
      <c r="H37406" s="1" t="s">
        <v>129447</v>
      </c>
      <c r="I37406" s="1" t="s">
        <v>126615</v>
      </c>
      <c r="J37406" s="1" t="s">
        <v>129483</v>
      </c>
    </row>
    <row r="37407" spans="1:10" x14ac:dyDescent="0.35">
      <c r="A37407" s="1" t="s">
        <v>1958</v>
      </c>
      <c r="B37407" s="1" t="s">
        <v>126612</v>
      </c>
      <c r="C37407" s="1" t="s">
        <v>90</v>
      </c>
      <c r="D37407" s="1" t="s">
        <v>80184</v>
      </c>
      <c r="E37407" s="1" t="s">
        <v>129484</v>
      </c>
      <c r="F37407" s="1" t="s">
        <v>32095</v>
      </c>
      <c r="G37407" s="1" t="s">
        <v>129446</v>
      </c>
      <c r="H37407" s="1" t="s">
        <v>129447</v>
      </c>
      <c r="I37407" s="1" t="s">
        <v>126615</v>
      </c>
      <c r="J37407" s="1" t="s">
        <v>129485</v>
      </c>
    </row>
    <row r="37408" spans="1:10" x14ac:dyDescent="0.35">
      <c r="A37408" s="1" t="s">
        <v>1958</v>
      </c>
      <c r="B37408" s="1" t="s">
        <v>126612</v>
      </c>
      <c r="C37408" s="1" t="s">
        <v>95</v>
      </c>
      <c r="D37408" s="1" t="s">
        <v>39249</v>
      </c>
      <c r="E37408" s="1" t="s">
        <v>105305</v>
      </c>
      <c r="F37408" s="1" t="s">
        <v>129486</v>
      </c>
      <c r="G37408" s="1" t="s">
        <v>129446</v>
      </c>
      <c r="H37408" s="1" t="s">
        <v>129447</v>
      </c>
      <c r="I37408" s="1" t="s">
        <v>126615</v>
      </c>
      <c r="J37408" s="1" t="s">
        <v>129487</v>
      </c>
    </row>
    <row r="37409" spans="1:10" x14ac:dyDescent="0.35">
      <c r="A37409" s="1" t="s">
        <v>1958</v>
      </c>
      <c r="B37409" s="1" t="s">
        <v>126612</v>
      </c>
      <c r="C37409" s="1" t="s">
        <v>100</v>
      </c>
      <c r="D37409" s="1" t="s">
        <v>129488</v>
      </c>
      <c r="E37409" s="1" t="s">
        <v>128026</v>
      </c>
      <c r="F37409" s="1" t="s">
        <v>66986</v>
      </c>
      <c r="G37409" s="1" t="s">
        <v>129446</v>
      </c>
      <c r="H37409" s="1" t="s">
        <v>129447</v>
      </c>
      <c r="I37409" s="1" t="s">
        <v>126615</v>
      </c>
      <c r="J37409" s="1" t="s">
        <v>129489</v>
      </c>
    </row>
    <row r="37410" spans="1:10" x14ac:dyDescent="0.35">
      <c r="A37410" s="1" t="s">
        <v>1958</v>
      </c>
      <c r="B37410" s="1" t="s">
        <v>126612</v>
      </c>
      <c r="C37410" s="1" t="s">
        <v>105</v>
      </c>
      <c r="D37410" s="1" t="s">
        <v>129490</v>
      </c>
      <c r="E37410" s="1" t="s">
        <v>129491</v>
      </c>
      <c r="F37410" s="1" t="s">
        <v>129492</v>
      </c>
      <c r="G37410" s="1" t="s">
        <v>129446</v>
      </c>
      <c r="H37410" s="1" t="s">
        <v>129447</v>
      </c>
      <c r="I37410" s="1" t="s">
        <v>126615</v>
      </c>
      <c r="J37410" s="1" t="s">
        <v>129493</v>
      </c>
    </row>
    <row r="37411" spans="1:10" x14ac:dyDescent="0.35">
      <c r="A37411" s="1" t="s">
        <v>1958</v>
      </c>
      <c r="B37411" s="1" t="s">
        <v>126612</v>
      </c>
      <c r="C37411" s="1" t="s">
        <v>110</v>
      </c>
      <c r="D37411" s="1" t="s">
        <v>129494</v>
      </c>
      <c r="E37411" s="1" t="s">
        <v>16050</v>
      </c>
      <c r="F37411" s="1" t="s">
        <v>60327</v>
      </c>
      <c r="G37411" s="1" t="s">
        <v>129446</v>
      </c>
      <c r="H37411" s="1" t="s">
        <v>129447</v>
      </c>
      <c r="I37411" s="1" t="s">
        <v>126615</v>
      </c>
      <c r="J37411" s="1" t="s">
        <v>129495</v>
      </c>
    </row>
    <row r="37412" spans="1:10" x14ac:dyDescent="0.35">
      <c r="A37412" s="1" t="s">
        <v>1958</v>
      </c>
      <c r="B37412" s="1" t="s">
        <v>126612</v>
      </c>
      <c r="C37412" s="1" t="s">
        <v>115</v>
      </c>
      <c r="D37412" s="1" t="s">
        <v>129496</v>
      </c>
      <c r="E37412" s="1" t="s">
        <v>108284</v>
      </c>
      <c r="F37412" s="1" t="s">
        <v>127890</v>
      </c>
      <c r="G37412" s="1" t="s">
        <v>129446</v>
      </c>
      <c r="H37412" s="1" t="s">
        <v>129447</v>
      </c>
      <c r="I37412" s="1" t="s">
        <v>126615</v>
      </c>
      <c r="J37412" s="1" t="s">
        <v>129497</v>
      </c>
    </row>
    <row r="37413" spans="1:10" x14ac:dyDescent="0.35">
      <c r="A37413" s="1" t="s">
        <v>1958</v>
      </c>
      <c r="B37413" s="1" t="s">
        <v>126612</v>
      </c>
      <c r="C37413" s="1" t="s">
        <v>120</v>
      </c>
      <c r="D37413" s="1" t="s">
        <v>67829</v>
      </c>
      <c r="E37413" s="1" t="s">
        <v>129498</v>
      </c>
      <c r="F37413" s="1" t="s">
        <v>83443</v>
      </c>
      <c r="G37413" s="1" t="s">
        <v>129446</v>
      </c>
      <c r="H37413" s="1" t="s">
        <v>129447</v>
      </c>
      <c r="I37413" s="1" t="s">
        <v>126615</v>
      </c>
      <c r="J37413" s="1" t="s">
        <v>129499</v>
      </c>
    </row>
    <row r="37414" spans="1:10" x14ac:dyDescent="0.35">
      <c r="A37414" s="1" t="s">
        <v>1958</v>
      </c>
      <c r="B37414" s="1" t="s">
        <v>126612</v>
      </c>
      <c r="C37414" s="1" t="s">
        <v>125</v>
      </c>
      <c r="D37414" s="1" t="s">
        <v>129500</v>
      </c>
      <c r="E37414" s="1" t="s">
        <v>129501</v>
      </c>
      <c r="F37414" s="1" t="s">
        <v>129502</v>
      </c>
      <c r="G37414" s="1" t="s">
        <v>129446</v>
      </c>
      <c r="H37414" s="1" t="s">
        <v>129447</v>
      </c>
      <c r="I37414" s="1" t="s">
        <v>126615</v>
      </c>
      <c r="J37414" s="1" t="s">
        <v>129503</v>
      </c>
    </row>
    <row r="37415" spans="1:10" x14ac:dyDescent="0.35">
      <c r="A37415" s="1" t="s">
        <v>1958</v>
      </c>
      <c r="B37415" s="1" t="s">
        <v>126612</v>
      </c>
      <c r="C37415" s="1" t="s">
        <v>130</v>
      </c>
      <c r="D37415" s="1" t="s">
        <v>129504</v>
      </c>
      <c r="E37415" s="1" t="s">
        <v>78776</v>
      </c>
      <c r="F37415" s="1" t="s">
        <v>129505</v>
      </c>
      <c r="G37415" s="1" t="s">
        <v>129446</v>
      </c>
      <c r="H37415" s="1" t="s">
        <v>129447</v>
      </c>
      <c r="I37415" s="1" t="s">
        <v>126615</v>
      </c>
      <c r="J37415" s="1" t="s">
        <v>129506</v>
      </c>
    </row>
    <row r="37416" spans="1:10" x14ac:dyDescent="0.35">
      <c r="A37416" s="1" t="s">
        <v>1958</v>
      </c>
      <c r="B37416" s="1" t="s">
        <v>126612</v>
      </c>
      <c r="C37416" s="1" t="s">
        <v>135</v>
      </c>
      <c r="D37416" s="1" t="s">
        <v>129507</v>
      </c>
      <c r="E37416" s="1" t="s">
        <v>108885</v>
      </c>
      <c r="F37416" s="1" t="s">
        <v>129508</v>
      </c>
      <c r="G37416" s="1" t="s">
        <v>129446</v>
      </c>
      <c r="H37416" s="1" t="s">
        <v>129447</v>
      </c>
      <c r="I37416" s="1" t="s">
        <v>126615</v>
      </c>
      <c r="J37416" s="1" t="s">
        <v>129509</v>
      </c>
    </row>
    <row r="37417" spans="1:10" x14ac:dyDescent="0.35">
      <c r="A37417" s="1" t="s">
        <v>1958</v>
      </c>
      <c r="B37417" s="1" t="s">
        <v>126612</v>
      </c>
      <c r="C37417" s="1" t="s">
        <v>140</v>
      </c>
      <c r="D37417" s="1" t="s">
        <v>80721</v>
      </c>
      <c r="E37417" s="1" t="s">
        <v>129510</v>
      </c>
      <c r="F37417" s="1" t="s">
        <v>129511</v>
      </c>
      <c r="G37417" s="1" t="s">
        <v>129446</v>
      </c>
      <c r="H37417" s="1" t="s">
        <v>129447</v>
      </c>
      <c r="I37417" s="1" t="s">
        <v>126615</v>
      </c>
      <c r="J37417" s="1" t="s">
        <v>129512</v>
      </c>
    </row>
    <row r="37418" spans="1:10" x14ac:dyDescent="0.35">
      <c r="A37418" s="1" t="s">
        <v>1958</v>
      </c>
      <c r="B37418" s="1" t="s">
        <v>126612</v>
      </c>
      <c r="C37418" s="1" t="s">
        <v>145</v>
      </c>
      <c r="D37418" s="1" t="s">
        <v>129513</v>
      </c>
      <c r="E37418" s="1" t="s">
        <v>129514</v>
      </c>
      <c r="F37418" s="1" t="s">
        <v>129515</v>
      </c>
      <c r="G37418" s="1" t="s">
        <v>129446</v>
      </c>
      <c r="H37418" s="1" t="s">
        <v>129447</v>
      </c>
      <c r="I37418" s="1" t="s">
        <v>126615</v>
      </c>
      <c r="J37418" s="1" t="s">
        <v>129516</v>
      </c>
    </row>
    <row r="37419" spans="1:10" x14ac:dyDescent="0.35">
      <c r="A37419" s="1" t="s">
        <v>1958</v>
      </c>
      <c r="B37419" s="1" t="s">
        <v>126612</v>
      </c>
      <c r="C37419" s="1" t="s">
        <v>150</v>
      </c>
      <c r="D37419" s="1" t="s">
        <v>129517</v>
      </c>
      <c r="E37419" s="1" t="s">
        <v>81167</v>
      </c>
      <c r="F37419" s="1" t="s">
        <v>62159</v>
      </c>
      <c r="G37419" s="1" t="s">
        <v>129446</v>
      </c>
      <c r="H37419" s="1" t="s">
        <v>129447</v>
      </c>
      <c r="I37419" s="1" t="s">
        <v>126615</v>
      </c>
      <c r="J37419" s="1" t="s">
        <v>129518</v>
      </c>
    </row>
    <row r="37420" spans="1:10" x14ac:dyDescent="0.35">
      <c r="A37420" s="1" t="s">
        <v>1958</v>
      </c>
      <c r="B37420" s="1" t="s">
        <v>126612</v>
      </c>
      <c r="C37420" s="1" t="s">
        <v>155</v>
      </c>
      <c r="D37420" s="1" t="s">
        <v>87500</v>
      </c>
      <c r="E37420" s="1" t="s">
        <v>129519</v>
      </c>
      <c r="F37420" s="1" t="s">
        <v>129520</v>
      </c>
      <c r="G37420" s="1" t="s">
        <v>129446</v>
      </c>
      <c r="H37420" s="1" t="s">
        <v>129447</v>
      </c>
      <c r="I37420" s="1" t="s">
        <v>126615</v>
      </c>
      <c r="J37420" s="1" t="s">
        <v>129521</v>
      </c>
    </row>
    <row r="37421" spans="1:10" x14ac:dyDescent="0.35">
      <c r="A37421" s="1" t="s">
        <v>1958</v>
      </c>
      <c r="B37421" s="1" t="s">
        <v>126612</v>
      </c>
      <c r="C37421" s="1" t="s">
        <v>160</v>
      </c>
      <c r="D37421" s="1" t="s">
        <v>80701</v>
      </c>
      <c r="E37421" s="1" t="s">
        <v>129522</v>
      </c>
      <c r="F37421" s="1" t="s">
        <v>129523</v>
      </c>
      <c r="G37421" s="1" t="s">
        <v>129446</v>
      </c>
      <c r="H37421" s="1" t="s">
        <v>129447</v>
      </c>
      <c r="I37421" s="1" t="s">
        <v>126615</v>
      </c>
      <c r="J37421" s="1" t="s">
        <v>129524</v>
      </c>
    </row>
    <row r="37422" spans="1:10" x14ac:dyDescent="0.35">
      <c r="A37422" s="1" t="s">
        <v>1958</v>
      </c>
      <c r="B37422" s="1" t="s">
        <v>126612</v>
      </c>
      <c r="C37422" s="1" t="s">
        <v>165</v>
      </c>
      <c r="D37422" s="1" t="s">
        <v>76346</v>
      </c>
      <c r="E37422" s="1" t="s">
        <v>129525</v>
      </c>
      <c r="F37422" s="1" t="s">
        <v>129526</v>
      </c>
      <c r="G37422" s="1" t="s">
        <v>129446</v>
      </c>
      <c r="H37422" s="1" t="s">
        <v>129447</v>
      </c>
      <c r="I37422" s="1" t="s">
        <v>126615</v>
      </c>
      <c r="J37422" s="1" t="s">
        <v>129527</v>
      </c>
    </row>
    <row r="37423" spans="1:10" x14ac:dyDescent="0.35">
      <c r="A37423" s="1" t="s">
        <v>1958</v>
      </c>
      <c r="B37423" s="1" t="s">
        <v>126612</v>
      </c>
      <c r="C37423" s="1" t="s">
        <v>170</v>
      </c>
      <c r="D37423" s="1" t="s">
        <v>129490</v>
      </c>
      <c r="E37423" s="1" t="s">
        <v>107386</v>
      </c>
      <c r="F37423" s="1" t="s">
        <v>129528</v>
      </c>
      <c r="G37423" s="1" t="s">
        <v>129446</v>
      </c>
      <c r="H37423" s="1" t="s">
        <v>129447</v>
      </c>
      <c r="I37423" s="1" t="s">
        <v>126615</v>
      </c>
      <c r="J37423" s="1" t="s">
        <v>129529</v>
      </c>
    </row>
    <row r="37424" spans="1:10" x14ac:dyDescent="0.35">
      <c r="A37424" s="1" t="s">
        <v>6194</v>
      </c>
      <c r="B37424" s="1" t="s">
        <v>126612</v>
      </c>
      <c r="C37424" s="1" t="s">
        <v>8</v>
      </c>
      <c r="D37424" s="1" t="s">
        <v>129530</v>
      </c>
      <c r="E37424" s="1" t="s">
        <v>76413</v>
      </c>
      <c r="F37424" s="1" t="s">
        <v>67731</v>
      </c>
      <c r="G37424" s="1" t="s">
        <v>129531</v>
      </c>
      <c r="H37424" s="1" t="s">
        <v>129532</v>
      </c>
      <c r="I37424" s="1" t="s">
        <v>126615</v>
      </c>
      <c r="J37424" s="1" t="s">
        <v>13</v>
      </c>
    </row>
    <row r="37425" spans="1:10" x14ac:dyDescent="0.35">
      <c r="A37425" s="1" t="s">
        <v>6194</v>
      </c>
      <c r="B37425" s="1" t="s">
        <v>126612</v>
      </c>
      <c r="C37425" s="1" t="s">
        <v>15</v>
      </c>
      <c r="D37425" s="1" t="s">
        <v>129533</v>
      </c>
      <c r="E37425" s="1" t="s">
        <v>129534</v>
      </c>
      <c r="F37425" s="1" t="s">
        <v>129535</v>
      </c>
      <c r="G37425" s="1" t="s">
        <v>129531</v>
      </c>
      <c r="H37425" s="1" t="s">
        <v>129532</v>
      </c>
      <c r="I37425" s="1" t="s">
        <v>126615</v>
      </c>
      <c r="J37425" s="1" t="s">
        <v>129536</v>
      </c>
    </row>
    <row r="37426" spans="1:10" x14ac:dyDescent="0.35">
      <c r="A37426" s="1" t="s">
        <v>6194</v>
      </c>
      <c r="B37426" s="1" t="s">
        <v>126612</v>
      </c>
      <c r="C37426" s="1" t="s">
        <v>20</v>
      </c>
      <c r="D37426" s="1" t="s">
        <v>64055</v>
      </c>
      <c r="E37426" s="1" t="s">
        <v>73361</v>
      </c>
      <c r="F37426" s="1" t="s">
        <v>67471</v>
      </c>
      <c r="G37426" s="1" t="s">
        <v>129531</v>
      </c>
      <c r="H37426" s="1" t="s">
        <v>129532</v>
      </c>
      <c r="I37426" s="1" t="s">
        <v>126615</v>
      </c>
      <c r="J37426" s="1" t="s">
        <v>129537</v>
      </c>
    </row>
    <row r="37427" spans="1:10" x14ac:dyDescent="0.35">
      <c r="A37427" s="1" t="s">
        <v>6194</v>
      </c>
      <c r="B37427" s="1" t="s">
        <v>126612</v>
      </c>
      <c r="C37427" s="1" t="s">
        <v>25</v>
      </c>
      <c r="D37427" s="1" t="s">
        <v>21889</v>
      </c>
      <c r="E37427" s="1" t="s">
        <v>129538</v>
      </c>
      <c r="F37427" s="1" t="s">
        <v>129539</v>
      </c>
      <c r="G37427" s="1" t="s">
        <v>129531</v>
      </c>
      <c r="H37427" s="1" t="s">
        <v>129532</v>
      </c>
      <c r="I37427" s="1" t="s">
        <v>126615</v>
      </c>
      <c r="J37427" s="1" t="s">
        <v>129540</v>
      </c>
    </row>
    <row r="37428" spans="1:10" x14ac:dyDescent="0.35">
      <c r="A37428" s="1" t="s">
        <v>6194</v>
      </c>
      <c r="B37428" s="1" t="s">
        <v>126612</v>
      </c>
      <c r="C37428" s="1" t="s">
        <v>30</v>
      </c>
      <c r="D37428" s="1" t="s">
        <v>129541</v>
      </c>
      <c r="E37428" s="1" t="s">
        <v>129542</v>
      </c>
      <c r="F37428" s="1" t="s">
        <v>129543</v>
      </c>
      <c r="G37428" s="1" t="s">
        <v>129531</v>
      </c>
      <c r="H37428" s="1" t="s">
        <v>129532</v>
      </c>
      <c r="I37428" s="1" t="s">
        <v>126615</v>
      </c>
      <c r="J37428" s="1" t="s">
        <v>129544</v>
      </c>
    </row>
    <row r="37429" spans="1:10" x14ac:dyDescent="0.35">
      <c r="A37429" s="1" t="s">
        <v>6194</v>
      </c>
      <c r="B37429" s="1" t="s">
        <v>126612</v>
      </c>
      <c r="C37429" s="1" t="s">
        <v>35</v>
      </c>
      <c r="D37429" s="1" t="s">
        <v>100502</v>
      </c>
      <c r="E37429" s="1" t="s">
        <v>70915</v>
      </c>
      <c r="F37429" s="1" t="s">
        <v>129545</v>
      </c>
      <c r="G37429" s="1" t="s">
        <v>129531</v>
      </c>
      <c r="H37429" s="1" t="s">
        <v>129532</v>
      </c>
      <c r="I37429" s="1" t="s">
        <v>126615</v>
      </c>
      <c r="J37429" s="1" t="s">
        <v>129546</v>
      </c>
    </row>
    <row r="37430" spans="1:10" x14ac:dyDescent="0.35">
      <c r="A37430" s="1" t="s">
        <v>6194</v>
      </c>
      <c r="B37430" s="1" t="s">
        <v>126612</v>
      </c>
      <c r="C37430" s="1" t="s">
        <v>40</v>
      </c>
      <c r="D37430" s="1" t="s">
        <v>94017</v>
      </c>
      <c r="E37430" s="1" t="s">
        <v>95780</v>
      </c>
      <c r="F37430" s="1" t="s">
        <v>91879</v>
      </c>
      <c r="G37430" s="1" t="s">
        <v>129531</v>
      </c>
      <c r="H37430" s="1" t="s">
        <v>129532</v>
      </c>
      <c r="I37430" s="1" t="s">
        <v>126615</v>
      </c>
      <c r="J37430" s="1" t="s">
        <v>129547</v>
      </c>
    </row>
    <row r="37431" spans="1:10" x14ac:dyDescent="0.35">
      <c r="A37431" s="1" t="s">
        <v>6194</v>
      </c>
      <c r="B37431" s="1" t="s">
        <v>126612</v>
      </c>
      <c r="C37431" s="1" t="s">
        <v>45</v>
      </c>
      <c r="D37431" s="1" t="s">
        <v>78313</v>
      </c>
      <c r="E37431" s="1" t="s">
        <v>128767</v>
      </c>
      <c r="F37431" s="1" t="s">
        <v>129548</v>
      </c>
      <c r="G37431" s="1" t="s">
        <v>129531</v>
      </c>
      <c r="H37431" s="1" t="s">
        <v>129532</v>
      </c>
      <c r="I37431" s="1" t="s">
        <v>126615</v>
      </c>
      <c r="J37431" s="1" t="s">
        <v>129549</v>
      </c>
    </row>
    <row r="37432" spans="1:10" x14ac:dyDescent="0.35">
      <c r="A37432" s="1" t="s">
        <v>6194</v>
      </c>
      <c r="B37432" s="1" t="s">
        <v>126612</v>
      </c>
      <c r="C37432" s="1" t="s">
        <v>50</v>
      </c>
      <c r="D37432" s="1" t="s">
        <v>129550</v>
      </c>
      <c r="E37432" s="1" t="s">
        <v>19974</v>
      </c>
      <c r="F37432" s="1" t="s">
        <v>129551</v>
      </c>
      <c r="G37432" s="1" t="s">
        <v>129531</v>
      </c>
      <c r="H37432" s="1" t="s">
        <v>129532</v>
      </c>
      <c r="I37432" s="1" t="s">
        <v>126615</v>
      </c>
      <c r="J37432" s="1" t="s">
        <v>129552</v>
      </c>
    </row>
    <row r="37433" spans="1:10" x14ac:dyDescent="0.35">
      <c r="A37433" s="1" t="s">
        <v>6194</v>
      </c>
      <c r="B37433" s="1" t="s">
        <v>126612</v>
      </c>
      <c r="C37433" s="1" t="s">
        <v>55</v>
      </c>
      <c r="D37433" s="1" t="s">
        <v>129553</v>
      </c>
      <c r="E37433" s="1" t="s">
        <v>129554</v>
      </c>
      <c r="F37433" s="1" t="s">
        <v>56036</v>
      </c>
      <c r="G37433" s="1" t="s">
        <v>129531</v>
      </c>
      <c r="H37433" s="1" t="s">
        <v>129532</v>
      </c>
      <c r="I37433" s="1" t="s">
        <v>126615</v>
      </c>
      <c r="J37433" s="1" t="s">
        <v>129555</v>
      </c>
    </row>
    <row r="37434" spans="1:10" x14ac:dyDescent="0.35">
      <c r="A37434" s="1" t="s">
        <v>6194</v>
      </c>
      <c r="B37434" s="1" t="s">
        <v>126612</v>
      </c>
      <c r="C37434" s="1" t="s">
        <v>60</v>
      </c>
      <c r="D37434" s="1" t="s">
        <v>129556</v>
      </c>
      <c r="E37434" s="1" t="s">
        <v>128300</v>
      </c>
      <c r="F37434" s="1" t="s">
        <v>129557</v>
      </c>
      <c r="G37434" s="1" t="s">
        <v>129531</v>
      </c>
      <c r="H37434" s="1" t="s">
        <v>129532</v>
      </c>
      <c r="I37434" s="1" t="s">
        <v>126615</v>
      </c>
      <c r="J37434" s="1" t="s">
        <v>129558</v>
      </c>
    </row>
    <row r="37435" spans="1:10" x14ac:dyDescent="0.35">
      <c r="A37435" s="1" t="s">
        <v>6194</v>
      </c>
      <c r="B37435" s="1" t="s">
        <v>126612</v>
      </c>
      <c r="C37435" s="1" t="s">
        <v>65</v>
      </c>
      <c r="D37435" s="1" t="s">
        <v>85301</v>
      </c>
      <c r="E37435" s="1" t="s">
        <v>129559</v>
      </c>
      <c r="F37435" s="1" t="s">
        <v>129560</v>
      </c>
      <c r="G37435" s="1" t="s">
        <v>129531</v>
      </c>
      <c r="H37435" s="1" t="s">
        <v>129532</v>
      </c>
      <c r="I37435" s="1" t="s">
        <v>126615</v>
      </c>
      <c r="J37435" s="1" t="s">
        <v>129561</v>
      </c>
    </row>
    <row r="37436" spans="1:10" x14ac:dyDescent="0.35">
      <c r="A37436" s="1" t="s">
        <v>6194</v>
      </c>
      <c r="B37436" s="1" t="s">
        <v>126612</v>
      </c>
      <c r="C37436" s="1" t="s">
        <v>70</v>
      </c>
      <c r="D37436" s="1" t="s">
        <v>129562</v>
      </c>
      <c r="E37436" s="1" t="s">
        <v>76375</v>
      </c>
      <c r="F37436" s="1" t="s">
        <v>129563</v>
      </c>
      <c r="G37436" s="1" t="s">
        <v>129531</v>
      </c>
      <c r="H37436" s="1" t="s">
        <v>129532</v>
      </c>
      <c r="I37436" s="1" t="s">
        <v>126615</v>
      </c>
      <c r="J37436" s="1" t="s">
        <v>129564</v>
      </c>
    </row>
    <row r="37437" spans="1:10" x14ac:dyDescent="0.35">
      <c r="A37437" s="1" t="s">
        <v>6194</v>
      </c>
      <c r="B37437" s="1" t="s">
        <v>126612</v>
      </c>
      <c r="C37437" s="1" t="s">
        <v>75</v>
      </c>
      <c r="D37437" s="1" t="s">
        <v>129565</v>
      </c>
      <c r="E37437" s="1" t="s">
        <v>129566</v>
      </c>
      <c r="F37437" s="1" t="s">
        <v>57896</v>
      </c>
      <c r="G37437" s="1" t="s">
        <v>129531</v>
      </c>
      <c r="H37437" s="1" t="s">
        <v>129532</v>
      </c>
      <c r="I37437" s="1" t="s">
        <v>126615</v>
      </c>
      <c r="J37437" s="1" t="s">
        <v>129567</v>
      </c>
    </row>
    <row r="37438" spans="1:10" x14ac:dyDescent="0.35">
      <c r="A37438" s="1" t="s">
        <v>6194</v>
      </c>
      <c r="B37438" s="1" t="s">
        <v>126612</v>
      </c>
      <c r="C37438" s="1" t="s">
        <v>80</v>
      </c>
      <c r="D37438" s="1" t="s">
        <v>55431</v>
      </c>
      <c r="E37438" s="1" t="s">
        <v>15977</v>
      </c>
      <c r="F37438" s="1" t="s">
        <v>129568</v>
      </c>
      <c r="G37438" s="1" t="s">
        <v>129531</v>
      </c>
      <c r="H37438" s="1" t="s">
        <v>129532</v>
      </c>
      <c r="I37438" s="1" t="s">
        <v>126615</v>
      </c>
      <c r="J37438" s="1" t="s">
        <v>129569</v>
      </c>
    </row>
    <row r="37439" spans="1:10" x14ac:dyDescent="0.35">
      <c r="A37439" s="1" t="s">
        <v>6194</v>
      </c>
      <c r="B37439" s="1" t="s">
        <v>126612</v>
      </c>
      <c r="C37439" s="1" t="s">
        <v>85</v>
      </c>
      <c r="D37439" s="1" t="s">
        <v>129570</v>
      </c>
      <c r="E37439" s="1" t="s">
        <v>30677</v>
      </c>
      <c r="F37439" s="1" t="s">
        <v>97641</v>
      </c>
      <c r="G37439" s="1" t="s">
        <v>129531</v>
      </c>
      <c r="H37439" s="1" t="s">
        <v>129532</v>
      </c>
      <c r="I37439" s="1" t="s">
        <v>126615</v>
      </c>
      <c r="J37439" s="1" t="s">
        <v>129571</v>
      </c>
    </row>
    <row r="37440" spans="1:10" x14ac:dyDescent="0.35">
      <c r="A37440" s="1" t="s">
        <v>6194</v>
      </c>
      <c r="B37440" s="1" t="s">
        <v>126612</v>
      </c>
      <c r="C37440" s="1" t="s">
        <v>90</v>
      </c>
      <c r="D37440" s="1" t="s">
        <v>64834</v>
      </c>
      <c r="E37440" s="1" t="s">
        <v>48057</v>
      </c>
      <c r="F37440" s="1" t="s">
        <v>129572</v>
      </c>
      <c r="G37440" s="1" t="s">
        <v>129531</v>
      </c>
      <c r="H37440" s="1" t="s">
        <v>129532</v>
      </c>
      <c r="I37440" s="1" t="s">
        <v>126615</v>
      </c>
      <c r="J37440" s="1" t="s">
        <v>129573</v>
      </c>
    </row>
    <row r="37441" spans="1:10" x14ac:dyDescent="0.35">
      <c r="A37441" s="1" t="s">
        <v>6194</v>
      </c>
      <c r="B37441" s="1" t="s">
        <v>126612</v>
      </c>
      <c r="C37441" s="1" t="s">
        <v>95</v>
      </c>
      <c r="D37441" s="1" t="s">
        <v>70011</v>
      </c>
      <c r="E37441" s="1" t="s">
        <v>19994</v>
      </c>
      <c r="F37441" s="1" t="s">
        <v>62893</v>
      </c>
      <c r="G37441" s="1" t="s">
        <v>129531</v>
      </c>
      <c r="H37441" s="1" t="s">
        <v>129532</v>
      </c>
      <c r="I37441" s="1" t="s">
        <v>126615</v>
      </c>
      <c r="J37441" s="1" t="s">
        <v>129574</v>
      </c>
    </row>
    <row r="37442" spans="1:10" x14ac:dyDescent="0.35">
      <c r="A37442" s="1" t="s">
        <v>6194</v>
      </c>
      <c r="B37442" s="1" t="s">
        <v>126612</v>
      </c>
      <c r="C37442" s="1" t="s">
        <v>100</v>
      </c>
      <c r="D37442" s="1" t="s">
        <v>129575</v>
      </c>
      <c r="E37442" s="1" t="s">
        <v>70907</v>
      </c>
      <c r="F37442" s="1" t="s">
        <v>54388</v>
      </c>
      <c r="G37442" s="1" t="s">
        <v>129531</v>
      </c>
      <c r="H37442" s="1" t="s">
        <v>129532</v>
      </c>
      <c r="I37442" s="1" t="s">
        <v>126615</v>
      </c>
      <c r="J37442" s="1" t="s">
        <v>129576</v>
      </c>
    </row>
    <row r="37443" spans="1:10" x14ac:dyDescent="0.35">
      <c r="A37443" s="1" t="s">
        <v>6194</v>
      </c>
      <c r="B37443" s="1" t="s">
        <v>126612</v>
      </c>
      <c r="C37443" s="1" t="s">
        <v>105</v>
      </c>
      <c r="D37443" s="1" t="s">
        <v>124739</v>
      </c>
      <c r="E37443" s="1" t="s">
        <v>127970</v>
      </c>
      <c r="F37443" s="1" t="s">
        <v>129577</v>
      </c>
      <c r="G37443" s="1" t="s">
        <v>129531</v>
      </c>
      <c r="H37443" s="1" t="s">
        <v>129532</v>
      </c>
      <c r="I37443" s="1" t="s">
        <v>126615</v>
      </c>
      <c r="J37443" s="1" t="s">
        <v>129578</v>
      </c>
    </row>
    <row r="37444" spans="1:10" x14ac:dyDescent="0.35">
      <c r="A37444" s="1" t="s">
        <v>6194</v>
      </c>
      <c r="B37444" s="1" t="s">
        <v>126612</v>
      </c>
      <c r="C37444" s="1" t="s">
        <v>110</v>
      </c>
      <c r="D37444" s="1" t="s">
        <v>129579</v>
      </c>
      <c r="E37444" s="1" t="s">
        <v>129580</v>
      </c>
      <c r="F37444" s="1" t="s">
        <v>99026</v>
      </c>
      <c r="G37444" s="1" t="s">
        <v>129531</v>
      </c>
      <c r="H37444" s="1" t="s">
        <v>129532</v>
      </c>
      <c r="I37444" s="1" t="s">
        <v>126615</v>
      </c>
      <c r="J37444" s="1" t="s">
        <v>129581</v>
      </c>
    </row>
    <row r="37445" spans="1:10" x14ac:dyDescent="0.35">
      <c r="A37445" s="1" t="s">
        <v>6194</v>
      </c>
      <c r="B37445" s="1" t="s">
        <v>126612</v>
      </c>
      <c r="C37445" s="1" t="s">
        <v>115</v>
      </c>
      <c r="D37445" s="1" t="s">
        <v>53404</v>
      </c>
      <c r="E37445" s="1" t="s">
        <v>129582</v>
      </c>
      <c r="F37445" s="1" t="s">
        <v>62182</v>
      </c>
      <c r="G37445" s="1" t="s">
        <v>129531</v>
      </c>
      <c r="H37445" s="1" t="s">
        <v>129532</v>
      </c>
      <c r="I37445" s="1" t="s">
        <v>126615</v>
      </c>
      <c r="J37445" s="1" t="s">
        <v>129583</v>
      </c>
    </row>
    <row r="37446" spans="1:10" x14ac:dyDescent="0.35">
      <c r="A37446" s="1" t="s">
        <v>6194</v>
      </c>
      <c r="B37446" s="1" t="s">
        <v>126612</v>
      </c>
      <c r="C37446" s="1" t="s">
        <v>120</v>
      </c>
      <c r="D37446" s="1" t="s">
        <v>129584</v>
      </c>
      <c r="E37446" s="1" t="s">
        <v>129585</v>
      </c>
      <c r="F37446" s="1" t="s">
        <v>129586</v>
      </c>
      <c r="G37446" s="1" t="s">
        <v>129531</v>
      </c>
      <c r="H37446" s="1" t="s">
        <v>129532</v>
      </c>
      <c r="I37446" s="1" t="s">
        <v>126615</v>
      </c>
      <c r="J37446" s="1" t="s">
        <v>129587</v>
      </c>
    </row>
    <row r="37447" spans="1:10" x14ac:dyDescent="0.35">
      <c r="A37447" s="1" t="s">
        <v>6194</v>
      </c>
      <c r="B37447" s="1" t="s">
        <v>126612</v>
      </c>
      <c r="C37447" s="1" t="s">
        <v>125</v>
      </c>
      <c r="D37447" s="1" t="s">
        <v>129588</v>
      </c>
      <c r="E37447" s="1" t="s">
        <v>19990</v>
      </c>
      <c r="F37447" s="1" t="s">
        <v>129589</v>
      </c>
      <c r="G37447" s="1" t="s">
        <v>129531</v>
      </c>
      <c r="H37447" s="1" t="s">
        <v>129532</v>
      </c>
      <c r="I37447" s="1" t="s">
        <v>126615</v>
      </c>
      <c r="J37447" s="1" t="s">
        <v>129590</v>
      </c>
    </row>
    <row r="37448" spans="1:10" x14ac:dyDescent="0.35">
      <c r="A37448" s="1" t="s">
        <v>6194</v>
      </c>
      <c r="B37448" s="1" t="s">
        <v>126612</v>
      </c>
      <c r="C37448" s="1" t="s">
        <v>130</v>
      </c>
      <c r="D37448" s="1" t="s">
        <v>129591</v>
      </c>
      <c r="E37448" s="1" t="s">
        <v>94767</v>
      </c>
      <c r="F37448" s="1" t="s">
        <v>129592</v>
      </c>
      <c r="G37448" s="1" t="s">
        <v>129531</v>
      </c>
      <c r="H37448" s="1" t="s">
        <v>129532</v>
      </c>
      <c r="I37448" s="1" t="s">
        <v>126615</v>
      </c>
      <c r="J37448" s="1" t="s">
        <v>129593</v>
      </c>
    </row>
    <row r="37449" spans="1:10" x14ac:dyDescent="0.35">
      <c r="A37449" s="1" t="s">
        <v>6194</v>
      </c>
      <c r="B37449" s="1" t="s">
        <v>126612</v>
      </c>
      <c r="C37449" s="1" t="s">
        <v>135</v>
      </c>
      <c r="D37449" s="1" t="s">
        <v>105285</v>
      </c>
      <c r="E37449" s="1" t="s">
        <v>105928</v>
      </c>
      <c r="F37449" s="1" t="s">
        <v>129594</v>
      </c>
      <c r="G37449" s="1" t="s">
        <v>129531</v>
      </c>
      <c r="H37449" s="1" t="s">
        <v>129532</v>
      </c>
      <c r="I37449" s="1" t="s">
        <v>126615</v>
      </c>
      <c r="J37449" s="1" t="s">
        <v>129595</v>
      </c>
    </row>
    <row r="37450" spans="1:10" x14ac:dyDescent="0.35">
      <c r="A37450" s="1" t="s">
        <v>6194</v>
      </c>
      <c r="B37450" s="1" t="s">
        <v>126612</v>
      </c>
      <c r="C37450" s="1" t="s">
        <v>140</v>
      </c>
      <c r="D37450" s="1" t="s">
        <v>65405</v>
      </c>
      <c r="E37450" s="1" t="s">
        <v>129596</v>
      </c>
      <c r="F37450" s="1" t="s">
        <v>62689</v>
      </c>
      <c r="G37450" s="1" t="s">
        <v>129531</v>
      </c>
      <c r="H37450" s="1" t="s">
        <v>129532</v>
      </c>
      <c r="I37450" s="1" t="s">
        <v>126615</v>
      </c>
      <c r="J37450" s="1" t="s">
        <v>129597</v>
      </c>
    </row>
    <row r="37451" spans="1:10" x14ac:dyDescent="0.35">
      <c r="A37451" s="1" t="s">
        <v>6194</v>
      </c>
      <c r="B37451" s="1" t="s">
        <v>126612</v>
      </c>
      <c r="C37451" s="1" t="s">
        <v>145</v>
      </c>
      <c r="D37451" s="1" t="s">
        <v>43613</v>
      </c>
      <c r="E37451" s="1" t="s">
        <v>109216</v>
      </c>
      <c r="F37451" s="1" t="s">
        <v>66327</v>
      </c>
      <c r="G37451" s="1" t="s">
        <v>129531</v>
      </c>
      <c r="H37451" s="1" t="s">
        <v>129532</v>
      </c>
      <c r="I37451" s="1" t="s">
        <v>126615</v>
      </c>
      <c r="J37451" s="1" t="s">
        <v>129598</v>
      </c>
    </row>
    <row r="37452" spans="1:10" x14ac:dyDescent="0.35">
      <c r="A37452" s="1" t="s">
        <v>6194</v>
      </c>
      <c r="B37452" s="1" t="s">
        <v>126612</v>
      </c>
      <c r="C37452" s="1" t="s">
        <v>150</v>
      </c>
      <c r="D37452" s="1" t="s">
        <v>85757</v>
      </c>
      <c r="E37452" s="1" t="s">
        <v>129599</v>
      </c>
      <c r="F37452" s="1" t="s">
        <v>129600</v>
      </c>
      <c r="G37452" s="1" t="s">
        <v>129531</v>
      </c>
      <c r="H37452" s="1" t="s">
        <v>129532</v>
      </c>
      <c r="I37452" s="1" t="s">
        <v>126615</v>
      </c>
      <c r="J37452" s="1" t="s">
        <v>129601</v>
      </c>
    </row>
    <row r="37453" spans="1:10" x14ac:dyDescent="0.35">
      <c r="A37453" s="1" t="s">
        <v>6194</v>
      </c>
      <c r="B37453" s="1" t="s">
        <v>126612</v>
      </c>
      <c r="C37453" s="1" t="s">
        <v>155</v>
      </c>
      <c r="D37453" s="1" t="s">
        <v>129602</v>
      </c>
      <c r="E37453" s="1" t="s">
        <v>128781</v>
      </c>
      <c r="F37453" s="1" t="s">
        <v>129603</v>
      </c>
      <c r="G37453" s="1" t="s">
        <v>129531</v>
      </c>
      <c r="H37453" s="1" t="s">
        <v>129532</v>
      </c>
      <c r="I37453" s="1" t="s">
        <v>126615</v>
      </c>
      <c r="J37453" s="1" t="s">
        <v>129604</v>
      </c>
    </row>
    <row r="37454" spans="1:10" x14ac:dyDescent="0.35">
      <c r="A37454" s="1" t="s">
        <v>6194</v>
      </c>
      <c r="B37454" s="1" t="s">
        <v>126612</v>
      </c>
      <c r="C37454" s="1" t="s">
        <v>160</v>
      </c>
      <c r="D37454" s="1" t="s">
        <v>56523</v>
      </c>
      <c r="E37454" s="1" t="s">
        <v>129605</v>
      </c>
      <c r="F37454" s="1" t="s">
        <v>129606</v>
      </c>
      <c r="G37454" s="1" t="s">
        <v>129531</v>
      </c>
      <c r="H37454" s="1" t="s">
        <v>129532</v>
      </c>
      <c r="I37454" s="1" t="s">
        <v>126615</v>
      </c>
      <c r="J37454" s="1" t="s">
        <v>129607</v>
      </c>
    </row>
    <row r="37455" spans="1:10" x14ac:dyDescent="0.35">
      <c r="A37455" s="1" t="s">
        <v>6194</v>
      </c>
      <c r="B37455" s="1" t="s">
        <v>126612</v>
      </c>
      <c r="C37455" s="1" t="s">
        <v>165</v>
      </c>
      <c r="D37455" s="1" t="s">
        <v>126718</v>
      </c>
      <c r="E37455" s="1" t="s">
        <v>90268</v>
      </c>
      <c r="F37455" s="1" t="s">
        <v>64953</v>
      </c>
      <c r="G37455" s="1" t="s">
        <v>129531</v>
      </c>
      <c r="H37455" s="1" t="s">
        <v>129532</v>
      </c>
      <c r="I37455" s="1" t="s">
        <v>126615</v>
      </c>
      <c r="J37455" s="1" t="s">
        <v>129608</v>
      </c>
    </row>
    <row r="37456" spans="1:10" x14ac:dyDescent="0.35">
      <c r="A37456" s="1" t="s">
        <v>6194</v>
      </c>
      <c r="B37456" s="1" t="s">
        <v>126612</v>
      </c>
      <c r="C37456" s="1" t="s">
        <v>170</v>
      </c>
      <c r="D37456" s="1" t="s">
        <v>129609</v>
      </c>
      <c r="E37456" s="1" t="s">
        <v>16309</v>
      </c>
      <c r="F37456" s="1" t="s">
        <v>129610</v>
      </c>
      <c r="G37456" s="1" t="s">
        <v>129531</v>
      </c>
      <c r="H37456" s="1" t="s">
        <v>129532</v>
      </c>
      <c r="I37456" s="1" t="s">
        <v>126615</v>
      </c>
      <c r="J37456" s="1" t="s">
        <v>129611</v>
      </c>
    </row>
    <row r="37457" spans="1:10" x14ac:dyDescent="0.35">
      <c r="A37457" s="1" t="s">
        <v>1954</v>
      </c>
      <c r="B37457" s="1" t="s">
        <v>126612</v>
      </c>
      <c r="C37457" s="1" t="s">
        <v>8</v>
      </c>
      <c r="D37457" s="1" t="s">
        <v>94712</v>
      </c>
      <c r="E37457" s="1" t="s">
        <v>32153</v>
      </c>
      <c r="F37457" s="1" t="s">
        <v>23522</v>
      </c>
      <c r="G37457" s="1" t="s">
        <v>129612</v>
      </c>
      <c r="H37457" s="1" t="s">
        <v>129613</v>
      </c>
      <c r="I37457" s="1" t="s">
        <v>126615</v>
      </c>
      <c r="J37457" s="1" t="s">
        <v>13</v>
      </c>
    </row>
    <row r="37458" spans="1:10" x14ac:dyDescent="0.35">
      <c r="A37458" s="1" t="s">
        <v>1954</v>
      </c>
      <c r="B37458" s="1" t="s">
        <v>126612</v>
      </c>
      <c r="C37458" s="1" t="s">
        <v>15</v>
      </c>
      <c r="D37458" s="1" t="s">
        <v>22648</v>
      </c>
      <c r="E37458" s="1" t="s">
        <v>55420</v>
      </c>
      <c r="F37458" s="1" t="s">
        <v>58238</v>
      </c>
      <c r="G37458" s="1" t="s">
        <v>129612</v>
      </c>
      <c r="H37458" s="1" t="s">
        <v>129613</v>
      </c>
      <c r="I37458" s="1" t="s">
        <v>126615</v>
      </c>
      <c r="J37458" s="1" t="s">
        <v>129614</v>
      </c>
    </row>
    <row r="37459" spans="1:10" x14ac:dyDescent="0.35">
      <c r="A37459" s="1" t="s">
        <v>1954</v>
      </c>
      <c r="B37459" s="1" t="s">
        <v>126612</v>
      </c>
      <c r="C37459" s="1" t="s">
        <v>20</v>
      </c>
      <c r="D37459" s="1" t="s">
        <v>129615</v>
      </c>
      <c r="E37459" s="1" t="s">
        <v>15876</v>
      </c>
      <c r="F37459" s="1" t="s">
        <v>114970</v>
      </c>
      <c r="G37459" s="1" t="s">
        <v>129612</v>
      </c>
      <c r="H37459" s="1" t="s">
        <v>129613</v>
      </c>
      <c r="I37459" s="1" t="s">
        <v>126615</v>
      </c>
      <c r="J37459" s="1" t="s">
        <v>129616</v>
      </c>
    </row>
    <row r="37460" spans="1:10" x14ac:dyDescent="0.35">
      <c r="A37460" s="1" t="s">
        <v>1954</v>
      </c>
      <c r="B37460" s="1" t="s">
        <v>126612</v>
      </c>
      <c r="C37460" s="1" t="s">
        <v>25</v>
      </c>
      <c r="D37460" s="1" t="s">
        <v>129617</v>
      </c>
      <c r="E37460" s="1" t="s">
        <v>129618</v>
      </c>
      <c r="F37460" s="1" t="s">
        <v>129619</v>
      </c>
      <c r="G37460" s="1" t="s">
        <v>129612</v>
      </c>
      <c r="H37460" s="1" t="s">
        <v>129613</v>
      </c>
      <c r="I37460" s="1" t="s">
        <v>126615</v>
      </c>
      <c r="J37460" s="1" t="s">
        <v>129620</v>
      </c>
    </row>
    <row r="37461" spans="1:10" x14ac:dyDescent="0.35">
      <c r="A37461" s="1" t="s">
        <v>1954</v>
      </c>
      <c r="B37461" s="1" t="s">
        <v>126612</v>
      </c>
      <c r="C37461" s="1" t="s">
        <v>30</v>
      </c>
      <c r="D37461" s="1" t="s">
        <v>129621</v>
      </c>
      <c r="E37461" s="1" t="s">
        <v>129622</v>
      </c>
      <c r="F37461" s="1" t="s">
        <v>129623</v>
      </c>
      <c r="G37461" s="1" t="s">
        <v>129612</v>
      </c>
      <c r="H37461" s="1" t="s">
        <v>129613</v>
      </c>
      <c r="I37461" s="1" t="s">
        <v>126615</v>
      </c>
      <c r="J37461" s="1" t="s">
        <v>129624</v>
      </c>
    </row>
    <row r="37462" spans="1:10" x14ac:dyDescent="0.35">
      <c r="A37462" s="1" t="s">
        <v>1954</v>
      </c>
      <c r="B37462" s="1" t="s">
        <v>126612</v>
      </c>
      <c r="C37462" s="1" t="s">
        <v>35</v>
      </c>
      <c r="D37462" s="1" t="s">
        <v>129625</v>
      </c>
      <c r="E37462" s="1" t="s">
        <v>96607</v>
      </c>
      <c r="F37462" s="1" t="s">
        <v>58262</v>
      </c>
      <c r="G37462" s="1" t="s">
        <v>129612</v>
      </c>
      <c r="H37462" s="1" t="s">
        <v>129613</v>
      </c>
      <c r="I37462" s="1" t="s">
        <v>126615</v>
      </c>
      <c r="J37462" s="1" t="s">
        <v>129626</v>
      </c>
    </row>
    <row r="37463" spans="1:10" x14ac:dyDescent="0.35">
      <c r="A37463" s="1" t="s">
        <v>1954</v>
      </c>
      <c r="B37463" s="1" t="s">
        <v>126612</v>
      </c>
      <c r="C37463" s="1" t="s">
        <v>40</v>
      </c>
      <c r="D37463" s="1" t="s">
        <v>129627</v>
      </c>
      <c r="E37463" s="1" t="s">
        <v>32113</v>
      </c>
      <c r="F37463" s="1" t="s">
        <v>65180</v>
      </c>
      <c r="G37463" s="1" t="s">
        <v>129612</v>
      </c>
      <c r="H37463" s="1" t="s">
        <v>129613</v>
      </c>
      <c r="I37463" s="1" t="s">
        <v>126615</v>
      </c>
      <c r="J37463" s="1" t="s">
        <v>129628</v>
      </c>
    </row>
    <row r="37464" spans="1:10" x14ac:dyDescent="0.35">
      <c r="A37464" s="1" t="s">
        <v>1954</v>
      </c>
      <c r="B37464" s="1" t="s">
        <v>126612</v>
      </c>
      <c r="C37464" s="1" t="s">
        <v>45</v>
      </c>
      <c r="D37464" s="1" t="s">
        <v>129629</v>
      </c>
      <c r="E37464" s="1" t="s">
        <v>26524</v>
      </c>
      <c r="F37464" s="1" t="s">
        <v>129630</v>
      </c>
      <c r="G37464" s="1" t="s">
        <v>129612</v>
      </c>
      <c r="H37464" s="1" t="s">
        <v>129613</v>
      </c>
      <c r="I37464" s="1" t="s">
        <v>126615</v>
      </c>
      <c r="J37464" s="1" t="s">
        <v>129631</v>
      </c>
    </row>
    <row r="37465" spans="1:10" x14ac:dyDescent="0.35">
      <c r="A37465" s="1" t="s">
        <v>1954</v>
      </c>
      <c r="B37465" s="1" t="s">
        <v>126612</v>
      </c>
      <c r="C37465" s="1" t="s">
        <v>50</v>
      </c>
      <c r="D37465" s="1" t="s">
        <v>129632</v>
      </c>
      <c r="E37465" s="1" t="s">
        <v>15424</v>
      </c>
      <c r="F37465" s="1" t="s">
        <v>129633</v>
      </c>
      <c r="G37465" s="1" t="s">
        <v>129612</v>
      </c>
      <c r="H37465" s="1" t="s">
        <v>129613</v>
      </c>
      <c r="I37465" s="1" t="s">
        <v>126615</v>
      </c>
      <c r="J37465" s="1" t="s">
        <v>129634</v>
      </c>
    </row>
    <row r="37466" spans="1:10" x14ac:dyDescent="0.35">
      <c r="A37466" s="1" t="s">
        <v>1954</v>
      </c>
      <c r="B37466" s="1" t="s">
        <v>126612</v>
      </c>
      <c r="C37466" s="1" t="s">
        <v>55</v>
      </c>
      <c r="D37466" s="1" t="s">
        <v>129635</v>
      </c>
      <c r="E37466" s="1" t="s">
        <v>26524</v>
      </c>
      <c r="F37466" s="1" t="s">
        <v>69034</v>
      </c>
      <c r="G37466" s="1" t="s">
        <v>129612</v>
      </c>
      <c r="H37466" s="1" t="s">
        <v>129613</v>
      </c>
      <c r="I37466" s="1" t="s">
        <v>126615</v>
      </c>
      <c r="J37466" s="1" t="s">
        <v>129636</v>
      </c>
    </row>
    <row r="37467" spans="1:10" x14ac:dyDescent="0.35">
      <c r="A37467" s="1" t="s">
        <v>1954</v>
      </c>
      <c r="B37467" s="1" t="s">
        <v>126612</v>
      </c>
      <c r="C37467" s="1" t="s">
        <v>60</v>
      </c>
      <c r="D37467" s="1" t="s">
        <v>129637</v>
      </c>
      <c r="E37467" s="1" t="s">
        <v>31765</v>
      </c>
      <c r="F37467" s="1" t="s">
        <v>99732</v>
      </c>
      <c r="G37467" s="1" t="s">
        <v>129612</v>
      </c>
      <c r="H37467" s="1" t="s">
        <v>129613</v>
      </c>
      <c r="I37467" s="1" t="s">
        <v>126615</v>
      </c>
      <c r="J37467" s="1" t="s">
        <v>129638</v>
      </c>
    </row>
    <row r="37468" spans="1:10" x14ac:dyDescent="0.35">
      <c r="A37468" s="1" t="s">
        <v>1954</v>
      </c>
      <c r="B37468" s="1" t="s">
        <v>126612</v>
      </c>
      <c r="C37468" s="1" t="s">
        <v>65</v>
      </c>
      <c r="D37468" s="1" t="s">
        <v>65917</v>
      </c>
      <c r="E37468" s="1" t="s">
        <v>54226</v>
      </c>
      <c r="F37468" s="1" t="s">
        <v>129639</v>
      </c>
      <c r="G37468" s="1" t="s">
        <v>129612</v>
      </c>
      <c r="H37468" s="1" t="s">
        <v>129613</v>
      </c>
      <c r="I37468" s="1" t="s">
        <v>126615</v>
      </c>
      <c r="J37468" s="1" t="s">
        <v>129640</v>
      </c>
    </row>
    <row r="37469" spans="1:10" x14ac:dyDescent="0.35">
      <c r="A37469" s="1" t="s">
        <v>1954</v>
      </c>
      <c r="B37469" s="1" t="s">
        <v>126612</v>
      </c>
      <c r="C37469" s="1" t="s">
        <v>70</v>
      </c>
      <c r="D37469" s="1" t="s">
        <v>129641</v>
      </c>
      <c r="E37469" s="1" t="s">
        <v>108795</v>
      </c>
      <c r="F37469" s="1" t="s">
        <v>129642</v>
      </c>
      <c r="G37469" s="1" t="s">
        <v>129612</v>
      </c>
      <c r="H37469" s="1" t="s">
        <v>129613</v>
      </c>
      <c r="I37469" s="1" t="s">
        <v>126615</v>
      </c>
      <c r="J37469" s="1" t="s">
        <v>129643</v>
      </c>
    </row>
    <row r="37470" spans="1:10" x14ac:dyDescent="0.35">
      <c r="A37470" s="1" t="s">
        <v>1954</v>
      </c>
      <c r="B37470" s="1" t="s">
        <v>126612</v>
      </c>
      <c r="C37470" s="1" t="s">
        <v>75</v>
      </c>
      <c r="D37470" s="1" t="s">
        <v>58772</v>
      </c>
      <c r="E37470" s="1" t="s">
        <v>129644</v>
      </c>
      <c r="F37470" s="1" t="s">
        <v>129645</v>
      </c>
      <c r="G37470" s="1" t="s">
        <v>129612</v>
      </c>
      <c r="H37470" s="1" t="s">
        <v>129613</v>
      </c>
      <c r="I37470" s="1" t="s">
        <v>126615</v>
      </c>
      <c r="J37470" s="1" t="s">
        <v>129646</v>
      </c>
    </row>
    <row r="37471" spans="1:10" x14ac:dyDescent="0.35">
      <c r="A37471" s="1" t="s">
        <v>1954</v>
      </c>
      <c r="B37471" s="1" t="s">
        <v>126612</v>
      </c>
      <c r="C37471" s="1" t="s">
        <v>80</v>
      </c>
      <c r="D37471" s="1" t="s">
        <v>129647</v>
      </c>
      <c r="E37471" s="1" t="s">
        <v>15432</v>
      </c>
      <c r="F37471" s="1" t="s">
        <v>99026</v>
      </c>
      <c r="G37471" s="1" t="s">
        <v>129612</v>
      </c>
      <c r="H37471" s="1" t="s">
        <v>129613</v>
      </c>
      <c r="I37471" s="1" t="s">
        <v>126615</v>
      </c>
      <c r="J37471" s="1" t="s">
        <v>129648</v>
      </c>
    </row>
    <row r="37472" spans="1:10" x14ac:dyDescent="0.35">
      <c r="A37472" s="1" t="s">
        <v>1954</v>
      </c>
      <c r="B37472" s="1" t="s">
        <v>126612</v>
      </c>
      <c r="C37472" s="1" t="s">
        <v>85</v>
      </c>
      <c r="D37472" s="1" t="s">
        <v>129649</v>
      </c>
      <c r="E37472" s="1" t="s">
        <v>56570</v>
      </c>
      <c r="F37472" s="1" t="s">
        <v>129650</v>
      </c>
      <c r="G37472" s="1" t="s">
        <v>129612</v>
      </c>
      <c r="H37472" s="1" t="s">
        <v>129613</v>
      </c>
      <c r="I37472" s="1" t="s">
        <v>126615</v>
      </c>
      <c r="J37472" s="1" t="s">
        <v>129651</v>
      </c>
    </row>
    <row r="37473" spans="1:10" x14ac:dyDescent="0.35">
      <c r="A37473" s="1" t="s">
        <v>1954</v>
      </c>
      <c r="B37473" s="1" t="s">
        <v>126612</v>
      </c>
      <c r="C37473" s="1" t="s">
        <v>90</v>
      </c>
      <c r="D37473" s="1" t="s">
        <v>56273</v>
      </c>
      <c r="E37473" s="1" t="s">
        <v>129652</v>
      </c>
      <c r="F37473" s="1" t="s">
        <v>69173</v>
      </c>
      <c r="G37473" s="1" t="s">
        <v>129612</v>
      </c>
      <c r="H37473" s="1" t="s">
        <v>129613</v>
      </c>
      <c r="I37473" s="1" t="s">
        <v>126615</v>
      </c>
      <c r="J37473" s="1" t="s">
        <v>129653</v>
      </c>
    </row>
    <row r="37474" spans="1:10" x14ac:dyDescent="0.35">
      <c r="A37474" s="1" t="s">
        <v>1954</v>
      </c>
      <c r="B37474" s="1" t="s">
        <v>126612</v>
      </c>
      <c r="C37474" s="1" t="s">
        <v>95</v>
      </c>
      <c r="D37474" s="1" t="s">
        <v>55881</v>
      </c>
      <c r="E37474" s="1" t="s">
        <v>100272</v>
      </c>
      <c r="F37474" s="1" t="s">
        <v>129654</v>
      </c>
      <c r="G37474" s="1" t="s">
        <v>129612</v>
      </c>
      <c r="H37474" s="1" t="s">
        <v>129613</v>
      </c>
      <c r="I37474" s="1" t="s">
        <v>126615</v>
      </c>
      <c r="J37474" s="1" t="s">
        <v>129655</v>
      </c>
    </row>
    <row r="37475" spans="1:10" x14ac:dyDescent="0.35">
      <c r="A37475" s="1" t="s">
        <v>1954</v>
      </c>
      <c r="B37475" s="1" t="s">
        <v>126612</v>
      </c>
      <c r="C37475" s="1" t="s">
        <v>100</v>
      </c>
      <c r="D37475" s="1" t="s">
        <v>53658</v>
      </c>
      <c r="E37475" s="1" t="s">
        <v>30597</v>
      </c>
      <c r="F37475" s="1" t="s">
        <v>69448</v>
      </c>
      <c r="G37475" s="1" t="s">
        <v>129612</v>
      </c>
      <c r="H37475" s="1" t="s">
        <v>129613</v>
      </c>
      <c r="I37475" s="1" t="s">
        <v>126615</v>
      </c>
      <c r="J37475" s="1" t="s">
        <v>129656</v>
      </c>
    </row>
    <row r="37476" spans="1:10" x14ac:dyDescent="0.35">
      <c r="A37476" s="1" t="s">
        <v>1954</v>
      </c>
      <c r="B37476" s="1" t="s">
        <v>126612</v>
      </c>
      <c r="C37476" s="1" t="s">
        <v>105</v>
      </c>
      <c r="D37476" s="1" t="s">
        <v>68509</v>
      </c>
      <c r="E37476" s="1" t="s">
        <v>30601</v>
      </c>
      <c r="F37476" s="1" t="s">
        <v>129657</v>
      </c>
      <c r="G37476" s="1" t="s">
        <v>129612</v>
      </c>
      <c r="H37476" s="1" t="s">
        <v>129613</v>
      </c>
      <c r="I37476" s="1" t="s">
        <v>126615</v>
      </c>
      <c r="J37476" s="1" t="s">
        <v>129658</v>
      </c>
    </row>
    <row r="37477" spans="1:10" x14ac:dyDescent="0.35">
      <c r="A37477" s="1" t="s">
        <v>1954</v>
      </c>
      <c r="B37477" s="1" t="s">
        <v>126612</v>
      </c>
      <c r="C37477" s="1" t="s">
        <v>110</v>
      </c>
      <c r="D37477" s="1" t="s">
        <v>78890</v>
      </c>
      <c r="E37477" s="1" t="s">
        <v>15915</v>
      </c>
      <c r="F37477" s="1" t="s">
        <v>129659</v>
      </c>
      <c r="G37477" s="1" t="s">
        <v>129612</v>
      </c>
      <c r="H37477" s="1" t="s">
        <v>129613</v>
      </c>
      <c r="I37477" s="1" t="s">
        <v>126615</v>
      </c>
      <c r="J37477" s="1" t="s">
        <v>129660</v>
      </c>
    </row>
    <row r="37478" spans="1:10" x14ac:dyDescent="0.35">
      <c r="A37478" s="1" t="s">
        <v>1954</v>
      </c>
      <c r="B37478" s="1" t="s">
        <v>126612</v>
      </c>
      <c r="C37478" s="1" t="s">
        <v>115</v>
      </c>
      <c r="D37478" s="1" t="s">
        <v>56320</v>
      </c>
      <c r="E37478" s="1" t="s">
        <v>32631</v>
      </c>
      <c r="F37478" s="1" t="s">
        <v>22306</v>
      </c>
      <c r="G37478" s="1" t="s">
        <v>129612</v>
      </c>
      <c r="H37478" s="1" t="s">
        <v>129613</v>
      </c>
      <c r="I37478" s="1" t="s">
        <v>126615</v>
      </c>
      <c r="J37478" s="1" t="s">
        <v>129661</v>
      </c>
    </row>
    <row r="37479" spans="1:10" x14ac:dyDescent="0.35">
      <c r="A37479" s="1" t="s">
        <v>1954</v>
      </c>
      <c r="B37479" s="1" t="s">
        <v>126612</v>
      </c>
      <c r="C37479" s="1" t="s">
        <v>120</v>
      </c>
      <c r="D37479" s="1" t="s">
        <v>66719</v>
      </c>
      <c r="E37479" s="1" t="s">
        <v>15632</v>
      </c>
      <c r="F37479" s="1" t="s">
        <v>59114</v>
      </c>
      <c r="G37479" s="1" t="s">
        <v>129612</v>
      </c>
      <c r="H37479" s="1" t="s">
        <v>129613</v>
      </c>
      <c r="I37479" s="1" t="s">
        <v>126615</v>
      </c>
      <c r="J37479" s="1" t="s">
        <v>129662</v>
      </c>
    </row>
    <row r="37480" spans="1:10" x14ac:dyDescent="0.35">
      <c r="A37480" s="1" t="s">
        <v>1954</v>
      </c>
      <c r="B37480" s="1" t="s">
        <v>126612</v>
      </c>
      <c r="C37480" s="1" t="s">
        <v>125</v>
      </c>
      <c r="D37480" s="1" t="s">
        <v>129663</v>
      </c>
      <c r="E37480" s="1" t="s">
        <v>15622</v>
      </c>
      <c r="F37480" s="1" t="s">
        <v>129664</v>
      </c>
      <c r="G37480" s="1" t="s">
        <v>129612</v>
      </c>
      <c r="H37480" s="1" t="s">
        <v>129613</v>
      </c>
      <c r="I37480" s="1" t="s">
        <v>126615</v>
      </c>
      <c r="J37480" s="1" t="s">
        <v>129665</v>
      </c>
    </row>
    <row r="37481" spans="1:10" x14ac:dyDescent="0.35">
      <c r="A37481" s="1" t="s">
        <v>1954</v>
      </c>
      <c r="B37481" s="1" t="s">
        <v>126612</v>
      </c>
      <c r="C37481" s="1" t="s">
        <v>130</v>
      </c>
      <c r="D37481" s="1" t="s">
        <v>101863</v>
      </c>
      <c r="E37481" s="1" t="s">
        <v>129666</v>
      </c>
      <c r="F37481" s="1" t="s">
        <v>129667</v>
      </c>
      <c r="G37481" s="1" t="s">
        <v>129612</v>
      </c>
      <c r="H37481" s="1" t="s">
        <v>129613</v>
      </c>
      <c r="I37481" s="1" t="s">
        <v>126615</v>
      </c>
      <c r="J37481" s="1" t="s">
        <v>129668</v>
      </c>
    </row>
    <row r="37482" spans="1:10" x14ac:dyDescent="0.35">
      <c r="A37482" s="1" t="s">
        <v>1954</v>
      </c>
      <c r="B37482" s="1" t="s">
        <v>126612</v>
      </c>
      <c r="C37482" s="1" t="s">
        <v>135</v>
      </c>
      <c r="D37482" s="1" t="s">
        <v>129669</v>
      </c>
      <c r="E37482" s="1" t="s">
        <v>68463</v>
      </c>
      <c r="F37482" s="1" t="s">
        <v>105207</v>
      </c>
      <c r="G37482" s="1" t="s">
        <v>129612</v>
      </c>
      <c r="H37482" s="1" t="s">
        <v>129613</v>
      </c>
      <c r="I37482" s="1" t="s">
        <v>126615</v>
      </c>
      <c r="J37482" s="1" t="s">
        <v>129670</v>
      </c>
    </row>
    <row r="37483" spans="1:10" x14ac:dyDescent="0.35">
      <c r="A37483" s="1" t="s">
        <v>1954</v>
      </c>
      <c r="B37483" s="1" t="s">
        <v>126612</v>
      </c>
      <c r="C37483" s="1" t="s">
        <v>140</v>
      </c>
      <c r="D37483" s="1" t="s">
        <v>129671</v>
      </c>
      <c r="E37483" s="1" t="s">
        <v>129672</v>
      </c>
      <c r="F37483" s="1" t="s">
        <v>129673</v>
      </c>
      <c r="G37483" s="1" t="s">
        <v>129612</v>
      </c>
      <c r="H37483" s="1" t="s">
        <v>129613</v>
      </c>
      <c r="I37483" s="1" t="s">
        <v>126615</v>
      </c>
      <c r="J37483" s="1" t="s">
        <v>129674</v>
      </c>
    </row>
    <row r="37484" spans="1:10" x14ac:dyDescent="0.35">
      <c r="A37484" s="1" t="s">
        <v>1954</v>
      </c>
      <c r="B37484" s="1" t="s">
        <v>126612</v>
      </c>
      <c r="C37484" s="1" t="s">
        <v>145</v>
      </c>
      <c r="D37484" s="1" t="s">
        <v>129675</v>
      </c>
      <c r="E37484" s="1" t="s">
        <v>65886</v>
      </c>
      <c r="F37484" s="1" t="s">
        <v>129676</v>
      </c>
      <c r="G37484" s="1" t="s">
        <v>129612</v>
      </c>
      <c r="H37484" s="1" t="s">
        <v>129613</v>
      </c>
      <c r="I37484" s="1" t="s">
        <v>126615</v>
      </c>
      <c r="J37484" s="1" t="s">
        <v>129677</v>
      </c>
    </row>
    <row r="37485" spans="1:10" x14ac:dyDescent="0.35">
      <c r="A37485" s="1" t="s">
        <v>1954</v>
      </c>
      <c r="B37485" s="1" t="s">
        <v>126612</v>
      </c>
      <c r="C37485" s="1" t="s">
        <v>150</v>
      </c>
      <c r="D37485" s="1" t="s">
        <v>129678</v>
      </c>
      <c r="E37485" s="1" t="s">
        <v>15946</v>
      </c>
      <c r="F37485" s="1" t="s">
        <v>129679</v>
      </c>
      <c r="G37485" s="1" t="s">
        <v>129612</v>
      </c>
      <c r="H37485" s="1" t="s">
        <v>129613</v>
      </c>
      <c r="I37485" s="1" t="s">
        <v>126615</v>
      </c>
      <c r="J37485" s="1" t="s">
        <v>129680</v>
      </c>
    </row>
    <row r="37486" spans="1:10" x14ac:dyDescent="0.35">
      <c r="A37486" s="1" t="s">
        <v>1954</v>
      </c>
      <c r="B37486" s="1" t="s">
        <v>126612</v>
      </c>
      <c r="C37486" s="1" t="s">
        <v>155</v>
      </c>
      <c r="D37486" s="1" t="s">
        <v>129681</v>
      </c>
      <c r="E37486" s="1" t="s">
        <v>129682</v>
      </c>
      <c r="F37486" s="1" t="s">
        <v>67299</v>
      </c>
      <c r="G37486" s="1" t="s">
        <v>129612</v>
      </c>
      <c r="H37486" s="1" t="s">
        <v>129613</v>
      </c>
      <c r="I37486" s="1" t="s">
        <v>126615</v>
      </c>
      <c r="J37486" s="1" t="s">
        <v>129683</v>
      </c>
    </row>
    <row r="37487" spans="1:10" x14ac:dyDescent="0.35">
      <c r="A37487" s="1" t="s">
        <v>1954</v>
      </c>
      <c r="B37487" s="1" t="s">
        <v>126612</v>
      </c>
      <c r="C37487" s="1" t="s">
        <v>160</v>
      </c>
      <c r="D37487" s="1" t="s">
        <v>129684</v>
      </c>
      <c r="E37487" s="1" t="s">
        <v>31742</v>
      </c>
      <c r="F37487" s="1" t="s">
        <v>32330</v>
      </c>
      <c r="G37487" s="1" t="s">
        <v>129612</v>
      </c>
      <c r="H37487" s="1" t="s">
        <v>129613</v>
      </c>
      <c r="I37487" s="1" t="s">
        <v>126615</v>
      </c>
      <c r="J37487" s="1" t="s">
        <v>129685</v>
      </c>
    </row>
    <row r="37488" spans="1:10" x14ac:dyDescent="0.35">
      <c r="A37488" s="1" t="s">
        <v>1954</v>
      </c>
      <c r="B37488" s="1" t="s">
        <v>126612</v>
      </c>
      <c r="C37488" s="1" t="s">
        <v>165</v>
      </c>
      <c r="D37488" s="1" t="s">
        <v>13599</v>
      </c>
      <c r="E37488" s="1" t="s">
        <v>68463</v>
      </c>
      <c r="F37488" s="1" t="s">
        <v>59520</v>
      </c>
      <c r="G37488" s="1" t="s">
        <v>129612</v>
      </c>
      <c r="H37488" s="1" t="s">
        <v>129613</v>
      </c>
      <c r="I37488" s="1" t="s">
        <v>126615</v>
      </c>
      <c r="J37488" s="1" t="s">
        <v>129686</v>
      </c>
    </row>
    <row r="37489" spans="1:10" x14ac:dyDescent="0.35">
      <c r="A37489" s="1" t="s">
        <v>1954</v>
      </c>
      <c r="B37489" s="1" t="s">
        <v>126612</v>
      </c>
      <c r="C37489" s="1" t="s">
        <v>170</v>
      </c>
      <c r="D37489" s="1" t="s">
        <v>129687</v>
      </c>
      <c r="E37489" s="1" t="s">
        <v>129688</v>
      </c>
      <c r="F37489" s="1" t="s">
        <v>129689</v>
      </c>
      <c r="G37489" s="1" t="s">
        <v>129612</v>
      </c>
      <c r="H37489" s="1" t="s">
        <v>129613</v>
      </c>
      <c r="I37489" s="1" t="s">
        <v>126615</v>
      </c>
      <c r="J37489" s="1" t="s">
        <v>129690</v>
      </c>
    </row>
    <row r="37490" spans="1:10" x14ac:dyDescent="0.35">
      <c r="A37490" s="1" t="s">
        <v>9301</v>
      </c>
      <c r="B37490" s="1" t="s">
        <v>126612</v>
      </c>
      <c r="C37490" s="1" t="s">
        <v>8</v>
      </c>
      <c r="D37490" s="1" t="s">
        <v>88102</v>
      </c>
      <c r="E37490" s="1" t="s">
        <v>64074</v>
      </c>
      <c r="F37490" s="1" t="s">
        <v>103847</v>
      </c>
      <c r="G37490" s="1" t="s">
        <v>129691</v>
      </c>
      <c r="H37490" s="1" t="s">
        <v>129692</v>
      </c>
      <c r="I37490" s="1" t="s">
        <v>126615</v>
      </c>
      <c r="J37490" s="1" t="s">
        <v>13</v>
      </c>
    </row>
    <row r="37491" spans="1:10" x14ac:dyDescent="0.35">
      <c r="A37491" s="1" t="s">
        <v>9301</v>
      </c>
      <c r="B37491" s="1" t="s">
        <v>126612</v>
      </c>
      <c r="C37491" s="1" t="s">
        <v>15</v>
      </c>
      <c r="D37491" s="1" t="s">
        <v>95720</v>
      </c>
      <c r="E37491" s="1" t="s">
        <v>97228</v>
      </c>
      <c r="F37491" s="1" t="s">
        <v>97620</v>
      </c>
      <c r="G37491" s="1" t="s">
        <v>129691</v>
      </c>
      <c r="H37491" s="1" t="s">
        <v>129692</v>
      </c>
      <c r="I37491" s="1" t="s">
        <v>126615</v>
      </c>
      <c r="J37491" s="1" t="s">
        <v>129693</v>
      </c>
    </row>
    <row r="37492" spans="1:10" x14ac:dyDescent="0.35">
      <c r="A37492" s="1" t="s">
        <v>9301</v>
      </c>
      <c r="B37492" s="1" t="s">
        <v>126612</v>
      </c>
      <c r="C37492" s="1" t="s">
        <v>20</v>
      </c>
      <c r="D37492" s="1" t="s">
        <v>129694</v>
      </c>
      <c r="E37492" s="1" t="s">
        <v>54165</v>
      </c>
      <c r="F37492" s="1" t="s">
        <v>129695</v>
      </c>
      <c r="G37492" s="1" t="s">
        <v>129691</v>
      </c>
      <c r="H37492" s="1" t="s">
        <v>129692</v>
      </c>
      <c r="I37492" s="1" t="s">
        <v>126615</v>
      </c>
      <c r="J37492" s="1" t="s">
        <v>129696</v>
      </c>
    </row>
    <row r="37493" spans="1:10" x14ac:dyDescent="0.35">
      <c r="A37493" s="1" t="s">
        <v>9301</v>
      </c>
      <c r="B37493" s="1" t="s">
        <v>126612</v>
      </c>
      <c r="C37493" s="1" t="s">
        <v>25</v>
      </c>
      <c r="D37493" s="1" t="s">
        <v>26826</v>
      </c>
      <c r="E37493" s="1" t="s">
        <v>54817</v>
      </c>
      <c r="F37493" s="1" t="s">
        <v>65260</v>
      </c>
      <c r="G37493" s="1" t="s">
        <v>129691</v>
      </c>
      <c r="H37493" s="1" t="s">
        <v>129692</v>
      </c>
      <c r="I37493" s="1" t="s">
        <v>126615</v>
      </c>
      <c r="J37493" s="1" t="s">
        <v>129697</v>
      </c>
    </row>
    <row r="37494" spans="1:10" x14ac:dyDescent="0.35">
      <c r="A37494" s="1" t="s">
        <v>9301</v>
      </c>
      <c r="B37494" s="1" t="s">
        <v>126612</v>
      </c>
      <c r="C37494" s="1" t="s">
        <v>30</v>
      </c>
      <c r="D37494" s="1" t="s">
        <v>129698</v>
      </c>
      <c r="E37494" s="1" t="s">
        <v>59658</v>
      </c>
      <c r="F37494" s="1" t="s">
        <v>67457</v>
      </c>
      <c r="G37494" s="1" t="s">
        <v>129691</v>
      </c>
      <c r="H37494" s="1" t="s">
        <v>129692</v>
      </c>
      <c r="I37494" s="1" t="s">
        <v>126615</v>
      </c>
      <c r="J37494" s="1" t="s">
        <v>129699</v>
      </c>
    </row>
    <row r="37495" spans="1:10" x14ac:dyDescent="0.35">
      <c r="A37495" s="1" t="s">
        <v>9301</v>
      </c>
      <c r="B37495" s="1" t="s">
        <v>126612</v>
      </c>
      <c r="C37495" s="1" t="s">
        <v>35</v>
      </c>
      <c r="D37495" s="1" t="s">
        <v>86699</v>
      </c>
      <c r="E37495" s="1" t="s">
        <v>24189</v>
      </c>
      <c r="F37495" s="1" t="s">
        <v>100969</v>
      </c>
      <c r="G37495" s="1" t="s">
        <v>129691</v>
      </c>
      <c r="H37495" s="1" t="s">
        <v>129692</v>
      </c>
      <c r="I37495" s="1" t="s">
        <v>126615</v>
      </c>
      <c r="J37495" s="1" t="s">
        <v>129700</v>
      </c>
    </row>
    <row r="37496" spans="1:10" x14ac:dyDescent="0.35">
      <c r="A37496" s="1" t="s">
        <v>9301</v>
      </c>
      <c r="B37496" s="1" t="s">
        <v>126612</v>
      </c>
      <c r="C37496" s="1" t="s">
        <v>40</v>
      </c>
      <c r="D37496" s="1" t="s">
        <v>129701</v>
      </c>
      <c r="E37496" s="1" t="s">
        <v>15361</v>
      </c>
      <c r="F37496" s="1" t="s">
        <v>129702</v>
      </c>
      <c r="G37496" s="1" t="s">
        <v>129691</v>
      </c>
      <c r="H37496" s="1" t="s">
        <v>129692</v>
      </c>
      <c r="I37496" s="1" t="s">
        <v>126615</v>
      </c>
      <c r="J37496" s="1" t="s">
        <v>129703</v>
      </c>
    </row>
    <row r="37497" spans="1:10" x14ac:dyDescent="0.35">
      <c r="A37497" s="1" t="s">
        <v>9301</v>
      </c>
      <c r="B37497" s="1" t="s">
        <v>126612</v>
      </c>
      <c r="C37497" s="1" t="s">
        <v>45</v>
      </c>
      <c r="D37497" s="1" t="s">
        <v>76906</v>
      </c>
      <c r="E37497" s="1" t="s">
        <v>15829</v>
      </c>
      <c r="F37497" s="1" t="s">
        <v>129704</v>
      </c>
      <c r="G37497" s="1" t="s">
        <v>129691</v>
      </c>
      <c r="H37497" s="1" t="s">
        <v>129692</v>
      </c>
      <c r="I37497" s="1" t="s">
        <v>126615</v>
      </c>
      <c r="J37497" s="1" t="s">
        <v>129705</v>
      </c>
    </row>
    <row r="37498" spans="1:10" x14ac:dyDescent="0.35">
      <c r="A37498" s="1" t="s">
        <v>9301</v>
      </c>
      <c r="B37498" s="1" t="s">
        <v>126612</v>
      </c>
      <c r="C37498" s="1" t="s">
        <v>50</v>
      </c>
      <c r="D37498" s="1" t="s">
        <v>129706</v>
      </c>
      <c r="E37498" s="1" t="s">
        <v>15365</v>
      </c>
      <c r="F37498" s="1" t="s">
        <v>129707</v>
      </c>
      <c r="G37498" s="1" t="s">
        <v>129691</v>
      </c>
      <c r="H37498" s="1" t="s">
        <v>129692</v>
      </c>
      <c r="I37498" s="1" t="s">
        <v>126615</v>
      </c>
      <c r="J37498" s="1" t="s">
        <v>129708</v>
      </c>
    </row>
    <row r="37499" spans="1:10" x14ac:dyDescent="0.35">
      <c r="A37499" s="1" t="s">
        <v>9301</v>
      </c>
      <c r="B37499" s="1" t="s">
        <v>126612</v>
      </c>
      <c r="C37499" s="1" t="s">
        <v>55</v>
      </c>
      <c r="D37499" s="1" t="s">
        <v>93848</v>
      </c>
      <c r="E37499" s="1" t="s">
        <v>26198</v>
      </c>
      <c r="F37499" s="1" t="s">
        <v>129709</v>
      </c>
      <c r="G37499" s="1" t="s">
        <v>129691</v>
      </c>
      <c r="H37499" s="1" t="s">
        <v>129692</v>
      </c>
      <c r="I37499" s="1" t="s">
        <v>126615</v>
      </c>
      <c r="J37499" s="1" t="s">
        <v>129710</v>
      </c>
    </row>
    <row r="37500" spans="1:10" x14ac:dyDescent="0.35">
      <c r="A37500" s="1" t="s">
        <v>9301</v>
      </c>
      <c r="B37500" s="1" t="s">
        <v>126612</v>
      </c>
      <c r="C37500" s="1" t="s">
        <v>60</v>
      </c>
      <c r="D37500" s="1" t="s">
        <v>129711</v>
      </c>
      <c r="E37500" s="1" t="s">
        <v>31976</v>
      </c>
      <c r="F37500" s="1" t="s">
        <v>129712</v>
      </c>
      <c r="G37500" s="1" t="s">
        <v>129691</v>
      </c>
      <c r="H37500" s="1" t="s">
        <v>129692</v>
      </c>
      <c r="I37500" s="1" t="s">
        <v>126615</v>
      </c>
      <c r="J37500" s="1" t="s">
        <v>129713</v>
      </c>
    </row>
    <row r="37501" spans="1:10" x14ac:dyDescent="0.35">
      <c r="A37501" s="1" t="s">
        <v>9301</v>
      </c>
      <c r="B37501" s="1" t="s">
        <v>126612</v>
      </c>
      <c r="C37501" s="1" t="s">
        <v>65</v>
      </c>
      <c r="D37501" s="1" t="s">
        <v>129714</v>
      </c>
      <c r="E37501" s="1" t="s">
        <v>129715</v>
      </c>
      <c r="F37501" s="1" t="s">
        <v>129716</v>
      </c>
      <c r="G37501" s="1" t="s">
        <v>129691</v>
      </c>
      <c r="H37501" s="1" t="s">
        <v>129692</v>
      </c>
      <c r="I37501" s="1" t="s">
        <v>126615</v>
      </c>
      <c r="J37501" s="1" t="s">
        <v>129717</v>
      </c>
    </row>
    <row r="37502" spans="1:10" x14ac:dyDescent="0.35">
      <c r="A37502" s="1" t="s">
        <v>9301</v>
      </c>
      <c r="B37502" s="1" t="s">
        <v>126612</v>
      </c>
      <c r="C37502" s="1" t="s">
        <v>70</v>
      </c>
      <c r="D37502" s="1" t="s">
        <v>85469</v>
      </c>
      <c r="E37502" s="1" t="s">
        <v>54226</v>
      </c>
      <c r="F37502" s="1" t="s">
        <v>129718</v>
      </c>
      <c r="G37502" s="1" t="s">
        <v>129691</v>
      </c>
      <c r="H37502" s="1" t="s">
        <v>129692</v>
      </c>
      <c r="I37502" s="1" t="s">
        <v>126615</v>
      </c>
      <c r="J37502" s="1" t="s">
        <v>129719</v>
      </c>
    </row>
    <row r="37503" spans="1:10" x14ac:dyDescent="0.35">
      <c r="A37503" s="1" t="s">
        <v>9301</v>
      </c>
      <c r="B37503" s="1" t="s">
        <v>126612</v>
      </c>
      <c r="C37503" s="1" t="s">
        <v>75</v>
      </c>
      <c r="D37503" s="1" t="s">
        <v>55884</v>
      </c>
      <c r="E37503" s="1" t="s">
        <v>115193</v>
      </c>
      <c r="F37503" s="1" t="s">
        <v>129720</v>
      </c>
      <c r="G37503" s="1" t="s">
        <v>129691</v>
      </c>
      <c r="H37503" s="1" t="s">
        <v>129692</v>
      </c>
      <c r="I37503" s="1" t="s">
        <v>126615</v>
      </c>
      <c r="J37503" s="1" t="s">
        <v>129721</v>
      </c>
    </row>
    <row r="37504" spans="1:10" x14ac:dyDescent="0.35">
      <c r="A37504" s="1" t="s">
        <v>9301</v>
      </c>
      <c r="B37504" s="1" t="s">
        <v>126612</v>
      </c>
      <c r="C37504" s="1" t="s">
        <v>80</v>
      </c>
      <c r="D37504" s="1" t="s">
        <v>129722</v>
      </c>
      <c r="E37504" s="1" t="s">
        <v>26173</v>
      </c>
      <c r="F37504" s="1" t="s">
        <v>60841</v>
      </c>
      <c r="G37504" s="1" t="s">
        <v>129691</v>
      </c>
      <c r="H37504" s="1" t="s">
        <v>129692</v>
      </c>
      <c r="I37504" s="1" t="s">
        <v>126615</v>
      </c>
      <c r="J37504" s="1" t="s">
        <v>129723</v>
      </c>
    </row>
    <row r="37505" spans="1:10" x14ac:dyDescent="0.35">
      <c r="A37505" s="1" t="s">
        <v>9301</v>
      </c>
      <c r="B37505" s="1" t="s">
        <v>126612</v>
      </c>
      <c r="C37505" s="1" t="s">
        <v>85</v>
      </c>
      <c r="D37505" s="1" t="s">
        <v>77560</v>
      </c>
      <c r="E37505" s="1" t="s">
        <v>56043</v>
      </c>
      <c r="F37505" s="1" t="s">
        <v>129724</v>
      </c>
      <c r="G37505" s="1" t="s">
        <v>129691</v>
      </c>
      <c r="H37505" s="1" t="s">
        <v>129692</v>
      </c>
      <c r="I37505" s="1" t="s">
        <v>126615</v>
      </c>
      <c r="J37505" s="1" t="s">
        <v>129725</v>
      </c>
    </row>
    <row r="37506" spans="1:10" x14ac:dyDescent="0.35">
      <c r="A37506" s="1" t="s">
        <v>9301</v>
      </c>
      <c r="B37506" s="1" t="s">
        <v>126612</v>
      </c>
      <c r="C37506" s="1" t="s">
        <v>90</v>
      </c>
      <c r="D37506" s="1" t="s">
        <v>129726</v>
      </c>
      <c r="E37506" s="1" t="s">
        <v>32126</v>
      </c>
      <c r="F37506" s="1" t="s">
        <v>56073</v>
      </c>
      <c r="G37506" s="1" t="s">
        <v>129691</v>
      </c>
      <c r="H37506" s="1" t="s">
        <v>129692</v>
      </c>
      <c r="I37506" s="1" t="s">
        <v>126615</v>
      </c>
      <c r="J37506" s="1" t="s">
        <v>129727</v>
      </c>
    </row>
    <row r="37507" spans="1:10" x14ac:dyDescent="0.35">
      <c r="A37507" s="1" t="s">
        <v>9301</v>
      </c>
      <c r="B37507" s="1" t="s">
        <v>126612</v>
      </c>
      <c r="C37507" s="1" t="s">
        <v>95</v>
      </c>
      <c r="D37507" s="1" t="s">
        <v>89069</v>
      </c>
      <c r="E37507" s="1" t="s">
        <v>97155</v>
      </c>
      <c r="F37507" s="1" t="s">
        <v>129728</v>
      </c>
      <c r="G37507" s="1" t="s">
        <v>129691</v>
      </c>
      <c r="H37507" s="1" t="s">
        <v>129692</v>
      </c>
      <c r="I37507" s="1" t="s">
        <v>126615</v>
      </c>
      <c r="J37507" s="1" t="s">
        <v>129729</v>
      </c>
    </row>
    <row r="37508" spans="1:10" x14ac:dyDescent="0.35">
      <c r="A37508" s="1" t="s">
        <v>9301</v>
      </c>
      <c r="B37508" s="1" t="s">
        <v>126612</v>
      </c>
      <c r="C37508" s="1" t="s">
        <v>100</v>
      </c>
      <c r="D37508" s="1" t="s">
        <v>129730</v>
      </c>
      <c r="E37508" s="1" t="s">
        <v>129731</v>
      </c>
      <c r="F37508" s="1" t="s">
        <v>110508</v>
      </c>
      <c r="G37508" s="1" t="s">
        <v>129691</v>
      </c>
      <c r="H37508" s="1" t="s">
        <v>129692</v>
      </c>
      <c r="I37508" s="1" t="s">
        <v>126615</v>
      </c>
      <c r="J37508" s="1" t="s">
        <v>129732</v>
      </c>
    </row>
    <row r="37509" spans="1:10" x14ac:dyDescent="0.35">
      <c r="A37509" s="1" t="s">
        <v>9301</v>
      </c>
      <c r="B37509" s="1" t="s">
        <v>126612</v>
      </c>
      <c r="C37509" s="1" t="s">
        <v>105</v>
      </c>
      <c r="D37509" s="1" t="s">
        <v>63957</v>
      </c>
      <c r="E37509" s="1" t="s">
        <v>15845</v>
      </c>
      <c r="F37509" s="1" t="s">
        <v>129733</v>
      </c>
      <c r="G37509" s="1" t="s">
        <v>129691</v>
      </c>
      <c r="H37509" s="1" t="s">
        <v>129692</v>
      </c>
      <c r="I37509" s="1" t="s">
        <v>126615</v>
      </c>
      <c r="J37509" s="1" t="s">
        <v>129734</v>
      </c>
    </row>
    <row r="37510" spans="1:10" x14ac:dyDescent="0.35">
      <c r="A37510" s="1" t="s">
        <v>9301</v>
      </c>
      <c r="B37510" s="1" t="s">
        <v>126612</v>
      </c>
      <c r="C37510" s="1" t="s">
        <v>110</v>
      </c>
      <c r="D37510" s="1" t="s">
        <v>102664</v>
      </c>
      <c r="E37510" s="1" t="s">
        <v>26586</v>
      </c>
      <c r="F37510" s="1" t="s">
        <v>129735</v>
      </c>
      <c r="G37510" s="1" t="s">
        <v>129691</v>
      </c>
      <c r="H37510" s="1" t="s">
        <v>129692</v>
      </c>
      <c r="I37510" s="1" t="s">
        <v>126615</v>
      </c>
      <c r="J37510" s="1" t="s">
        <v>129736</v>
      </c>
    </row>
    <row r="37511" spans="1:10" x14ac:dyDescent="0.35">
      <c r="A37511" s="1" t="s">
        <v>9301</v>
      </c>
      <c r="B37511" s="1" t="s">
        <v>126612</v>
      </c>
      <c r="C37511" s="1" t="s">
        <v>115</v>
      </c>
      <c r="D37511" s="1" t="s">
        <v>129737</v>
      </c>
      <c r="E37511" s="1" t="s">
        <v>60831</v>
      </c>
      <c r="F37511" s="1" t="s">
        <v>129738</v>
      </c>
      <c r="G37511" s="1" t="s">
        <v>129691</v>
      </c>
      <c r="H37511" s="1" t="s">
        <v>129692</v>
      </c>
      <c r="I37511" s="1" t="s">
        <v>126615</v>
      </c>
      <c r="J37511" s="1" t="s">
        <v>129739</v>
      </c>
    </row>
    <row r="37512" spans="1:10" x14ac:dyDescent="0.35">
      <c r="A37512" s="1" t="s">
        <v>9301</v>
      </c>
      <c r="B37512" s="1" t="s">
        <v>126612</v>
      </c>
      <c r="C37512" s="1" t="s">
        <v>120</v>
      </c>
      <c r="D37512" s="1" t="s">
        <v>68454</v>
      </c>
      <c r="E37512" s="1" t="s">
        <v>15625</v>
      </c>
      <c r="F37512" s="1" t="s">
        <v>57714</v>
      </c>
      <c r="G37512" s="1" t="s">
        <v>129691</v>
      </c>
      <c r="H37512" s="1" t="s">
        <v>129692</v>
      </c>
      <c r="I37512" s="1" t="s">
        <v>126615</v>
      </c>
      <c r="J37512" s="1" t="s">
        <v>129740</v>
      </c>
    </row>
    <row r="37513" spans="1:10" x14ac:dyDescent="0.35">
      <c r="A37513" s="1" t="s">
        <v>9301</v>
      </c>
      <c r="B37513" s="1" t="s">
        <v>126612</v>
      </c>
      <c r="C37513" s="1" t="s">
        <v>125</v>
      </c>
      <c r="D37513" s="1" t="s">
        <v>26473</v>
      </c>
      <c r="E37513" s="1" t="s">
        <v>32618</v>
      </c>
      <c r="F37513" s="1" t="s">
        <v>129741</v>
      </c>
      <c r="G37513" s="1" t="s">
        <v>129691</v>
      </c>
      <c r="H37513" s="1" t="s">
        <v>129692</v>
      </c>
      <c r="I37513" s="1" t="s">
        <v>126615</v>
      </c>
      <c r="J37513" s="1" t="s">
        <v>129742</v>
      </c>
    </row>
    <row r="37514" spans="1:10" x14ac:dyDescent="0.35">
      <c r="A37514" s="1" t="s">
        <v>9301</v>
      </c>
      <c r="B37514" s="1" t="s">
        <v>126612</v>
      </c>
      <c r="C37514" s="1" t="s">
        <v>130</v>
      </c>
      <c r="D37514" s="1" t="s">
        <v>129743</v>
      </c>
      <c r="E37514" s="1" t="s">
        <v>100272</v>
      </c>
      <c r="F37514" s="1" t="s">
        <v>59189</v>
      </c>
      <c r="G37514" s="1" t="s">
        <v>129691</v>
      </c>
      <c r="H37514" s="1" t="s">
        <v>129692</v>
      </c>
      <c r="I37514" s="1" t="s">
        <v>126615</v>
      </c>
      <c r="J37514" s="1" t="s">
        <v>129744</v>
      </c>
    </row>
    <row r="37515" spans="1:10" x14ac:dyDescent="0.35">
      <c r="A37515" s="1" t="s">
        <v>9301</v>
      </c>
      <c r="B37515" s="1" t="s">
        <v>126612</v>
      </c>
      <c r="C37515" s="1" t="s">
        <v>135</v>
      </c>
      <c r="D37515" s="1" t="s">
        <v>24121</v>
      </c>
      <c r="E37515" s="1" t="s">
        <v>32167</v>
      </c>
      <c r="F37515" s="1" t="s">
        <v>129745</v>
      </c>
      <c r="G37515" s="1" t="s">
        <v>129691</v>
      </c>
      <c r="H37515" s="1" t="s">
        <v>129692</v>
      </c>
      <c r="I37515" s="1" t="s">
        <v>126615</v>
      </c>
      <c r="J37515" s="1" t="s">
        <v>129746</v>
      </c>
    </row>
    <row r="37516" spans="1:10" x14ac:dyDescent="0.35">
      <c r="A37516" s="1" t="s">
        <v>9301</v>
      </c>
      <c r="B37516" s="1" t="s">
        <v>126612</v>
      </c>
      <c r="C37516" s="1" t="s">
        <v>140</v>
      </c>
      <c r="D37516" s="1" t="s">
        <v>84524</v>
      </c>
      <c r="E37516" s="1" t="s">
        <v>97168</v>
      </c>
      <c r="F37516" s="1" t="s">
        <v>96558</v>
      </c>
      <c r="G37516" s="1" t="s">
        <v>129691</v>
      </c>
      <c r="H37516" s="1" t="s">
        <v>129692</v>
      </c>
      <c r="I37516" s="1" t="s">
        <v>126615</v>
      </c>
      <c r="J37516" s="1" t="s">
        <v>129747</v>
      </c>
    </row>
    <row r="37517" spans="1:10" x14ac:dyDescent="0.35">
      <c r="A37517" s="1" t="s">
        <v>9301</v>
      </c>
      <c r="B37517" s="1" t="s">
        <v>126612</v>
      </c>
      <c r="C37517" s="1" t="s">
        <v>145</v>
      </c>
      <c r="D37517" s="1" t="s">
        <v>129748</v>
      </c>
      <c r="E37517" s="1" t="s">
        <v>115207</v>
      </c>
      <c r="F37517" s="1" t="s">
        <v>129749</v>
      </c>
      <c r="G37517" s="1" t="s">
        <v>129691</v>
      </c>
      <c r="H37517" s="1" t="s">
        <v>129692</v>
      </c>
      <c r="I37517" s="1" t="s">
        <v>126615</v>
      </c>
      <c r="J37517" s="1" t="s">
        <v>129750</v>
      </c>
    </row>
    <row r="37518" spans="1:10" x14ac:dyDescent="0.35">
      <c r="A37518" s="1" t="s">
        <v>9301</v>
      </c>
      <c r="B37518" s="1" t="s">
        <v>126612</v>
      </c>
      <c r="C37518" s="1" t="s">
        <v>150</v>
      </c>
      <c r="D37518" s="1" t="s">
        <v>62107</v>
      </c>
      <c r="E37518" s="1" t="s">
        <v>129751</v>
      </c>
      <c r="F37518" s="1" t="s">
        <v>103878</v>
      </c>
      <c r="G37518" s="1" t="s">
        <v>129691</v>
      </c>
      <c r="H37518" s="1" t="s">
        <v>129692</v>
      </c>
      <c r="I37518" s="1" t="s">
        <v>126615</v>
      </c>
      <c r="J37518" s="1" t="s">
        <v>129752</v>
      </c>
    </row>
    <row r="37519" spans="1:10" x14ac:dyDescent="0.35">
      <c r="A37519" s="1" t="s">
        <v>9301</v>
      </c>
      <c r="B37519" s="1" t="s">
        <v>126612</v>
      </c>
      <c r="C37519" s="1" t="s">
        <v>155</v>
      </c>
      <c r="D37519" s="1" t="s">
        <v>24380</v>
      </c>
      <c r="E37519" s="1" t="s">
        <v>71228</v>
      </c>
      <c r="F37519" s="1" t="s">
        <v>129753</v>
      </c>
      <c r="G37519" s="1" t="s">
        <v>129691</v>
      </c>
      <c r="H37519" s="1" t="s">
        <v>129692</v>
      </c>
      <c r="I37519" s="1" t="s">
        <v>126615</v>
      </c>
      <c r="J37519" s="1" t="s">
        <v>129754</v>
      </c>
    </row>
    <row r="37520" spans="1:10" x14ac:dyDescent="0.35">
      <c r="A37520" s="1" t="s">
        <v>9301</v>
      </c>
      <c r="B37520" s="1" t="s">
        <v>126612</v>
      </c>
      <c r="C37520" s="1" t="s">
        <v>160</v>
      </c>
      <c r="D37520" s="1" t="s">
        <v>97380</v>
      </c>
      <c r="E37520" s="1" t="s">
        <v>57172</v>
      </c>
      <c r="F37520" s="1" t="s">
        <v>58719</v>
      </c>
      <c r="G37520" s="1" t="s">
        <v>129691</v>
      </c>
      <c r="H37520" s="1" t="s">
        <v>129692</v>
      </c>
      <c r="I37520" s="1" t="s">
        <v>126615</v>
      </c>
      <c r="J37520" s="1" t="s">
        <v>129755</v>
      </c>
    </row>
    <row r="37521" spans="1:10" x14ac:dyDescent="0.35">
      <c r="A37521" s="1" t="s">
        <v>9301</v>
      </c>
      <c r="B37521" s="1" t="s">
        <v>126612</v>
      </c>
      <c r="C37521" s="1" t="s">
        <v>165</v>
      </c>
      <c r="D37521" s="1" t="s">
        <v>129756</v>
      </c>
      <c r="E37521" s="1" t="s">
        <v>88293</v>
      </c>
      <c r="F37521" s="1" t="s">
        <v>129757</v>
      </c>
      <c r="G37521" s="1" t="s">
        <v>129691</v>
      </c>
      <c r="H37521" s="1" t="s">
        <v>129692</v>
      </c>
      <c r="I37521" s="1" t="s">
        <v>126615</v>
      </c>
      <c r="J37521" s="1" t="s">
        <v>129758</v>
      </c>
    </row>
    <row r="37522" spans="1:10" x14ac:dyDescent="0.35">
      <c r="A37522" s="1" t="s">
        <v>9301</v>
      </c>
      <c r="B37522" s="1" t="s">
        <v>126612</v>
      </c>
      <c r="C37522" s="1" t="s">
        <v>170</v>
      </c>
      <c r="D37522" s="1" t="s">
        <v>81304</v>
      </c>
      <c r="E37522" s="1" t="s">
        <v>95753</v>
      </c>
      <c r="F37522" s="1" t="s">
        <v>64639</v>
      </c>
      <c r="G37522" s="1" t="s">
        <v>129691</v>
      </c>
      <c r="H37522" s="1" t="s">
        <v>129692</v>
      </c>
      <c r="I37522" s="1" t="s">
        <v>126615</v>
      </c>
      <c r="J37522" s="1" t="s">
        <v>129759</v>
      </c>
    </row>
    <row r="37523" spans="1:10" x14ac:dyDescent="0.35">
      <c r="A37523" s="1" t="s">
        <v>6367</v>
      </c>
      <c r="B37523" s="1" t="s">
        <v>126612</v>
      </c>
      <c r="C37523" s="1" t="s">
        <v>8</v>
      </c>
      <c r="D37523" s="1" t="s">
        <v>126794</v>
      </c>
      <c r="E37523" s="1" t="s">
        <v>129760</v>
      </c>
      <c r="F37523" s="1" t="s">
        <v>129761</v>
      </c>
      <c r="G37523" s="1" t="s">
        <v>129762</v>
      </c>
      <c r="H37523" s="1" t="s">
        <v>129763</v>
      </c>
      <c r="I37523" s="1" t="s">
        <v>126615</v>
      </c>
      <c r="J37523" s="1" t="s">
        <v>13</v>
      </c>
    </row>
    <row r="37524" spans="1:10" x14ac:dyDescent="0.35">
      <c r="A37524" s="1" t="s">
        <v>6367</v>
      </c>
      <c r="B37524" s="1" t="s">
        <v>126612</v>
      </c>
      <c r="C37524" s="1" t="s">
        <v>15</v>
      </c>
      <c r="D37524" s="1" t="s">
        <v>129764</v>
      </c>
      <c r="E37524" s="1" t="s">
        <v>57145</v>
      </c>
      <c r="F37524" s="1" t="s">
        <v>129765</v>
      </c>
      <c r="G37524" s="1" t="s">
        <v>129762</v>
      </c>
      <c r="H37524" s="1" t="s">
        <v>129763</v>
      </c>
      <c r="I37524" s="1" t="s">
        <v>126615</v>
      </c>
      <c r="J37524" s="1" t="s">
        <v>129766</v>
      </c>
    </row>
    <row r="37525" spans="1:10" x14ac:dyDescent="0.35">
      <c r="A37525" s="1" t="s">
        <v>6367</v>
      </c>
      <c r="B37525" s="1" t="s">
        <v>126612</v>
      </c>
      <c r="C37525" s="1" t="s">
        <v>20</v>
      </c>
      <c r="D37525" s="1" t="s">
        <v>129767</v>
      </c>
      <c r="E37525" s="1" t="s">
        <v>129768</v>
      </c>
      <c r="F37525" s="1" t="s">
        <v>129769</v>
      </c>
      <c r="G37525" s="1" t="s">
        <v>129762</v>
      </c>
      <c r="H37525" s="1" t="s">
        <v>129763</v>
      </c>
      <c r="I37525" s="1" t="s">
        <v>126615</v>
      </c>
      <c r="J37525" s="1" t="s">
        <v>129770</v>
      </c>
    </row>
    <row r="37526" spans="1:10" x14ac:dyDescent="0.35">
      <c r="A37526" s="1" t="s">
        <v>6367</v>
      </c>
      <c r="B37526" s="1" t="s">
        <v>126612</v>
      </c>
      <c r="C37526" s="1" t="s">
        <v>25</v>
      </c>
      <c r="D37526" s="1" t="s">
        <v>99411</v>
      </c>
      <c r="E37526" s="1" t="s">
        <v>129771</v>
      </c>
      <c r="F37526" s="1" t="s">
        <v>129772</v>
      </c>
      <c r="G37526" s="1" t="s">
        <v>129762</v>
      </c>
      <c r="H37526" s="1" t="s">
        <v>129763</v>
      </c>
      <c r="I37526" s="1" t="s">
        <v>126615</v>
      </c>
      <c r="J37526" s="1" t="s">
        <v>129773</v>
      </c>
    </row>
    <row r="37527" spans="1:10" x14ac:dyDescent="0.35">
      <c r="A37527" s="1" t="s">
        <v>6367</v>
      </c>
      <c r="B37527" s="1" t="s">
        <v>126612</v>
      </c>
      <c r="C37527" s="1" t="s">
        <v>30</v>
      </c>
      <c r="D37527" s="1" t="s">
        <v>65866</v>
      </c>
      <c r="E37527" s="1" t="s">
        <v>95820</v>
      </c>
      <c r="F37527" s="1" t="s">
        <v>129774</v>
      </c>
      <c r="G37527" s="1" t="s">
        <v>129762</v>
      </c>
      <c r="H37527" s="1" t="s">
        <v>129763</v>
      </c>
      <c r="I37527" s="1" t="s">
        <v>126615</v>
      </c>
      <c r="J37527" s="1" t="s">
        <v>129775</v>
      </c>
    </row>
    <row r="37528" spans="1:10" x14ac:dyDescent="0.35">
      <c r="A37528" s="1" t="s">
        <v>6367</v>
      </c>
      <c r="B37528" s="1" t="s">
        <v>126612</v>
      </c>
      <c r="C37528" s="1" t="s">
        <v>35</v>
      </c>
      <c r="D37528" s="1" t="s">
        <v>129776</v>
      </c>
      <c r="E37528" s="1" t="s">
        <v>32976</v>
      </c>
      <c r="F37528" s="1" t="s">
        <v>129777</v>
      </c>
      <c r="G37528" s="1" t="s">
        <v>129762</v>
      </c>
      <c r="H37528" s="1" t="s">
        <v>129763</v>
      </c>
      <c r="I37528" s="1" t="s">
        <v>126615</v>
      </c>
      <c r="J37528" s="1" t="s">
        <v>129778</v>
      </c>
    </row>
    <row r="37529" spans="1:10" x14ac:dyDescent="0.35">
      <c r="A37529" s="1" t="s">
        <v>6367</v>
      </c>
      <c r="B37529" s="1" t="s">
        <v>126612</v>
      </c>
      <c r="C37529" s="1" t="s">
        <v>40</v>
      </c>
      <c r="D37529" s="1" t="s">
        <v>67486</v>
      </c>
      <c r="E37529" s="1" t="s">
        <v>27115</v>
      </c>
      <c r="F37529" s="1" t="s">
        <v>129779</v>
      </c>
      <c r="G37529" s="1" t="s">
        <v>129762</v>
      </c>
      <c r="H37529" s="1" t="s">
        <v>129763</v>
      </c>
      <c r="I37529" s="1" t="s">
        <v>126615</v>
      </c>
      <c r="J37529" s="1" t="s">
        <v>129780</v>
      </c>
    </row>
    <row r="37530" spans="1:10" x14ac:dyDescent="0.35">
      <c r="A37530" s="1" t="s">
        <v>6367</v>
      </c>
      <c r="B37530" s="1" t="s">
        <v>126612</v>
      </c>
      <c r="C37530" s="1" t="s">
        <v>45</v>
      </c>
      <c r="D37530" s="1" t="s">
        <v>129781</v>
      </c>
      <c r="E37530" s="1" t="s">
        <v>76331</v>
      </c>
      <c r="F37530" s="1" t="s">
        <v>63660</v>
      </c>
      <c r="G37530" s="1" t="s">
        <v>129762</v>
      </c>
      <c r="H37530" s="1" t="s">
        <v>129763</v>
      </c>
      <c r="I37530" s="1" t="s">
        <v>126615</v>
      </c>
      <c r="J37530" s="1" t="s">
        <v>129782</v>
      </c>
    </row>
    <row r="37531" spans="1:10" x14ac:dyDescent="0.35">
      <c r="A37531" s="1" t="s">
        <v>6367</v>
      </c>
      <c r="B37531" s="1" t="s">
        <v>126612</v>
      </c>
      <c r="C37531" s="1" t="s">
        <v>50</v>
      </c>
      <c r="D37531" s="1" t="s">
        <v>26523</v>
      </c>
      <c r="E37531" s="1" t="s">
        <v>15668</v>
      </c>
      <c r="F37531" s="1" t="s">
        <v>129783</v>
      </c>
      <c r="G37531" s="1" t="s">
        <v>129762</v>
      </c>
      <c r="H37531" s="1" t="s">
        <v>129763</v>
      </c>
      <c r="I37531" s="1" t="s">
        <v>126615</v>
      </c>
      <c r="J37531" s="1" t="s">
        <v>129784</v>
      </c>
    </row>
    <row r="37532" spans="1:10" x14ac:dyDescent="0.35">
      <c r="A37532" s="1" t="s">
        <v>6367</v>
      </c>
      <c r="B37532" s="1" t="s">
        <v>126612</v>
      </c>
      <c r="C37532" s="1" t="s">
        <v>55</v>
      </c>
      <c r="D37532" s="1" t="s">
        <v>129785</v>
      </c>
      <c r="E37532" s="1" t="s">
        <v>128277</v>
      </c>
      <c r="F37532" s="1" t="s">
        <v>129786</v>
      </c>
      <c r="G37532" s="1" t="s">
        <v>129762</v>
      </c>
      <c r="H37532" s="1" t="s">
        <v>129763</v>
      </c>
      <c r="I37532" s="1" t="s">
        <v>126615</v>
      </c>
      <c r="J37532" s="1" t="s">
        <v>129787</v>
      </c>
    </row>
    <row r="37533" spans="1:10" x14ac:dyDescent="0.35">
      <c r="A37533" s="1" t="s">
        <v>6367</v>
      </c>
      <c r="B37533" s="1" t="s">
        <v>126612</v>
      </c>
      <c r="C37533" s="1" t="s">
        <v>60</v>
      </c>
      <c r="D37533" s="1" t="s">
        <v>129788</v>
      </c>
      <c r="E37533" s="1" t="s">
        <v>70912</v>
      </c>
      <c r="F37533" s="1" t="s">
        <v>107580</v>
      </c>
      <c r="G37533" s="1" t="s">
        <v>129762</v>
      </c>
      <c r="H37533" s="1" t="s">
        <v>129763</v>
      </c>
      <c r="I37533" s="1" t="s">
        <v>126615</v>
      </c>
      <c r="J37533" s="1" t="s">
        <v>129789</v>
      </c>
    </row>
    <row r="37534" spans="1:10" x14ac:dyDescent="0.35">
      <c r="A37534" s="1" t="s">
        <v>6367</v>
      </c>
      <c r="B37534" s="1" t="s">
        <v>126612</v>
      </c>
      <c r="C37534" s="1" t="s">
        <v>65</v>
      </c>
      <c r="D37534" s="1" t="s">
        <v>129790</v>
      </c>
      <c r="E37534" s="1" t="s">
        <v>129791</v>
      </c>
      <c r="F37534" s="1" t="s">
        <v>129792</v>
      </c>
      <c r="G37534" s="1" t="s">
        <v>129762</v>
      </c>
      <c r="H37534" s="1" t="s">
        <v>129763</v>
      </c>
      <c r="I37534" s="1" t="s">
        <v>126615</v>
      </c>
      <c r="J37534" s="1" t="s">
        <v>129793</v>
      </c>
    </row>
    <row r="37535" spans="1:10" x14ac:dyDescent="0.35">
      <c r="A37535" s="1" t="s">
        <v>6367</v>
      </c>
      <c r="B37535" s="1" t="s">
        <v>126612</v>
      </c>
      <c r="C37535" s="1" t="s">
        <v>70</v>
      </c>
      <c r="D37535" s="1" t="s">
        <v>85037</v>
      </c>
      <c r="E37535" s="1" t="s">
        <v>15955</v>
      </c>
      <c r="F37535" s="1" t="s">
        <v>129794</v>
      </c>
      <c r="G37535" s="1" t="s">
        <v>129762</v>
      </c>
      <c r="H37535" s="1" t="s">
        <v>129763</v>
      </c>
      <c r="I37535" s="1" t="s">
        <v>126615</v>
      </c>
      <c r="J37535" s="1" t="s">
        <v>129795</v>
      </c>
    </row>
    <row r="37536" spans="1:10" x14ac:dyDescent="0.35">
      <c r="A37536" s="1" t="s">
        <v>6367</v>
      </c>
      <c r="B37536" s="1" t="s">
        <v>126612</v>
      </c>
      <c r="C37536" s="1" t="s">
        <v>75</v>
      </c>
      <c r="D37536" s="1" t="s">
        <v>76289</v>
      </c>
      <c r="E37536" s="1" t="s">
        <v>129796</v>
      </c>
      <c r="F37536" s="1" t="s">
        <v>32029</v>
      </c>
      <c r="G37536" s="1" t="s">
        <v>129762</v>
      </c>
      <c r="H37536" s="1" t="s">
        <v>129763</v>
      </c>
      <c r="I37536" s="1" t="s">
        <v>126615</v>
      </c>
      <c r="J37536" s="1" t="s">
        <v>129797</v>
      </c>
    </row>
    <row r="37537" spans="1:10" x14ac:dyDescent="0.35">
      <c r="A37537" s="1" t="s">
        <v>6367</v>
      </c>
      <c r="B37537" s="1" t="s">
        <v>126612</v>
      </c>
      <c r="C37537" s="1" t="s">
        <v>80</v>
      </c>
      <c r="D37537" s="1" t="s">
        <v>26985</v>
      </c>
      <c r="E37537" s="1" t="s">
        <v>106958</v>
      </c>
      <c r="F37537" s="1" t="s">
        <v>32321</v>
      </c>
      <c r="G37537" s="1" t="s">
        <v>129762</v>
      </c>
      <c r="H37537" s="1" t="s">
        <v>129763</v>
      </c>
      <c r="I37537" s="1" t="s">
        <v>126615</v>
      </c>
      <c r="J37537" s="1" t="s">
        <v>129798</v>
      </c>
    </row>
    <row r="37538" spans="1:10" x14ac:dyDescent="0.35">
      <c r="A37538" s="1" t="s">
        <v>6367</v>
      </c>
      <c r="B37538" s="1" t="s">
        <v>126612</v>
      </c>
      <c r="C37538" s="1" t="s">
        <v>85</v>
      </c>
      <c r="D37538" s="1" t="s">
        <v>129799</v>
      </c>
      <c r="E37538" s="1" t="s">
        <v>126997</v>
      </c>
      <c r="F37538" s="1" t="s">
        <v>32641</v>
      </c>
      <c r="G37538" s="1" t="s">
        <v>129762</v>
      </c>
      <c r="H37538" s="1" t="s">
        <v>129763</v>
      </c>
      <c r="I37538" s="1" t="s">
        <v>126615</v>
      </c>
      <c r="J37538" s="1" t="s">
        <v>129800</v>
      </c>
    </row>
    <row r="37539" spans="1:10" x14ac:dyDescent="0.35">
      <c r="A37539" s="1" t="s">
        <v>6367</v>
      </c>
      <c r="B37539" s="1" t="s">
        <v>126612</v>
      </c>
      <c r="C37539" s="1" t="s">
        <v>90</v>
      </c>
      <c r="D37539" s="1" t="s">
        <v>129801</v>
      </c>
      <c r="E37539" s="1" t="s">
        <v>129802</v>
      </c>
      <c r="F37539" s="1" t="s">
        <v>129803</v>
      </c>
      <c r="G37539" s="1" t="s">
        <v>129762</v>
      </c>
      <c r="H37539" s="1" t="s">
        <v>129763</v>
      </c>
      <c r="I37539" s="1" t="s">
        <v>126615</v>
      </c>
      <c r="J37539" s="1" t="s">
        <v>129804</v>
      </c>
    </row>
    <row r="37540" spans="1:10" x14ac:dyDescent="0.35">
      <c r="A37540" s="1" t="s">
        <v>6367</v>
      </c>
      <c r="B37540" s="1" t="s">
        <v>126612</v>
      </c>
      <c r="C37540" s="1" t="s">
        <v>95</v>
      </c>
      <c r="D37540" s="1" t="s">
        <v>26177</v>
      </c>
      <c r="E37540" s="1" t="s">
        <v>109012</v>
      </c>
      <c r="F37540" s="1" t="s">
        <v>67465</v>
      </c>
      <c r="G37540" s="1" t="s">
        <v>129762</v>
      </c>
      <c r="H37540" s="1" t="s">
        <v>129763</v>
      </c>
      <c r="I37540" s="1" t="s">
        <v>126615</v>
      </c>
      <c r="J37540" s="1" t="s">
        <v>129805</v>
      </c>
    </row>
    <row r="37541" spans="1:10" x14ac:dyDescent="0.35">
      <c r="A37541" s="1" t="s">
        <v>6367</v>
      </c>
      <c r="B37541" s="1" t="s">
        <v>126612</v>
      </c>
      <c r="C37541" s="1" t="s">
        <v>100</v>
      </c>
      <c r="D37541" s="1" t="s">
        <v>129806</v>
      </c>
      <c r="E37541" s="1" t="s">
        <v>19956</v>
      </c>
      <c r="F37541" s="1" t="s">
        <v>65318</v>
      </c>
      <c r="G37541" s="1" t="s">
        <v>129762</v>
      </c>
      <c r="H37541" s="1" t="s">
        <v>129763</v>
      </c>
      <c r="I37541" s="1" t="s">
        <v>126615</v>
      </c>
      <c r="J37541" s="1" t="s">
        <v>129807</v>
      </c>
    </row>
    <row r="37542" spans="1:10" x14ac:dyDescent="0.35">
      <c r="A37542" s="1" t="s">
        <v>6367</v>
      </c>
      <c r="B37542" s="1" t="s">
        <v>126612</v>
      </c>
      <c r="C37542" s="1" t="s">
        <v>105</v>
      </c>
      <c r="D37542" s="1" t="s">
        <v>129808</v>
      </c>
      <c r="E37542" s="1" t="s">
        <v>31819</v>
      </c>
      <c r="F37542" s="1" t="s">
        <v>63101</v>
      </c>
      <c r="G37542" s="1" t="s">
        <v>129762</v>
      </c>
      <c r="H37542" s="1" t="s">
        <v>129763</v>
      </c>
      <c r="I37542" s="1" t="s">
        <v>126615</v>
      </c>
      <c r="J37542" s="1" t="s">
        <v>129809</v>
      </c>
    </row>
    <row r="37543" spans="1:10" x14ac:dyDescent="0.35">
      <c r="A37543" s="1" t="s">
        <v>6367</v>
      </c>
      <c r="B37543" s="1" t="s">
        <v>126612</v>
      </c>
      <c r="C37543" s="1" t="s">
        <v>110</v>
      </c>
      <c r="D37543" s="1" t="s">
        <v>55041</v>
      </c>
      <c r="E37543" s="1" t="s">
        <v>31769</v>
      </c>
      <c r="F37543" s="1" t="s">
        <v>129810</v>
      </c>
      <c r="G37543" s="1" t="s">
        <v>129762</v>
      </c>
      <c r="H37543" s="1" t="s">
        <v>129763</v>
      </c>
      <c r="I37543" s="1" t="s">
        <v>126615</v>
      </c>
      <c r="J37543" s="1" t="s">
        <v>129811</v>
      </c>
    </row>
    <row r="37544" spans="1:10" x14ac:dyDescent="0.35">
      <c r="A37544" s="1" t="s">
        <v>6367</v>
      </c>
      <c r="B37544" s="1" t="s">
        <v>126612</v>
      </c>
      <c r="C37544" s="1" t="s">
        <v>115</v>
      </c>
      <c r="D37544" s="1" t="s">
        <v>129812</v>
      </c>
      <c r="E37544" s="1" t="s">
        <v>128486</v>
      </c>
      <c r="F37544" s="1" t="s">
        <v>58410</v>
      </c>
      <c r="G37544" s="1" t="s">
        <v>129762</v>
      </c>
      <c r="H37544" s="1" t="s">
        <v>129763</v>
      </c>
      <c r="I37544" s="1" t="s">
        <v>126615</v>
      </c>
      <c r="J37544" s="1" t="s">
        <v>129813</v>
      </c>
    </row>
    <row r="37545" spans="1:10" x14ac:dyDescent="0.35">
      <c r="A37545" s="1" t="s">
        <v>6367</v>
      </c>
      <c r="B37545" s="1" t="s">
        <v>126612</v>
      </c>
      <c r="C37545" s="1" t="s">
        <v>120</v>
      </c>
      <c r="D37545" s="1" t="s">
        <v>129814</v>
      </c>
      <c r="E37545" s="1" t="s">
        <v>129815</v>
      </c>
      <c r="F37545" s="1" t="s">
        <v>128115</v>
      </c>
      <c r="G37545" s="1" t="s">
        <v>129762</v>
      </c>
      <c r="H37545" s="1" t="s">
        <v>129763</v>
      </c>
      <c r="I37545" s="1" t="s">
        <v>126615</v>
      </c>
      <c r="J37545" s="1" t="s">
        <v>129816</v>
      </c>
    </row>
    <row r="37546" spans="1:10" x14ac:dyDescent="0.35">
      <c r="A37546" s="1" t="s">
        <v>6367</v>
      </c>
      <c r="B37546" s="1" t="s">
        <v>126612</v>
      </c>
      <c r="C37546" s="1" t="s">
        <v>125</v>
      </c>
      <c r="D37546" s="1" t="s">
        <v>81058</v>
      </c>
      <c r="E37546" s="1" t="s">
        <v>129817</v>
      </c>
      <c r="F37546" s="1" t="s">
        <v>129818</v>
      </c>
      <c r="G37546" s="1" t="s">
        <v>129762</v>
      </c>
      <c r="H37546" s="1" t="s">
        <v>129763</v>
      </c>
      <c r="I37546" s="1" t="s">
        <v>126615</v>
      </c>
      <c r="J37546" s="1" t="s">
        <v>129819</v>
      </c>
    </row>
    <row r="37547" spans="1:10" x14ac:dyDescent="0.35">
      <c r="A37547" s="1" t="s">
        <v>6367</v>
      </c>
      <c r="B37547" s="1" t="s">
        <v>126612</v>
      </c>
      <c r="C37547" s="1" t="s">
        <v>130</v>
      </c>
      <c r="D37547" s="1" t="s">
        <v>129820</v>
      </c>
      <c r="E37547" s="1" t="s">
        <v>129412</v>
      </c>
      <c r="F37547" s="1" t="s">
        <v>129821</v>
      </c>
      <c r="G37547" s="1" t="s">
        <v>129762</v>
      </c>
      <c r="H37547" s="1" t="s">
        <v>129763</v>
      </c>
      <c r="I37547" s="1" t="s">
        <v>126615</v>
      </c>
      <c r="J37547" s="1" t="s">
        <v>129822</v>
      </c>
    </row>
    <row r="37548" spans="1:10" x14ac:dyDescent="0.35">
      <c r="A37548" s="1" t="s">
        <v>6367</v>
      </c>
      <c r="B37548" s="1" t="s">
        <v>126612</v>
      </c>
      <c r="C37548" s="1" t="s">
        <v>135</v>
      </c>
      <c r="D37548" s="1" t="s">
        <v>129823</v>
      </c>
      <c r="E37548" s="1" t="s">
        <v>129824</v>
      </c>
      <c r="F37548" s="1" t="s">
        <v>26569</v>
      </c>
      <c r="G37548" s="1" t="s">
        <v>129762</v>
      </c>
      <c r="H37548" s="1" t="s">
        <v>129763</v>
      </c>
      <c r="I37548" s="1" t="s">
        <v>126615</v>
      </c>
      <c r="J37548" s="1" t="s">
        <v>129825</v>
      </c>
    </row>
    <row r="37549" spans="1:10" x14ac:dyDescent="0.35">
      <c r="A37549" s="1" t="s">
        <v>6367</v>
      </c>
      <c r="B37549" s="1" t="s">
        <v>126612</v>
      </c>
      <c r="C37549" s="1" t="s">
        <v>140</v>
      </c>
      <c r="D37549" s="1" t="s">
        <v>129826</v>
      </c>
      <c r="E37549" s="1" t="s">
        <v>30630</v>
      </c>
      <c r="F37549" s="1" t="s">
        <v>129827</v>
      </c>
      <c r="G37549" s="1" t="s">
        <v>129762</v>
      </c>
      <c r="H37549" s="1" t="s">
        <v>129763</v>
      </c>
      <c r="I37549" s="1" t="s">
        <v>126615</v>
      </c>
      <c r="J37549" s="1" t="s">
        <v>129828</v>
      </c>
    </row>
    <row r="37550" spans="1:10" x14ac:dyDescent="0.35">
      <c r="A37550" s="1" t="s">
        <v>6367</v>
      </c>
      <c r="B37550" s="1" t="s">
        <v>126612</v>
      </c>
      <c r="C37550" s="1" t="s">
        <v>145</v>
      </c>
      <c r="D37550" s="1" t="s">
        <v>129829</v>
      </c>
      <c r="E37550" s="1" t="s">
        <v>19990</v>
      </c>
      <c r="F37550" s="1" t="s">
        <v>129830</v>
      </c>
      <c r="G37550" s="1" t="s">
        <v>129762</v>
      </c>
      <c r="H37550" s="1" t="s">
        <v>129763</v>
      </c>
      <c r="I37550" s="1" t="s">
        <v>126615</v>
      </c>
      <c r="J37550" s="1" t="s">
        <v>129831</v>
      </c>
    </row>
    <row r="37551" spans="1:10" x14ac:dyDescent="0.35">
      <c r="A37551" s="1" t="s">
        <v>6367</v>
      </c>
      <c r="B37551" s="1" t="s">
        <v>126612</v>
      </c>
      <c r="C37551" s="1" t="s">
        <v>150</v>
      </c>
      <c r="D37551" s="1" t="s">
        <v>85413</v>
      </c>
      <c r="E37551" s="1" t="s">
        <v>70868</v>
      </c>
      <c r="F37551" s="1" t="s">
        <v>129832</v>
      </c>
      <c r="G37551" s="1" t="s">
        <v>129762</v>
      </c>
      <c r="H37551" s="1" t="s">
        <v>129763</v>
      </c>
      <c r="I37551" s="1" t="s">
        <v>126615</v>
      </c>
      <c r="J37551" s="1" t="s">
        <v>129833</v>
      </c>
    </row>
    <row r="37552" spans="1:10" x14ac:dyDescent="0.35">
      <c r="A37552" s="1" t="s">
        <v>6367</v>
      </c>
      <c r="B37552" s="1" t="s">
        <v>126612</v>
      </c>
      <c r="C37552" s="1" t="s">
        <v>155</v>
      </c>
      <c r="D37552" s="1" t="s">
        <v>129834</v>
      </c>
      <c r="E37552" s="1" t="s">
        <v>108589</v>
      </c>
      <c r="F37552" s="1" t="s">
        <v>101685</v>
      </c>
      <c r="G37552" s="1" t="s">
        <v>129762</v>
      </c>
      <c r="H37552" s="1" t="s">
        <v>129763</v>
      </c>
      <c r="I37552" s="1" t="s">
        <v>126615</v>
      </c>
      <c r="J37552" s="1" t="s">
        <v>129835</v>
      </c>
    </row>
    <row r="37553" spans="1:10" x14ac:dyDescent="0.35">
      <c r="A37553" s="1" t="s">
        <v>6367</v>
      </c>
      <c r="B37553" s="1" t="s">
        <v>126612</v>
      </c>
      <c r="C37553" s="1" t="s">
        <v>160</v>
      </c>
      <c r="D37553" s="1" t="s">
        <v>22334</v>
      </c>
      <c r="E37553" s="1" t="s">
        <v>95803</v>
      </c>
      <c r="F37553" s="1" t="s">
        <v>129836</v>
      </c>
      <c r="G37553" s="1" t="s">
        <v>129762</v>
      </c>
      <c r="H37553" s="1" t="s">
        <v>129763</v>
      </c>
      <c r="I37553" s="1" t="s">
        <v>126615</v>
      </c>
      <c r="J37553" s="1" t="s">
        <v>129837</v>
      </c>
    </row>
    <row r="37554" spans="1:10" x14ac:dyDescent="0.35">
      <c r="A37554" s="1" t="s">
        <v>6367</v>
      </c>
      <c r="B37554" s="1" t="s">
        <v>126612</v>
      </c>
      <c r="C37554" s="1" t="s">
        <v>165</v>
      </c>
      <c r="D37554" s="1" t="s">
        <v>128441</v>
      </c>
      <c r="E37554" s="1" t="s">
        <v>129838</v>
      </c>
      <c r="F37554" s="1" t="s">
        <v>129839</v>
      </c>
      <c r="G37554" s="1" t="s">
        <v>129762</v>
      </c>
      <c r="H37554" s="1" t="s">
        <v>129763</v>
      </c>
      <c r="I37554" s="1" t="s">
        <v>126615</v>
      </c>
      <c r="J37554" s="1" t="s">
        <v>129840</v>
      </c>
    </row>
    <row r="37555" spans="1:10" x14ac:dyDescent="0.35">
      <c r="A37555" s="1" t="s">
        <v>6367</v>
      </c>
      <c r="B37555" s="1" t="s">
        <v>126612</v>
      </c>
      <c r="C37555" s="1" t="s">
        <v>170</v>
      </c>
      <c r="D37555" s="1" t="s">
        <v>129841</v>
      </c>
      <c r="E37555" s="1" t="s">
        <v>129842</v>
      </c>
      <c r="F37555" s="1" t="s">
        <v>58702</v>
      </c>
      <c r="G37555" s="1" t="s">
        <v>129762</v>
      </c>
      <c r="H37555" s="1" t="s">
        <v>129763</v>
      </c>
      <c r="I37555" s="1" t="s">
        <v>126615</v>
      </c>
      <c r="J37555" s="1" t="s">
        <v>129843</v>
      </c>
    </row>
    <row r="37556" spans="1:10" x14ac:dyDescent="0.35">
      <c r="A37556" s="1" t="s">
        <v>9356</v>
      </c>
      <c r="B37556" s="1" t="s">
        <v>126612</v>
      </c>
      <c r="C37556" s="1" t="s">
        <v>8</v>
      </c>
      <c r="D37556" s="1" t="s">
        <v>95154</v>
      </c>
      <c r="E37556" s="1" t="s">
        <v>129844</v>
      </c>
      <c r="F37556" s="1" t="s">
        <v>129845</v>
      </c>
      <c r="G37556" s="1" t="s">
        <v>129846</v>
      </c>
      <c r="H37556" s="1" t="s">
        <v>129847</v>
      </c>
      <c r="I37556" s="1" t="s">
        <v>126615</v>
      </c>
      <c r="J37556" s="1" t="s">
        <v>13</v>
      </c>
    </row>
    <row r="37557" spans="1:10" x14ac:dyDescent="0.35">
      <c r="A37557" s="1" t="s">
        <v>9356</v>
      </c>
      <c r="B37557" s="1" t="s">
        <v>126612</v>
      </c>
      <c r="C37557" s="1" t="s">
        <v>15</v>
      </c>
      <c r="D37557" s="1" t="s">
        <v>82616</v>
      </c>
      <c r="E37557" s="1" t="s">
        <v>129848</v>
      </c>
      <c r="F37557" s="1" t="s">
        <v>129849</v>
      </c>
      <c r="G37557" s="1" t="s">
        <v>129846</v>
      </c>
      <c r="H37557" s="1" t="s">
        <v>129847</v>
      </c>
      <c r="I37557" s="1" t="s">
        <v>126615</v>
      </c>
      <c r="J37557" s="1" t="s">
        <v>129850</v>
      </c>
    </row>
    <row r="37558" spans="1:10" x14ac:dyDescent="0.35">
      <c r="A37558" s="1" t="s">
        <v>9356</v>
      </c>
      <c r="B37558" s="1" t="s">
        <v>126612</v>
      </c>
      <c r="C37558" s="1" t="s">
        <v>20</v>
      </c>
      <c r="D37558" s="1" t="s">
        <v>65909</v>
      </c>
      <c r="E37558" s="1" t="s">
        <v>129851</v>
      </c>
      <c r="F37558" s="1" t="s">
        <v>129852</v>
      </c>
      <c r="G37558" s="1" t="s">
        <v>129846</v>
      </c>
      <c r="H37558" s="1" t="s">
        <v>129847</v>
      </c>
      <c r="I37558" s="1" t="s">
        <v>126615</v>
      </c>
      <c r="J37558" s="1" t="s">
        <v>129853</v>
      </c>
    </row>
    <row r="37559" spans="1:10" x14ac:dyDescent="0.35">
      <c r="A37559" s="1" t="s">
        <v>9356</v>
      </c>
      <c r="B37559" s="1" t="s">
        <v>126612</v>
      </c>
      <c r="C37559" s="1" t="s">
        <v>25</v>
      </c>
      <c r="D37559" s="1" t="s">
        <v>116722</v>
      </c>
      <c r="E37559" s="1" t="s">
        <v>129854</v>
      </c>
      <c r="F37559" s="1" t="s">
        <v>129855</v>
      </c>
      <c r="G37559" s="1" t="s">
        <v>129846</v>
      </c>
      <c r="H37559" s="1" t="s">
        <v>129847</v>
      </c>
      <c r="I37559" s="1" t="s">
        <v>126615</v>
      </c>
      <c r="J37559" s="1" t="s">
        <v>129856</v>
      </c>
    </row>
    <row r="37560" spans="1:10" x14ac:dyDescent="0.35">
      <c r="A37560" s="1" t="s">
        <v>9356</v>
      </c>
      <c r="B37560" s="1" t="s">
        <v>126612</v>
      </c>
      <c r="C37560" s="1" t="s">
        <v>30</v>
      </c>
      <c r="D37560" s="1" t="s">
        <v>129857</v>
      </c>
      <c r="E37560" s="1" t="s">
        <v>129858</v>
      </c>
      <c r="F37560" s="1" t="s">
        <v>129859</v>
      </c>
      <c r="G37560" s="1" t="s">
        <v>129846</v>
      </c>
      <c r="H37560" s="1" t="s">
        <v>129847</v>
      </c>
      <c r="I37560" s="1" t="s">
        <v>126615</v>
      </c>
      <c r="J37560" s="1" t="s">
        <v>129860</v>
      </c>
    </row>
    <row r="37561" spans="1:10" x14ac:dyDescent="0.35">
      <c r="A37561" s="1" t="s">
        <v>9356</v>
      </c>
      <c r="B37561" s="1" t="s">
        <v>126612</v>
      </c>
      <c r="C37561" s="1" t="s">
        <v>35</v>
      </c>
      <c r="D37561" s="1" t="s">
        <v>95779</v>
      </c>
      <c r="E37561" s="1" t="s">
        <v>129861</v>
      </c>
      <c r="F37561" s="1" t="s">
        <v>129862</v>
      </c>
      <c r="G37561" s="1" t="s">
        <v>129846</v>
      </c>
      <c r="H37561" s="1" t="s">
        <v>129847</v>
      </c>
      <c r="I37561" s="1" t="s">
        <v>126615</v>
      </c>
      <c r="J37561" s="1" t="s">
        <v>129863</v>
      </c>
    </row>
    <row r="37562" spans="1:10" x14ac:dyDescent="0.35">
      <c r="A37562" s="1" t="s">
        <v>9356</v>
      </c>
      <c r="B37562" s="1" t="s">
        <v>126612</v>
      </c>
      <c r="C37562" s="1" t="s">
        <v>40</v>
      </c>
      <c r="D37562" s="1" t="s">
        <v>87298</v>
      </c>
      <c r="E37562" s="1" t="s">
        <v>129864</v>
      </c>
      <c r="F37562" s="1" t="s">
        <v>129865</v>
      </c>
      <c r="G37562" s="1" t="s">
        <v>129846</v>
      </c>
      <c r="H37562" s="1" t="s">
        <v>129847</v>
      </c>
      <c r="I37562" s="1" t="s">
        <v>126615</v>
      </c>
      <c r="J37562" s="1" t="s">
        <v>129866</v>
      </c>
    </row>
    <row r="37563" spans="1:10" x14ac:dyDescent="0.35">
      <c r="A37563" s="1" t="s">
        <v>9356</v>
      </c>
      <c r="B37563" s="1" t="s">
        <v>126612</v>
      </c>
      <c r="C37563" s="1" t="s">
        <v>45</v>
      </c>
      <c r="D37563" s="1" t="s">
        <v>129867</v>
      </c>
      <c r="E37563" s="1" t="s">
        <v>129868</v>
      </c>
      <c r="F37563" s="1" t="s">
        <v>129869</v>
      </c>
      <c r="G37563" s="1" t="s">
        <v>129846</v>
      </c>
      <c r="H37563" s="1" t="s">
        <v>129847</v>
      </c>
      <c r="I37563" s="1" t="s">
        <v>126615</v>
      </c>
      <c r="J37563" s="1" t="s">
        <v>129870</v>
      </c>
    </row>
    <row r="37564" spans="1:10" x14ac:dyDescent="0.35">
      <c r="A37564" s="1" t="s">
        <v>9356</v>
      </c>
      <c r="B37564" s="1" t="s">
        <v>126612</v>
      </c>
      <c r="C37564" s="1" t="s">
        <v>50</v>
      </c>
      <c r="D37564" s="1" t="s">
        <v>64763</v>
      </c>
      <c r="E37564" s="1" t="s">
        <v>129871</v>
      </c>
      <c r="F37564" s="1" t="s">
        <v>129872</v>
      </c>
      <c r="G37564" s="1" t="s">
        <v>129846</v>
      </c>
      <c r="H37564" s="1" t="s">
        <v>129847</v>
      </c>
      <c r="I37564" s="1" t="s">
        <v>126615</v>
      </c>
      <c r="J37564" s="1" t="s">
        <v>129873</v>
      </c>
    </row>
    <row r="37565" spans="1:10" x14ac:dyDescent="0.35">
      <c r="A37565" s="1" t="s">
        <v>9356</v>
      </c>
      <c r="B37565" s="1" t="s">
        <v>126612</v>
      </c>
      <c r="C37565" s="1" t="s">
        <v>55</v>
      </c>
      <c r="D37565" s="1" t="s">
        <v>129874</v>
      </c>
      <c r="E37565" s="1" t="s">
        <v>129875</v>
      </c>
      <c r="F37565" s="1" t="s">
        <v>129876</v>
      </c>
      <c r="G37565" s="1" t="s">
        <v>129846</v>
      </c>
      <c r="H37565" s="1" t="s">
        <v>129847</v>
      </c>
      <c r="I37565" s="1" t="s">
        <v>126615</v>
      </c>
      <c r="J37565" s="1" t="s">
        <v>129877</v>
      </c>
    </row>
    <row r="37566" spans="1:10" x14ac:dyDescent="0.35">
      <c r="A37566" s="1" t="s">
        <v>9356</v>
      </c>
      <c r="B37566" s="1" t="s">
        <v>126612</v>
      </c>
      <c r="C37566" s="1" t="s">
        <v>60</v>
      </c>
      <c r="D37566" s="1" t="s">
        <v>76772</v>
      </c>
      <c r="E37566" s="1" t="s">
        <v>129878</v>
      </c>
      <c r="F37566" s="1" t="s">
        <v>129879</v>
      </c>
      <c r="G37566" s="1" t="s">
        <v>129846</v>
      </c>
      <c r="H37566" s="1" t="s">
        <v>129847</v>
      </c>
      <c r="I37566" s="1" t="s">
        <v>126615</v>
      </c>
      <c r="J37566" s="1" t="s">
        <v>129880</v>
      </c>
    </row>
    <row r="37567" spans="1:10" x14ac:dyDescent="0.35">
      <c r="A37567" s="1" t="s">
        <v>9356</v>
      </c>
      <c r="B37567" s="1" t="s">
        <v>126612</v>
      </c>
      <c r="C37567" s="1" t="s">
        <v>65</v>
      </c>
      <c r="D37567" s="1" t="s">
        <v>90289</v>
      </c>
      <c r="E37567" s="1" t="s">
        <v>129881</v>
      </c>
      <c r="F37567" s="1" t="s">
        <v>129882</v>
      </c>
      <c r="G37567" s="1" t="s">
        <v>129846</v>
      </c>
      <c r="H37567" s="1" t="s">
        <v>129847</v>
      </c>
      <c r="I37567" s="1" t="s">
        <v>126615</v>
      </c>
      <c r="J37567" s="1" t="s">
        <v>129883</v>
      </c>
    </row>
    <row r="37568" spans="1:10" x14ac:dyDescent="0.35">
      <c r="A37568" s="1" t="s">
        <v>9356</v>
      </c>
      <c r="B37568" s="1" t="s">
        <v>126612</v>
      </c>
      <c r="C37568" s="1" t="s">
        <v>70</v>
      </c>
      <c r="D37568" s="1" t="s">
        <v>129884</v>
      </c>
      <c r="E37568" s="1" t="s">
        <v>129885</v>
      </c>
      <c r="F37568" s="1" t="s">
        <v>129886</v>
      </c>
      <c r="G37568" s="1" t="s">
        <v>129846</v>
      </c>
      <c r="H37568" s="1" t="s">
        <v>129847</v>
      </c>
      <c r="I37568" s="1" t="s">
        <v>126615</v>
      </c>
      <c r="J37568" s="1" t="s">
        <v>129887</v>
      </c>
    </row>
    <row r="37569" spans="1:10" x14ac:dyDescent="0.35">
      <c r="A37569" s="1" t="s">
        <v>9356</v>
      </c>
      <c r="B37569" s="1" t="s">
        <v>126612</v>
      </c>
      <c r="C37569" s="1" t="s">
        <v>75</v>
      </c>
      <c r="D37569" s="1" t="s">
        <v>129888</v>
      </c>
      <c r="E37569" s="1" t="s">
        <v>129889</v>
      </c>
      <c r="F37569" s="1" t="s">
        <v>129890</v>
      </c>
      <c r="G37569" s="1" t="s">
        <v>129846</v>
      </c>
      <c r="H37569" s="1" t="s">
        <v>129847</v>
      </c>
      <c r="I37569" s="1" t="s">
        <v>126615</v>
      </c>
      <c r="J37569" s="1" t="s">
        <v>129891</v>
      </c>
    </row>
    <row r="37570" spans="1:10" x14ac:dyDescent="0.35">
      <c r="A37570" s="1" t="s">
        <v>9356</v>
      </c>
      <c r="B37570" s="1" t="s">
        <v>126612</v>
      </c>
      <c r="C37570" s="1" t="s">
        <v>80</v>
      </c>
      <c r="D37570" s="1" t="s">
        <v>129892</v>
      </c>
      <c r="E37570" s="1" t="s">
        <v>129893</v>
      </c>
      <c r="F37570" s="1" t="s">
        <v>129894</v>
      </c>
      <c r="G37570" s="1" t="s">
        <v>129846</v>
      </c>
      <c r="H37570" s="1" t="s">
        <v>129847</v>
      </c>
      <c r="I37570" s="1" t="s">
        <v>126615</v>
      </c>
      <c r="J37570" s="1" t="s">
        <v>129895</v>
      </c>
    </row>
    <row r="37571" spans="1:10" x14ac:dyDescent="0.35">
      <c r="A37571" s="1" t="s">
        <v>9356</v>
      </c>
      <c r="B37571" s="1" t="s">
        <v>126612</v>
      </c>
      <c r="C37571" s="1" t="s">
        <v>85</v>
      </c>
      <c r="D37571" s="1" t="s">
        <v>58555</v>
      </c>
      <c r="E37571" s="1" t="s">
        <v>129896</v>
      </c>
      <c r="F37571" s="1" t="s">
        <v>129897</v>
      </c>
      <c r="G37571" s="1" t="s">
        <v>129846</v>
      </c>
      <c r="H37571" s="1" t="s">
        <v>129847</v>
      </c>
      <c r="I37571" s="1" t="s">
        <v>126615</v>
      </c>
      <c r="J37571" s="1" t="s">
        <v>129898</v>
      </c>
    </row>
    <row r="37572" spans="1:10" x14ac:dyDescent="0.35">
      <c r="A37572" s="1" t="s">
        <v>9356</v>
      </c>
      <c r="B37572" s="1" t="s">
        <v>126612</v>
      </c>
      <c r="C37572" s="1" t="s">
        <v>90</v>
      </c>
      <c r="D37572" s="1" t="s">
        <v>63012</v>
      </c>
      <c r="E37572" s="1" t="s">
        <v>129899</v>
      </c>
      <c r="F37572" s="1" t="s">
        <v>129900</v>
      </c>
      <c r="G37572" s="1" t="s">
        <v>129846</v>
      </c>
      <c r="H37572" s="1" t="s">
        <v>129847</v>
      </c>
      <c r="I37572" s="1" t="s">
        <v>126615</v>
      </c>
      <c r="J37572" s="1" t="s">
        <v>129901</v>
      </c>
    </row>
    <row r="37573" spans="1:10" x14ac:dyDescent="0.35">
      <c r="A37573" s="1" t="s">
        <v>9356</v>
      </c>
      <c r="B37573" s="1" t="s">
        <v>126612</v>
      </c>
      <c r="C37573" s="1" t="s">
        <v>95</v>
      </c>
      <c r="D37573" s="1" t="s">
        <v>129902</v>
      </c>
      <c r="E37573" s="1" t="s">
        <v>129903</v>
      </c>
      <c r="F37573" s="1" t="s">
        <v>129904</v>
      </c>
      <c r="G37573" s="1" t="s">
        <v>129846</v>
      </c>
      <c r="H37573" s="1" t="s">
        <v>129847</v>
      </c>
      <c r="I37573" s="1" t="s">
        <v>126615</v>
      </c>
      <c r="J37573" s="1" t="s">
        <v>129905</v>
      </c>
    </row>
    <row r="37574" spans="1:10" x14ac:dyDescent="0.35">
      <c r="A37574" s="1" t="s">
        <v>9356</v>
      </c>
      <c r="B37574" s="1" t="s">
        <v>126612</v>
      </c>
      <c r="C37574" s="1" t="s">
        <v>100</v>
      </c>
      <c r="D37574" s="1" t="s">
        <v>26473</v>
      </c>
      <c r="E37574" s="1" t="s">
        <v>129906</v>
      </c>
      <c r="F37574" s="1" t="s">
        <v>129907</v>
      </c>
      <c r="G37574" s="1" t="s">
        <v>129846</v>
      </c>
      <c r="H37574" s="1" t="s">
        <v>129847</v>
      </c>
      <c r="I37574" s="1" t="s">
        <v>126615</v>
      </c>
      <c r="J37574" s="1" t="s">
        <v>129908</v>
      </c>
    </row>
    <row r="37575" spans="1:10" x14ac:dyDescent="0.35">
      <c r="A37575" s="1" t="s">
        <v>9356</v>
      </c>
      <c r="B37575" s="1" t="s">
        <v>126612</v>
      </c>
      <c r="C37575" s="1" t="s">
        <v>105</v>
      </c>
      <c r="D37575" s="1" t="s">
        <v>56882</v>
      </c>
      <c r="E37575" s="1" t="s">
        <v>129909</v>
      </c>
      <c r="F37575" s="1" t="s">
        <v>129910</v>
      </c>
      <c r="G37575" s="1" t="s">
        <v>129846</v>
      </c>
      <c r="H37575" s="1" t="s">
        <v>129847</v>
      </c>
      <c r="I37575" s="1" t="s">
        <v>126615</v>
      </c>
      <c r="J37575" s="1" t="s">
        <v>129911</v>
      </c>
    </row>
    <row r="37576" spans="1:10" x14ac:dyDescent="0.35">
      <c r="A37576" s="1" t="s">
        <v>9356</v>
      </c>
      <c r="B37576" s="1" t="s">
        <v>126612</v>
      </c>
      <c r="C37576" s="1" t="s">
        <v>110</v>
      </c>
      <c r="D37576" s="1" t="s">
        <v>20622</v>
      </c>
      <c r="E37576" s="1" t="s">
        <v>129912</v>
      </c>
      <c r="F37576" s="1" t="s">
        <v>129913</v>
      </c>
      <c r="G37576" s="1" t="s">
        <v>129846</v>
      </c>
      <c r="H37576" s="1" t="s">
        <v>129847</v>
      </c>
      <c r="I37576" s="1" t="s">
        <v>126615</v>
      </c>
      <c r="J37576" s="1" t="s">
        <v>129914</v>
      </c>
    </row>
    <row r="37577" spans="1:10" x14ac:dyDescent="0.35">
      <c r="A37577" s="1" t="s">
        <v>9356</v>
      </c>
      <c r="B37577" s="1" t="s">
        <v>126612</v>
      </c>
      <c r="C37577" s="1" t="s">
        <v>115</v>
      </c>
      <c r="D37577" s="1" t="s">
        <v>83979</v>
      </c>
      <c r="E37577" s="1" t="s">
        <v>129915</v>
      </c>
      <c r="F37577" s="1" t="s">
        <v>129916</v>
      </c>
      <c r="G37577" s="1" t="s">
        <v>129846</v>
      </c>
      <c r="H37577" s="1" t="s">
        <v>129847</v>
      </c>
      <c r="I37577" s="1" t="s">
        <v>126615</v>
      </c>
      <c r="J37577" s="1" t="s">
        <v>129917</v>
      </c>
    </row>
    <row r="37578" spans="1:10" x14ac:dyDescent="0.35">
      <c r="A37578" s="1" t="s">
        <v>9356</v>
      </c>
      <c r="B37578" s="1" t="s">
        <v>126612</v>
      </c>
      <c r="C37578" s="1" t="s">
        <v>120</v>
      </c>
      <c r="D37578" s="1" t="s">
        <v>129918</v>
      </c>
      <c r="E37578" s="1" t="s">
        <v>129919</v>
      </c>
      <c r="F37578" s="1" t="s">
        <v>129920</v>
      </c>
      <c r="G37578" s="1" t="s">
        <v>129846</v>
      </c>
      <c r="H37578" s="1" t="s">
        <v>129847</v>
      </c>
      <c r="I37578" s="1" t="s">
        <v>126615</v>
      </c>
      <c r="J37578" s="1" t="s">
        <v>129921</v>
      </c>
    </row>
    <row r="37579" spans="1:10" x14ac:dyDescent="0.35">
      <c r="A37579" s="1" t="s">
        <v>9356</v>
      </c>
      <c r="B37579" s="1" t="s">
        <v>126612</v>
      </c>
      <c r="C37579" s="1" t="s">
        <v>125</v>
      </c>
      <c r="D37579" s="1" t="s">
        <v>77124</v>
      </c>
      <c r="E37579" s="1" t="s">
        <v>129922</v>
      </c>
      <c r="F37579" s="1" t="s">
        <v>129923</v>
      </c>
      <c r="G37579" s="1" t="s">
        <v>129846</v>
      </c>
      <c r="H37579" s="1" t="s">
        <v>129847</v>
      </c>
      <c r="I37579" s="1" t="s">
        <v>126615</v>
      </c>
      <c r="J37579" s="1" t="s">
        <v>129924</v>
      </c>
    </row>
    <row r="37580" spans="1:10" x14ac:dyDescent="0.35">
      <c r="A37580" s="1" t="s">
        <v>9356</v>
      </c>
      <c r="B37580" s="1" t="s">
        <v>126612</v>
      </c>
      <c r="C37580" s="1" t="s">
        <v>130</v>
      </c>
      <c r="D37580" s="1" t="s">
        <v>129925</v>
      </c>
      <c r="E37580" s="1" t="s">
        <v>129926</v>
      </c>
      <c r="F37580" s="1" t="s">
        <v>129927</v>
      </c>
      <c r="G37580" s="1" t="s">
        <v>129846</v>
      </c>
      <c r="H37580" s="1" t="s">
        <v>129847</v>
      </c>
      <c r="I37580" s="1" t="s">
        <v>126615</v>
      </c>
      <c r="J37580" s="1" t="s">
        <v>129928</v>
      </c>
    </row>
    <row r="37581" spans="1:10" x14ac:dyDescent="0.35">
      <c r="A37581" s="1" t="s">
        <v>9356</v>
      </c>
      <c r="B37581" s="1" t="s">
        <v>126612</v>
      </c>
      <c r="C37581" s="1" t="s">
        <v>135</v>
      </c>
      <c r="D37581" s="1" t="s">
        <v>90903</v>
      </c>
      <c r="E37581" s="1" t="s">
        <v>129929</v>
      </c>
      <c r="F37581" s="1" t="s">
        <v>129930</v>
      </c>
      <c r="G37581" s="1" t="s">
        <v>129846</v>
      </c>
      <c r="H37581" s="1" t="s">
        <v>129847</v>
      </c>
      <c r="I37581" s="1" t="s">
        <v>126615</v>
      </c>
      <c r="J37581" s="1" t="s">
        <v>129931</v>
      </c>
    </row>
    <row r="37582" spans="1:10" x14ac:dyDescent="0.35">
      <c r="A37582" s="1" t="s">
        <v>9356</v>
      </c>
      <c r="B37582" s="1" t="s">
        <v>126612</v>
      </c>
      <c r="C37582" s="1" t="s">
        <v>140</v>
      </c>
      <c r="D37582" s="1" t="s">
        <v>129932</v>
      </c>
      <c r="E37582" s="1" t="s">
        <v>129933</v>
      </c>
      <c r="F37582" s="1" t="s">
        <v>129934</v>
      </c>
      <c r="G37582" s="1" t="s">
        <v>129846</v>
      </c>
      <c r="H37582" s="1" t="s">
        <v>129847</v>
      </c>
      <c r="I37582" s="1" t="s">
        <v>126615</v>
      </c>
      <c r="J37582" s="1" t="s">
        <v>129935</v>
      </c>
    </row>
    <row r="37583" spans="1:10" x14ac:dyDescent="0.35">
      <c r="A37583" s="1" t="s">
        <v>9356</v>
      </c>
      <c r="B37583" s="1" t="s">
        <v>126612</v>
      </c>
      <c r="C37583" s="1" t="s">
        <v>145</v>
      </c>
      <c r="D37583" s="1" t="s">
        <v>129936</v>
      </c>
      <c r="E37583" s="1" t="s">
        <v>129937</v>
      </c>
      <c r="F37583" s="1" t="s">
        <v>129938</v>
      </c>
      <c r="G37583" s="1" t="s">
        <v>129846</v>
      </c>
      <c r="H37583" s="1" t="s">
        <v>129847</v>
      </c>
      <c r="I37583" s="1" t="s">
        <v>126615</v>
      </c>
      <c r="J37583" s="1" t="s">
        <v>129939</v>
      </c>
    </row>
    <row r="37584" spans="1:10" x14ac:dyDescent="0.35">
      <c r="A37584" s="1" t="s">
        <v>9356</v>
      </c>
      <c r="B37584" s="1" t="s">
        <v>126612</v>
      </c>
      <c r="C37584" s="1" t="s">
        <v>150</v>
      </c>
      <c r="D37584" s="1" t="s">
        <v>26846</v>
      </c>
      <c r="E37584" s="1" t="s">
        <v>129940</v>
      </c>
      <c r="F37584" s="1" t="s">
        <v>129941</v>
      </c>
      <c r="G37584" s="1" t="s">
        <v>129846</v>
      </c>
      <c r="H37584" s="1" t="s">
        <v>129847</v>
      </c>
      <c r="I37584" s="1" t="s">
        <v>126615</v>
      </c>
      <c r="J37584" s="1" t="s">
        <v>129942</v>
      </c>
    </row>
    <row r="37585" spans="1:10" x14ac:dyDescent="0.35">
      <c r="A37585" s="1" t="s">
        <v>9356</v>
      </c>
      <c r="B37585" s="1" t="s">
        <v>126612</v>
      </c>
      <c r="C37585" s="1" t="s">
        <v>155</v>
      </c>
      <c r="D37585" s="1" t="s">
        <v>60236</v>
      </c>
      <c r="E37585" s="1" t="s">
        <v>129943</v>
      </c>
      <c r="F37585" s="1" t="s">
        <v>129944</v>
      </c>
      <c r="G37585" s="1" t="s">
        <v>129846</v>
      </c>
      <c r="H37585" s="1" t="s">
        <v>129847</v>
      </c>
      <c r="I37585" s="1" t="s">
        <v>126615</v>
      </c>
      <c r="J37585" s="1" t="s">
        <v>129945</v>
      </c>
    </row>
    <row r="37586" spans="1:10" x14ac:dyDescent="0.35">
      <c r="A37586" s="1" t="s">
        <v>9356</v>
      </c>
      <c r="B37586" s="1" t="s">
        <v>126612</v>
      </c>
      <c r="C37586" s="1" t="s">
        <v>160</v>
      </c>
      <c r="D37586" s="1" t="s">
        <v>129946</v>
      </c>
      <c r="E37586" s="1" t="s">
        <v>129947</v>
      </c>
      <c r="F37586" s="1" t="s">
        <v>129948</v>
      </c>
      <c r="G37586" s="1" t="s">
        <v>129846</v>
      </c>
      <c r="H37586" s="1" t="s">
        <v>129847</v>
      </c>
      <c r="I37586" s="1" t="s">
        <v>126615</v>
      </c>
      <c r="J37586" s="1" t="s">
        <v>129949</v>
      </c>
    </row>
    <row r="37587" spans="1:10" x14ac:dyDescent="0.35">
      <c r="A37587" s="1" t="s">
        <v>9356</v>
      </c>
      <c r="B37587" s="1" t="s">
        <v>126612</v>
      </c>
      <c r="C37587" s="1" t="s">
        <v>165</v>
      </c>
      <c r="D37587" s="1" t="s">
        <v>129504</v>
      </c>
      <c r="E37587" s="1" t="s">
        <v>129950</v>
      </c>
      <c r="F37587" s="1" t="s">
        <v>129951</v>
      </c>
      <c r="G37587" s="1" t="s">
        <v>129846</v>
      </c>
      <c r="H37587" s="1" t="s">
        <v>129847</v>
      </c>
      <c r="I37587" s="1" t="s">
        <v>126615</v>
      </c>
      <c r="J37587" s="1" t="s">
        <v>129952</v>
      </c>
    </row>
    <row r="37588" spans="1:10" x14ac:dyDescent="0.35">
      <c r="A37588" s="1" t="s">
        <v>9356</v>
      </c>
      <c r="B37588" s="1" t="s">
        <v>126612</v>
      </c>
      <c r="C37588" s="1" t="s">
        <v>170</v>
      </c>
      <c r="D37588" s="1" t="s">
        <v>68238</v>
      </c>
      <c r="E37588" s="1" t="s">
        <v>129953</v>
      </c>
      <c r="F37588" s="1" t="s">
        <v>129954</v>
      </c>
      <c r="G37588" s="1" t="s">
        <v>129846</v>
      </c>
      <c r="H37588" s="1" t="s">
        <v>129847</v>
      </c>
      <c r="I37588" s="1" t="s">
        <v>126615</v>
      </c>
      <c r="J37588" s="1" t="s">
        <v>129955</v>
      </c>
    </row>
    <row r="37589" spans="1:10" x14ac:dyDescent="0.35">
      <c r="A37589" s="1" t="s">
        <v>24957</v>
      </c>
      <c r="B37589" s="1" t="s">
        <v>126612</v>
      </c>
      <c r="C37589" s="1" t="s">
        <v>8</v>
      </c>
      <c r="D37589" s="1" t="s">
        <v>129956</v>
      </c>
      <c r="E37589" s="1" t="s">
        <v>129957</v>
      </c>
      <c r="F37589" s="1" t="s">
        <v>129958</v>
      </c>
      <c r="G37589" s="1" t="s">
        <v>129959</v>
      </c>
      <c r="H37589" s="1" t="s">
        <v>129960</v>
      </c>
      <c r="I37589" s="1" t="s">
        <v>126615</v>
      </c>
      <c r="J37589" s="1" t="s">
        <v>13</v>
      </c>
    </row>
    <row r="37590" spans="1:10" x14ac:dyDescent="0.35">
      <c r="A37590" s="1" t="s">
        <v>24957</v>
      </c>
      <c r="B37590" s="1" t="s">
        <v>126612</v>
      </c>
      <c r="C37590" s="1" t="s">
        <v>15</v>
      </c>
      <c r="D37590" s="1" t="s">
        <v>102894</v>
      </c>
      <c r="E37590" s="1" t="s">
        <v>49796</v>
      </c>
      <c r="F37590" s="1" t="s">
        <v>129961</v>
      </c>
      <c r="G37590" s="1" t="s">
        <v>129959</v>
      </c>
      <c r="H37590" s="1" t="s">
        <v>129960</v>
      </c>
      <c r="I37590" s="1" t="s">
        <v>126615</v>
      </c>
      <c r="J37590" s="1" t="s">
        <v>129962</v>
      </c>
    </row>
    <row r="37591" spans="1:10" x14ac:dyDescent="0.35">
      <c r="A37591" s="1" t="s">
        <v>24957</v>
      </c>
      <c r="B37591" s="1" t="s">
        <v>126612</v>
      </c>
      <c r="C37591" s="1" t="s">
        <v>20</v>
      </c>
      <c r="D37591" s="1" t="s">
        <v>129963</v>
      </c>
      <c r="E37591" s="1" t="s">
        <v>127107</v>
      </c>
      <c r="F37591" s="1" t="s">
        <v>129964</v>
      </c>
      <c r="G37591" s="1" t="s">
        <v>129959</v>
      </c>
      <c r="H37591" s="1" t="s">
        <v>129960</v>
      </c>
      <c r="I37591" s="1" t="s">
        <v>126615</v>
      </c>
      <c r="J37591" s="1" t="s">
        <v>129965</v>
      </c>
    </row>
    <row r="37592" spans="1:10" x14ac:dyDescent="0.35">
      <c r="A37592" s="1" t="s">
        <v>24957</v>
      </c>
      <c r="B37592" s="1" t="s">
        <v>126612</v>
      </c>
      <c r="C37592" s="1" t="s">
        <v>25</v>
      </c>
      <c r="D37592" s="1" t="s">
        <v>129966</v>
      </c>
      <c r="E37592" s="1" t="s">
        <v>109462</v>
      </c>
      <c r="F37592" s="1" t="s">
        <v>66649</v>
      </c>
      <c r="G37592" s="1" t="s">
        <v>129959</v>
      </c>
      <c r="H37592" s="1" t="s">
        <v>129960</v>
      </c>
      <c r="I37592" s="1" t="s">
        <v>126615</v>
      </c>
      <c r="J37592" s="1" t="s">
        <v>129967</v>
      </c>
    </row>
    <row r="37593" spans="1:10" x14ac:dyDescent="0.35">
      <c r="A37593" s="1" t="s">
        <v>24957</v>
      </c>
      <c r="B37593" s="1" t="s">
        <v>126612</v>
      </c>
      <c r="C37593" s="1" t="s">
        <v>30</v>
      </c>
      <c r="D37593" s="1" t="s">
        <v>129968</v>
      </c>
      <c r="E37593" s="1" t="s">
        <v>111186</v>
      </c>
      <c r="F37593" s="1" t="s">
        <v>129969</v>
      </c>
      <c r="G37593" s="1" t="s">
        <v>129959</v>
      </c>
      <c r="H37593" s="1" t="s">
        <v>129960</v>
      </c>
      <c r="I37593" s="1" t="s">
        <v>126615</v>
      </c>
      <c r="J37593" s="1" t="s">
        <v>129970</v>
      </c>
    </row>
    <row r="37594" spans="1:10" x14ac:dyDescent="0.35">
      <c r="A37594" s="1" t="s">
        <v>24957</v>
      </c>
      <c r="B37594" s="1" t="s">
        <v>126612</v>
      </c>
      <c r="C37594" s="1" t="s">
        <v>35</v>
      </c>
      <c r="D37594" s="1" t="s">
        <v>7624</v>
      </c>
      <c r="E37594" s="1" t="s">
        <v>129971</v>
      </c>
      <c r="F37594" s="1" t="s">
        <v>129972</v>
      </c>
      <c r="G37594" s="1" t="s">
        <v>129959</v>
      </c>
      <c r="H37594" s="1" t="s">
        <v>129960</v>
      </c>
      <c r="I37594" s="1" t="s">
        <v>126615</v>
      </c>
      <c r="J37594" s="1" t="s">
        <v>129973</v>
      </c>
    </row>
    <row r="37595" spans="1:10" x14ac:dyDescent="0.35">
      <c r="A37595" s="1" t="s">
        <v>24957</v>
      </c>
      <c r="B37595" s="1" t="s">
        <v>126612</v>
      </c>
      <c r="C37595" s="1" t="s">
        <v>40</v>
      </c>
      <c r="D37595" s="1" t="s">
        <v>17268</v>
      </c>
      <c r="E37595" s="1" t="s">
        <v>107601</v>
      </c>
      <c r="F37595" s="1" t="s">
        <v>129974</v>
      </c>
      <c r="G37595" s="1" t="s">
        <v>129959</v>
      </c>
      <c r="H37595" s="1" t="s">
        <v>129960</v>
      </c>
      <c r="I37595" s="1" t="s">
        <v>126615</v>
      </c>
      <c r="J37595" s="1" t="s">
        <v>129975</v>
      </c>
    </row>
    <row r="37596" spans="1:10" x14ac:dyDescent="0.35">
      <c r="A37596" s="1" t="s">
        <v>24957</v>
      </c>
      <c r="B37596" s="1" t="s">
        <v>126612</v>
      </c>
      <c r="C37596" s="1" t="s">
        <v>45</v>
      </c>
      <c r="D37596" s="1" t="s">
        <v>129976</v>
      </c>
      <c r="E37596" s="1" t="s">
        <v>107579</v>
      </c>
      <c r="F37596" s="1" t="s">
        <v>129977</v>
      </c>
      <c r="G37596" s="1" t="s">
        <v>129959</v>
      </c>
      <c r="H37596" s="1" t="s">
        <v>129960</v>
      </c>
      <c r="I37596" s="1" t="s">
        <v>126615</v>
      </c>
      <c r="J37596" s="1" t="s">
        <v>129978</v>
      </c>
    </row>
    <row r="37597" spans="1:10" x14ac:dyDescent="0.35">
      <c r="A37597" s="1" t="s">
        <v>24957</v>
      </c>
      <c r="B37597" s="1" t="s">
        <v>126612</v>
      </c>
      <c r="C37597" s="1" t="s">
        <v>50</v>
      </c>
      <c r="D37597" s="1" t="s">
        <v>129979</v>
      </c>
      <c r="E37597" s="1" t="s">
        <v>129980</v>
      </c>
      <c r="F37597" s="1" t="s">
        <v>129981</v>
      </c>
      <c r="G37597" s="1" t="s">
        <v>129959</v>
      </c>
      <c r="H37597" s="1" t="s">
        <v>129960</v>
      </c>
      <c r="I37597" s="1" t="s">
        <v>126615</v>
      </c>
      <c r="J37597" s="1" t="s">
        <v>129982</v>
      </c>
    </row>
    <row r="37598" spans="1:10" x14ac:dyDescent="0.35">
      <c r="A37598" s="1" t="s">
        <v>24957</v>
      </c>
      <c r="B37598" s="1" t="s">
        <v>126612</v>
      </c>
      <c r="C37598" s="1" t="s">
        <v>55</v>
      </c>
      <c r="D37598" s="1" t="s">
        <v>108914</v>
      </c>
      <c r="E37598" s="1" t="s">
        <v>127845</v>
      </c>
      <c r="F37598" s="1" t="s">
        <v>129983</v>
      </c>
      <c r="G37598" s="1" t="s">
        <v>129959</v>
      </c>
      <c r="H37598" s="1" t="s">
        <v>129960</v>
      </c>
      <c r="I37598" s="1" t="s">
        <v>126615</v>
      </c>
      <c r="J37598" s="1" t="s">
        <v>129984</v>
      </c>
    </row>
    <row r="37599" spans="1:10" x14ac:dyDescent="0.35">
      <c r="A37599" s="1" t="s">
        <v>24957</v>
      </c>
      <c r="B37599" s="1" t="s">
        <v>126612</v>
      </c>
      <c r="C37599" s="1" t="s">
        <v>60</v>
      </c>
      <c r="D37599" s="1" t="s">
        <v>58991</v>
      </c>
      <c r="E37599" s="1" t="s">
        <v>129985</v>
      </c>
      <c r="F37599" s="1" t="s">
        <v>114446</v>
      </c>
      <c r="G37599" s="1" t="s">
        <v>129959</v>
      </c>
      <c r="H37599" s="1" t="s">
        <v>129960</v>
      </c>
      <c r="I37599" s="1" t="s">
        <v>126615</v>
      </c>
      <c r="J37599" s="1" t="s">
        <v>129986</v>
      </c>
    </row>
    <row r="37600" spans="1:10" x14ac:dyDescent="0.35">
      <c r="A37600" s="1" t="s">
        <v>24957</v>
      </c>
      <c r="B37600" s="1" t="s">
        <v>126612</v>
      </c>
      <c r="C37600" s="1" t="s">
        <v>65</v>
      </c>
      <c r="D37600" s="1" t="s">
        <v>129987</v>
      </c>
      <c r="E37600" s="1" t="s">
        <v>81210</v>
      </c>
      <c r="F37600" s="1" t="s">
        <v>129988</v>
      </c>
      <c r="G37600" s="1" t="s">
        <v>129959</v>
      </c>
      <c r="H37600" s="1" t="s">
        <v>129960</v>
      </c>
      <c r="I37600" s="1" t="s">
        <v>126615</v>
      </c>
      <c r="J37600" s="1" t="s">
        <v>129989</v>
      </c>
    </row>
    <row r="37601" spans="1:10" x14ac:dyDescent="0.35">
      <c r="A37601" s="1" t="s">
        <v>24957</v>
      </c>
      <c r="B37601" s="1" t="s">
        <v>126612</v>
      </c>
      <c r="C37601" s="1" t="s">
        <v>70</v>
      </c>
      <c r="D37601" s="1" t="s">
        <v>129990</v>
      </c>
      <c r="E37601" s="1" t="s">
        <v>106561</v>
      </c>
      <c r="F37601" s="1" t="s">
        <v>129991</v>
      </c>
      <c r="G37601" s="1" t="s">
        <v>129959</v>
      </c>
      <c r="H37601" s="1" t="s">
        <v>129960</v>
      </c>
      <c r="I37601" s="1" t="s">
        <v>126615</v>
      </c>
      <c r="J37601" s="1" t="s">
        <v>129992</v>
      </c>
    </row>
    <row r="37602" spans="1:10" x14ac:dyDescent="0.35">
      <c r="A37602" s="1" t="s">
        <v>24957</v>
      </c>
      <c r="B37602" s="1" t="s">
        <v>126612</v>
      </c>
      <c r="C37602" s="1" t="s">
        <v>75</v>
      </c>
      <c r="D37602" s="1" t="s">
        <v>5855</v>
      </c>
      <c r="E37602" s="1" t="s">
        <v>78811</v>
      </c>
      <c r="F37602" s="1" t="s">
        <v>57666</v>
      </c>
      <c r="G37602" s="1" t="s">
        <v>129959</v>
      </c>
      <c r="H37602" s="1" t="s">
        <v>129960</v>
      </c>
      <c r="I37602" s="1" t="s">
        <v>126615</v>
      </c>
      <c r="J37602" s="1" t="s">
        <v>129993</v>
      </c>
    </row>
    <row r="37603" spans="1:10" x14ac:dyDescent="0.35">
      <c r="A37603" s="1" t="s">
        <v>24957</v>
      </c>
      <c r="B37603" s="1" t="s">
        <v>126612</v>
      </c>
      <c r="C37603" s="1" t="s">
        <v>80</v>
      </c>
      <c r="D37603" s="1" t="s">
        <v>129994</v>
      </c>
      <c r="E37603" s="1" t="s">
        <v>105435</v>
      </c>
      <c r="F37603" s="1" t="s">
        <v>129995</v>
      </c>
      <c r="G37603" s="1" t="s">
        <v>129959</v>
      </c>
      <c r="H37603" s="1" t="s">
        <v>129960</v>
      </c>
      <c r="I37603" s="1" t="s">
        <v>126615</v>
      </c>
      <c r="J37603" s="1" t="s">
        <v>129996</v>
      </c>
    </row>
    <row r="37604" spans="1:10" x14ac:dyDescent="0.35">
      <c r="A37604" s="1" t="s">
        <v>24957</v>
      </c>
      <c r="B37604" s="1" t="s">
        <v>126612</v>
      </c>
      <c r="C37604" s="1" t="s">
        <v>85</v>
      </c>
      <c r="D37604" s="1" t="s">
        <v>61286</v>
      </c>
      <c r="E37604" s="1" t="s">
        <v>126617</v>
      </c>
      <c r="F37604" s="1" t="s">
        <v>129997</v>
      </c>
      <c r="G37604" s="1" t="s">
        <v>129959</v>
      </c>
      <c r="H37604" s="1" t="s">
        <v>129960</v>
      </c>
      <c r="I37604" s="1" t="s">
        <v>126615</v>
      </c>
      <c r="J37604" s="1" t="s">
        <v>129998</v>
      </c>
    </row>
    <row r="37605" spans="1:10" x14ac:dyDescent="0.35">
      <c r="A37605" s="1" t="s">
        <v>24957</v>
      </c>
      <c r="B37605" s="1" t="s">
        <v>126612</v>
      </c>
      <c r="C37605" s="1" t="s">
        <v>90</v>
      </c>
      <c r="D37605" s="1" t="s">
        <v>109290</v>
      </c>
      <c r="E37605" s="1" t="s">
        <v>129999</v>
      </c>
      <c r="F37605" s="1" t="s">
        <v>130000</v>
      </c>
      <c r="G37605" s="1" t="s">
        <v>129959</v>
      </c>
      <c r="H37605" s="1" t="s">
        <v>129960</v>
      </c>
      <c r="I37605" s="1" t="s">
        <v>126615</v>
      </c>
      <c r="J37605" s="1" t="s">
        <v>130001</v>
      </c>
    </row>
    <row r="37606" spans="1:10" x14ac:dyDescent="0.35">
      <c r="A37606" s="1" t="s">
        <v>24957</v>
      </c>
      <c r="B37606" s="1" t="s">
        <v>126612</v>
      </c>
      <c r="C37606" s="1" t="s">
        <v>95</v>
      </c>
      <c r="D37606" s="1" t="s">
        <v>130002</v>
      </c>
      <c r="E37606" s="1" t="s">
        <v>126658</v>
      </c>
      <c r="F37606" s="1" t="s">
        <v>60601</v>
      </c>
      <c r="G37606" s="1" t="s">
        <v>129959</v>
      </c>
      <c r="H37606" s="1" t="s">
        <v>129960</v>
      </c>
      <c r="I37606" s="1" t="s">
        <v>126615</v>
      </c>
      <c r="J37606" s="1" t="s">
        <v>130003</v>
      </c>
    </row>
    <row r="37607" spans="1:10" x14ac:dyDescent="0.35">
      <c r="A37607" s="1" t="s">
        <v>24957</v>
      </c>
      <c r="B37607" s="1" t="s">
        <v>126612</v>
      </c>
      <c r="C37607" s="1" t="s">
        <v>100</v>
      </c>
      <c r="D37607" s="1" t="s">
        <v>95732</v>
      </c>
      <c r="E37607" s="1" t="s">
        <v>130004</v>
      </c>
      <c r="F37607" s="1" t="s">
        <v>130005</v>
      </c>
      <c r="G37607" s="1" t="s">
        <v>129959</v>
      </c>
      <c r="H37607" s="1" t="s">
        <v>129960</v>
      </c>
      <c r="I37607" s="1" t="s">
        <v>126615</v>
      </c>
      <c r="J37607" s="1" t="s">
        <v>130006</v>
      </c>
    </row>
    <row r="37608" spans="1:10" x14ac:dyDescent="0.35">
      <c r="A37608" s="1" t="s">
        <v>24957</v>
      </c>
      <c r="B37608" s="1" t="s">
        <v>126612</v>
      </c>
      <c r="C37608" s="1" t="s">
        <v>105</v>
      </c>
      <c r="D37608" s="1" t="s">
        <v>99930</v>
      </c>
      <c r="E37608" s="1" t="s">
        <v>126658</v>
      </c>
      <c r="F37608" s="1" t="s">
        <v>69385</v>
      </c>
      <c r="G37608" s="1" t="s">
        <v>129959</v>
      </c>
      <c r="H37608" s="1" t="s">
        <v>129960</v>
      </c>
      <c r="I37608" s="1" t="s">
        <v>126615</v>
      </c>
      <c r="J37608" s="1" t="s">
        <v>130007</v>
      </c>
    </row>
    <row r="37609" spans="1:10" x14ac:dyDescent="0.35">
      <c r="A37609" s="1" t="s">
        <v>24957</v>
      </c>
      <c r="B37609" s="1" t="s">
        <v>126612</v>
      </c>
      <c r="C37609" s="1" t="s">
        <v>110</v>
      </c>
      <c r="D37609" s="1" t="s">
        <v>24296</v>
      </c>
      <c r="E37609" s="1" t="s">
        <v>130008</v>
      </c>
      <c r="F37609" s="1" t="s">
        <v>130009</v>
      </c>
      <c r="G37609" s="1" t="s">
        <v>129959</v>
      </c>
      <c r="H37609" s="1" t="s">
        <v>129960</v>
      </c>
      <c r="I37609" s="1" t="s">
        <v>126615</v>
      </c>
      <c r="J37609" s="1" t="s">
        <v>130010</v>
      </c>
    </row>
    <row r="37610" spans="1:10" x14ac:dyDescent="0.35">
      <c r="A37610" s="1" t="s">
        <v>24957</v>
      </c>
      <c r="B37610" s="1" t="s">
        <v>126612</v>
      </c>
      <c r="C37610" s="1" t="s">
        <v>115</v>
      </c>
      <c r="D37610" s="1" t="s">
        <v>32507</v>
      </c>
      <c r="E37610" s="1" t="s">
        <v>130011</v>
      </c>
      <c r="F37610" s="1" t="s">
        <v>130012</v>
      </c>
      <c r="G37610" s="1" t="s">
        <v>129959</v>
      </c>
      <c r="H37610" s="1" t="s">
        <v>129960</v>
      </c>
      <c r="I37610" s="1" t="s">
        <v>126615</v>
      </c>
      <c r="J37610" s="1" t="s">
        <v>130013</v>
      </c>
    </row>
    <row r="37611" spans="1:10" x14ac:dyDescent="0.35">
      <c r="A37611" s="1" t="s">
        <v>24957</v>
      </c>
      <c r="B37611" s="1" t="s">
        <v>126612</v>
      </c>
      <c r="C37611" s="1" t="s">
        <v>120</v>
      </c>
      <c r="D37611" s="1" t="s">
        <v>130014</v>
      </c>
      <c r="E37611" s="1" t="s">
        <v>130015</v>
      </c>
      <c r="F37611" s="1" t="s">
        <v>130016</v>
      </c>
      <c r="G37611" s="1" t="s">
        <v>129959</v>
      </c>
      <c r="H37611" s="1" t="s">
        <v>129960</v>
      </c>
      <c r="I37611" s="1" t="s">
        <v>126615</v>
      </c>
      <c r="J37611" s="1" t="s">
        <v>130017</v>
      </c>
    </row>
    <row r="37612" spans="1:10" x14ac:dyDescent="0.35">
      <c r="A37612" s="1" t="s">
        <v>24957</v>
      </c>
      <c r="B37612" s="1" t="s">
        <v>126612</v>
      </c>
      <c r="C37612" s="1" t="s">
        <v>125</v>
      </c>
      <c r="D37612" s="1" t="s">
        <v>88439</v>
      </c>
      <c r="E37612" s="1" t="s">
        <v>126673</v>
      </c>
      <c r="F37612" s="1" t="s">
        <v>23259</v>
      </c>
      <c r="G37612" s="1" t="s">
        <v>129959</v>
      </c>
      <c r="H37612" s="1" t="s">
        <v>129960</v>
      </c>
      <c r="I37612" s="1" t="s">
        <v>126615</v>
      </c>
      <c r="J37612" s="1" t="s">
        <v>130018</v>
      </c>
    </row>
    <row r="37613" spans="1:10" x14ac:dyDescent="0.35">
      <c r="A37613" s="1" t="s">
        <v>24957</v>
      </c>
      <c r="B37613" s="1" t="s">
        <v>126612</v>
      </c>
      <c r="C37613" s="1" t="s">
        <v>130</v>
      </c>
      <c r="D37613" s="1" t="s">
        <v>130019</v>
      </c>
      <c r="E37613" s="1" t="s">
        <v>130020</v>
      </c>
      <c r="F37613" s="1" t="s">
        <v>101462</v>
      </c>
      <c r="G37613" s="1" t="s">
        <v>129959</v>
      </c>
      <c r="H37613" s="1" t="s">
        <v>129960</v>
      </c>
      <c r="I37613" s="1" t="s">
        <v>126615</v>
      </c>
      <c r="J37613" s="1" t="s">
        <v>130021</v>
      </c>
    </row>
    <row r="37614" spans="1:10" x14ac:dyDescent="0.35">
      <c r="A37614" s="1" t="s">
        <v>24957</v>
      </c>
      <c r="B37614" s="1" t="s">
        <v>126612</v>
      </c>
      <c r="C37614" s="1" t="s">
        <v>135</v>
      </c>
      <c r="D37614" s="1" t="s">
        <v>130022</v>
      </c>
      <c r="E37614" s="1" t="s">
        <v>130023</v>
      </c>
      <c r="F37614" s="1" t="s">
        <v>130024</v>
      </c>
      <c r="G37614" s="1" t="s">
        <v>129959</v>
      </c>
      <c r="H37614" s="1" t="s">
        <v>129960</v>
      </c>
      <c r="I37614" s="1" t="s">
        <v>126615</v>
      </c>
      <c r="J37614" s="1" t="s">
        <v>130025</v>
      </c>
    </row>
    <row r="37615" spans="1:10" x14ac:dyDescent="0.35">
      <c r="A37615" s="1" t="s">
        <v>24957</v>
      </c>
      <c r="B37615" s="1" t="s">
        <v>126612</v>
      </c>
      <c r="C37615" s="1" t="s">
        <v>140</v>
      </c>
      <c r="D37615" s="1" t="s">
        <v>130026</v>
      </c>
      <c r="E37615" s="1" t="s">
        <v>107319</v>
      </c>
      <c r="F37615" s="1" t="s">
        <v>130027</v>
      </c>
      <c r="G37615" s="1" t="s">
        <v>129959</v>
      </c>
      <c r="H37615" s="1" t="s">
        <v>129960</v>
      </c>
      <c r="I37615" s="1" t="s">
        <v>126615</v>
      </c>
      <c r="J37615" s="1" t="s">
        <v>130028</v>
      </c>
    </row>
    <row r="37616" spans="1:10" x14ac:dyDescent="0.35">
      <c r="A37616" s="1" t="s">
        <v>24957</v>
      </c>
      <c r="B37616" s="1" t="s">
        <v>126612</v>
      </c>
      <c r="C37616" s="1" t="s">
        <v>145</v>
      </c>
      <c r="D37616" s="1" t="s">
        <v>92784</v>
      </c>
      <c r="E37616" s="1" t="s">
        <v>130029</v>
      </c>
      <c r="F37616" s="1" t="s">
        <v>130030</v>
      </c>
      <c r="G37616" s="1" t="s">
        <v>129959</v>
      </c>
      <c r="H37616" s="1" t="s">
        <v>129960</v>
      </c>
      <c r="I37616" s="1" t="s">
        <v>126615</v>
      </c>
      <c r="J37616" s="1" t="s">
        <v>130031</v>
      </c>
    </row>
    <row r="37617" spans="1:10" x14ac:dyDescent="0.35">
      <c r="A37617" s="1" t="s">
        <v>24957</v>
      </c>
      <c r="B37617" s="1" t="s">
        <v>126612</v>
      </c>
      <c r="C37617" s="1" t="s">
        <v>150</v>
      </c>
      <c r="D37617" s="1" t="s">
        <v>130032</v>
      </c>
      <c r="E37617" s="1" t="s">
        <v>130033</v>
      </c>
      <c r="F37617" s="1" t="s">
        <v>130034</v>
      </c>
      <c r="G37617" s="1" t="s">
        <v>129959</v>
      </c>
      <c r="H37617" s="1" t="s">
        <v>129960</v>
      </c>
      <c r="I37617" s="1" t="s">
        <v>126615</v>
      </c>
      <c r="J37617" s="1" t="s">
        <v>130035</v>
      </c>
    </row>
    <row r="37618" spans="1:10" x14ac:dyDescent="0.35">
      <c r="A37618" s="1" t="s">
        <v>24957</v>
      </c>
      <c r="B37618" s="1" t="s">
        <v>126612</v>
      </c>
      <c r="C37618" s="1" t="s">
        <v>155</v>
      </c>
      <c r="D37618" s="1" t="s">
        <v>128088</v>
      </c>
      <c r="E37618" s="1" t="s">
        <v>109801</v>
      </c>
      <c r="F37618" s="1" t="s">
        <v>130036</v>
      </c>
      <c r="G37618" s="1" t="s">
        <v>129959</v>
      </c>
      <c r="H37618" s="1" t="s">
        <v>129960</v>
      </c>
      <c r="I37618" s="1" t="s">
        <v>126615</v>
      </c>
      <c r="J37618" s="1" t="s">
        <v>130037</v>
      </c>
    </row>
    <row r="37619" spans="1:10" x14ac:dyDescent="0.35">
      <c r="A37619" s="1" t="s">
        <v>24957</v>
      </c>
      <c r="B37619" s="1" t="s">
        <v>126612</v>
      </c>
      <c r="C37619" s="1" t="s">
        <v>160</v>
      </c>
      <c r="D37619" s="1" t="s">
        <v>130038</v>
      </c>
      <c r="E37619" s="1" t="s">
        <v>130039</v>
      </c>
      <c r="F37619" s="1" t="s">
        <v>130040</v>
      </c>
      <c r="G37619" s="1" t="s">
        <v>129959</v>
      </c>
      <c r="H37619" s="1" t="s">
        <v>129960</v>
      </c>
      <c r="I37619" s="1" t="s">
        <v>126615</v>
      </c>
      <c r="J37619" s="1" t="s">
        <v>130041</v>
      </c>
    </row>
    <row r="37620" spans="1:10" x14ac:dyDescent="0.35">
      <c r="A37620" s="1" t="s">
        <v>24957</v>
      </c>
      <c r="B37620" s="1" t="s">
        <v>126612</v>
      </c>
      <c r="C37620" s="1" t="s">
        <v>165</v>
      </c>
      <c r="D37620" s="1" t="s">
        <v>130042</v>
      </c>
      <c r="E37620" s="1" t="s">
        <v>106561</v>
      </c>
      <c r="F37620" s="1" t="s">
        <v>130043</v>
      </c>
      <c r="G37620" s="1" t="s">
        <v>129959</v>
      </c>
      <c r="H37620" s="1" t="s">
        <v>129960</v>
      </c>
      <c r="I37620" s="1" t="s">
        <v>126615</v>
      </c>
      <c r="J37620" s="1" t="s">
        <v>130044</v>
      </c>
    </row>
    <row r="37621" spans="1:10" x14ac:dyDescent="0.35">
      <c r="A37621" s="1" t="s">
        <v>24957</v>
      </c>
      <c r="B37621" s="1" t="s">
        <v>126612</v>
      </c>
      <c r="C37621" s="1" t="s">
        <v>170</v>
      </c>
      <c r="D37621" s="1" t="s">
        <v>130045</v>
      </c>
      <c r="E37621" s="1" t="s">
        <v>73415</v>
      </c>
      <c r="F37621" s="1" t="s">
        <v>59262</v>
      </c>
      <c r="G37621" s="1" t="s">
        <v>129959</v>
      </c>
      <c r="H37621" s="1" t="s">
        <v>129960</v>
      </c>
      <c r="I37621" s="1" t="s">
        <v>126615</v>
      </c>
      <c r="J37621" s="1" t="s">
        <v>130046</v>
      </c>
    </row>
    <row r="37622" spans="1:10" x14ac:dyDescent="0.35">
      <c r="A37622" s="1" t="s">
        <v>28470</v>
      </c>
      <c r="B37622" s="1" t="s">
        <v>126612</v>
      </c>
      <c r="C37622" s="1" t="s">
        <v>8</v>
      </c>
      <c r="D37622" s="1" t="s">
        <v>130047</v>
      </c>
      <c r="E37622" s="1" t="s">
        <v>60856</v>
      </c>
      <c r="F37622" s="1" t="s">
        <v>130048</v>
      </c>
      <c r="G37622" s="1" t="s">
        <v>130049</v>
      </c>
      <c r="H37622" s="1" t="s">
        <v>130050</v>
      </c>
      <c r="I37622" s="1" t="s">
        <v>126615</v>
      </c>
      <c r="J37622" s="1" t="s">
        <v>13</v>
      </c>
    </row>
    <row r="37623" spans="1:10" x14ac:dyDescent="0.35">
      <c r="A37623" s="1" t="s">
        <v>28470</v>
      </c>
      <c r="B37623" s="1" t="s">
        <v>126612</v>
      </c>
      <c r="C37623" s="1" t="s">
        <v>15</v>
      </c>
      <c r="D37623" s="1" t="s">
        <v>130051</v>
      </c>
      <c r="E37623" s="1" t="s">
        <v>15436</v>
      </c>
      <c r="F37623" s="1" t="s">
        <v>130052</v>
      </c>
      <c r="G37623" s="1" t="s">
        <v>130049</v>
      </c>
      <c r="H37623" s="1" t="s">
        <v>130050</v>
      </c>
      <c r="I37623" s="1" t="s">
        <v>126615</v>
      </c>
      <c r="J37623" s="1" t="s">
        <v>130053</v>
      </c>
    </row>
    <row r="37624" spans="1:10" x14ac:dyDescent="0.35">
      <c r="A37624" s="1" t="s">
        <v>28470</v>
      </c>
      <c r="B37624" s="1" t="s">
        <v>126612</v>
      </c>
      <c r="C37624" s="1" t="s">
        <v>20</v>
      </c>
      <c r="D37624" s="1" t="s">
        <v>130054</v>
      </c>
      <c r="E37624" s="1" t="s">
        <v>58598</v>
      </c>
      <c r="F37624" s="1" t="s">
        <v>130055</v>
      </c>
      <c r="G37624" s="1" t="s">
        <v>130049</v>
      </c>
      <c r="H37624" s="1" t="s">
        <v>130050</v>
      </c>
      <c r="I37624" s="1" t="s">
        <v>126615</v>
      </c>
      <c r="J37624" s="1" t="s">
        <v>130056</v>
      </c>
    </row>
    <row r="37625" spans="1:10" x14ac:dyDescent="0.35">
      <c r="A37625" s="1" t="s">
        <v>28470</v>
      </c>
      <c r="B37625" s="1" t="s">
        <v>126612</v>
      </c>
      <c r="C37625" s="1" t="s">
        <v>25</v>
      </c>
      <c r="D37625" s="1" t="s">
        <v>40506</v>
      </c>
      <c r="E37625" s="1" t="s">
        <v>64074</v>
      </c>
      <c r="F37625" s="1" t="s">
        <v>16265</v>
      </c>
      <c r="G37625" s="1" t="s">
        <v>130049</v>
      </c>
      <c r="H37625" s="1" t="s">
        <v>130050</v>
      </c>
      <c r="I37625" s="1" t="s">
        <v>126615</v>
      </c>
      <c r="J37625" s="1" t="s">
        <v>130057</v>
      </c>
    </row>
    <row r="37626" spans="1:10" x14ac:dyDescent="0.35">
      <c r="A37626" s="1" t="s">
        <v>28470</v>
      </c>
      <c r="B37626" s="1" t="s">
        <v>126612</v>
      </c>
      <c r="C37626" s="1" t="s">
        <v>30</v>
      </c>
      <c r="D37626" s="1" t="s">
        <v>130058</v>
      </c>
      <c r="E37626" s="1" t="s">
        <v>73342</v>
      </c>
      <c r="F37626" s="1" t="s">
        <v>130059</v>
      </c>
      <c r="G37626" s="1" t="s">
        <v>130049</v>
      </c>
      <c r="H37626" s="1" t="s">
        <v>130050</v>
      </c>
      <c r="I37626" s="1" t="s">
        <v>126615</v>
      </c>
      <c r="J37626" s="1" t="s">
        <v>130060</v>
      </c>
    </row>
    <row r="37627" spans="1:10" x14ac:dyDescent="0.35">
      <c r="A37627" s="1" t="s">
        <v>28470</v>
      </c>
      <c r="B37627" s="1" t="s">
        <v>126612</v>
      </c>
      <c r="C37627" s="1" t="s">
        <v>35</v>
      </c>
      <c r="D37627" s="1" t="s">
        <v>130061</v>
      </c>
      <c r="E37627" s="1" t="s">
        <v>130062</v>
      </c>
      <c r="F37627" s="1" t="s">
        <v>130063</v>
      </c>
      <c r="G37627" s="1" t="s">
        <v>130049</v>
      </c>
      <c r="H37627" s="1" t="s">
        <v>130050</v>
      </c>
      <c r="I37627" s="1" t="s">
        <v>126615</v>
      </c>
      <c r="J37627" s="1" t="s">
        <v>130064</v>
      </c>
    </row>
    <row r="37628" spans="1:10" x14ac:dyDescent="0.35">
      <c r="A37628" s="1" t="s">
        <v>28470</v>
      </c>
      <c r="B37628" s="1" t="s">
        <v>126612</v>
      </c>
      <c r="C37628" s="1" t="s">
        <v>40</v>
      </c>
      <c r="D37628" s="1" t="s">
        <v>99887</v>
      </c>
      <c r="E37628" s="1" t="s">
        <v>15576</v>
      </c>
      <c r="F37628" s="1" t="s">
        <v>130065</v>
      </c>
      <c r="G37628" s="1" t="s">
        <v>130049</v>
      </c>
      <c r="H37628" s="1" t="s">
        <v>130050</v>
      </c>
      <c r="I37628" s="1" t="s">
        <v>126615</v>
      </c>
      <c r="J37628" s="1" t="s">
        <v>130066</v>
      </c>
    </row>
    <row r="37629" spans="1:10" x14ac:dyDescent="0.35">
      <c r="A37629" s="1" t="s">
        <v>28470</v>
      </c>
      <c r="B37629" s="1" t="s">
        <v>126612</v>
      </c>
      <c r="C37629" s="1" t="s">
        <v>45</v>
      </c>
      <c r="D37629" s="1" t="s">
        <v>130067</v>
      </c>
      <c r="E37629" s="1" t="s">
        <v>130068</v>
      </c>
      <c r="F37629" s="1" t="s">
        <v>101709</v>
      </c>
      <c r="G37629" s="1" t="s">
        <v>130049</v>
      </c>
      <c r="H37629" s="1" t="s">
        <v>130050</v>
      </c>
      <c r="I37629" s="1" t="s">
        <v>126615</v>
      </c>
      <c r="J37629" s="1" t="s">
        <v>130069</v>
      </c>
    </row>
    <row r="37630" spans="1:10" x14ac:dyDescent="0.35">
      <c r="A37630" s="1" t="s">
        <v>28470</v>
      </c>
      <c r="B37630" s="1" t="s">
        <v>126612</v>
      </c>
      <c r="C37630" s="1" t="s">
        <v>50</v>
      </c>
      <c r="D37630" s="1" t="s">
        <v>130070</v>
      </c>
      <c r="E37630" s="1" t="s">
        <v>130071</v>
      </c>
      <c r="F37630" s="1" t="s">
        <v>100199</v>
      </c>
      <c r="G37630" s="1" t="s">
        <v>130049</v>
      </c>
      <c r="H37630" s="1" t="s">
        <v>130050</v>
      </c>
      <c r="I37630" s="1" t="s">
        <v>126615</v>
      </c>
      <c r="J37630" s="1" t="s">
        <v>130072</v>
      </c>
    </row>
    <row r="37631" spans="1:10" x14ac:dyDescent="0.35">
      <c r="A37631" s="1" t="s">
        <v>28470</v>
      </c>
      <c r="B37631" s="1" t="s">
        <v>126612</v>
      </c>
      <c r="C37631" s="1" t="s">
        <v>55</v>
      </c>
      <c r="D37631" s="1" t="s">
        <v>130073</v>
      </c>
      <c r="E37631" s="1" t="s">
        <v>15440</v>
      </c>
      <c r="F37631" s="1" t="s">
        <v>130074</v>
      </c>
      <c r="G37631" s="1" t="s">
        <v>130049</v>
      </c>
      <c r="H37631" s="1" t="s">
        <v>130050</v>
      </c>
      <c r="I37631" s="1" t="s">
        <v>126615</v>
      </c>
      <c r="J37631" s="1" t="s">
        <v>130075</v>
      </c>
    </row>
    <row r="37632" spans="1:10" x14ac:dyDescent="0.35">
      <c r="A37632" s="1" t="s">
        <v>28470</v>
      </c>
      <c r="B37632" s="1" t="s">
        <v>126612</v>
      </c>
      <c r="C37632" s="1" t="s">
        <v>60</v>
      </c>
      <c r="D37632" s="1" t="s">
        <v>130076</v>
      </c>
      <c r="E37632" s="1" t="s">
        <v>31804</v>
      </c>
      <c r="F37632" s="1" t="s">
        <v>130077</v>
      </c>
      <c r="G37632" s="1" t="s">
        <v>130049</v>
      </c>
      <c r="H37632" s="1" t="s">
        <v>130050</v>
      </c>
      <c r="I37632" s="1" t="s">
        <v>126615</v>
      </c>
      <c r="J37632" s="1" t="s">
        <v>130078</v>
      </c>
    </row>
    <row r="37633" spans="1:10" x14ac:dyDescent="0.35">
      <c r="A37633" s="1" t="s">
        <v>28470</v>
      </c>
      <c r="B37633" s="1" t="s">
        <v>126612</v>
      </c>
      <c r="C37633" s="1" t="s">
        <v>65</v>
      </c>
      <c r="D37633" s="1" t="s">
        <v>128469</v>
      </c>
      <c r="E37633" s="1" t="s">
        <v>32618</v>
      </c>
      <c r="F37633" s="1" t="s">
        <v>130079</v>
      </c>
      <c r="G37633" s="1" t="s">
        <v>130049</v>
      </c>
      <c r="H37633" s="1" t="s">
        <v>130050</v>
      </c>
      <c r="I37633" s="1" t="s">
        <v>126615</v>
      </c>
      <c r="J37633" s="1" t="s">
        <v>130080</v>
      </c>
    </row>
    <row r="37634" spans="1:10" x14ac:dyDescent="0.35">
      <c r="A37634" s="1" t="s">
        <v>28470</v>
      </c>
      <c r="B37634" s="1" t="s">
        <v>126612</v>
      </c>
      <c r="C37634" s="1" t="s">
        <v>70</v>
      </c>
      <c r="D37634" s="1" t="s">
        <v>130081</v>
      </c>
      <c r="E37634" s="1" t="s">
        <v>31500</v>
      </c>
      <c r="F37634" s="1" t="s">
        <v>111555</v>
      </c>
      <c r="G37634" s="1" t="s">
        <v>130049</v>
      </c>
      <c r="H37634" s="1" t="s">
        <v>130050</v>
      </c>
      <c r="I37634" s="1" t="s">
        <v>126615</v>
      </c>
      <c r="J37634" s="1" t="s">
        <v>130082</v>
      </c>
    </row>
    <row r="37635" spans="1:10" x14ac:dyDescent="0.35">
      <c r="A37635" s="1" t="s">
        <v>28470</v>
      </c>
      <c r="B37635" s="1" t="s">
        <v>126612</v>
      </c>
      <c r="C37635" s="1" t="s">
        <v>75</v>
      </c>
      <c r="D37635" s="1" t="s">
        <v>130083</v>
      </c>
      <c r="E37635" s="1" t="s">
        <v>31783</v>
      </c>
      <c r="F37635" s="1" t="s">
        <v>127339</v>
      </c>
      <c r="G37635" s="1" t="s">
        <v>130049</v>
      </c>
      <c r="H37635" s="1" t="s">
        <v>130050</v>
      </c>
      <c r="I37635" s="1" t="s">
        <v>126615</v>
      </c>
      <c r="J37635" s="1" t="s">
        <v>130084</v>
      </c>
    </row>
    <row r="37636" spans="1:10" x14ac:dyDescent="0.35">
      <c r="A37636" s="1" t="s">
        <v>28470</v>
      </c>
      <c r="B37636" s="1" t="s">
        <v>126612</v>
      </c>
      <c r="C37636" s="1" t="s">
        <v>80</v>
      </c>
      <c r="D37636" s="1" t="s">
        <v>130085</v>
      </c>
      <c r="E37636" s="1" t="s">
        <v>58598</v>
      </c>
      <c r="F37636" s="1" t="s">
        <v>130086</v>
      </c>
      <c r="G37636" s="1" t="s">
        <v>130049</v>
      </c>
      <c r="H37636" s="1" t="s">
        <v>130050</v>
      </c>
      <c r="I37636" s="1" t="s">
        <v>126615</v>
      </c>
      <c r="J37636" s="1" t="s">
        <v>130087</v>
      </c>
    </row>
    <row r="37637" spans="1:10" x14ac:dyDescent="0.35">
      <c r="A37637" s="1" t="s">
        <v>28470</v>
      </c>
      <c r="B37637" s="1" t="s">
        <v>126612</v>
      </c>
      <c r="C37637" s="1" t="s">
        <v>85</v>
      </c>
      <c r="D37637" s="1" t="s">
        <v>130088</v>
      </c>
      <c r="E37637" s="1" t="s">
        <v>57128</v>
      </c>
      <c r="F37637" s="1" t="s">
        <v>130089</v>
      </c>
      <c r="G37637" s="1" t="s">
        <v>130049</v>
      </c>
      <c r="H37637" s="1" t="s">
        <v>130050</v>
      </c>
      <c r="I37637" s="1" t="s">
        <v>126615</v>
      </c>
      <c r="J37637" s="1" t="s">
        <v>130090</v>
      </c>
    </row>
    <row r="37638" spans="1:10" x14ac:dyDescent="0.35">
      <c r="A37638" s="1" t="s">
        <v>28470</v>
      </c>
      <c r="B37638" s="1" t="s">
        <v>126612</v>
      </c>
      <c r="C37638" s="1" t="s">
        <v>90</v>
      </c>
      <c r="D37638" s="1" t="s">
        <v>130091</v>
      </c>
      <c r="E37638" s="1" t="s">
        <v>130092</v>
      </c>
      <c r="F37638" s="1" t="s">
        <v>130093</v>
      </c>
      <c r="G37638" s="1" t="s">
        <v>130049</v>
      </c>
      <c r="H37638" s="1" t="s">
        <v>130050</v>
      </c>
      <c r="I37638" s="1" t="s">
        <v>126615</v>
      </c>
      <c r="J37638" s="1" t="s">
        <v>130094</v>
      </c>
    </row>
    <row r="37639" spans="1:10" x14ac:dyDescent="0.35">
      <c r="A37639" s="1" t="s">
        <v>28470</v>
      </c>
      <c r="B37639" s="1" t="s">
        <v>126612</v>
      </c>
      <c r="C37639" s="1" t="s">
        <v>95</v>
      </c>
      <c r="D37639" s="1" t="s">
        <v>130095</v>
      </c>
      <c r="E37639" s="1" t="s">
        <v>109435</v>
      </c>
      <c r="F37639" s="1" t="s">
        <v>130096</v>
      </c>
      <c r="G37639" s="1" t="s">
        <v>130049</v>
      </c>
      <c r="H37639" s="1" t="s">
        <v>130050</v>
      </c>
      <c r="I37639" s="1" t="s">
        <v>126615</v>
      </c>
      <c r="J37639" s="1" t="s">
        <v>130097</v>
      </c>
    </row>
    <row r="37640" spans="1:10" x14ac:dyDescent="0.35">
      <c r="A37640" s="1" t="s">
        <v>28470</v>
      </c>
      <c r="B37640" s="1" t="s">
        <v>126612</v>
      </c>
      <c r="C37640" s="1" t="s">
        <v>100</v>
      </c>
      <c r="D37640" s="1" t="s">
        <v>130098</v>
      </c>
      <c r="E37640" s="1" t="s">
        <v>55448</v>
      </c>
      <c r="F37640" s="1" t="s">
        <v>130099</v>
      </c>
      <c r="G37640" s="1" t="s">
        <v>130049</v>
      </c>
      <c r="H37640" s="1" t="s">
        <v>130050</v>
      </c>
      <c r="I37640" s="1" t="s">
        <v>126615</v>
      </c>
      <c r="J37640" s="1" t="s">
        <v>130100</v>
      </c>
    </row>
    <row r="37641" spans="1:10" x14ac:dyDescent="0.35">
      <c r="A37641" s="1" t="s">
        <v>28470</v>
      </c>
      <c r="B37641" s="1" t="s">
        <v>126612</v>
      </c>
      <c r="C37641" s="1" t="s">
        <v>105</v>
      </c>
      <c r="D37641" s="1" t="s">
        <v>130101</v>
      </c>
      <c r="E37641" s="1" t="s">
        <v>19904</v>
      </c>
      <c r="F37641" s="1" t="s">
        <v>21236</v>
      </c>
      <c r="G37641" s="1" t="s">
        <v>130049</v>
      </c>
      <c r="H37641" s="1" t="s">
        <v>130050</v>
      </c>
      <c r="I37641" s="1" t="s">
        <v>126615</v>
      </c>
      <c r="J37641" s="1" t="s">
        <v>130102</v>
      </c>
    </row>
    <row r="37642" spans="1:10" x14ac:dyDescent="0.35">
      <c r="A37642" s="1" t="s">
        <v>28470</v>
      </c>
      <c r="B37642" s="1" t="s">
        <v>126612</v>
      </c>
      <c r="C37642" s="1" t="s">
        <v>110</v>
      </c>
      <c r="D37642" s="1" t="s">
        <v>130103</v>
      </c>
      <c r="E37642" s="1" t="s">
        <v>32140</v>
      </c>
      <c r="F37642" s="1" t="s">
        <v>130104</v>
      </c>
      <c r="G37642" s="1" t="s">
        <v>130049</v>
      </c>
      <c r="H37642" s="1" t="s">
        <v>130050</v>
      </c>
      <c r="I37642" s="1" t="s">
        <v>126615</v>
      </c>
      <c r="J37642" s="1" t="s">
        <v>130105</v>
      </c>
    </row>
    <row r="37643" spans="1:10" x14ac:dyDescent="0.35">
      <c r="A37643" s="1" t="s">
        <v>28470</v>
      </c>
      <c r="B37643" s="1" t="s">
        <v>126612</v>
      </c>
      <c r="C37643" s="1" t="s">
        <v>115</v>
      </c>
      <c r="D37643" s="1" t="s">
        <v>130106</v>
      </c>
      <c r="E37643" s="1" t="s">
        <v>129339</v>
      </c>
      <c r="F37643" s="1" t="s">
        <v>96892</v>
      </c>
      <c r="G37643" s="1" t="s">
        <v>130049</v>
      </c>
      <c r="H37643" s="1" t="s">
        <v>130050</v>
      </c>
      <c r="I37643" s="1" t="s">
        <v>126615</v>
      </c>
      <c r="J37643" s="1" t="s">
        <v>130107</v>
      </c>
    </row>
    <row r="37644" spans="1:10" x14ac:dyDescent="0.35">
      <c r="A37644" s="1" t="s">
        <v>28470</v>
      </c>
      <c r="B37644" s="1" t="s">
        <v>126612</v>
      </c>
      <c r="C37644" s="1" t="s">
        <v>120</v>
      </c>
      <c r="D37644" s="1" t="s">
        <v>76496</v>
      </c>
      <c r="E37644" s="1" t="s">
        <v>32987</v>
      </c>
      <c r="F37644" s="1" t="s">
        <v>21102</v>
      </c>
      <c r="G37644" s="1" t="s">
        <v>130049</v>
      </c>
      <c r="H37644" s="1" t="s">
        <v>130050</v>
      </c>
      <c r="I37644" s="1" t="s">
        <v>126615</v>
      </c>
      <c r="J37644" s="1" t="s">
        <v>130108</v>
      </c>
    </row>
    <row r="37645" spans="1:10" x14ac:dyDescent="0.35">
      <c r="A37645" s="1" t="s">
        <v>28470</v>
      </c>
      <c r="B37645" s="1" t="s">
        <v>126612</v>
      </c>
      <c r="C37645" s="1" t="s">
        <v>125</v>
      </c>
      <c r="D37645" s="1" t="s">
        <v>130109</v>
      </c>
      <c r="E37645" s="1" t="s">
        <v>15899</v>
      </c>
      <c r="F37645" s="1" t="s">
        <v>130110</v>
      </c>
      <c r="G37645" s="1" t="s">
        <v>130049</v>
      </c>
      <c r="H37645" s="1" t="s">
        <v>130050</v>
      </c>
      <c r="I37645" s="1" t="s">
        <v>126615</v>
      </c>
      <c r="J37645" s="1" t="s">
        <v>130111</v>
      </c>
    </row>
    <row r="37646" spans="1:10" x14ac:dyDescent="0.35">
      <c r="A37646" s="1" t="s">
        <v>28470</v>
      </c>
      <c r="B37646" s="1" t="s">
        <v>126612</v>
      </c>
      <c r="C37646" s="1" t="s">
        <v>130</v>
      </c>
      <c r="D37646" s="1" t="s">
        <v>130112</v>
      </c>
      <c r="E37646" s="1" t="s">
        <v>130113</v>
      </c>
      <c r="F37646" s="1" t="s">
        <v>130114</v>
      </c>
      <c r="G37646" s="1" t="s">
        <v>130049</v>
      </c>
      <c r="H37646" s="1" t="s">
        <v>130050</v>
      </c>
      <c r="I37646" s="1" t="s">
        <v>126615</v>
      </c>
      <c r="J37646" s="1" t="s">
        <v>130115</v>
      </c>
    </row>
    <row r="37647" spans="1:10" x14ac:dyDescent="0.35">
      <c r="A37647" s="1" t="s">
        <v>28470</v>
      </c>
      <c r="B37647" s="1" t="s">
        <v>126612</v>
      </c>
      <c r="C37647" s="1" t="s">
        <v>135</v>
      </c>
      <c r="D37647" s="1" t="s">
        <v>39273</v>
      </c>
      <c r="E37647" s="1" t="s">
        <v>130113</v>
      </c>
      <c r="F37647" s="1" t="s">
        <v>71216</v>
      </c>
      <c r="G37647" s="1" t="s">
        <v>130049</v>
      </c>
      <c r="H37647" s="1" t="s">
        <v>130050</v>
      </c>
      <c r="I37647" s="1" t="s">
        <v>126615</v>
      </c>
      <c r="J37647" s="1" t="s">
        <v>130116</v>
      </c>
    </row>
    <row r="37648" spans="1:10" x14ac:dyDescent="0.35">
      <c r="A37648" s="1" t="s">
        <v>28470</v>
      </c>
      <c r="B37648" s="1" t="s">
        <v>126612</v>
      </c>
      <c r="C37648" s="1" t="s">
        <v>140</v>
      </c>
      <c r="D37648" s="1" t="s">
        <v>130117</v>
      </c>
      <c r="E37648" s="1" t="s">
        <v>15606</v>
      </c>
      <c r="F37648" s="1" t="s">
        <v>130118</v>
      </c>
      <c r="G37648" s="1" t="s">
        <v>130049</v>
      </c>
      <c r="H37648" s="1" t="s">
        <v>130050</v>
      </c>
      <c r="I37648" s="1" t="s">
        <v>126615</v>
      </c>
      <c r="J37648" s="1" t="s">
        <v>130119</v>
      </c>
    </row>
    <row r="37649" spans="1:10" x14ac:dyDescent="0.35">
      <c r="A37649" s="1" t="s">
        <v>28470</v>
      </c>
      <c r="B37649" s="1" t="s">
        <v>126612</v>
      </c>
      <c r="C37649" s="1" t="s">
        <v>145</v>
      </c>
      <c r="D37649" s="1" t="s">
        <v>130120</v>
      </c>
      <c r="E37649" s="1" t="s">
        <v>15656</v>
      </c>
      <c r="F37649" s="1" t="s">
        <v>40656</v>
      </c>
      <c r="G37649" s="1" t="s">
        <v>130049</v>
      </c>
      <c r="H37649" s="1" t="s">
        <v>130050</v>
      </c>
      <c r="I37649" s="1" t="s">
        <v>126615</v>
      </c>
      <c r="J37649" s="1" t="s">
        <v>130121</v>
      </c>
    </row>
    <row r="37650" spans="1:10" x14ac:dyDescent="0.35">
      <c r="A37650" s="1" t="s">
        <v>28470</v>
      </c>
      <c r="B37650" s="1" t="s">
        <v>126612</v>
      </c>
      <c r="C37650" s="1" t="s">
        <v>150</v>
      </c>
      <c r="D37650" s="1" t="s">
        <v>127146</v>
      </c>
      <c r="E37650" s="1" t="s">
        <v>130122</v>
      </c>
      <c r="F37650" s="1" t="s">
        <v>130123</v>
      </c>
      <c r="G37650" s="1" t="s">
        <v>130049</v>
      </c>
      <c r="H37650" s="1" t="s">
        <v>130050</v>
      </c>
      <c r="I37650" s="1" t="s">
        <v>126615</v>
      </c>
      <c r="J37650" s="1" t="s">
        <v>130124</v>
      </c>
    </row>
    <row r="37651" spans="1:10" x14ac:dyDescent="0.35">
      <c r="A37651" s="1" t="s">
        <v>28470</v>
      </c>
      <c r="B37651" s="1" t="s">
        <v>126612</v>
      </c>
      <c r="C37651" s="1" t="s">
        <v>155</v>
      </c>
      <c r="D37651" s="1" t="s">
        <v>130125</v>
      </c>
      <c r="E37651" s="1" t="s">
        <v>95807</v>
      </c>
      <c r="F37651" s="1" t="s">
        <v>130126</v>
      </c>
      <c r="G37651" s="1" t="s">
        <v>130049</v>
      </c>
      <c r="H37651" s="1" t="s">
        <v>130050</v>
      </c>
      <c r="I37651" s="1" t="s">
        <v>126615</v>
      </c>
      <c r="J37651" s="1" t="s">
        <v>130127</v>
      </c>
    </row>
    <row r="37652" spans="1:10" x14ac:dyDescent="0.35">
      <c r="A37652" s="1" t="s">
        <v>28470</v>
      </c>
      <c r="B37652" s="1" t="s">
        <v>126612</v>
      </c>
      <c r="C37652" s="1" t="s">
        <v>160</v>
      </c>
      <c r="D37652" s="1" t="s">
        <v>39101</v>
      </c>
      <c r="E37652" s="1" t="s">
        <v>106974</v>
      </c>
      <c r="F37652" s="1" t="s">
        <v>130128</v>
      </c>
      <c r="G37652" s="1" t="s">
        <v>130049</v>
      </c>
      <c r="H37652" s="1" t="s">
        <v>130050</v>
      </c>
      <c r="I37652" s="1" t="s">
        <v>126615</v>
      </c>
      <c r="J37652" s="1" t="s">
        <v>130129</v>
      </c>
    </row>
    <row r="37653" spans="1:10" x14ac:dyDescent="0.35">
      <c r="A37653" s="1" t="s">
        <v>28470</v>
      </c>
      <c r="B37653" s="1" t="s">
        <v>126612</v>
      </c>
      <c r="C37653" s="1" t="s">
        <v>165</v>
      </c>
      <c r="D37653" s="1" t="s">
        <v>61214</v>
      </c>
      <c r="E37653" s="1" t="s">
        <v>130130</v>
      </c>
      <c r="F37653" s="1" t="s">
        <v>130131</v>
      </c>
      <c r="G37653" s="1" t="s">
        <v>130049</v>
      </c>
      <c r="H37653" s="1" t="s">
        <v>130050</v>
      </c>
      <c r="I37653" s="1" t="s">
        <v>126615</v>
      </c>
      <c r="J37653" s="1" t="s">
        <v>130132</v>
      </c>
    </row>
    <row r="37654" spans="1:10" x14ac:dyDescent="0.35">
      <c r="A37654" s="1" t="s">
        <v>28470</v>
      </c>
      <c r="B37654" s="1" t="s">
        <v>126612</v>
      </c>
      <c r="C37654" s="1" t="s">
        <v>170</v>
      </c>
      <c r="D37654" s="1" t="s">
        <v>130133</v>
      </c>
      <c r="E37654" s="1" t="s">
        <v>19978</v>
      </c>
      <c r="F37654" s="1" t="s">
        <v>130134</v>
      </c>
      <c r="G37654" s="1" t="s">
        <v>130049</v>
      </c>
      <c r="H37654" s="1" t="s">
        <v>130050</v>
      </c>
      <c r="I37654" s="1" t="s">
        <v>126615</v>
      </c>
      <c r="J37654" s="1" t="s">
        <v>130135</v>
      </c>
    </row>
    <row r="37655" spans="1:10" x14ac:dyDescent="0.35">
      <c r="A37655" s="1" t="s">
        <v>10511</v>
      </c>
      <c r="B37655" s="1" t="s">
        <v>126612</v>
      </c>
      <c r="C37655" s="1" t="s">
        <v>8</v>
      </c>
      <c r="D37655" s="1" t="s">
        <v>130136</v>
      </c>
      <c r="E37655" s="1" t="s">
        <v>106512</v>
      </c>
      <c r="F37655" s="1" t="s">
        <v>130137</v>
      </c>
      <c r="G37655" s="1" t="s">
        <v>130138</v>
      </c>
      <c r="H37655" s="1" t="s">
        <v>130139</v>
      </c>
      <c r="I37655" s="1" t="s">
        <v>126615</v>
      </c>
      <c r="J37655" s="1" t="s">
        <v>13</v>
      </c>
    </row>
    <row r="37656" spans="1:10" x14ac:dyDescent="0.35">
      <c r="A37656" s="1" t="s">
        <v>10511</v>
      </c>
      <c r="B37656" s="1" t="s">
        <v>126612</v>
      </c>
      <c r="C37656" s="1" t="s">
        <v>15</v>
      </c>
      <c r="D37656" s="1" t="s">
        <v>130140</v>
      </c>
      <c r="E37656" s="1" t="s">
        <v>130141</v>
      </c>
      <c r="F37656" s="1" t="s">
        <v>130142</v>
      </c>
      <c r="G37656" s="1" t="s">
        <v>130138</v>
      </c>
      <c r="H37656" s="1" t="s">
        <v>130139</v>
      </c>
      <c r="I37656" s="1" t="s">
        <v>126615</v>
      </c>
      <c r="J37656" s="1" t="s">
        <v>130143</v>
      </c>
    </row>
    <row r="37657" spans="1:10" x14ac:dyDescent="0.35">
      <c r="A37657" s="1" t="s">
        <v>10511</v>
      </c>
      <c r="B37657" s="1" t="s">
        <v>126612</v>
      </c>
      <c r="C37657" s="1" t="s">
        <v>20</v>
      </c>
      <c r="D37657" s="1" t="s">
        <v>83998</v>
      </c>
      <c r="E37657" s="1" t="s">
        <v>130144</v>
      </c>
      <c r="F37657" s="1" t="s">
        <v>65787</v>
      </c>
      <c r="G37657" s="1" t="s">
        <v>130138</v>
      </c>
      <c r="H37657" s="1" t="s">
        <v>130139</v>
      </c>
      <c r="I37657" s="1" t="s">
        <v>126615</v>
      </c>
      <c r="J37657" s="1" t="s">
        <v>130145</v>
      </c>
    </row>
    <row r="37658" spans="1:10" x14ac:dyDescent="0.35">
      <c r="A37658" s="1" t="s">
        <v>10511</v>
      </c>
      <c r="B37658" s="1" t="s">
        <v>126612</v>
      </c>
      <c r="C37658" s="1" t="s">
        <v>25</v>
      </c>
      <c r="D37658" s="1" t="s">
        <v>89411</v>
      </c>
      <c r="E37658" s="1" t="s">
        <v>105325</v>
      </c>
      <c r="F37658" s="1" t="s">
        <v>56477</v>
      </c>
      <c r="G37658" s="1" t="s">
        <v>130138</v>
      </c>
      <c r="H37658" s="1" t="s">
        <v>130139</v>
      </c>
      <c r="I37658" s="1" t="s">
        <v>126615</v>
      </c>
      <c r="J37658" s="1" t="s">
        <v>130146</v>
      </c>
    </row>
    <row r="37659" spans="1:10" x14ac:dyDescent="0.35">
      <c r="A37659" s="1" t="s">
        <v>10511</v>
      </c>
      <c r="B37659" s="1" t="s">
        <v>126612</v>
      </c>
      <c r="C37659" s="1" t="s">
        <v>30</v>
      </c>
      <c r="D37659" s="1" t="s">
        <v>60684</v>
      </c>
      <c r="E37659" s="1" t="s">
        <v>130147</v>
      </c>
      <c r="F37659" s="1" t="s">
        <v>130148</v>
      </c>
      <c r="G37659" s="1" t="s">
        <v>130138</v>
      </c>
      <c r="H37659" s="1" t="s">
        <v>130139</v>
      </c>
      <c r="I37659" s="1" t="s">
        <v>126615</v>
      </c>
      <c r="J37659" s="1" t="s">
        <v>130149</v>
      </c>
    </row>
    <row r="37660" spans="1:10" x14ac:dyDescent="0.35">
      <c r="A37660" s="1" t="s">
        <v>10511</v>
      </c>
      <c r="B37660" s="1" t="s">
        <v>126612</v>
      </c>
      <c r="C37660" s="1" t="s">
        <v>35</v>
      </c>
      <c r="D37660" s="1" t="s">
        <v>108889</v>
      </c>
      <c r="E37660" s="1" t="s">
        <v>107366</v>
      </c>
      <c r="F37660" s="1" t="s">
        <v>130150</v>
      </c>
      <c r="G37660" s="1" t="s">
        <v>130138</v>
      </c>
      <c r="H37660" s="1" t="s">
        <v>130139</v>
      </c>
      <c r="I37660" s="1" t="s">
        <v>126615</v>
      </c>
      <c r="J37660" s="1" t="s">
        <v>130151</v>
      </c>
    </row>
    <row r="37661" spans="1:10" x14ac:dyDescent="0.35">
      <c r="A37661" s="1" t="s">
        <v>10511</v>
      </c>
      <c r="B37661" s="1" t="s">
        <v>126612</v>
      </c>
      <c r="C37661" s="1" t="s">
        <v>40</v>
      </c>
      <c r="D37661" s="1" t="s">
        <v>36295</v>
      </c>
      <c r="E37661" s="1" t="s">
        <v>16284</v>
      </c>
      <c r="F37661" s="1" t="s">
        <v>58851</v>
      </c>
      <c r="G37661" s="1" t="s">
        <v>130138</v>
      </c>
      <c r="H37661" s="1" t="s">
        <v>130139</v>
      </c>
      <c r="I37661" s="1" t="s">
        <v>126615</v>
      </c>
      <c r="J37661" s="1" t="s">
        <v>130152</v>
      </c>
    </row>
    <row r="37662" spans="1:10" x14ac:dyDescent="0.35">
      <c r="A37662" s="1" t="s">
        <v>10511</v>
      </c>
      <c r="B37662" s="1" t="s">
        <v>126612</v>
      </c>
      <c r="C37662" s="1" t="s">
        <v>45</v>
      </c>
      <c r="D37662" s="1" t="s">
        <v>130153</v>
      </c>
      <c r="E37662" s="1" t="s">
        <v>106159</v>
      </c>
      <c r="F37662" s="1" t="s">
        <v>130154</v>
      </c>
      <c r="G37662" s="1" t="s">
        <v>130138</v>
      </c>
      <c r="H37662" s="1" t="s">
        <v>130139</v>
      </c>
      <c r="I37662" s="1" t="s">
        <v>126615</v>
      </c>
      <c r="J37662" s="1" t="s">
        <v>130155</v>
      </c>
    </row>
    <row r="37663" spans="1:10" x14ac:dyDescent="0.35">
      <c r="A37663" s="1" t="s">
        <v>10511</v>
      </c>
      <c r="B37663" s="1" t="s">
        <v>126612</v>
      </c>
      <c r="C37663" s="1" t="s">
        <v>50</v>
      </c>
      <c r="D37663" s="1" t="s">
        <v>99826</v>
      </c>
      <c r="E37663" s="1" t="s">
        <v>81167</v>
      </c>
      <c r="F37663" s="1" t="s">
        <v>130156</v>
      </c>
      <c r="G37663" s="1" t="s">
        <v>130138</v>
      </c>
      <c r="H37663" s="1" t="s">
        <v>130139</v>
      </c>
      <c r="I37663" s="1" t="s">
        <v>126615</v>
      </c>
      <c r="J37663" s="1" t="s">
        <v>130157</v>
      </c>
    </row>
    <row r="37664" spans="1:10" x14ac:dyDescent="0.35">
      <c r="A37664" s="1" t="s">
        <v>10511</v>
      </c>
      <c r="B37664" s="1" t="s">
        <v>126612</v>
      </c>
      <c r="C37664" s="1" t="s">
        <v>55</v>
      </c>
      <c r="D37664" s="1" t="s">
        <v>122813</v>
      </c>
      <c r="E37664" s="1" t="s">
        <v>107366</v>
      </c>
      <c r="F37664" s="1" t="s">
        <v>58367</v>
      </c>
      <c r="G37664" s="1" t="s">
        <v>130138</v>
      </c>
      <c r="H37664" s="1" t="s">
        <v>130139</v>
      </c>
      <c r="I37664" s="1" t="s">
        <v>126615</v>
      </c>
      <c r="J37664" s="1" t="s">
        <v>130158</v>
      </c>
    </row>
    <row r="37665" spans="1:10" x14ac:dyDescent="0.35">
      <c r="A37665" s="1" t="s">
        <v>10511</v>
      </c>
      <c r="B37665" s="1" t="s">
        <v>126612</v>
      </c>
      <c r="C37665" s="1" t="s">
        <v>60</v>
      </c>
      <c r="D37665" s="1" t="s">
        <v>20464</v>
      </c>
      <c r="E37665" s="1" t="s">
        <v>81174</v>
      </c>
      <c r="F37665" s="1" t="s">
        <v>130159</v>
      </c>
      <c r="G37665" s="1" t="s">
        <v>130138</v>
      </c>
      <c r="H37665" s="1" t="s">
        <v>130139</v>
      </c>
      <c r="I37665" s="1" t="s">
        <v>126615</v>
      </c>
      <c r="J37665" s="1" t="s">
        <v>130160</v>
      </c>
    </row>
    <row r="37666" spans="1:10" x14ac:dyDescent="0.35">
      <c r="A37666" s="1" t="s">
        <v>10511</v>
      </c>
      <c r="B37666" s="1" t="s">
        <v>126612</v>
      </c>
      <c r="C37666" s="1" t="s">
        <v>65</v>
      </c>
      <c r="D37666" s="1" t="s">
        <v>64571</v>
      </c>
      <c r="E37666" s="1" t="s">
        <v>15563</v>
      </c>
      <c r="F37666" s="1" t="s">
        <v>130161</v>
      </c>
      <c r="G37666" s="1" t="s">
        <v>130138</v>
      </c>
      <c r="H37666" s="1" t="s">
        <v>130139</v>
      </c>
      <c r="I37666" s="1" t="s">
        <v>126615</v>
      </c>
      <c r="J37666" s="1" t="s">
        <v>130162</v>
      </c>
    </row>
    <row r="37667" spans="1:10" x14ac:dyDescent="0.35">
      <c r="A37667" s="1" t="s">
        <v>10511</v>
      </c>
      <c r="B37667" s="1" t="s">
        <v>126612</v>
      </c>
      <c r="C37667" s="1" t="s">
        <v>70</v>
      </c>
      <c r="D37667" s="1" t="s">
        <v>130163</v>
      </c>
      <c r="E37667" s="1" t="s">
        <v>107359</v>
      </c>
      <c r="F37667" s="1" t="s">
        <v>64550</v>
      </c>
      <c r="G37667" s="1" t="s">
        <v>130138</v>
      </c>
      <c r="H37667" s="1" t="s">
        <v>130139</v>
      </c>
      <c r="I37667" s="1" t="s">
        <v>126615</v>
      </c>
      <c r="J37667" s="1" t="s">
        <v>130164</v>
      </c>
    </row>
    <row r="37668" spans="1:10" x14ac:dyDescent="0.35">
      <c r="A37668" s="1" t="s">
        <v>10511</v>
      </c>
      <c r="B37668" s="1" t="s">
        <v>126612</v>
      </c>
      <c r="C37668" s="1" t="s">
        <v>75</v>
      </c>
      <c r="D37668" s="1" t="s">
        <v>130165</v>
      </c>
      <c r="E37668" s="1" t="s">
        <v>78852</v>
      </c>
      <c r="F37668" s="1" t="s">
        <v>130166</v>
      </c>
      <c r="G37668" s="1" t="s">
        <v>130138</v>
      </c>
      <c r="H37668" s="1" t="s">
        <v>130139</v>
      </c>
      <c r="I37668" s="1" t="s">
        <v>126615</v>
      </c>
      <c r="J37668" s="1" t="s">
        <v>130167</v>
      </c>
    </row>
    <row r="37669" spans="1:10" x14ac:dyDescent="0.35">
      <c r="A37669" s="1" t="s">
        <v>10511</v>
      </c>
      <c r="B37669" s="1" t="s">
        <v>126612</v>
      </c>
      <c r="C37669" s="1" t="s">
        <v>80</v>
      </c>
      <c r="D37669" s="1" t="s">
        <v>87717</v>
      </c>
      <c r="E37669" s="1" t="s">
        <v>126617</v>
      </c>
      <c r="F37669" s="1" t="s">
        <v>26195</v>
      </c>
      <c r="G37669" s="1" t="s">
        <v>130138</v>
      </c>
      <c r="H37669" s="1" t="s">
        <v>130139</v>
      </c>
      <c r="I37669" s="1" t="s">
        <v>126615</v>
      </c>
      <c r="J37669" s="1" t="s">
        <v>130168</v>
      </c>
    </row>
    <row r="37670" spans="1:10" x14ac:dyDescent="0.35">
      <c r="A37670" s="1" t="s">
        <v>10511</v>
      </c>
      <c r="B37670" s="1" t="s">
        <v>126612</v>
      </c>
      <c r="C37670" s="1" t="s">
        <v>85</v>
      </c>
      <c r="D37670" s="1" t="s">
        <v>130169</v>
      </c>
      <c r="E37670" s="1" t="s">
        <v>111000</v>
      </c>
      <c r="F37670" s="1" t="s">
        <v>60118</v>
      </c>
      <c r="G37670" s="1" t="s">
        <v>130138</v>
      </c>
      <c r="H37670" s="1" t="s">
        <v>130139</v>
      </c>
      <c r="I37670" s="1" t="s">
        <v>126615</v>
      </c>
      <c r="J37670" s="1" t="s">
        <v>130170</v>
      </c>
    </row>
    <row r="37671" spans="1:10" x14ac:dyDescent="0.35">
      <c r="A37671" s="1" t="s">
        <v>10511</v>
      </c>
      <c r="B37671" s="1" t="s">
        <v>126612</v>
      </c>
      <c r="C37671" s="1" t="s">
        <v>90</v>
      </c>
      <c r="D37671" s="1" t="s">
        <v>77461</v>
      </c>
      <c r="E37671" s="1" t="s">
        <v>130171</v>
      </c>
      <c r="F37671" s="1" t="s">
        <v>130172</v>
      </c>
      <c r="G37671" s="1" t="s">
        <v>130138</v>
      </c>
      <c r="H37671" s="1" t="s">
        <v>130139</v>
      </c>
      <c r="I37671" s="1" t="s">
        <v>126615</v>
      </c>
      <c r="J37671" s="1" t="s">
        <v>130173</v>
      </c>
    </row>
    <row r="37672" spans="1:10" x14ac:dyDescent="0.35">
      <c r="A37672" s="1" t="s">
        <v>10511</v>
      </c>
      <c r="B37672" s="1" t="s">
        <v>126612</v>
      </c>
      <c r="C37672" s="1" t="s">
        <v>95</v>
      </c>
      <c r="D37672" s="1" t="s">
        <v>130174</v>
      </c>
      <c r="E37672" s="1" t="s">
        <v>49825</v>
      </c>
      <c r="F37672" s="1" t="s">
        <v>130175</v>
      </c>
      <c r="G37672" s="1" t="s">
        <v>130138</v>
      </c>
      <c r="H37672" s="1" t="s">
        <v>130139</v>
      </c>
      <c r="I37672" s="1" t="s">
        <v>126615</v>
      </c>
      <c r="J37672" s="1" t="s">
        <v>130176</v>
      </c>
    </row>
    <row r="37673" spans="1:10" x14ac:dyDescent="0.35">
      <c r="A37673" s="1" t="s">
        <v>10511</v>
      </c>
      <c r="B37673" s="1" t="s">
        <v>126612</v>
      </c>
      <c r="C37673" s="1" t="s">
        <v>100</v>
      </c>
      <c r="D37673" s="1" t="s">
        <v>94077</v>
      </c>
      <c r="E37673" s="1" t="s">
        <v>15489</v>
      </c>
      <c r="F37673" s="1" t="s">
        <v>58020</v>
      </c>
      <c r="G37673" s="1" t="s">
        <v>130138</v>
      </c>
      <c r="H37673" s="1" t="s">
        <v>130139</v>
      </c>
      <c r="I37673" s="1" t="s">
        <v>126615</v>
      </c>
      <c r="J37673" s="1" t="s">
        <v>130177</v>
      </c>
    </row>
    <row r="37674" spans="1:10" x14ac:dyDescent="0.35">
      <c r="A37674" s="1" t="s">
        <v>10511</v>
      </c>
      <c r="B37674" s="1" t="s">
        <v>126612</v>
      </c>
      <c r="C37674" s="1" t="s">
        <v>105</v>
      </c>
      <c r="D37674" s="1" t="s">
        <v>130178</v>
      </c>
      <c r="E37674" s="1" t="s">
        <v>130179</v>
      </c>
      <c r="F37674" s="1" t="s">
        <v>130180</v>
      </c>
      <c r="G37674" s="1" t="s">
        <v>130138</v>
      </c>
      <c r="H37674" s="1" t="s">
        <v>130139</v>
      </c>
      <c r="I37674" s="1" t="s">
        <v>126615</v>
      </c>
      <c r="J37674" s="1" t="s">
        <v>130181</v>
      </c>
    </row>
    <row r="37675" spans="1:10" x14ac:dyDescent="0.35">
      <c r="A37675" s="1" t="s">
        <v>10511</v>
      </c>
      <c r="B37675" s="1" t="s">
        <v>126612</v>
      </c>
      <c r="C37675" s="1" t="s">
        <v>110</v>
      </c>
      <c r="D37675" s="1" t="s">
        <v>102860</v>
      </c>
      <c r="E37675" s="1" t="s">
        <v>105391</v>
      </c>
      <c r="F37675" s="1" t="s">
        <v>127009</v>
      </c>
      <c r="G37675" s="1" t="s">
        <v>130138</v>
      </c>
      <c r="H37675" s="1" t="s">
        <v>130139</v>
      </c>
      <c r="I37675" s="1" t="s">
        <v>126615</v>
      </c>
      <c r="J37675" s="1" t="s">
        <v>130182</v>
      </c>
    </row>
    <row r="37676" spans="1:10" x14ac:dyDescent="0.35">
      <c r="A37676" s="1" t="s">
        <v>10511</v>
      </c>
      <c r="B37676" s="1" t="s">
        <v>126612</v>
      </c>
      <c r="C37676" s="1" t="s">
        <v>115</v>
      </c>
      <c r="D37676" s="1" t="s">
        <v>38920</v>
      </c>
      <c r="E37676" s="1" t="s">
        <v>130183</v>
      </c>
      <c r="F37676" s="1" t="s">
        <v>128668</v>
      </c>
      <c r="G37676" s="1" t="s">
        <v>130138</v>
      </c>
      <c r="H37676" s="1" t="s">
        <v>130139</v>
      </c>
      <c r="I37676" s="1" t="s">
        <v>126615</v>
      </c>
      <c r="J37676" s="1" t="s">
        <v>130184</v>
      </c>
    </row>
    <row r="37677" spans="1:10" x14ac:dyDescent="0.35">
      <c r="A37677" s="1" t="s">
        <v>10511</v>
      </c>
      <c r="B37677" s="1" t="s">
        <v>126612</v>
      </c>
      <c r="C37677" s="1" t="s">
        <v>120</v>
      </c>
      <c r="D37677" s="1" t="s">
        <v>130185</v>
      </c>
      <c r="E37677" s="1" t="s">
        <v>130186</v>
      </c>
      <c r="F37677" s="1" t="s">
        <v>130187</v>
      </c>
      <c r="G37677" s="1" t="s">
        <v>130138</v>
      </c>
      <c r="H37677" s="1" t="s">
        <v>130139</v>
      </c>
      <c r="I37677" s="1" t="s">
        <v>126615</v>
      </c>
      <c r="J37677" s="1" t="s">
        <v>130188</v>
      </c>
    </row>
    <row r="37678" spans="1:10" x14ac:dyDescent="0.35">
      <c r="A37678" s="1" t="s">
        <v>10511</v>
      </c>
      <c r="B37678" s="1" t="s">
        <v>126612</v>
      </c>
      <c r="C37678" s="1" t="s">
        <v>125</v>
      </c>
      <c r="D37678" s="1" t="s">
        <v>130189</v>
      </c>
      <c r="E37678" s="1" t="s">
        <v>81190</v>
      </c>
      <c r="F37678" s="1" t="s">
        <v>130190</v>
      </c>
      <c r="G37678" s="1" t="s">
        <v>130138</v>
      </c>
      <c r="H37678" s="1" t="s">
        <v>130139</v>
      </c>
      <c r="I37678" s="1" t="s">
        <v>126615</v>
      </c>
      <c r="J37678" s="1" t="s">
        <v>130191</v>
      </c>
    </row>
    <row r="37679" spans="1:10" x14ac:dyDescent="0.35">
      <c r="A37679" s="1" t="s">
        <v>10511</v>
      </c>
      <c r="B37679" s="1" t="s">
        <v>126612</v>
      </c>
      <c r="C37679" s="1" t="s">
        <v>130</v>
      </c>
      <c r="D37679" s="1" t="s">
        <v>130192</v>
      </c>
      <c r="E37679" s="1" t="s">
        <v>127831</v>
      </c>
      <c r="F37679" s="1" t="s">
        <v>31747</v>
      </c>
      <c r="G37679" s="1" t="s">
        <v>130138</v>
      </c>
      <c r="H37679" s="1" t="s">
        <v>130139</v>
      </c>
      <c r="I37679" s="1" t="s">
        <v>126615</v>
      </c>
      <c r="J37679" s="1" t="s">
        <v>130193</v>
      </c>
    </row>
    <row r="37680" spans="1:10" x14ac:dyDescent="0.35">
      <c r="A37680" s="1" t="s">
        <v>10511</v>
      </c>
      <c r="B37680" s="1" t="s">
        <v>126612</v>
      </c>
      <c r="C37680" s="1" t="s">
        <v>135</v>
      </c>
      <c r="D37680" s="1" t="s">
        <v>95355</v>
      </c>
      <c r="E37680" s="1" t="s">
        <v>130194</v>
      </c>
      <c r="F37680" s="1" t="s">
        <v>130195</v>
      </c>
      <c r="G37680" s="1" t="s">
        <v>130138</v>
      </c>
      <c r="H37680" s="1" t="s">
        <v>130139</v>
      </c>
      <c r="I37680" s="1" t="s">
        <v>126615</v>
      </c>
      <c r="J37680" s="1" t="s">
        <v>130196</v>
      </c>
    </row>
    <row r="37681" spans="1:10" x14ac:dyDescent="0.35">
      <c r="A37681" s="1" t="s">
        <v>10511</v>
      </c>
      <c r="B37681" s="1" t="s">
        <v>126612</v>
      </c>
      <c r="C37681" s="1" t="s">
        <v>140</v>
      </c>
      <c r="D37681" s="1" t="s">
        <v>58611</v>
      </c>
      <c r="E37681" s="1" t="s">
        <v>130197</v>
      </c>
      <c r="F37681" s="1" t="s">
        <v>130198</v>
      </c>
      <c r="G37681" s="1" t="s">
        <v>130138</v>
      </c>
      <c r="H37681" s="1" t="s">
        <v>130139</v>
      </c>
      <c r="I37681" s="1" t="s">
        <v>126615</v>
      </c>
      <c r="J37681" s="1" t="s">
        <v>130199</v>
      </c>
    </row>
    <row r="37682" spans="1:10" x14ac:dyDescent="0.35">
      <c r="A37682" s="1" t="s">
        <v>10511</v>
      </c>
      <c r="B37682" s="1" t="s">
        <v>126612</v>
      </c>
      <c r="C37682" s="1" t="s">
        <v>145</v>
      </c>
      <c r="D37682" s="1" t="s">
        <v>130200</v>
      </c>
      <c r="E37682" s="1" t="s">
        <v>130201</v>
      </c>
      <c r="F37682" s="1" t="s">
        <v>130202</v>
      </c>
      <c r="G37682" s="1" t="s">
        <v>130138</v>
      </c>
      <c r="H37682" s="1" t="s">
        <v>130139</v>
      </c>
      <c r="I37682" s="1" t="s">
        <v>126615</v>
      </c>
      <c r="J37682" s="1" t="s">
        <v>130203</v>
      </c>
    </row>
    <row r="37683" spans="1:10" x14ac:dyDescent="0.35">
      <c r="A37683" s="1" t="s">
        <v>10511</v>
      </c>
      <c r="B37683" s="1" t="s">
        <v>126612</v>
      </c>
      <c r="C37683" s="1" t="s">
        <v>150</v>
      </c>
      <c r="D37683" s="1" t="s">
        <v>93000</v>
      </c>
      <c r="E37683" s="1" t="s">
        <v>127831</v>
      </c>
      <c r="F37683" s="1" t="s">
        <v>31476</v>
      </c>
      <c r="G37683" s="1" t="s">
        <v>130138</v>
      </c>
      <c r="H37683" s="1" t="s">
        <v>130139</v>
      </c>
      <c r="I37683" s="1" t="s">
        <v>126615</v>
      </c>
      <c r="J37683" s="1" t="s">
        <v>130204</v>
      </c>
    </row>
    <row r="37684" spans="1:10" x14ac:dyDescent="0.35">
      <c r="A37684" s="1" t="s">
        <v>10511</v>
      </c>
      <c r="B37684" s="1" t="s">
        <v>126612</v>
      </c>
      <c r="C37684" s="1" t="s">
        <v>155</v>
      </c>
      <c r="D37684" s="1" t="s">
        <v>130205</v>
      </c>
      <c r="E37684" s="1" t="s">
        <v>126658</v>
      </c>
      <c r="F37684" s="1" t="s">
        <v>66456</v>
      </c>
      <c r="G37684" s="1" t="s">
        <v>130138</v>
      </c>
      <c r="H37684" s="1" t="s">
        <v>130139</v>
      </c>
      <c r="I37684" s="1" t="s">
        <v>126615</v>
      </c>
      <c r="J37684" s="1" t="s">
        <v>130206</v>
      </c>
    </row>
    <row r="37685" spans="1:10" x14ac:dyDescent="0.35">
      <c r="A37685" s="1" t="s">
        <v>10511</v>
      </c>
      <c r="B37685" s="1" t="s">
        <v>126612</v>
      </c>
      <c r="C37685" s="1" t="s">
        <v>160</v>
      </c>
      <c r="D37685" s="1" t="s">
        <v>130207</v>
      </c>
      <c r="E37685" s="1" t="s">
        <v>130208</v>
      </c>
      <c r="F37685" s="1" t="s">
        <v>130209</v>
      </c>
      <c r="G37685" s="1" t="s">
        <v>130138</v>
      </c>
      <c r="H37685" s="1" t="s">
        <v>130139</v>
      </c>
      <c r="I37685" s="1" t="s">
        <v>126615</v>
      </c>
      <c r="J37685" s="1" t="s">
        <v>130210</v>
      </c>
    </row>
    <row r="37686" spans="1:10" x14ac:dyDescent="0.35">
      <c r="A37686" s="1" t="s">
        <v>10511</v>
      </c>
      <c r="B37686" s="1" t="s">
        <v>126612</v>
      </c>
      <c r="C37686" s="1" t="s">
        <v>165</v>
      </c>
      <c r="D37686" s="1" t="s">
        <v>87376</v>
      </c>
      <c r="E37686" s="1" t="s">
        <v>130211</v>
      </c>
      <c r="F37686" s="1" t="s">
        <v>130212</v>
      </c>
      <c r="G37686" s="1" t="s">
        <v>130138</v>
      </c>
      <c r="H37686" s="1" t="s">
        <v>130139</v>
      </c>
      <c r="I37686" s="1" t="s">
        <v>126615</v>
      </c>
      <c r="J37686" s="1" t="s">
        <v>130213</v>
      </c>
    </row>
    <row r="37687" spans="1:10" x14ac:dyDescent="0.35">
      <c r="A37687" s="1" t="s">
        <v>10511</v>
      </c>
      <c r="B37687" s="1" t="s">
        <v>126612</v>
      </c>
      <c r="C37687" s="1" t="s">
        <v>170</v>
      </c>
      <c r="D37687" s="1" t="s">
        <v>46676</v>
      </c>
      <c r="E37687" s="1" t="s">
        <v>130214</v>
      </c>
      <c r="F37687" s="1" t="s">
        <v>130215</v>
      </c>
      <c r="G37687" s="1" t="s">
        <v>130138</v>
      </c>
      <c r="H37687" s="1" t="s">
        <v>130139</v>
      </c>
      <c r="I37687" s="1" t="s">
        <v>126615</v>
      </c>
      <c r="J37687" s="1" t="s">
        <v>130216</v>
      </c>
    </row>
    <row r="37688" spans="1:10" x14ac:dyDescent="0.35">
      <c r="A37688" s="1" t="s">
        <v>8514</v>
      </c>
      <c r="B37688" s="1" t="s">
        <v>126612</v>
      </c>
      <c r="C37688" s="1" t="s">
        <v>8</v>
      </c>
      <c r="D37688" s="1" t="s">
        <v>130217</v>
      </c>
      <c r="E37688" s="1" t="s">
        <v>54158</v>
      </c>
      <c r="F37688" s="1" t="s">
        <v>130218</v>
      </c>
      <c r="G37688" s="1" t="s">
        <v>130219</v>
      </c>
      <c r="H37688" s="1" t="s">
        <v>130220</v>
      </c>
      <c r="I37688" s="1" t="s">
        <v>126615</v>
      </c>
      <c r="J37688" s="1" t="s">
        <v>13</v>
      </c>
    </row>
    <row r="37689" spans="1:10" x14ac:dyDescent="0.35">
      <c r="A37689" s="1" t="s">
        <v>8514</v>
      </c>
      <c r="B37689" s="1" t="s">
        <v>126612</v>
      </c>
      <c r="C37689" s="1" t="s">
        <v>15</v>
      </c>
      <c r="D37689" s="1" t="s">
        <v>56268</v>
      </c>
      <c r="E37689" s="1" t="s">
        <v>54387</v>
      </c>
      <c r="F37689" s="1" t="s">
        <v>128520</v>
      </c>
      <c r="G37689" s="1" t="s">
        <v>130219</v>
      </c>
      <c r="H37689" s="1" t="s">
        <v>130220</v>
      </c>
      <c r="I37689" s="1" t="s">
        <v>126615</v>
      </c>
      <c r="J37689" s="1" t="s">
        <v>130221</v>
      </c>
    </row>
    <row r="37690" spans="1:10" x14ac:dyDescent="0.35">
      <c r="A37690" s="1" t="s">
        <v>8514</v>
      </c>
      <c r="B37690" s="1" t="s">
        <v>126612</v>
      </c>
      <c r="C37690" s="1" t="s">
        <v>20</v>
      </c>
      <c r="D37690" s="1" t="s">
        <v>2726</v>
      </c>
      <c r="E37690" s="1" t="s">
        <v>26576</v>
      </c>
      <c r="F37690" s="1" t="s">
        <v>130222</v>
      </c>
      <c r="G37690" s="1" t="s">
        <v>130219</v>
      </c>
      <c r="H37690" s="1" t="s">
        <v>130220</v>
      </c>
      <c r="I37690" s="1" t="s">
        <v>126615</v>
      </c>
      <c r="J37690" s="1" t="s">
        <v>130223</v>
      </c>
    </row>
    <row r="37691" spans="1:10" x14ac:dyDescent="0.35">
      <c r="A37691" s="1" t="s">
        <v>8514</v>
      </c>
      <c r="B37691" s="1" t="s">
        <v>126612</v>
      </c>
      <c r="C37691" s="1" t="s">
        <v>25</v>
      </c>
      <c r="D37691" s="1" t="s">
        <v>130224</v>
      </c>
      <c r="E37691" s="1" t="s">
        <v>23521</v>
      </c>
      <c r="F37691" s="1" t="s">
        <v>130225</v>
      </c>
      <c r="G37691" s="1" t="s">
        <v>130219</v>
      </c>
      <c r="H37691" s="1" t="s">
        <v>130220</v>
      </c>
      <c r="I37691" s="1" t="s">
        <v>126615</v>
      </c>
      <c r="J37691" s="1" t="s">
        <v>130226</v>
      </c>
    </row>
    <row r="37692" spans="1:10" x14ac:dyDescent="0.35">
      <c r="A37692" s="1" t="s">
        <v>8514</v>
      </c>
      <c r="B37692" s="1" t="s">
        <v>126612</v>
      </c>
      <c r="C37692" s="1" t="s">
        <v>30</v>
      </c>
      <c r="D37692" s="1" t="s">
        <v>130227</v>
      </c>
      <c r="E37692" s="1" t="s">
        <v>32576</v>
      </c>
      <c r="F37692" s="1" t="s">
        <v>130228</v>
      </c>
      <c r="G37692" s="1" t="s">
        <v>130219</v>
      </c>
      <c r="H37692" s="1" t="s">
        <v>130220</v>
      </c>
      <c r="I37692" s="1" t="s">
        <v>126615</v>
      </c>
      <c r="J37692" s="1" t="s">
        <v>130229</v>
      </c>
    </row>
    <row r="37693" spans="1:10" x14ac:dyDescent="0.35">
      <c r="A37693" s="1" t="s">
        <v>8514</v>
      </c>
      <c r="B37693" s="1" t="s">
        <v>126612</v>
      </c>
      <c r="C37693" s="1" t="s">
        <v>35</v>
      </c>
      <c r="D37693" s="1" t="s">
        <v>94017</v>
      </c>
      <c r="E37693" s="1" t="s">
        <v>61432</v>
      </c>
      <c r="F37693" s="1" t="s">
        <v>130230</v>
      </c>
      <c r="G37693" s="1" t="s">
        <v>130219</v>
      </c>
      <c r="H37693" s="1" t="s">
        <v>130220</v>
      </c>
      <c r="I37693" s="1" t="s">
        <v>126615</v>
      </c>
      <c r="J37693" s="1" t="s">
        <v>130231</v>
      </c>
    </row>
    <row r="37694" spans="1:10" x14ac:dyDescent="0.35">
      <c r="A37694" s="1" t="s">
        <v>8514</v>
      </c>
      <c r="B37694" s="1" t="s">
        <v>126612</v>
      </c>
      <c r="C37694" s="1" t="s">
        <v>40</v>
      </c>
      <c r="D37694" s="1" t="s">
        <v>130232</v>
      </c>
      <c r="E37694" s="1" t="s">
        <v>54092</v>
      </c>
      <c r="F37694" s="1" t="s">
        <v>130233</v>
      </c>
      <c r="G37694" s="1" t="s">
        <v>130219</v>
      </c>
      <c r="H37694" s="1" t="s">
        <v>130220</v>
      </c>
      <c r="I37694" s="1" t="s">
        <v>126615</v>
      </c>
      <c r="J37694" s="1" t="s">
        <v>130234</v>
      </c>
    </row>
    <row r="37695" spans="1:10" x14ac:dyDescent="0.35">
      <c r="A37695" s="1" t="s">
        <v>8514</v>
      </c>
      <c r="B37695" s="1" t="s">
        <v>126612</v>
      </c>
      <c r="C37695" s="1" t="s">
        <v>45</v>
      </c>
      <c r="D37695" s="1" t="s">
        <v>130235</v>
      </c>
      <c r="E37695" s="1" t="s">
        <v>15392</v>
      </c>
      <c r="F37695" s="1" t="s">
        <v>130236</v>
      </c>
      <c r="G37695" s="1" t="s">
        <v>130219</v>
      </c>
      <c r="H37695" s="1" t="s">
        <v>130220</v>
      </c>
      <c r="I37695" s="1" t="s">
        <v>126615</v>
      </c>
      <c r="J37695" s="1" t="s">
        <v>130237</v>
      </c>
    </row>
    <row r="37696" spans="1:10" x14ac:dyDescent="0.35">
      <c r="A37696" s="1" t="s">
        <v>8514</v>
      </c>
      <c r="B37696" s="1" t="s">
        <v>126612</v>
      </c>
      <c r="C37696" s="1" t="s">
        <v>50</v>
      </c>
      <c r="D37696" s="1" t="s">
        <v>130238</v>
      </c>
      <c r="E37696" s="1" t="s">
        <v>15241</v>
      </c>
      <c r="F37696" s="1" t="s">
        <v>130239</v>
      </c>
      <c r="G37696" s="1" t="s">
        <v>130219</v>
      </c>
      <c r="H37696" s="1" t="s">
        <v>130220</v>
      </c>
      <c r="I37696" s="1" t="s">
        <v>126615</v>
      </c>
      <c r="J37696" s="1" t="s">
        <v>130240</v>
      </c>
    </row>
    <row r="37697" spans="1:10" x14ac:dyDescent="0.35">
      <c r="A37697" s="1" t="s">
        <v>8514</v>
      </c>
      <c r="B37697" s="1" t="s">
        <v>126612</v>
      </c>
      <c r="C37697" s="1" t="s">
        <v>55</v>
      </c>
      <c r="D37697" s="1" t="s">
        <v>130241</v>
      </c>
      <c r="E37697" s="1" t="s">
        <v>56079</v>
      </c>
      <c r="F37697" s="1" t="s">
        <v>130242</v>
      </c>
      <c r="G37697" s="1" t="s">
        <v>130219</v>
      </c>
      <c r="H37697" s="1" t="s">
        <v>130220</v>
      </c>
      <c r="I37697" s="1" t="s">
        <v>126615</v>
      </c>
      <c r="J37697" s="1" t="s">
        <v>130243</v>
      </c>
    </row>
    <row r="37698" spans="1:10" x14ac:dyDescent="0.35">
      <c r="A37698" s="1" t="s">
        <v>8514</v>
      </c>
      <c r="B37698" s="1" t="s">
        <v>126612</v>
      </c>
      <c r="C37698" s="1" t="s">
        <v>60</v>
      </c>
      <c r="D37698" s="1" t="s">
        <v>130244</v>
      </c>
      <c r="E37698" s="1" t="s">
        <v>15592</v>
      </c>
      <c r="F37698" s="1" t="s">
        <v>130245</v>
      </c>
      <c r="G37698" s="1" t="s">
        <v>130219</v>
      </c>
      <c r="H37698" s="1" t="s">
        <v>130220</v>
      </c>
      <c r="I37698" s="1" t="s">
        <v>126615</v>
      </c>
      <c r="J37698" s="1" t="s">
        <v>130246</v>
      </c>
    </row>
    <row r="37699" spans="1:10" x14ac:dyDescent="0.35">
      <c r="A37699" s="1" t="s">
        <v>8514</v>
      </c>
      <c r="B37699" s="1" t="s">
        <v>126612</v>
      </c>
      <c r="C37699" s="1" t="s">
        <v>65</v>
      </c>
      <c r="D37699" s="1" t="s">
        <v>128775</v>
      </c>
      <c r="E37699" s="1" t="s">
        <v>56842</v>
      </c>
      <c r="F37699" s="1" t="s">
        <v>130247</v>
      </c>
      <c r="G37699" s="1" t="s">
        <v>130219</v>
      </c>
      <c r="H37699" s="1" t="s">
        <v>130220</v>
      </c>
      <c r="I37699" s="1" t="s">
        <v>126615</v>
      </c>
      <c r="J37699" s="1" t="s">
        <v>130248</v>
      </c>
    </row>
    <row r="37700" spans="1:10" x14ac:dyDescent="0.35">
      <c r="A37700" s="1" t="s">
        <v>8514</v>
      </c>
      <c r="B37700" s="1" t="s">
        <v>126612</v>
      </c>
      <c r="C37700" s="1" t="s">
        <v>70</v>
      </c>
      <c r="D37700" s="1" t="s">
        <v>22205</v>
      </c>
      <c r="E37700" s="1" t="s">
        <v>23495</v>
      </c>
      <c r="F37700" s="1" t="s">
        <v>130249</v>
      </c>
      <c r="G37700" s="1" t="s">
        <v>130219</v>
      </c>
      <c r="H37700" s="1" t="s">
        <v>130220</v>
      </c>
      <c r="I37700" s="1" t="s">
        <v>126615</v>
      </c>
      <c r="J37700" s="1" t="s">
        <v>130250</v>
      </c>
    </row>
    <row r="37701" spans="1:10" x14ac:dyDescent="0.35">
      <c r="A37701" s="1" t="s">
        <v>8514</v>
      </c>
      <c r="B37701" s="1" t="s">
        <v>126612</v>
      </c>
      <c r="C37701" s="1" t="s">
        <v>75</v>
      </c>
      <c r="D37701" s="1" t="s">
        <v>130251</v>
      </c>
      <c r="E37701" s="1" t="s">
        <v>54697</v>
      </c>
      <c r="F37701" s="1" t="s">
        <v>130252</v>
      </c>
      <c r="G37701" s="1" t="s">
        <v>130219</v>
      </c>
      <c r="H37701" s="1" t="s">
        <v>130220</v>
      </c>
      <c r="I37701" s="1" t="s">
        <v>126615</v>
      </c>
      <c r="J37701" s="1" t="s">
        <v>130253</v>
      </c>
    </row>
    <row r="37702" spans="1:10" x14ac:dyDescent="0.35">
      <c r="A37702" s="1" t="s">
        <v>8514</v>
      </c>
      <c r="B37702" s="1" t="s">
        <v>126612</v>
      </c>
      <c r="C37702" s="1" t="s">
        <v>80</v>
      </c>
      <c r="D37702" s="1" t="s">
        <v>130254</v>
      </c>
      <c r="E37702" s="1" t="s">
        <v>26191</v>
      </c>
      <c r="F37702" s="1" t="s">
        <v>130255</v>
      </c>
      <c r="G37702" s="1" t="s">
        <v>130219</v>
      </c>
      <c r="H37702" s="1" t="s">
        <v>130220</v>
      </c>
      <c r="I37702" s="1" t="s">
        <v>126615</v>
      </c>
      <c r="J37702" s="1" t="s">
        <v>130256</v>
      </c>
    </row>
    <row r="37703" spans="1:10" x14ac:dyDescent="0.35">
      <c r="A37703" s="1" t="s">
        <v>8514</v>
      </c>
      <c r="B37703" s="1" t="s">
        <v>126612</v>
      </c>
      <c r="C37703" s="1" t="s">
        <v>85</v>
      </c>
      <c r="D37703" s="1" t="s">
        <v>89211</v>
      </c>
      <c r="E37703" s="1" t="s">
        <v>54783</v>
      </c>
      <c r="F37703" s="1" t="s">
        <v>56638</v>
      </c>
      <c r="G37703" s="1" t="s">
        <v>130219</v>
      </c>
      <c r="H37703" s="1" t="s">
        <v>130220</v>
      </c>
      <c r="I37703" s="1" t="s">
        <v>126615</v>
      </c>
      <c r="J37703" s="1" t="s">
        <v>130257</v>
      </c>
    </row>
    <row r="37704" spans="1:10" x14ac:dyDescent="0.35">
      <c r="A37704" s="1" t="s">
        <v>8514</v>
      </c>
      <c r="B37704" s="1" t="s">
        <v>126612</v>
      </c>
      <c r="C37704" s="1" t="s">
        <v>90</v>
      </c>
      <c r="D37704" s="1" t="s">
        <v>130258</v>
      </c>
      <c r="E37704" s="1" t="s">
        <v>57103</v>
      </c>
      <c r="F37704" s="1" t="s">
        <v>130259</v>
      </c>
      <c r="G37704" s="1" t="s">
        <v>130219</v>
      </c>
      <c r="H37704" s="1" t="s">
        <v>130220</v>
      </c>
      <c r="I37704" s="1" t="s">
        <v>126615</v>
      </c>
      <c r="J37704" s="1" t="s">
        <v>130260</v>
      </c>
    </row>
    <row r="37705" spans="1:10" x14ac:dyDescent="0.35">
      <c r="A37705" s="1" t="s">
        <v>8514</v>
      </c>
      <c r="B37705" s="1" t="s">
        <v>126612</v>
      </c>
      <c r="C37705" s="1" t="s">
        <v>95</v>
      </c>
      <c r="D37705" s="1" t="s">
        <v>130261</v>
      </c>
      <c r="E37705" s="1" t="s">
        <v>72806</v>
      </c>
      <c r="F37705" s="1" t="s">
        <v>69031</v>
      </c>
      <c r="G37705" s="1" t="s">
        <v>130219</v>
      </c>
      <c r="H37705" s="1" t="s">
        <v>130220</v>
      </c>
      <c r="I37705" s="1" t="s">
        <v>126615</v>
      </c>
      <c r="J37705" s="1" t="s">
        <v>130262</v>
      </c>
    </row>
    <row r="37706" spans="1:10" x14ac:dyDescent="0.35">
      <c r="A37706" s="1" t="s">
        <v>8514</v>
      </c>
      <c r="B37706" s="1" t="s">
        <v>126612</v>
      </c>
      <c r="C37706" s="1" t="s">
        <v>100</v>
      </c>
      <c r="D37706" s="1" t="s">
        <v>130263</v>
      </c>
      <c r="E37706" s="1" t="s">
        <v>26556</v>
      </c>
      <c r="F37706" s="1" t="s">
        <v>130264</v>
      </c>
      <c r="G37706" s="1" t="s">
        <v>130219</v>
      </c>
      <c r="H37706" s="1" t="s">
        <v>130220</v>
      </c>
      <c r="I37706" s="1" t="s">
        <v>126615</v>
      </c>
      <c r="J37706" s="1" t="s">
        <v>130265</v>
      </c>
    </row>
    <row r="37707" spans="1:10" x14ac:dyDescent="0.35">
      <c r="A37707" s="1" t="s">
        <v>8514</v>
      </c>
      <c r="B37707" s="1" t="s">
        <v>126612</v>
      </c>
      <c r="C37707" s="1" t="s">
        <v>105</v>
      </c>
      <c r="D37707" s="1" t="s">
        <v>130266</v>
      </c>
      <c r="E37707" s="1" t="s">
        <v>15300</v>
      </c>
      <c r="F37707" s="1" t="s">
        <v>130267</v>
      </c>
      <c r="G37707" s="1" t="s">
        <v>130219</v>
      </c>
      <c r="H37707" s="1" t="s">
        <v>130220</v>
      </c>
      <c r="I37707" s="1" t="s">
        <v>126615</v>
      </c>
      <c r="J37707" s="1" t="s">
        <v>130268</v>
      </c>
    </row>
    <row r="37708" spans="1:10" x14ac:dyDescent="0.35">
      <c r="A37708" s="1" t="s">
        <v>8514</v>
      </c>
      <c r="B37708" s="1" t="s">
        <v>126612</v>
      </c>
      <c r="C37708" s="1" t="s">
        <v>110</v>
      </c>
      <c r="D37708" s="1" t="s">
        <v>130269</v>
      </c>
      <c r="E37708" s="1" t="s">
        <v>54028</v>
      </c>
      <c r="F37708" s="1" t="s">
        <v>56905</v>
      </c>
      <c r="G37708" s="1" t="s">
        <v>130219</v>
      </c>
      <c r="H37708" s="1" t="s">
        <v>130220</v>
      </c>
      <c r="I37708" s="1" t="s">
        <v>126615</v>
      </c>
      <c r="J37708" s="1" t="s">
        <v>130270</v>
      </c>
    </row>
    <row r="37709" spans="1:10" x14ac:dyDescent="0.35">
      <c r="A37709" s="1" t="s">
        <v>8514</v>
      </c>
      <c r="B37709" s="1" t="s">
        <v>126612</v>
      </c>
      <c r="C37709" s="1" t="s">
        <v>115</v>
      </c>
      <c r="D37709" s="1" t="s">
        <v>130271</v>
      </c>
      <c r="E37709" s="1" t="s">
        <v>32604</v>
      </c>
      <c r="F37709" s="1" t="s">
        <v>130272</v>
      </c>
      <c r="G37709" s="1" t="s">
        <v>130219</v>
      </c>
      <c r="H37709" s="1" t="s">
        <v>130220</v>
      </c>
      <c r="I37709" s="1" t="s">
        <v>126615</v>
      </c>
      <c r="J37709" s="1" t="s">
        <v>130273</v>
      </c>
    </row>
    <row r="37710" spans="1:10" x14ac:dyDescent="0.35">
      <c r="A37710" s="1" t="s">
        <v>8514</v>
      </c>
      <c r="B37710" s="1" t="s">
        <v>126612</v>
      </c>
      <c r="C37710" s="1" t="s">
        <v>120</v>
      </c>
      <c r="D37710" s="1" t="s">
        <v>130274</v>
      </c>
      <c r="E37710" s="1" t="s">
        <v>130275</v>
      </c>
      <c r="F37710" s="1" t="s">
        <v>105412</v>
      </c>
      <c r="G37710" s="1" t="s">
        <v>130219</v>
      </c>
      <c r="H37710" s="1" t="s">
        <v>130220</v>
      </c>
      <c r="I37710" s="1" t="s">
        <v>126615</v>
      </c>
      <c r="J37710" s="1" t="s">
        <v>130276</v>
      </c>
    </row>
    <row r="37711" spans="1:10" x14ac:dyDescent="0.35">
      <c r="A37711" s="1" t="s">
        <v>8514</v>
      </c>
      <c r="B37711" s="1" t="s">
        <v>126612</v>
      </c>
      <c r="C37711" s="1" t="s">
        <v>125</v>
      </c>
      <c r="D37711" s="1" t="s">
        <v>98241</v>
      </c>
      <c r="E37711" s="1" t="s">
        <v>31965</v>
      </c>
      <c r="F37711" s="1" t="s">
        <v>130277</v>
      </c>
      <c r="G37711" s="1" t="s">
        <v>130219</v>
      </c>
      <c r="H37711" s="1" t="s">
        <v>130220</v>
      </c>
      <c r="I37711" s="1" t="s">
        <v>126615</v>
      </c>
      <c r="J37711" s="1" t="s">
        <v>130278</v>
      </c>
    </row>
    <row r="37712" spans="1:10" x14ac:dyDescent="0.35">
      <c r="A37712" s="1" t="s">
        <v>8514</v>
      </c>
      <c r="B37712" s="1" t="s">
        <v>126612</v>
      </c>
      <c r="C37712" s="1" t="s">
        <v>130</v>
      </c>
      <c r="D37712" s="1" t="s">
        <v>130279</v>
      </c>
      <c r="E37712" s="1" t="s">
        <v>57176</v>
      </c>
      <c r="F37712" s="1" t="s">
        <v>130280</v>
      </c>
      <c r="G37712" s="1" t="s">
        <v>130219</v>
      </c>
      <c r="H37712" s="1" t="s">
        <v>130220</v>
      </c>
      <c r="I37712" s="1" t="s">
        <v>126615</v>
      </c>
      <c r="J37712" s="1" t="s">
        <v>130281</v>
      </c>
    </row>
    <row r="37713" spans="1:10" x14ac:dyDescent="0.35">
      <c r="A37713" s="1" t="s">
        <v>8514</v>
      </c>
      <c r="B37713" s="1" t="s">
        <v>126612</v>
      </c>
      <c r="C37713" s="1" t="s">
        <v>135</v>
      </c>
      <c r="D37713" s="1" t="s">
        <v>80527</v>
      </c>
      <c r="E37713" s="1" t="s">
        <v>23513</v>
      </c>
      <c r="F37713" s="1" t="s">
        <v>58040</v>
      </c>
      <c r="G37713" s="1" t="s">
        <v>130219</v>
      </c>
      <c r="H37713" s="1" t="s">
        <v>130220</v>
      </c>
      <c r="I37713" s="1" t="s">
        <v>126615</v>
      </c>
      <c r="J37713" s="1" t="s">
        <v>130282</v>
      </c>
    </row>
    <row r="37714" spans="1:10" x14ac:dyDescent="0.35">
      <c r="A37714" s="1" t="s">
        <v>8514</v>
      </c>
      <c r="B37714" s="1" t="s">
        <v>126612</v>
      </c>
      <c r="C37714" s="1" t="s">
        <v>140</v>
      </c>
      <c r="D37714" s="1" t="s">
        <v>130283</v>
      </c>
      <c r="E37714" s="1" t="s">
        <v>22302</v>
      </c>
      <c r="F37714" s="1" t="s">
        <v>130284</v>
      </c>
      <c r="G37714" s="1" t="s">
        <v>130219</v>
      </c>
      <c r="H37714" s="1" t="s">
        <v>130220</v>
      </c>
      <c r="I37714" s="1" t="s">
        <v>126615</v>
      </c>
      <c r="J37714" s="1" t="s">
        <v>130285</v>
      </c>
    </row>
    <row r="37715" spans="1:10" x14ac:dyDescent="0.35">
      <c r="A37715" s="1" t="s">
        <v>8514</v>
      </c>
      <c r="B37715" s="1" t="s">
        <v>126612</v>
      </c>
      <c r="C37715" s="1" t="s">
        <v>145</v>
      </c>
      <c r="D37715" s="1" t="s">
        <v>59191</v>
      </c>
      <c r="E37715" s="1" t="s">
        <v>24276</v>
      </c>
      <c r="F37715" s="1" t="s">
        <v>102012</v>
      </c>
      <c r="G37715" s="1" t="s">
        <v>130219</v>
      </c>
      <c r="H37715" s="1" t="s">
        <v>130220</v>
      </c>
      <c r="I37715" s="1" t="s">
        <v>126615</v>
      </c>
      <c r="J37715" s="1" t="s">
        <v>130286</v>
      </c>
    </row>
    <row r="37716" spans="1:10" x14ac:dyDescent="0.35">
      <c r="A37716" s="1" t="s">
        <v>8514</v>
      </c>
      <c r="B37716" s="1" t="s">
        <v>126612</v>
      </c>
      <c r="C37716" s="1" t="s">
        <v>150</v>
      </c>
      <c r="D37716" s="1" t="s">
        <v>57837</v>
      </c>
      <c r="E37716" s="1" t="s">
        <v>65430</v>
      </c>
      <c r="F37716" s="1" t="s">
        <v>130287</v>
      </c>
      <c r="G37716" s="1" t="s">
        <v>130219</v>
      </c>
      <c r="H37716" s="1" t="s">
        <v>130220</v>
      </c>
      <c r="I37716" s="1" t="s">
        <v>126615</v>
      </c>
      <c r="J37716" s="1" t="s">
        <v>130288</v>
      </c>
    </row>
    <row r="37717" spans="1:10" x14ac:dyDescent="0.35">
      <c r="A37717" s="1" t="s">
        <v>8514</v>
      </c>
      <c r="B37717" s="1" t="s">
        <v>126612</v>
      </c>
      <c r="C37717" s="1" t="s">
        <v>155</v>
      </c>
      <c r="D37717" s="1" t="s">
        <v>64354</v>
      </c>
      <c r="E37717" s="1" t="s">
        <v>19908</v>
      </c>
      <c r="F37717" s="1" t="s">
        <v>11781</v>
      </c>
      <c r="G37717" s="1" t="s">
        <v>130219</v>
      </c>
      <c r="H37717" s="1" t="s">
        <v>130220</v>
      </c>
      <c r="I37717" s="1" t="s">
        <v>126615</v>
      </c>
      <c r="J37717" s="1" t="s">
        <v>130289</v>
      </c>
    </row>
    <row r="37718" spans="1:10" x14ac:dyDescent="0.35">
      <c r="A37718" s="1" t="s">
        <v>8514</v>
      </c>
      <c r="B37718" s="1" t="s">
        <v>126612</v>
      </c>
      <c r="C37718" s="1" t="s">
        <v>160</v>
      </c>
      <c r="D37718" s="1" t="s">
        <v>67198</v>
      </c>
      <c r="E37718" s="1" t="s">
        <v>27134</v>
      </c>
      <c r="F37718" s="1" t="s">
        <v>130290</v>
      </c>
      <c r="G37718" s="1" t="s">
        <v>130219</v>
      </c>
      <c r="H37718" s="1" t="s">
        <v>130220</v>
      </c>
      <c r="I37718" s="1" t="s">
        <v>126615</v>
      </c>
      <c r="J37718" s="1" t="s">
        <v>130291</v>
      </c>
    </row>
    <row r="37719" spans="1:10" x14ac:dyDescent="0.35">
      <c r="A37719" s="1" t="s">
        <v>8514</v>
      </c>
      <c r="B37719" s="1" t="s">
        <v>126612</v>
      </c>
      <c r="C37719" s="1" t="s">
        <v>165</v>
      </c>
      <c r="D37719" s="1" t="s">
        <v>87529</v>
      </c>
      <c r="E37719" s="1" t="s">
        <v>54154</v>
      </c>
      <c r="F37719" s="1" t="s">
        <v>130292</v>
      </c>
      <c r="G37719" s="1" t="s">
        <v>130219</v>
      </c>
      <c r="H37719" s="1" t="s">
        <v>130220</v>
      </c>
      <c r="I37719" s="1" t="s">
        <v>126615</v>
      </c>
      <c r="J37719" s="1" t="s">
        <v>130293</v>
      </c>
    </row>
    <row r="37720" spans="1:10" x14ac:dyDescent="0.35">
      <c r="A37720" s="1" t="s">
        <v>8514</v>
      </c>
      <c r="B37720" s="1" t="s">
        <v>126612</v>
      </c>
      <c r="C37720" s="1" t="s">
        <v>170</v>
      </c>
      <c r="D37720" s="1" t="s">
        <v>130294</v>
      </c>
      <c r="E37720" s="1" t="s">
        <v>89274</v>
      </c>
      <c r="F37720" s="1" t="s">
        <v>130295</v>
      </c>
      <c r="G37720" s="1" t="s">
        <v>130219</v>
      </c>
      <c r="H37720" s="1" t="s">
        <v>130220</v>
      </c>
      <c r="I37720" s="1" t="s">
        <v>126615</v>
      </c>
      <c r="J37720" s="1" t="s">
        <v>130296</v>
      </c>
    </row>
    <row r="37721" spans="1:10" x14ac:dyDescent="0.35">
      <c r="A37721" s="1" t="s">
        <v>44669</v>
      </c>
      <c r="B37721" s="1" t="s">
        <v>126612</v>
      </c>
      <c r="C37721" s="1" t="s">
        <v>8</v>
      </c>
      <c r="D37721" s="1" t="s">
        <v>79074</v>
      </c>
      <c r="E37721" s="1" t="s">
        <v>128965</v>
      </c>
      <c r="F37721" s="1" t="s">
        <v>130297</v>
      </c>
      <c r="G37721" s="1" t="s">
        <v>130298</v>
      </c>
      <c r="H37721" s="1" t="s">
        <v>130299</v>
      </c>
      <c r="I37721" s="1" t="s">
        <v>126615</v>
      </c>
      <c r="J37721" s="1" t="s">
        <v>13</v>
      </c>
    </row>
    <row r="37722" spans="1:10" x14ac:dyDescent="0.35">
      <c r="A37722" s="1" t="s">
        <v>44669</v>
      </c>
      <c r="B37722" s="1" t="s">
        <v>126612</v>
      </c>
      <c r="C37722" s="1" t="s">
        <v>15</v>
      </c>
      <c r="D37722" s="1" t="s">
        <v>53516</v>
      </c>
      <c r="E37722" s="1" t="s">
        <v>130300</v>
      </c>
      <c r="F37722" s="1" t="s">
        <v>130301</v>
      </c>
      <c r="G37722" s="1" t="s">
        <v>130298</v>
      </c>
      <c r="H37722" s="1" t="s">
        <v>130299</v>
      </c>
      <c r="I37722" s="1" t="s">
        <v>126615</v>
      </c>
      <c r="J37722" s="1" t="s">
        <v>130302</v>
      </c>
    </row>
    <row r="37723" spans="1:10" x14ac:dyDescent="0.35">
      <c r="A37723" s="1" t="s">
        <v>44669</v>
      </c>
      <c r="B37723" s="1" t="s">
        <v>126612</v>
      </c>
      <c r="C37723" s="1" t="s">
        <v>20</v>
      </c>
      <c r="D37723" s="1" t="s">
        <v>93837</v>
      </c>
      <c r="E37723" s="1" t="s">
        <v>108698</v>
      </c>
      <c r="F37723" s="1" t="s">
        <v>127224</v>
      </c>
      <c r="G37723" s="1" t="s">
        <v>130298</v>
      </c>
      <c r="H37723" s="1" t="s">
        <v>130299</v>
      </c>
      <c r="I37723" s="1" t="s">
        <v>126615</v>
      </c>
      <c r="J37723" s="1" t="s">
        <v>130303</v>
      </c>
    </row>
    <row r="37724" spans="1:10" x14ac:dyDescent="0.35">
      <c r="A37724" s="1" t="s">
        <v>44669</v>
      </c>
      <c r="B37724" s="1" t="s">
        <v>126612</v>
      </c>
      <c r="C37724" s="1" t="s">
        <v>25</v>
      </c>
      <c r="D37724" s="1" t="s">
        <v>101307</v>
      </c>
      <c r="E37724" s="1" t="s">
        <v>130304</v>
      </c>
      <c r="F37724" s="1" t="s">
        <v>130305</v>
      </c>
      <c r="G37724" s="1" t="s">
        <v>130298</v>
      </c>
      <c r="H37724" s="1" t="s">
        <v>130299</v>
      </c>
      <c r="I37724" s="1" t="s">
        <v>126615</v>
      </c>
      <c r="J37724" s="1" t="s">
        <v>130306</v>
      </c>
    </row>
    <row r="37725" spans="1:10" x14ac:dyDescent="0.35">
      <c r="A37725" s="1" t="s">
        <v>44669</v>
      </c>
      <c r="B37725" s="1" t="s">
        <v>126612</v>
      </c>
      <c r="C37725" s="1" t="s">
        <v>30</v>
      </c>
      <c r="D37725" s="1" t="s">
        <v>130307</v>
      </c>
      <c r="E37725" s="1" t="s">
        <v>130308</v>
      </c>
      <c r="F37725" s="1" t="s">
        <v>61751</v>
      </c>
      <c r="G37725" s="1" t="s">
        <v>130298</v>
      </c>
      <c r="H37725" s="1" t="s">
        <v>130299</v>
      </c>
      <c r="I37725" s="1" t="s">
        <v>126615</v>
      </c>
      <c r="J37725" s="1" t="s">
        <v>130309</v>
      </c>
    </row>
    <row r="37726" spans="1:10" x14ac:dyDescent="0.35">
      <c r="A37726" s="1" t="s">
        <v>44669</v>
      </c>
      <c r="B37726" s="1" t="s">
        <v>126612</v>
      </c>
      <c r="C37726" s="1" t="s">
        <v>35</v>
      </c>
      <c r="D37726" s="1" t="s">
        <v>58513</v>
      </c>
      <c r="E37726" s="1" t="s">
        <v>70897</v>
      </c>
      <c r="F37726" s="1" t="s">
        <v>65211</v>
      </c>
      <c r="G37726" s="1" t="s">
        <v>130298</v>
      </c>
      <c r="H37726" s="1" t="s">
        <v>130299</v>
      </c>
      <c r="I37726" s="1" t="s">
        <v>126615</v>
      </c>
      <c r="J37726" s="1" t="s">
        <v>130310</v>
      </c>
    </row>
    <row r="37727" spans="1:10" x14ac:dyDescent="0.35">
      <c r="A37727" s="1" t="s">
        <v>44669</v>
      </c>
      <c r="B37727" s="1" t="s">
        <v>126612</v>
      </c>
      <c r="C37727" s="1" t="s">
        <v>40</v>
      </c>
      <c r="D37727" s="1" t="s">
        <v>130311</v>
      </c>
      <c r="E37727" s="1" t="s">
        <v>130312</v>
      </c>
      <c r="F37727" s="1" t="s">
        <v>130313</v>
      </c>
      <c r="G37727" s="1" t="s">
        <v>130298</v>
      </c>
      <c r="H37727" s="1" t="s">
        <v>130299</v>
      </c>
      <c r="I37727" s="1" t="s">
        <v>126615</v>
      </c>
      <c r="J37727" s="1" t="s">
        <v>130314</v>
      </c>
    </row>
    <row r="37728" spans="1:10" x14ac:dyDescent="0.35">
      <c r="A37728" s="1" t="s">
        <v>44669</v>
      </c>
      <c r="B37728" s="1" t="s">
        <v>126612</v>
      </c>
      <c r="C37728" s="1" t="s">
        <v>45</v>
      </c>
      <c r="D37728" s="1" t="s">
        <v>126722</v>
      </c>
      <c r="E37728" s="1" t="s">
        <v>95803</v>
      </c>
      <c r="F37728" s="1" t="s">
        <v>68449</v>
      </c>
      <c r="G37728" s="1" t="s">
        <v>130298</v>
      </c>
      <c r="H37728" s="1" t="s">
        <v>130299</v>
      </c>
      <c r="I37728" s="1" t="s">
        <v>126615</v>
      </c>
      <c r="J37728" s="1" t="s">
        <v>130315</v>
      </c>
    </row>
    <row r="37729" spans="1:10" x14ac:dyDescent="0.35">
      <c r="A37729" s="1" t="s">
        <v>44669</v>
      </c>
      <c r="B37729" s="1" t="s">
        <v>126612</v>
      </c>
      <c r="C37729" s="1" t="s">
        <v>50</v>
      </c>
      <c r="D37729" s="1" t="s">
        <v>62646</v>
      </c>
      <c r="E37729" s="1" t="s">
        <v>77738</v>
      </c>
      <c r="F37729" s="1" t="s">
        <v>27460</v>
      </c>
      <c r="G37729" s="1" t="s">
        <v>130298</v>
      </c>
      <c r="H37729" s="1" t="s">
        <v>130299</v>
      </c>
      <c r="I37729" s="1" t="s">
        <v>126615</v>
      </c>
      <c r="J37729" s="1" t="s">
        <v>130316</v>
      </c>
    </row>
    <row r="37730" spans="1:10" x14ac:dyDescent="0.35">
      <c r="A37730" s="1" t="s">
        <v>44669</v>
      </c>
      <c r="B37730" s="1" t="s">
        <v>126612</v>
      </c>
      <c r="C37730" s="1" t="s">
        <v>55</v>
      </c>
      <c r="D37730" s="1" t="s">
        <v>40204</v>
      </c>
      <c r="E37730" s="1" t="s">
        <v>130317</v>
      </c>
      <c r="F37730" s="1" t="s">
        <v>130318</v>
      </c>
      <c r="G37730" s="1" t="s">
        <v>130298</v>
      </c>
      <c r="H37730" s="1" t="s">
        <v>130299</v>
      </c>
      <c r="I37730" s="1" t="s">
        <v>126615</v>
      </c>
      <c r="J37730" s="1" t="s">
        <v>130319</v>
      </c>
    </row>
    <row r="37731" spans="1:10" x14ac:dyDescent="0.35">
      <c r="A37731" s="1" t="s">
        <v>44669</v>
      </c>
      <c r="B37731" s="1" t="s">
        <v>126612</v>
      </c>
      <c r="C37731" s="1" t="s">
        <v>60</v>
      </c>
      <c r="D37731" s="1" t="s">
        <v>87658</v>
      </c>
      <c r="E37731" s="1" t="s">
        <v>128033</v>
      </c>
      <c r="F37731" s="1" t="s">
        <v>130320</v>
      </c>
      <c r="G37731" s="1" t="s">
        <v>130298</v>
      </c>
      <c r="H37731" s="1" t="s">
        <v>130299</v>
      </c>
      <c r="I37731" s="1" t="s">
        <v>126615</v>
      </c>
      <c r="J37731" s="1" t="s">
        <v>130321</v>
      </c>
    </row>
    <row r="37732" spans="1:10" x14ac:dyDescent="0.35">
      <c r="A37732" s="1" t="s">
        <v>44669</v>
      </c>
      <c r="B37732" s="1" t="s">
        <v>126612</v>
      </c>
      <c r="C37732" s="1" t="s">
        <v>65</v>
      </c>
      <c r="D37732" s="1" t="s">
        <v>130322</v>
      </c>
      <c r="E37732" s="1" t="s">
        <v>130323</v>
      </c>
      <c r="F37732" s="1" t="s">
        <v>130324</v>
      </c>
      <c r="G37732" s="1" t="s">
        <v>130298</v>
      </c>
      <c r="H37732" s="1" t="s">
        <v>130299</v>
      </c>
      <c r="I37732" s="1" t="s">
        <v>126615</v>
      </c>
      <c r="J37732" s="1" t="s">
        <v>130325</v>
      </c>
    </row>
    <row r="37733" spans="1:10" x14ac:dyDescent="0.35">
      <c r="A37733" s="1" t="s">
        <v>44669</v>
      </c>
      <c r="B37733" s="1" t="s">
        <v>126612</v>
      </c>
      <c r="C37733" s="1" t="s">
        <v>70</v>
      </c>
      <c r="D37733" s="1" t="s">
        <v>130326</v>
      </c>
      <c r="E37733" s="1" t="s">
        <v>128491</v>
      </c>
      <c r="F37733" s="1" t="s">
        <v>130327</v>
      </c>
      <c r="G37733" s="1" t="s">
        <v>130298</v>
      </c>
      <c r="H37733" s="1" t="s">
        <v>130299</v>
      </c>
      <c r="I37733" s="1" t="s">
        <v>126615</v>
      </c>
      <c r="J37733" s="1" t="s">
        <v>130328</v>
      </c>
    </row>
    <row r="37734" spans="1:10" x14ac:dyDescent="0.35">
      <c r="A37734" s="1" t="s">
        <v>44669</v>
      </c>
      <c r="B37734" s="1" t="s">
        <v>126612</v>
      </c>
      <c r="C37734" s="1" t="s">
        <v>75</v>
      </c>
      <c r="D37734" s="1" t="s">
        <v>130329</v>
      </c>
      <c r="E37734" s="1" t="s">
        <v>130330</v>
      </c>
      <c r="F37734" s="1" t="s">
        <v>62442</v>
      </c>
      <c r="G37734" s="1" t="s">
        <v>130298</v>
      </c>
      <c r="H37734" s="1" t="s">
        <v>130299</v>
      </c>
      <c r="I37734" s="1" t="s">
        <v>126615</v>
      </c>
      <c r="J37734" s="1" t="s">
        <v>130331</v>
      </c>
    </row>
    <row r="37735" spans="1:10" x14ac:dyDescent="0.35">
      <c r="A37735" s="1" t="s">
        <v>44669</v>
      </c>
      <c r="B37735" s="1" t="s">
        <v>126612</v>
      </c>
      <c r="C37735" s="1" t="s">
        <v>80</v>
      </c>
      <c r="D37735" s="1" t="s">
        <v>130332</v>
      </c>
      <c r="E37735" s="1" t="s">
        <v>128519</v>
      </c>
      <c r="F37735" s="1" t="s">
        <v>130333</v>
      </c>
      <c r="G37735" s="1" t="s">
        <v>130298</v>
      </c>
      <c r="H37735" s="1" t="s">
        <v>130299</v>
      </c>
      <c r="I37735" s="1" t="s">
        <v>126615</v>
      </c>
      <c r="J37735" s="1" t="s">
        <v>130334</v>
      </c>
    </row>
    <row r="37736" spans="1:10" x14ac:dyDescent="0.35">
      <c r="A37736" s="1" t="s">
        <v>44669</v>
      </c>
      <c r="B37736" s="1" t="s">
        <v>126612</v>
      </c>
      <c r="C37736" s="1" t="s">
        <v>85</v>
      </c>
      <c r="D37736" s="1" t="s">
        <v>130335</v>
      </c>
      <c r="E37736" s="1" t="s">
        <v>130336</v>
      </c>
      <c r="F37736" s="1" t="s">
        <v>65937</v>
      </c>
      <c r="G37736" s="1" t="s">
        <v>130298</v>
      </c>
      <c r="H37736" s="1" t="s">
        <v>130299</v>
      </c>
      <c r="I37736" s="1" t="s">
        <v>126615</v>
      </c>
      <c r="J37736" s="1" t="s">
        <v>130337</v>
      </c>
    </row>
    <row r="37737" spans="1:10" x14ac:dyDescent="0.35">
      <c r="A37737" s="1" t="s">
        <v>44669</v>
      </c>
      <c r="B37737" s="1" t="s">
        <v>126612</v>
      </c>
      <c r="C37737" s="1" t="s">
        <v>90</v>
      </c>
      <c r="D37737" s="1" t="s">
        <v>103633</v>
      </c>
      <c r="E37737" s="1" t="s">
        <v>127219</v>
      </c>
      <c r="F37737" s="1" t="s">
        <v>130338</v>
      </c>
      <c r="G37737" s="1" t="s">
        <v>130298</v>
      </c>
      <c r="H37737" s="1" t="s">
        <v>130299</v>
      </c>
      <c r="I37737" s="1" t="s">
        <v>126615</v>
      </c>
      <c r="J37737" s="1" t="s">
        <v>130339</v>
      </c>
    </row>
    <row r="37738" spans="1:10" x14ac:dyDescent="0.35">
      <c r="A37738" s="1" t="s">
        <v>44669</v>
      </c>
      <c r="B37738" s="1" t="s">
        <v>126612</v>
      </c>
      <c r="C37738" s="1" t="s">
        <v>95</v>
      </c>
      <c r="D37738" s="1" t="s">
        <v>54582</v>
      </c>
      <c r="E37738" s="1" t="s">
        <v>130340</v>
      </c>
      <c r="F37738" s="1" t="s">
        <v>130341</v>
      </c>
      <c r="G37738" s="1" t="s">
        <v>130298</v>
      </c>
      <c r="H37738" s="1" t="s">
        <v>130299</v>
      </c>
      <c r="I37738" s="1" t="s">
        <v>126615</v>
      </c>
      <c r="J37738" s="1" t="s">
        <v>130342</v>
      </c>
    </row>
    <row r="37739" spans="1:10" x14ac:dyDescent="0.35">
      <c r="A37739" s="1" t="s">
        <v>44669</v>
      </c>
      <c r="B37739" s="1" t="s">
        <v>126612</v>
      </c>
      <c r="C37739" s="1" t="s">
        <v>100</v>
      </c>
      <c r="D37739" s="1" t="s">
        <v>69247</v>
      </c>
      <c r="E37739" s="1" t="s">
        <v>70943</v>
      </c>
      <c r="F37739" s="1" t="s">
        <v>130343</v>
      </c>
      <c r="G37739" s="1" t="s">
        <v>130298</v>
      </c>
      <c r="H37739" s="1" t="s">
        <v>130299</v>
      </c>
      <c r="I37739" s="1" t="s">
        <v>126615</v>
      </c>
      <c r="J37739" s="1" t="s">
        <v>130344</v>
      </c>
    </row>
    <row r="37740" spans="1:10" x14ac:dyDescent="0.35">
      <c r="A37740" s="1" t="s">
        <v>44669</v>
      </c>
      <c r="B37740" s="1" t="s">
        <v>126612</v>
      </c>
      <c r="C37740" s="1" t="s">
        <v>105</v>
      </c>
      <c r="D37740" s="1" t="s">
        <v>130345</v>
      </c>
      <c r="E37740" s="1" t="s">
        <v>130346</v>
      </c>
      <c r="F37740" s="1" t="s">
        <v>130347</v>
      </c>
      <c r="G37740" s="1" t="s">
        <v>130298</v>
      </c>
      <c r="H37740" s="1" t="s">
        <v>130299</v>
      </c>
      <c r="I37740" s="1" t="s">
        <v>126615</v>
      </c>
      <c r="J37740" s="1" t="s">
        <v>130348</v>
      </c>
    </row>
    <row r="37741" spans="1:10" x14ac:dyDescent="0.35">
      <c r="A37741" s="1" t="s">
        <v>44669</v>
      </c>
      <c r="B37741" s="1" t="s">
        <v>126612</v>
      </c>
      <c r="C37741" s="1" t="s">
        <v>110</v>
      </c>
      <c r="D37741" s="1" t="s">
        <v>63469</v>
      </c>
      <c r="E37741" s="1" t="s">
        <v>130349</v>
      </c>
      <c r="F37741" s="1" t="s">
        <v>58501</v>
      </c>
      <c r="G37741" s="1" t="s">
        <v>130298</v>
      </c>
      <c r="H37741" s="1" t="s">
        <v>130299</v>
      </c>
      <c r="I37741" s="1" t="s">
        <v>126615</v>
      </c>
      <c r="J37741" s="1" t="s">
        <v>130350</v>
      </c>
    </row>
    <row r="37742" spans="1:10" x14ac:dyDescent="0.35">
      <c r="A37742" s="1" t="s">
        <v>44669</v>
      </c>
      <c r="B37742" s="1" t="s">
        <v>126612</v>
      </c>
      <c r="C37742" s="1" t="s">
        <v>115</v>
      </c>
      <c r="D37742" s="1" t="s">
        <v>130351</v>
      </c>
      <c r="E37742" s="1" t="s">
        <v>94723</v>
      </c>
      <c r="F37742" s="1" t="s">
        <v>64437</v>
      </c>
      <c r="G37742" s="1" t="s">
        <v>130298</v>
      </c>
      <c r="H37742" s="1" t="s">
        <v>130299</v>
      </c>
      <c r="I37742" s="1" t="s">
        <v>126615</v>
      </c>
      <c r="J37742" s="1" t="s">
        <v>130352</v>
      </c>
    </row>
    <row r="37743" spans="1:10" x14ac:dyDescent="0.35">
      <c r="A37743" s="1" t="s">
        <v>44669</v>
      </c>
      <c r="B37743" s="1" t="s">
        <v>126612</v>
      </c>
      <c r="C37743" s="1" t="s">
        <v>120</v>
      </c>
      <c r="D37743" s="1" t="s">
        <v>22474</v>
      </c>
      <c r="E37743" s="1" t="s">
        <v>76435</v>
      </c>
      <c r="F37743" s="1" t="s">
        <v>64545</v>
      </c>
      <c r="G37743" s="1" t="s">
        <v>130298</v>
      </c>
      <c r="H37743" s="1" t="s">
        <v>130299</v>
      </c>
      <c r="I37743" s="1" t="s">
        <v>126615</v>
      </c>
      <c r="J37743" s="1" t="s">
        <v>130353</v>
      </c>
    </row>
    <row r="37744" spans="1:10" x14ac:dyDescent="0.35">
      <c r="A37744" s="1" t="s">
        <v>44669</v>
      </c>
      <c r="B37744" s="1" t="s">
        <v>126612</v>
      </c>
      <c r="C37744" s="1" t="s">
        <v>125</v>
      </c>
      <c r="D37744" s="1" t="s">
        <v>22567</v>
      </c>
      <c r="E37744" s="1" t="s">
        <v>94738</v>
      </c>
      <c r="F37744" s="1" t="s">
        <v>130354</v>
      </c>
      <c r="G37744" s="1" t="s">
        <v>130298</v>
      </c>
      <c r="H37744" s="1" t="s">
        <v>130299</v>
      </c>
      <c r="I37744" s="1" t="s">
        <v>126615</v>
      </c>
      <c r="J37744" s="1" t="s">
        <v>130355</v>
      </c>
    </row>
    <row r="37745" spans="1:10" x14ac:dyDescent="0.35">
      <c r="A37745" s="1" t="s">
        <v>44669</v>
      </c>
      <c r="B37745" s="1" t="s">
        <v>126612</v>
      </c>
      <c r="C37745" s="1" t="s">
        <v>130</v>
      </c>
      <c r="D37745" s="1" t="s">
        <v>96150</v>
      </c>
      <c r="E37745" s="1" t="s">
        <v>108615</v>
      </c>
      <c r="F37745" s="1" t="s">
        <v>65218</v>
      </c>
      <c r="G37745" s="1" t="s">
        <v>130298</v>
      </c>
      <c r="H37745" s="1" t="s">
        <v>130299</v>
      </c>
      <c r="I37745" s="1" t="s">
        <v>126615</v>
      </c>
      <c r="J37745" s="1" t="s">
        <v>130356</v>
      </c>
    </row>
    <row r="37746" spans="1:10" x14ac:dyDescent="0.35">
      <c r="A37746" s="1" t="s">
        <v>44669</v>
      </c>
      <c r="B37746" s="1" t="s">
        <v>126612</v>
      </c>
      <c r="C37746" s="1" t="s">
        <v>135</v>
      </c>
      <c r="D37746" s="1" t="s">
        <v>130357</v>
      </c>
      <c r="E37746" s="1" t="s">
        <v>108615</v>
      </c>
      <c r="F37746" s="1" t="s">
        <v>130358</v>
      </c>
      <c r="G37746" s="1" t="s">
        <v>130298</v>
      </c>
      <c r="H37746" s="1" t="s">
        <v>130299</v>
      </c>
      <c r="I37746" s="1" t="s">
        <v>126615</v>
      </c>
      <c r="J37746" s="1" t="s">
        <v>130359</v>
      </c>
    </row>
    <row r="37747" spans="1:10" x14ac:dyDescent="0.35">
      <c r="A37747" s="1" t="s">
        <v>44669</v>
      </c>
      <c r="B37747" s="1" t="s">
        <v>126612</v>
      </c>
      <c r="C37747" s="1" t="s">
        <v>140</v>
      </c>
      <c r="D37747" s="1" t="s">
        <v>89973</v>
      </c>
      <c r="E37747" s="1" t="s">
        <v>130360</v>
      </c>
      <c r="F37747" s="1" t="s">
        <v>130361</v>
      </c>
      <c r="G37747" s="1" t="s">
        <v>130298</v>
      </c>
      <c r="H37747" s="1" t="s">
        <v>130299</v>
      </c>
      <c r="I37747" s="1" t="s">
        <v>126615</v>
      </c>
      <c r="J37747" s="1" t="s">
        <v>130362</v>
      </c>
    </row>
    <row r="37748" spans="1:10" x14ac:dyDescent="0.35">
      <c r="A37748" s="1" t="s">
        <v>44669</v>
      </c>
      <c r="B37748" s="1" t="s">
        <v>126612</v>
      </c>
      <c r="C37748" s="1" t="s">
        <v>145</v>
      </c>
      <c r="D37748" s="1" t="s">
        <v>69228</v>
      </c>
      <c r="E37748" s="1" t="s">
        <v>128316</v>
      </c>
      <c r="F37748" s="1" t="s">
        <v>130363</v>
      </c>
      <c r="G37748" s="1" t="s">
        <v>130298</v>
      </c>
      <c r="H37748" s="1" t="s">
        <v>130299</v>
      </c>
      <c r="I37748" s="1" t="s">
        <v>126615</v>
      </c>
      <c r="J37748" s="1" t="s">
        <v>130364</v>
      </c>
    </row>
    <row r="37749" spans="1:10" x14ac:dyDescent="0.35">
      <c r="A37749" s="1" t="s">
        <v>44669</v>
      </c>
      <c r="B37749" s="1" t="s">
        <v>126612</v>
      </c>
      <c r="C37749" s="1" t="s">
        <v>150</v>
      </c>
      <c r="D37749" s="1" t="s">
        <v>130365</v>
      </c>
      <c r="E37749" s="1" t="s">
        <v>48044</v>
      </c>
      <c r="F37749" s="1" t="s">
        <v>130366</v>
      </c>
      <c r="G37749" s="1" t="s">
        <v>130298</v>
      </c>
      <c r="H37749" s="1" t="s">
        <v>130299</v>
      </c>
      <c r="I37749" s="1" t="s">
        <v>126615</v>
      </c>
      <c r="J37749" s="1" t="s">
        <v>130367</v>
      </c>
    </row>
    <row r="37750" spans="1:10" x14ac:dyDescent="0.35">
      <c r="A37750" s="1" t="s">
        <v>44669</v>
      </c>
      <c r="B37750" s="1" t="s">
        <v>126612</v>
      </c>
      <c r="C37750" s="1" t="s">
        <v>155</v>
      </c>
      <c r="D37750" s="1" t="s">
        <v>79374</v>
      </c>
      <c r="E37750" s="1" t="s">
        <v>105250</v>
      </c>
      <c r="F37750" s="1" t="s">
        <v>104708</v>
      </c>
      <c r="G37750" s="1" t="s">
        <v>130298</v>
      </c>
      <c r="H37750" s="1" t="s">
        <v>130299</v>
      </c>
      <c r="I37750" s="1" t="s">
        <v>126615</v>
      </c>
      <c r="J37750" s="1" t="s">
        <v>130368</v>
      </c>
    </row>
    <row r="37751" spans="1:10" x14ac:dyDescent="0.35">
      <c r="A37751" s="1" t="s">
        <v>44669</v>
      </c>
      <c r="B37751" s="1" t="s">
        <v>126612</v>
      </c>
      <c r="C37751" s="1" t="s">
        <v>160</v>
      </c>
      <c r="D37751" s="1" t="s">
        <v>130369</v>
      </c>
      <c r="E37751" s="1" t="s">
        <v>128071</v>
      </c>
      <c r="F37751" s="1" t="s">
        <v>56282</v>
      </c>
      <c r="G37751" s="1" t="s">
        <v>130298</v>
      </c>
      <c r="H37751" s="1" t="s">
        <v>130299</v>
      </c>
      <c r="I37751" s="1" t="s">
        <v>126615</v>
      </c>
      <c r="J37751" s="1" t="s">
        <v>130370</v>
      </c>
    </row>
    <row r="37752" spans="1:10" x14ac:dyDescent="0.35">
      <c r="A37752" s="1" t="s">
        <v>44669</v>
      </c>
      <c r="B37752" s="1" t="s">
        <v>126612</v>
      </c>
      <c r="C37752" s="1" t="s">
        <v>165</v>
      </c>
      <c r="D37752" s="1" t="s">
        <v>67444</v>
      </c>
      <c r="E37752" s="1" t="s">
        <v>130371</v>
      </c>
      <c r="F37752" s="1" t="s">
        <v>130372</v>
      </c>
      <c r="G37752" s="1" t="s">
        <v>130298</v>
      </c>
      <c r="H37752" s="1" t="s">
        <v>130299</v>
      </c>
      <c r="I37752" s="1" t="s">
        <v>126615</v>
      </c>
      <c r="J37752" s="1" t="s">
        <v>130373</v>
      </c>
    </row>
    <row r="37753" spans="1:10" x14ac:dyDescent="0.35">
      <c r="A37753" s="1" t="s">
        <v>44669</v>
      </c>
      <c r="B37753" s="1" t="s">
        <v>126612</v>
      </c>
      <c r="C37753" s="1" t="s">
        <v>170</v>
      </c>
      <c r="D37753" s="1" t="s">
        <v>130374</v>
      </c>
      <c r="E37753" s="1" t="s">
        <v>130375</v>
      </c>
      <c r="F37753" s="1" t="s">
        <v>62469</v>
      </c>
      <c r="G37753" s="1" t="s">
        <v>130298</v>
      </c>
      <c r="H37753" s="1" t="s">
        <v>130299</v>
      </c>
      <c r="I37753" s="1" t="s">
        <v>126615</v>
      </c>
      <c r="J37753" s="1" t="s">
        <v>130376</v>
      </c>
    </row>
    <row r="37754" spans="1:10" x14ac:dyDescent="0.35">
      <c r="A37754" s="1" t="s">
        <v>9345</v>
      </c>
      <c r="B37754" s="1" t="s">
        <v>126612</v>
      </c>
      <c r="C37754" s="1" t="s">
        <v>8</v>
      </c>
      <c r="D37754" s="1" t="s">
        <v>26516</v>
      </c>
      <c r="E37754" s="1" t="s">
        <v>130377</v>
      </c>
      <c r="F37754" s="1" t="s">
        <v>69421</v>
      </c>
      <c r="G37754" s="1" t="s">
        <v>130378</v>
      </c>
      <c r="H37754" s="1" t="s">
        <v>130379</v>
      </c>
      <c r="I37754" s="1" t="s">
        <v>126615</v>
      </c>
      <c r="J37754" s="1" t="s">
        <v>13</v>
      </c>
    </row>
    <row r="37755" spans="1:10" x14ac:dyDescent="0.35">
      <c r="A37755" s="1" t="s">
        <v>9345</v>
      </c>
      <c r="B37755" s="1" t="s">
        <v>126612</v>
      </c>
      <c r="C37755" s="1" t="s">
        <v>15</v>
      </c>
      <c r="D37755" s="1" t="s">
        <v>130380</v>
      </c>
      <c r="E37755" s="1" t="s">
        <v>31922</v>
      </c>
      <c r="F37755" s="1" t="s">
        <v>130381</v>
      </c>
      <c r="G37755" s="1" t="s">
        <v>130378</v>
      </c>
      <c r="H37755" s="1" t="s">
        <v>130379</v>
      </c>
      <c r="I37755" s="1" t="s">
        <v>126615</v>
      </c>
      <c r="J37755" s="1" t="s">
        <v>130382</v>
      </c>
    </row>
    <row r="37756" spans="1:10" x14ac:dyDescent="0.35">
      <c r="A37756" s="1" t="s">
        <v>9345</v>
      </c>
      <c r="B37756" s="1" t="s">
        <v>126612</v>
      </c>
      <c r="C37756" s="1" t="s">
        <v>20</v>
      </c>
      <c r="D37756" s="1" t="s">
        <v>55438</v>
      </c>
      <c r="E37756" s="1" t="s">
        <v>16006</v>
      </c>
      <c r="F37756" s="1" t="s">
        <v>130383</v>
      </c>
      <c r="G37756" s="1" t="s">
        <v>130378</v>
      </c>
      <c r="H37756" s="1" t="s">
        <v>130379</v>
      </c>
      <c r="I37756" s="1" t="s">
        <v>126615</v>
      </c>
      <c r="J37756" s="1" t="s">
        <v>130384</v>
      </c>
    </row>
    <row r="37757" spans="1:10" x14ac:dyDescent="0.35">
      <c r="A37757" s="1" t="s">
        <v>9345</v>
      </c>
      <c r="B37757" s="1" t="s">
        <v>126612</v>
      </c>
      <c r="C37757" s="1" t="s">
        <v>25</v>
      </c>
      <c r="D37757" s="1" t="s">
        <v>130385</v>
      </c>
      <c r="E37757" s="1" t="s">
        <v>30634</v>
      </c>
      <c r="F37757" s="1" t="s">
        <v>130386</v>
      </c>
      <c r="G37757" s="1" t="s">
        <v>130378</v>
      </c>
      <c r="H37757" s="1" t="s">
        <v>130379</v>
      </c>
      <c r="I37757" s="1" t="s">
        <v>126615</v>
      </c>
      <c r="J37757" s="1" t="s">
        <v>130387</v>
      </c>
    </row>
    <row r="37758" spans="1:10" x14ac:dyDescent="0.35">
      <c r="A37758" s="1" t="s">
        <v>9345</v>
      </c>
      <c r="B37758" s="1" t="s">
        <v>126612</v>
      </c>
      <c r="C37758" s="1" t="s">
        <v>30</v>
      </c>
      <c r="D37758" s="1" t="s">
        <v>18687</v>
      </c>
      <c r="E37758" s="1" t="s">
        <v>105244</v>
      </c>
      <c r="F37758" s="1" t="s">
        <v>60853</v>
      </c>
      <c r="G37758" s="1" t="s">
        <v>130378</v>
      </c>
      <c r="H37758" s="1" t="s">
        <v>130379</v>
      </c>
      <c r="I37758" s="1" t="s">
        <v>126615</v>
      </c>
      <c r="J37758" s="1" t="s">
        <v>130388</v>
      </c>
    </row>
    <row r="37759" spans="1:10" x14ac:dyDescent="0.35">
      <c r="A37759" s="1" t="s">
        <v>9345</v>
      </c>
      <c r="B37759" s="1" t="s">
        <v>126612</v>
      </c>
      <c r="C37759" s="1" t="s">
        <v>35</v>
      </c>
      <c r="D37759" s="1" t="s">
        <v>130389</v>
      </c>
      <c r="E37759" s="1" t="s">
        <v>15695</v>
      </c>
      <c r="F37759" s="1" t="s">
        <v>130390</v>
      </c>
      <c r="G37759" s="1" t="s">
        <v>130378</v>
      </c>
      <c r="H37759" s="1" t="s">
        <v>130379</v>
      </c>
      <c r="I37759" s="1" t="s">
        <v>126615</v>
      </c>
      <c r="J37759" s="1" t="s">
        <v>130391</v>
      </c>
    </row>
    <row r="37760" spans="1:10" x14ac:dyDescent="0.35">
      <c r="A37760" s="1" t="s">
        <v>9345</v>
      </c>
      <c r="B37760" s="1" t="s">
        <v>126612</v>
      </c>
      <c r="C37760" s="1" t="s">
        <v>40</v>
      </c>
      <c r="D37760" s="1" t="s">
        <v>130392</v>
      </c>
      <c r="E37760" s="1" t="s">
        <v>108975</v>
      </c>
      <c r="F37760" s="1" t="s">
        <v>22971</v>
      </c>
      <c r="G37760" s="1" t="s">
        <v>130378</v>
      </c>
      <c r="H37760" s="1" t="s">
        <v>130379</v>
      </c>
      <c r="I37760" s="1" t="s">
        <v>126615</v>
      </c>
      <c r="J37760" s="1" t="s">
        <v>130393</v>
      </c>
    </row>
    <row r="37761" spans="1:10" x14ac:dyDescent="0.35">
      <c r="A37761" s="1" t="s">
        <v>9345</v>
      </c>
      <c r="B37761" s="1" t="s">
        <v>126612</v>
      </c>
      <c r="C37761" s="1" t="s">
        <v>45</v>
      </c>
      <c r="D37761" s="1" t="s">
        <v>70198</v>
      </c>
      <c r="E37761" s="1" t="s">
        <v>130394</v>
      </c>
      <c r="F37761" s="1" t="s">
        <v>102012</v>
      </c>
      <c r="G37761" s="1" t="s">
        <v>130378</v>
      </c>
      <c r="H37761" s="1" t="s">
        <v>130379</v>
      </c>
      <c r="I37761" s="1" t="s">
        <v>126615</v>
      </c>
      <c r="J37761" s="1" t="s">
        <v>130395</v>
      </c>
    </row>
    <row r="37762" spans="1:10" x14ac:dyDescent="0.35">
      <c r="A37762" s="1" t="s">
        <v>9345</v>
      </c>
      <c r="B37762" s="1" t="s">
        <v>126612</v>
      </c>
      <c r="C37762" s="1" t="s">
        <v>50</v>
      </c>
      <c r="D37762" s="1" t="s">
        <v>130396</v>
      </c>
      <c r="E37762" s="1" t="s">
        <v>70928</v>
      </c>
      <c r="F37762" s="1" t="s">
        <v>30616</v>
      </c>
      <c r="G37762" s="1" t="s">
        <v>130378</v>
      </c>
      <c r="H37762" s="1" t="s">
        <v>130379</v>
      </c>
      <c r="I37762" s="1" t="s">
        <v>126615</v>
      </c>
      <c r="J37762" s="1" t="s">
        <v>130397</v>
      </c>
    </row>
    <row r="37763" spans="1:10" x14ac:dyDescent="0.35">
      <c r="A37763" s="1" t="s">
        <v>9345</v>
      </c>
      <c r="B37763" s="1" t="s">
        <v>126612</v>
      </c>
      <c r="C37763" s="1" t="s">
        <v>55</v>
      </c>
      <c r="D37763" s="1" t="s">
        <v>130398</v>
      </c>
      <c r="E37763" s="1" t="s">
        <v>130304</v>
      </c>
      <c r="F37763" s="1" t="s">
        <v>130399</v>
      </c>
      <c r="G37763" s="1" t="s">
        <v>130378</v>
      </c>
      <c r="H37763" s="1" t="s">
        <v>130379</v>
      </c>
      <c r="I37763" s="1" t="s">
        <v>126615</v>
      </c>
      <c r="J37763" s="1" t="s">
        <v>130400</v>
      </c>
    </row>
    <row r="37764" spans="1:10" x14ac:dyDescent="0.35">
      <c r="A37764" s="1" t="s">
        <v>9345</v>
      </c>
      <c r="B37764" s="1" t="s">
        <v>126612</v>
      </c>
      <c r="C37764" s="1" t="s">
        <v>60</v>
      </c>
      <c r="D37764" s="1" t="s">
        <v>130401</v>
      </c>
      <c r="E37764" s="1" t="s">
        <v>15998</v>
      </c>
      <c r="F37764" s="1" t="s">
        <v>115168</v>
      </c>
      <c r="G37764" s="1" t="s">
        <v>130378</v>
      </c>
      <c r="H37764" s="1" t="s">
        <v>130379</v>
      </c>
      <c r="I37764" s="1" t="s">
        <v>126615</v>
      </c>
      <c r="J37764" s="1" t="s">
        <v>130402</v>
      </c>
    </row>
    <row r="37765" spans="1:10" x14ac:dyDescent="0.35">
      <c r="A37765" s="1" t="s">
        <v>9345</v>
      </c>
      <c r="B37765" s="1" t="s">
        <v>126612</v>
      </c>
      <c r="C37765" s="1" t="s">
        <v>65</v>
      </c>
      <c r="D37765" s="1" t="s">
        <v>21446</v>
      </c>
      <c r="E37765" s="1" t="s">
        <v>130403</v>
      </c>
      <c r="F37765" s="1" t="s">
        <v>130404</v>
      </c>
      <c r="G37765" s="1" t="s">
        <v>130378</v>
      </c>
      <c r="H37765" s="1" t="s">
        <v>130379</v>
      </c>
      <c r="I37765" s="1" t="s">
        <v>126615</v>
      </c>
      <c r="J37765" s="1" t="s">
        <v>130405</v>
      </c>
    </row>
    <row r="37766" spans="1:10" x14ac:dyDescent="0.35">
      <c r="A37766" s="1" t="s">
        <v>9345</v>
      </c>
      <c r="B37766" s="1" t="s">
        <v>126612</v>
      </c>
      <c r="C37766" s="1" t="s">
        <v>70</v>
      </c>
      <c r="D37766" s="1" t="s">
        <v>130406</v>
      </c>
      <c r="E37766" s="1" t="s">
        <v>130407</v>
      </c>
      <c r="F37766" s="1" t="s">
        <v>67204</v>
      </c>
      <c r="G37766" s="1" t="s">
        <v>130378</v>
      </c>
      <c r="H37766" s="1" t="s">
        <v>130379</v>
      </c>
      <c r="I37766" s="1" t="s">
        <v>126615</v>
      </c>
      <c r="J37766" s="1" t="s">
        <v>130408</v>
      </c>
    </row>
    <row r="37767" spans="1:10" x14ac:dyDescent="0.35">
      <c r="A37767" s="1" t="s">
        <v>9345</v>
      </c>
      <c r="B37767" s="1" t="s">
        <v>126612</v>
      </c>
      <c r="C37767" s="1" t="s">
        <v>75</v>
      </c>
      <c r="D37767" s="1" t="s">
        <v>130409</v>
      </c>
      <c r="E37767" s="1" t="s">
        <v>129380</v>
      </c>
      <c r="F37767" s="1" t="s">
        <v>66062</v>
      </c>
      <c r="G37767" s="1" t="s">
        <v>130378</v>
      </c>
      <c r="H37767" s="1" t="s">
        <v>130379</v>
      </c>
      <c r="I37767" s="1" t="s">
        <v>126615</v>
      </c>
      <c r="J37767" s="1" t="s">
        <v>130410</v>
      </c>
    </row>
    <row r="37768" spans="1:10" x14ac:dyDescent="0.35">
      <c r="A37768" s="1" t="s">
        <v>9345</v>
      </c>
      <c r="B37768" s="1" t="s">
        <v>126612</v>
      </c>
      <c r="C37768" s="1" t="s">
        <v>80</v>
      </c>
      <c r="D37768" s="1" t="s">
        <v>19622</v>
      </c>
      <c r="E37768" s="1" t="s">
        <v>70928</v>
      </c>
      <c r="F37768" s="1" t="s">
        <v>57150</v>
      </c>
      <c r="G37768" s="1" t="s">
        <v>130378</v>
      </c>
      <c r="H37768" s="1" t="s">
        <v>130379</v>
      </c>
      <c r="I37768" s="1" t="s">
        <v>126615</v>
      </c>
      <c r="J37768" s="1" t="s">
        <v>130411</v>
      </c>
    </row>
    <row r="37769" spans="1:10" x14ac:dyDescent="0.35">
      <c r="A37769" s="1" t="s">
        <v>9345</v>
      </c>
      <c r="B37769" s="1" t="s">
        <v>126612</v>
      </c>
      <c r="C37769" s="1" t="s">
        <v>85</v>
      </c>
      <c r="D37769" s="1" t="s">
        <v>130412</v>
      </c>
      <c r="E37769" s="1" t="s">
        <v>76382</v>
      </c>
      <c r="F37769" s="1" t="s">
        <v>130413</v>
      </c>
      <c r="G37769" s="1" t="s">
        <v>130378</v>
      </c>
      <c r="H37769" s="1" t="s">
        <v>130379</v>
      </c>
      <c r="I37769" s="1" t="s">
        <v>126615</v>
      </c>
      <c r="J37769" s="1" t="s">
        <v>130414</v>
      </c>
    </row>
    <row r="37770" spans="1:10" x14ac:dyDescent="0.35">
      <c r="A37770" s="1" t="s">
        <v>9345</v>
      </c>
      <c r="B37770" s="1" t="s">
        <v>126612</v>
      </c>
      <c r="C37770" s="1" t="s">
        <v>90</v>
      </c>
      <c r="D37770" s="1" t="s">
        <v>127159</v>
      </c>
      <c r="E37770" s="1" t="s">
        <v>70878</v>
      </c>
      <c r="F37770" s="1" t="s">
        <v>64457</v>
      </c>
      <c r="G37770" s="1" t="s">
        <v>130378</v>
      </c>
      <c r="H37770" s="1" t="s">
        <v>130379</v>
      </c>
      <c r="I37770" s="1" t="s">
        <v>126615</v>
      </c>
      <c r="J37770" s="1" t="s">
        <v>130415</v>
      </c>
    </row>
    <row r="37771" spans="1:10" x14ac:dyDescent="0.35">
      <c r="A37771" s="1" t="s">
        <v>9345</v>
      </c>
      <c r="B37771" s="1" t="s">
        <v>126612</v>
      </c>
      <c r="C37771" s="1" t="s">
        <v>95</v>
      </c>
      <c r="D37771" s="1" t="s">
        <v>130416</v>
      </c>
      <c r="E37771" s="1" t="s">
        <v>94729</v>
      </c>
      <c r="F37771" s="1" t="s">
        <v>130417</v>
      </c>
      <c r="G37771" s="1" t="s">
        <v>130378</v>
      </c>
      <c r="H37771" s="1" t="s">
        <v>130379</v>
      </c>
      <c r="I37771" s="1" t="s">
        <v>126615</v>
      </c>
      <c r="J37771" s="1" t="s">
        <v>130418</v>
      </c>
    </row>
    <row r="37772" spans="1:10" x14ac:dyDescent="0.35">
      <c r="A37772" s="1" t="s">
        <v>9345</v>
      </c>
      <c r="B37772" s="1" t="s">
        <v>126612</v>
      </c>
      <c r="C37772" s="1" t="s">
        <v>100</v>
      </c>
      <c r="D37772" s="1" t="s">
        <v>130419</v>
      </c>
      <c r="E37772" s="1" t="s">
        <v>130420</v>
      </c>
      <c r="F37772" s="1" t="s">
        <v>65962</v>
      </c>
      <c r="G37772" s="1" t="s">
        <v>130378</v>
      </c>
      <c r="H37772" s="1" t="s">
        <v>130379</v>
      </c>
      <c r="I37772" s="1" t="s">
        <v>126615</v>
      </c>
      <c r="J37772" s="1" t="s">
        <v>130421</v>
      </c>
    </row>
    <row r="37773" spans="1:10" x14ac:dyDescent="0.35">
      <c r="A37773" s="1" t="s">
        <v>9345</v>
      </c>
      <c r="B37773" s="1" t="s">
        <v>126612</v>
      </c>
      <c r="C37773" s="1" t="s">
        <v>105</v>
      </c>
      <c r="D37773" s="1" t="s">
        <v>66287</v>
      </c>
      <c r="E37773" s="1" t="s">
        <v>129542</v>
      </c>
      <c r="F37773" s="1" t="s">
        <v>70226</v>
      </c>
      <c r="G37773" s="1" t="s">
        <v>130378</v>
      </c>
      <c r="H37773" s="1" t="s">
        <v>130379</v>
      </c>
      <c r="I37773" s="1" t="s">
        <v>126615</v>
      </c>
      <c r="J37773" s="1" t="s">
        <v>130422</v>
      </c>
    </row>
    <row r="37774" spans="1:10" x14ac:dyDescent="0.35">
      <c r="A37774" s="1" t="s">
        <v>9345</v>
      </c>
      <c r="B37774" s="1" t="s">
        <v>126612</v>
      </c>
      <c r="C37774" s="1" t="s">
        <v>110</v>
      </c>
      <c r="D37774" s="1" t="s">
        <v>63020</v>
      </c>
      <c r="E37774" s="1" t="s">
        <v>130423</v>
      </c>
      <c r="F37774" s="1" t="s">
        <v>130424</v>
      </c>
      <c r="G37774" s="1" t="s">
        <v>130378</v>
      </c>
      <c r="H37774" s="1" t="s">
        <v>130379</v>
      </c>
      <c r="I37774" s="1" t="s">
        <v>126615</v>
      </c>
      <c r="J37774" s="1" t="s">
        <v>130425</v>
      </c>
    </row>
    <row r="37775" spans="1:10" x14ac:dyDescent="0.35">
      <c r="A37775" s="1" t="s">
        <v>9345</v>
      </c>
      <c r="B37775" s="1" t="s">
        <v>126612</v>
      </c>
      <c r="C37775" s="1" t="s">
        <v>115</v>
      </c>
      <c r="D37775" s="1" t="s">
        <v>88637</v>
      </c>
      <c r="E37775" s="1" t="s">
        <v>105256</v>
      </c>
      <c r="F37775" s="1" t="s">
        <v>130426</v>
      </c>
      <c r="G37775" s="1" t="s">
        <v>130378</v>
      </c>
      <c r="H37775" s="1" t="s">
        <v>130379</v>
      </c>
      <c r="I37775" s="1" t="s">
        <v>126615</v>
      </c>
      <c r="J37775" s="1" t="s">
        <v>130427</v>
      </c>
    </row>
    <row r="37776" spans="1:10" x14ac:dyDescent="0.35">
      <c r="A37776" s="1" t="s">
        <v>9345</v>
      </c>
      <c r="B37776" s="1" t="s">
        <v>126612</v>
      </c>
      <c r="C37776" s="1" t="s">
        <v>120</v>
      </c>
      <c r="D37776" s="1" t="s">
        <v>130428</v>
      </c>
      <c r="E37776" s="1" t="s">
        <v>94732</v>
      </c>
      <c r="F37776" s="1" t="s">
        <v>130429</v>
      </c>
      <c r="G37776" s="1" t="s">
        <v>130378</v>
      </c>
      <c r="H37776" s="1" t="s">
        <v>130379</v>
      </c>
      <c r="I37776" s="1" t="s">
        <v>126615</v>
      </c>
      <c r="J37776" s="1" t="s">
        <v>130430</v>
      </c>
    </row>
    <row r="37777" spans="1:10" x14ac:dyDescent="0.35">
      <c r="A37777" s="1" t="s">
        <v>9345</v>
      </c>
      <c r="B37777" s="1" t="s">
        <v>126612</v>
      </c>
      <c r="C37777" s="1" t="s">
        <v>125</v>
      </c>
      <c r="D37777" s="1" t="s">
        <v>130431</v>
      </c>
      <c r="E37777" s="1" t="s">
        <v>130432</v>
      </c>
      <c r="F37777" s="1" t="s">
        <v>130433</v>
      </c>
      <c r="G37777" s="1" t="s">
        <v>130378</v>
      </c>
      <c r="H37777" s="1" t="s">
        <v>130379</v>
      </c>
      <c r="I37777" s="1" t="s">
        <v>126615</v>
      </c>
      <c r="J37777" s="1" t="s">
        <v>130434</v>
      </c>
    </row>
    <row r="37778" spans="1:10" x14ac:dyDescent="0.35">
      <c r="A37778" s="1" t="s">
        <v>9345</v>
      </c>
      <c r="B37778" s="1" t="s">
        <v>126612</v>
      </c>
      <c r="C37778" s="1" t="s">
        <v>130</v>
      </c>
      <c r="D37778" s="1" t="s">
        <v>130435</v>
      </c>
      <c r="E37778" s="1" t="s">
        <v>130436</v>
      </c>
      <c r="F37778" s="1" t="s">
        <v>130437</v>
      </c>
      <c r="G37778" s="1" t="s">
        <v>130378</v>
      </c>
      <c r="H37778" s="1" t="s">
        <v>130379</v>
      </c>
      <c r="I37778" s="1" t="s">
        <v>126615</v>
      </c>
      <c r="J37778" s="1" t="s">
        <v>130438</v>
      </c>
    </row>
    <row r="37779" spans="1:10" x14ac:dyDescent="0.35">
      <c r="A37779" s="1" t="s">
        <v>9345</v>
      </c>
      <c r="B37779" s="1" t="s">
        <v>126612</v>
      </c>
      <c r="C37779" s="1" t="s">
        <v>135</v>
      </c>
      <c r="D37779" s="1" t="s">
        <v>130439</v>
      </c>
      <c r="E37779" s="1" t="s">
        <v>48136</v>
      </c>
      <c r="F37779" s="1" t="s">
        <v>69180</v>
      </c>
      <c r="G37779" s="1" t="s">
        <v>130378</v>
      </c>
      <c r="H37779" s="1" t="s">
        <v>130379</v>
      </c>
      <c r="I37779" s="1" t="s">
        <v>126615</v>
      </c>
      <c r="J37779" s="1" t="s">
        <v>130440</v>
      </c>
    </row>
    <row r="37780" spans="1:10" x14ac:dyDescent="0.35">
      <c r="A37780" s="1" t="s">
        <v>9345</v>
      </c>
      <c r="B37780" s="1" t="s">
        <v>126612</v>
      </c>
      <c r="C37780" s="1" t="s">
        <v>140</v>
      </c>
      <c r="D37780" s="1" t="s">
        <v>20086</v>
      </c>
      <c r="E37780" s="1" t="s">
        <v>19998</v>
      </c>
      <c r="F37780" s="1" t="s">
        <v>130441</v>
      </c>
      <c r="G37780" s="1" t="s">
        <v>130378</v>
      </c>
      <c r="H37780" s="1" t="s">
        <v>130379</v>
      </c>
      <c r="I37780" s="1" t="s">
        <v>126615</v>
      </c>
      <c r="J37780" s="1" t="s">
        <v>130442</v>
      </c>
    </row>
    <row r="37781" spans="1:10" x14ac:dyDescent="0.35">
      <c r="A37781" s="1" t="s">
        <v>9345</v>
      </c>
      <c r="B37781" s="1" t="s">
        <v>126612</v>
      </c>
      <c r="C37781" s="1" t="s">
        <v>145</v>
      </c>
      <c r="D37781" s="1" t="s">
        <v>130443</v>
      </c>
      <c r="E37781" s="1" t="s">
        <v>130444</v>
      </c>
      <c r="F37781" s="1" t="s">
        <v>66205</v>
      </c>
      <c r="G37781" s="1" t="s">
        <v>130378</v>
      </c>
      <c r="H37781" s="1" t="s">
        <v>130379</v>
      </c>
      <c r="I37781" s="1" t="s">
        <v>126615</v>
      </c>
      <c r="J37781" s="1" t="s">
        <v>130445</v>
      </c>
    </row>
    <row r="37782" spans="1:10" x14ac:dyDescent="0.35">
      <c r="A37782" s="1" t="s">
        <v>9345</v>
      </c>
      <c r="B37782" s="1" t="s">
        <v>126612</v>
      </c>
      <c r="C37782" s="1" t="s">
        <v>150</v>
      </c>
      <c r="D37782" s="1" t="s">
        <v>130446</v>
      </c>
      <c r="E37782" s="1" t="s">
        <v>48078</v>
      </c>
      <c r="F37782" s="1" t="s">
        <v>130447</v>
      </c>
      <c r="G37782" s="1" t="s">
        <v>130378</v>
      </c>
      <c r="H37782" s="1" t="s">
        <v>130379</v>
      </c>
      <c r="I37782" s="1" t="s">
        <v>126615</v>
      </c>
      <c r="J37782" s="1" t="s">
        <v>130448</v>
      </c>
    </row>
    <row r="37783" spans="1:10" x14ac:dyDescent="0.35">
      <c r="A37783" s="1" t="s">
        <v>9345</v>
      </c>
      <c r="B37783" s="1" t="s">
        <v>126612</v>
      </c>
      <c r="C37783" s="1" t="s">
        <v>155</v>
      </c>
      <c r="D37783" s="1" t="s">
        <v>130449</v>
      </c>
      <c r="E37783" s="1" t="s">
        <v>16242</v>
      </c>
      <c r="F37783" s="1" t="s">
        <v>130450</v>
      </c>
      <c r="G37783" s="1" t="s">
        <v>130378</v>
      </c>
      <c r="H37783" s="1" t="s">
        <v>130379</v>
      </c>
      <c r="I37783" s="1" t="s">
        <v>126615</v>
      </c>
      <c r="J37783" s="1" t="s">
        <v>130451</v>
      </c>
    </row>
    <row r="37784" spans="1:10" x14ac:dyDescent="0.35">
      <c r="A37784" s="1" t="s">
        <v>9345</v>
      </c>
      <c r="B37784" s="1" t="s">
        <v>126612</v>
      </c>
      <c r="C37784" s="1" t="s">
        <v>160</v>
      </c>
      <c r="D37784" s="1" t="s">
        <v>130452</v>
      </c>
      <c r="E37784" s="1" t="s">
        <v>128674</v>
      </c>
      <c r="F37784" s="1" t="s">
        <v>64404</v>
      </c>
      <c r="G37784" s="1" t="s">
        <v>130378</v>
      </c>
      <c r="H37784" s="1" t="s">
        <v>130379</v>
      </c>
      <c r="I37784" s="1" t="s">
        <v>126615</v>
      </c>
      <c r="J37784" s="1" t="s">
        <v>130453</v>
      </c>
    </row>
    <row r="37785" spans="1:10" x14ac:dyDescent="0.35">
      <c r="A37785" s="1" t="s">
        <v>9345</v>
      </c>
      <c r="B37785" s="1" t="s">
        <v>126612</v>
      </c>
      <c r="C37785" s="1" t="s">
        <v>165</v>
      </c>
      <c r="D37785" s="1" t="s">
        <v>130454</v>
      </c>
      <c r="E37785" s="1" t="s">
        <v>130455</v>
      </c>
      <c r="F37785" s="1" t="s">
        <v>66349</v>
      </c>
      <c r="G37785" s="1" t="s">
        <v>130378</v>
      </c>
      <c r="H37785" s="1" t="s">
        <v>130379</v>
      </c>
      <c r="I37785" s="1" t="s">
        <v>126615</v>
      </c>
      <c r="J37785" s="1" t="s">
        <v>130456</v>
      </c>
    </row>
    <row r="37786" spans="1:10" x14ac:dyDescent="0.35">
      <c r="A37786" s="1" t="s">
        <v>9345</v>
      </c>
      <c r="B37786" s="1" t="s">
        <v>126612</v>
      </c>
      <c r="C37786" s="1" t="s">
        <v>170</v>
      </c>
      <c r="D37786" s="1" t="s">
        <v>130457</v>
      </c>
      <c r="E37786" s="1" t="s">
        <v>108736</v>
      </c>
      <c r="F37786" s="1" t="s">
        <v>130458</v>
      </c>
      <c r="G37786" s="1" t="s">
        <v>130378</v>
      </c>
      <c r="H37786" s="1" t="s">
        <v>130379</v>
      </c>
      <c r="I37786" s="1" t="s">
        <v>126615</v>
      </c>
      <c r="J37786" s="1" t="s">
        <v>130459</v>
      </c>
    </row>
    <row r="37787" spans="1:10" x14ac:dyDescent="0.35">
      <c r="A37787" s="1" t="s">
        <v>6093</v>
      </c>
      <c r="B37787" s="1" t="s">
        <v>126612</v>
      </c>
      <c r="C37787" s="1" t="s">
        <v>8</v>
      </c>
      <c r="D37787" s="1" t="s">
        <v>130460</v>
      </c>
      <c r="E37787" s="1" t="s">
        <v>130461</v>
      </c>
      <c r="F37787" s="1" t="s">
        <v>130462</v>
      </c>
      <c r="G37787" s="1" t="s">
        <v>130463</v>
      </c>
      <c r="H37787" s="1" t="s">
        <v>130464</v>
      </c>
      <c r="I37787" s="1" t="s">
        <v>126615</v>
      </c>
      <c r="J37787" s="1" t="s">
        <v>13</v>
      </c>
    </row>
    <row r="37788" spans="1:10" x14ac:dyDescent="0.35">
      <c r="A37788" s="1" t="s">
        <v>6093</v>
      </c>
      <c r="B37788" s="1" t="s">
        <v>126612</v>
      </c>
      <c r="C37788" s="1" t="s">
        <v>15</v>
      </c>
      <c r="D37788" s="1" t="s">
        <v>130465</v>
      </c>
      <c r="E37788" s="1" t="s">
        <v>130466</v>
      </c>
      <c r="F37788" s="1" t="s">
        <v>130467</v>
      </c>
      <c r="G37788" s="1" t="s">
        <v>130463</v>
      </c>
      <c r="H37788" s="1" t="s">
        <v>130464</v>
      </c>
      <c r="I37788" s="1" t="s">
        <v>126615</v>
      </c>
      <c r="J37788" s="1" t="s">
        <v>130468</v>
      </c>
    </row>
    <row r="37789" spans="1:10" x14ac:dyDescent="0.35">
      <c r="A37789" s="1" t="s">
        <v>6093</v>
      </c>
      <c r="B37789" s="1" t="s">
        <v>126612</v>
      </c>
      <c r="C37789" s="1" t="s">
        <v>20</v>
      </c>
      <c r="D37789" s="1" t="s">
        <v>39725</v>
      </c>
      <c r="E37789" s="1" t="s">
        <v>130469</v>
      </c>
      <c r="F37789" s="1" t="s">
        <v>130470</v>
      </c>
      <c r="G37789" s="1" t="s">
        <v>130463</v>
      </c>
      <c r="H37789" s="1" t="s">
        <v>130464</v>
      </c>
      <c r="I37789" s="1" t="s">
        <v>126615</v>
      </c>
      <c r="J37789" s="1" t="s">
        <v>130471</v>
      </c>
    </row>
    <row r="37790" spans="1:10" x14ac:dyDescent="0.35">
      <c r="A37790" s="1" t="s">
        <v>6093</v>
      </c>
      <c r="B37790" s="1" t="s">
        <v>126612</v>
      </c>
      <c r="C37790" s="1" t="s">
        <v>25</v>
      </c>
      <c r="D37790" s="1" t="s">
        <v>130472</v>
      </c>
      <c r="E37790" s="1" t="s">
        <v>130473</v>
      </c>
      <c r="F37790" s="1" t="s">
        <v>130474</v>
      </c>
      <c r="G37790" s="1" t="s">
        <v>130463</v>
      </c>
      <c r="H37790" s="1" t="s">
        <v>130464</v>
      </c>
      <c r="I37790" s="1" t="s">
        <v>126615</v>
      </c>
      <c r="J37790" s="1" t="s">
        <v>130475</v>
      </c>
    </row>
    <row r="37791" spans="1:10" x14ac:dyDescent="0.35">
      <c r="A37791" s="1" t="s">
        <v>6093</v>
      </c>
      <c r="B37791" s="1" t="s">
        <v>126612</v>
      </c>
      <c r="C37791" s="1" t="s">
        <v>30</v>
      </c>
      <c r="D37791" s="1" t="s">
        <v>92175</v>
      </c>
      <c r="E37791" s="1" t="s">
        <v>130476</v>
      </c>
      <c r="F37791" s="1" t="s">
        <v>130477</v>
      </c>
      <c r="G37791" s="1" t="s">
        <v>130463</v>
      </c>
      <c r="H37791" s="1" t="s">
        <v>130464</v>
      </c>
      <c r="I37791" s="1" t="s">
        <v>126615</v>
      </c>
      <c r="J37791" s="1" t="s">
        <v>130478</v>
      </c>
    </row>
    <row r="37792" spans="1:10" x14ac:dyDescent="0.35">
      <c r="A37792" s="1" t="s">
        <v>6093</v>
      </c>
      <c r="B37792" s="1" t="s">
        <v>126612</v>
      </c>
      <c r="C37792" s="1" t="s">
        <v>35</v>
      </c>
      <c r="D37792" s="1" t="s">
        <v>98849</v>
      </c>
      <c r="E37792" s="1" t="s">
        <v>130479</v>
      </c>
      <c r="F37792" s="1" t="s">
        <v>130480</v>
      </c>
      <c r="G37792" s="1" t="s">
        <v>130463</v>
      </c>
      <c r="H37792" s="1" t="s">
        <v>130464</v>
      </c>
      <c r="I37792" s="1" t="s">
        <v>126615</v>
      </c>
      <c r="J37792" s="1" t="s">
        <v>130481</v>
      </c>
    </row>
    <row r="37793" spans="1:10" x14ac:dyDescent="0.35">
      <c r="A37793" s="1" t="s">
        <v>6093</v>
      </c>
      <c r="B37793" s="1" t="s">
        <v>126612</v>
      </c>
      <c r="C37793" s="1" t="s">
        <v>40</v>
      </c>
      <c r="D37793" s="1" t="s">
        <v>130482</v>
      </c>
      <c r="E37793" s="1" t="s">
        <v>130483</v>
      </c>
      <c r="F37793" s="1" t="s">
        <v>130484</v>
      </c>
      <c r="G37793" s="1" t="s">
        <v>130463</v>
      </c>
      <c r="H37793" s="1" t="s">
        <v>130464</v>
      </c>
      <c r="I37793" s="1" t="s">
        <v>126615</v>
      </c>
      <c r="J37793" s="1" t="s">
        <v>130485</v>
      </c>
    </row>
    <row r="37794" spans="1:10" x14ac:dyDescent="0.35">
      <c r="A37794" s="1" t="s">
        <v>6093</v>
      </c>
      <c r="B37794" s="1" t="s">
        <v>126612</v>
      </c>
      <c r="C37794" s="1" t="s">
        <v>45</v>
      </c>
      <c r="D37794" s="1" t="s">
        <v>5242</v>
      </c>
      <c r="E37794" s="1" t="s">
        <v>130486</v>
      </c>
      <c r="F37794" s="1" t="s">
        <v>130487</v>
      </c>
      <c r="G37794" s="1" t="s">
        <v>130463</v>
      </c>
      <c r="H37794" s="1" t="s">
        <v>130464</v>
      </c>
      <c r="I37794" s="1" t="s">
        <v>126615</v>
      </c>
      <c r="J37794" s="1" t="s">
        <v>130488</v>
      </c>
    </row>
    <row r="37795" spans="1:10" x14ac:dyDescent="0.35">
      <c r="A37795" s="1" t="s">
        <v>6093</v>
      </c>
      <c r="B37795" s="1" t="s">
        <v>126612</v>
      </c>
      <c r="C37795" s="1" t="s">
        <v>50</v>
      </c>
      <c r="D37795" s="1" t="s">
        <v>56242</v>
      </c>
      <c r="E37795" s="1" t="s">
        <v>130489</v>
      </c>
      <c r="F37795" s="1" t="s">
        <v>130490</v>
      </c>
      <c r="G37795" s="1" t="s">
        <v>130463</v>
      </c>
      <c r="H37795" s="1" t="s">
        <v>130464</v>
      </c>
      <c r="I37795" s="1" t="s">
        <v>126615</v>
      </c>
      <c r="J37795" s="1" t="s">
        <v>130491</v>
      </c>
    </row>
    <row r="37796" spans="1:10" x14ac:dyDescent="0.35">
      <c r="A37796" s="1" t="s">
        <v>6093</v>
      </c>
      <c r="B37796" s="1" t="s">
        <v>126612</v>
      </c>
      <c r="C37796" s="1" t="s">
        <v>55</v>
      </c>
      <c r="D37796" s="1" t="s">
        <v>80784</v>
      </c>
      <c r="E37796" s="1" t="s">
        <v>130492</v>
      </c>
      <c r="F37796" s="1" t="s">
        <v>130493</v>
      </c>
      <c r="G37796" s="1" t="s">
        <v>130463</v>
      </c>
      <c r="H37796" s="1" t="s">
        <v>130464</v>
      </c>
      <c r="I37796" s="1" t="s">
        <v>126615</v>
      </c>
      <c r="J37796" s="1" t="s">
        <v>130494</v>
      </c>
    </row>
    <row r="37797" spans="1:10" x14ac:dyDescent="0.35">
      <c r="A37797" s="1" t="s">
        <v>6093</v>
      </c>
      <c r="B37797" s="1" t="s">
        <v>126612</v>
      </c>
      <c r="C37797" s="1" t="s">
        <v>60</v>
      </c>
      <c r="D37797" s="1" t="s">
        <v>78209</v>
      </c>
      <c r="E37797" s="1" t="s">
        <v>130495</v>
      </c>
      <c r="F37797" s="1" t="s">
        <v>130496</v>
      </c>
      <c r="G37797" s="1" t="s">
        <v>130463</v>
      </c>
      <c r="H37797" s="1" t="s">
        <v>130464</v>
      </c>
      <c r="I37797" s="1" t="s">
        <v>126615</v>
      </c>
      <c r="J37797" s="1" t="s">
        <v>130497</v>
      </c>
    </row>
    <row r="37798" spans="1:10" x14ac:dyDescent="0.35">
      <c r="A37798" s="1" t="s">
        <v>6093</v>
      </c>
      <c r="B37798" s="1" t="s">
        <v>126612</v>
      </c>
      <c r="C37798" s="1" t="s">
        <v>65</v>
      </c>
      <c r="D37798" s="1" t="s">
        <v>130498</v>
      </c>
      <c r="E37798" s="1" t="s">
        <v>130499</v>
      </c>
      <c r="F37798" s="1" t="s">
        <v>130500</v>
      </c>
      <c r="G37798" s="1" t="s">
        <v>130463</v>
      </c>
      <c r="H37798" s="1" t="s">
        <v>130464</v>
      </c>
      <c r="I37798" s="1" t="s">
        <v>126615</v>
      </c>
      <c r="J37798" s="1" t="s">
        <v>130501</v>
      </c>
    </row>
    <row r="37799" spans="1:10" x14ac:dyDescent="0.35">
      <c r="A37799" s="1" t="s">
        <v>6093</v>
      </c>
      <c r="B37799" s="1" t="s">
        <v>126612</v>
      </c>
      <c r="C37799" s="1" t="s">
        <v>70</v>
      </c>
      <c r="D37799" s="1" t="s">
        <v>81398</v>
      </c>
      <c r="E37799" s="1" t="s">
        <v>130502</v>
      </c>
      <c r="F37799" s="1" t="s">
        <v>130503</v>
      </c>
      <c r="G37799" s="1" t="s">
        <v>130463</v>
      </c>
      <c r="H37799" s="1" t="s">
        <v>130464</v>
      </c>
      <c r="I37799" s="1" t="s">
        <v>126615</v>
      </c>
      <c r="J37799" s="1" t="s">
        <v>130504</v>
      </c>
    </row>
    <row r="37800" spans="1:10" x14ac:dyDescent="0.35">
      <c r="A37800" s="1" t="s">
        <v>6093</v>
      </c>
      <c r="B37800" s="1" t="s">
        <v>126612</v>
      </c>
      <c r="C37800" s="1" t="s">
        <v>75</v>
      </c>
      <c r="D37800" s="1" t="s">
        <v>87808</v>
      </c>
      <c r="E37800" s="1" t="s">
        <v>130505</v>
      </c>
      <c r="F37800" s="1" t="s">
        <v>130506</v>
      </c>
      <c r="G37800" s="1" t="s">
        <v>130463</v>
      </c>
      <c r="H37800" s="1" t="s">
        <v>130464</v>
      </c>
      <c r="I37800" s="1" t="s">
        <v>126615</v>
      </c>
      <c r="J37800" s="1" t="s">
        <v>130507</v>
      </c>
    </row>
    <row r="37801" spans="1:10" x14ac:dyDescent="0.35">
      <c r="A37801" s="1" t="s">
        <v>6093</v>
      </c>
      <c r="B37801" s="1" t="s">
        <v>126612</v>
      </c>
      <c r="C37801" s="1" t="s">
        <v>80</v>
      </c>
      <c r="D37801" s="1" t="s">
        <v>130508</v>
      </c>
      <c r="E37801" s="1" t="s">
        <v>130509</v>
      </c>
      <c r="F37801" s="1" t="s">
        <v>130510</v>
      </c>
      <c r="G37801" s="1" t="s">
        <v>130463</v>
      </c>
      <c r="H37801" s="1" t="s">
        <v>130464</v>
      </c>
      <c r="I37801" s="1" t="s">
        <v>126615</v>
      </c>
      <c r="J37801" s="1" t="s">
        <v>130511</v>
      </c>
    </row>
    <row r="37802" spans="1:10" x14ac:dyDescent="0.35">
      <c r="A37802" s="1" t="s">
        <v>6093</v>
      </c>
      <c r="B37802" s="1" t="s">
        <v>126612</v>
      </c>
      <c r="C37802" s="1" t="s">
        <v>85</v>
      </c>
      <c r="D37802" s="1" t="s">
        <v>99793</v>
      </c>
      <c r="E37802" s="1" t="s">
        <v>130512</v>
      </c>
      <c r="F37802" s="1" t="s">
        <v>130513</v>
      </c>
      <c r="G37802" s="1" t="s">
        <v>130463</v>
      </c>
      <c r="H37802" s="1" t="s">
        <v>130464</v>
      </c>
      <c r="I37802" s="1" t="s">
        <v>126615</v>
      </c>
      <c r="J37802" s="1" t="s">
        <v>130514</v>
      </c>
    </row>
    <row r="37803" spans="1:10" x14ac:dyDescent="0.35">
      <c r="A37803" s="1" t="s">
        <v>6093</v>
      </c>
      <c r="B37803" s="1" t="s">
        <v>126612</v>
      </c>
      <c r="C37803" s="1" t="s">
        <v>90</v>
      </c>
      <c r="D37803" s="1" t="s">
        <v>130515</v>
      </c>
      <c r="E37803" s="1" t="s">
        <v>130516</v>
      </c>
      <c r="F37803" s="1" t="s">
        <v>130517</v>
      </c>
      <c r="G37803" s="1" t="s">
        <v>130463</v>
      </c>
      <c r="H37803" s="1" t="s">
        <v>130464</v>
      </c>
      <c r="I37803" s="1" t="s">
        <v>126615</v>
      </c>
      <c r="J37803" s="1" t="s">
        <v>130518</v>
      </c>
    </row>
    <row r="37804" spans="1:10" x14ac:dyDescent="0.35">
      <c r="A37804" s="1" t="s">
        <v>6093</v>
      </c>
      <c r="B37804" s="1" t="s">
        <v>126612</v>
      </c>
      <c r="C37804" s="1" t="s">
        <v>95</v>
      </c>
      <c r="D37804" s="1" t="s">
        <v>87327</v>
      </c>
      <c r="E37804" s="1" t="s">
        <v>130519</v>
      </c>
      <c r="F37804" s="1" t="s">
        <v>130520</v>
      </c>
      <c r="G37804" s="1" t="s">
        <v>130463</v>
      </c>
      <c r="H37804" s="1" t="s">
        <v>130464</v>
      </c>
      <c r="I37804" s="1" t="s">
        <v>126615</v>
      </c>
      <c r="J37804" s="1" t="s">
        <v>130521</v>
      </c>
    </row>
    <row r="37805" spans="1:10" x14ac:dyDescent="0.35">
      <c r="A37805" s="1" t="s">
        <v>6093</v>
      </c>
      <c r="B37805" s="1" t="s">
        <v>126612</v>
      </c>
      <c r="C37805" s="1" t="s">
        <v>100</v>
      </c>
      <c r="D37805" s="1" t="s">
        <v>98890</v>
      </c>
      <c r="E37805" s="1" t="s">
        <v>130522</v>
      </c>
      <c r="F37805" s="1" t="s">
        <v>130523</v>
      </c>
      <c r="G37805" s="1" t="s">
        <v>130463</v>
      </c>
      <c r="H37805" s="1" t="s">
        <v>130464</v>
      </c>
      <c r="I37805" s="1" t="s">
        <v>126615</v>
      </c>
      <c r="J37805" s="1" t="s">
        <v>130524</v>
      </c>
    </row>
    <row r="37806" spans="1:10" x14ac:dyDescent="0.35">
      <c r="A37806" s="1" t="s">
        <v>6093</v>
      </c>
      <c r="B37806" s="1" t="s">
        <v>126612</v>
      </c>
      <c r="C37806" s="1" t="s">
        <v>105</v>
      </c>
      <c r="D37806" s="1" t="s">
        <v>130525</v>
      </c>
      <c r="E37806" s="1" t="s">
        <v>130526</v>
      </c>
      <c r="F37806" s="1" t="s">
        <v>130527</v>
      </c>
      <c r="G37806" s="1" t="s">
        <v>130463</v>
      </c>
      <c r="H37806" s="1" t="s">
        <v>130464</v>
      </c>
      <c r="I37806" s="1" t="s">
        <v>126615</v>
      </c>
      <c r="J37806" s="1" t="s">
        <v>130528</v>
      </c>
    </row>
    <row r="37807" spans="1:10" x14ac:dyDescent="0.35">
      <c r="A37807" s="1" t="s">
        <v>6093</v>
      </c>
      <c r="B37807" s="1" t="s">
        <v>126612</v>
      </c>
      <c r="C37807" s="1" t="s">
        <v>110</v>
      </c>
      <c r="D37807" s="1" t="s">
        <v>98727</v>
      </c>
      <c r="E37807" s="1" t="s">
        <v>130529</v>
      </c>
      <c r="F37807" s="1" t="s">
        <v>130530</v>
      </c>
      <c r="G37807" s="1" t="s">
        <v>130463</v>
      </c>
      <c r="H37807" s="1" t="s">
        <v>130464</v>
      </c>
      <c r="I37807" s="1" t="s">
        <v>126615</v>
      </c>
      <c r="J37807" s="1" t="s">
        <v>130531</v>
      </c>
    </row>
    <row r="37808" spans="1:10" x14ac:dyDescent="0.35">
      <c r="A37808" s="1" t="s">
        <v>6093</v>
      </c>
      <c r="B37808" s="1" t="s">
        <v>126612</v>
      </c>
      <c r="C37808" s="1" t="s">
        <v>115</v>
      </c>
      <c r="D37808" s="1" t="s">
        <v>53783</v>
      </c>
      <c r="E37808" s="1" t="s">
        <v>130532</v>
      </c>
      <c r="F37808" s="1" t="s">
        <v>130533</v>
      </c>
      <c r="G37808" s="1" t="s">
        <v>130463</v>
      </c>
      <c r="H37808" s="1" t="s">
        <v>130464</v>
      </c>
      <c r="I37808" s="1" t="s">
        <v>126615</v>
      </c>
      <c r="J37808" s="1" t="s">
        <v>130534</v>
      </c>
    </row>
    <row r="37809" spans="1:10" x14ac:dyDescent="0.35">
      <c r="A37809" s="1" t="s">
        <v>6093</v>
      </c>
      <c r="B37809" s="1" t="s">
        <v>126612</v>
      </c>
      <c r="C37809" s="1" t="s">
        <v>120</v>
      </c>
      <c r="D37809" s="1" t="s">
        <v>130535</v>
      </c>
      <c r="E37809" s="1" t="s">
        <v>130536</v>
      </c>
      <c r="F37809" s="1" t="s">
        <v>130537</v>
      </c>
      <c r="G37809" s="1" t="s">
        <v>130463</v>
      </c>
      <c r="H37809" s="1" t="s">
        <v>130464</v>
      </c>
      <c r="I37809" s="1" t="s">
        <v>126615</v>
      </c>
      <c r="J37809" s="1" t="s">
        <v>130538</v>
      </c>
    </row>
    <row r="37810" spans="1:10" x14ac:dyDescent="0.35">
      <c r="A37810" s="1" t="s">
        <v>6093</v>
      </c>
      <c r="B37810" s="1" t="s">
        <v>126612</v>
      </c>
      <c r="C37810" s="1" t="s">
        <v>125</v>
      </c>
      <c r="D37810" s="1" t="s">
        <v>79832</v>
      </c>
      <c r="E37810" s="1" t="s">
        <v>130539</v>
      </c>
      <c r="F37810" s="1" t="s">
        <v>130540</v>
      </c>
      <c r="G37810" s="1" t="s">
        <v>130463</v>
      </c>
      <c r="H37810" s="1" t="s">
        <v>130464</v>
      </c>
      <c r="I37810" s="1" t="s">
        <v>126615</v>
      </c>
      <c r="J37810" s="1" t="s">
        <v>130541</v>
      </c>
    </row>
    <row r="37811" spans="1:10" x14ac:dyDescent="0.35">
      <c r="A37811" s="1" t="s">
        <v>6093</v>
      </c>
      <c r="B37811" s="1" t="s">
        <v>126612</v>
      </c>
      <c r="C37811" s="1" t="s">
        <v>130</v>
      </c>
      <c r="D37811" s="1" t="s">
        <v>22371</v>
      </c>
      <c r="E37811" s="1" t="s">
        <v>130542</v>
      </c>
      <c r="F37811" s="1" t="s">
        <v>130543</v>
      </c>
      <c r="G37811" s="1" t="s">
        <v>130463</v>
      </c>
      <c r="H37811" s="1" t="s">
        <v>130464</v>
      </c>
      <c r="I37811" s="1" t="s">
        <v>126615</v>
      </c>
      <c r="J37811" s="1" t="s">
        <v>130544</v>
      </c>
    </row>
    <row r="37812" spans="1:10" x14ac:dyDescent="0.35">
      <c r="A37812" s="1" t="s">
        <v>6093</v>
      </c>
      <c r="B37812" s="1" t="s">
        <v>126612</v>
      </c>
      <c r="C37812" s="1" t="s">
        <v>135</v>
      </c>
      <c r="D37812" s="1" t="s">
        <v>130545</v>
      </c>
      <c r="E37812" s="1" t="s">
        <v>130546</v>
      </c>
      <c r="F37812" s="1" t="s">
        <v>130547</v>
      </c>
      <c r="G37812" s="1" t="s">
        <v>130463</v>
      </c>
      <c r="H37812" s="1" t="s">
        <v>130464</v>
      </c>
      <c r="I37812" s="1" t="s">
        <v>126615</v>
      </c>
      <c r="J37812" s="1" t="s">
        <v>130548</v>
      </c>
    </row>
    <row r="37813" spans="1:10" x14ac:dyDescent="0.35">
      <c r="A37813" s="1" t="s">
        <v>6093</v>
      </c>
      <c r="B37813" s="1" t="s">
        <v>126612</v>
      </c>
      <c r="C37813" s="1" t="s">
        <v>140</v>
      </c>
      <c r="D37813" s="1" t="s">
        <v>130549</v>
      </c>
      <c r="E37813" s="1" t="s">
        <v>130550</v>
      </c>
      <c r="F37813" s="1" t="s">
        <v>130551</v>
      </c>
      <c r="G37813" s="1" t="s">
        <v>130463</v>
      </c>
      <c r="H37813" s="1" t="s">
        <v>130464</v>
      </c>
      <c r="I37813" s="1" t="s">
        <v>126615</v>
      </c>
      <c r="J37813" s="1" t="s">
        <v>130552</v>
      </c>
    </row>
    <row r="37814" spans="1:10" x14ac:dyDescent="0.35">
      <c r="A37814" s="1" t="s">
        <v>6093</v>
      </c>
      <c r="B37814" s="1" t="s">
        <v>126612</v>
      </c>
      <c r="C37814" s="1" t="s">
        <v>145</v>
      </c>
      <c r="D37814" s="1" t="s">
        <v>130553</v>
      </c>
      <c r="E37814" s="1" t="s">
        <v>130554</v>
      </c>
      <c r="F37814" s="1" t="s">
        <v>130555</v>
      </c>
      <c r="G37814" s="1" t="s">
        <v>130463</v>
      </c>
      <c r="H37814" s="1" t="s">
        <v>130464</v>
      </c>
      <c r="I37814" s="1" t="s">
        <v>126615</v>
      </c>
      <c r="J37814" s="1" t="s">
        <v>130556</v>
      </c>
    </row>
    <row r="37815" spans="1:10" x14ac:dyDescent="0.35">
      <c r="A37815" s="1" t="s">
        <v>6093</v>
      </c>
      <c r="B37815" s="1" t="s">
        <v>126612</v>
      </c>
      <c r="C37815" s="1" t="s">
        <v>150</v>
      </c>
      <c r="D37815" s="1" t="s">
        <v>64980</v>
      </c>
      <c r="E37815" s="1" t="s">
        <v>130557</v>
      </c>
      <c r="F37815" s="1" t="s">
        <v>130558</v>
      </c>
      <c r="G37815" s="1" t="s">
        <v>130463</v>
      </c>
      <c r="H37815" s="1" t="s">
        <v>130464</v>
      </c>
      <c r="I37815" s="1" t="s">
        <v>126615</v>
      </c>
      <c r="J37815" s="1" t="s">
        <v>130559</v>
      </c>
    </row>
    <row r="37816" spans="1:10" x14ac:dyDescent="0.35">
      <c r="A37816" s="1" t="s">
        <v>6093</v>
      </c>
      <c r="B37816" s="1" t="s">
        <v>126612</v>
      </c>
      <c r="C37816" s="1" t="s">
        <v>155</v>
      </c>
      <c r="D37816" s="1" t="s">
        <v>101274</v>
      </c>
      <c r="E37816" s="1" t="s">
        <v>130560</v>
      </c>
      <c r="F37816" s="1" t="s">
        <v>130561</v>
      </c>
      <c r="G37816" s="1" t="s">
        <v>130463</v>
      </c>
      <c r="H37816" s="1" t="s">
        <v>130464</v>
      </c>
      <c r="I37816" s="1" t="s">
        <v>126615</v>
      </c>
      <c r="J37816" s="1" t="s">
        <v>130562</v>
      </c>
    </row>
    <row r="37817" spans="1:10" x14ac:dyDescent="0.35">
      <c r="A37817" s="1" t="s">
        <v>6093</v>
      </c>
      <c r="B37817" s="1" t="s">
        <v>126612</v>
      </c>
      <c r="C37817" s="1" t="s">
        <v>160</v>
      </c>
      <c r="D37817" s="1" t="s">
        <v>130465</v>
      </c>
      <c r="E37817" s="1" t="s">
        <v>130563</v>
      </c>
      <c r="F37817" s="1" t="s">
        <v>130564</v>
      </c>
      <c r="G37817" s="1" t="s">
        <v>130463</v>
      </c>
      <c r="H37817" s="1" t="s">
        <v>130464</v>
      </c>
      <c r="I37817" s="1" t="s">
        <v>126615</v>
      </c>
      <c r="J37817" s="1" t="s">
        <v>130565</v>
      </c>
    </row>
    <row r="37818" spans="1:10" x14ac:dyDescent="0.35">
      <c r="A37818" s="1" t="s">
        <v>6093</v>
      </c>
      <c r="B37818" s="1" t="s">
        <v>126612</v>
      </c>
      <c r="C37818" s="1" t="s">
        <v>165</v>
      </c>
      <c r="D37818" s="1" t="s">
        <v>130566</v>
      </c>
      <c r="E37818" s="1" t="s">
        <v>130567</v>
      </c>
      <c r="F37818" s="1" t="s">
        <v>130568</v>
      </c>
      <c r="G37818" s="1" t="s">
        <v>130463</v>
      </c>
      <c r="H37818" s="1" t="s">
        <v>130464</v>
      </c>
      <c r="I37818" s="1" t="s">
        <v>126615</v>
      </c>
      <c r="J37818" s="1" t="s">
        <v>130569</v>
      </c>
    </row>
    <row r="37819" spans="1:10" x14ac:dyDescent="0.35">
      <c r="A37819" s="1" t="s">
        <v>6093</v>
      </c>
      <c r="B37819" s="1" t="s">
        <v>126612</v>
      </c>
      <c r="C37819" s="1" t="s">
        <v>170</v>
      </c>
      <c r="D37819" s="1" t="s">
        <v>130570</v>
      </c>
      <c r="E37819" s="1" t="s">
        <v>130571</v>
      </c>
      <c r="F37819" s="1" t="s">
        <v>130572</v>
      </c>
      <c r="G37819" s="1" t="s">
        <v>130463</v>
      </c>
      <c r="H37819" s="1" t="s">
        <v>130464</v>
      </c>
      <c r="I37819" s="1" t="s">
        <v>126615</v>
      </c>
      <c r="J37819" s="1" t="s">
        <v>130573</v>
      </c>
    </row>
    <row r="37820" spans="1:10" x14ac:dyDescent="0.35">
      <c r="A37820" s="1" t="s">
        <v>6147</v>
      </c>
      <c r="B37820" s="1" t="s">
        <v>126612</v>
      </c>
      <c r="C37820" s="1" t="s">
        <v>8</v>
      </c>
      <c r="D37820" s="1" t="s">
        <v>83324</v>
      </c>
      <c r="E37820" s="1" t="s">
        <v>130574</v>
      </c>
      <c r="F37820" s="1" t="s">
        <v>130575</v>
      </c>
      <c r="G37820" s="1" t="s">
        <v>130576</v>
      </c>
      <c r="H37820" s="1" t="s">
        <v>130577</v>
      </c>
      <c r="I37820" s="1" t="s">
        <v>126615</v>
      </c>
      <c r="J37820" s="1" t="s">
        <v>13</v>
      </c>
    </row>
    <row r="37821" spans="1:10" x14ac:dyDescent="0.35">
      <c r="A37821" s="1" t="s">
        <v>6147</v>
      </c>
      <c r="B37821" s="1" t="s">
        <v>126612</v>
      </c>
      <c r="C37821" s="1" t="s">
        <v>15</v>
      </c>
      <c r="D37821" s="1" t="s">
        <v>47032</v>
      </c>
      <c r="E37821" s="1" t="s">
        <v>130578</v>
      </c>
      <c r="F37821" s="1" t="s">
        <v>130579</v>
      </c>
      <c r="G37821" s="1" t="s">
        <v>130576</v>
      </c>
      <c r="H37821" s="1" t="s">
        <v>130577</v>
      </c>
      <c r="I37821" s="1" t="s">
        <v>126615</v>
      </c>
      <c r="J37821" s="1" t="s">
        <v>130580</v>
      </c>
    </row>
    <row r="37822" spans="1:10" x14ac:dyDescent="0.35">
      <c r="A37822" s="1" t="s">
        <v>6147</v>
      </c>
      <c r="B37822" s="1" t="s">
        <v>126612</v>
      </c>
      <c r="C37822" s="1" t="s">
        <v>20</v>
      </c>
      <c r="D37822" s="1" t="s">
        <v>130581</v>
      </c>
      <c r="E37822" s="1" t="s">
        <v>130582</v>
      </c>
      <c r="F37822" s="1" t="s">
        <v>130583</v>
      </c>
      <c r="G37822" s="1" t="s">
        <v>130576</v>
      </c>
      <c r="H37822" s="1" t="s">
        <v>130577</v>
      </c>
      <c r="I37822" s="1" t="s">
        <v>126615</v>
      </c>
      <c r="J37822" s="1" t="s">
        <v>130584</v>
      </c>
    </row>
    <row r="37823" spans="1:10" x14ac:dyDescent="0.35">
      <c r="A37823" s="1" t="s">
        <v>6147</v>
      </c>
      <c r="B37823" s="1" t="s">
        <v>126612</v>
      </c>
      <c r="C37823" s="1" t="s">
        <v>25</v>
      </c>
      <c r="D37823" s="1" t="s">
        <v>130585</v>
      </c>
      <c r="E37823" s="1" t="s">
        <v>130586</v>
      </c>
      <c r="F37823" s="1" t="s">
        <v>130587</v>
      </c>
      <c r="G37823" s="1" t="s">
        <v>130576</v>
      </c>
      <c r="H37823" s="1" t="s">
        <v>130577</v>
      </c>
      <c r="I37823" s="1" t="s">
        <v>126615</v>
      </c>
      <c r="J37823" s="1" t="s">
        <v>130588</v>
      </c>
    </row>
    <row r="37824" spans="1:10" x14ac:dyDescent="0.35">
      <c r="A37824" s="1" t="s">
        <v>6147</v>
      </c>
      <c r="B37824" s="1" t="s">
        <v>126612</v>
      </c>
      <c r="C37824" s="1" t="s">
        <v>30</v>
      </c>
      <c r="D37824" s="1" t="s">
        <v>128209</v>
      </c>
      <c r="E37824" s="1" t="s">
        <v>130589</v>
      </c>
      <c r="F37824" s="1" t="s">
        <v>130590</v>
      </c>
      <c r="G37824" s="1" t="s">
        <v>130576</v>
      </c>
      <c r="H37824" s="1" t="s">
        <v>130577</v>
      </c>
      <c r="I37824" s="1" t="s">
        <v>126615</v>
      </c>
      <c r="J37824" s="1" t="s">
        <v>130591</v>
      </c>
    </row>
    <row r="37825" spans="1:10" x14ac:dyDescent="0.35">
      <c r="A37825" s="1" t="s">
        <v>6147</v>
      </c>
      <c r="B37825" s="1" t="s">
        <v>126612</v>
      </c>
      <c r="C37825" s="1" t="s">
        <v>35</v>
      </c>
      <c r="D37825" s="1" t="s">
        <v>127888</v>
      </c>
      <c r="E37825" s="1" t="s">
        <v>130592</v>
      </c>
      <c r="F37825" s="1" t="s">
        <v>130593</v>
      </c>
      <c r="G37825" s="1" t="s">
        <v>130576</v>
      </c>
      <c r="H37825" s="1" t="s">
        <v>130577</v>
      </c>
      <c r="I37825" s="1" t="s">
        <v>126615</v>
      </c>
      <c r="J37825" s="1" t="s">
        <v>130594</v>
      </c>
    </row>
    <row r="37826" spans="1:10" x14ac:dyDescent="0.35">
      <c r="A37826" s="1" t="s">
        <v>6147</v>
      </c>
      <c r="B37826" s="1" t="s">
        <v>126612</v>
      </c>
      <c r="C37826" s="1" t="s">
        <v>40</v>
      </c>
      <c r="D37826" s="1" t="s">
        <v>14327</v>
      </c>
      <c r="E37826" s="1" t="s">
        <v>130595</v>
      </c>
      <c r="F37826" s="1" t="s">
        <v>130596</v>
      </c>
      <c r="G37826" s="1" t="s">
        <v>130576</v>
      </c>
      <c r="H37826" s="1" t="s">
        <v>130577</v>
      </c>
      <c r="I37826" s="1" t="s">
        <v>126615</v>
      </c>
      <c r="J37826" s="1" t="s">
        <v>130597</v>
      </c>
    </row>
    <row r="37827" spans="1:10" x14ac:dyDescent="0.35">
      <c r="A37827" s="1" t="s">
        <v>6147</v>
      </c>
      <c r="B37827" s="1" t="s">
        <v>126612</v>
      </c>
      <c r="C37827" s="1" t="s">
        <v>45</v>
      </c>
      <c r="D37827" s="1" t="s">
        <v>22246</v>
      </c>
      <c r="E37827" s="1" t="s">
        <v>130598</v>
      </c>
      <c r="F37827" s="1" t="s">
        <v>130599</v>
      </c>
      <c r="G37827" s="1" t="s">
        <v>130576</v>
      </c>
      <c r="H37827" s="1" t="s">
        <v>130577</v>
      </c>
      <c r="I37827" s="1" t="s">
        <v>126615</v>
      </c>
      <c r="J37827" s="1" t="s">
        <v>130600</v>
      </c>
    </row>
    <row r="37828" spans="1:10" x14ac:dyDescent="0.35">
      <c r="A37828" s="1" t="s">
        <v>6147</v>
      </c>
      <c r="B37828" s="1" t="s">
        <v>126612</v>
      </c>
      <c r="C37828" s="1" t="s">
        <v>50</v>
      </c>
      <c r="D37828" s="1" t="s">
        <v>98437</v>
      </c>
      <c r="E37828" s="1" t="s">
        <v>130601</v>
      </c>
      <c r="F37828" s="1" t="s">
        <v>130602</v>
      </c>
      <c r="G37828" s="1" t="s">
        <v>130576</v>
      </c>
      <c r="H37828" s="1" t="s">
        <v>130577</v>
      </c>
      <c r="I37828" s="1" t="s">
        <v>126615</v>
      </c>
      <c r="J37828" s="1" t="s">
        <v>130603</v>
      </c>
    </row>
    <row r="37829" spans="1:10" x14ac:dyDescent="0.35">
      <c r="A37829" s="1" t="s">
        <v>6147</v>
      </c>
      <c r="B37829" s="1" t="s">
        <v>126612</v>
      </c>
      <c r="C37829" s="1" t="s">
        <v>55</v>
      </c>
      <c r="D37829" s="1" t="s">
        <v>26332</v>
      </c>
      <c r="E37829" s="1" t="s">
        <v>130604</v>
      </c>
      <c r="F37829" s="1" t="s">
        <v>130605</v>
      </c>
      <c r="G37829" s="1" t="s">
        <v>130576</v>
      </c>
      <c r="H37829" s="1" t="s">
        <v>130577</v>
      </c>
      <c r="I37829" s="1" t="s">
        <v>126615</v>
      </c>
      <c r="J37829" s="1" t="s">
        <v>130606</v>
      </c>
    </row>
    <row r="37830" spans="1:10" x14ac:dyDescent="0.35">
      <c r="A37830" s="1" t="s">
        <v>6147</v>
      </c>
      <c r="B37830" s="1" t="s">
        <v>126612</v>
      </c>
      <c r="C37830" s="1" t="s">
        <v>60</v>
      </c>
      <c r="D37830" s="1" t="s">
        <v>130607</v>
      </c>
      <c r="E37830" s="1" t="s">
        <v>130608</v>
      </c>
      <c r="F37830" s="1" t="s">
        <v>130609</v>
      </c>
      <c r="G37830" s="1" t="s">
        <v>130576</v>
      </c>
      <c r="H37830" s="1" t="s">
        <v>130577</v>
      </c>
      <c r="I37830" s="1" t="s">
        <v>126615</v>
      </c>
      <c r="J37830" s="1" t="s">
        <v>130610</v>
      </c>
    </row>
    <row r="37831" spans="1:10" x14ac:dyDescent="0.35">
      <c r="A37831" s="1" t="s">
        <v>6147</v>
      </c>
      <c r="B37831" s="1" t="s">
        <v>126612</v>
      </c>
      <c r="C37831" s="1" t="s">
        <v>65</v>
      </c>
      <c r="D37831" s="1" t="s">
        <v>130611</v>
      </c>
      <c r="E37831" s="1" t="s">
        <v>130612</v>
      </c>
      <c r="F37831" s="1" t="s">
        <v>130613</v>
      </c>
      <c r="G37831" s="1" t="s">
        <v>130576</v>
      </c>
      <c r="H37831" s="1" t="s">
        <v>130577</v>
      </c>
      <c r="I37831" s="1" t="s">
        <v>126615</v>
      </c>
      <c r="J37831" s="1" t="s">
        <v>130614</v>
      </c>
    </row>
    <row r="37832" spans="1:10" x14ac:dyDescent="0.35">
      <c r="A37832" s="1" t="s">
        <v>6147</v>
      </c>
      <c r="B37832" s="1" t="s">
        <v>126612</v>
      </c>
      <c r="C37832" s="1" t="s">
        <v>70</v>
      </c>
      <c r="D37832" s="1" t="s">
        <v>88997</v>
      </c>
      <c r="E37832" s="1" t="s">
        <v>130615</v>
      </c>
      <c r="F37832" s="1" t="s">
        <v>130616</v>
      </c>
      <c r="G37832" s="1" t="s">
        <v>130576</v>
      </c>
      <c r="H37832" s="1" t="s">
        <v>130577</v>
      </c>
      <c r="I37832" s="1" t="s">
        <v>126615</v>
      </c>
      <c r="J37832" s="1" t="s">
        <v>130617</v>
      </c>
    </row>
    <row r="37833" spans="1:10" x14ac:dyDescent="0.35">
      <c r="A37833" s="1" t="s">
        <v>6147</v>
      </c>
      <c r="B37833" s="1" t="s">
        <v>126612</v>
      </c>
      <c r="C37833" s="1" t="s">
        <v>75</v>
      </c>
      <c r="D37833" s="1" t="s">
        <v>98774</v>
      </c>
      <c r="E37833" s="1" t="s">
        <v>157</v>
      </c>
      <c r="F37833" s="1" t="s">
        <v>130618</v>
      </c>
      <c r="G37833" s="1" t="s">
        <v>130576</v>
      </c>
      <c r="H37833" s="1" t="s">
        <v>130577</v>
      </c>
      <c r="I37833" s="1" t="s">
        <v>126615</v>
      </c>
      <c r="J37833" s="1" t="s">
        <v>130619</v>
      </c>
    </row>
    <row r="37834" spans="1:10" x14ac:dyDescent="0.35">
      <c r="A37834" s="1" t="s">
        <v>6147</v>
      </c>
      <c r="B37834" s="1" t="s">
        <v>126612</v>
      </c>
      <c r="C37834" s="1" t="s">
        <v>80</v>
      </c>
      <c r="D37834" s="1" t="s">
        <v>100954</v>
      </c>
      <c r="E37834" s="1" t="s">
        <v>130620</v>
      </c>
      <c r="F37834" s="1" t="s">
        <v>130621</v>
      </c>
      <c r="G37834" s="1" t="s">
        <v>130576</v>
      </c>
      <c r="H37834" s="1" t="s">
        <v>130577</v>
      </c>
      <c r="I37834" s="1" t="s">
        <v>126615</v>
      </c>
      <c r="J37834" s="1" t="s">
        <v>130622</v>
      </c>
    </row>
    <row r="37835" spans="1:10" x14ac:dyDescent="0.35">
      <c r="A37835" s="1" t="s">
        <v>6147</v>
      </c>
      <c r="B37835" s="1" t="s">
        <v>126612</v>
      </c>
      <c r="C37835" s="1" t="s">
        <v>85</v>
      </c>
      <c r="D37835" s="1" t="s">
        <v>56256</v>
      </c>
      <c r="E37835" s="1" t="s">
        <v>130623</v>
      </c>
      <c r="F37835" s="1" t="s">
        <v>130624</v>
      </c>
      <c r="G37835" s="1" t="s">
        <v>130576</v>
      </c>
      <c r="H37835" s="1" t="s">
        <v>130577</v>
      </c>
      <c r="I37835" s="1" t="s">
        <v>126615</v>
      </c>
      <c r="J37835" s="1" t="s">
        <v>130625</v>
      </c>
    </row>
    <row r="37836" spans="1:10" x14ac:dyDescent="0.35">
      <c r="A37836" s="1" t="s">
        <v>6147</v>
      </c>
      <c r="B37836" s="1" t="s">
        <v>126612</v>
      </c>
      <c r="C37836" s="1" t="s">
        <v>90</v>
      </c>
      <c r="D37836" s="1" t="s">
        <v>53842</v>
      </c>
      <c r="E37836" s="1" t="s">
        <v>130626</v>
      </c>
      <c r="F37836" s="1" t="s">
        <v>130627</v>
      </c>
      <c r="G37836" s="1" t="s">
        <v>130576</v>
      </c>
      <c r="H37836" s="1" t="s">
        <v>130577</v>
      </c>
      <c r="I37836" s="1" t="s">
        <v>126615</v>
      </c>
      <c r="J37836" s="1" t="s">
        <v>130628</v>
      </c>
    </row>
    <row r="37837" spans="1:10" x14ac:dyDescent="0.35">
      <c r="A37837" s="1" t="s">
        <v>6147</v>
      </c>
      <c r="B37837" s="1" t="s">
        <v>126612</v>
      </c>
      <c r="C37837" s="1" t="s">
        <v>95</v>
      </c>
      <c r="D37837" s="1" t="s">
        <v>57739</v>
      </c>
      <c r="E37837" s="1" t="s">
        <v>130629</v>
      </c>
      <c r="F37837" s="1" t="s">
        <v>130630</v>
      </c>
      <c r="G37837" s="1" t="s">
        <v>130576</v>
      </c>
      <c r="H37837" s="1" t="s">
        <v>130577</v>
      </c>
      <c r="I37837" s="1" t="s">
        <v>126615</v>
      </c>
      <c r="J37837" s="1" t="s">
        <v>130631</v>
      </c>
    </row>
    <row r="37838" spans="1:10" x14ac:dyDescent="0.35">
      <c r="A37838" s="1" t="s">
        <v>6147</v>
      </c>
      <c r="B37838" s="1" t="s">
        <v>126612</v>
      </c>
      <c r="C37838" s="1" t="s">
        <v>100</v>
      </c>
      <c r="D37838" s="1" t="s">
        <v>130632</v>
      </c>
      <c r="E37838" s="1" t="s">
        <v>130633</v>
      </c>
      <c r="F37838" s="1" t="s">
        <v>130634</v>
      </c>
      <c r="G37838" s="1" t="s">
        <v>130576</v>
      </c>
      <c r="H37838" s="1" t="s">
        <v>130577</v>
      </c>
      <c r="I37838" s="1" t="s">
        <v>126615</v>
      </c>
      <c r="J37838" s="1" t="s">
        <v>130635</v>
      </c>
    </row>
    <row r="37839" spans="1:10" x14ac:dyDescent="0.35">
      <c r="A37839" s="1" t="s">
        <v>6147</v>
      </c>
      <c r="B37839" s="1" t="s">
        <v>126612</v>
      </c>
      <c r="C37839" s="1" t="s">
        <v>105</v>
      </c>
      <c r="D37839" s="1" t="s">
        <v>130636</v>
      </c>
      <c r="E37839" s="1" t="s">
        <v>130637</v>
      </c>
      <c r="F37839" s="1" t="s">
        <v>130638</v>
      </c>
      <c r="G37839" s="1" t="s">
        <v>130576</v>
      </c>
      <c r="H37839" s="1" t="s">
        <v>130577</v>
      </c>
      <c r="I37839" s="1" t="s">
        <v>126615</v>
      </c>
      <c r="J37839" s="1" t="s">
        <v>130639</v>
      </c>
    </row>
    <row r="37840" spans="1:10" x14ac:dyDescent="0.35">
      <c r="A37840" s="1" t="s">
        <v>6147</v>
      </c>
      <c r="B37840" s="1" t="s">
        <v>126612</v>
      </c>
      <c r="C37840" s="1" t="s">
        <v>110</v>
      </c>
      <c r="D37840" s="1" t="s">
        <v>101075</v>
      </c>
      <c r="E37840" s="1" t="s">
        <v>130640</v>
      </c>
      <c r="F37840" s="1" t="s">
        <v>130641</v>
      </c>
      <c r="G37840" s="1" t="s">
        <v>130576</v>
      </c>
      <c r="H37840" s="1" t="s">
        <v>130577</v>
      </c>
      <c r="I37840" s="1" t="s">
        <v>126615</v>
      </c>
      <c r="J37840" s="1" t="s">
        <v>130642</v>
      </c>
    </row>
    <row r="37841" spans="1:10" x14ac:dyDescent="0.35">
      <c r="A37841" s="1" t="s">
        <v>6147</v>
      </c>
      <c r="B37841" s="1" t="s">
        <v>126612</v>
      </c>
      <c r="C37841" s="1" t="s">
        <v>115</v>
      </c>
      <c r="D37841" s="1" t="s">
        <v>130643</v>
      </c>
      <c r="E37841" s="1" t="s">
        <v>130644</v>
      </c>
      <c r="F37841" s="1" t="s">
        <v>130645</v>
      </c>
      <c r="G37841" s="1" t="s">
        <v>130576</v>
      </c>
      <c r="H37841" s="1" t="s">
        <v>130577</v>
      </c>
      <c r="I37841" s="1" t="s">
        <v>126615</v>
      </c>
      <c r="J37841" s="1" t="s">
        <v>130646</v>
      </c>
    </row>
    <row r="37842" spans="1:10" x14ac:dyDescent="0.35">
      <c r="A37842" s="1" t="s">
        <v>6147</v>
      </c>
      <c r="B37842" s="1" t="s">
        <v>126612</v>
      </c>
      <c r="C37842" s="1" t="s">
        <v>120</v>
      </c>
      <c r="D37842" s="1" t="s">
        <v>130472</v>
      </c>
      <c r="E37842" s="1" t="s">
        <v>130647</v>
      </c>
      <c r="F37842" s="1" t="s">
        <v>130648</v>
      </c>
      <c r="G37842" s="1" t="s">
        <v>130576</v>
      </c>
      <c r="H37842" s="1" t="s">
        <v>130577</v>
      </c>
      <c r="I37842" s="1" t="s">
        <v>126615</v>
      </c>
      <c r="J37842" s="1" t="s">
        <v>130649</v>
      </c>
    </row>
    <row r="37843" spans="1:10" x14ac:dyDescent="0.35">
      <c r="A37843" s="1" t="s">
        <v>6147</v>
      </c>
      <c r="B37843" s="1" t="s">
        <v>126612</v>
      </c>
      <c r="C37843" s="1" t="s">
        <v>125</v>
      </c>
      <c r="D37843" s="1" t="s">
        <v>127287</v>
      </c>
      <c r="E37843" s="1" t="s">
        <v>130650</v>
      </c>
      <c r="F37843" s="1" t="s">
        <v>130651</v>
      </c>
      <c r="G37843" s="1" t="s">
        <v>130576</v>
      </c>
      <c r="H37843" s="1" t="s">
        <v>130577</v>
      </c>
      <c r="I37843" s="1" t="s">
        <v>126615</v>
      </c>
      <c r="J37843" s="1" t="s">
        <v>130652</v>
      </c>
    </row>
    <row r="37844" spans="1:10" x14ac:dyDescent="0.35">
      <c r="A37844" s="1" t="s">
        <v>6147</v>
      </c>
      <c r="B37844" s="1" t="s">
        <v>126612</v>
      </c>
      <c r="C37844" s="1" t="s">
        <v>130</v>
      </c>
      <c r="D37844" s="1" t="s">
        <v>102572</v>
      </c>
      <c r="E37844" s="1" t="s">
        <v>130653</v>
      </c>
      <c r="F37844" s="1" t="s">
        <v>130654</v>
      </c>
      <c r="G37844" s="1" t="s">
        <v>130576</v>
      </c>
      <c r="H37844" s="1" t="s">
        <v>130577</v>
      </c>
      <c r="I37844" s="1" t="s">
        <v>126615</v>
      </c>
      <c r="J37844" s="1" t="s">
        <v>130655</v>
      </c>
    </row>
    <row r="37845" spans="1:10" x14ac:dyDescent="0.35">
      <c r="A37845" s="1" t="s">
        <v>6147</v>
      </c>
      <c r="B37845" s="1" t="s">
        <v>126612</v>
      </c>
      <c r="C37845" s="1" t="s">
        <v>135</v>
      </c>
      <c r="D37845" s="1" t="s">
        <v>130656</v>
      </c>
      <c r="E37845" s="1" t="s">
        <v>130657</v>
      </c>
      <c r="F37845" s="1" t="s">
        <v>130658</v>
      </c>
      <c r="G37845" s="1" t="s">
        <v>130576</v>
      </c>
      <c r="H37845" s="1" t="s">
        <v>130577</v>
      </c>
      <c r="I37845" s="1" t="s">
        <v>126615</v>
      </c>
      <c r="J37845" s="1" t="s">
        <v>130659</v>
      </c>
    </row>
    <row r="37846" spans="1:10" x14ac:dyDescent="0.35">
      <c r="A37846" s="1" t="s">
        <v>6147</v>
      </c>
      <c r="B37846" s="1" t="s">
        <v>126612</v>
      </c>
      <c r="C37846" s="1" t="s">
        <v>140</v>
      </c>
      <c r="D37846" s="1" t="s">
        <v>130660</v>
      </c>
      <c r="E37846" s="1" t="s">
        <v>130661</v>
      </c>
      <c r="F37846" s="1" t="s">
        <v>130662</v>
      </c>
      <c r="G37846" s="1" t="s">
        <v>130576</v>
      </c>
      <c r="H37846" s="1" t="s">
        <v>130577</v>
      </c>
      <c r="I37846" s="1" t="s">
        <v>126615</v>
      </c>
      <c r="J37846" s="1" t="s">
        <v>130663</v>
      </c>
    </row>
    <row r="37847" spans="1:10" x14ac:dyDescent="0.35">
      <c r="A37847" s="1" t="s">
        <v>6147</v>
      </c>
      <c r="B37847" s="1" t="s">
        <v>126612</v>
      </c>
      <c r="C37847" s="1" t="s">
        <v>145</v>
      </c>
      <c r="D37847" s="1" t="s">
        <v>130664</v>
      </c>
      <c r="E37847" s="1" t="s">
        <v>130665</v>
      </c>
      <c r="F37847" s="1" t="s">
        <v>130666</v>
      </c>
      <c r="G37847" s="1" t="s">
        <v>130576</v>
      </c>
      <c r="H37847" s="1" t="s">
        <v>130577</v>
      </c>
      <c r="I37847" s="1" t="s">
        <v>126615</v>
      </c>
      <c r="J37847" s="1" t="s">
        <v>130667</v>
      </c>
    </row>
    <row r="37848" spans="1:10" x14ac:dyDescent="0.35">
      <c r="A37848" s="1" t="s">
        <v>6147</v>
      </c>
      <c r="B37848" s="1" t="s">
        <v>126612</v>
      </c>
      <c r="C37848" s="1" t="s">
        <v>150</v>
      </c>
      <c r="D37848" s="1" t="s">
        <v>77538</v>
      </c>
      <c r="E37848" s="1" t="s">
        <v>130668</v>
      </c>
      <c r="F37848" s="1" t="s">
        <v>130669</v>
      </c>
      <c r="G37848" s="1" t="s">
        <v>130576</v>
      </c>
      <c r="H37848" s="1" t="s">
        <v>130577</v>
      </c>
      <c r="I37848" s="1" t="s">
        <v>126615</v>
      </c>
      <c r="J37848" s="1" t="s">
        <v>130670</v>
      </c>
    </row>
    <row r="37849" spans="1:10" x14ac:dyDescent="0.35">
      <c r="A37849" s="1" t="s">
        <v>6147</v>
      </c>
      <c r="B37849" s="1" t="s">
        <v>126612</v>
      </c>
      <c r="C37849" s="1" t="s">
        <v>155</v>
      </c>
      <c r="D37849" s="1" t="s">
        <v>22644</v>
      </c>
      <c r="E37849" s="1" t="s">
        <v>130671</v>
      </c>
      <c r="F37849" s="1" t="s">
        <v>130672</v>
      </c>
      <c r="G37849" s="1" t="s">
        <v>130576</v>
      </c>
      <c r="H37849" s="1" t="s">
        <v>130577</v>
      </c>
      <c r="I37849" s="1" t="s">
        <v>126615</v>
      </c>
      <c r="J37849" s="1" t="s">
        <v>130673</v>
      </c>
    </row>
    <row r="37850" spans="1:10" x14ac:dyDescent="0.35">
      <c r="A37850" s="1" t="s">
        <v>6147</v>
      </c>
      <c r="B37850" s="1" t="s">
        <v>126612</v>
      </c>
      <c r="C37850" s="1" t="s">
        <v>160</v>
      </c>
      <c r="D37850" s="1" t="s">
        <v>76160</v>
      </c>
      <c r="E37850" s="1" t="s">
        <v>130674</v>
      </c>
      <c r="F37850" s="1" t="s">
        <v>130675</v>
      </c>
      <c r="G37850" s="1" t="s">
        <v>130576</v>
      </c>
      <c r="H37850" s="1" t="s">
        <v>130577</v>
      </c>
      <c r="I37850" s="1" t="s">
        <v>126615</v>
      </c>
      <c r="J37850" s="1" t="s">
        <v>130676</v>
      </c>
    </row>
    <row r="37851" spans="1:10" x14ac:dyDescent="0.35">
      <c r="A37851" s="1" t="s">
        <v>6147</v>
      </c>
      <c r="B37851" s="1" t="s">
        <v>126612</v>
      </c>
      <c r="C37851" s="1" t="s">
        <v>165</v>
      </c>
      <c r="D37851" s="1" t="s">
        <v>130677</v>
      </c>
      <c r="E37851" s="1" t="s">
        <v>130678</v>
      </c>
      <c r="F37851" s="1" t="s">
        <v>130679</v>
      </c>
      <c r="G37851" s="1" t="s">
        <v>130576</v>
      </c>
      <c r="H37851" s="1" t="s">
        <v>130577</v>
      </c>
      <c r="I37851" s="1" t="s">
        <v>126615</v>
      </c>
      <c r="J37851" s="1" t="s">
        <v>130680</v>
      </c>
    </row>
    <row r="37852" spans="1:10" x14ac:dyDescent="0.35">
      <c r="A37852" s="1" t="s">
        <v>6147</v>
      </c>
      <c r="B37852" s="1" t="s">
        <v>126612</v>
      </c>
      <c r="C37852" s="1" t="s">
        <v>170</v>
      </c>
      <c r="D37852" s="1" t="s">
        <v>59722</v>
      </c>
      <c r="E37852" s="1" t="s">
        <v>130681</v>
      </c>
      <c r="F37852" s="1" t="s">
        <v>130682</v>
      </c>
      <c r="G37852" s="1" t="s">
        <v>130576</v>
      </c>
      <c r="H37852" s="1" t="s">
        <v>130577</v>
      </c>
      <c r="I37852" s="1" t="s">
        <v>126615</v>
      </c>
      <c r="J37852" s="1" t="s">
        <v>130683</v>
      </c>
    </row>
    <row r="37853" spans="1:10" x14ac:dyDescent="0.35">
      <c r="A37853" s="1" t="s">
        <v>4458</v>
      </c>
      <c r="B37853" s="1" t="s">
        <v>126612</v>
      </c>
      <c r="C37853" s="1" t="s">
        <v>8</v>
      </c>
      <c r="D37853" s="1" t="s">
        <v>56647</v>
      </c>
      <c r="E37853" s="1" t="s">
        <v>27111</v>
      </c>
      <c r="F37853" s="1" t="s">
        <v>130684</v>
      </c>
      <c r="G37853" s="1" t="s">
        <v>130685</v>
      </c>
      <c r="H37853" s="1" t="s">
        <v>130686</v>
      </c>
      <c r="I37853" s="1" t="s">
        <v>126615</v>
      </c>
      <c r="J37853" s="1" t="s">
        <v>13</v>
      </c>
    </row>
    <row r="37854" spans="1:10" x14ac:dyDescent="0.35">
      <c r="A37854" s="1" t="s">
        <v>4458</v>
      </c>
      <c r="B37854" s="1" t="s">
        <v>126612</v>
      </c>
      <c r="C37854" s="1" t="s">
        <v>15</v>
      </c>
      <c r="D37854" s="1" t="s">
        <v>130687</v>
      </c>
      <c r="E37854" s="1" t="s">
        <v>24384</v>
      </c>
      <c r="F37854" s="1" t="s">
        <v>21831</v>
      </c>
      <c r="G37854" s="1" t="s">
        <v>130685</v>
      </c>
      <c r="H37854" s="1" t="s">
        <v>130686</v>
      </c>
      <c r="I37854" s="1" t="s">
        <v>126615</v>
      </c>
      <c r="J37854" s="1" t="s">
        <v>130688</v>
      </c>
    </row>
    <row r="37855" spans="1:10" x14ac:dyDescent="0.35">
      <c r="A37855" s="1" t="s">
        <v>4458</v>
      </c>
      <c r="B37855" s="1" t="s">
        <v>126612</v>
      </c>
      <c r="C37855" s="1" t="s">
        <v>20</v>
      </c>
      <c r="D37855" s="1" t="s">
        <v>21736</v>
      </c>
      <c r="E37855" s="1" t="s">
        <v>16138</v>
      </c>
      <c r="F37855" s="1" t="s">
        <v>67704</v>
      </c>
      <c r="G37855" s="1" t="s">
        <v>130685</v>
      </c>
      <c r="H37855" s="1" t="s">
        <v>130686</v>
      </c>
      <c r="I37855" s="1" t="s">
        <v>126615</v>
      </c>
      <c r="J37855" s="1" t="s">
        <v>130689</v>
      </c>
    </row>
    <row r="37856" spans="1:10" x14ac:dyDescent="0.35">
      <c r="A37856" s="1" t="s">
        <v>4458</v>
      </c>
      <c r="B37856" s="1" t="s">
        <v>126612</v>
      </c>
      <c r="C37856" s="1" t="s">
        <v>25</v>
      </c>
      <c r="D37856" s="1" t="s">
        <v>130690</v>
      </c>
      <c r="E37856" s="1" t="s">
        <v>26629</v>
      </c>
      <c r="F37856" s="1" t="s">
        <v>130691</v>
      </c>
      <c r="G37856" s="1" t="s">
        <v>130685</v>
      </c>
      <c r="H37856" s="1" t="s">
        <v>130686</v>
      </c>
      <c r="I37856" s="1" t="s">
        <v>126615</v>
      </c>
      <c r="J37856" s="1" t="s">
        <v>130692</v>
      </c>
    </row>
    <row r="37857" spans="1:10" x14ac:dyDescent="0.35">
      <c r="A37857" s="1" t="s">
        <v>4458</v>
      </c>
      <c r="B37857" s="1" t="s">
        <v>126612</v>
      </c>
      <c r="C37857" s="1" t="s">
        <v>30</v>
      </c>
      <c r="D37857" s="1" t="s">
        <v>130693</v>
      </c>
      <c r="E37857" s="1" t="s">
        <v>15303</v>
      </c>
      <c r="F37857" s="1" t="s">
        <v>130694</v>
      </c>
      <c r="G37857" s="1" t="s">
        <v>130685</v>
      </c>
      <c r="H37857" s="1" t="s">
        <v>130686</v>
      </c>
      <c r="I37857" s="1" t="s">
        <v>126615</v>
      </c>
      <c r="J37857" s="1" t="s">
        <v>130695</v>
      </c>
    </row>
    <row r="37858" spans="1:10" x14ac:dyDescent="0.35">
      <c r="A37858" s="1" t="s">
        <v>4458</v>
      </c>
      <c r="B37858" s="1" t="s">
        <v>126612</v>
      </c>
      <c r="C37858" s="1" t="s">
        <v>35</v>
      </c>
      <c r="D37858" s="1" t="s">
        <v>130696</v>
      </c>
      <c r="E37858" s="1" t="s">
        <v>23221</v>
      </c>
      <c r="F37858" s="1" t="s">
        <v>129350</v>
      </c>
      <c r="G37858" s="1" t="s">
        <v>130685</v>
      </c>
      <c r="H37858" s="1" t="s">
        <v>130686</v>
      </c>
      <c r="I37858" s="1" t="s">
        <v>126615</v>
      </c>
      <c r="J37858" s="1" t="s">
        <v>130697</v>
      </c>
    </row>
    <row r="37859" spans="1:10" x14ac:dyDescent="0.35">
      <c r="A37859" s="1" t="s">
        <v>4458</v>
      </c>
      <c r="B37859" s="1" t="s">
        <v>126612</v>
      </c>
      <c r="C37859" s="1" t="s">
        <v>40</v>
      </c>
      <c r="D37859" s="1" t="s">
        <v>130698</v>
      </c>
      <c r="E37859" s="1" t="s">
        <v>54092</v>
      </c>
      <c r="F37859" s="1" t="s">
        <v>130699</v>
      </c>
      <c r="G37859" s="1" t="s">
        <v>130685</v>
      </c>
      <c r="H37859" s="1" t="s">
        <v>130686</v>
      </c>
      <c r="I37859" s="1" t="s">
        <v>126615</v>
      </c>
      <c r="J37859" s="1" t="s">
        <v>130700</v>
      </c>
    </row>
    <row r="37860" spans="1:10" x14ac:dyDescent="0.35">
      <c r="A37860" s="1" t="s">
        <v>4458</v>
      </c>
      <c r="B37860" s="1" t="s">
        <v>126612</v>
      </c>
      <c r="C37860" s="1" t="s">
        <v>45</v>
      </c>
      <c r="D37860" s="1" t="s">
        <v>63279</v>
      </c>
      <c r="E37860" s="1" t="s">
        <v>31472</v>
      </c>
      <c r="F37860" s="1" t="s">
        <v>90279</v>
      </c>
      <c r="G37860" s="1" t="s">
        <v>130685</v>
      </c>
      <c r="H37860" s="1" t="s">
        <v>130686</v>
      </c>
      <c r="I37860" s="1" t="s">
        <v>126615</v>
      </c>
      <c r="J37860" s="1" t="s">
        <v>130701</v>
      </c>
    </row>
    <row r="37861" spans="1:10" x14ac:dyDescent="0.35">
      <c r="A37861" s="1" t="s">
        <v>4458</v>
      </c>
      <c r="B37861" s="1" t="s">
        <v>126612</v>
      </c>
      <c r="C37861" s="1" t="s">
        <v>50</v>
      </c>
      <c r="D37861" s="1" t="s">
        <v>130702</v>
      </c>
      <c r="E37861" s="1" t="s">
        <v>15361</v>
      </c>
      <c r="F37861" s="1" t="s">
        <v>130703</v>
      </c>
      <c r="G37861" s="1" t="s">
        <v>130685</v>
      </c>
      <c r="H37861" s="1" t="s">
        <v>130686</v>
      </c>
      <c r="I37861" s="1" t="s">
        <v>126615</v>
      </c>
      <c r="J37861" s="1" t="s">
        <v>130704</v>
      </c>
    </row>
    <row r="37862" spans="1:10" x14ac:dyDescent="0.35">
      <c r="A37862" s="1" t="s">
        <v>4458</v>
      </c>
      <c r="B37862" s="1" t="s">
        <v>126612</v>
      </c>
      <c r="C37862" s="1" t="s">
        <v>55</v>
      </c>
      <c r="D37862" s="1" t="s">
        <v>126942</v>
      </c>
      <c r="E37862" s="1" t="s">
        <v>32584</v>
      </c>
      <c r="F37862" s="1" t="s">
        <v>41238</v>
      </c>
      <c r="G37862" s="1" t="s">
        <v>130685</v>
      </c>
      <c r="H37862" s="1" t="s">
        <v>130686</v>
      </c>
      <c r="I37862" s="1" t="s">
        <v>126615</v>
      </c>
      <c r="J37862" s="1" t="s">
        <v>130705</v>
      </c>
    </row>
    <row r="37863" spans="1:10" x14ac:dyDescent="0.35">
      <c r="A37863" s="1" t="s">
        <v>4458</v>
      </c>
      <c r="B37863" s="1" t="s">
        <v>126612</v>
      </c>
      <c r="C37863" s="1" t="s">
        <v>60</v>
      </c>
      <c r="D37863" s="1" t="s">
        <v>130706</v>
      </c>
      <c r="E37863" s="1" t="s">
        <v>15592</v>
      </c>
      <c r="F37863" s="1" t="s">
        <v>130707</v>
      </c>
      <c r="G37863" s="1" t="s">
        <v>130685</v>
      </c>
      <c r="H37863" s="1" t="s">
        <v>130686</v>
      </c>
      <c r="I37863" s="1" t="s">
        <v>126615</v>
      </c>
      <c r="J37863" s="1" t="s">
        <v>130708</v>
      </c>
    </row>
    <row r="37864" spans="1:10" x14ac:dyDescent="0.35">
      <c r="A37864" s="1" t="s">
        <v>4458</v>
      </c>
      <c r="B37864" s="1" t="s">
        <v>126612</v>
      </c>
      <c r="C37864" s="1" t="s">
        <v>65</v>
      </c>
      <c r="D37864" s="1" t="s">
        <v>130709</v>
      </c>
      <c r="E37864" s="1" t="s">
        <v>54634</v>
      </c>
      <c r="F37864" s="1" t="s">
        <v>104030</v>
      </c>
      <c r="G37864" s="1" t="s">
        <v>130685</v>
      </c>
      <c r="H37864" s="1" t="s">
        <v>130686</v>
      </c>
      <c r="I37864" s="1" t="s">
        <v>126615</v>
      </c>
      <c r="J37864" s="1" t="s">
        <v>130710</v>
      </c>
    </row>
    <row r="37865" spans="1:10" x14ac:dyDescent="0.35">
      <c r="A37865" s="1" t="s">
        <v>4458</v>
      </c>
      <c r="B37865" s="1" t="s">
        <v>126612</v>
      </c>
      <c r="C37865" s="1" t="s">
        <v>70</v>
      </c>
      <c r="D37865" s="1" t="s">
        <v>130711</v>
      </c>
      <c r="E37865" s="1" t="s">
        <v>15907</v>
      </c>
      <c r="F37865" s="1" t="s">
        <v>130712</v>
      </c>
      <c r="G37865" s="1" t="s">
        <v>130685</v>
      </c>
      <c r="H37865" s="1" t="s">
        <v>130686</v>
      </c>
      <c r="I37865" s="1" t="s">
        <v>126615</v>
      </c>
      <c r="J37865" s="1" t="s">
        <v>130713</v>
      </c>
    </row>
    <row r="37866" spans="1:10" x14ac:dyDescent="0.35">
      <c r="A37866" s="1" t="s">
        <v>4458</v>
      </c>
      <c r="B37866" s="1" t="s">
        <v>126612</v>
      </c>
      <c r="C37866" s="1" t="s">
        <v>75</v>
      </c>
      <c r="D37866" s="1" t="s">
        <v>127322</v>
      </c>
      <c r="E37866" s="1" t="s">
        <v>23262</v>
      </c>
      <c r="F37866" s="1" t="s">
        <v>130714</v>
      </c>
      <c r="G37866" s="1" t="s">
        <v>130685</v>
      </c>
      <c r="H37866" s="1" t="s">
        <v>130686</v>
      </c>
      <c r="I37866" s="1" t="s">
        <v>126615</v>
      </c>
      <c r="J37866" s="1" t="s">
        <v>130715</v>
      </c>
    </row>
    <row r="37867" spans="1:10" x14ac:dyDescent="0.35">
      <c r="A37867" s="1" t="s">
        <v>4458</v>
      </c>
      <c r="B37867" s="1" t="s">
        <v>126612</v>
      </c>
      <c r="C37867" s="1" t="s">
        <v>80</v>
      </c>
      <c r="D37867" s="1" t="s">
        <v>130716</v>
      </c>
      <c r="E37867" s="1" t="s">
        <v>15319</v>
      </c>
      <c r="F37867" s="1" t="s">
        <v>63725</v>
      </c>
      <c r="G37867" s="1" t="s">
        <v>130685</v>
      </c>
      <c r="H37867" s="1" t="s">
        <v>130686</v>
      </c>
      <c r="I37867" s="1" t="s">
        <v>126615</v>
      </c>
      <c r="J37867" s="1" t="s">
        <v>130717</v>
      </c>
    </row>
    <row r="37868" spans="1:10" x14ac:dyDescent="0.35">
      <c r="A37868" s="1" t="s">
        <v>4458</v>
      </c>
      <c r="B37868" s="1" t="s">
        <v>126612</v>
      </c>
      <c r="C37868" s="1" t="s">
        <v>85</v>
      </c>
      <c r="D37868" s="1" t="s">
        <v>130718</v>
      </c>
      <c r="E37868" s="1" t="s">
        <v>54783</v>
      </c>
      <c r="F37868" s="1" t="s">
        <v>60629</v>
      </c>
      <c r="G37868" s="1" t="s">
        <v>130685</v>
      </c>
      <c r="H37868" s="1" t="s">
        <v>130686</v>
      </c>
      <c r="I37868" s="1" t="s">
        <v>126615</v>
      </c>
      <c r="J37868" s="1" t="s">
        <v>130719</v>
      </c>
    </row>
    <row r="37869" spans="1:10" x14ac:dyDescent="0.35">
      <c r="A37869" s="1" t="s">
        <v>4458</v>
      </c>
      <c r="B37869" s="1" t="s">
        <v>126612</v>
      </c>
      <c r="C37869" s="1" t="s">
        <v>90</v>
      </c>
      <c r="D37869" s="1" t="s">
        <v>86002</v>
      </c>
      <c r="E37869" s="1" t="s">
        <v>57103</v>
      </c>
      <c r="F37869" s="1" t="s">
        <v>66893</v>
      </c>
      <c r="G37869" s="1" t="s">
        <v>130685</v>
      </c>
      <c r="H37869" s="1" t="s">
        <v>130686</v>
      </c>
      <c r="I37869" s="1" t="s">
        <v>126615</v>
      </c>
      <c r="J37869" s="1" t="s">
        <v>130720</v>
      </c>
    </row>
    <row r="37870" spans="1:10" x14ac:dyDescent="0.35">
      <c r="A37870" s="1" t="s">
        <v>4458</v>
      </c>
      <c r="B37870" s="1" t="s">
        <v>126612</v>
      </c>
      <c r="C37870" s="1" t="s">
        <v>95</v>
      </c>
      <c r="D37870" s="1" t="s">
        <v>130721</v>
      </c>
      <c r="E37870" s="1" t="s">
        <v>27104</v>
      </c>
      <c r="F37870" s="1" t="s">
        <v>130722</v>
      </c>
      <c r="G37870" s="1" t="s">
        <v>130685</v>
      </c>
      <c r="H37870" s="1" t="s">
        <v>130686</v>
      </c>
      <c r="I37870" s="1" t="s">
        <v>126615</v>
      </c>
      <c r="J37870" s="1" t="s">
        <v>130723</v>
      </c>
    </row>
    <row r="37871" spans="1:10" x14ac:dyDescent="0.35">
      <c r="A37871" s="1" t="s">
        <v>4458</v>
      </c>
      <c r="B37871" s="1" t="s">
        <v>126612</v>
      </c>
      <c r="C37871" s="1" t="s">
        <v>100</v>
      </c>
      <c r="D37871" s="1" t="s">
        <v>130724</v>
      </c>
      <c r="E37871" s="1" t="s">
        <v>59078</v>
      </c>
      <c r="F37871" s="1" t="s">
        <v>130725</v>
      </c>
      <c r="G37871" s="1" t="s">
        <v>130685</v>
      </c>
      <c r="H37871" s="1" t="s">
        <v>130686</v>
      </c>
      <c r="I37871" s="1" t="s">
        <v>126615</v>
      </c>
      <c r="J37871" s="1" t="s">
        <v>130726</v>
      </c>
    </row>
    <row r="37872" spans="1:10" x14ac:dyDescent="0.35">
      <c r="A37872" s="1" t="s">
        <v>4458</v>
      </c>
      <c r="B37872" s="1" t="s">
        <v>126612</v>
      </c>
      <c r="C37872" s="1" t="s">
        <v>105</v>
      </c>
      <c r="D37872" s="1" t="s">
        <v>130727</v>
      </c>
      <c r="E37872" s="1" t="s">
        <v>26576</v>
      </c>
      <c r="F37872" s="1" t="s">
        <v>62823</v>
      </c>
      <c r="G37872" s="1" t="s">
        <v>130685</v>
      </c>
      <c r="H37872" s="1" t="s">
        <v>130686</v>
      </c>
      <c r="I37872" s="1" t="s">
        <v>126615</v>
      </c>
      <c r="J37872" s="1" t="s">
        <v>130728</v>
      </c>
    </row>
    <row r="37873" spans="1:10" x14ac:dyDescent="0.35">
      <c r="A37873" s="1" t="s">
        <v>4458</v>
      </c>
      <c r="B37873" s="1" t="s">
        <v>126612</v>
      </c>
      <c r="C37873" s="1" t="s">
        <v>110</v>
      </c>
      <c r="D37873" s="1" t="s">
        <v>23390</v>
      </c>
      <c r="E37873" s="1" t="s">
        <v>12786</v>
      </c>
      <c r="F37873" s="1" t="s">
        <v>130729</v>
      </c>
      <c r="G37873" s="1" t="s">
        <v>130685</v>
      </c>
      <c r="H37873" s="1" t="s">
        <v>130686</v>
      </c>
      <c r="I37873" s="1" t="s">
        <v>126615</v>
      </c>
      <c r="J37873" s="1" t="s">
        <v>130730</v>
      </c>
    </row>
    <row r="37874" spans="1:10" x14ac:dyDescent="0.35">
      <c r="A37874" s="1" t="s">
        <v>4458</v>
      </c>
      <c r="B37874" s="1" t="s">
        <v>126612</v>
      </c>
      <c r="C37874" s="1" t="s">
        <v>115</v>
      </c>
      <c r="D37874" s="1" t="s">
        <v>130731</v>
      </c>
      <c r="E37874" s="1" t="s">
        <v>61793</v>
      </c>
      <c r="F37874" s="1" t="s">
        <v>101219</v>
      </c>
      <c r="G37874" s="1" t="s">
        <v>130685</v>
      </c>
      <c r="H37874" s="1" t="s">
        <v>130686</v>
      </c>
      <c r="I37874" s="1" t="s">
        <v>126615</v>
      </c>
      <c r="J37874" s="1" t="s">
        <v>130732</v>
      </c>
    </row>
    <row r="37875" spans="1:10" x14ac:dyDescent="0.35">
      <c r="A37875" s="1" t="s">
        <v>4458</v>
      </c>
      <c r="B37875" s="1" t="s">
        <v>126612</v>
      </c>
      <c r="C37875" s="1" t="s">
        <v>120</v>
      </c>
      <c r="D37875" s="1" t="s">
        <v>130733</v>
      </c>
      <c r="E37875" s="1" t="s">
        <v>15365</v>
      </c>
      <c r="F37875" s="1" t="s">
        <v>130734</v>
      </c>
      <c r="G37875" s="1" t="s">
        <v>130685</v>
      </c>
      <c r="H37875" s="1" t="s">
        <v>130686</v>
      </c>
      <c r="I37875" s="1" t="s">
        <v>126615</v>
      </c>
      <c r="J37875" s="1" t="s">
        <v>130735</v>
      </c>
    </row>
    <row r="37876" spans="1:10" x14ac:dyDescent="0.35">
      <c r="A37876" s="1" t="s">
        <v>4458</v>
      </c>
      <c r="B37876" s="1" t="s">
        <v>126612</v>
      </c>
      <c r="C37876" s="1" t="s">
        <v>125</v>
      </c>
      <c r="D37876" s="1" t="s">
        <v>130736</v>
      </c>
      <c r="E37876" s="1" t="s">
        <v>26592</v>
      </c>
      <c r="F37876" s="1" t="s">
        <v>130737</v>
      </c>
      <c r="G37876" s="1" t="s">
        <v>130685</v>
      </c>
      <c r="H37876" s="1" t="s">
        <v>130686</v>
      </c>
      <c r="I37876" s="1" t="s">
        <v>126615</v>
      </c>
      <c r="J37876" s="1" t="s">
        <v>130738</v>
      </c>
    </row>
    <row r="37877" spans="1:10" x14ac:dyDescent="0.35">
      <c r="A37877" s="1" t="s">
        <v>4458</v>
      </c>
      <c r="B37877" s="1" t="s">
        <v>126612</v>
      </c>
      <c r="C37877" s="1" t="s">
        <v>130</v>
      </c>
      <c r="D37877" s="1" t="s">
        <v>90377</v>
      </c>
      <c r="E37877" s="1" t="s">
        <v>57176</v>
      </c>
      <c r="F37877" s="1" t="s">
        <v>130739</v>
      </c>
      <c r="G37877" s="1" t="s">
        <v>130685</v>
      </c>
      <c r="H37877" s="1" t="s">
        <v>130686</v>
      </c>
      <c r="I37877" s="1" t="s">
        <v>126615</v>
      </c>
      <c r="J37877" s="1" t="s">
        <v>130740</v>
      </c>
    </row>
    <row r="37878" spans="1:10" x14ac:dyDescent="0.35">
      <c r="A37878" s="1" t="s">
        <v>4458</v>
      </c>
      <c r="B37878" s="1" t="s">
        <v>126612</v>
      </c>
      <c r="C37878" s="1" t="s">
        <v>135</v>
      </c>
      <c r="D37878" s="1" t="s">
        <v>130741</v>
      </c>
      <c r="E37878" s="1" t="s">
        <v>55448</v>
      </c>
      <c r="F37878" s="1" t="s">
        <v>127271</v>
      </c>
      <c r="G37878" s="1" t="s">
        <v>130685</v>
      </c>
      <c r="H37878" s="1" t="s">
        <v>130686</v>
      </c>
      <c r="I37878" s="1" t="s">
        <v>126615</v>
      </c>
      <c r="J37878" s="1" t="s">
        <v>130742</v>
      </c>
    </row>
    <row r="37879" spans="1:10" x14ac:dyDescent="0.35">
      <c r="A37879" s="1" t="s">
        <v>4458</v>
      </c>
      <c r="B37879" s="1" t="s">
        <v>126612</v>
      </c>
      <c r="C37879" s="1" t="s">
        <v>140</v>
      </c>
      <c r="D37879" s="1" t="s">
        <v>127401</v>
      </c>
      <c r="E37879" s="1" t="s">
        <v>22302</v>
      </c>
      <c r="F37879" s="1" t="s">
        <v>56373</v>
      </c>
      <c r="G37879" s="1" t="s">
        <v>130685</v>
      </c>
      <c r="H37879" s="1" t="s">
        <v>130686</v>
      </c>
      <c r="I37879" s="1" t="s">
        <v>126615</v>
      </c>
      <c r="J37879" s="1" t="s">
        <v>130743</v>
      </c>
    </row>
    <row r="37880" spans="1:10" x14ac:dyDescent="0.35">
      <c r="A37880" s="1" t="s">
        <v>4458</v>
      </c>
      <c r="B37880" s="1" t="s">
        <v>126612</v>
      </c>
      <c r="C37880" s="1" t="s">
        <v>145</v>
      </c>
      <c r="D37880" s="1" t="s">
        <v>130744</v>
      </c>
      <c r="E37880" s="1" t="s">
        <v>55432</v>
      </c>
      <c r="F37880" s="1" t="s">
        <v>67945</v>
      </c>
      <c r="G37880" s="1" t="s">
        <v>130685</v>
      </c>
      <c r="H37880" s="1" t="s">
        <v>130686</v>
      </c>
      <c r="I37880" s="1" t="s">
        <v>126615</v>
      </c>
      <c r="J37880" s="1" t="s">
        <v>130745</v>
      </c>
    </row>
    <row r="37881" spans="1:10" x14ac:dyDescent="0.35">
      <c r="A37881" s="1" t="s">
        <v>4458</v>
      </c>
      <c r="B37881" s="1" t="s">
        <v>126612</v>
      </c>
      <c r="C37881" s="1" t="s">
        <v>150</v>
      </c>
      <c r="D37881" s="1" t="s">
        <v>130746</v>
      </c>
      <c r="E37881" s="1" t="s">
        <v>24262</v>
      </c>
      <c r="F37881" s="1" t="s">
        <v>130747</v>
      </c>
      <c r="G37881" s="1" t="s">
        <v>130685</v>
      </c>
      <c r="H37881" s="1" t="s">
        <v>130686</v>
      </c>
      <c r="I37881" s="1" t="s">
        <v>126615</v>
      </c>
      <c r="J37881" s="1" t="s">
        <v>130748</v>
      </c>
    </row>
    <row r="37882" spans="1:10" x14ac:dyDescent="0.35">
      <c r="A37882" s="1" t="s">
        <v>4458</v>
      </c>
      <c r="B37882" s="1" t="s">
        <v>126612</v>
      </c>
      <c r="C37882" s="1" t="s">
        <v>155</v>
      </c>
      <c r="D37882" s="1" t="s">
        <v>130749</v>
      </c>
      <c r="E37882" s="1" t="s">
        <v>30597</v>
      </c>
      <c r="F37882" s="1" t="s">
        <v>15541</v>
      </c>
      <c r="G37882" s="1" t="s">
        <v>130685</v>
      </c>
      <c r="H37882" s="1" t="s">
        <v>130686</v>
      </c>
      <c r="I37882" s="1" t="s">
        <v>126615</v>
      </c>
      <c r="J37882" s="1" t="s">
        <v>130750</v>
      </c>
    </row>
    <row r="37883" spans="1:10" x14ac:dyDescent="0.35">
      <c r="A37883" s="1" t="s">
        <v>4458</v>
      </c>
      <c r="B37883" s="1" t="s">
        <v>126612</v>
      </c>
      <c r="C37883" s="1" t="s">
        <v>160</v>
      </c>
      <c r="D37883" s="1" t="s">
        <v>130751</v>
      </c>
      <c r="E37883" s="1" t="s">
        <v>32133</v>
      </c>
      <c r="F37883" s="1" t="s">
        <v>130752</v>
      </c>
      <c r="G37883" s="1" t="s">
        <v>130685</v>
      </c>
      <c r="H37883" s="1" t="s">
        <v>130686</v>
      </c>
      <c r="I37883" s="1" t="s">
        <v>126615</v>
      </c>
      <c r="J37883" s="1" t="s">
        <v>130753</v>
      </c>
    </row>
    <row r="37884" spans="1:10" x14ac:dyDescent="0.35">
      <c r="A37884" s="1" t="s">
        <v>4458</v>
      </c>
      <c r="B37884" s="1" t="s">
        <v>126612</v>
      </c>
      <c r="C37884" s="1" t="s">
        <v>165</v>
      </c>
      <c r="D37884" s="1" t="s">
        <v>130754</v>
      </c>
      <c r="E37884" s="1" t="s">
        <v>26218</v>
      </c>
      <c r="F37884" s="1" t="s">
        <v>130755</v>
      </c>
      <c r="G37884" s="1" t="s">
        <v>130685</v>
      </c>
      <c r="H37884" s="1" t="s">
        <v>130686</v>
      </c>
      <c r="I37884" s="1" t="s">
        <v>126615</v>
      </c>
      <c r="J37884" s="1" t="s">
        <v>130756</v>
      </c>
    </row>
    <row r="37885" spans="1:10" x14ac:dyDescent="0.35">
      <c r="A37885" s="1" t="s">
        <v>4458</v>
      </c>
      <c r="B37885" s="1" t="s">
        <v>126612</v>
      </c>
      <c r="C37885" s="1" t="s">
        <v>170</v>
      </c>
      <c r="D37885" s="1" t="s">
        <v>130757</v>
      </c>
      <c r="E37885" s="1" t="s">
        <v>108968</v>
      </c>
      <c r="F37885" s="1" t="s">
        <v>130758</v>
      </c>
      <c r="G37885" s="1" t="s">
        <v>130685</v>
      </c>
      <c r="H37885" s="1" t="s">
        <v>130686</v>
      </c>
      <c r="I37885" s="1" t="s">
        <v>126615</v>
      </c>
      <c r="J37885" s="1" t="s">
        <v>130759</v>
      </c>
    </row>
    <row r="37886" spans="1:10" x14ac:dyDescent="0.35">
      <c r="A37886" s="1" t="s">
        <v>46083</v>
      </c>
      <c r="B37886" s="1" t="s">
        <v>126612</v>
      </c>
      <c r="C37886" s="1" t="s">
        <v>8</v>
      </c>
      <c r="D37886" s="1" t="s">
        <v>130760</v>
      </c>
      <c r="E37886" s="1" t="s">
        <v>94748</v>
      </c>
      <c r="F37886" s="1" t="s">
        <v>130761</v>
      </c>
      <c r="G37886" s="1" t="s">
        <v>130762</v>
      </c>
      <c r="H37886" s="1" t="s">
        <v>130763</v>
      </c>
      <c r="I37886" s="1" t="s">
        <v>126615</v>
      </c>
      <c r="J37886" s="1" t="s">
        <v>13</v>
      </c>
    </row>
    <row r="37887" spans="1:10" x14ac:dyDescent="0.35">
      <c r="A37887" s="1" t="s">
        <v>46083</v>
      </c>
      <c r="B37887" s="1" t="s">
        <v>126612</v>
      </c>
      <c r="C37887" s="1" t="s">
        <v>15</v>
      </c>
      <c r="D37887" s="1" t="s">
        <v>8169</v>
      </c>
      <c r="E37887" s="1" t="s">
        <v>130336</v>
      </c>
      <c r="F37887" s="1" t="s">
        <v>65489</v>
      </c>
      <c r="G37887" s="1" t="s">
        <v>130762</v>
      </c>
      <c r="H37887" s="1" t="s">
        <v>130763</v>
      </c>
      <c r="I37887" s="1" t="s">
        <v>126615</v>
      </c>
      <c r="J37887" s="1" t="s">
        <v>130764</v>
      </c>
    </row>
    <row r="37888" spans="1:10" x14ac:dyDescent="0.35">
      <c r="A37888" s="1" t="s">
        <v>46083</v>
      </c>
      <c r="B37888" s="1" t="s">
        <v>126612</v>
      </c>
      <c r="C37888" s="1" t="s">
        <v>20</v>
      </c>
      <c r="D37888" s="1" t="s">
        <v>130439</v>
      </c>
      <c r="E37888" s="1" t="s">
        <v>130765</v>
      </c>
      <c r="F37888" s="1" t="s">
        <v>130766</v>
      </c>
      <c r="G37888" s="1" t="s">
        <v>130762</v>
      </c>
      <c r="H37888" s="1" t="s">
        <v>130763</v>
      </c>
      <c r="I37888" s="1" t="s">
        <v>126615</v>
      </c>
      <c r="J37888" s="1" t="s">
        <v>130767</v>
      </c>
    </row>
    <row r="37889" spans="1:10" x14ac:dyDescent="0.35">
      <c r="A37889" s="1" t="s">
        <v>46083</v>
      </c>
      <c r="B37889" s="1" t="s">
        <v>126612</v>
      </c>
      <c r="C37889" s="1" t="s">
        <v>25</v>
      </c>
      <c r="D37889" s="1" t="s">
        <v>130768</v>
      </c>
      <c r="E37889" s="1" t="s">
        <v>130769</v>
      </c>
      <c r="F37889" s="1" t="s">
        <v>130770</v>
      </c>
      <c r="G37889" s="1" t="s">
        <v>130762</v>
      </c>
      <c r="H37889" s="1" t="s">
        <v>130763</v>
      </c>
      <c r="I37889" s="1" t="s">
        <v>126615</v>
      </c>
      <c r="J37889" s="1" t="s">
        <v>130771</v>
      </c>
    </row>
    <row r="37890" spans="1:10" x14ac:dyDescent="0.35">
      <c r="A37890" s="1" t="s">
        <v>46083</v>
      </c>
      <c r="B37890" s="1" t="s">
        <v>126612</v>
      </c>
      <c r="C37890" s="1" t="s">
        <v>30</v>
      </c>
      <c r="D37890" s="1" t="s">
        <v>130772</v>
      </c>
      <c r="E37890" s="1" t="s">
        <v>105939</v>
      </c>
      <c r="F37890" s="1" t="s">
        <v>130773</v>
      </c>
      <c r="G37890" s="1" t="s">
        <v>130762</v>
      </c>
      <c r="H37890" s="1" t="s">
        <v>130763</v>
      </c>
      <c r="I37890" s="1" t="s">
        <v>126615</v>
      </c>
      <c r="J37890" s="1" t="s">
        <v>130774</v>
      </c>
    </row>
    <row r="37891" spans="1:10" x14ac:dyDescent="0.35">
      <c r="A37891" s="1" t="s">
        <v>46083</v>
      </c>
      <c r="B37891" s="1" t="s">
        <v>126612</v>
      </c>
      <c r="C37891" s="1" t="s">
        <v>35</v>
      </c>
      <c r="D37891" s="1" t="s">
        <v>130775</v>
      </c>
      <c r="E37891" s="1" t="s">
        <v>94705</v>
      </c>
      <c r="F37891" s="1" t="s">
        <v>130776</v>
      </c>
      <c r="G37891" s="1" t="s">
        <v>130762</v>
      </c>
      <c r="H37891" s="1" t="s">
        <v>130763</v>
      </c>
      <c r="I37891" s="1" t="s">
        <v>126615</v>
      </c>
      <c r="J37891" s="1" t="s">
        <v>130777</v>
      </c>
    </row>
    <row r="37892" spans="1:10" x14ac:dyDescent="0.35">
      <c r="A37892" s="1" t="s">
        <v>46083</v>
      </c>
      <c r="B37892" s="1" t="s">
        <v>126612</v>
      </c>
      <c r="C37892" s="1" t="s">
        <v>40</v>
      </c>
      <c r="D37892" s="1" t="s">
        <v>130778</v>
      </c>
      <c r="E37892" s="1" t="s">
        <v>105166</v>
      </c>
      <c r="F37892" s="1" t="s">
        <v>130779</v>
      </c>
      <c r="G37892" s="1" t="s">
        <v>130762</v>
      </c>
      <c r="H37892" s="1" t="s">
        <v>130763</v>
      </c>
      <c r="I37892" s="1" t="s">
        <v>126615</v>
      </c>
      <c r="J37892" s="1" t="s">
        <v>130780</v>
      </c>
    </row>
    <row r="37893" spans="1:10" x14ac:dyDescent="0.35">
      <c r="A37893" s="1" t="s">
        <v>46083</v>
      </c>
      <c r="B37893" s="1" t="s">
        <v>126612</v>
      </c>
      <c r="C37893" s="1" t="s">
        <v>45</v>
      </c>
      <c r="D37893" s="1" t="s">
        <v>130781</v>
      </c>
      <c r="E37893" s="1" t="s">
        <v>130782</v>
      </c>
      <c r="F37893" s="1" t="s">
        <v>63786</v>
      </c>
      <c r="G37893" s="1" t="s">
        <v>130762</v>
      </c>
      <c r="H37893" s="1" t="s">
        <v>130763</v>
      </c>
      <c r="I37893" s="1" t="s">
        <v>126615</v>
      </c>
      <c r="J37893" s="1" t="s">
        <v>130783</v>
      </c>
    </row>
    <row r="37894" spans="1:10" x14ac:dyDescent="0.35">
      <c r="A37894" s="1" t="s">
        <v>46083</v>
      </c>
      <c r="B37894" s="1" t="s">
        <v>126612</v>
      </c>
      <c r="C37894" s="1" t="s">
        <v>50</v>
      </c>
      <c r="D37894" s="1" t="s">
        <v>130784</v>
      </c>
      <c r="E37894" s="1" t="s">
        <v>130394</v>
      </c>
      <c r="F37894" s="1" t="s">
        <v>55284</v>
      </c>
      <c r="G37894" s="1" t="s">
        <v>130762</v>
      </c>
      <c r="H37894" s="1" t="s">
        <v>130763</v>
      </c>
      <c r="I37894" s="1" t="s">
        <v>126615</v>
      </c>
      <c r="J37894" s="1" t="s">
        <v>130785</v>
      </c>
    </row>
    <row r="37895" spans="1:10" x14ac:dyDescent="0.35">
      <c r="A37895" s="1" t="s">
        <v>46083</v>
      </c>
      <c r="B37895" s="1" t="s">
        <v>126612</v>
      </c>
      <c r="C37895" s="1" t="s">
        <v>55</v>
      </c>
      <c r="D37895" s="1" t="s">
        <v>130786</v>
      </c>
      <c r="E37895" s="1" t="s">
        <v>70928</v>
      </c>
      <c r="F37895" s="1" t="s">
        <v>130787</v>
      </c>
      <c r="G37895" s="1" t="s">
        <v>130762</v>
      </c>
      <c r="H37895" s="1" t="s">
        <v>130763</v>
      </c>
      <c r="I37895" s="1" t="s">
        <v>126615</v>
      </c>
      <c r="J37895" s="1" t="s">
        <v>130788</v>
      </c>
    </row>
    <row r="37896" spans="1:10" x14ac:dyDescent="0.35">
      <c r="A37896" s="1" t="s">
        <v>46083</v>
      </c>
      <c r="B37896" s="1" t="s">
        <v>126612</v>
      </c>
      <c r="C37896" s="1" t="s">
        <v>60</v>
      </c>
      <c r="D37896" s="1" t="s">
        <v>130789</v>
      </c>
      <c r="E37896" s="1" t="s">
        <v>130790</v>
      </c>
      <c r="F37896" s="1" t="s">
        <v>130791</v>
      </c>
      <c r="G37896" s="1" t="s">
        <v>130762</v>
      </c>
      <c r="H37896" s="1" t="s">
        <v>130763</v>
      </c>
      <c r="I37896" s="1" t="s">
        <v>126615</v>
      </c>
      <c r="J37896" s="1" t="s">
        <v>130792</v>
      </c>
    </row>
    <row r="37897" spans="1:10" x14ac:dyDescent="0.35">
      <c r="A37897" s="1" t="s">
        <v>46083</v>
      </c>
      <c r="B37897" s="1" t="s">
        <v>126612</v>
      </c>
      <c r="C37897" s="1" t="s">
        <v>65</v>
      </c>
      <c r="D37897" s="1" t="s">
        <v>130793</v>
      </c>
      <c r="E37897" s="1" t="s">
        <v>130794</v>
      </c>
      <c r="F37897" s="1" t="s">
        <v>130795</v>
      </c>
      <c r="G37897" s="1" t="s">
        <v>130762</v>
      </c>
      <c r="H37897" s="1" t="s">
        <v>130763</v>
      </c>
      <c r="I37897" s="1" t="s">
        <v>126615</v>
      </c>
      <c r="J37897" s="1" t="s">
        <v>130796</v>
      </c>
    </row>
    <row r="37898" spans="1:10" x14ac:dyDescent="0.35">
      <c r="A37898" s="1" t="s">
        <v>46083</v>
      </c>
      <c r="B37898" s="1" t="s">
        <v>126612</v>
      </c>
      <c r="C37898" s="1" t="s">
        <v>70</v>
      </c>
      <c r="D37898" s="1" t="s">
        <v>130797</v>
      </c>
      <c r="E37898" s="1" t="s">
        <v>130798</v>
      </c>
      <c r="F37898" s="1" t="s">
        <v>23609</v>
      </c>
      <c r="G37898" s="1" t="s">
        <v>130762</v>
      </c>
      <c r="H37898" s="1" t="s">
        <v>130763</v>
      </c>
      <c r="I37898" s="1" t="s">
        <v>126615</v>
      </c>
      <c r="J37898" s="1" t="s">
        <v>130799</v>
      </c>
    </row>
    <row r="37899" spans="1:10" x14ac:dyDescent="0.35">
      <c r="A37899" s="1" t="s">
        <v>46083</v>
      </c>
      <c r="B37899" s="1" t="s">
        <v>126612</v>
      </c>
      <c r="C37899" s="1" t="s">
        <v>75</v>
      </c>
      <c r="D37899" s="1" t="s">
        <v>130800</v>
      </c>
      <c r="E37899" s="1" t="s">
        <v>94715</v>
      </c>
      <c r="F37899" s="1" t="s">
        <v>100974</v>
      </c>
      <c r="G37899" s="1" t="s">
        <v>130762</v>
      </c>
      <c r="H37899" s="1" t="s">
        <v>130763</v>
      </c>
      <c r="I37899" s="1" t="s">
        <v>126615</v>
      </c>
      <c r="J37899" s="1" t="s">
        <v>130801</v>
      </c>
    </row>
    <row r="37900" spans="1:10" x14ac:dyDescent="0.35">
      <c r="A37900" s="1" t="s">
        <v>46083</v>
      </c>
      <c r="B37900" s="1" t="s">
        <v>126612</v>
      </c>
      <c r="C37900" s="1" t="s">
        <v>80</v>
      </c>
      <c r="D37900" s="1" t="s">
        <v>130802</v>
      </c>
      <c r="E37900" s="1" t="s">
        <v>30690</v>
      </c>
      <c r="F37900" s="1" t="s">
        <v>130803</v>
      </c>
      <c r="G37900" s="1" t="s">
        <v>130762</v>
      </c>
      <c r="H37900" s="1" t="s">
        <v>130763</v>
      </c>
      <c r="I37900" s="1" t="s">
        <v>126615</v>
      </c>
      <c r="J37900" s="1" t="s">
        <v>130804</v>
      </c>
    </row>
    <row r="37901" spans="1:10" x14ac:dyDescent="0.35">
      <c r="A37901" s="1" t="s">
        <v>46083</v>
      </c>
      <c r="B37901" s="1" t="s">
        <v>126612</v>
      </c>
      <c r="C37901" s="1" t="s">
        <v>85</v>
      </c>
      <c r="D37901" s="1" t="s">
        <v>130805</v>
      </c>
      <c r="E37901" s="1" t="s">
        <v>130806</v>
      </c>
      <c r="F37901" s="1" t="s">
        <v>130807</v>
      </c>
      <c r="G37901" s="1" t="s">
        <v>130762</v>
      </c>
      <c r="H37901" s="1" t="s">
        <v>130763</v>
      </c>
      <c r="I37901" s="1" t="s">
        <v>126615</v>
      </c>
      <c r="J37901" s="1" t="s">
        <v>130808</v>
      </c>
    </row>
    <row r="37902" spans="1:10" x14ac:dyDescent="0.35">
      <c r="A37902" s="1" t="s">
        <v>46083</v>
      </c>
      <c r="B37902" s="1" t="s">
        <v>126612</v>
      </c>
      <c r="C37902" s="1" t="s">
        <v>90</v>
      </c>
      <c r="D37902" s="1" t="s">
        <v>130809</v>
      </c>
      <c r="E37902" s="1" t="s">
        <v>128503</v>
      </c>
      <c r="F37902" s="1" t="s">
        <v>130810</v>
      </c>
      <c r="G37902" s="1" t="s">
        <v>130762</v>
      </c>
      <c r="H37902" s="1" t="s">
        <v>130763</v>
      </c>
      <c r="I37902" s="1" t="s">
        <v>126615</v>
      </c>
      <c r="J37902" s="1" t="s">
        <v>130811</v>
      </c>
    </row>
    <row r="37903" spans="1:10" x14ac:dyDescent="0.35">
      <c r="A37903" s="1" t="s">
        <v>46083</v>
      </c>
      <c r="B37903" s="1" t="s">
        <v>126612</v>
      </c>
      <c r="C37903" s="1" t="s">
        <v>95</v>
      </c>
      <c r="D37903" s="1" t="s">
        <v>41174</v>
      </c>
      <c r="E37903" s="1" t="s">
        <v>129380</v>
      </c>
      <c r="F37903" s="1" t="s">
        <v>130812</v>
      </c>
      <c r="G37903" s="1" t="s">
        <v>130762</v>
      </c>
      <c r="H37903" s="1" t="s">
        <v>130763</v>
      </c>
      <c r="I37903" s="1" t="s">
        <v>126615</v>
      </c>
      <c r="J37903" s="1" t="s">
        <v>130813</v>
      </c>
    </row>
    <row r="37904" spans="1:10" x14ac:dyDescent="0.35">
      <c r="A37904" s="1" t="s">
        <v>46083</v>
      </c>
      <c r="B37904" s="1" t="s">
        <v>126612</v>
      </c>
      <c r="C37904" s="1" t="s">
        <v>100</v>
      </c>
      <c r="D37904" s="1" t="s">
        <v>96619</v>
      </c>
      <c r="E37904" s="1" t="s">
        <v>130814</v>
      </c>
      <c r="F37904" s="1" t="s">
        <v>130815</v>
      </c>
      <c r="G37904" s="1" t="s">
        <v>130762</v>
      </c>
      <c r="H37904" s="1" t="s">
        <v>130763</v>
      </c>
      <c r="I37904" s="1" t="s">
        <v>126615</v>
      </c>
      <c r="J37904" s="1" t="s">
        <v>130816</v>
      </c>
    </row>
    <row r="37905" spans="1:10" x14ac:dyDescent="0.35">
      <c r="A37905" s="1" t="s">
        <v>46083</v>
      </c>
      <c r="B37905" s="1" t="s">
        <v>126612</v>
      </c>
      <c r="C37905" s="1" t="s">
        <v>105</v>
      </c>
      <c r="D37905" s="1" t="s">
        <v>130817</v>
      </c>
      <c r="E37905" s="1" t="s">
        <v>76375</v>
      </c>
      <c r="F37905" s="1" t="s">
        <v>130818</v>
      </c>
      <c r="G37905" s="1" t="s">
        <v>130762</v>
      </c>
      <c r="H37905" s="1" t="s">
        <v>130763</v>
      </c>
      <c r="I37905" s="1" t="s">
        <v>126615</v>
      </c>
      <c r="J37905" s="1" t="s">
        <v>130819</v>
      </c>
    </row>
    <row r="37906" spans="1:10" x14ac:dyDescent="0.35">
      <c r="A37906" s="1" t="s">
        <v>46083</v>
      </c>
      <c r="B37906" s="1" t="s">
        <v>126612</v>
      </c>
      <c r="C37906" s="1" t="s">
        <v>110</v>
      </c>
      <c r="D37906" s="1" t="s">
        <v>20202</v>
      </c>
      <c r="E37906" s="1" t="s">
        <v>95786</v>
      </c>
      <c r="F37906" s="1" t="s">
        <v>130820</v>
      </c>
      <c r="G37906" s="1" t="s">
        <v>130762</v>
      </c>
      <c r="H37906" s="1" t="s">
        <v>130763</v>
      </c>
      <c r="I37906" s="1" t="s">
        <v>126615</v>
      </c>
      <c r="J37906" s="1" t="s">
        <v>130821</v>
      </c>
    </row>
    <row r="37907" spans="1:10" x14ac:dyDescent="0.35">
      <c r="A37907" s="1" t="s">
        <v>46083</v>
      </c>
      <c r="B37907" s="1" t="s">
        <v>126612</v>
      </c>
      <c r="C37907" s="1" t="s">
        <v>115</v>
      </c>
      <c r="D37907" s="1" t="s">
        <v>70095</v>
      </c>
      <c r="E37907" s="1" t="s">
        <v>128527</v>
      </c>
      <c r="F37907" s="1" t="s">
        <v>121034</v>
      </c>
      <c r="G37907" s="1" t="s">
        <v>130762</v>
      </c>
      <c r="H37907" s="1" t="s">
        <v>130763</v>
      </c>
      <c r="I37907" s="1" t="s">
        <v>126615</v>
      </c>
      <c r="J37907" s="1" t="s">
        <v>130822</v>
      </c>
    </row>
    <row r="37908" spans="1:10" x14ac:dyDescent="0.35">
      <c r="A37908" s="1" t="s">
        <v>46083</v>
      </c>
      <c r="B37908" s="1" t="s">
        <v>126612</v>
      </c>
      <c r="C37908" s="1" t="s">
        <v>120</v>
      </c>
      <c r="D37908" s="1" t="s">
        <v>130823</v>
      </c>
      <c r="E37908" s="1" t="s">
        <v>130824</v>
      </c>
      <c r="F37908" s="1" t="s">
        <v>130825</v>
      </c>
      <c r="G37908" s="1" t="s">
        <v>130762</v>
      </c>
      <c r="H37908" s="1" t="s">
        <v>130763</v>
      </c>
      <c r="I37908" s="1" t="s">
        <v>126615</v>
      </c>
      <c r="J37908" s="1" t="s">
        <v>130826</v>
      </c>
    </row>
    <row r="37909" spans="1:10" x14ac:dyDescent="0.35">
      <c r="A37909" s="1" t="s">
        <v>46083</v>
      </c>
      <c r="B37909" s="1" t="s">
        <v>126612</v>
      </c>
      <c r="C37909" s="1" t="s">
        <v>125</v>
      </c>
      <c r="D37909" s="1" t="s">
        <v>130827</v>
      </c>
      <c r="E37909" s="1" t="s">
        <v>128061</v>
      </c>
      <c r="F37909" s="1" t="s">
        <v>130828</v>
      </c>
      <c r="G37909" s="1" t="s">
        <v>130762</v>
      </c>
      <c r="H37909" s="1" t="s">
        <v>130763</v>
      </c>
      <c r="I37909" s="1" t="s">
        <v>126615</v>
      </c>
      <c r="J37909" s="1" t="s">
        <v>130829</v>
      </c>
    </row>
    <row r="37910" spans="1:10" x14ac:dyDescent="0.35">
      <c r="A37910" s="1" t="s">
        <v>46083</v>
      </c>
      <c r="B37910" s="1" t="s">
        <v>126612</v>
      </c>
      <c r="C37910" s="1" t="s">
        <v>130</v>
      </c>
      <c r="D37910" s="1" t="s">
        <v>59212</v>
      </c>
      <c r="E37910" s="1" t="s">
        <v>130830</v>
      </c>
      <c r="F37910" s="1" t="s">
        <v>130831</v>
      </c>
      <c r="G37910" s="1" t="s">
        <v>130762</v>
      </c>
      <c r="H37910" s="1" t="s">
        <v>130763</v>
      </c>
      <c r="I37910" s="1" t="s">
        <v>126615</v>
      </c>
      <c r="J37910" s="1" t="s">
        <v>130832</v>
      </c>
    </row>
    <row r="37911" spans="1:10" x14ac:dyDescent="0.35">
      <c r="A37911" s="1" t="s">
        <v>46083</v>
      </c>
      <c r="B37911" s="1" t="s">
        <v>126612</v>
      </c>
      <c r="C37911" s="1" t="s">
        <v>135</v>
      </c>
      <c r="D37911" s="1" t="s">
        <v>81078</v>
      </c>
      <c r="E37911" s="1" t="s">
        <v>128771</v>
      </c>
      <c r="F37911" s="1" t="s">
        <v>130833</v>
      </c>
      <c r="G37911" s="1" t="s">
        <v>130762</v>
      </c>
      <c r="H37911" s="1" t="s">
        <v>130763</v>
      </c>
      <c r="I37911" s="1" t="s">
        <v>126615</v>
      </c>
      <c r="J37911" s="1" t="s">
        <v>130834</v>
      </c>
    </row>
    <row r="37912" spans="1:10" x14ac:dyDescent="0.35">
      <c r="A37912" s="1" t="s">
        <v>46083</v>
      </c>
      <c r="B37912" s="1" t="s">
        <v>126612</v>
      </c>
      <c r="C37912" s="1" t="s">
        <v>140</v>
      </c>
      <c r="D37912" s="1" t="s">
        <v>130835</v>
      </c>
      <c r="E37912" s="1" t="s">
        <v>90274</v>
      </c>
      <c r="F37912" s="1" t="s">
        <v>130836</v>
      </c>
      <c r="G37912" s="1" t="s">
        <v>130762</v>
      </c>
      <c r="H37912" s="1" t="s">
        <v>130763</v>
      </c>
      <c r="I37912" s="1" t="s">
        <v>126615</v>
      </c>
      <c r="J37912" s="1" t="s">
        <v>130837</v>
      </c>
    </row>
    <row r="37913" spans="1:10" x14ac:dyDescent="0.35">
      <c r="A37913" s="1" t="s">
        <v>46083</v>
      </c>
      <c r="B37913" s="1" t="s">
        <v>126612</v>
      </c>
      <c r="C37913" s="1" t="s">
        <v>145</v>
      </c>
      <c r="D37913" s="1" t="s">
        <v>57998</v>
      </c>
      <c r="E37913" s="1" t="s">
        <v>16204</v>
      </c>
      <c r="F37913" s="1" t="s">
        <v>57269</v>
      </c>
      <c r="G37913" s="1" t="s">
        <v>130762</v>
      </c>
      <c r="H37913" s="1" t="s">
        <v>130763</v>
      </c>
      <c r="I37913" s="1" t="s">
        <v>126615</v>
      </c>
      <c r="J37913" s="1" t="s">
        <v>130838</v>
      </c>
    </row>
    <row r="37914" spans="1:10" x14ac:dyDescent="0.35">
      <c r="A37914" s="1" t="s">
        <v>46083</v>
      </c>
      <c r="B37914" s="1" t="s">
        <v>126612</v>
      </c>
      <c r="C37914" s="1" t="s">
        <v>150</v>
      </c>
      <c r="D37914" s="1" t="s">
        <v>130839</v>
      </c>
      <c r="E37914" s="1" t="s">
        <v>105286</v>
      </c>
      <c r="F37914" s="1" t="s">
        <v>67543</v>
      </c>
      <c r="G37914" s="1" t="s">
        <v>130762</v>
      </c>
      <c r="H37914" s="1" t="s">
        <v>130763</v>
      </c>
      <c r="I37914" s="1" t="s">
        <v>126615</v>
      </c>
      <c r="J37914" s="1" t="s">
        <v>130840</v>
      </c>
    </row>
    <row r="37915" spans="1:10" x14ac:dyDescent="0.35">
      <c r="A37915" s="1" t="s">
        <v>46083</v>
      </c>
      <c r="B37915" s="1" t="s">
        <v>126612</v>
      </c>
      <c r="C37915" s="1" t="s">
        <v>155</v>
      </c>
      <c r="D37915" s="1" t="s">
        <v>130841</v>
      </c>
      <c r="E37915" s="1" t="s">
        <v>15453</v>
      </c>
      <c r="F37915" s="1" t="s">
        <v>130842</v>
      </c>
      <c r="G37915" s="1" t="s">
        <v>130762</v>
      </c>
      <c r="H37915" s="1" t="s">
        <v>130763</v>
      </c>
      <c r="I37915" s="1" t="s">
        <v>126615</v>
      </c>
      <c r="J37915" s="1" t="s">
        <v>130843</v>
      </c>
    </row>
    <row r="37916" spans="1:10" x14ac:dyDescent="0.35">
      <c r="A37916" s="1" t="s">
        <v>46083</v>
      </c>
      <c r="B37916" s="1" t="s">
        <v>126612</v>
      </c>
      <c r="C37916" s="1" t="s">
        <v>160</v>
      </c>
      <c r="D37916" s="1" t="s">
        <v>40933</v>
      </c>
      <c r="E37916" s="1" t="s">
        <v>130844</v>
      </c>
      <c r="F37916" s="1" t="s">
        <v>97163</v>
      </c>
      <c r="G37916" s="1" t="s">
        <v>130762</v>
      </c>
      <c r="H37916" s="1" t="s">
        <v>130763</v>
      </c>
      <c r="I37916" s="1" t="s">
        <v>126615</v>
      </c>
      <c r="J37916" s="1" t="s">
        <v>130845</v>
      </c>
    </row>
    <row r="37917" spans="1:10" x14ac:dyDescent="0.35">
      <c r="A37917" s="1" t="s">
        <v>46083</v>
      </c>
      <c r="B37917" s="1" t="s">
        <v>126612</v>
      </c>
      <c r="C37917" s="1" t="s">
        <v>165</v>
      </c>
      <c r="D37917" s="1" t="s">
        <v>130846</v>
      </c>
      <c r="E37917" s="1" t="s">
        <v>16028</v>
      </c>
      <c r="F37917" s="1" t="s">
        <v>130847</v>
      </c>
      <c r="G37917" s="1" t="s">
        <v>130762</v>
      </c>
      <c r="H37917" s="1" t="s">
        <v>130763</v>
      </c>
      <c r="I37917" s="1" t="s">
        <v>126615</v>
      </c>
      <c r="J37917" s="1" t="s">
        <v>130848</v>
      </c>
    </row>
    <row r="37918" spans="1:10" x14ac:dyDescent="0.35">
      <c r="A37918" s="1" t="s">
        <v>46083</v>
      </c>
      <c r="B37918" s="1" t="s">
        <v>126612</v>
      </c>
      <c r="C37918" s="1" t="s">
        <v>170</v>
      </c>
      <c r="D37918" s="1" t="s">
        <v>130849</v>
      </c>
      <c r="E37918" s="1" t="s">
        <v>130850</v>
      </c>
      <c r="F37918" s="1" t="s">
        <v>60658</v>
      </c>
      <c r="G37918" s="1" t="s">
        <v>130762</v>
      </c>
      <c r="H37918" s="1" t="s">
        <v>130763</v>
      </c>
      <c r="I37918" s="1" t="s">
        <v>126615</v>
      </c>
      <c r="J37918" s="1" t="s">
        <v>130851</v>
      </c>
    </row>
    <row r="37919" spans="1:10" x14ac:dyDescent="0.35">
      <c r="A37919" s="1" t="s">
        <v>117459</v>
      </c>
      <c r="B37919" s="1" t="s">
        <v>126612</v>
      </c>
      <c r="C37919" s="1" t="s">
        <v>8</v>
      </c>
      <c r="D37919" s="1" t="s">
        <v>130852</v>
      </c>
      <c r="E37919" s="1" t="s">
        <v>130853</v>
      </c>
      <c r="F37919" s="1" t="s">
        <v>130854</v>
      </c>
      <c r="G37919" s="1" t="s">
        <v>130855</v>
      </c>
      <c r="H37919" s="1" t="s">
        <v>130856</v>
      </c>
      <c r="I37919" s="1" t="s">
        <v>126615</v>
      </c>
      <c r="J37919" s="1" t="s">
        <v>13</v>
      </c>
    </row>
    <row r="37920" spans="1:10" x14ac:dyDescent="0.35">
      <c r="A37920" s="1" t="s">
        <v>117459</v>
      </c>
      <c r="B37920" s="1" t="s">
        <v>126612</v>
      </c>
      <c r="C37920" s="1" t="s">
        <v>15</v>
      </c>
      <c r="D37920" s="1" t="s">
        <v>130857</v>
      </c>
      <c r="E37920" s="1" t="s">
        <v>130858</v>
      </c>
      <c r="F37920" s="1" t="s">
        <v>130859</v>
      </c>
      <c r="G37920" s="1" t="s">
        <v>130855</v>
      </c>
      <c r="H37920" s="1" t="s">
        <v>130856</v>
      </c>
      <c r="I37920" s="1" t="s">
        <v>126615</v>
      </c>
      <c r="J37920" s="1" t="s">
        <v>130860</v>
      </c>
    </row>
    <row r="37921" spans="1:10" x14ac:dyDescent="0.35">
      <c r="A37921" s="1" t="s">
        <v>117459</v>
      </c>
      <c r="B37921" s="1" t="s">
        <v>126612</v>
      </c>
      <c r="C37921" s="1" t="s">
        <v>20</v>
      </c>
      <c r="D37921" s="1" t="s">
        <v>77327</v>
      </c>
      <c r="E37921" s="1" t="s">
        <v>130861</v>
      </c>
      <c r="F37921" s="1" t="s">
        <v>130862</v>
      </c>
      <c r="G37921" s="1" t="s">
        <v>130855</v>
      </c>
      <c r="H37921" s="1" t="s">
        <v>130856</v>
      </c>
      <c r="I37921" s="1" t="s">
        <v>126615</v>
      </c>
      <c r="J37921" s="1" t="s">
        <v>130863</v>
      </c>
    </row>
    <row r="37922" spans="1:10" x14ac:dyDescent="0.35">
      <c r="A37922" s="1" t="s">
        <v>117459</v>
      </c>
      <c r="B37922" s="1" t="s">
        <v>126612</v>
      </c>
      <c r="C37922" s="1" t="s">
        <v>25</v>
      </c>
      <c r="D37922" s="1" t="s">
        <v>32527</v>
      </c>
      <c r="E37922" s="1" t="s">
        <v>130864</v>
      </c>
      <c r="F37922" s="1" t="s">
        <v>130865</v>
      </c>
      <c r="G37922" s="1" t="s">
        <v>130855</v>
      </c>
      <c r="H37922" s="1" t="s">
        <v>130856</v>
      </c>
      <c r="I37922" s="1" t="s">
        <v>126615</v>
      </c>
      <c r="J37922" s="1" t="s">
        <v>130866</v>
      </c>
    </row>
    <row r="37923" spans="1:10" x14ac:dyDescent="0.35">
      <c r="A37923" s="1" t="s">
        <v>117459</v>
      </c>
      <c r="B37923" s="1" t="s">
        <v>126612</v>
      </c>
      <c r="C37923" s="1" t="s">
        <v>30</v>
      </c>
      <c r="D37923" s="1" t="s">
        <v>130867</v>
      </c>
      <c r="E37923" s="1" t="s">
        <v>130868</v>
      </c>
      <c r="F37923" s="1" t="s">
        <v>130869</v>
      </c>
      <c r="G37923" s="1" t="s">
        <v>130855</v>
      </c>
      <c r="H37923" s="1" t="s">
        <v>130856</v>
      </c>
      <c r="I37923" s="1" t="s">
        <v>126615</v>
      </c>
      <c r="J37923" s="1" t="s">
        <v>130870</v>
      </c>
    </row>
    <row r="37924" spans="1:10" x14ac:dyDescent="0.35">
      <c r="A37924" s="1" t="s">
        <v>117459</v>
      </c>
      <c r="B37924" s="1" t="s">
        <v>126612</v>
      </c>
      <c r="C37924" s="1" t="s">
        <v>35</v>
      </c>
      <c r="D37924" s="1" t="s">
        <v>108805</v>
      </c>
      <c r="E37924" s="1" t="s">
        <v>130871</v>
      </c>
      <c r="F37924" s="1" t="s">
        <v>130872</v>
      </c>
      <c r="G37924" s="1" t="s">
        <v>130855</v>
      </c>
      <c r="H37924" s="1" t="s">
        <v>130856</v>
      </c>
      <c r="I37924" s="1" t="s">
        <v>126615</v>
      </c>
      <c r="J37924" s="1" t="s">
        <v>130873</v>
      </c>
    </row>
    <row r="37925" spans="1:10" x14ac:dyDescent="0.35">
      <c r="A37925" s="1" t="s">
        <v>117459</v>
      </c>
      <c r="B37925" s="1" t="s">
        <v>126612</v>
      </c>
      <c r="C37925" s="1" t="s">
        <v>40</v>
      </c>
      <c r="D37925" s="1" t="s">
        <v>52481</v>
      </c>
      <c r="E37925" s="1" t="s">
        <v>130874</v>
      </c>
      <c r="F37925" s="1" t="s">
        <v>130875</v>
      </c>
      <c r="G37925" s="1" t="s">
        <v>130855</v>
      </c>
      <c r="H37925" s="1" t="s">
        <v>130856</v>
      </c>
      <c r="I37925" s="1" t="s">
        <v>126615</v>
      </c>
      <c r="J37925" s="1" t="s">
        <v>130876</v>
      </c>
    </row>
    <row r="37926" spans="1:10" x14ac:dyDescent="0.35">
      <c r="A37926" s="1" t="s">
        <v>117459</v>
      </c>
      <c r="B37926" s="1" t="s">
        <v>126612</v>
      </c>
      <c r="C37926" s="1" t="s">
        <v>45</v>
      </c>
      <c r="D37926" s="1" t="s">
        <v>130877</v>
      </c>
      <c r="E37926" s="1" t="s">
        <v>130878</v>
      </c>
      <c r="F37926" s="1" t="s">
        <v>130879</v>
      </c>
      <c r="G37926" s="1" t="s">
        <v>130855</v>
      </c>
      <c r="H37926" s="1" t="s">
        <v>130856</v>
      </c>
      <c r="I37926" s="1" t="s">
        <v>126615</v>
      </c>
      <c r="J37926" s="1" t="s">
        <v>130880</v>
      </c>
    </row>
    <row r="37927" spans="1:10" x14ac:dyDescent="0.35">
      <c r="A37927" s="1" t="s">
        <v>117459</v>
      </c>
      <c r="B37927" s="1" t="s">
        <v>126612</v>
      </c>
      <c r="C37927" s="1" t="s">
        <v>50</v>
      </c>
      <c r="D37927" s="1" t="s">
        <v>12447</v>
      </c>
      <c r="E37927" s="1" t="s">
        <v>130881</v>
      </c>
      <c r="F37927" s="1" t="s">
        <v>130882</v>
      </c>
      <c r="G37927" s="1" t="s">
        <v>130855</v>
      </c>
      <c r="H37927" s="1" t="s">
        <v>130856</v>
      </c>
      <c r="I37927" s="1" t="s">
        <v>126615</v>
      </c>
      <c r="J37927" s="1" t="s">
        <v>130883</v>
      </c>
    </row>
    <row r="37928" spans="1:10" x14ac:dyDescent="0.35">
      <c r="A37928" s="1" t="s">
        <v>117459</v>
      </c>
      <c r="B37928" s="1" t="s">
        <v>126612</v>
      </c>
      <c r="C37928" s="1" t="s">
        <v>55</v>
      </c>
      <c r="D37928" s="1" t="s">
        <v>101478</v>
      </c>
      <c r="E37928" s="1" t="s">
        <v>130884</v>
      </c>
      <c r="F37928" s="1" t="s">
        <v>130885</v>
      </c>
      <c r="G37928" s="1" t="s">
        <v>130855</v>
      </c>
      <c r="H37928" s="1" t="s">
        <v>130856</v>
      </c>
      <c r="I37928" s="1" t="s">
        <v>126615</v>
      </c>
      <c r="J37928" s="1" t="s">
        <v>130886</v>
      </c>
    </row>
    <row r="37929" spans="1:10" x14ac:dyDescent="0.35">
      <c r="A37929" s="1" t="s">
        <v>117459</v>
      </c>
      <c r="B37929" s="1" t="s">
        <v>126612</v>
      </c>
      <c r="C37929" s="1" t="s">
        <v>60</v>
      </c>
      <c r="D37929" s="1" t="s">
        <v>130887</v>
      </c>
      <c r="E37929" s="1" t="s">
        <v>130888</v>
      </c>
      <c r="F37929" s="1" t="s">
        <v>130889</v>
      </c>
      <c r="G37929" s="1" t="s">
        <v>130855</v>
      </c>
      <c r="H37929" s="1" t="s">
        <v>130856</v>
      </c>
      <c r="I37929" s="1" t="s">
        <v>126615</v>
      </c>
      <c r="J37929" s="1" t="s">
        <v>130890</v>
      </c>
    </row>
    <row r="37930" spans="1:10" x14ac:dyDescent="0.35">
      <c r="A37930" s="1" t="s">
        <v>117459</v>
      </c>
      <c r="B37930" s="1" t="s">
        <v>126612</v>
      </c>
      <c r="C37930" s="1" t="s">
        <v>65</v>
      </c>
      <c r="D37930" s="1" t="s">
        <v>130891</v>
      </c>
      <c r="E37930" s="1" t="s">
        <v>130892</v>
      </c>
      <c r="F37930" s="1" t="s">
        <v>130893</v>
      </c>
      <c r="G37930" s="1" t="s">
        <v>130855</v>
      </c>
      <c r="H37930" s="1" t="s">
        <v>130856</v>
      </c>
      <c r="I37930" s="1" t="s">
        <v>126615</v>
      </c>
      <c r="J37930" s="1" t="s">
        <v>130894</v>
      </c>
    </row>
    <row r="37931" spans="1:10" x14ac:dyDescent="0.35">
      <c r="A37931" s="1" t="s">
        <v>117459</v>
      </c>
      <c r="B37931" s="1" t="s">
        <v>126612</v>
      </c>
      <c r="C37931" s="1" t="s">
        <v>70</v>
      </c>
      <c r="D37931" s="1" t="s">
        <v>130895</v>
      </c>
      <c r="E37931" s="1" t="s">
        <v>130896</v>
      </c>
      <c r="F37931" s="1" t="s">
        <v>130897</v>
      </c>
      <c r="G37931" s="1" t="s">
        <v>130855</v>
      </c>
      <c r="H37931" s="1" t="s">
        <v>130856</v>
      </c>
      <c r="I37931" s="1" t="s">
        <v>126615</v>
      </c>
      <c r="J37931" s="1" t="s">
        <v>130898</v>
      </c>
    </row>
    <row r="37932" spans="1:10" x14ac:dyDescent="0.35">
      <c r="A37932" s="1" t="s">
        <v>117459</v>
      </c>
      <c r="B37932" s="1" t="s">
        <v>126612</v>
      </c>
      <c r="C37932" s="1" t="s">
        <v>75</v>
      </c>
      <c r="D37932" s="1" t="s">
        <v>39309</v>
      </c>
      <c r="E37932" s="1" t="s">
        <v>130899</v>
      </c>
      <c r="F37932" s="1" t="s">
        <v>130900</v>
      </c>
      <c r="G37932" s="1" t="s">
        <v>130855</v>
      </c>
      <c r="H37932" s="1" t="s">
        <v>130856</v>
      </c>
      <c r="I37932" s="1" t="s">
        <v>126615</v>
      </c>
      <c r="J37932" s="1" t="s">
        <v>130901</v>
      </c>
    </row>
    <row r="37933" spans="1:10" x14ac:dyDescent="0.35">
      <c r="A37933" s="1" t="s">
        <v>117459</v>
      </c>
      <c r="B37933" s="1" t="s">
        <v>126612</v>
      </c>
      <c r="C37933" s="1" t="s">
        <v>80</v>
      </c>
      <c r="D37933" s="1" t="s">
        <v>96067</v>
      </c>
      <c r="E37933" s="1" t="s">
        <v>130902</v>
      </c>
      <c r="F37933" s="1" t="s">
        <v>130903</v>
      </c>
      <c r="G37933" s="1" t="s">
        <v>130855</v>
      </c>
      <c r="H37933" s="1" t="s">
        <v>130856</v>
      </c>
      <c r="I37933" s="1" t="s">
        <v>126615</v>
      </c>
      <c r="J37933" s="1" t="s">
        <v>130904</v>
      </c>
    </row>
    <row r="37934" spans="1:10" x14ac:dyDescent="0.35">
      <c r="A37934" s="1" t="s">
        <v>117459</v>
      </c>
      <c r="B37934" s="1" t="s">
        <v>126612</v>
      </c>
      <c r="C37934" s="1" t="s">
        <v>85</v>
      </c>
      <c r="D37934" s="1" t="s">
        <v>63934</v>
      </c>
      <c r="E37934" s="1" t="s">
        <v>130905</v>
      </c>
      <c r="F37934" s="1" t="s">
        <v>130906</v>
      </c>
      <c r="G37934" s="1" t="s">
        <v>130855</v>
      </c>
      <c r="H37934" s="1" t="s">
        <v>130856</v>
      </c>
      <c r="I37934" s="1" t="s">
        <v>126615</v>
      </c>
      <c r="J37934" s="1" t="s">
        <v>130907</v>
      </c>
    </row>
    <row r="37935" spans="1:10" x14ac:dyDescent="0.35">
      <c r="A37935" s="1" t="s">
        <v>117459</v>
      </c>
      <c r="B37935" s="1" t="s">
        <v>126612</v>
      </c>
      <c r="C37935" s="1" t="s">
        <v>90</v>
      </c>
      <c r="D37935" s="1" t="s">
        <v>65818</v>
      </c>
      <c r="E37935" s="1" t="s">
        <v>130908</v>
      </c>
      <c r="F37935" s="1" t="s">
        <v>130909</v>
      </c>
      <c r="G37935" s="1" t="s">
        <v>130855</v>
      </c>
      <c r="H37935" s="1" t="s">
        <v>130856</v>
      </c>
      <c r="I37935" s="1" t="s">
        <v>126615</v>
      </c>
      <c r="J37935" s="1" t="s">
        <v>130910</v>
      </c>
    </row>
    <row r="37936" spans="1:10" x14ac:dyDescent="0.35">
      <c r="A37936" s="1" t="s">
        <v>117459</v>
      </c>
      <c r="B37936" s="1" t="s">
        <v>126612</v>
      </c>
      <c r="C37936" s="1" t="s">
        <v>95</v>
      </c>
      <c r="D37936" s="1" t="s">
        <v>130911</v>
      </c>
      <c r="E37936" s="1" t="s">
        <v>130912</v>
      </c>
      <c r="F37936" s="1" t="s">
        <v>130913</v>
      </c>
      <c r="G37936" s="1" t="s">
        <v>130855</v>
      </c>
      <c r="H37936" s="1" t="s">
        <v>130856</v>
      </c>
      <c r="I37936" s="1" t="s">
        <v>126615</v>
      </c>
      <c r="J37936" s="1" t="s">
        <v>130914</v>
      </c>
    </row>
    <row r="37937" spans="1:10" x14ac:dyDescent="0.35">
      <c r="A37937" s="1" t="s">
        <v>117459</v>
      </c>
      <c r="B37937" s="1" t="s">
        <v>126612</v>
      </c>
      <c r="C37937" s="1" t="s">
        <v>100</v>
      </c>
      <c r="D37937" s="1" t="s">
        <v>130915</v>
      </c>
      <c r="E37937" s="1" t="s">
        <v>130916</v>
      </c>
      <c r="F37937" s="1" t="s">
        <v>130917</v>
      </c>
      <c r="G37937" s="1" t="s">
        <v>130855</v>
      </c>
      <c r="H37937" s="1" t="s">
        <v>130856</v>
      </c>
      <c r="I37937" s="1" t="s">
        <v>126615</v>
      </c>
      <c r="J37937" s="1" t="s">
        <v>130918</v>
      </c>
    </row>
    <row r="37938" spans="1:10" x14ac:dyDescent="0.35">
      <c r="A37938" s="1" t="s">
        <v>117459</v>
      </c>
      <c r="B37938" s="1" t="s">
        <v>126612</v>
      </c>
      <c r="C37938" s="1" t="s">
        <v>105</v>
      </c>
      <c r="D37938" s="1" t="s">
        <v>57222</v>
      </c>
      <c r="E37938" s="1" t="s">
        <v>130919</v>
      </c>
      <c r="F37938" s="1" t="s">
        <v>130920</v>
      </c>
      <c r="G37938" s="1" t="s">
        <v>130855</v>
      </c>
      <c r="H37938" s="1" t="s">
        <v>130856</v>
      </c>
      <c r="I37938" s="1" t="s">
        <v>126615</v>
      </c>
      <c r="J37938" s="1" t="s">
        <v>130921</v>
      </c>
    </row>
    <row r="37939" spans="1:10" x14ac:dyDescent="0.35">
      <c r="A37939" s="1" t="s">
        <v>117459</v>
      </c>
      <c r="B37939" s="1" t="s">
        <v>126612</v>
      </c>
      <c r="C37939" s="1" t="s">
        <v>110</v>
      </c>
      <c r="D37939" s="1" t="s">
        <v>89938</v>
      </c>
      <c r="E37939" s="1" t="s">
        <v>130922</v>
      </c>
      <c r="F37939" s="1" t="s">
        <v>130923</v>
      </c>
      <c r="G37939" s="1" t="s">
        <v>130855</v>
      </c>
      <c r="H37939" s="1" t="s">
        <v>130856</v>
      </c>
      <c r="I37939" s="1" t="s">
        <v>126615</v>
      </c>
      <c r="J37939" s="1" t="s">
        <v>130924</v>
      </c>
    </row>
    <row r="37940" spans="1:10" x14ac:dyDescent="0.35">
      <c r="A37940" s="1" t="s">
        <v>117459</v>
      </c>
      <c r="B37940" s="1" t="s">
        <v>126612</v>
      </c>
      <c r="C37940" s="1" t="s">
        <v>115</v>
      </c>
      <c r="D37940" s="1" t="s">
        <v>24249</v>
      </c>
      <c r="E37940" s="1" t="s">
        <v>130925</v>
      </c>
      <c r="F37940" s="1" t="s">
        <v>130926</v>
      </c>
      <c r="G37940" s="1" t="s">
        <v>130855</v>
      </c>
      <c r="H37940" s="1" t="s">
        <v>130856</v>
      </c>
      <c r="I37940" s="1" t="s">
        <v>126615</v>
      </c>
      <c r="J37940" s="1" t="s">
        <v>130927</v>
      </c>
    </row>
    <row r="37941" spans="1:10" x14ac:dyDescent="0.35">
      <c r="A37941" s="1" t="s">
        <v>117459</v>
      </c>
      <c r="B37941" s="1" t="s">
        <v>126612</v>
      </c>
      <c r="C37941" s="1" t="s">
        <v>120</v>
      </c>
      <c r="D37941" s="1" t="s">
        <v>108207</v>
      </c>
      <c r="E37941" s="1" t="s">
        <v>130928</v>
      </c>
      <c r="F37941" s="1" t="s">
        <v>130929</v>
      </c>
      <c r="G37941" s="1" t="s">
        <v>130855</v>
      </c>
      <c r="H37941" s="1" t="s">
        <v>130856</v>
      </c>
      <c r="I37941" s="1" t="s">
        <v>126615</v>
      </c>
      <c r="J37941" s="1" t="s">
        <v>130930</v>
      </c>
    </row>
    <row r="37942" spans="1:10" x14ac:dyDescent="0.35">
      <c r="A37942" s="1" t="s">
        <v>117459</v>
      </c>
      <c r="B37942" s="1" t="s">
        <v>126612</v>
      </c>
      <c r="C37942" s="1" t="s">
        <v>125</v>
      </c>
      <c r="D37942" s="1" t="s">
        <v>130931</v>
      </c>
      <c r="E37942" s="1" t="s">
        <v>130932</v>
      </c>
      <c r="F37942" s="1" t="s">
        <v>130933</v>
      </c>
      <c r="G37942" s="1" t="s">
        <v>130855</v>
      </c>
      <c r="H37942" s="1" t="s">
        <v>130856</v>
      </c>
      <c r="I37942" s="1" t="s">
        <v>126615</v>
      </c>
      <c r="J37942" s="1" t="s">
        <v>130934</v>
      </c>
    </row>
    <row r="37943" spans="1:10" x14ac:dyDescent="0.35">
      <c r="A37943" s="1" t="s">
        <v>117459</v>
      </c>
      <c r="B37943" s="1" t="s">
        <v>126612</v>
      </c>
      <c r="C37943" s="1" t="s">
        <v>130</v>
      </c>
      <c r="D37943" s="1" t="s">
        <v>106210</v>
      </c>
      <c r="E37943" s="1" t="s">
        <v>130935</v>
      </c>
      <c r="F37943" s="1" t="s">
        <v>130936</v>
      </c>
      <c r="G37943" s="1" t="s">
        <v>130855</v>
      </c>
      <c r="H37943" s="1" t="s">
        <v>130856</v>
      </c>
      <c r="I37943" s="1" t="s">
        <v>126615</v>
      </c>
      <c r="J37943" s="1" t="s">
        <v>130937</v>
      </c>
    </row>
    <row r="37944" spans="1:10" x14ac:dyDescent="0.35">
      <c r="A37944" s="1" t="s">
        <v>117459</v>
      </c>
      <c r="B37944" s="1" t="s">
        <v>126612</v>
      </c>
      <c r="C37944" s="1" t="s">
        <v>135</v>
      </c>
      <c r="D37944" s="1" t="s">
        <v>130938</v>
      </c>
      <c r="E37944" s="1" t="s">
        <v>130939</v>
      </c>
      <c r="F37944" s="1" t="s">
        <v>130940</v>
      </c>
      <c r="G37944" s="1" t="s">
        <v>130855</v>
      </c>
      <c r="H37944" s="1" t="s">
        <v>130856</v>
      </c>
      <c r="I37944" s="1" t="s">
        <v>126615</v>
      </c>
      <c r="J37944" s="1" t="s">
        <v>130941</v>
      </c>
    </row>
    <row r="37945" spans="1:10" x14ac:dyDescent="0.35">
      <c r="A37945" s="1" t="s">
        <v>117459</v>
      </c>
      <c r="B37945" s="1" t="s">
        <v>126612</v>
      </c>
      <c r="C37945" s="1" t="s">
        <v>140</v>
      </c>
      <c r="D37945" s="1" t="s">
        <v>130942</v>
      </c>
      <c r="E37945" s="1" t="s">
        <v>130943</v>
      </c>
      <c r="F37945" s="1" t="s">
        <v>130944</v>
      </c>
      <c r="G37945" s="1" t="s">
        <v>130855</v>
      </c>
      <c r="H37945" s="1" t="s">
        <v>130856</v>
      </c>
      <c r="I37945" s="1" t="s">
        <v>126615</v>
      </c>
      <c r="J37945" s="1" t="s">
        <v>130945</v>
      </c>
    </row>
    <row r="37946" spans="1:10" x14ac:dyDescent="0.35">
      <c r="A37946" s="1" t="s">
        <v>117459</v>
      </c>
      <c r="B37946" s="1" t="s">
        <v>126612</v>
      </c>
      <c r="C37946" s="1" t="s">
        <v>145</v>
      </c>
      <c r="D37946" s="1" t="s">
        <v>61117</v>
      </c>
      <c r="E37946" s="1" t="s">
        <v>130946</v>
      </c>
      <c r="F37946" s="1" t="s">
        <v>130947</v>
      </c>
      <c r="G37946" s="1" t="s">
        <v>130855</v>
      </c>
      <c r="H37946" s="1" t="s">
        <v>130856</v>
      </c>
      <c r="I37946" s="1" t="s">
        <v>126615</v>
      </c>
      <c r="J37946" s="1" t="s">
        <v>130948</v>
      </c>
    </row>
    <row r="37947" spans="1:10" x14ac:dyDescent="0.35">
      <c r="A37947" s="1" t="s">
        <v>117459</v>
      </c>
      <c r="B37947" s="1" t="s">
        <v>126612</v>
      </c>
      <c r="C37947" s="1" t="s">
        <v>150</v>
      </c>
      <c r="D37947" s="1" t="s">
        <v>122868</v>
      </c>
      <c r="E37947" s="1" t="s">
        <v>130949</v>
      </c>
      <c r="F37947" s="1" t="s">
        <v>130950</v>
      </c>
      <c r="G37947" s="1" t="s">
        <v>130855</v>
      </c>
      <c r="H37947" s="1" t="s">
        <v>130856</v>
      </c>
      <c r="I37947" s="1" t="s">
        <v>126615</v>
      </c>
      <c r="J37947" s="1" t="s">
        <v>130951</v>
      </c>
    </row>
    <row r="37948" spans="1:10" x14ac:dyDescent="0.35">
      <c r="A37948" s="1" t="s">
        <v>117459</v>
      </c>
      <c r="B37948" s="1" t="s">
        <v>126612</v>
      </c>
      <c r="C37948" s="1" t="s">
        <v>155</v>
      </c>
      <c r="D37948" s="1" t="s">
        <v>130952</v>
      </c>
      <c r="E37948" s="1" t="s">
        <v>130953</v>
      </c>
      <c r="F37948" s="1" t="s">
        <v>130954</v>
      </c>
      <c r="G37948" s="1" t="s">
        <v>130855</v>
      </c>
      <c r="H37948" s="1" t="s">
        <v>130856</v>
      </c>
      <c r="I37948" s="1" t="s">
        <v>126615</v>
      </c>
      <c r="J37948" s="1" t="s">
        <v>130955</v>
      </c>
    </row>
    <row r="37949" spans="1:10" x14ac:dyDescent="0.35">
      <c r="A37949" s="1" t="s">
        <v>117459</v>
      </c>
      <c r="B37949" s="1" t="s">
        <v>126612</v>
      </c>
      <c r="C37949" s="1" t="s">
        <v>160</v>
      </c>
      <c r="D37949" s="1" t="s">
        <v>130956</v>
      </c>
      <c r="E37949" s="1" t="s">
        <v>130957</v>
      </c>
      <c r="F37949" s="1" t="s">
        <v>130958</v>
      </c>
      <c r="G37949" s="1" t="s">
        <v>130855</v>
      </c>
      <c r="H37949" s="1" t="s">
        <v>130856</v>
      </c>
      <c r="I37949" s="1" t="s">
        <v>126615</v>
      </c>
      <c r="J37949" s="1" t="s">
        <v>130959</v>
      </c>
    </row>
    <row r="37950" spans="1:10" x14ac:dyDescent="0.35">
      <c r="A37950" s="1" t="s">
        <v>117459</v>
      </c>
      <c r="B37950" s="1" t="s">
        <v>126612</v>
      </c>
      <c r="C37950" s="1" t="s">
        <v>165</v>
      </c>
      <c r="D37950" s="1" t="s">
        <v>97853</v>
      </c>
      <c r="E37950" s="1" t="s">
        <v>130960</v>
      </c>
      <c r="F37950" s="1" t="s">
        <v>130961</v>
      </c>
      <c r="G37950" s="1" t="s">
        <v>130855</v>
      </c>
      <c r="H37950" s="1" t="s">
        <v>130856</v>
      </c>
      <c r="I37950" s="1" t="s">
        <v>126615</v>
      </c>
      <c r="J37950" s="1" t="s">
        <v>130962</v>
      </c>
    </row>
    <row r="37951" spans="1:10" x14ac:dyDescent="0.35">
      <c r="A37951" s="1" t="s">
        <v>117459</v>
      </c>
      <c r="B37951" s="1" t="s">
        <v>126612</v>
      </c>
      <c r="C37951" s="1" t="s">
        <v>170</v>
      </c>
      <c r="D37951" s="1" t="s">
        <v>130963</v>
      </c>
      <c r="E37951" s="1" t="s">
        <v>130964</v>
      </c>
      <c r="F37951" s="1" t="s">
        <v>130965</v>
      </c>
      <c r="G37951" s="1" t="s">
        <v>130855</v>
      </c>
      <c r="H37951" s="1" t="s">
        <v>130856</v>
      </c>
      <c r="I37951" s="1" t="s">
        <v>126615</v>
      </c>
      <c r="J37951" s="1" t="s">
        <v>130966</v>
      </c>
    </row>
    <row r="37952" spans="1:10" x14ac:dyDescent="0.35">
      <c r="A37952" s="1" t="s">
        <v>4462</v>
      </c>
      <c r="B37952" s="1" t="s">
        <v>126612</v>
      </c>
      <c r="C37952" s="1" t="s">
        <v>8</v>
      </c>
      <c r="D37952" s="1" t="s">
        <v>130967</v>
      </c>
      <c r="E37952" s="1" t="s">
        <v>130968</v>
      </c>
      <c r="F37952" s="1" t="s">
        <v>130969</v>
      </c>
      <c r="G37952" s="1" t="s">
        <v>130970</v>
      </c>
      <c r="H37952" s="1" t="s">
        <v>130971</v>
      </c>
      <c r="I37952" s="1" t="s">
        <v>126615</v>
      </c>
      <c r="J37952" s="1" t="s">
        <v>13</v>
      </c>
    </row>
    <row r="37953" spans="1:10" x14ac:dyDescent="0.35">
      <c r="A37953" s="1" t="s">
        <v>4462</v>
      </c>
      <c r="B37953" s="1" t="s">
        <v>126612</v>
      </c>
      <c r="C37953" s="1" t="s">
        <v>15</v>
      </c>
      <c r="D37953" s="1" t="s">
        <v>130972</v>
      </c>
      <c r="E37953" s="1" t="s">
        <v>57145</v>
      </c>
      <c r="F37953" s="1" t="s">
        <v>69764</v>
      </c>
      <c r="G37953" s="1" t="s">
        <v>130970</v>
      </c>
      <c r="H37953" s="1" t="s">
        <v>130971</v>
      </c>
      <c r="I37953" s="1" t="s">
        <v>126615</v>
      </c>
      <c r="J37953" s="1" t="s">
        <v>130973</v>
      </c>
    </row>
    <row r="37954" spans="1:10" x14ac:dyDescent="0.35">
      <c r="A37954" s="1" t="s">
        <v>4462</v>
      </c>
      <c r="B37954" s="1" t="s">
        <v>126612</v>
      </c>
      <c r="C37954" s="1" t="s">
        <v>20</v>
      </c>
      <c r="D37954" s="1" t="s">
        <v>130974</v>
      </c>
      <c r="E37954" s="1" t="s">
        <v>130975</v>
      </c>
      <c r="F37954" s="1" t="s">
        <v>11765</v>
      </c>
      <c r="G37954" s="1" t="s">
        <v>130970</v>
      </c>
      <c r="H37954" s="1" t="s">
        <v>130971</v>
      </c>
      <c r="I37954" s="1" t="s">
        <v>126615</v>
      </c>
      <c r="J37954" s="1" t="s">
        <v>130976</v>
      </c>
    </row>
    <row r="37955" spans="1:10" x14ac:dyDescent="0.35">
      <c r="A37955" s="1" t="s">
        <v>4462</v>
      </c>
      <c r="B37955" s="1" t="s">
        <v>126612</v>
      </c>
      <c r="C37955" s="1" t="s">
        <v>25</v>
      </c>
      <c r="D37955" s="1" t="s">
        <v>76300</v>
      </c>
      <c r="E37955" s="1" t="s">
        <v>88284</v>
      </c>
      <c r="F37955" s="1" t="s">
        <v>130977</v>
      </c>
      <c r="G37955" s="1" t="s">
        <v>130970</v>
      </c>
      <c r="H37955" s="1" t="s">
        <v>130971</v>
      </c>
      <c r="I37955" s="1" t="s">
        <v>126615</v>
      </c>
      <c r="J37955" s="1" t="s">
        <v>130978</v>
      </c>
    </row>
    <row r="37956" spans="1:10" x14ac:dyDescent="0.35">
      <c r="A37956" s="1" t="s">
        <v>4462</v>
      </c>
      <c r="B37956" s="1" t="s">
        <v>126612</v>
      </c>
      <c r="C37956" s="1" t="s">
        <v>30</v>
      </c>
      <c r="D37956" s="1" t="s">
        <v>130979</v>
      </c>
      <c r="E37956" s="1" t="s">
        <v>70924</v>
      </c>
      <c r="F37956" s="1" t="s">
        <v>130980</v>
      </c>
      <c r="G37956" s="1" t="s">
        <v>130970</v>
      </c>
      <c r="H37956" s="1" t="s">
        <v>130971</v>
      </c>
      <c r="I37956" s="1" t="s">
        <v>126615</v>
      </c>
      <c r="J37956" s="1" t="s">
        <v>130981</v>
      </c>
    </row>
    <row r="37957" spans="1:10" x14ac:dyDescent="0.35">
      <c r="A37957" s="1" t="s">
        <v>4462</v>
      </c>
      <c r="B37957" s="1" t="s">
        <v>126612</v>
      </c>
      <c r="C37957" s="1" t="s">
        <v>35</v>
      </c>
      <c r="D37957" s="1" t="s">
        <v>130982</v>
      </c>
      <c r="E37957" s="1" t="s">
        <v>31859</v>
      </c>
      <c r="F37957" s="1" t="s">
        <v>130983</v>
      </c>
      <c r="G37957" s="1" t="s">
        <v>130970</v>
      </c>
      <c r="H37957" s="1" t="s">
        <v>130971</v>
      </c>
      <c r="I37957" s="1" t="s">
        <v>126615</v>
      </c>
      <c r="J37957" s="1" t="s">
        <v>130984</v>
      </c>
    </row>
    <row r="37958" spans="1:10" x14ac:dyDescent="0.35">
      <c r="A37958" s="1" t="s">
        <v>4462</v>
      </c>
      <c r="B37958" s="1" t="s">
        <v>126612</v>
      </c>
      <c r="C37958" s="1" t="s">
        <v>40</v>
      </c>
      <c r="D37958" s="1" t="s">
        <v>130985</v>
      </c>
      <c r="E37958" s="1" t="s">
        <v>31992</v>
      </c>
      <c r="F37958" s="1" t="s">
        <v>130986</v>
      </c>
      <c r="G37958" s="1" t="s">
        <v>130970</v>
      </c>
      <c r="H37958" s="1" t="s">
        <v>130971</v>
      </c>
      <c r="I37958" s="1" t="s">
        <v>126615</v>
      </c>
      <c r="J37958" s="1" t="s">
        <v>130987</v>
      </c>
    </row>
    <row r="37959" spans="1:10" x14ac:dyDescent="0.35">
      <c r="A37959" s="1" t="s">
        <v>4462</v>
      </c>
      <c r="B37959" s="1" t="s">
        <v>126612</v>
      </c>
      <c r="C37959" s="1" t="s">
        <v>45</v>
      </c>
      <c r="D37959" s="1" t="s">
        <v>130988</v>
      </c>
      <c r="E37959" s="1" t="s">
        <v>130989</v>
      </c>
      <c r="F37959" s="1" t="s">
        <v>22110</v>
      </c>
      <c r="G37959" s="1" t="s">
        <v>130970</v>
      </c>
      <c r="H37959" s="1" t="s">
        <v>130971</v>
      </c>
      <c r="I37959" s="1" t="s">
        <v>126615</v>
      </c>
      <c r="J37959" s="1" t="s">
        <v>130990</v>
      </c>
    </row>
    <row r="37960" spans="1:10" x14ac:dyDescent="0.35">
      <c r="A37960" s="1" t="s">
        <v>4462</v>
      </c>
      <c r="B37960" s="1" t="s">
        <v>126612</v>
      </c>
      <c r="C37960" s="1" t="s">
        <v>50</v>
      </c>
      <c r="D37960" s="1" t="s">
        <v>130991</v>
      </c>
      <c r="E37960" s="1" t="s">
        <v>95773</v>
      </c>
      <c r="F37960" s="1" t="s">
        <v>61829</v>
      </c>
      <c r="G37960" s="1" t="s">
        <v>130970</v>
      </c>
      <c r="H37960" s="1" t="s">
        <v>130971</v>
      </c>
      <c r="I37960" s="1" t="s">
        <v>126615</v>
      </c>
      <c r="J37960" s="1" t="s">
        <v>130992</v>
      </c>
    </row>
    <row r="37961" spans="1:10" x14ac:dyDescent="0.35">
      <c r="A37961" s="1" t="s">
        <v>4462</v>
      </c>
      <c r="B37961" s="1" t="s">
        <v>126612</v>
      </c>
      <c r="C37961" s="1" t="s">
        <v>55</v>
      </c>
      <c r="D37961" s="1" t="s">
        <v>130993</v>
      </c>
      <c r="E37961" s="1" t="s">
        <v>108975</v>
      </c>
      <c r="F37961" s="1" t="s">
        <v>130994</v>
      </c>
      <c r="G37961" s="1" t="s">
        <v>130970</v>
      </c>
      <c r="H37961" s="1" t="s">
        <v>130971</v>
      </c>
      <c r="I37961" s="1" t="s">
        <v>126615</v>
      </c>
      <c r="J37961" s="1" t="s">
        <v>130995</v>
      </c>
    </row>
    <row r="37962" spans="1:10" x14ac:dyDescent="0.35">
      <c r="A37962" s="1" t="s">
        <v>4462</v>
      </c>
      <c r="B37962" s="1" t="s">
        <v>126612</v>
      </c>
      <c r="C37962" s="1" t="s">
        <v>60</v>
      </c>
      <c r="D37962" s="1" t="s">
        <v>130996</v>
      </c>
      <c r="E37962" s="1" t="s">
        <v>77730</v>
      </c>
      <c r="F37962" s="1" t="s">
        <v>64352</v>
      </c>
      <c r="G37962" s="1" t="s">
        <v>130970</v>
      </c>
      <c r="H37962" s="1" t="s">
        <v>130971</v>
      </c>
      <c r="I37962" s="1" t="s">
        <v>126615</v>
      </c>
      <c r="J37962" s="1" t="s">
        <v>130997</v>
      </c>
    </row>
    <row r="37963" spans="1:10" x14ac:dyDescent="0.35">
      <c r="A37963" s="1" t="s">
        <v>4462</v>
      </c>
      <c r="B37963" s="1" t="s">
        <v>126612</v>
      </c>
      <c r="C37963" s="1" t="s">
        <v>65</v>
      </c>
      <c r="D37963" s="1" t="s">
        <v>85994</v>
      </c>
      <c r="E37963" s="1" t="s">
        <v>130998</v>
      </c>
      <c r="F37963" s="1" t="s">
        <v>99038</v>
      </c>
      <c r="G37963" s="1" t="s">
        <v>130970</v>
      </c>
      <c r="H37963" s="1" t="s">
        <v>130971</v>
      </c>
      <c r="I37963" s="1" t="s">
        <v>126615</v>
      </c>
      <c r="J37963" s="1" t="s">
        <v>130999</v>
      </c>
    </row>
    <row r="37964" spans="1:10" x14ac:dyDescent="0.35">
      <c r="A37964" s="1" t="s">
        <v>4462</v>
      </c>
      <c r="B37964" s="1" t="s">
        <v>126612</v>
      </c>
      <c r="C37964" s="1" t="s">
        <v>70</v>
      </c>
      <c r="D37964" s="1" t="s">
        <v>23255</v>
      </c>
      <c r="E37964" s="1" t="s">
        <v>30656</v>
      </c>
      <c r="F37964" s="1" t="s">
        <v>131000</v>
      </c>
      <c r="G37964" s="1" t="s">
        <v>130970</v>
      </c>
      <c r="H37964" s="1" t="s">
        <v>130971</v>
      </c>
      <c r="I37964" s="1" t="s">
        <v>126615</v>
      </c>
      <c r="J37964" s="1" t="s">
        <v>131001</v>
      </c>
    </row>
    <row r="37965" spans="1:10" x14ac:dyDescent="0.35">
      <c r="A37965" s="1" t="s">
        <v>4462</v>
      </c>
      <c r="B37965" s="1" t="s">
        <v>126612</v>
      </c>
      <c r="C37965" s="1" t="s">
        <v>75</v>
      </c>
      <c r="D37965" s="1" t="s">
        <v>131002</v>
      </c>
      <c r="E37965" s="1" t="s">
        <v>77710</v>
      </c>
      <c r="F37965" s="1" t="s">
        <v>131003</v>
      </c>
      <c r="G37965" s="1" t="s">
        <v>130970</v>
      </c>
      <c r="H37965" s="1" t="s">
        <v>130971</v>
      </c>
      <c r="I37965" s="1" t="s">
        <v>126615</v>
      </c>
      <c r="J37965" s="1" t="s">
        <v>131004</v>
      </c>
    </row>
    <row r="37966" spans="1:10" x14ac:dyDescent="0.35">
      <c r="A37966" s="1" t="s">
        <v>4462</v>
      </c>
      <c r="B37966" s="1" t="s">
        <v>126612</v>
      </c>
      <c r="C37966" s="1" t="s">
        <v>80</v>
      </c>
      <c r="D37966" s="1" t="s">
        <v>131005</v>
      </c>
      <c r="E37966" s="1" t="s">
        <v>31918</v>
      </c>
      <c r="F37966" s="1" t="s">
        <v>131006</v>
      </c>
      <c r="G37966" s="1" t="s">
        <v>130970</v>
      </c>
      <c r="H37966" s="1" t="s">
        <v>130971</v>
      </c>
      <c r="I37966" s="1" t="s">
        <v>126615</v>
      </c>
      <c r="J37966" s="1" t="s">
        <v>131007</v>
      </c>
    </row>
    <row r="37967" spans="1:10" x14ac:dyDescent="0.35">
      <c r="A37967" s="1" t="s">
        <v>4462</v>
      </c>
      <c r="B37967" s="1" t="s">
        <v>126612</v>
      </c>
      <c r="C37967" s="1" t="s">
        <v>85</v>
      </c>
      <c r="D37967" s="1" t="s">
        <v>131008</v>
      </c>
      <c r="E37967" s="1" t="s">
        <v>31783</v>
      </c>
      <c r="F37967" s="1" t="s">
        <v>131009</v>
      </c>
      <c r="G37967" s="1" t="s">
        <v>130970</v>
      </c>
      <c r="H37967" s="1" t="s">
        <v>130971</v>
      </c>
      <c r="I37967" s="1" t="s">
        <v>126615</v>
      </c>
      <c r="J37967" s="1" t="s">
        <v>131010</v>
      </c>
    </row>
    <row r="37968" spans="1:10" x14ac:dyDescent="0.35">
      <c r="A37968" s="1" t="s">
        <v>4462</v>
      </c>
      <c r="B37968" s="1" t="s">
        <v>126612</v>
      </c>
      <c r="C37968" s="1" t="s">
        <v>90</v>
      </c>
      <c r="D37968" s="1" t="s">
        <v>131011</v>
      </c>
      <c r="E37968" s="1" t="s">
        <v>131012</v>
      </c>
      <c r="F37968" s="1" t="s">
        <v>65859</v>
      </c>
      <c r="G37968" s="1" t="s">
        <v>130970</v>
      </c>
      <c r="H37968" s="1" t="s">
        <v>130971</v>
      </c>
      <c r="I37968" s="1" t="s">
        <v>126615</v>
      </c>
      <c r="J37968" s="1" t="s">
        <v>131013</v>
      </c>
    </row>
    <row r="37969" spans="1:10" x14ac:dyDescent="0.35">
      <c r="A37969" s="1" t="s">
        <v>4462</v>
      </c>
      <c r="B37969" s="1" t="s">
        <v>126612</v>
      </c>
      <c r="C37969" s="1" t="s">
        <v>95</v>
      </c>
      <c r="D37969" s="1" t="s">
        <v>131014</v>
      </c>
      <c r="E37969" s="1" t="s">
        <v>31929</v>
      </c>
      <c r="F37969" s="1" t="s">
        <v>58603</v>
      </c>
      <c r="G37969" s="1" t="s">
        <v>130970</v>
      </c>
      <c r="H37969" s="1" t="s">
        <v>130971</v>
      </c>
      <c r="I37969" s="1" t="s">
        <v>126615</v>
      </c>
      <c r="J37969" s="1" t="s">
        <v>131015</v>
      </c>
    </row>
    <row r="37970" spans="1:10" x14ac:dyDescent="0.35">
      <c r="A37970" s="1" t="s">
        <v>4462</v>
      </c>
      <c r="B37970" s="1" t="s">
        <v>126612</v>
      </c>
      <c r="C37970" s="1" t="s">
        <v>100</v>
      </c>
      <c r="D37970" s="1" t="s">
        <v>131016</v>
      </c>
      <c r="E37970" s="1" t="s">
        <v>131017</v>
      </c>
      <c r="F37970" s="1" t="s">
        <v>107532</v>
      </c>
      <c r="G37970" s="1" t="s">
        <v>130970</v>
      </c>
      <c r="H37970" s="1" t="s">
        <v>130971</v>
      </c>
      <c r="I37970" s="1" t="s">
        <v>126615</v>
      </c>
      <c r="J37970" s="1" t="s">
        <v>131018</v>
      </c>
    </row>
    <row r="37971" spans="1:10" x14ac:dyDescent="0.35">
      <c r="A37971" s="1" t="s">
        <v>4462</v>
      </c>
      <c r="B37971" s="1" t="s">
        <v>126612</v>
      </c>
      <c r="C37971" s="1" t="s">
        <v>105</v>
      </c>
      <c r="D37971" s="1" t="s">
        <v>131019</v>
      </c>
      <c r="E37971" s="1" t="s">
        <v>130423</v>
      </c>
      <c r="F37971" s="1" t="s">
        <v>99105</v>
      </c>
      <c r="G37971" s="1" t="s">
        <v>130970</v>
      </c>
      <c r="H37971" s="1" t="s">
        <v>130971</v>
      </c>
      <c r="I37971" s="1" t="s">
        <v>126615</v>
      </c>
      <c r="J37971" s="1" t="s">
        <v>131020</v>
      </c>
    </row>
    <row r="37972" spans="1:10" x14ac:dyDescent="0.35">
      <c r="A37972" s="1" t="s">
        <v>4462</v>
      </c>
      <c r="B37972" s="1" t="s">
        <v>126612</v>
      </c>
      <c r="C37972" s="1" t="s">
        <v>110</v>
      </c>
      <c r="D37972" s="1" t="s">
        <v>131021</v>
      </c>
      <c r="E37972" s="1" t="s">
        <v>73481</v>
      </c>
      <c r="F37972" s="1" t="s">
        <v>27499</v>
      </c>
      <c r="G37972" s="1" t="s">
        <v>130970</v>
      </c>
      <c r="H37972" s="1" t="s">
        <v>130971</v>
      </c>
      <c r="I37972" s="1" t="s">
        <v>126615</v>
      </c>
      <c r="J37972" s="1" t="s">
        <v>131022</v>
      </c>
    </row>
    <row r="37973" spans="1:10" x14ac:dyDescent="0.35">
      <c r="A37973" s="1" t="s">
        <v>4462</v>
      </c>
      <c r="B37973" s="1" t="s">
        <v>126612</v>
      </c>
      <c r="C37973" s="1" t="s">
        <v>115</v>
      </c>
      <c r="D37973" s="1" t="s">
        <v>131023</v>
      </c>
      <c r="E37973" s="1" t="s">
        <v>131024</v>
      </c>
      <c r="F37973" s="1" t="s">
        <v>103990</v>
      </c>
      <c r="G37973" s="1" t="s">
        <v>130970</v>
      </c>
      <c r="H37973" s="1" t="s">
        <v>130971</v>
      </c>
      <c r="I37973" s="1" t="s">
        <v>126615</v>
      </c>
      <c r="J37973" s="1" t="s">
        <v>131025</v>
      </c>
    </row>
    <row r="37974" spans="1:10" x14ac:dyDescent="0.35">
      <c r="A37974" s="1" t="s">
        <v>4462</v>
      </c>
      <c r="B37974" s="1" t="s">
        <v>126612</v>
      </c>
      <c r="C37974" s="1" t="s">
        <v>120</v>
      </c>
      <c r="D37974" s="1" t="s">
        <v>131026</v>
      </c>
      <c r="E37974" s="1" t="s">
        <v>131027</v>
      </c>
      <c r="F37974" s="1" t="s">
        <v>131028</v>
      </c>
      <c r="G37974" s="1" t="s">
        <v>130970</v>
      </c>
      <c r="H37974" s="1" t="s">
        <v>130971</v>
      </c>
      <c r="I37974" s="1" t="s">
        <v>126615</v>
      </c>
      <c r="J37974" s="1" t="s">
        <v>131029</v>
      </c>
    </row>
    <row r="37975" spans="1:10" x14ac:dyDescent="0.35">
      <c r="A37975" s="1" t="s">
        <v>4462</v>
      </c>
      <c r="B37975" s="1" t="s">
        <v>126612</v>
      </c>
      <c r="C37975" s="1" t="s">
        <v>125</v>
      </c>
      <c r="D37975" s="1" t="s">
        <v>131030</v>
      </c>
      <c r="E37975" s="1" t="s">
        <v>106951</v>
      </c>
      <c r="F37975" s="1" t="s">
        <v>131031</v>
      </c>
      <c r="G37975" s="1" t="s">
        <v>130970</v>
      </c>
      <c r="H37975" s="1" t="s">
        <v>130971</v>
      </c>
      <c r="I37975" s="1" t="s">
        <v>126615</v>
      </c>
      <c r="J37975" s="1" t="s">
        <v>131032</v>
      </c>
    </row>
    <row r="37976" spans="1:10" x14ac:dyDescent="0.35">
      <c r="A37976" s="1" t="s">
        <v>4462</v>
      </c>
      <c r="B37976" s="1" t="s">
        <v>126612</v>
      </c>
      <c r="C37976" s="1" t="s">
        <v>130</v>
      </c>
      <c r="D37976" s="1" t="s">
        <v>131033</v>
      </c>
      <c r="E37976" s="1" t="s">
        <v>95803</v>
      </c>
      <c r="F37976" s="1" t="s">
        <v>32623</v>
      </c>
      <c r="G37976" s="1" t="s">
        <v>130970</v>
      </c>
      <c r="H37976" s="1" t="s">
        <v>130971</v>
      </c>
      <c r="I37976" s="1" t="s">
        <v>126615</v>
      </c>
      <c r="J37976" s="1" t="s">
        <v>131034</v>
      </c>
    </row>
    <row r="37977" spans="1:10" x14ac:dyDescent="0.35">
      <c r="A37977" s="1" t="s">
        <v>4462</v>
      </c>
      <c r="B37977" s="1" t="s">
        <v>126612</v>
      </c>
      <c r="C37977" s="1" t="s">
        <v>135</v>
      </c>
      <c r="D37977" s="1" t="s">
        <v>131035</v>
      </c>
      <c r="E37977" s="1" t="s">
        <v>130317</v>
      </c>
      <c r="F37977" s="1" t="s">
        <v>66373</v>
      </c>
      <c r="G37977" s="1" t="s">
        <v>130970</v>
      </c>
      <c r="H37977" s="1" t="s">
        <v>130971</v>
      </c>
      <c r="I37977" s="1" t="s">
        <v>126615</v>
      </c>
      <c r="J37977" s="1" t="s">
        <v>131036</v>
      </c>
    </row>
    <row r="37978" spans="1:10" x14ac:dyDescent="0.35">
      <c r="A37978" s="1" t="s">
        <v>4462</v>
      </c>
      <c r="B37978" s="1" t="s">
        <v>126612</v>
      </c>
      <c r="C37978" s="1" t="s">
        <v>140</v>
      </c>
      <c r="D37978" s="1" t="s">
        <v>131037</v>
      </c>
      <c r="E37978" s="1" t="s">
        <v>31819</v>
      </c>
      <c r="F37978" s="1" t="s">
        <v>63464</v>
      </c>
      <c r="G37978" s="1" t="s">
        <v>130970</v>
      </c>
      <c r="H37978" s="1" t="s">
        <v>130971</v>
      </c>
      <c r="I37978" s="1" t="s">
        <v>126615</v>
      </c>
      <c r="J37978" s="1" t="s">
        <v>131038</v>
      </c>
    </row>
    <row r="37979" spans="1:10" x14ac:dyDescent="0.35">
      <c r="A37979" s="1" t="s">
        <v>4462</v>
      </c>
      <c r="B37979" s="1" t="s">
        <v>126612</v>
      </c>
      <c r="C37979" s="1" t="s">
        <v>145</v>
      </c>
      <c r="D37979" s="1" t="s">
        <v>41413</v>
      </c>
      <c r="E37979" s="1" t="s">
        <v>127221</v>
      </c>
      <c r="F37979" s="1" t="s">
        <v>101183</v>
      </c>
      <c r="G37979" s="1" t="s">
        <v>130970</v>
      </c>
      <c r="H37979" s="1" t="s">
        <v>130971</v>
      </c>
      <c r="I37979" s="1" t="s">
        <v>126615</v>
      </c>
      <c r="J37979" s="1" t="s">
        <v>131039</v>
      </c>
    </row>
    <row r="37980" spans="1:10" x14ac:dyDescent="0.35">
      <c r="A37980" s="1" t="s">
        <v>4462</v>
      </c>
      <c r="B37980" s="1" t="s">
        <v>126612</v>
      </c>
      <c r="C37980" s="1" t="s">
        <v>150</v>
      </c>
      <c r="D37980" s="1" t="s">
        <v>131040</v>
      </c>
      <c r="E37980" s="1" t="s">
        <v>16216</v>
      </c>
      <c r="F37980" s="1" t="s">
        <v>131041</v>
      </c>
      <c r="G37980" s="1" t="s">
        <v>130970</v>
      </c>
      <c r="H37980" s="1" t="s">
        <v>130971</v>
      </c>
      <c r="I37980" s="1" t="s">
        <v>126615</v>
      </c>
      <c r="J37980" s="1" t="s">
        <v>131042</v>
      </c>
    </row>
    <row r="37981" spans="1:10" x14ac:dyDescent="0.35">
      <c r="A37981" s="1" t="s">
        <v>4462</v>
      </c>
      <c r="B37981" s="1" t="s">
        <v>126612</v>
      </c>
      <c r="C37981" s="1" t="s">
        <v>155</v>
      </c>
      <c r="D37981" s="1" t="s">
        <v>131043</v>
      </c>
      <c r="E37981" s="1" t="s">
        <v>129005</v>
      </c>
      <c r="F37981" s="1" t="s">
        <v>54100</v>
      </c>
      <c r="G37981" s="1" t="s">
        <v>130970</v>
      </c>
      <c r="H37981" s="1" t="s">
        <v>130971</v>
      </c>
      <c r="I37981" s="1" t="s">
        <v>126615</v>
      </c>
      <c r="J37981" s="1" t="s">
        <v>131044</v>
      </c>
    </row>
    <row r="37982" spans="1:10" x14ac:dyDescent="0.35">
      <c r="A37982" s="1" t="s">
        <v>4462</v>
      </c>
      <c r="B37982" s="1" t="s">
        <v>126612</v>
      </c>
      <c r="C37982" s="1" t="s">
        <v>160</v>
      </c>
      <c r="D37982" s="1" t="s">
        <v>131045</v>
      </c>
      <c r="E37982" s="1" t="s">
        <v>109201</v>
      </c>
      <c r="F37982" s="1" t="s">
        <v>131046</v>
      </c>
      <c r="G37982" s="1" t="s">
        <v>130970</v>
      </c>
      <c r="H37982" s="1" t="s">
        <v>130971</v>
      </c>
      <c r="I37982" s="1" t="s">
        <v>126615</v>
      </c>
      <c r="J37982" s="1" t="s">
        <v>131047</v>
      </c>
    </row>
    <row r="37983" spans="1:10" x14ac:dyDescent="0.35">
      <c r="A37983" s="1" t="s">
        <v>4462</v>
      </c>
      <c r="B37983" s="1" t="s">
        <v>126612</v>
      </c>
      <c r="C37983" s="1" t="s">
        <v>165</v>
      </c>
      <c r="D37983" s="1" t="s">
        <v>131048</v>
      </c>
      <c r="E37983" s="1" t="s">
        <v>15973</v>
      </c>
      <c r="F37983" s="1" t="s">
        <v>54223</v>
      </c>
      <c r="G37983" s="1" t="s">
        <v>130970</v>
      </c>
      <c r="H37983" s="1" t="s">
        <v>130971</v>
      </c>
      <c r="I37983" s="1" t="s">
        <v>126615</v>
      </c>
      <c r="J37983" s="1" t="s">
        <v>131049</v>
      </c>
    </row>
    <row r="37984" spans="1:10" x14ac:dyDescent="0.35">
      <c r="A37984" s="1" t="s">
        <v>4462</v>
      </c>
      <c r="B37984" s="1" t="s">
        <v>126612</v>
      </c>
      <c r="C37984" s="1" t="s">
        <v>170</v>
      </c>
      <c r="D37984" s="1" t="s">
        <v>131050</v>
      </c>
      <c r="E37984" s="1" t="s">
        <v>131051</v>
      </c>
      <c r="F37984" s="1" t="s">
        <v>131052</v>
      </c>
      <c r="G37984" s="1" t="s">
        <v>130970</v>
      </c>
      <c r="H37984" s="1" t="s">
        <v>130971</v>
      </c>
      <c r="I37984" s="1" t="s">
        <v>126615</v>
      </c>
      <c r="J37984" s="1" t="s">
        <v>131053</v>
      </c>
    </row>
    <row r="37985" spans="1:10" x14ac:dyDescent="0.35">
      <c r="A37985" s="1" t="s">
        <v>13910</v>
      </c>
      <c r="B37985" s="1" t="s">
        <v>126612</v>
      </c>
      <c r="C37985" s="1" t="s">
        <v>8</v>
      </c>
      <c r="D37985" s="1" t="s">
        <v>64592</v>
      </c>
      <c r="E37985" s="1" t="s">
        <v>131054</v>
      </c>
      <c r="F37985" s="1" t="s">
        <v>131055</v>
      </c>
      <c r="G37985" s="1" t="s">
        <v>131056</v>
      </c>
      <c r="H37985" s="1" t="s">
        <v>131057</v>
      </c>
      <c r="I37985" s="1" t="s">
        <v>126615</v>
      </c>
      <c r="J37985" s="1" t="s">
        <v>13</v>
      </c>
    </row>
    <row r="37986" spans="1:10" x14ac:dyDescent="0.35">
      <c r="A37986" s="1" t="s">
        <v>13910</v>
      </c>
      <c r="B37986" s="1" t="s">
        <v>126612</v>
      </c>
      <c r="C37986" s="1" t="s">
        <v>15</v>
      </c>
      <c r="D37986" s="1" t="s">
        <v>131058</v>
      </c>
      <c r="E37986" s="1" t="s">
        <v>131059</v>
      </c>
      <c r="F37986" s="1" t="s">
        <v>131060</v>
      </c>
      <c r="G37986" s="1" t="s">
        <v>131056</v>
      </c>
      <c r="H37986" s="1" t="s">
        <v>131057</v>
      </c>
      <c r="I37986" s="1" t="s">
        <v>126615</v>
      </c>
      <c r="J37986" s="1" t="s">
        <v>131061</v>
      </c>
    </row>
    <row r="37987" spans="1:10" x14ac:dyDescent="0.35">
      <c r="A37987" s="1" t="s">
        <v>13910</v>
      </c>
      <c r="B37987" s="1" t="s">
        <v>126612</v>
      </c>
      <c r="C37987" s="1" t="s">
        <v>20</v>
      </c>
      <c r="D37987" s="1" t="s">
        <v>55706</v>
      </c>
      <c r="E37987" s="1" t="s">
        <v>131062</v>
      </c>
      <c r="F37987" s="1" t="s">
        <v>131063</v>
      </c>
      <c r="G37987" s="1" t="s">
        <v>131056</v>
      </c>
      <c r="H37987" s="1" t="s">
        <v>131057</v>
      </c>
      <c r="I37987" s="1" t="s">
        <v>126615</v>
      </c>
      <c r="J37987" s="1" t="s">
        <v>131064</v>
      </c>
    </row>
    <row r="37988" spans="1:10" x14ac:dyDescent="0.35">
      <c r="A37988" s="1" t="s">
        <v>13910</v>
      </c>
      <c r="B37988" s="1" t="s">
        <v>126612</v>
      </c>
      <c r="C37988" s="1" t="s">
        <v>25</v>
      </c>
      <c r="D37988" s="1" t="s">
        <v>131065</v>
      </c>
      <c r="E37988" s="1" t="s">
        <v>131066</v>
      </c>
      <c r="F37988" s="1" t="s">
        <v>131067</v>
      </c>
      <c r="G37988" s="1" t="s">
        <v>131056</v>
      </c>
      <c r="H37988" s="1" t="s">
        <v>131057</v>
      </c>
      <c r="I37988" s="1" t="s">
        <v>126615</v>
      </c>
      <c r="J37988" s="1" t="s">
        <v>131068</v>
      </c>
    </row>
    <row r="37989" spans="1:10" x14ac:dyDescent="0.35">
      <c r="A37989" s="1" t="s">
        <v>13910</v>
      </c>
      <c r="B37989" s="1" t="s">
        <v>126612</v>
      </c>
      <c r="C37989" s="1" t="s">
        <v>30</v>
      </c>
      <c r="D37989" s="1" t="s">
        <v>131069</v>
      </c>
      <c r="E37989" s="1" t="s">
        <v>131070</v>
      </c>
      <c r="F37989" s="1" t="s">
        <v>131071</v>
      </c>
      <c r="G37989" s="1" t="s">
        <v>131056</v>
      </c>
      <c r="H37989" s="1" t="s">
        <v>131057</v>
      </c>
      <c r="I37989" s="1" t="s">
        <v>126615</v>
      </c>
      <c r="J37989" s="1" t="s">
        <v>131072</v>
      </c>
    </row>
    <row r="37990" spans="1:10" x14ac:dyDescent="0.35">
      <c r="A37990" s="1" t="s">
        <v>13910</v>
      </c>
      <c r="B37990" s="1" t="s">
        <v>126612</v>
      </c>
      <c r="C37990" s="1" t="s">
        <v>35</v>
      </c>
      <c r="D37990" s="1" t="s">
        <v>131073</v>
      </c>
      <c r="E37990" s="1" t="s">
        <v>131074</v>
      </c>
      <c r="F37990" s="1" t="s">
        <v>131075</v>
      </c>
      <c r="G37990" s="1" t="s">
        <v>131056</v>
      </c>
      <c r="H37990" s="1" t="s">
        <v>131057</v>
      </c>
      <c r="I37990" s="1" t="s">
        <v>126615</v>
      </c>
      <c r="J37990" s="1" t="s">
        <v>131076</v>
      </c>
    </row>
    <row r="37991" spans="1:10" x14ac:dyDescent="0.35">
      <c r="A37991" s="1" t="s">
        <v>13910</v>
      </c>
      <c r="B37991" s="1" t="s">
        <v>126612</v>
      </c>
      <c r="C37991" s="1" t="s">
        <v>40</v>
      </c>
      <c r="D37991" s="1" t="s">
        <v>131077</v>
      </c>
      <c r="E37991" s="1" t="s">
        <v>131078</v>
      </c>
      <c r="F37991" s="1" t="s">
        <v>131079</v>
      </c>
      <c r="G37991" s="1" t="s">
        <v>131056</v>
      </c>
      <c r="H37991" s="1" t="s">
        <v>131057</v>
      </c>
      <c r="I37991" s="1" t="s">
        <v>126615</v>
      </c>
      <c r="J37991" s="1" t="s">
        <v>131080</v>
      </c>
    </row>
    <row r="37992" spans="1:10" x14ac:dyDescent="0.35">
      <c r="A37992" s="1" t="s">
        <v>13910</v>
      </c>
      <c r="B37992" s="1" t="s">
        <v>126612</v>
      </c>
      <c r="C37992" s="1" t="s">
        <v>45</v>
      </c>
      <c r="D37992" s="1" t="s">
        <v>131081</v>
      </c>
      <c r="E37992" s="1" t="s">
        <v>131082</v>
      </c>
      <c r="F37992" s="1" t="s">
        <v>131083</v>
      </c>
      <c r="G37992" s="1" t="s">
        <v>131056</v>
      </c>
      <c r="H37992" s="1" t="s">
        <v>131057</v>
      </c>
      <c r="I37992" s="1" t="s">
        <v>126615</v>
      </c>
      <c r="J37992" s="1" t="s">
        <v>131084</v>
      </c>
    </row>
    <row r="37993" spans="1:10" x14ac:dyDescent="0.35">
      <c r="A37993" s="1" t="s">
        <v>13910</v>
      </c>
      <c r="B37993" s="1" t="s">
        <v>126612</v>
      </c>
      <c r="C37993" s="1" t="s">
        <v>50</v>
      </c>
      <c r="D37993" s="1" t="s">
        <v>131085</v>
      </c>
      <c r="E37993" s="1" t="s">
        <v>131086</v>
      </c>
      <c r="F37993" s="1" t="s">
        <v>131087</v>
      </c>
      <c r="G37993" s="1" t="s">
        <v>131056</v>
      </c>
      <c r="H37993" s="1" t="s">
        <v>131057</v>
      </c>
      <c r="I37993" s="1" t="s">
        <v>126615</v>
      </c>
      <c r="J37993" s="1" t="s">
        <v>131088</v>
      </c>
    </row>
    <row r="37994" spans="1:10" x14ac:dyDescent="0.35">
      <c r="A37994" s="1" t="s">
        <v>13910</v>
      </c>
      <c r="B37994" s="1" t="s">
        <v>126612</v>
      </c>
      <c r="C37994" s="1" t="s">
        <v>55</v>
      </c>
      <c r="D37994" s="1" t="s">
        <v>131089</v>
      </c>
      <c r="E37994" s="1" t="s">
        <v>131090</v>
      </c>
      <c r="F37994" s="1" t="s">
        <v>131091</v>
      </c>
      <c r="G37994" s="1" t="s">
        <v>131056</v>
      </c>
      <c r="H37994" s="1" t="s">
        <v>131057</v>
      </c>
      <c r="I37994" s="1" t="s">
        <v>126615</v>
      </c>
      <c r="J37994" s="1" t="s">
        <v>131092</v>
      </c>
    </row>
    <row r="37995" spans="1:10" x14ac:dyDescent="0.35">
      <c r="A37995" s="1" t="s">
        <v>13910</v>
      </c>
      <c r="B37995" s="1" t="s">
        <v>126612</v>
      </c>
      <c r="C37995" s="1" t="s">
        <v>60</v>
      </c>
      <c r="D37995" s="1" t="s">
        <v>103428</v>
      </c>
      <c r="E37995" s="1" t="s">
        <v>131093</v>
      </c>
      <c r="F37995" s="1" t="s">
        <v>131094</v>
      </c>
      <c r="G37995" s="1" t="s">
        <v>131056</v>
      </c>
      <c r="H37995" s="1" t="s">
        <v>131057</v>
      </c>
      <c r="I37995" s="1" t="s">
        <v>126615</v>
      </c>
      <c r="J37995" s="1" t="s">
        <v>131095</v>
      </c>
    </row>
    <row r="37996" spans="1:10" x14ac:dyDescent="0.35">
      <c r="A37996" s="1" t="s">
        <v>13910</v>
      </c>
      <c r="B37996" s="1" t="s">
        <v>126612</v>
      </c>
      <c r="C37996" s="1" t="s">
        <v>65</v>
      </c>
      <c r="D37996" s="1" t="s">
        <v>131096</v>
      </c>
      <c r="E37996" s="1" t="s">
        <v>131097</v>
      </c>
      <c r="F37996" s="1" t="s">
        <v>131098</v>
      </c>
      <c r="G37996" s="1" t="s">
        <v>131056</v>
      </c>
      <c r="H37996" s="1" t="s">
        <v>131057</v>
      </c>
      <c r="I37996" s="1" t="s">
        <v>126615</v>
      </c>
      <c r="J37996" s="1" t="s">
        <v>131099</v>
      </c>
    </row>
    <row r="37997" spans="1:10" x14ac:dyDescent="0.35">
      <c r="A37997" s="1" t="s">
        <v>13910</v>
      </c>
      <c r="B37997" s="1" t="s">
        <v>126612</v>
      </c>
      <c r="C37997" s="1" t="s">
        <v>70</v>
      </c>
      <c r="D37997" s="1" t="s">
        <v>12609</v>
      </c>
      <c r="E37997" s="1" t="s">
        <v>131100</v>
      </c>
      <c r="F37997" s="1" t="s">
        <v>131101</v>
      </c>
      <c r="G37997" s="1" t="s">
        <v>131056</v>
      </c>
      <c r="H37997" s="1" t="s">
        <v>131057</v>
      </c>
      <c r="I37997" s="1" t="s">
        <v>126615</v>
      </c>
      <c r="J37997" s="1" t="s">
        <v>131102</v>
      </c>
    </row>
    <row r="37998" spans="1:10" x14ac:dyDescent="0.35">
      <c r="A37998" s="1" t="s">
        <v>13910</v>
      </c>
      <c r="B37998" s="1" t="s">
        <v>126612</v>
      </c>
      <c r="C37998" s="1" t="s">
        <v>75</v>
      </c>
      <c r="D37998" s="1" t="s">
        <v>131103</v>
      </c>
      <c r="E37998" s="1" t="s">
        <v>131104</v>
      </c>
      <c r="F37998" s="1" t="s">
        <v>131105</v>
      </c>
      <c r="G37998" s="1" t="s">
        <v>131056</v>
      </c>
      <c r="H37998" s="1" t="s">
        <v>131057</v>
      </c>
      <c r="I37998" s="1" t="s">
        <v>126615</v>
      </c>
      <c r="J37998" s="1" t="s">
        <v>131106</v>
      </c>
    </row>
    <row r="37999" spans="1:10" x14ac:dyDescent="0.35">
      <c r="A37999" s="1" t="s">
        <v>13910</v>
      </c>
      <c r="B37999" s="1" t="s">
        <v>126612</v>
      </c>
      <c r="C37999" s="1" t="s">
        <v>80</v>
      </c>
      <c r="D37999" s="1" t="s">
        <v>131107</v>
      </c>
      <c r="E37999" s="1" t="s">
        <v>131108</v>
      </c>
      <c r="F37999" s="1" t="s">
        <v>131109</v>
      </c>
      <c r="G37999" s="1" t="s">
        <v>131056</v>
      </c>
      <c r="H37999" s="1" t="s">
        <v>131057</v>
      </c>
      <c r="I37999" s="1" t="s">
        <v>126615</v>
      </c>
      <c r="J37999" s="1" t="s">
        <v>131110</v>
      </c>
    </row>
    <row r="38000" spans="1:10" x14ac:dyDescent="0.35">
      <c r="A38000" s="1" t="s">
        <v>13910</v>
      </c>
      <c r="B38000" s="1" t="s">
        <v>126612</v>
      </c>
      <c r="C38000" s="1" t="s">
        <v>85</v>
      </c>
      <c r="D38000" s="1" t="s">
        <v>131111</v>
      </c>
      <c r="E38000" s="1" t="s">
        <v>131112</v>
      </c>
      <c r="F38000" s="1" t="s">
        <v>131113</v>
      </c>
      <c r="G38000" s="1" t="s">
        <v>131056</v>
      </c>
      <c r="H38000" s="1" t="s">
        <v>131057</v>
      </c>
      <c r="I38000" s="1" t="s">
        <v>126615</v>
      </c>
      <c r="J38000" s="1" t="s">
        <v>131114</v>
      </c>
    </row>
    <row r="38001" spans="1:10" x14ac:dyDescent="0.35">
      <c r="A38001" s="1" t="s">
        <v>13910</v>
      </c>
      <c r="B38001" s="1" t="s">
        <v>126612</v>
      </c>
      <c r="C38001" s="1" t="s">
        <v>90</v>
      </c>
      <c r="D38001" s="1" t="s">
        <v>127182</v>
      </c>
      <c r="E38001" s="1" t="s">
        <v>131115</v>
      </c>
      <c r="F38001" s="1" t="s">
        <v>131116</v>
      </c>
      <c r="G38001" s="1" t="s">
        <v>131056</v>
      </c>
      <c r="H38001" s="1" t="s">
        <v>131057</v>
      </c>
      <c r="I38001" s="1" t="s">
        <v>126615</v>
      </c>
      <c r="J38001" s="1" t="s">
        <v>131117</v>
      </c>
    </row>
    <row r="38002" spans="1:10" x14ac:dyDescent="0.35">
      <c r="A38002" s="1" t="s">
        <v>13910</v>
      </c>
      <c r="B38002" s="1" t="s">
        <v>126612</v>
      </c>
      <c r="C38002" s="1" t="s">
        <v>95</v>
      </c>
      <c r="D38002" s="1" t="s">
        <v>79530</v>
      </c>
      <c r="E38002" s="1" t="s">
        <v>131118</v>
      </c>
      <c r="F38002" s="1" t="s">
        <v>131119</v>
      </c>
      <c r="G38002" s="1" t="s">
        <v>131056</v>
      </c>
      <c r="H38002" s="1" t="s">
        <v>131057</v>
      </c>
      <c r="I38002" s="1" t="s">
        <v>126615</v>
      </c>
      <c r="J38002" s="1" t="s">
        <v>131120</v>
      </c>
    </row>
    <row r="38003" spans="1:10" x14ac:dyDescent="0.35">
      <c r="A38003" s="1" t="s">
        <v>13910</v>
      </c>
      <c r="B38003" s="1" t="s">
        <v>126612</v>
      </c>
      <c r="C38003" s="1" t="s">
        <v>100</v>
      </c>
      <c r="D38003" s="1" t="s">
        <v>131121</v>
      </c>
      <c r="E38003" s="1" t="s">
        <v>131122</v>
      </c>
      <c r="F38003" s="1" t="s">
        <v>131123</v>
      </c>
      <c r="G38003" s="1" t="s">
        <v>131056</v>
      </c>
      <c r="H38003" s="1" t="s">
        <v>131057</v>
      </c>
      <c r="I38003" s="1" t="s">
        <v>126615</v>
      </c>
      <c r="J38003" s="1" t="s">
        <v>131124</v>
      </c>
    </row>
    <row r="38004" spans="1:10" x14ac:dyDescent="0.35">
      <c r="A38004" s="1" t="s">
        <v>13910</v>
      </c>
      <c r="B38004" s="1" t="s">
        <v>126612</v>
      </c>
      <c r="C38004" s="1" t="s">
        <v>105</v>
      </c>
      <c r="D38004" s="1" t="s">
        <v>63212</v>
      </c>
      <c r="E38004" s="1" t="s">
        <v>131125</v>
      </c>
      <c r="F38004" s="1" t="s">
        <v>131126</v>
      </c>
      <c r="G38004" s="1" t="s">
        <v>131056</v>
      </c>
      <c r="H38004" s="1" t="s">
        <v>131057</v>
      </c>
      <c r="I38004" s="1" t="s">
        <v>126615</v>
      </c>
      <c r="J38004" s="1" t="s">
        <v>131127</v>
      </c>
    </row>
    <row r="38005" spans="1:10" x14ac:dyDescent="0.35">
      <c r="A38005" s="1" t="s">
        <v>13910</v>
      </c>
      <c r="B38005" s="1" t="s">
        <v>126612</v>
      </c>
      <c r="C38005" s="1" t="s">
        <v>110</v>
      </c>
      <c r="D38005" s="1" t="s">
        <v>131128</v>
      </c>
      <c r="E38005" s="1" t="s">
        <v>131129</v>
      </c>
      <c r="F38005" s="1" t="s">
        <v>131130</v>
      </c>
      <c r="G38005" s="1" t="s">
        <v>131056</v>
      </c>
      <c r="H38005" s="1" t="s">
        <v>131057</v>
      </c>
      <c r="I38005" s="1" t="s">
        <v>126615</v>
      </c>
      <c r="J38005" s="1" t="s">
        <v>131131</v>
      </c>
    </row>
    <row r="38006" spans="1:10" x14ac:dyDescent="0.35">
      <c r="A38006" s="1" t="s">
        <v>13910</v>
      </c>
      <c r="B38006" s="1" t="s">
        <v>126612</v>
      </c>
      <c r="C38006" s="1" t="s">
        <v>115</v>
      </c>
      <c r="D38006" s="1" t="s">
        <v>131132</v>
      </c>
      <c r="E38006" s="1" t="s">
        <v>131133</v>
      </c>
      <c r="F38006" s="1" t="s">
        <v>131134</v>
      </c>
      <c r="G38006" s="1" t="s">
        <v>131056</v>
      </c>
      <c r="H38006" s="1" t="s">
        <v>131057</v>
      </c>
      <c r="I38006" s="1" t="s">
        <v>126615</v>
      </c>
      <c r="J38006" s="1" t="s">
        <v>131135</v>
      </c>
    </row>
    <row r="38007" spans="1:10" x14ac:dyDescent="0.35">
      <c r="A38007" s="1" t="s">
        <v>13910</v>
      </c>
      <c r="B38007" s="1" t="s">
        <v>126612</v>
      </c>
      <c r="C38007" s="1" t="s">
        <v>120</v>
      </c>
      <c r="D38007" s="1" t="s">
        <v>131136</v>
      </c>
      <c r="E38007" s="1" t="s">
        <v>131137</v>
      </c>
      <c r="F38007" s="1" t="s">
        <v>131138</v>
      </c>
      <c r="G38007" s="1" t="s">
        <v>131056</v>
      </c>
      <c r="H38007" s="1" t="s">
        <v>131057</v>
      </c>
      <c r="I38007" s="1" t="s">
        <v>126615</v>
      </c>
      <c r="J38007" s="1" t="s">
        <v>131139</v>
      </c>
    </row>
    <row r="38008" spans="1:10" x14ac:dyDescent="0.35">
      <c r="A38008" s="1" t="s">
        <v>13910</v>
      </c>
      <c r="B38008" s="1" t="s">
        <v>126612</v>
      </c>
      <c r="C38008" s="1" t="s">
        <v>125</v>
      </c>
      <c r="D38008" s="1" t="s">
        <v>85624</v>
      </c>
      <c r="E38008" s="1" t="s">
        <v>131140</v>
      </c>
      <c r="F38008" s="1" t="s">
        <v>131141</v>
      </c>
      <c r="G38008" s="1" t="s">
        <v>131056</v>
      </c>
      <c r="H38008" s="1" t="s">
        <v>131057</v>
      </c>
      <c r="I38008" s="1" t="s">
        <v>126615</v>
      </c>
      <c r="J38008" s="1" t="s">
        <v>131142</v>
      </c>
    </row>
    <row r="38009" spans="1:10" x14ac:dyDescent="0.35">
      <c r="A38009" s="1" t="s">
        <v>13910</v>
      </c>
      <c r="B38009" s="1" t="s">
        <v>126612</v>
      </c>
      <c r="C38009" s="1" t="s">
        <v>130</v>
      </c>
      <c r="D38009" s="1" t="s">
        <v>131143</v>
      </c>
      <c r="E38009" s="1" t="s">
        <v>131144</v>
      </c>
      <c r="F38009" s="1" t="s">
        <v>131145</v>
      </c>
      <c r="G38009" s="1" t="s">
        <v>131056</v>
      </c>
      <c r="H38009" s="1" t="s">
        <v>131057</v>
      </c>
      <c r="I38009" s="1" t="s">
        <v>126615</v>
      </c>
      <c r="J38009" s="1" t="s">
        <v>131146</v>
      </c>
    </row>
    <row r="38010" spans="1:10" x14ac:dyDescent="0.35">
      <c r="A38010" s="1" t="s">
        <v>13910</v>
      </c>
      <c r="B38010" s="1" t="s">
        <v>126612</v>
      </c>
      <c r="C38010" s="1" t="s">
        <v>135</v>
      </c>
      <c r="D38010" s="1" t="s">
        <v>68889</v>
      </c>
      <c r="E38010" s="1" t="s">
        <v>131147</v>
      </c>
      <c r="F38010" s="1" t="s">
        <v>131148</v>
      </c>
      <c r="G38010" s="1" t="s">
        <v>131056</v>
      </c>
      <c r="H38010" s="1" t="s">
        <v>131057</v>
      </c>
      <c r="I38010" s="1" t="s">
        <v>126615</v>
      </c>
      <c r="J38010" s="1" t="s">
        <v>131149</v>
      </c>
    </row>
    <row r="38011" spans="1:10" x14ac:dyDescent="0.35">
      <c r="A38011" s="1" t="s">
        <v>13910</v>
      </c>
      <c r="B38011" s="1" t="s">
        <v>126612</v>
      </c>
      <c r="C38011" s="1" t="s">
        <v>140</v>
      </c>
      <c r="D38011" s="1" t="s">
        <v>109318</v>
      </c>
      <c r="E38011" s="1" t="s">
        <v>131150</v>
      </c>
      <c r="F38011" s="1" t="s">
        <v>131151</v>
      </c>
      <c r="G38011" s="1" t="s">
        <v>131056</v>
      </c>
      <c r="H38011" s="1" t="s">
        <v>131057</v>
      </c>
      <c r="I38011" s="1" t="s">
        <v>126615</v>
      </c>
      <c r="J38011" s="1" t="s">
        <v>131152</v>
      </c>
    </row>
    <row r="38012" spans="1:10" x14ac:dyDescent="0.35">
      <c r="A38012" s="1" t="s">
        <v>13910</v>
      </c>
      <c r="B38012" s="1" t="s">
        <v>126612</v>
      </c>
      <c r="C38012" s="1" t="s">
        <v>145</v>
      </c>
      <c r="D38012" s="1" t="s">
        <v>65419</v>
      </c>
      <c r="E38012" s="1" t="s">
        <v>131153</v>
      </c>
      <c r="F38012" s="1" t="s">
        <v>131154</v>
      </c>
      <c r="G38012" s="1" t="s">
        <v>131056</v>
      </c>
      <c r="H38012" s="1" t="s">
        <v>131057</v>
      </c>
      <c r="I38012" s="1" t="s">
        <v>126615</v>
      </c>
      <c r="J38012" s="1" t="s">
        <v>131155</v>
      </c>
    </row>
    <row r="38013" spans="1:10" x14ac:dyDescent="0.35">
      <c r="A38013" s="1" t="s">
        <v>13910</v>
      </c>
      <c r="B38013" s="1" t="s">
        <v>126612</v>
      </c>
      <c r="C38013" s="1" t="s">
        <v>150</v>
      </c>
      <c r="D38013" s="1" t="s">
        <v>131156</v>
      </c>
      <c r="E38013" s="1" t="s">
        <v>131157</v>
      </c>
      <c r="F38013" s="1" t="s">
        <v>131158</v>
      </c>
      <c r="G38013" s="1" t="s">
        <v>131056</v>
      </c>
      <c r="H38013" s="1" t="s">
        <v>131057</v>
      </c>
      <c r="I38013" s="1" t="s">
        <v>126615</v>
      </c>
      <c r="J38013" s="1" t="s">
        <v>131159</v>
      </c>
    </row>
    <row r="38014" spans="1:10" x14ac:dyDescent="0.35">
      <c r="A38014" s="1" t="s">
        <v>13910</v>
      </c>
      <c r="B38014" s="1" t="s">
        <v>126612</v>
      </c>
      <c r="C38014" s="1" t="s">
        <v>155</v>
      </c>
      <c r="D38014" s="1" t="s">
        <v>107098</v>
      </c>
      <c r="E38014" s="1" t="s">
        <v>131160</v>
      </c>
      <c r="F38014" s="1" t="s">
        <v>131161</v>
      </c>
      <c r="G38014" s="1" t="s">
        <v>131056</v>
      </c>
      <c r="H38014" s="1" t="s">
        <v>131057</v>
      </c>
      <c r="I38014" s="1" t="s">
        <v>126615</v>
      </c>
      <c r="J38014" s="1" t="s">
        <v>131162</v>
      </c>
    </row>
    <row r="38015" spans="1:10" x14ac:dyDescent="0.35">
      <c r="A38015" s="1" t="s">
        <v>13910</v>
      </c>
      <c r="B38015" s="1" t="s">
        <v>126612</v>
      </c>
      <c r="C38015" s="1" t="s">
        <v>160</v>
      </c>
      <c r="D38015" s="1" t="s">
        <v>86130</v>
      </c>
      <c r="E38015" s="1" t="s">
        <v>131163</v>
      </c>
      <c r="F38015" s="1" t="s">
        <v>131164</v>
      </c>
      <c r="G38015" s="1" t="s">
        <v>131056</v>
      </c>
      <c r="H38015" s="1" t="s">
        <v>131057</v>
      </c>
      <c r="I38015" s="1" t="s">
        <v>126615</v>
      </c>
      <c r="J38015" s="1" t="s">
        <v>131165</v>
      </c>
    </row>
    <row r="38016" spans="1:10" x14ac:dyDescent="0.35">
      <c r="A38016" s="1" t="s">
        <v>13910</v>
      </c>
      <c r="B38016" s="1" t="s">
        <v>126612</v>
      </c>
      <c r="C38016" s="1" t="s">
        <v>165</v>
      </c>
      <c r="D38016" s="1" t="s">
        <v>129435</v>
      </c>
      <c r="E38016" s="1" t="s">
        <v>131166</v>
      </c>
      <c r="F38016" s="1" t="s">
        <v>131167</v>
      </c>
      <c r="G38016" s="1" t="s">
        <v>131056</v>
      </c>
      <c r="H38016" s="1" t="s">
        <v>131057</v>
      </c>
      <c r="I38016" s="1" t="s">
        <v>126615</v>
      </c>
      <c r="J38016" s="1" t="s">
        <v>131168</v>
      </c>
    </row>
    <row r="38017" spans="1:10" x14ac:dyDescent="0.35">
      <c r="A38017" s="1" t="s">
        <v>13910</v>
      </c>
      <c r="B38017" s="1" t="s">
        <v>126612</v>
      </c>
      <c r="C38017" s="1" t="s">
        <v>170</v>
      </c>
      <c r="D38017" s="1" t="s">
        <v>129730</v>
      </c>
      <c r="E38017" s="1" t="s">
        <v>131169</v>
      </c>
      <c r="F38017" s="1" t="s">
        <v>131170</v>
      </c>
      <c r="G38017" s="1" t="s">
        <v>131056</v>
      </c>
      <c r="H38017" s="1" t="s">
        <v>131057</v>
      </c>
      <c r="I38017" s="1" t="s">
        <v>126615</v>
      </c>
      <c r="J38017" s="1" t="s">
        <v>131171</v>
      </c>
    </row>
    <row r="38018" spans="1:10" x14ac:dyDescent="0.35">
      <c r="A38018" s="1" t="s">
        <v>131172</v>
      </c>
      <c r="B38018" s="1" t="s">
        <v>126612</v>
      </c>
      <c r="C38018" s="1" t="s">
        <v>8</v>
      </c>
      <c r="D38018" s="1" t="s">
        <v>131173</v>
      </c>
      <c r="E38018" s="1" t="s">
        <v>131174</v>
      </c>
      <c r="F38018" s="1" t="s">
        <v>131175</v>
      </c>
      <c r="G38018" s="1" t="s">
        <v>131176</v>
      </c>
      <c r="H38018" s="1" t="s">
        <v>131177</v>
      </c>
      <c r="I38018" s="1" t="s">
        <v>126615</v>
      </c>
      <c r="J38018" s="1" t="s">
        <v>13</v>
      </c>
    </row>
    <row r="38019" spans="1:10" x14ac:dyDescent="0.35">
      <c r="A38019" s="1" t="s">
        <v>131172</v>
      </c>
      <c r="B38019" s="1" t="s">
        <v>126612</v>
      </c>
      <c r="C38019" s="1" t="s">
        <v>15</v>
      </c>
      <c r="D38019" s="1" t="s">
        <v>131178</v>
      </c>
      <c r="E38019" s="1" t="s">
        <v>131179</v>
      </c>
      <c r="F38019" s="1" t="s">
        <v>131180</v>
      </c>
      <c r="G38019" s="1" t="s">
        <v>131176</v>
      </c>
      <c r="H38019" s="1" t="s">
        <v>131177</v>
      </c>
      <c r="I38019" s="1" t="s">
        <v>126615</v>
      </c>
      <c r="J38019" s="1" t="s">
        <v>131181</v>
      </c>
    </row>
    <row r="38020" spans="1:10" x14ac:dyDescent="0.35">
      <c r="A38020" s="1" t="s">
        <v>131172</v>
      </c>
      <c r="B38020" s="1" t="s">
        <v>126612</v>
      </c>
      <c r="C38020" s="1" t="s">
        <v>20</v>
      </c>
      <c r="D38020" s="1" t="s">
        <v>24662</v>
      </c>
      <c r="E38020" s="1" t="s">
        <v>131182</v>
      </c>
      <c r="F38020" s="1" t="s">
        <v>131183</v>
      </c>
      <c r="G38020" s="1" t="s">
        <v>131176</v>
      </c>
      <c r="H38020" s="1" t="s">
        <v>131177</v>
      </c>
      <c r="I38020" s="1" t="s">
        <v>126615</v>
      </c>
      <c r="J38020" s="1" t="s">
        <v>131184</v>
      </c>
    </row>
    <row r="38021" spans="1:10" x14ac:dyDescent="0.35">
      <c r="A38021" s="1" t="s">
        <v>131172</v>
      </c>
      <c r="B38021" s="1" t="s">
        <v>126612</v>
      </c>
      <c r="C38021" s="1" t="s">
        <v>25</v>
      </c>
      <c r="D38021" s="1" t="s">
        <v>70550</v>
      </c>
      <c r="E38021" s="1" t="s">
        <v>131185</v>
      </c>
      <c r="F38021" s="1" t="s">
        <v>131186</v>
      </c>
      <c r="G38021" s="1" t="s">
        <v>131176</v>
      </c>
      <c r="H38021" s="1" t="s">
        <v>131177</v>
      </c>
      <c r="I38021" s="1" t="s">
        <v>126615</v>
      </c>
      <c r="J38021" s="1" t="s">
        <v>131187</v>
      </c>
    </row>
    <row r="38022" spans="1:10" x14ac:dyDescent="0.35">
      <c r="A38022" s="1" t="s">
        <v>131172</v>
      </c>
      <c r="B38022" s="1" t="s">
        <v>126612</v>
      </c>
      <c r="C38022" s="1" t="s">
        <v>30</v>
      </c>
      <c r="D38022" s="1" t="s">
        <v>131188</v>
      </c>
      <c r="E38022" s="1" t="s">
        <v>131189</v>
      </c>
      <c r="F38022" s="1" t="s">
        <v>131190</v>
      </c>
      <c r="G38022" s="1" t="s">
        <v>131176</v>
      </c>
      <c r="H38022" s="1" t="s">
        <v>131177</v>
      </c>
      <c r="I38022" s="1" t="s">
        <v>126615</v>
      </c>
      <c r="J38022" s="1" t="s">
        <v>131191</v>
      </c>
    </row>
    <row r="38023" spans="1:10" x14ac:dyDescent="0.35">
      <c r="A38023" s="1" t="s">
        <v>131172</v>
      </c>
      <c r="B38023" s="1" t="s">
        <v>126612</v>
      </c>
      <c r="C38023" s="1" t="s">
        <v>35</v>
      </c>
      <c r="D38023" s="1" t="s">
        <v>131192</v>
      </c>
      <c r="E38023" s="1" t="s">
        <v>131193</v>
      </c>
      <c r="F38023" s="1" t="s">
        <v>131194</v>
      </c>
      <c r="G38023" s="1" t="s">
        <v>131176</v>
      </c>
      <c r="H38023" s="1" t="s">
        <v>131177</v>
      </c>
      <c r="I38023" s="1" t="s">
        <v>126615</v>
      </c>
      <c r="J38023" s="1" t="s">
        <v>131195</v>
      </c>
    </row>
    <row r="38024" spans="1:10" x14ac:dyDescent="0.35">
      <c r="A38024" s="1" t="s">
        <v>131172</v>
      </c>
      <c r="B38024" s="1" t="s">
        <v>126612</v>
      </c>
      <c r="C38024" s="1" t="s">
        <v>40</v>
      </c>
      <c r="D38024" s="1" t="s">
        <v>20957</v>
      </c>
      <c r="E38024" s="1" t="s">
        <v>131196</v>
      </c>
      <c r="F38024" s="1" t="s">
        <v>131197</v>
      </c>
      <c r="G38024" s="1" t="s">
        <v>131176</v>
      </c>
      <c r="H38024" s="1" t="s">
        <v>131177</v>
      </c>
      <c r="I38024" s="1" t="s">
        <v>126615</v>
      </c>
      <c r="J38024" s="1" t="s">
        <v>131198</v>
      </c>
    </row>
    <row r="38025" spans="1:10" x14ac:dyDescent="0.35">
      <c r="A38025" s="1" t="s">
        <v>131172</v>
      </c>
      <c r="B38025" s="1" t="s">
        <v>126612</v>
      </c>
      <c r="C38025" s="1" t="s">
        <v>45</v>
      </c>
      <c r="D38025" s="1" t="s">
        <v>54578</v>
      </c>
      <c r="E38025" s="1" t="s">
        <v>131199</v>
      </c>
      <c r="F38025" s="1" t="s">
        <v>131200</v>
      </c>
      <c r="G38025" s="1" t="s">
        <v>131176</v>
      </c>
      <c r="H38025" s="1" t="s">
        <v>131177</v>
      </c>
      <c r="I38025" s="1" t="s">
        <v>126615</v>
      </c>
      <c r="J38025" s="1" t="s">
        <v>131201</v>
      </c>
    </row>
    <row r="38026" spans="1:10" x14ac:dyDescent="0.35">
      <c r="A38026" s="1" t="s">
        <v>131172</v>
      </c>
      <c r="B38026" s="1" t="s">
        <v>126612</v>
      </c>
      <c r="C38026" s="1" t="s">
        <v>50</v>
      </c>
      <c r="D38026" s="1" t="s">
        <v>67228</v>
      </c>
      <c r="E38026" s="1" t="s">
        <v>131202</v>
      </c>
      <c r="F38026" s="1" t="s">
        <v>131203</v>
      </c>
      <c r="G38026" s="1" t="s">
        <v>131176</v>
      </c>
      <c r="H38026" s="1" t="s">
        <v>131177</v>
      </c>
      <c r="I38026" s="1" t="s">
        <v>126615</v>
      </c>
      <c r="J38026" s="1" t="s">
        <v>131204</v>
      </c>
    </row>
    <row r="38027" spans="1:10" x14ac:dyDescent="0.35">
      <c r="A38027" s="1" t="s">
        <v>131172</v>
      </c>
      <c r="B38027" s="1" t="s">
        <v>126612</v>
      </c>
      <c r="C38027" s="1" t="s">
        <v>55</v>
      </c>
      <c r="D38027" s="1" t="s">
        <v>131205</v>
      </c>
      <c r="E38027" s="1" t="s">
        <v>131206</v>
      </c>
      <c r="F38027" s="1" t="s">
        <v>131207</v>
      </c>
      <c r="G38027" s="1" t="s">
        <v>131176</v>
      </c>
      <c r="H38027" s="1" t="s">
        <v>131177</v>
      </c>
      <c r="I38027" s="1" t="s">
        <v>126615</v>
      </c>
      <c r="J38027" s="1" t="s">
        <v>131208</v>
      </c>
    </row>
    <row r="38028" spans="1:10" x14ac:dyDescent="0.35">
      <c r="A38028" s="1" t="s">
        <v>131172</v>
      </c>
      <c r="B38028" s="1" t="s">
        <v>126612</v>
      </c>
      <c r="C38028" s="1" t="s">
        <v>60</v>
      </c>
      <c r="D38028" s="1" t="s">
        <v>131209</v>
      </c>
      <c r="E38028" s="1" t="s">
        <v>131210</v>
      </c>
      <c r="F38028" s="1" t="s">
        <v>131211</v>
      </c>
      <c r="G38028" s="1" t="s">
        <v>131176</v>
      </c>
      <c r="H38028" s="1" t="s">
        <v>131177</v>
      </c>
      <c r="I38028" s="1" t="s">
        <v>126615</v>
      </c>
      <c r="J38028" s="1" t="s">
        <v>131212</v>
      </c>
    </row>
    <row r="38029" spans="1:10" x14ac:dyDescent="0.35">
      <c r="A38029" s="1" t="s">
        <v>131172</v>
      </c>
      <c r="B38029" s="1" t="s">
        <v>126612</v>
      </c>
      <c r="C38029" s="1" t="s">
        <v>65</v>
      </c>
      <c r="D38029" s="1" t="s">
        <v>131213</v>
      </c>
      <c r="E38029" s="1" t="s">
        <v>131214</v>
      </c>
      <c r="F38029" s="1" t="s">
        <v>131215</v>
      </c>
      <c r="G38029" s="1" t="s">
        <v>131176</v>
      </c>
      <c r="H38029" s="1" t="s">
        <v>131177</v>
      </c>
      <c r="I38029" s="1" t="s">
        <v>126615</v>
      </c>
      <c r="J38029" s="1" t="s">
        <v>131216</v>
      </c>
    </row>
    <row r="38030" spans="1:10" x14ac:dyDescent="0.35">
      <c r="A38030" s="1" t="s">
        <v>131172</v>
      </c>
      <c r="B38030" s="1" t="s">
        <v>126612</v>
      </c>
      <c r="C38030" s="1" t="s">
        <v>70</v>
      </c>
      <c r="D38030" s="1" t="s">
        <v>131217</v>
      </c>
      <c r="E38030" s="1" t="s">
        <v>131218</v>
      </c>
      <c r="F38030" s="1" t="s">
        <v>131219</v>
      </c>
      <c r="G38030" s="1" t="s">
        <v>131176</v>
      </c>
      <c r="H38030" s="1" t="s">
        <v>131177</v>
      </c>
      <c r="I38030" s="1" t="s">
        <v>126615</v>
      </c>
      <c r="J38030" s="1" t="s">
        <v>131220</v>
      </c>
    </row>
    <row r="38031" spans="1:10" x14ac:dyDescent="0.35">
      <c r="A38031" s="1" t="s">
        <v>131172</v>
      </c>
      <c r="B38031" s="1" t="s">
        <v>126612</v>
      </c>
      <c r="C38031" s="1" t="s">
        <v>75</v>
      </c>
      <c r="D38031" s="1" t="s">
        <v>131221</v>
      </c>
      <c r="E38031" s="1" t="s">
        <v>131222</v>
      </c>
      <c r="F38031" s="1" t="s">
        <v>131223</v>
      </c>
      <c r="G38031" s="1" t="s">
        <v>131176</v>
      </c>
      <c r="H38031" s="1" t="s">
        <v>131177</v>
      </c>
      <c r="I38031" s="1" t="s">
        <v>126615</v>
      </c>
      <c r="J38031" s="1" t="s">
        <v>131224</v>
      </c>
    </row>
    <row r="38032" spans="1:10" x14ac:dyDescent="0.35">
      <c r="A38032" s="1" t="s">
        <v>131172</v>
      </c>
      <c r="B38032" s="1" t="s">
        <v>126612</v>
      </c>
      <c r="C38032" s="1" t="s">
        <v>80</v>
      </c>
      <c r="D38032" s="1" t="s">
        <v>131225</v>
      </c>
      <c r="E38032" s="1" t="s">
        <v>131226</v>
      </c>
      <c r="F38032" s="1" t="s">
        <v>131227</v>
      </c>
      <c r="G38032" s="1" t="s">
        <v>131176</v>
      </c>
      <c r="H38032" s="1" t="s">
        <v>131177</v>
      </c>
      <c r="I38032" s="1" t="s">
        <v>126615</v>
      </c>
      <c r="J38032" s="1" t="s">
        <v>131228</v>
      </c>
    </row>
    <row r="38033" spans="1:10" x14ac:dyDescent="0.35">
      <c r="A38033" s="1" t="s">
        <v>131172</v>
      </c>
      <c r="B38033" s="1" t="s">
        <v>126612</v>
      </c>
      <c r="C38033" s="1" t="s">
        <v>85</v>
      </c>
      <c r="D38033" s="1" t="s">
        <v>131229</v>
      </c>
      <c r="E38033" s="1" t="s">
        <v>131230</v>
      </c>
      <c r="F38033" s="1" t="s">
        <v>131231</v>
      </c>
      <c r="G38033" s="1" t="s">
        <v>131176</v>
      </c>
      <c r="H38033" s="1" t="s">
        <v>131177</v>
      </c>
      <c r="I38033" s="1" t="s">
        <v>126615</v>
      </c>
      <c r="J38033" s="1" t="s">
        <v>131232</v>
      </c>
    </row>
    <row r="38034" spans="1:10" x14ac:dyDescent="0.35">
      <c r="A38034" s="1" t="s">
        <v>131172</v>
      </c>
      <c r="B38034" s="1" t="s">
        <v>126612</v>
      </c>
      <c r="C38034" s="1" t="s">
        <v>90</v>
      </c>
      <c r="D38034" s="1" t="s">
        <v>100098</v>
      </c>
      <c r="E38034" s="1" t="s">
        <v>131233</v>
      </c>
      <c r="F38034" s="1" t="s">
        <v>131234</v>
      </c>
      <c r="G38034" s="1" t="s">
        <v>131176</v>
      </c>
      <c r="H38034" s="1" t="s">
        <v>131177</v>
      </c>
      <c r="I38034" s="1" t="s">
        <v>126615</v>
      </c>
      <c r="J38034" s="1" t="s">
        <v>131235</v>
      </c>
    </row>
    <row r="38035" spans="1:10" x14ac:dyDescent="0.35">
      <c r="A38035" s="1" t="s">
        <v>131172</v>
      </c>
      <c r="B38035" s="1" t="s">
        <v>126612</v>
      </c>
      <c r="C38035" s="1" t="s">
        <v>95</v>
      </c>
      <c r="D38035" s="1" t="s">
        <v>8550</v>
      </c>
      <c r="E38035" s="1" t="s">
        <v>131236</v>
      </c>
      <c r="F38035" s="1" t="s">
        <v>131237</v>
      </c>
      <c r="G38035" s="1" t="s">
        <v>131176</v>
      </c>
      <c r="H38035" s="1" t="s">
        <v>131177</v>
      </c>
      <c r="I38035" s="1" t="s">
        <v>126615</v>
      </c>
      <c r="J38035" s="1" t="s">
        <v>131238</v>
      </c>
    </row>
    <row r="38036" spans="1:10" x14ac:dyDescent="0.35">
      <c r="A38036" s="1" t="s">
        <v>131172</v>
      </c>
      <c r="B38036" s="1" t="s">
        <v>126612</v>
      </c>
      <c r="C38036" s="1" t="s">
        <v>100</v>
      </c>
      <c r="D38036" s="1" t="s">
        <v>40955</v>
      </c>
      <c r="E38036" s="1" t="s">
        <v>131239</v>
      </c>
      <c r="F38036" s="1" t="s">
        <v>131240</v>
      </c>
      <c r="G38036" s="1" t="s">
        <v>131176</v>
      </c>
      <c r="H38036" s="1" t="s">
        <v>131177</v>
      </c>
      <c r="I38036" s="1" t="s">
        <v>126615</v>
      </c>
      <c r="J38036" s="1" t="s">
        <v>131241</v>
      </c>
    </row>
    <row r="38037" spans="1:10" x14ac:dyDescent="0.35">
      <c r="A38037" s="1" t="s">
        <v>131172</v>
      </c>
      <c r="B38037" s="1" t="s">
        <v>126612</v>
      </c>
      <c r="C38037" s="1" t="s">
        <v>105</v>
      </c>
      <c r="D38037" s="1" t="s">
        <v>131242</v>
      </c>
      <c r="E38037" s="1" t="s">
        <v>131243</v>
      </c>
      <c r="F38037" s="1" t="s">
        <v>131244</v>
      </c>
      <c r="G38037" s="1" t="s">
        <v>131176</v>
      </c>
      <c r="H38037" s="1" t="s">
        <v>131177</v>
      </c>
      <c r="I38037" s="1" t="s">
        <v>126615</v>
      </c>
      <c r="J38037" s="1" t="s">
        <v>131245</v>
      </c>
    </row>
    <row r="38038" spans="1:10" x14ac:dyDescent="0.35">
      <c r="A38038" s="1" t="s">
        <v>131172</v>
      </c>
      <c r="B38038" s="1" t="s">
        <v>126612</v>
      </c>
      <c r="C38038" s="1" t="s">
        <v>110</v>
      </c>
      <c r="D38038" s="1" t="s">
        <v>131246</v>
      </c>
      <c r="E38038" s="1" t="s">
        <v>131247</v>
      </c>
      <c r="F38038" s="1" t="s">
        <v>131248</v>
      </c>
      <c r="G38038" s="1" t="s">
        <v>131176</v>
      </c>
      <c r="H38038" s="1" t="s">
        <v>131177</v>
      </c>
      <c r="I38038" s="1" t="s">
        <v>126615</v>
      </c>
      <c r="J38038" s="1" t="s">
        <v>131249</v>
      </c>
    </row>
    <row r="38039" spans="1:10" x14ac:dyDescent="0.35">
      <c r="A38039" s="1" t="s">
        <v>131172</v>
      </c>
      <c r="B38039" s="1" t="s">
        <v>126612</v>
      </c>
      <c r="C38039" s="1" t="s">
        <v>115</v>
      </c>
      <c r="D38039" s="1" t="s">
        <v>131250</v>
      </c>
      <c r="E38039" s="1" t="s">
        <v>131251</v>
      </c>
      <c r="F38039" s="1" t="s">
        <v>131252</v>
      </c>
      <c r="G38039" s="1" t="s">
        <v>131176</v>
      </c>
      <c r="H38039" s="1" t="s">
        <v>131177</v>
      </c>
      <c r="I38039" s="1" t="s">
        <v>126615</v>
      </c>
      <c r="J38039" s="1" t="s">
        <v>131253</v>
      </c>
    </row>
    <row r="38040" spans="1:10" x14ac:dyDescent="0.35">
      <c r="A38040" s="1" t="s">
        <v>131172</v>
      </c>
      <c r="B38040" s="1" t="s">
        <v>126612</v>
      </c>
      <c r="C38040" s="1" t="s">
        <v>120</v>
      </c>
      <c r="D38040" s="1" t="s">
        <v>131254</v>
      </c>
      <c r="E38040" s="1" t="s">
        <v>131255</v>
      </c>
      <c r="F38040" s="1" t="s">
        <v>131256</v>
      </c>
      <c r="G38040" s="1" t="s">
        <v>131176</v>
      </c>
      <c r="H38040" s="1" t="s">
        <v>131177</v>
      </c>
      <c r="I38040" s="1" t="s">
        <v>126615</v>
      </c>
      <c r="J38040" s="1" t="s">
        <v>131257</v>
      </c>
    </row>
    <row r="38041" spans="1:10" x14ac:dyDescent="0.35">
      <c r="A38041" s="1" t="s">
        <v>131172</v>
      </c>
      <c r="B38041" s="1" t="s">
        <v>126612</v>
      </c>
      <c r="C38041" s="1" t="s">
        <v>125</v>
      </c>
      <c r="D38041" s="1" t="s">
        <v>131258</v>
      </c>
      <c r="E38041" s="1" t="s">
        <v>131259</v>
      </c>
      <c r="F38041" s="1" t="s">
        <v>131260</v>
      </c>
      <c r="G38041" s="1" t="s">
        <v>131176</v>
      </c>
      <c r="H38041" s="1" t="s">
        <v>131177</v>
      </c>
      <c r="I38041" s="1" t="s">
        <v>126615</v>
      </c>
      <c r="J38041" s="1" t="s">
        <v>131261</v>
      </c>
    </row>
    <row r="38042" spans="1:10" x14ac:dyDescent="0.35">
      <c r="A38042" s="1" t="s">
        <v>131172</v>
      </c>
      <c r="B38042" s="1" t="s">
        <v>126612</v>
      </c>
      <c r="C38042" s="1" t="s">
        <v>130</v>
      </c>
      <c r="D38042" s="1" t="s">
        <v>131262</v>
      </c>
      <c r="E38042" s="1" t="s">
        <v>131263</v>
      </c>
      <c r="F38042" s="1" t="s">
        <v>131264</v>
      </c>
      <c r="G38042" s="1" t="s">
        <v>131176</v>
      </c>
      <c r="H38042" s="1" t="s">
        <v>131177</v>
      </c>
      <c r="I38042" s="1" t="s">
        <v>126615</v>
      </c>
      <c r="J38042" s="1" t="s">
        <v>131265</v>
      </c>
    </row>
    <row r="38043" spans="1:10" x14ac:dyDescent="0.35">
      <c r="A38043" s="1" t="s">
        <v>131172</v>
      </c>
      <c r="B38043" s="1" t="s">
        <v>126612</v>
      </c>
      <c r="C38043" s="1" t="s">
        <v>135</v>
      </c>
      <c r="D38043" s="1" t="s">
        <v>56584</v>
      </c>
      <c r="E38043" s="1" t="s">
        <v>131266</v>
      </c>
      <c r="F38043" s="1" t="s">
        <v>131267</v>
      </c>
      <c r="G38043" s="1" t="s">
        <v>131176</v>
      </c>
      <c r="H38043" s="1" t="s">
        <v>131177</v>
      </c>
      <c r="I38043" s="1" t="s">
        <v>126615</v>
      </c>
      <c r="J38043" s="1" t="s">
        <v>131268</v>
      </c>
    </row>
    <row r="38044" spans="1:10" x14ac:dyDescent="0.35">
      <c r="A38044" s="1" t="s">
        <v>131172</v>
      </c>
      <c r="B38044" s="1" t="s">
        <v>126612</v>
      </c>
      <c r="C38044" s="1" t="s">
        <v>140</v>
      </c>
      <c r="D38044" s="1" t="s">
        <v>65651</v>
      </c>
      <c r="E38044" s="1" t="s">
        <v>131269</v>
      </c>
      <c r="F38044" s="1" t="s">
        <v>131270</v>
      </c>
      <c r="G38044" s="1" t="s">
        <v>131176</v>
      </c>
      <c r="H38044" s="1" t="s">
        <v>131177</v>
      </c>
      <c r="I38044" s="1" t="s">
        <v>126615</v>
      </c>
      <c r="J38044" s="1" t="s">
        <v>131271</v>
      </c>
    </row>
    <row r="38045" spans="1:10" x14ac:dyDescent="0.35">
      <c r="A38045" s="1" t="s">
        <v>131172</v>
      </c>
      <c r="B38045" s="1" t="s">
        <v>126612</v>
      </c>
      <c r="C38045" s="1" t="s">
        <v>145</v>
      </c>
      <c r="D38045" s="1" t="s">
        <v>69354</v>
      </c>
      <c r="E38045" s="1" t="s">
        <v>131272</v>
      </c>
      <c r="F38045" s="1" t="s">
        <v>131273</v>
      </c>
      <c r="G38045" s="1" t="s">
        <v>131176</v>
      </c>
      <c r="H38045" s="1" t="s">
        <v>131177</v>
      </c>
      <c r="I38045" s="1" t="s">
        <v>126615</v>
      </c>
      <c r="J38045" s="1" t="s">
        <v>131274</v>
      </c>
    </row>
    <row r="38046" spans="1:10" x14ac:dyDescent="0.35">
      <c r="A38046" s="1" t="s">
        <v>131172</v>
      </c>
      <c r="B38046" s="1" t="s">
        <v>126612</v>
      </c>
      <c r="C38046" s="1" t="s">
        <v>150</v>
      </c>
      <c r="D38046" s="1" t="s">
        <v>131275</v>
      </c>
      <c r="E38046" s="1" t="s">
        <v>131276</v>
      </c>
      <c r="F38046" s="1" t="s">
        <v>131277</v>
      </c>
      <c r="G38046" s="1" t="s">
        <v>131176</v>
      </c>
      <c r="H38046" s="1" t="s">
        <v>131177</v>
      </c>
      <c r="I38046" s="1" t="s">
        <v>126615</v>
      </c>
      <c r="J38046" s="1" t="s">
        <v>131278</v>
      </c>
    </row>
    <row r="38047" spans="1:10" x14ac:dyDescent="0.35">
      <c r="A38047" s="1" t="s">
        <v>131172</v>
      </c>
      <c r="B38047" s="1" t="s">
        <v>126612</v>
      </c>
      <c r="C38047" s="1" t="s">
        <v>155</v>
      </c>
      <c r="D38047" s="1" t="s">
        <v>131279</v>
      </c>
      <c r="E38047" s="1" t="s">
        <v>131280</v>
      </c>
      <c r="F38047" s="1" t="s">
        <v>131281</v>
      </c>
      <c r="G38047" s="1" t="s">
        <v>131176</v>
      </c>
      <c r="H38047" s="1" t="s">
        <v>131177</v>
      </c>
      <c r="I38047" s="1" t="s">
        <v>126615</v>
      </c>
      <c r="J38047" s="1" t="s">
        <v>131282</v>
      </c>
    </row>
    <row r="38048" spans="1:10" x14ac:dyDescent="0.35">
      <c r="A38048" s="1" t="s">
        <v>131172</v>
      </c>
      <c r="B38048" s="1" t="s">
        <v>126612</v>
      </c>
      <c r="C38048" s="1" t="s">
        <v>160</v>
      </c>
      <c r="D38048" s="1" t="s">
        <v>3292</v>
      </c>
      <c r="E38048" s="1" t="s">
        <v>131283</v>
      </c>
      <c r="F38048" s="1" t="s">
        <v>131284</v>
      </c>
      <c r="G38048" s="1" t="s">
        <v>131176</v>
      </c>
      <c r="H38048" s="1" t="s">
        <v>131177</v>
      </c>
      <c r="I38048" s="1" t="s">
        <v>126615</v>
      </c>
      <c r="J38048" s="1" t="s">
        <v>131285</v>
      </c>
    </row>
    <row r="38049" spans="1:10" x14ac:dyDescent="0.35">
      <c r="A38049" s="1" t="s">
        <v>131172</v>
      </c>
      <c r="B38049" s="1" t="s">
        <v>126612</v>
      </c>
      <c r="C38049" s="1" t="s">
        <v>165</v>
      </c>
      <c r="D38049" s="1" t="s">
        <v>131286</v>
      </c>
      <c r="E38049" s="1" t="s">
        <v>131287</v>
      </c>
      <c r="F38049" s="1" t="s">
        <v>131288</v>
      </c>
      <c r="G38049" s="1" t="s">
        <v>131176</v>
      </c>
      <c r="H38049" s="1" t="s">
        <v>131177</v>
      </c>
      <c r="I38049" s="1" t="s">
        <v>126615</v>
      </c>
      <c r="J38049" s="1" t="s">
        <v>131289</v>
      </c>
    </row>
    <row r="38050" spans="1:10" x14ac:dyDescent="0.35">
      <c r="A38050" s="1" t="s">
        <v>131172</v>
      </c>
      <c r="B38050" s="1" t="s">
        <v>126612</v>
      </c>
      <c r="C38050" s="1" t="s">
        <v>170</v>
      </c>
      <c r="D38050" s="1" t="s">
        <v>131290</v>
      </c>
      <c r="E38050" s="1" t="s">
        <v>131291</v>
      </c>
      <c r="F38050" s="1" t="s">
        <v>131292</v>
      </c>
      <c r="G38050" s="1" t="s">
        <v>131176</v>
      </c>
      <c r="H38050" s="1" t="s">
        <v>131177</v>
      </c>
      <c r="I38050" s="1" t="s">
        <v>126615</v>
      </c>
      <c r="J38050" s="1" t="s">
        <v>131293</v>
      </c>
    </row>
    <row r="38051" spans="1:10" x14ac:dyDescent="0.35">
      <c r="A38051" s="1" t="s">
        <v>8518</v>
      </c>
      <c r="B38051" s="1" t="s">
        <v>126612</v>
      </c>
      <c r="C38051" s="1" t="s">
        <v>8</v>
      </c>
      <c r="D38051" s="1" t="s">
        <v>131294</v>
      </c>
      <c r="E38051" s="1" t="s">
        <v>77753</v>
      </c>
      <c r="F38051" s="1" t="s">
        <v>53828</v>
      </c>
      <c r="G38051" s="1" t="s">
        <v>131295</v>
      </c>
      <c r="H38051" s="1" t="s">
        <v>131296</v>
      </c>
      <c r="I38051" s="1" t="s">
        <v>126615</v>
      </c>
      <c r="J38051" s="1" t="s">
        <v>13</v>
      </c>
    </row>
    <row r="38052" spans="1:10" x14ac:dyDescent="0.35">
      <c r="A38052" s="1" t="s">
        <v>8518</v>
      </c>
      <c r="B38052" s="1" t="s">
        <v>126612</v>
      </c>
      <c r="C38052" s="1" t="s">
        <v>15</v>
      </c>
      <c r="D38052" s="1" t="s">
        <v>62632</v>
      </c>
      <c r="E38052" s="1" t="s">
        <v>128251</v>
      </c>
      <c r="F38052" s="1" t="s">
        <v>65327</v>
      </c>
      <c r="G38052" s="1" t="s">
        <v>131295</v>
      </c>
      <c r="H38052" s="1" t="s">
        <v>131296</v>
      </c>
      <c r="I38052" s="1" t="s">
        <v>126615</v>
      </c>
      <c r="J38052" s="1" t="s">
        <v>131297</v>
      </c>
    </row>
    <row r="38053" spans="1:10" x14ac:dyDescent="0.35">
      <c r="A38053" s="1" t="s">
        <v>8518</v>
      </c>
      <c r="B38053" s="1" t="s">
        <v>126612</v>
      </c>
      <c r="C38053" s="1" t="s">
        <v>20</v>
      </c>
      <c r="D38053" s="1" t="s">
        <v>131298</v>
      </c>
      <c r="E38053" s="1" t="s">
        <v>127968</v>
      </c>
      <c r="F38053" s="1" t="s">
        <v>131299</v>
      </c>
      <c r="G38053" s="1" t="s">
        <v>131295</v>
      </c>
      <c r="H38053" s="1" t="s">
        <v>131296</v>
      </c>
      <c r="I38053" s="1" t="s">
        <v>126615</v>
      </c>
      <c r="J38053" s="1" t="s">
        <v>131300</v>
      </c>
    </row>
    <row r="38054" spans="1:10" x14ac:dyDescent="0.35">
      <c r="A38054" s="1" t="s">
        <v>8518</v>
      </c>
      <c r="B38054" s="1" t="s">
        <v>126612</v>
      </c>
      <c r="C38054" s="1" t="s">
        <v>25</v>
      </c>
      <c r="D38054" s="1" t="s">
        <v>131301</v>
      </c>
      <c r="E38054" s="1" t="s">
        <v>77738</v>
      </c>
      <c r="F38054" s="1" t="s">
        <v>131302</v>
      </c>
      <c r="G38054" s="1" t="s">
        <v>131295</v>
      </c>
      <c r="H38054" s="1" t="s">
        <v>131296</v>
      </c>
      <c r="I38054" s="1" t="s">
        <v>126615</v>
      </c>
      <c r="J38054" s="1" t="s">
        <v>131303</v>
      </c>
    </row>
    <row r="38055" spans="1:10" x14ac:dyDescent="0.35">
      <c r="A38055" s="1" t="s">
        <v>8518</v>
      </c>
      <c r="B38055" s="1" t="s">
        <v>126612</v>
      </c>
      <c r="C38055" s="1" t="s">
        <v>30</v>
      </c>
      <c r="D38055" s="1" t="s">
        <v>131304</v>
      </c>
      <c r="E38055" s="1" t="s">
        <v>131305</v>
      </c>
      <c r="F38055" s="1" t="s">
        <v>62925</v>
      </c>
      <c r="G38055" s="1" t="s">
        <v>131295</v>
      </c>
      <c r="H38055" s="1" t="s">
        <v>131296</v>
      </c>
      <c r="I38055" s="1" t="s">
        <v>126615</v>
      </c>
      <c r="J38055" s="1" t="s">
        <v>131306</v>
      </c>
    </row>
    <row r="38056" spans="1:10" x14ac:dyDescent="0.35">
      <c r="A38056" s="1" t="s">
        <v>8518</v>
      </c>
      <c r="B38056" s="1" t="s">
        <v>126612</v>
      </c>
      <c r="C38056" s="1" t="s">
        <v>35</v>
      </c>
      <c r="D38056" s="1" t="s">
        <v>131307</v>
      </c>
      <c r="E38056" s="1" t="s">
        <v>131308</v>
      </c>
      <c r="F38056" s="1" t="s">
        <v>131309</v>
      </c>
      <c r="G38056" s="1" t="s">
        <v>131295</v>
      </c>
      <c r="H38056" s="1" t="s">
        <v>131296</v>
      </c>
      <c r="I38056" s="1" t="s">
        <v>126615</v>
      </c>
      <c r="J38056" s="1" t="s">
        <v>131310</v>
      </c>
    </row>
    <row r="38057" spans="1:10" x14ac:dyDescent="0.35">
      <c r="A38057" s="1" t="s">
        <v>8518</v>
      </c>
      <c r="B38057" s="1" t="s">
        <v>126612</v>
      </c>
      <c r="C38057" s="1" t="s">
        <v>40</v>
      </c>
      <c r="D38057" s="1" t="s">
        <v>60973</v>
      </c>
      <c r="E38057" s="1" t="s">
        <v>131311</v>
      </c>
      <c r="F38057" s="1" t="s">
        <v>57316</v>
      </c>
      <c r="G38057" s="1" t="s">
        <v>131295</v>
      </c>
      <c r="H38057" s="1" t="s">
        <v>131296</v>
      </c>
      <c r="I38057" s="1" t="s">
        <v>126615</v>
      </c>
      <c r="J38057" s="1" t="s">
        <v>131312</v>
      </c>
    </row>
    <row r="38058" spans="1:10" x14ac:dyDescent="0.35">
      <c r="A38058" s="1" t="s">
        <v>8518</v>
      </c>
      <c r="B38058" s="1" t="s">
        <v>126612</v>
      </c>
      <c r="C38058" s="1" t="s">
        <v>45</v>
      </c>
      <c r="D38058" s="1" t="s">
        <v>131313</v>
      </c>
      <c r="E38058" s="1" t="s">
        <v>131314</v>
      </c>
      <c r="F38058" s="1" t="s">
        <v>131315</v>
      </c>
      <c r="G38058" s="1" t="s">
        <v>131295</v>
      </c>
      <c r="H38058" s="1" t="s">
        <v>131296</v>
      </c>
      <c r="I38058" s="1" t="s">
        <v>126615</v>
      </c>
      <c r="J38058" s="1" t="s">
        <v>131316</v>
      </c>
    </row>
    <row r="38059" spans="1:10" x14ac:dyDescent="0.35">
      <c r="A38059" s="1" t="s">
        <v>8518</v>
      </c>
      <c r="B38059" s="1" t="s">
        <v>126612</v>
      </c>
      <c r="C38059" s="1" t="s">
        <v>50</v>
      </c>
      <c r="D38059" s="1" t="s">
        <v>78597</v>
      </c>
      <c r="E38059" s="1" t="s">
        <v>77753</v>
      </c>
      <c r="F38059" s="1" t="s">
        <v>129008</v>
      </c>
      <c r="G38059" s="1" t="s">
        <v>131295</v>
      </c>
      <c r="H38059" s="1" t="s">
        <v>131296</v>
      </c>
      <c r="I38059" s="1" t="s">
        <v>126615</v>
      </c>
      <c r="J38059" s="1" t="s">
        <v>131317</v>
      </c>
    </row>
    <row r="38060" spans="1:10" x14ac:dyDescent="0.35">
      <c r="A38060" s="1" t="s">
        <v>8518</v>
      </c>
      <c r="B38060" s="1" t="s">
        <v>126612</v>
      </c>
      <c r="C38060" s="1" t="s">
        <v>55</v>
      </c>
      <c r="D38060" s="1" t="s">
        <v>7452</v>
      </c>
      <c r="E38060" s="1" t="s">
        <v>130420</v>
      </c>
      <c r="F38060" s="1" t="s">
        <v>131318</v>
      </c>
      <c r="G38060" s="1" t="s">
        <v>131295</v>
      </c>
      <c r="H38060" s="1" t="s">
        <v>131296</v>
      </c>
      <c r="I38060" s="1" t="s">
        <v>126615</v>
      </c>
      <c r="J38060" s="1" t="s">
        <v>131319</v>
      </c>
    </row>
    <row r="38061" spans="1:10" x14ac:dyDescent="0.35">
      <c r="A38061" s="1" t="s">
        <v>8518</v>
      </c>
      <c r="B38061" s="1" t="s">
        <v>126612</v>
      </c>
      <c r="C38061" s="1" t="s">
        <v>60</v>
      </c>
      <c r="D38061" s="1" t="s">
        <v>62506</v>
      </c>
      <c r="E38061" s="1" t="s">
        <v>16020</v>
      </c>
      <c r="F38061" s="1" t="s">
        <v>131320</v>
      </c>
      <c r="G38061" s="1" t="s">
        <v>131295</v>
      </c>
      <c r="H38061" s="1" t="s">
        <v>131296</v>
      </c>
      <c r="I38061" s="1" t="s">
        <v>126615</v>
      </c>
      <c r="J38061" s="1" t="s">
        <v>131321</v>
      </c>
    </row>
    <row r="38062" spans="1:10" x14ac:dyDescent="0.35">
      <c r="A38062" s="1" t="s">
        <v>8518</v>
      </c>
      <c r="B38062" s="1" t="s">
        <v>126612</v>
      </c>
      <c r="C38062" s="1" t="s">
        <v>65</v>
      </c>
      <c r="D38062" s="1" t="s">
        <v>131322</v>
      </c>
      <c r="E38062" s="1" t="s">
        <v>105240</v>
      </c>
      <c r="F38062" s="1" t="s">
        <v>65771</v>
      </c>
      <c r="G38062" s="1" t="s">
        <v>131295</v>
      </c>
      <c r="H38062" s="1" t="s">
        <v>131296</v>
      </c>
      <c r="I38062" s="1" t="s">
        <v>126615</v>
      </c>
      <c r="J38062" s="1" t="s">
        <v>131323</v>
      </c>
    </row>
    <row r="38063" spans="1:10" x14ac:dyDescent="0.35">
      <c r="A38063" s="1" t="s">
        <v>8518</v>
      </c>
      <c r="B38063" s="1" t="s">
        <v>126612</v>
      </c>
      <c r="C38063" s="1" t="s">
        <v>70</v>
      </c>
      <c r="D38063" s="1" t="s">
        <v>131324</v>
      </c>
      <c r="E38063" s="1" t="s">
        <v>127983</v>
      </c>
      <c r="F38063" s="1" t="s">
        <v>58562</v>
      </c>
      <c r="G38063" s="1" t="s">
        <v>131295</v>
      </c>
      <c r="H38063" s="1" t="s">
        <v>131296</v>
      </c>
      <c r="I38063" s="1" t="s">
        <v>126615</v>
      </c>
      <c r="J38063" s="1" t="s">
        <v>131325</v>
      </c>
    </row>
    <row r="38064" spans="1:10" x14ac:dyDescent="0.35">
      <c r="A38064" s="1" t="s">
        <v>8518</v>
      </c>
      <c r="B38064" s="1" t="s">
        <v>126612</v>
      </c>
      <c r="C38064" s="1" t="s">
        <v>75</v>
      </c>
      <c r="D38064" s="1" t="s">
        <v>131326</v>
      </c>
      <c r="E38064" s="1" t="s">
        <v>127250</v>
      </c>
      <c r="F38064" s="1" t="s">
        <v>68571</v>
      </c>
      <c r="G38064" s="1" t="s">
        <v>131295</v>
      </c>
      <c r="H38064" s="1" t="s">
        <v>131296</v>
      </c>
      <c r="I38064" s="1" t="s">
        <v>126615</v>
      </c>
      <c r="J38064" s="1" t="s">
        <v>131327</v>
      </c>
    </row>
    <row r="38065" spans="1:10" x14ac:dyDescent="0.35">
      <c r="A38065" s="1" t="s">
        <v>8518</v>
      </c>
      <c r="B38065" s="1" t="s">
        <v>126612</v>
      </c>
      <c r="C38065" s="1" t="s">
        <v>80</v>
      </c>
      <c r="D38065" s="1" t="s">
        <v>54574</v>
      </c>
      <c r="E38065" s="1" t="s">
        <v>90233</v>
      </c>
      <c r="F38065" s="1" t="s">
        <v>94251</v>
      </c>
      <c r="G38065" s="1" t="s">
        <v>131295</v>
      </c>
      <c r="H38065" s="1" t="s">
        <v>131296</v>
      </c>
      <c r="I38065" s="1" t="s">
        <v>126615</v>
      </c>
      <c r="J38065" s="1" t="s">
        <v>131328</v>
      </c>
    </row>
    <row r="38066" spans="1:10" x14ac:dyDescent="0.35">
      <c r="A38066" s="1" t="s">
        <v>8518</v>
      </c>
      <c r="B38066" s="1" t="s">
        <v>126612</v>
      </c>
      <c r="C38066" s="1" t="s">
        <v>85</v>
      </c>
      <c r="D38066" s="1" t="s">
        <v>57813</v>
      </c>
      <c r="E38066" s="1" t="s">
        <v>31571</v>
      </c>
      <c r="F38066" s="1" t="s">
        <v>131329</v>
      </c>
      <c r="G38066" s="1" t="s">
        <v>131295</v>
      </c>
      <c r="H38066" s="1" t="s">
        <v>131296</v>
      </c>
      <c r="I38066" s="1" t="s">
        <v>126615</v>
      </c>
      <c r="J38066" s="1" t="s">
        <v>131330</v>
      </c>
    </row>
    <row r="38067" spans="1:10" x14ac:dyDescent="0.35">
      <c r="A38067" s="1" t="s">
        <v>8518</v>
      </c>
      <c r="B38067" s="1" t="s">
        <v>126612</v>
      </c>
      <c r="C38067" s="1" t="s">
        <v>90</v>
      </c>
      <c r="D38067" s="1" t="s">
        <v>131331</v>
      </c>
      <c r="E38067" s="1" t="s">
        <v>131332</v>
      </c>
      <c r="F38067" s="1" t="s">
        <v>60503</v>
      </c>
      <c r="G38067" s="1" t="s">
        <v>131295</v>
      </c>
      <c r="H38067" s="1" t="s">
        <v>131296</v>
      </c>
      <c r="I38067" s="1" t="s">
        <v>126615</v>
      </c>
      <c r="J38067" s="1" t="s">
        <v>131333</v>
      </c>
    </row>
    <row r="38068" spans="1:10" x14ac:dyDescent="0.35">
      <c r="A38068" s="1" t="s">
        <v>8518</v>
      </c>
      <c r="B38068" s="1" t="s">
        <v>126612</v>
      </c>
      <c r="C38068" s="1" t="s">
        <v>95</v>
      </c>
      <c r="D38068" s="1" t="s">
        <v>131334</v>
      </c>
      <c r="E38068" s="1" t="s">
        <v>128667</v>
      </c>
      <c r="F38068" s="1" t="s">
        <v>131335</v>
      </c>
      <c r="G38068" s="1" t="s">
        <v>131295</v>
      </c>
      <c r="H38068" s="1" t="s">
        <v>131296</v>
      </c>
      <c r="I38068" s="1" t="s">
        <v>126615</v>
      </c>
      <c r="J38068" s="1" t="s">
        <v>131336</v>
      </c>
    </row>
    <row r="38069" spans="1:10" x14ac:dyDescent="0.35">
      <c r="A38069" s="1" t="s">
        <v>8518</v>
      </c>
      <c r="B38069" s="1" t="s">
        <v>126612</v>
      </c>
      <c r="C38069" s="1" t="s">
        <v>100</v>
      </c>
      <c r="D38069" s="1" t="s">
        <v>131337</v>
      </c>
      <c r="E38069" s="1" t="s">
        <v>76365</v>
      </c>
      <c r="F38069" s="1" t="s">
        <v>61411</v>
      </c>
      <c r="G38069" s="1" t="s">
        <v>131295</v>
      </c>
      <c r="H38069" s="1" t="s">
        <v>131296</v>
      </c>
      <c r="I38069" s="1" t="s">
        <v>126615</v>
      </c>
      <c r="J38069" s="1" t="s">
        <v>131338</v>
      </c>
    </row>
    <row r="38070" spans="1:10" x14ac:dyDescent="0.35">
      <c r="A38070" s="1" t="s">
        <v>8518</v>
      </c>
      <c r="B38070" s="1" t="s">
        <v>126612</v>
      </c>
      <c r="C38070" s="1" t="s">
        <v>105</v>
      </c>
      <c r="D38070" s="1" t="s">
        <v>131339</v>
      </c>
      <c r="E38070" s="1" t="s">
        <v>129005</v>
      </c>
      <c r="F38070" s="1" t="s">
        <v>131340</v>
      </c>
      <c r="G38070" s="1" t="s">
        <v>131295</v>
      </c>
      <c r="H38070" s="1" t="s">
        <v>131296</v>
      </c>
      <c r="I38070" s="1" t="s">
        <v>126615</v>
      </c>
      <c r="J38070" s="1" t="s">
        <v>131341</v>
      </c>
    </row>
    <row r="38071" spans="1:10" x14ac:dyDescent="0.35">
      <c r="A38071" s="1" t="s">
        <v>8518</v>
      </c>
      <c r="B38071" s="1" t="s">
        <v>126612</v>
      </c>
      <c r="C38071" s="1" t="s">
        <v>110</v>
      </c>
      <c r="D38071" s="1" t="s">
        <v>131342</v>
      </c>
      <c r="E38071" s="1" t="s">
        <v>15973</v>
      </c>
      <c r="F38071" s="1" t="s">
        <v>131343</v>
      </c>
      <c r="G38071" s="1" t="s">
        <v>131295</v>
      </c>
      <c r="H38071" s="1" t="s">
        <v>131296</v>
      </c>
      <c r="I38071" s="1" t="s">
        <v>126615</v>
      </c>
      <c r="J38071" s="1" t="s">
        <v>131344</v>
      </c>
    </row>
    <row r="38072" spans="1:10" x14ac:dyDescent="0.35">
      <c r="A38072" s="1" t="s">
        <v>8518</v>
      </c>
      <c r="B38072" s="1" t="s">
        <v>126612</v>
      </c>
      <c r="C38072" s="1" t="s">
        <v>115</v>
      </c>
      <c r="D38072" s="1" t="s">
        <v>20492</v>
      </c>
      <c r="E38072" s="1" t="s">
        <v>48082</v>
      </c>
      <c r="F38072" s="1" t="s">
        <v>103646</v>
      </c>
      <c r="G38072" s="1" t="s">
        <v>131295</v>
      </c>
      <c r="H38072" s="1" t="s">
        <v>131296</v>
      </c>
      <c r="I38072" s="1" t="s">
        <v>126615</v>
      </c>
      <c r="J38072" s="1" t="s">
        <v>131345</v>
      </c>
    </row>
    <row r="38073" spans="1:10" x14ac:dyDescent="0.35">
      <c r="A38073" s="1" t="s">
        <v>8518</v>
      </c>
      <c r="B38073" s="1" t="s">
        <v>126612</v>
      </c>
      <c r="C38073" s="1" t="s">
        <v>120</v>
      </c>
      <c r="D38073" s="1" t="s">
        <v>57362</v>
      </c>
      <c r="E38073" s="1" t="s">
        <v>105960</v>
      </c>
      <c r="F38073" s="1" t="s">
        <v>128974</v>
      </c>
      <c r="G38073" s="1" t="s">
        <v>131295</v>
      </c>
      <c r="H38073" s="1" t="s">
        <v>131296</v>
      </c>
      <c r="I38073" s="1" t="s">
        <v>126615</v>
      </c>
      <c r="J38073" s="1" t="s">
        <v>131346</v>
      </c>
    </row>
    <row r="38074" spans="1:10" x14ac:dyDescent="0.35">
      <c r="A38074" s="1" t="s">
        <v>8518</v>
      </c>
      <c r="B38074" s="1" t="s">
        <v>126612</v>
      </c>
      <c r="C38074" s="1" t="s">
        <v>125</v>
      </c>
      <c r="D38074" s="1" t="s">
        <v>22456</v>
      </c>
      <c r="E38074" s="1" t="s">
        <v>94713</v>
      </c>
      <c r="F38074" s="1" t="s">
        <v>101718</v>
      </c>
      <c r="G38074" s="1" t="s">
        <v>131295</v>
      </c>
      <c r="H38074" s="1" t="s">
        <v>131296</v>
      </c>
      <c r="I38074" s="1" t="s">
        <v>126615</v>
      </c>
      <c r="J38074" s="1" t="s">
        <v>131347</v>
      </c>
    </row>
    <row r="38075" spans="1:10" x14ac:dyDescent="0.35">
      <c r="A38075" s="1" t="s">
        <v>8518</v>
      </c>
      <c r="B38075" s="1" t="s">
        <v>126612</v>
      </c>
      <c r="C38075" s="1" t="s">
        <v>130</v>
      </c>
      <c r="D38075" s="1" t="s">
        <v>83779</v>
      </c>
      <c r="E38075" s="1" t="s">
        <v>105286</v>
      </c>
      <c r="F38075" s="1" t="s">
        <v>131348</v>
      </c>
      <c r="G38075" s="1" t="s">
        <v>131295</v>
      </c>
      <c r="H38075" s="1" t="s">
        <v>131296</v>
      </c>
      <c r="I38075" s="1" t="s">
        <v>126615</v>
      </c>
      <c r="J38075" s="1" t="s">
        <v>131349</v>
      </c>
    </row>
    <row r="38076" spans="1:10" x14ac:dyDescent="0.35">
      <c r="A38076" s="1" t="s">
        <v>8518</v>
      </c>
      <c r="B38076" s="1" t="s">
        <v>126612</v>
      </c>
      <c r="C38076" s="1" t="s">
        <v>135</v>
      </c>
      <c r="D38076" s="1" t="s">
        <v>131350</v>
      </c>
      <c r="E38076" s="1" t="s">
        <v>128749</v>
      </c>
      <c r="F38076" s="1" t="s">
        <v>63942</v>
      </c>
      <c r="G38076" s="1" t="s">
        <v>131295</v>
      </c>
      <c r="H38076" s="1" t="s">
        <v>131296</v>
      </c>
      <c r="I38076" s="1" t="s">
        <v>126615</v>
      </c>
      <c r="J38076" s="1" t="s">
        <v>131351</v>
      </c>
    </row>
    <row r="38077" spans="1:10" x14ac:dyDescent="0.35">
      <c r="A38077" s="1" t="s">
        <v>8518</v>
      </c>
      <c r="B38077" s="1" t="s">
        <v>126612</v>
      </c>
      <c r="C38077" s="1" t="s">
        <v>140</v>
      </c>
      <c r="D38077" s="1" t="s">
        <v>60663</v>
      </c>
      <c r="E38077" s="1" t="s">
        <v>76417</v>
      </c>
      <c r="F38077" s="1" t="s">
        <v>31874</v>
      </c>
      <c r="G38077" s="1" t="s">
        <v>131295</v>
      </c>
      <c r="H38077" s="1" t="s">
        <v>131296</v>
      </c>
      <c r="I38077" s="1" t="s">
        <v>126615</v>
      </c>
      <c r="J38077" s="1" t="s">
        <v>131352</v>
      </c>
    </row>
    <row r="38078" spans="1:10" x14ac:dyDescent="0.35">
      <c r="A38078" s="1" t="s">
        <v>8518</v>
      </c>
      <c r="B38078" s="1" t="s">
        <v>126612</v>
      </c>
      <c r="C38078" s="1" t="s">
        <v>145</v>
      </c>
      <c r="D38078" s="1" t="s">
        <v>131353</v>
      </c>
      <c r="E38078" s="1" t="s">
        <v>16016</v>
      </c>
      <c r="F38078" s="1" t="s">
        <v>131354</v>
      </c>
      <c r="G38078" s="1" t="s">
        <v>131295</v>
      </c>
      <c r="H38078" s="1" t="s">
        <v>131296</v>
      </c>
      <c r="I38078" s="1" t="s">
        <v>126615</v>
      </c>
      <c r="J38078" s="1" t="s">
        <v>131355</v>
      </c>
    </row>
    <row r="38079" spans="1:10" x14ac:dyDescent="0.35">
      <c r="A38079" s="1" t="s">
        <v>8518</v>
      </c>
      <c r="B38079" s="1" t="s">
        <v>126612</v>
      </c>
      <c r="C38079" s="1" t="s">
        <v>150</v>
      </c>
      <c r="D38079" s="1" t="s">
        <v>131356</v>
      </c>
      <c r="E38079" s="1" t="s">
        <v>131357</v>
      </c>
      <c r="F38079" s="1" t="s">
        <v>60614</v>
      </c>
      <c r="G38079" s="1" t="s">
        <v>131295</v>
      </c>
      <c r="H38079" s="1" t="s">
        <v>131296</v>
      </c>
      <c r="I38079" s="1" t="s">
        <v>126615</v>
      </c>
      <c r="J38079" s="1" t="s">
        <v>131358</v>
      </c>
    </row>
    <row r="38080" spans="1:10" x14ac:dyDescent="0.35">
      <c r="A38080" s="1" t="s">
        <v>8518</v>
      </c>
      <c r="B38080" s="1" t="s">
        <v>126612</v>
      </c>
      <c r="C38080" s="1" t="s">
        <v>155</v>
      </c>
      <c r="D38080" s="1" t="s">
        <v>131359</v>
      </c>
      <c r="E38080" s="1" t="s">
        <v>108740</v>
      </c>
      <c r="F38080" s="1" t="s">
        <v>131360</v>
      </c>
      <c r="G38080" s="1" t="s">
        <v>131295</v>
      </c>
      <c r="H38080" s="1" t="s">
        <v>131296</v>
      </c>
      <c r="I38080" s="1" t="s">
        <v>126615</v>
      </c>
      <c r="J38080" s="1" t="s">
        <v>131361</v>
      </c>
    </row>
    <row r="38081" spans="1:10" x14ac:dyDescent="0.35">
      <c r="A38081" s="1" t="s">
        <v>8518</v>
      </c>
      <c r="B38081" s="1" t="s">
        <v>126612</v>
      </c>
      <c r="C38081" s="1" t="s">
        <v>160</v>
      </c>
      <c r="D38081" s="1" t="s">
        <v>56740</v>
      </c>
      <c r="E38081" s="1" t="s">
        <v>128316</v>
      </c>
      <c r="F38081" s="1" t="s">
        <v>131362</v>
      </c>
      <c r="G38081" s="1" t="s">
        <v>131295</v>
      </c>
      <c r="H38081" s="1" t="s">
        <v>131296</v>
      </c>
      <c r="I38081" s="1" t="s">
        <v>126615</v>
      </c>
      <c r="J38081" s="1" t="s">
        <v>131363</v>
      </c>
    </row>
    <row r="38082" spans="1:10" x14ac:dyDescent="0.35">
      <c r="A38082" s="1" t="s">
        <v>8518</v>
      </c>
      <c r="B38082" s="1" t="s">
        <v>126612</v>
      </c>
      <c r="C38082" s="1" t="s">
        <v>165</v>
      </c>
      <c r="D38082" s="1" t="s">
        <v>100374</v>
      </c>
      <c r="E38082" s="1" t="s">
        <v>94738</v>
      </c>
      <c r="F38082" s="1" t="s">
        <v>131364</v>
      </c>
      <c r="G38082" s="1" t="s">
        <v>131295</v>
      </c>
      <c r="H38082" s="1" t="s">
        <v>131296</v>
      </c>
      <c r="I38082" s="1" t="s">
        <v>126615</v>
      </c>
      <c r="J38082" s="1" t="s">
        <v>131365</v>
      </c>
    </row>
    <row r="38083" spans="1:10" x14ac:dyDescent="0.35">
      <c r="A38083" s="1" t="s">
        <v>8518</v>
      </c>
      <c r="B38083" s="1" t="s">
        <v>126612</v>
      </c>
      <c r="C38083" s="1" t="s">
        <v>170</v>
      </c>
      <c r="D38083" s="1" t="s">
        <v>92495</v>
      </c>
      <c r="E38083" s="1" t="s">
        <v>108259</v>
      </c>
      <c r="F38083" s="1" t="s">
        <v>59527</v>
      </c>
      <c r="G38083" s="1" t="s">
        <v>131295</v>
      </c>
      <c r="H38083" s="1" t="s">
        <v>131296</v>
      </c>
      <c r="I38083" s="1" t="s">
        <v>126615</v>
      </c>
      <c r="J38083" s="1" t="s">
        <v>131366</v>
      </c>
    </row>
    <row r="38084" spans="1:10" x14ac:dyDescent="0.35">
      <c r="A38084" s="1" t="s">
        <v>29855</v>
      </c>
      <c r="B38084" s="1" t="s">
        <v>126612</v>
      </c>
      <c r="C38084" s="1" t="s">
        <v>8</v>
      </c>
      <c r="D38084" s="1" t="s">
        <v>131367</v>
      </c>
      <c r="E38084" s="1" t="s">
        <v>54200</v>
      </c>
      <c r="F38084" s="1" t="s">
        <v>131368</v>
      </c>
      <c r="G38084" s="1" t="s">
        <v>131369</v>
      </c>
      <c r="H38084" s="1" t="s">
        <v>131370</v>
      </c>
      <c r="I38084" s="1" t="s">
        <v>126615</v>
      </c>
      <c r="J38084" s="1" t="s">
        <v>13</v>
      </c>
    </row>
    <row r="38085" spans="1:10" x14ac:dyDescent="0.35">
      <c r="A38085" s="1" t="s">
        <v>29855</v>
      </c>
      <c r="B38085" s="1" t="s">
        <v>126612</v>
      </c>
      <c r="C38085" s="1" t="s">
        <v>15</v>
      </c>
      <c r="D38085" s="1" t="s">
        <v>58823</v>
      </c>
      <c r="E38085" s="1" t="s">
        <v>63929</v>
      </c>
      <c r="F38085" s="1" t="s">
        <v>131371</v>
      </c>
      <c r="G38085" s="1" t="s">
        <v>131369</v>
      </c>
      <c r="H38085" s="1" t="s">
        <v>131370</v>
      </c>
      <c r="I38085" s="1" t="s">
        <v>126615</v>
      </c>
      <c r="J38085" s="1" t="s">
        <v>131372</v>
      </c>
    </row>
    <row r="38086" spans="1:10" x14ac:dyDescent="0.35">
      <c r="A38086" s="1" t="s">
        <v>29855</v>
      </c>
      <c r="B38086" s="1" t="s">
        <v>126612</v>
      </c>
      <c r="C38086" s="1" t="s">
        <v>20</v>
      </c>
      <c r="D38086" s="1" t="s">
        <v>131373</v>
      </c>
      <c r="E38086" s="1" t="s">
        <v>15845</v>
      </c>
      <c r="F38086" s="1" t="s">
        <v>31543</v>
      </c>
      <c r="G38086" s="1" t="s">
        <v>131369</v>
      </c>
      <c r="H38086" s="1" t="s">
        <v>131370</v>
      </c>
      <c r="I38086" s="1" t="s">
        <v>126615</v>
      </c>
      <c r="J38086" s="1" t="s">
        <v>131374</v>
      </c>
    </row>
    <row r="38087" spans="1:10" x14ac:dyDescent="0.35">
      <c r="A38087" s="1" t="s">
        <v>29855</v>
      </c>
      <c r="B38087" s="1" t="s">
        <v>126612</v>
      </c>
      <c r="C38087" s="1" t="s">
        <v>25</v>
      </c>
      <c r="D38087" s="1" t="s">
        <v>131375</v>
      </c>
      <c r="E38087" s="1" t="s">
        <v>58602</v>
      </c>
      <c r="F38087" s="1" t="s">
        <v>131376</v>
      </c>
      <c r="G38087" s="1" t="s">
        <v>131369</v>
      </c>
      <c r="H38087" s="1" t="s">
        <v>131370</v>
      </c>
      <c r="I38087" s="1" t="s">
        <v>126615</v>
      </c>
      <c r="J38087" s="1" t="s">
        <v>131377</v>
      </c>
    </row>
    <row r="38088" spans="1:10" x14ac:dyDescent="0.35">
      <c r="A38088" s="1" t="s">
        <v>29855</v>
      </c>
      <c r="B38088" s="1" t="s">
        <v>126612</v>
      </c>
      <c r="C38088" s="1" t="s">
        <v>30</v>
      </c>
      <c r="D38088" s="1" t="s">
        <v>131378</v>
      </c>
      <c r="E38088" s="1" t="s">
        <v>31873</v>
      </c>
      <c r="F38088" s="1" t="s">
        <v>131379</v>
      </c>
      <c r="G38088" s="1" t="s">
        <v>131369</v>
      </c>
      <c r="H38088" s="1" t="s">
        <v>131370</v>
      </c>
      <c r="I38088" s="1" t="s">
        <v>126615</v>
      </c>
      <c r="J38088" s="1" t="s">
        <v>131380</v>
      </c>
    </row>
    <row r="38089" spans="1:10" x14ac:dyDescent="0.35">
      <c r="A38089" s="1" t="s">
        <v>29855</v>
      </c>
      <c r="B38089" s="1" t="s">
        <v>126612</v>
      </c>
      <c r="C38089" s="1" t="s">
        <v>35</v>
      </c>
      <c r="D38089" s="1" t="s">
        <v>131381</v>
      </c>
      <c r="E38089" s="1" t="s">
        <v>24209</v>
      </c>
      <c r="F38089" s="1" t="s">
        <v>131382</v>
      </c>
      <c r="G38089" s="1" t="s">
        <v>131369</v>
      </c>
      <c r="H38089" s="1" t="s">
        <v>131370</v>
      </c>
      <c r="I38089" s="1" t="s">
        <v>126615</v>
      </c>
      <c r="J38089" s="1" t="s">
        <v>131383</v>
      </c>
    </row>
    <row r="38090" spans="1:10" x14ac:dyDescent="0.35">
      <c r="A38090" s="1" t="s">
        <v>29855</v>
      </c>
      <c r="B38090" s="1" t="s">
        <v>126612</v>
      </c>
      <c r="C38090" s="1" t="s">
        <v>40</v>
      </c>
      <c r="D38090" s="1" t="s">
        <v>79321</v>
      </c>
      <c r="E38090" s="1" t="s">
        <v>15841</v>
      </c>
      <c r="F38090" s="1" t="s">
        <v>131384</v>
      </c>
      <c r="G38090" s="1" t="s">
        <v>131369</v>
      </c>
      <c r="H38090" s="1" t="s">
        <v>131370</v>
      </c>
      <c r="I38090" s="1" t="s">
        <v>126615</v>
      </c>
      <c r="J38090" s="1" t="s">
        <v>131385</v>
      </c>
    </row>
    <row r="38091" spans="1:10" x14ac:dyDescent="0.35">
      <c r="A38091" s="1" t="s">
        <v>29855</v>
      </c>
      <c r="B38091" s="1" t="s">
        <v>126612</v>
      </c>
      <c r="C38091" s="1" t="s">
        <v>45</v>
      </c>
      <c r="D38091" s="1" t="s">
        <v>131386</v>
      </c>
      <c r="E38091" s="1" t="s">
        <v>100272</v>
      </c>
      <c r="F38091" s="1" t="s">
        <v>131387</v>
      </c>
      <c r="G38091" s="1" t="s">
        <v>131369</v>
      </c>
      <c r="H38091" s="1" t="s">
        <v>131370</v>
      </c>
      <c r="I38091" s="1" t="s">
        <v>126615</v>
      </c>
      <c r="J38091" s="1" t="s">
        <v>131388</v>
      </c>
    </row>
    <row r="38092" spans="1:10" x14ac:dyDescent="0.35">
      <c r="A38092" s="1" t="s">
        <v>29855</v>
      </c>
      <c r="B38092" s="1" t="s">
        <v>126612</v>
      </c>
      <c r="C38092" s="1" t="s">
        <v>50</v>
      </c>
      <c r="D38092" s="1" t="s">
        <v>131389</v>
      </c>
      <c r="E38092" s="1" t="s">
        <v>65430</v>
      </c>
      <c r="F38092" s="1" t="s">
        <v>58744</v>
      </c>
      <c r="G38092" s="1" t="s">
        <v>131369</v>
      </c>
      <c r="H38092" s="1" t="s">
        <v>131370</v>
      </c>
      <c r="I38092" s="1" t="s">
        <v>126615</v>
      </c>
      <c r="J38092" s="1" t="s">
        <v>131390</v>
      </c>
    </row>
    <row r="38093" spans="1:10" x14ac:dyDescent="0.35">
      <c r="A38093" s="1" t="s">
        <v>29855</v>
      </c>
      <c r="B38093" s="1" t="s">
        <v>126612</v>
      </c>
      <c r="C38093" s="1" t="s">
        <v>55</v>
      </c>
      <c r="D38093" s="1" t="s">
        <v>131391</v>
      </c>
      <c r="E38093" s="1" t="s">
        <v>126985</v>
      </c>
      <c r="F38093" s="1" t="s">
        <v>131392</v>
      </c>
      <c r="G38093" s="1" t="s">
        <v>131369</v>
      </c>
      <c r="H38093" s="1" t="s">
        <v>131370</v>
      </c>
      <c r="I38093" s="1" t="s">
        <v>126615</v>
      </c>
      <c r="J38093" s="1" t="s">
        <v>131393</v>
      </c>
    </row>
    <row r="38094" spans="1:10" x14ac:dyDescent="0.35">
      <c r="A38094" s="1" t="s">
        <v>29855</v>
      </c>
      <c r="B38094" s="1" t="s">
        <v>126612</v>
      </c>
      <c r="C38094" s="1" t="s">
        <v>60</v>
      </c>
      <c r="D38094" s="1" t="s">
        <v>131394</v>
      </c>
      <c r="E38094" s="1" t="s">
        <v>31772</v>
      </c>
      <c r="F38094" s="1" t="s">
        <v>131395</v>
      </c>
      <c r="G38094" s="1" t="s">
        <v>131369</v>
      </c>
      <c r="H38094" s="1" t="s">
        <v>131370</v>
      </c>
      <c r="I38094" s="1" t="s">
        <v>126615</v>
      </c>
      <c r="J38094" s="1" t="s">
        <v>131396</v>
      </c>
    </row>
    <row r="38095" spans="1:10" x14ac:dyDescent="0.35">
      <c r="A38095" s="1" t="s">
        <v>29855</v>
      </c>
      <c r="B38095" s="1" t="s">
        <v>126612</v>
      </c>
      <c r="C38095" s="1" t="s">
        <v>65</v>
      </c>
      <c r="D38095" s="1" t="s">
        <v>131397</v>
      </c>
      <c r="E38095" s="1" t="s">
        <v>15315</v>
      </c>
      <c r="F38095" s="1" t="s">
        <v>131398</v>
      </c>
      <c r="G38095" s="1" t="s">
        <v>131369</v>
      </c>
      <c r="H38095" s="1" t="s">
        <v>131370</v>
      </c>
      <c r="I38095" s="1" t="s">
        <v>126615</v>
      </c>
      <c r="J38095" s="1" t="s">
        <v>131399</v>
      </c>
    </row>
    <row r="38096" spans="1:10" x14ac:dyDescent="0.35">
      <c r="A38096" s="1" t="s">
        <v>29855</v>
      </c>
      <c r="B38096" s="1" t="s">
        <v>126612</v>
      </c>
      <c r="C38096" s="1" t="s">
        <v>70</v>
      </c>
      <c r="D38096" s="1" t="s">
        <v>131400</v>
      </c>
      <c r="E38096" s="1" t="s">
        <v>31838</v>
      </c>
      <c r="F38096" s="1" t="s">
        <v>41217</v>
      </c>
      <c r="G38096" s="1" t="s">
        <v>131369</v>
      </c>
      <c r="H38096" s="1" t="s">
        <v>131370</v>
      </c>
      <c r="I38096" s="1" t="s">
        <v>126615</v>
      </c>
      <c r="J38096" s="1" t="s">
        <v>131401</v>
      </c>
    </row>
    <row r="38097" spans="1:10" x14ac:dyDescent="0.35">
      <c r="A38097" s="1" t="s">
        <v>29855</v>
      </c>
      <c r="B38097" s="1" t="s">
        <v>126612</v>
      </c>
      <c r="C38097" s="1" t="s">
        <v>75</v>
      </c>
      <c r="D38097" s="1" t="s">
        <v>41174</v>
      </c>
      <c r="E38097" s="1" t="s">
        <v>15930</v>
      </c>
      <c r="F38097" s="1" t="s">
        <v>131402</v>
      </c>
      <c r="G38097" s="1" t="s">
        <v>131369</v>
      </c>
      <c r="H38097" s="1" t="s">
        <v>131370</v>
      </c>
      <c r="I38097" s="1" t="s">
        <v>126615</v>
      </c>
      <c r="J38097" s="1" t="s">
        <v>131403</v>
      </c>
    </row>
    <row r="38098" spans="1:10" x14ac:dyDescent="0.35">
      <c r="A38098" s="1" t="s">
        <v>29855</v>
      </c>
      <c r="B38098" s="1" t="s">
        <v>126612</v>
      </c>
      <c r="C38098" s="1" t="s">
        <v>80</v>
      </c>
      <c r="D38098" s="1" t="s">
        <v>131404</v>
      </c>
      <c r="E38098" s="1" t="s">
        <v>97155</v>
      </c>
      <c r="F38098" s="1" t="s">
        <v>54014</v>
      </c>
      <c r="G38098" s="1" t="s">
        <v>131369</v>
      </c>
      <c r="H38098" s="1" t="s">
        <v>131370</v>
      </c>
      <c r="I38098" s="1" t="s">
        <v>126615</v>
      </c>
      <c r="J38098" s="1" t="s">
        <v>131405</v>
      </c>
    </row>
    <row r="38099" spans="1:10" x14ac:dyDescent="0.35">
      <c r="A38099" s="1" t="s">
        <v>29855</v>
      </c>
      <c r="B38099" s="1" t="s">
        <v>126612</v>
      </c>
      <c r="C38099" s="1" t="s">
        <v>85</v>
      </c>
      <c r="D38099" s="1" t="s">
        <v>131406</v>
      </c>
      <c r="E38099" s="1" t="s">
        <v>131407</v>
      </c>
      <c r="F38099" s="1" t="s">
        <v>131408</v>
      </c>
      <c r="G38099" s="1" t="s">
        <v>131369</v>
      </c>
      <c r="H38099" s="1" t="s">
        <v>131370</v>
      </c>
      <c r="I38099" s="1" t="s">
        <v>126615</v>
      </c>
      <c r="J38099" s="1" t="s">
        <v>131409</v>
      </c>
    </row>
    <row r="38100" spans="1:10" x14ac:dyDescent="0.35">
      <c r="A38100" s="1" t="s">
        <v>29855</v>
      </c>
      <c r="B38100" s="1" t="s">
        <v>126612</v>
      </c>
      <c r="C38100" s="1" t="s">
        <v>90</v>
      </c>
      <c r="D38100" s="1" t="s">
        <v>131410</v>
      </c>
      <c r="E38100" s="1" t="s">
        <v>88284</v>
      </c>
      <c r="F38100" s="1" t="s">
        <v>63079</v>
      </c>
      <c r="G38100" s="1" t="s">
        <v>131369</v>
      </c>
      <c r="H38100" s="1" t="s">
        <v>131370</v>
      </c>
      <c r="I38100" s="1" t="s">
        <v>126615</v>
      </c>
      <c r="J38100" s="1" t="s">
        <v>131411</v>
      </c>
    </row>
    <row r="38101" spans="1:10" x14ac:dyDescent="0.35">
      <c r="A38101" s="1" t="s">
        <v>29855</v>
      </c>
      <c r="B38101" s="1" t="s">
        <v>126612</v>
      </c>
      <c r="C38101" s="1" t="s">
        <v>95</v>
      </c>
      <c r="D38101" s="1" t="s">
        <v>131412</v>
      </c>
      <c r="E38101" s="1" t="s">
        <v>27115</v>
      </c>
      <c r="F38101" s="1" t="s">
        <v>57257</v>
      </c>
      <c r="G38101" s="1" t="s">
        <v>131369</v>
      </c>
      <c r="H38101" s="1" t="s">
        <v>131370</v>
      </c>
      <c r="I38101" s="1" t="s">
        <v>126615</v>
      </c>
      <c r="J38101" s="1" t="s">
        <v>131413</v>
      </c>
    </row>
    <row r="38102" spans="1:10" x14ac:dyDescent="0.35">
      <c r="A38102" s="1" t="s">
        <v>29855</v>
      </c>
      <c r="B38102" s="1" t="s">
        <v>126612</v>
      </c>
      <c r="C38102" s="1" t="s">
        <v>100</v>
      </c>
      <c r="D38102" s="1" t="s">
        <v>131414</v>
      </c>
      <c r="E38102" s="1" t="s">
        <v>23252</v>
      </c>
      <c r="F38102" s="1" t="s">
        <v>131415</v>
      </c>
      <c r="G38102" s="1" t="s">
        <v>131369</v>
      </c>
      <c r="H38102" s="1" t="s">
        <v>131370</v>
      </c>
      <c r="I38102" s="1" t="s">
        <v>126615</v>
      </c>
      <c r="J38102" s="1" t="s">
        <v>131416</v>
      </c>
    </row>
    <row r="38103" spans="1:10" x14ac:dyDescent="0.35">
      <c r="A38103" s="1" t="s">
        <v>29855</v>
      </c>
      <c r="B38103" s="1" t="s">
        <v>126612</v>
      </c>
      <c r="C38103" s="1" t="s">
        <v>105</v>
      </c>
      <c r="D38103" s="1" t="s">
        <v>65272</v>
      </c>
      <c r="E38103" s="1" t="s">
        <v>60856</v>
      </c>
      <c r="F38103" s="1" t="s">
        <v>131417</v>
      </c>
      <c r="G38103" s="1" t="s">
        <v>131369</v>
      </c>
      <c r="H38103" s="1" t="s">
        <v>131370</v>
      </c>
      <c r="I38103" s="1" t="s">
        <v>126615</v>
      </c>
      <c r="J38103" s="1" t="s">
        <v>131418</v>
      </c>
    </row>
    <row r="38104" spans="1:10" x14ac:dyDescent="0.35">
      <c r="A38104" s="1" t="s">
        <v>29855</v>
      </c>
      <c r="B38104" s="1" t="s">
        <v>126612</v>
      </c>
      <c r="C38104" s="1" t="s">
        <v>110</v>
      </c>
      <c r="D38104" s="1" t="s">
        <v>8209</v>
      </c>
      <c r="E38104" s="1" t="s">
        <v>22282</v>
      </c>
      <c r="F38104" s="1" t="s">
        <v>15533</v>
      </c>
      <c r="G38104" s="1" t="s">
        <v>131369</v>
      </c>
      <c r="H38104" s="1" t="s">
        <v>131370</v>
      </c>
      <c r="I38104" s="1" t="s">
        <v>126615</v>
      </c>
      <c r="J38104" s="1" t="s">
        <v>131419</v>
      </c>
    </row>
    <row r="38105" spans="1:10" x14ac:dyDescent="0.35">
      <c r="A38105" s="1" t="s">
        <v>29855</v>
      </c>
      <c r="B38105" s="1" t="s">
        <v>126612</v>
      </c>
      <c r="C38105" s="1" t="s">
        <v>115</v>
      </c>
      <c r="D38105" s="1" t="s">
        <v>21430</v>
      </c>
      <c r="E38105" s="1" t="s">
        <v>88284</v>
      </c>
      <c r="F38105" s="1" t="s">
        <v>131420</v>
      </c>
      <c r="G38105" s="1" t="s">
        <v>131369</v>
      </c>
      <c r="H38105" s="1" t="s">
        <v>131370</v>
      </c>
      <c r="I38105" s="1" t="s">
        <v>126615</v>
      </c>
      <c r="J38105" s="1" t="s">
        <v>131421</v>
      </c>
    </row>
    <row r="38106" spans="1:10" x14ac:dyDescent="0.35">
      <c r="A38106" s="1" t="s">
        <v>29855</v>
      </c>
      <c r="B38106" s="1" t="s">
        <v>126612</v>
      </c>
      <c r="C38106" s="1" t="s">
        <v>120</v>
      </c>
      <c r="D38106" s="1" t="s">
        <v>131422</v>
      </c>
      <c r="E38106" s="1" t="s">
        <v>94813</v>
      </c>
      <c r="F38106" s="1" t="s">
        <v>131423</v>
      </c>
      <c r="G38106" s="1" t="s">
        <v>131369</v>
      </c>
      <c r="H38106" s="1" t="s">
        <v>131370</v>
      </c>
      <c r="I38106" s="1" t="s">
        <v>126615</v>
      </c>
      <c r="J38106" s="1" t="s">
        <v>131424</v>
      </c>
    </row>
    <row r="38107" spans="1:10" x14ac:dyDescent="0.35">
      <c r="A38107" s="1" t="s">
        <v>29855</v>
      </c>
      <c r="B38107" s="1" t="s">
        <v>126612</v>
      </c>
      <c r="C38107" s="1" t="s">
        <v>125</v>
      </c>
      <c r="D38107" s="1" t="s">
        <v>131425</v>
      </c>
      <c r="E38107" s="1" t="s">
        <v>15424</v>
      </c>
      <c r="F38107" s="1" t="s">
        <v>131426</v>
      </c>
      <c r="G38107" s="1" t="s">
        <v>131369</v>
      </c>
      <c r="H38107" s="1" t="s">
        <v>131370</v>
      </c>
      <c r="I38107" s="1" t="s">
        <v>126615</v>
      </c>
      <c r="J38107" s="1" t="s">
        <v>131427</v>
      </c>
    </row>
    <row r="38108" spans="1:10" x14ac:dyDescent="0.35">
      <c r="A38108" s="1" t="s">
        <v>29855</v>
      </c>
      <c r="B38108" s="1" t="s">
        <v>126612</v>
      </c>
      <c r="C38108" s="1" t="s">
        <v>130</v>
      </c>
      <c r="D38108" s="1" t="s">
        <v>131428</v>
      </c>
      <c r="E38108" s="1" t="s">
        <v>131429</v>
      </c>
      <c r="F38108" s="1" t="s">
        <v>131430</v>
      </c>
      <c r="G38108" s="1" t="s">
        <v>131369</v>
      </c>
      <c r="H38108" s="1" t="s">
        <v>131370</v>
      </c>
      <c r="I38108" s="1" t="s">
        <v>126615</v>
      </c>
      <c r="J38108" s="1" t="s">
        <v>131431</v>
      </c>
    </row>
    <row r="38109" spans="1:10" x14ac:dyDescent="0.35">
      <c r="A38109" s="1" t="s">
        <v>29855</v>
      </c>
      <c r="B38109" s="1" t="s">
        <v>126612</v>
      </c>
      <c r="C38109" s="1" t="s">
        <v>135</v>
      </c>
      <c r="D38109" s="1" t="s">
        <v>131432</v>
      </c>
      <c r="E38109" s="1" t="s">
        <v>131433</v>
      </c>
      <c r="F38109" s="1" t="s">
        <v>131434</v>
      </c>
      <c r="G38109" s="1" t="s">
        <v>131369</v>
      </c>
      <c r="H38109" s="1" t="s">
        <v>131370</v>
      </c>
      <c r="I38109" s="1" t="s">
        <v>126615</v>
      </c>
      <c r="J38109" s="1" t="s">
        <v>131435</v>
      </c>
    </row>
    <row r="38110" spans="1:10" x14ac:dyDescent="0.35">
      <c r="A38110" s="1" t="s">
        <v>29855</v>
      </c>
      <c r="B38110" s="1" t="s">
        <v>126612</v>
      </c>
      <c r="C38110" s="1" t="s">
        <v>140</v>
      </c>
      <c r="D38110" s="1" t="s">
        <v>40019</v>
      </c>
      <c r="E38110" s="1" t="s">
        <v>27153</v>
      </c>
      <c r="F38110" s="1" t="s">
        <v>67560</v>
      </c>
      <c r="G38110" s="1" t="s">
        <v>131369</v>
      </c>
      <c r="H38110" s="1" t="s">
        <v>131370</v>
      </c>
      <c r="I38110" s="1" t="s">
        <v>126615</v>
      </c>
      <c r="J38110" s="1" t="s">
        <v>131436</v>
      </c>
    </row>
    <row r="38111" spans="1:10" x14ac:dyDescent="0.35">
      <c r="A38111" s="1" t="s">
        <v>29855</v>
      </c>
      <c r="B38111" s="1" t="s">
        <v>126612</v>
      </c>
      <c r="C38111" s="1" t="s">
        <v>145</v>
      </c>
      <c r="D38111" s="1" t="s">
        <v>131437</v>
      </c>
      <c r="E38111" s="1" t="s">
        <v>15640</v>
      </c>
      <c r="F38111" s="1" t="s">
        <v>131438</v>
      </c>
      <c r="G38111" s="1" t="s">
        <v>131369</v>
      </c>
      <c r="H38111" s="1" t="s">
        <v>131370</v>
      </c>
      <c r="I38111" s="1" t="s">
        <v>126615</v>
      </c>
      <c r="J38111" s="1" t="s">
        <v>131439</v>
      </c>
    </row>
    <row r="38112" spans="1:10" x14ac:dyDescent="0.35">
      <c r="A38112" s="1" t="s">
        <v>29855</v>
      </c>
      <c r="B38112" s="1" t="s">
        <v>126612</v>
      </c>
      <c r="C38112" s="1" t="s">
        <v>150</v>
      </c>
      <c r="D38112" s="1" t="s">
        <v>131440</v>
      </c>
      <c r="E38112" s="1" t="s">
        <v>31859</v>
      </c>
      <c r="F38112" s="1" t="s">
        <v>57341</v>
      </c>
      <c r="G38112" s="1" t="s">
        <v>131369</v>
      </c>
      <c r="H38112" s="1" t="s">
        <v>131370</v>
      </c>
      <c r="I38112" s="1" t="s">
        <v>126615</v>
      </c>
      <c r="J38112" s="1" t="s">
        <v>131441</v>
      </c>
    </row>
    <row r="38113" spans="1:10" x14ac:dyDescent="0.35">
      <c r="A38113" s="1" t="s">
        <v>29855</v>
      </c>
      <c r="B38113" s="1" t="s">
        <v>126612</v>
      </c>
      <c r="C38113" s="1" t="s">
        <v>155</v>
      </c>
      <c r="D38113" s="1" t="s">
        <v>131442</v>
      </c>
      <c r="E38113" s="1" t="s">
        <v>129339</v>
      </c>
      <c r="F38113" s="1" t="s">
        <v>131443</v>
      </c>
      <c r="G38113" s="1" t="s">
        <v>131369</v>
      </c>
      <c r="H38113" s="1" t="s">
        <v>131370</v>
      </c>
      <c r="I38113" s="1" t="s">
        <v>126615</v>
      </c>
      <c r="J38113" s="1" t="s">
        <v>131444</v>
      </c>
    </row>
    <row r="38114" spans="1:10" x14ac:dyDescent="0.35">
      <c r="A38114" s="1" t="s">
        <v>29855</v>
      </c>
      <c r="B38114" s="1" t="s">
        <v>126612</v>
      </c>
      <c r="C38114" s="1" t="s">
        <v>160</v>
      </c>
      <c r="D38114" s="1" t="s">
        <v>131445</v>
      </c>
      <c r="E38114" s="1" t="s">
        <v>108829</v>
      </c>
      <c r="F38114" s="1" t="s">
        <v>131446</v>
      </c>
      <c r="G38114" s="1" t="s">
        <v>131369</v>
      </c>
      <c r="H38114" s="1" t="s">
        <v>131370</v>
      </c>
      <c r="I38114" s="1" t="s">
        <v>126615</v>
      </c>
      <c r="J38114" s="1" t="s">
        <v>131447</v>
      </c>
    </row>
    <row r="38115" spans="1:10" x14ac:dyDescent="0.35">
      <c r="A38115" s="1" t="s">
        <v>29855</v>
      </c>
      <c r="B38115" s="1" t="s">
        <v>126612</v>
      </c>
      <c r="C38115" s="1" t="s">
        <v>165</v>
      </c>
      <c r="D38115" s="1" t="s">
        <v>58436</v>
      </c>
      <c r="E38115" s="1" t="s">
        <v>31721</v>
      </c>
      <c r="F38115" s="1" t="s">
        <v>67499</v>
      </c>
      <c r="G38115" s="1" t="s">
        <v>131369</v>
      </c>
      <c r="H38115" s="1" t="s">
        <v>131370</v>
      </c>
      <c r="I38115" s="1" t="s">
        <v>126615</v>
      </c>
      <c r="J38115" s="1" t="s">
        <v>131448</v>
      </c>
    </row>
    <row r="38116" spans="1:10" x14ac:dyDescent="0.35">
      <c r="A38116" s="1" t="s">
        <v>29855</v>
      </c>
      <c r="B38116" s="1" t="s">
        <v>126612</v>
      </c>
      <c r="C38116" s="1" t="s">
        <v>170</v>
      </c>
      <c r="D38116" s="1" t="s">
        <v>131449</v>
      </c>
      <c r="E38116" s="1" t="s">
        <v>31812</v>
      </c>
      <c r="F38116" s="1" t="s">
        <v>131450</v>
      </c>
      <c r="G38116" s="1" t="s">
        <v>131369</v>
      </c>
      <c r="H38116" s="1" t="s">
        <v>131370</v>
      </c>
      <c r="I38116" s="1" t="s">
        <v>126615</v>
      </c>
      <c r="J38116" s="1" t="s">
        <v>131451</v>
      </c>
    </row>
    <row r="38117" spans="1:10" x14ac:dyDescent="0.35">
      <c r="A38117" s="1" t="s">
        <v>131452</v>
      </c>
      <c r="B38117" s="1" t="s">
        <v>126612</v>
      </c>
      <c r="C38117" s="1" t="s">
        <v>8</v>
      </c>
      <c r="D38117" s="1" t="s">
        <v>131453</v>
      </c>
      <c r="E38117" s="1" t="s">
        <v>131454</v>
      </c>
      <c r="F38117" s="1" t="s">
        <v>131455</v>
      </c>
      <c r="G38117" s="1" t="s">
        <v>131456</v>
      </c>
      <c r="H38117" s="1" t="s">
        <v>131457</v>
      </c>
      <c r="I38117" s="1" t="s">
        <v>126615</v>
      </c>
      <c r="J38117" s="1" t="s">
        <v>13</v>
      </c>
    </row>
    <row r="38118" spans="1:10" x14ac:dyDescent="0.35">
      <c r="A38118" s="1" t="s">
        <v>131452</v>
      </c>
      <c r="B38118" s="1" t="s">
        <v>126612</v>
      </c>
      <c r="C38118" s="1" t="s">
        <v>15</v>
      </c>
      <c r="D38118" s="1" t="s">
        <v>54716</v>
      </c>
      <c r="E38118" s="1" t="s">
        <v>131458</v>
      </c>
      <c r="F38118" s="1" t="s">
        <v>131459</v>
      </c>
      <c r="G38118" s="1" t="s">
        <v>131456</v>
      </c>
      <c r="H38118" s="1" t="s">
        <v>131457</v>
      </c>
      <c r="I38118" s="1" t="s">
        <v>126615</v>
      </c>
      <c r="J38118" s="1" t="s">
        <v>131460</v>
      </c>
    </row>
    <row r="38119" spans="1:10" x14ac:dyDescent="0.35">
      <c r="A38119" s="1" t="s">
        <v>131452</v>
      </c>
      <c r="B38119" s="1" t="s">
        <v>126612</v>
      </c>
      <c r="C38119" s="1" t="s">
        <v>20</v>
      </c>
      <c r="D38119" s="1" t="s">
        <v>131461</v>
      </c>
      <c r="E38119" s="1" t="s">
        <v>131462</v>
      </c>
      <c r="F38119" s="1" t="s">
        <v>131463</v>
      </c>
      <c r="G38119" s="1" t="s">
        <v>131456</v>
      </c>
      <c r="H38119" s="1" t="s">
        <v>131457</v>
      </c>
      <c r="I38119" s="1" t="s">
        <v>126615</v>
      </c>
      <c r="J38119" s="1" t="s">
        <v>131464</v>
      </c>
    </row>
    <row r="38120" spans="1:10" x14ac:dyDescent="0.35">
      <c r="A38120" s="1" t="s">
        <v>131452</v>
      </c>
      <c r="B38120" s="1" t="s">
        <v>126612</v>
      </c>
      <c r="C38120" s="1" t="s">
        <v>25</v>
      </c>
      <c r="D38120" s="1" t="s">
        <v>131465</v>
      </c>
      <c r="E38120" s="1" t="s">
        <v>131466</v>
      </c>
      <c r="F38120" s="1" t="s">
        <v>131467</v>
      </c>
      <c r="G38120" s="1" t="s">
        <v>131456</v>
      </c>
      <c r="H38120" s="1" t="s">
        <v>131457</v>
      </c>
      <c r="I38120" s="1" t="s">
        <v>126615</v>
      </c>
      <c r="J38120" s="1" t="s">
        <v>131468</v>
      </c>
    </row>
    <row r="38121" spans="1:10" x14ac:dyDescent="0.35">
      <c r="A38121" s="1" t="s">
        <v>131452</v>
      </c>
      <c r="B38121" s="1" t="s">
        <v>126612</v>
      </c>
      <c r="C38121" s="1" t="s">
        <v>30</v>
      </c>
      <c r="D38121" s="1" t="s">
        <v>131469</v>
      </c>
      <c r="E38121" s="1" t="s">
        <v>131470</v>
      </c>
      <c r="F38121" s="1" t="s">
        <v>131471</v>
      </c>
      <c r="G38121" s="1" t="s">
        <v>131456</v>
      </c>
      <c r="H38121" s="1" t="s">
        <v>131457</v>
      </c>
      <c r="I38121" s="1" t="s">
        <v>126615</v>
      </c>
      <c r="J38121" s="1" t="s">
        <v>131472</v>
      </c>
    </row>
    <row r="38122" spans="1:10" x14ac:dyDescent="0.35">
      <c r="A38122" s="1" t="s">
        <v>131452</v>
      </c>
      <c r="B38122" s="1" t="s">
        <v>126612</v>
      </c>
      <c r="C38122" s="1" t="s">
        <v>35</v>
      </c>
      <c r="D38122" s="1" t="s">
        <v>21977</v>
      </c>
      <c r="E38122" s="1" t="s">
        <v>131473</v>
      </c>
      <c r="F38122" s="1" t="s">
        <v>131474</v>
      </c>
      <c r="G38122" s="1" t="s">
        <v>131456</v>
      </c>
      <c r="H38122" s="1" t="s">
        <v>131457</v>
      </c>
      <c r="I38122" s="1" t="s">
        <v>126615</v>
      </c>
      <c r="J38122" s="1" t="s">
        <v>131475</v>
      </c>
    </row>
    <row r="38123" spans="1:10" x14ac:dyDescent="0.35">
      <c r="A38123" s="1" t="s">
        <v>131452</v>
      </c>
      <c r="B38123" s="1" t="s">
        <v>126612</v>
      </c>
      <c r="C38123" s="1" t="s">
        <v>40</v>
      </c>
      <c r="D38123" s="1" t="s">
        <v>22722</v>
      </c>
      <c r="E38123" s="1" t="s">
        <v>131476</v>
      </c>
      <c r="F38123" s="1" t="s">
        <v>131477</v>
      </c>
      <c r="G38123" s="1" t="s">
        <v>131456</v>
      </c>
      <c r="H38123" s="1" t="s">
        <v>131457</v>
      </c>
      <c r="I38123" s="1" t="s">
        <v>126615</v>
      </c>
      <c r="J38123" s="1" t="s">
        <v>131478</v>
      </c>
    </row>
    <row r="38124" spans="1:10" x14ac:dyDescent="0.35">
      <c r="A38124" s="1" t="s">
        <v>131452</v>
      </c>
      <c r="B38124" s="1" t="s">
        <v>126612</v>
      </c>
      <c r="C38124" s="1" t="s">
        <v>45</v>
      </c>
      <c r="D38124" s="1" t="s">
        <v>131479</v>
      </c>
      <c r="E38124" s="1" t="s">
        <v>131480</v>
      </c>
      <c r="F38124" s="1" t="s">
        <v>131481</v>
      </c>
      <c r="G38124" s="1" t="s">
        <v>131456</v>
      </c>
      <c r="H38124" s="1" t="s">
        <v>131457</v>
      </c>
      <c r="I38124" s="1" t="s">
        <v>126615</v>
      </c>
      <c r="J38124" s="1" t="s">
        <v>131482</v>
      </c>
    </row>
    <row r="38125" spans="1:10" x14ac:dyDescent="0.35">
      <c r="A38125" s="1" t="s">
        <v>131452</v>
      </c>
      <c r="B38125" s="1" t="s">
        <v>126612</v>
      </c>
      <c r="C38125" s="1" t="s">
        <v>50</v>
      </c>
      <c r="D38125" s="1" t="s">
        <v>19927</v>
      </c>
      <c r="E38125" s="1" t="s">
        <v>131483</v>
      </c>
      <c r="F38125" s="1" t="s">
        <v>131484</v>
      </c>
      <c r="G38125" s="1" t="s">
        <v>131456</v>
      </c>
      <c r="H38125" s="1" t="s">
        <v>131457</v>
      </c>
      <c r="I38125" s="1" t="s">
        <v>126615</v>
      </c>
      <c r="J38125" s="1" t="s">
        <v>131485</v>
      </c>
    </row>
    <row r="38126" spans="1:10" x14ac:dyDescent="0.35">
      <c r="A38126" s="1" t="s">
        <v>131452</v>
      </c>
      <c r="B38126" s="1" t="s">
        <v>126612</v>
      </c>
      <c r="C38126" s="1" t="s">
        <v>55</v>
      </c>
      <c r="D38126" s="1" t="s">
        <v>131486</v>
      </c>
      <c r="E38126" s="1" t="s">
        <v>131487</v>
      </c>
      <c r="F38126" s="1" t="s">
        <v>131488</v>
      </c>
      <c r="G38126" s="1" t="s">
        <v>131456</v>
      </c>
      <c r="H38126" s="1" t="s">
        <v>131457</v>
      </c>
      <c r="I38126" s="1" t="s">
        <v>126615</v>
      </c>
      <c r="J38126" s="1" t="s">
        <v>131489</v>
      </c>
    </row>
    <row r="38127" spans="1:10" x14ac:dyDescent="0.35">
      <c r="A38127" s="1" t="s">
        <v>131452</v>
      </c>
      <c r="B38127" s="1" t="s">
        <v>126612</v>
      </c>
      <c r="C38127" s="1" t="s">
        <v>60</v>
      </c>
      <c r="D38127" s="1" t="s">
        <v>131490</v>
      </c>
      <c r="E38127" s="1" t="s">
        <v>131491</v>
      </c>
      <c r="F38127" s="1" t="s">
        <v>131492</v>
      </c>
      <c r="G38127" s="1" t="s">
        <v>131456</v>
      </c>
      <c r="H38127" s="1" t="s">
        <v>131457</v>
      </c>
      <c r="I38127" s="1" t="s">
        <v>126615</v>
      </c>
      <c r="J38127" s="1" t="s">
        <v>131493</v>
      </c>
    </row>
    <row r="38128" spans="1:10" x14ac:dyDescent="0.35">
      <c r="A38128" s="1" t="s">
        <v>131452</v>
      </c>
      <c r="B38128" s="1" t="s">
        <v>126612</v>
      </c>
      <c r="C38128" s="1" t="s">
        <v>65</v>
      </c>
      <c r="D38128" s="1" t="s">
        <v>131494</v>
      </c>
      <c r="E38128" s="1" t="s">
        <v>131495</v>
      </c>
      <c r="F38128" s="1" t="s">
        <v>131496</v>
      </c>
      <c r="G38128" s="1" t="s">
        <v>131456</v>
      </c>
      <c r="H38128" s="1" t="s">
        <v>131457</v>
      </c>
      <c r="I38128" s="1" t="s">
        <v>126615</v>
      </c>
      <c r="J38128" s="1" t="s">
        <v>131497</v>
      </c>
    </row>
    <row r="38129" spans="1:10" x14ac:dyDescent="0.35">
      <c r="A38129" s="1" t="s">
        <v>131452</v>
      </c>
      <c r="B38129" s="1" t="s">
        <v>126612</v>
      </c>
      <c r="C38129" s="1" t="s">
        <v>70</v>
      </c>
      <c r="D38129" s="1" t="s">
        <v>60034</v>
      </c>
      <c r="E38129" s="1" t="s">
        <v>131498</v>
      </c>
      <c r="F38129" s="1" t="s">
        <v>131499</v>
      </c>
      <c r="G38129" s="1" t="s">
        <v>131456</v>
      </c>
      <c r="H38129" s="1" t="s">
        <v>131457</v>
      </c>
      <c r="I38129" s="1" t="s">
        <v>126615</v>
      </c>
      <c r="J38129" s="1" t="s">
        <v>131500</v>
      </c>
    </row>
    <row r="38130" spans="1:10" x14ac:dyDescent="0.35">
      <c r="A38130" s="1" t="s">
        <v>131452</v>
      </c>
      <c r="B38130" s="1" t="s">
        <v>126612</v>
      </c>
      <c r="C38130" s="1" t="s">
        <v>75</v>
      </c>
      <c r="D38130" s="1" t="s">
        <v>131501</v>
      </c>
      <c r="E38130" s="1" t="s">
        <v>131502</v>
      </c>
      <c r="F38130" s="1" t="s">
        <v>131503</v>
      </c>
      <c r="G38130" s="1" t="s">
        <v>131456</v>
      </c>
      <c r="H38130" s="1" t="s">
        <v>131457</v>
      </c>
      <c r="I38130" s="1" t="s">
        <v>126615</v>
      </c>
      <c r="J38130" s="1" t="s">
        <v>131504</v>
      </c>
    </row>
    <row r="38131" spans="1:10" x14ac:dyDescent="0.35">
      <c r="A38131" s="1" t="s">
        <v>131452</v>
      </c>
      <c r="B38131" s="1" t="s">
        <v>126612</v>
      </c>
      <c r="C38131" s="1" t="s">
        <v>80</v>
      </c>
      <c r="D38131" s="1" t="s">
        <v>131505</v>
      </c>
      <c r="E38131" s="1" t="s">
        <v>131506</v>
      </c>
      <c r="F38131" s="1" t="s">
        <v>131507</v>
      </c>
      <c r="G38131" s="1" t="s">
        <v>131456</v>
      </c>
      <c r="H38131" s="1" t="s">
        <v>131457</v>
      </c>
      <c r="I38131" s="1" t="s">
        <v>126615</v>
      </c>
      <c r="J38131" s="1" t="s">
        <v>131508</v>
      </c>
    </row>
    <row r="38132" spans="1:10" x14ac:dyDescent="0.35">
      <c r="A38132" s="1" t="s">
        <v>131452</v>
      </c>
      <c r="B38132" s="1" t="s">
        <v>126612</v>
      </c>
      <c r="C38132" s="1" t="s">
        <v>85</v>
      </c>
      <c r="D38132" s="1" t="s">
        <v>102135</v>
      </c>
      <c r="E38132" s="1" t="s">
        <v>131509</v>
      </c>
      <c r="F38132" s="1" t="s">
        <v>131510</v>
      </c>
      <c r="G38132" s="1" t="s">
        <v>131456</v>
      </c>
      <c r="H38132" s="1" t="s">
        <v>131457</v>
      </c>
      <c r="I38132" s="1" t="s">
        <v>126615</v>
      </c>
      <c r="J38132" s="1" t="s">
        <v>131511</v>
      </c>
    </row>
    <row r="38133" spans="1:10" x14ac:dyDescent="0.35">
      <c r="A38133" s="1" t="s">
        <v>131452</v>
      </c>
      <c r="B38133" s="1" t="s">
        <v>126612</v>
      </c>
      <c r="C38133" s="1" t="s">
        <v>90</v>
      </c>
      <c r="D38133" s="1" t="s">
        <v>127206</v>
      </c>
      <c r="E38133" s="1" t="s">
        <v>131512</v>
      </c>
      <c r="F38133" s="1" t="s">
        <v>131513</v>
      </c>
      <c r="G38133" s="1" t="s">
        <v>131456</v>
      </c>
      <c r="H38133" s="1" t="s">
        <v>131457</v>
      </c>
      <c r="I38133" s="1" t="s">
        <v>126615</v>
      </c>
      <c r="J38133" s="1" t="s">
        <v>131514</v>
      </c>
    </row>
    <row r="38134" spans="1:10" x14ac:dyDescent="0.35">
      <c r="A38134" s="1" t="s">
        <v>131452</v>
      </c>
      <c r="B38134" s="1" t="s">
        <v>126612</v>
      </c>
      <c r="C38134" s="1" t="s">
        <v>95</v>
      </c>
      <c r="D38134" s="1" t="s">
        <v>40921</v>
      </c>
      <c r="E38134" s="1" t="s">
        <v>131515</v>
      </c>
      <c r="F38134" s="1" t="s">
        <v>131516</v>
      </c>
      <c r="G38134" s="1" t="s">
        <v>131456</v>
      </c>
      <c r="H38134" s="1" t="s">
        <v>131457</v>
      </c>
      <c r="I38134" s="1" t="s">
        <v>126615</v>
      </c>
      <c r="J38134" s="1" t="s">
        <v>131517</v>
      </c>
    </row>
    <row r="38135" spans="1:10" x14ac:dyDescent="0.35">
      <c r="A38135" s="1" t="s">
        <v>131452</v>
      </c>
      <c r="B38135" s="1" t="s">
        <v>126612</v>
      </c>
      <c r="C38135" s="1" t="s">
        <v>100</v>
      </c>
      <c r="D38135" s="1" t="s">
        <v>131518</v>
      </c>
      <c r="E38135" s="1" t="s">
        <v>131519</v>
      </c>
      <c r="F38135" s="1" t="s">
        <v>131520</v>
      </c>
      <c r="G38135" s="1" t="s">
        <v>131456</v>
      </c>
      <c r="H38135" s="1" t="s">
        <v>131457</v>
      </c>
      <c r="I38135" s="1" t="s">
        <v>126615</v>
      </c>
      <c r="J38135" s="1" t="s">
        <v>131521</v>
      </c>
    </row>
    <row r="38136" spans="1:10" x14ac:dyDescent="0.35">
      <c r="A38136" s="1" t="s">
        <v>131452</v>
      </c>
      <c r="B38136" s="1" t="s">
        <v>126612</v>
      </c>
      <c r="C38136" s="1" t="s">
        <v>105</v>
      </c>
      <c r="D38136" s="1" t="s">
        <v>131522</v>
      </c>
      <c r="E38136" s="1" t="s">
        <v>131523</v>
      </c>
      <c r="F38136" s="1" t="s">
        <v>131524</v>
      </c>
      <c r="G38136" s="1" t="s">
        <v>131456</v>
      </c>
      <c r="H38136" s="1" t="s">
        <v>131457</v>
      </c>
      <c r="I38136" s="1" t="s">
        <v>126615</v>
      </c>
      <c r="J38136" s="1" t="s">
        <v>131525</v>
      </c>
    </row>
    <row r="38137" spans="1:10" x14ac:dyDescent="0.35">
      <c r="A38137" s="1" t="s">
        <v>131452</v>
      </c>
      <c r="B38137" s="1" t="s">
        <v>126612</v>
      </c>
      <c r="C38137" s="1" t="s">
        <v>110</v>
      </c>
      <c r="D38137" s="1" t="s">
        <v>131526</v>
      </c>
      <c r="E38137" s="1" t="s">
        <v>131527</v>
      </c>
      <c r="F38137" s="1" t="s">
        <v>131528</v>
      </c>
      <c r="G38137" s="1" t="s">
        <v>131456</v>
      </c>
      <c r="H38137" s="1" t="s">
        <v>131457</v>
      </c>
      <c r="I38137" s="1" t="s">
        <v>126615</v>
      </c>
      <c r="J38137" s="1" t="s">
        <v>131529</v>
      </c>
    </row>
    <row r="38138" spans="1:10" x14ac:dyDescent="0.35">
      <c r="A38138" s="1" t="s">
        <v>131452</v>
      </c>
      <c r="B38138" s="1" t="s">
        <v>126612</v>
      </c>
      <c r="C38138" s="1" t="s">
        <v>115</v>
      </c>
      <c r="D38138" s="1" t="s">
        <v>131530</v>
      </c>
      <c r="E38138" s="1" t="s">
        <v>131531</v>
      </c>
      <c r="F38138" s="1" t="s">
        <v>131532</v>
      </c>
      <c r="G38138" s="1" t="s">
        <v>131456</v>
      </c>
      <c r="H38138" s="1" t="s">
        <v>131457</v>
      </c>
      <c r="I38138" s="1" t="s">
        <v>126615</v>
      </c>
      <c r="J38138" s="1" t="s">
        <v>131533</v>
      </c>
    </row>
    <row r="38139" spans="1:10" x14ac:dyDescent="0.35">
      <c r="A38139" s="1" t="s">
        <v>131452</v>
      </c>
      <c r="B38139" s="1" t="s">
        <v>126612</v>
      </c>
      <c r="C38139" s="1" t="s">
        <v>120</v>
      </c>
      <c r="D38139" s="1" t="s">
        <v>58829</v>
      </c>
      <c r="E38139" s="1" t="s">
        <v>131534</v>
      </c>
      <c r="F38139" s="1" t="s">
        <v>131535</v>
      </c>
      <c r="G38139" s="1" t="s">
        <v>131456</v>
      </c>
      <c r="H38139" s="1" t="s">
        <v>131457</v>
      </c>
      <c r="I38139" s="1" t="s">
        <v>126615</v>
      </c>
      <c r="J38139" s="1" t="s">
        <v>131536</v>
      </c>
    </row>
    <row r="38140" spans="1:10" x14ac:dyDescent="0.35">
      <c r="A38140" s="1" t="s">
        <v>131452</v>
      </c>
      <c r="B38140" s="1" t="s">
        <v>126612</v>
      </c>
      <c r="C38140" s="1" t="s">
        <v>125</v>
      </c>
      <c r="D38140" s="1" t="s">
        <v>131537</v>
      </c>
      <c r="E38140" s="1" t="s">
        <v>131538</v>
      </c>
      <c r="F38140" s="1" t="s">
        <v>131539</v>
      </c>
      <c r="G38140" s="1" t="s">
        <v>131456</v>
      </c>
      <c r="H38140" s="1" t="s">
        <v>131457</v>
      </c>
      <c r="I38140" s="1" t="s">
        <v>126615</v>
      </c>
      <c r="J38140" s="1" t="s">
        <v>131540</v>
      </c>
    </row>
    <row r="38141" spans="1:10" x14ac:dyDescent="0.35">
      <c r="A38141" s="1" t="s">
        <v>131452</v>
      </c>
      <c r="B38141" s="1" t="s">
        <v>126612</v>
      </c>
      <c r="C38141" s="1" t="s">
        <v>130</v>
      </c>
      <c r="D38141" s="1" t="s">
        <v>85430</v>
      </c>
      <c r="E38141" s="1" t="s">
        <v>131541</v>
      </c>
      <c r="F38141" s="1" t="s">
        <v>131542</v>
      </c>
      <c r="G38141" s="1" t="s">
        <v>131456</v>
      </c>
      <c r="H38141" s="1" t="s">
        <v>131457</v>
      </c>
      <c r="I38141" s="1" t="s">
        <v>126615</v>
      </c>
      <c r="J38141" s="1" t="s">
        <v>131543</v>
      </c>
    </row>
    <row r="38142" spans="1:10" x14ac:dyDescent="0.35">
      <c r="A38142" s="1" t="s">
        <v>131452</v>
      </c>
      <c r="B38142" s="1" t="s">
        <v>126612</v>
      </c>
      <c r="C38142" s="1" t="s">
        <v>135</v>
      </c>
      <c r="D38142" s="1" t="s">
        <v>131544</v>
      </c>
      <c r="E38142" s="1" t="s">
        <v>131545</v>
      </c>
      <c r="F38142" s="1" t="s">
        <v>131546</v>
      </c>
      <c r="G38142" s="1" t="s">
        <v>131456</v>
      </c>
      <c r="H38142" s="1" t="s">
        <v>131457</v>
      </c>
      <c r="I38142" s="1" t="s">
        <v>126615</v>
      </c>
      <c r="J38142" s="1" t="s">
        <v>131547</v>
      </c>
    </row>
    <row r="38143" spans="1:10" x14ac:dyDescent="0.35">
      <c r="A38143" s="1" t="s">
        <v>131452</v>
      </c>
      <c r="B38143" s="1" t="s">
        <v>126612</v>
      </c>
      <c r="C38143" s="1" t="s">
        <v>140</v>
      </c>
      <c r="D38143" s="1" t="s">
        <v>131548</v>
      </c>
      <c r="E38143" s="1" t="s">
        <v>131549</v>
      </c>
      <c r="F38143" s="1" t="s">
        <v>131550</v>
      </c>
      <c r="G38143" s="1" t="s">
        <v>131456</v>
      </c>
      <c r="H38143" s="1" t="s">
        <v>131457</v>
      </c>
      <c r="I38143" s="1" t="s">
        <v>126615</v>
      </c>
      <c r="J38143" s="1" t="s">
        <v>131551</v>
      </c>
    </row>
    <row r="38144" spans="1:10" x14ac:dyDescent="0.35">
      <c r="A38144" s="1" t="s">
        <v>131452</v>
      </c>
      <c r="B38144" s="1" t="s">
        <v>126612</v>
      </c>
      <c r="C38144" s="1" t="s">
        <v>145</v>
      </c>
      <c r="D38144" s="1" t="s">
        <v>131552</v>
      </c>
      <c r="E38144" s="1" t="s">
        <v>131553</v>
      </c>
      <c r="F38144" s="1" t="s">
        <v>131554</v>
      </c>
      <c r="G38144" s="1" t="s">
        <v>131456</v>
      </c>
      <c r="H38144" s="1" t="s">
        <v>131457</v>
      </c>
      <c r="I38144" s="1" t="s">
        <v>126615</v>
      </c>
      <c r="J38144" s="1" t="s">
        <v>131555</v>
      </c>
    </row>
    <row r="38145" spans="1:10" x14ac:dyDescent="0.35">
      <c r="A38145" s="1" t="s">
        <v>131452</v>
      </c>
      <c r="B38145" s="1" t="s">
        <v>126612</v>
      </c>
      <c r="C38145" s="1" t="s">
        <v>150</v>
      </c>
      <c r="D38145" s="1" t="s">
        <v>131556</v>
      </c>
      <c r="E38145" s="1" t="s">
        <v>131557</v>
      </c>
      <c r="F38145" s="1" t="s">
        <v>131558</v>
      </c>
      <c r="G38145" s="1" t="s">
        <v>131456</v>
      </c>
      <c r="H38145" s="1" t="s">
        <v>131457</v>
      </c>
      <c r="I38145" s="1" t="s">
        <v>126615</v>
      </c>
      <c r="J38145" s="1" t="s">
        <v>131559</v>
      </c>
    </row>
    <row r="38146" spans="1:10" x14ac:dyDescent="0.35">
      <c r="A38146" s="1" t="s">
        <v>131452</v>
      </c>
      <c r="B38146" s="1" t="s">
        <v>126612</v>
      </c>
      <c r="C38146" s="1" t="s">
        <v>155</v>
      </c>
      <c r="D38146" s="1" t="s">
        <v>101991</v>
      </c>
      <c r="E38146" s="1" t="s">
        <v>131560</v>
      </c>
      <c r="F38146" s="1" t="s">
        <v>131561</v>
      </c>
      <c r="G38146" s="1" t="s">
        <v>131456</v>
      </c>
      <c r="H38146" s="1" t="s">
        <v>131457</v>
      </c>
      <c r="I38146" s="1" t="s">
        <v>126615</v>
      </c>
      <c r="J38146" s="1" t="s">
        <v>131562</v>
      </c>
    </row>
    <row r="38147" spans="1:10" x14ac:dyDescent="0.35">
      <c r="A38147" s="1" t="s">
        <v>131452</v>
      </c>
      <c r="B38147" s="1" t="s">
        <v>126612</v>
      </c>
      <c r="C38147" s="1" t="s">
        <v>160</v>
      </c>
      <c r="D38147" s="1" t="s">
        <v>131563</v>
      </c>
      <c r="E38147" s="1" t="s">
        <v>131564</v>
      </c>
      <c r="F38147" s="1" t="s">
        <v>131565</v>
      </c>
      <c r="G38147" s="1" t="s">
        <v>131456</v>
      </c>
      <c r="H38147" s="1" t="s">
        <v>131457</v>
      </c>
      <c r="I38147" s="1" t="s">
        <v>126615</v>
      </c>
      <c r="J38147" s="1" t="s">
        <v>131566</v>
      </c>
    </row>
    <row r="38148" spans="1:10" x14ac:dyDescent="0.35">
      <c r="A38148" s="1" t="s">
        <v>131452</v>
      </c>
      <c r="B38148" s="1" t="s">
        <v>126612</v>
      </c>
      <c r="C38148" s="1" t="s">
        <v>165</v>
      </c>
      <c r="D38148" s="1" t="s">
        <v>131567</v>
      </c>
      <c r="E38148" s="1" t="s">
        <v>131568</v>
      </c>
      <c r="F38148" s="1" t="s">
        <v>131569</v>
      </c>
      <c r="G38148" s="1" t="s">
        <v>131456</v>
      </c>
      <c r="H38148" s="1" t="s">
        <v>131457</v>
      </c>
      <c r="I38148" s="1" t="s">
        <v>126615</v>
      </c>
      <c r="J38148" s="1" t="s">
        <v>131570</v>
      </c>
    </row>
    <row r="38149" spans="1:10" x14ac:dyDescent="0.35">
      <c r="A38149" s="1" t="s">
        <v>131452</v>
      </c>
      <c r="B38149" s="1" t="s">
        <v>126612</v>
      </c>
      <c r="C38149" s="1" t="s">
        <v>170</v>
      </c>
      <c r="D38149" s="1" t="s">
        <v>131571</v>
      </c>
      <c r="E38149" s="1" t="s">
        <v>131572</v>
      </c>
      <c r="F38149" s="1" t="s">
        <v>131573</v>
      </c>
      <c r="G38149" s="1" t="s">
        <v>131456</v>
      </c>
      <c r="H38149" s="1" t="s">
        <v>131457</v>
      </c>
      <c r="I38149" s="1" t="s">
        <v>126615</v>
      </c>
      <c r="J38149" s="1" t="s">
        <v>131574</v>
      </c>
    </row>
    <row r="38150" spans="1:10" x14ac:dyDescent="0.35">
      <c r="A38150" s="1" t="s">
        <v>8529</v>
      </c>
      <c r="B38150" s="1" t="s">
        <v>126612</v>
      </c>
      <c r="C38150" s="1" t="s">
        <v>8</v>
      </c>
      <c r="D38150" s="1" t="s">
        <v>131575</v>
      </c>
      <c r="E38150" s="1" t="s">
        <v>31361</v>
      </c>
      <c r="F38150" s="1" t="s">
        <v>101763</v>
      </c>
      <c r="G38150" s="1" t="s">
        <v>131576</v>
      </c>
      <c r="H38150" s="1" t="s">
        <v>131577</v>
      </c>
      <c r="I38150" s="1" t="s">
        <v>126615</v>
      </c>
      <c r="J38150" s="1" t="s">
        <v>13</v>
      </c>
    </row>
    <row r="38151" spans="1:10" x14ac:dyDescent="0.35">
      <c r="A38151" s="1" t="s">
        <v>8529</v>
      </c>
      <c r="B38151" s="1" t="s">
        <v>126612</v>
      </c>
      <c r="C38151" s="1" t="s">
        <v>15</v>
      </c>
      <c r="D38151" s="1" t="s">
        <v>131578</v>
      </c>
      <c r="E38151" s="1" t="s">
        <v>57245</v>
      </c>
      <c r="F38151" s="1" t="s">
        <v>131579</v>
      </c>
      <c r="G38151" s="1" t="s">
        <v>131576</v>
      </c>
      <c r="H38151" s="1" t="s">
        <v>131577</v>
      </c>
      <c r="I38151" s="1" t="s">
        <v>126615</v>
      </c>
      <c r="J38151" s="1" t="s">
        <v>131580</v>
      </c>
    </row>
    <row r="38152" spans="1:10" x14ac:dyDescent="0.35">
      <c r="A38152" s="1" t="s">
        <v>8529</v>
      </c>
      <c r="B38152" s="1" t="s">
        <v>126612</v>
      </c>
      <c r="C38152" s="1" t="s">
        <v>20</v>
      </c>
      <c r="D38152" s="1" t="s">
        <v>131581</v>
      </c>
      <c r="E38152" s="1" t="s">
        <v>57969</v>
      </c>
      <c r="F38152" s="1" t="s">
        <v>131582</v>
      </c>
      <c r="G38152" s="1" t="s">
        <v>131576</v>
      </c>
      <c r="H38152" s="1" t="s">
        <v>131577</v>
      </c>
      <c r="I38152" s="1" t="s">
        <v>126615</v>
      </c>
      <c r="J38152" s="1" t="s">
        <v>131583</v>
      </c>
    </row>
    <row r="38153" spans="1:10" x14ac:dyDescent="0.35">
      <c r="A38153" s="1" t="s">
        <v>8529</v>
      </c>
      <c r="B38153" s="1" t="s">
        <v>126612</v>
      </c>
      <c r="C38153" s="1" t="s">
        <v>25</v>
      </c>
      <c r="D38153" s="1" t="s">
        <v>60502</v>
      </c>
      <c r="E38153" s="1" t="s">
        <v>60352</v>
      </c>
      <c r="F38153" s="1" t="s">
        <v>131584</v>
      </c>
      <c r="G38153" s="1" t="s">
        <v>131576</v>
      </c>
      <c r="H38153" s="1" t="s">
        <v>131577</v>
      </c>
      <c r="I38153" s="1" t="s">
        <v>126615</v>
      </c>
      <c r="J38153" s="1" t="s">
        <v>131585</v>
      </c>
    </row>
    <row r="38154" spans="1:10" x14ac:dyDescent="0.35">
      <c r="A38154" s="1" t="s">
        <v>8529</v>
      </c>
      <c r="B38154" s="1" t="s">
        <v>126612</v>
      </c>
      <c r="C38154" s="1" t="s">
        <v>30</v>
      </c>
      <c r="D38154" s="1" t="s">
        <v>131586</v>
      </c>
      <c r="E38154" s="1" t="s">
        <v>24225</v>
      </c>
      <c r="F38154" s="1" t="s">
        <v>131587</v>
      </c>
      <c r="G38154" s="1" t="s">
        <v>131576</v>
      </c>
      <c r="H38154" s="1" t="s">
        <v>131577</v>
      </c>
      <c r="I38154" s="1" t="s">
        <v>126615</v>
      </c>
      <c r="J38154" s="1" t="s">
        <v>131588</v>
      </c>
    </row>
    <row r="38155" spans="1:10" x14ac:dyDescent="0.35">
      <c r="A38155" s="1" t="s">
        <v>8529</v>
      </c>
      <c r="B38155" s="1" t="s">
        <v>126612</v>
      </c>
      <c r="C38155" s="1" t="s">
        <v>35</v>
      </c>
      <c r="D38155" s="1" t="s">
        <v>23569</v>
      </c>
      <c r="E38155" s="1" t="s">
        <v>54371</v>
      </c>
      <c r="F38155" s="1" t="s">
        <v>131589</v>
      </c>
      <c r="G38155" s="1" t="s">
        <v>131576</v>
      </c>
      <c r="H38155" s="1" t="s">
        <v>131577</v>
      </c>
      <c r="I38155" s="1" t="s">
        <v>126615</v>
      </c>
      <c r="J38155" s="1" t="s">
        <v>131590</v>
      </c>
    </row>
    <row r="38156" spans="1:10" x14ac:dyDescent="0.35">
      <c r="A38156" s="1" t="s">
        <v>8529</v>
      </c>
      <c r="B38156" s="1" t="s">
        <v>126612</v>
      </c>
      <c r="C38156" s="1" t="s">
        <v>40</v>
      </c>
      <c r="D38156" s="1" t="s">
        <v>131591</v>
      </c>
      <c r="E38156" s="1" t="s">
        <v>131592</v>
      </c>
      <c r="F38156" s="1" t="s">
        <v>131593</v>
      </c>
      <c r="G38156" s="1" t="s">
        <v>131576</v>
      </c>
      <c r="H38156" s="1" t="s">
        <v>131577</v>
      </c>
      <c r="I38156" s="1" t="s">
        <v>126615</v>
      </c>
      <c r="J38156" s="1" t="s">
        <v>131594</v>
      </c>
    </row>
    <row r="38157" spans="1:10" x14ac:dyDescent="0.35">
      <c r="A38157" s="1" t="s">
        <v>8529</v>
      </c>
      <c r="B38157" s="1" t="s">
        <v>126612</v>
      </c>
      <c r="C38157" s="1" t="s">
        <v>45</v>
      </c>
      <c r="D38157" s="1" t="s">
        <v>19923</v>
      </c>
      <c r="E38157" s="1" t="s">
        <v>62981</v>
      </c>
      <c r="F38157" s="1" t="s">
        <v>131595</v>
      </c>
      <c r="G38157" s="1" t="s">
        <v>131576</v>
      </c>
      <c r="H38157" s="1" t="s">
        <v>131577</v>
      </c>
      <c r="I38157" s="1" t="s">
        <v>126615</v>
      </c>
      <c r="J38157" s="1" t="s">
        <v>131596</v>
      </c>
    </row>
    <row r="38158" spans="1:10" x14ac:dyDescent="0.35">
      <c r="A38158" s="1" t="s">
        <v>8529</v>
      </c>
      <c r="B38158" s="1" t="s">
        <v>126612</v>
      </c>
      <c r="C38158" s="1" t="s">
        <v>50</v>
      </c>
      <c r="D38158" s="1" t="s">
        <v>41771</v>
      </c>
      <c r="E38158" s="1" t="s">
        <v>55234</v>
      </c>
      <c r="F38158" s="1" t="s">
        <v>131597</v>
      </c>
      <c r="G38158" s="1" t="s">
        <v>131576</v>
      </c>
      <c r="H38158" s="1" t="s">
        <v>131577</v>
      </c>
      <c r="I38158" s="1" t="s">
        <v>126615</v>
      </c>
      <c r="J38158" s="1" t="s">
        <v>131598</v>
      </c>
    </row>
    <row r="38159" spans="1:10" x14ac:dyDescent="0.35">
      <c r="A38159" s="1" t="s">
        <v>8529</v>
      </c>
      <c r="B38159" s="1" t="s">
        <v>126612</v>
      </c>
      <c r="C38159" s="1" t="s">
        <v>55</v>
      </c>
      <c r="D38159" s="1" t="s">
        <v>131599</v>
      </c>
      <c r="E38159" s="1" t="s">
        <v>41468</v>
      </c>
      <c r="F38159" s="1" t="s">
        <v>131600</v>
      </c>
      <c r="G38159" s="1" t="s">
        <v>131576</v>
      </c>
      <c r="H38159" s="1" t="s">
        <v>131577</v>
      </c>
      <c r="I38159" s="1" t="s">
        <v>126615</v>
      </c>
      <c r="J38159" s="1" t="s">
        <v>131601</v>
      </c>
    </row>
    <row r="38160" spans="1:10" x14ac:dyDescent="0.35">
      <c r="A38160" s="1" t="s">
        <v>8529</v>
      </c>
      <c r="B38160" s="1" t="s">
        <v>126612</v>
      </c>
      <c r="C38160" s="1" t="s">
        <v>60</v>
      </c>
      <c r="D38160" s="1" t="s">
        <v>40518</v>
      </c>
      <c r="E38160" s="1" t="s">
        <v>56686</v>
      </c>
      <c r="F38160" s="1" t="s">
        <v>131602</v>
      </c>
      <c r="G38160" s="1" t="s">
        <v>131576</v>
      </c>
      <c r="H38160" s="1" t="s">
        <v>131577</v>
      </c>
      <c r="I38160" s="1" t="s">
        <v>126615</v>
      </c>
      <c r="J38160" s="1" t="s">
        <v>131603</v>
      </c>
    </row>
    <row r="38161" spans="1:10" x14ac:dyDescent="0.35">
      <c r="A38161" s="1" t="s">
        <v>8529</v>
      </c>
      <c r="B38161" s="1" t="s">
        <v>126612</v>
      </c>
      <c r="C38161" s="1" t="s">
        <v>65</v>
      </c>
      <c r="D38161" s="1" t="s">
        <v>131604</v>
      </c>
      <c r="E38161" s="1" t="s">
        <v>32351</v>
      </c>
      <c r="F38161" s="1" t="s">
        <v>50853</v>
      </c>
      <c r="G38161" s="1" t="s">
        <v>131576</v>
      </c>
      <c r="H38161" s="1" t="s">
        <v>131577</v>
      </c>
      <c r="I38161" s="1" t="s">
        <v>126615</v>
      </c>
      <c r="J38161" s="1" t="s">
        <v>131605</v>
      </c>
    </row>
    <row r="38162" spans="1:10" x14ac:dyDescent="0.35">
      <c r="A38162" s="1" t="s">
        <v>8529</v>
      </c>
      <c r="B38162" s="1" t="s">
        <v>126612</v>
      </c>
      <c r="C38162" s="1" t="s">
        <v>70</v>
      </c>
      <c r="D38162" s="1" t="s">
        <v>131606</v>
      </c>
      <c r="E38162" s="1" t="s">
        <v>58415</v>
      </c>
      <c r="F38162" s="1" t="s">
        <v>131607</v>
      </c>
      <c r="G38162" s="1" t="s">
        <v>131576</v>
      </c>
      <c r="H38162" s="1" t="s">
        <v>131577</v>
      </c>
      <c r="I38162" s="1" t="s">
        <v>126615</v>
      </c>
      <c r="J38162" s="1" t="s">
        <v>131608</v>
      </c>
    </row>
    <row r="38163" spans="1:10" x14ac:dyDescent="0.35">
      <c r="A38163" s="1" t="s">
        <v>8529</v>
      </c>
      <c r="B38163" s="1" t="s">
        <v>126612</v>
      </c>
      <c r="C38163" s="1" t="s">
        <v>75</v>
      </c>
      <c r="D38163" s="1" t="s">
        <v>131609</v>
      </c>
      <c r="E38163" s="1" t="s">
        <v>15853</v>
      </c>
      <c r="F38163" s="1" t="s">
        <v>131610</v>
      </c>
      <c r="G38163" s="1" t="s">
        <v>131576</v>
      </c>
      <c r="H38163" s="1" t="s">
        <v>131577</v>
      </c>
      <c r="I38163" s="1" t="s">
        <v>126615</v>
      </c>
      <c r="J38163" s="1" t="s">
        <v>131611</v>
      </c>
    </row>
    <row r="38164" spans="1:10" x14ac:dyDescent="0.35">
      <c r="A38164" s="1" t="s">
        <v>8529</v>
      </c>
      <c r="B38164" s="1" t="s">
        <v>126612</v>
      </c>
      <c r="C38164" s="1" t="s">
        <v>80</v>
      </c>
      <c r="D38164" s="1" t="s">
        <v>131612</v>
      </c>
      <c r="E38164" s="1" t="s">
        <v>41425</v>
      </c>
      <c r="F38164" s="1" t="s">
        <v>16085</v>
      </c>
      <c r="G38164" s="1" t="s">
        <v>131576</v>
      </c>
      <c r="H38164" s="1" t="s">
        <v>131577</v>
      </c>
      <c r="I38164" s="1" t="s">
        <v>126615</v>
      </c>
      <c r="J38164" s="1" t="s">
        <v>131613</v>
      </c>
    </row>
    <row r="38165" spans="1:10" x14ac:dyDescent="0.35">
      <c r="A38165" s="1" t="s">
        <v>8529</v>
      </c>
      <c r="B38165" s="1" t="s">
        <v>126612</v>
      </c>
      <c r="C38165" s="1" t="s">
        <v>85</v>
      </c>
      <c r="D38165" s="1" t="s">
        <v>131614</v>
      </c>
      <c r="E38165" s="1" t="s">
        <v>21749</v>
      </c>
      <c r="F38165" s="1" t="s">
        <v>131615</v>
      </c>
      <c r="G38165" s="1" t="s">
        <v>131576</v>
      </c>
      <c r="H38165" s="1" t="s">
        <v>131577</v>
      </c>
      <c r="I38165" s="1" t="s">
        <v>126615</v>
      </c>
      <c r="J38165" s="1" t="s">
        <v>131616</v>
      </c>
    </row>
    <row r="38166" spans="1:10" x14ac:dyDescent="0.35">
      <c r="A38166" s="1" t="s">
        <v>8529</v>
      </c>
      <c r="B38166" s="1" t="s">
        <v>126612</v>
      </c>
      <c r="C38166" s="1" t="s">
        <v>90</v>
      </c>
      <c r="D38166" s="1" t="s">
        <v>131617</v>
      </c>
      <c r="E38166" s="1" t="s">
        <v>12786</v>
      </c>
      <c r="F38166" s="1" t="s">
        <v>16175</v>
      </c>
      <c r="G38166" s="1" t="s">
        <v>131576</v>
      </c>
      <c r="H38166" s="1" t="s">
        <v>131577</v>
      </c>
      <c r="I38166" s="1" t="s">
        <v>126615</v>
      </c>
      <c r="J38166" s="1" t="s">
        <v>131618</v>
      </c>
    </row>
    <row r="38167" spans="1:10" x14ac:dyDescent="0.35">
      <c r="A38167" s="1" t="s">
        <v>8529</v>
      </c>
      <c r="B38167" s="1" t="s">
        <v>126612</v>
      </c>
      <c r="C38167" s="1" t="s">
        <v>95</v>
      </c>
      <c r="D38167" s="1" t="s">
        <v>131619</v>
      </c>
      <c r="E38167" s="1" t="s">
        <v>27070</v>
      </c>
      <c r="F38167" s="1" t="s">
        <v>131620</v>
      </c>
      <c r="G38167" s="1" t="s">
        <v>131576</v>
      </c>
      <c r="H38167" s="1" t="s">
        <v>131577</v>
      </c>
      <c r="I38167" s="1" t="s">
        <v>126615</v>
      </c>
      <c r="J38167" s="1" t="s">
        <v>131621</v>
      </c>
    </row>
    <row r="38168" spans="1:10" x14ac:dyDescent="0.35">
      <c r="A38168" s="1" t="s">
        <v>8529</v>
      </c>
      <c r="B38168" s="1" t="s">
        <v>126612</v>
      </c>
      <c r="C38168" s="1" t="s">
        <v>100</v>
      </c>
      <c r="D38168" s="1" t="s">
        <v>459</v>
      </c>
      <c r="E38168" s="1" t="s">
        <v>23176</v>
      </c>
      <c r="F38168" s="1" t="s">
        <v>77707</v>
      </c>
      <c r="G38168" s="1" t="s">
        <v>131576</v>
      </c>
      <c r="H38168" s="1" t="s">
        <v>131577</v>
      </c>
      <c r="I38168" s="1" t="s">
        <v>126615</v>
      </c>
      <c r="J38168" s="1" t="s">
        <v>131622</v>
      </c>
    </row>
    <row r="38169" spans="1:10" x14ac:dyDescent="0.35">
      <c r="A38169" s="1" t="s">
        <v>8529</v>
      </c>
      <c r="B38169" s="1" t="s">
        <v>126612</v>
      </c>
      <c r="C38169" s="1" t="s">
        <v>105</v>
      </c>
      <c r="D38169" s="1" t="s">
        <v>131623</v>
      </c>
      <c r="E38169" s="1" t="s">
        <v>32302</v>
      </c>
      <c r="F38169" s="1" t="s">
        <v>131624</v>
      </c>
      <c r="G38169" s="1" t="s">
        <v>131576</v>
      </c>
      <c r="H38169" s="1" t="s">
        <v>131577</v>
      </c>
      <c r="I38169" s="1" t="s">
        <v>126615</v>
      </c>
      <c r="J38169" s="1" t="s">
        <v>131625</v>
      </c>
    </row>
    <row r="38170" spans="1:10" x14ac:dyDescent="0.35">
      <c r="A38170" s="1" t="s">
        <v>8529</v>
      </c>
      <c r="B38170" s="1" t="s">
        <v>126612</v>
      </c>
      <c r="C38170" s="1" t="s">
        <v>110</v>
      </c>
      <c r="D38170" s="1" t="s">
        <v>40354</v>
      </c>
      <c r="E38170" s="1" t="s">
        <v>21933</v>
      </c>
      <c r="F38170" s="1" t="s">
        <v>131626</v>
      </c>
      <c r="G38170" s="1" t="s">
        <v>131576</v>
      </c>
      <c r="H38170" s="1" t="s">
        <v>131577</v>
      </c>
      <c r="I38170" s="1" t="s">
        <v>126615</v>
      </c>
      <c r="J38170" s="1" t="s">
        <v>131627</v>
      </c>
    </row>
    <row r="38171" spans="1:10" x14ac:dyDescent="0.35">
      <c r="A38171" s="1" t="s">
        <v>8529</v>
      </c>
      <c r="B38171" s="1" t="s">
        <v>126612</v>
      </c>
      <c r="C38171" s="1" t="s">
        <v>115</v>
      </c>
      <c r="D38171" s="1" t="s">
        <v>131501</v>
      </c>
      <c r="E38171" s="1" t="s">
        <v>31510</v>
      </c>
      <c r="F38171" s="1" t="s">
        <v>131628</v>
      </c>
      <c r="G38171" s="1" t="s">
        <v>131576</v>
      </c>
      <c r="H38171" s="1" t="s">
        <v>131577</v>
      </c>
      <c r="I38171" s="1" t="s">
        <v>126615</v>
      </c>
      <c r="J38171" s="1" t="s">
        <v>131629</v>
      </c>
    </row>
    <row r="38172" spans="1:10" x14ac:dyDescent="0.35">
      <c r="A38172" s="1" t="s">
        <v>8529</v>
      </c>
      <c r="B38172" s="1" t="s">
        <v>126612</v>
      </c>
      <c r="C38172" s="1" t="s">
        <v>120</v>
      </c>
      <c r="D38172" s="1" t="s">
        <v>131630</v>
      </c>
      <c r="E38172" s="1" t="s">
        <v>60824</v>
      </c>
      <c r="F38172" s="1" t="s">
        <v>131631</v>
      </c>
      <c r="G38172" s="1" t="s">
        <v>131576</v>
      </c>
      <c r="H38172" s="1" t="s">
        <v>131577</v>
      </c>
      <c r="I38172" s="1" t="s">
        <v>126615</v>
      </c>
      <c r="J38172" s="1" t="s">
        <v>131632</v>
      </c>
    </row>
    <row r="38173" spans="1:10" x14ac:dyDescent="0.35">
      <c r="A38173" s="1" t="s">
        <v>8529</v>
      </c>
      <c r="B38173" s="1" t="s">
        <v>126612</v>
      </c>
      <c r="C38173" s="1" t="s">
        <v>125</v>
      </c>
      <c r="D38173" s="1" t="s">
        <v>131633</v>
      </c>
      <c r="E38173" s="1" t="s">
        <v>131634</v>
      </c>
      <c r="F38173" s="1" t="s">
        <v>131635</v>
      </c>
      <c r="G38173" s="1" t="s">
        <v>131576</v>
      </c>
      <c r="H38173" s="1" t="s">
        <v>131577</v>
      </c>
      <c r="I38173" s="1" t="s">
        <v>126615</v>
      </c>
      <c r="J38173" s="1" t="s">
        <v>131636</v>
      </c>
    </row>
    <row r="38174" spans="1:10" x14ac:dyDescent="0.35">
      <c r="A38174" s="1" t="s">
        <v>8529</v>
      </c>
      <c r="B38174" s="1" t="s">
        <v>126612</v>
      </c>
      <c r="C38174" s="1" t="s">
        <v>130</v>
      </c>
      <c r="D38174" s="1" t="s">
        <v>97637</v>
      </c>
      <c r="E38174" s="1" t="s">
        <v>27137</v>
      </c>
      <c r="F38174" s="1" t="s">
        <v>131637</v>
      </c>
      <c r="G38174" s="1" t="s">
        <v>131576</v>
      </c>
      <c r="H38174" s="1" t="s">
        <v>131577</v>
      </c>
      <c r="I38174" s="1" t="s">
        <v>126615</v>
      </c>
      <c r="J38174" s="1" t="s">
        <v>131638</v>
      </c>
    </row>
    <row r="38175" spans="1:10" x14ac:dyDescent="0.35">
      <c r="A38175" s="1" t="s">
        <v>8529</v>
      </c>
      <c r="B38175" s="1" t="s">
        <v>126612</v>
      </c>
      <c r="C38175" s="1" t="s">
        <v>135</v>
      </c>
      <c r="D38175" s="1" t="s">
        <v>39132</v>
      </c>
      <c r="E38175" s="1" t="s">
        <v>58108</v>
      </c>
      <c r="F38175" s="1" t="s">
        <v>131639</v>
      </c>
      <c r="G38175" s="1" t="s">
        <v>131576</v>
      </c>
      <c r="H38175" s="1" t="s">
        <v>131577</v>
      </c>
      <c r="I38175" s="1" t="s">
        <v>126615</v>
      </c>
      <c r="J38175" s="1" t="s">
        <v>131640</v>
      </c>
    </row>
    <row r="38176" spans="1:10" x14ac:dyDescent="0.35">
      <c r="A38176" s="1" t="s">
        <v>8529</v>
      </c>
      <c r="B38176" s="1" t="s">
        <v>126612</v>
      </c>
      <c r="C38176" s="1" t="s">
        <v>140</v>
      </c>
      <c r="D38176" s="1" t="s">
        <v>84118</v>
      </c>
      <c r="E38176" s="1" t="s">
        <v>23439</v>
      </c>
      <c r="F38176" s="1" t="s">
        <v>131641</v>
      </c>
      <c r="G38176" s="1" t="s">
        <v>131576</v>
      </c>
      <c r="H38176" s="1" t="s">
        <v>131577</v>
      </c>
      <c r="I38176" s="1" t="s">
        <v>126615</v>
      </c>
      <c r="J38176" s="1" t="s">
        <v>131642</v>
      </c>
    </row>
    <row r="38177" spans="1:10" x14ac:dyDescent="0.35">
      <c r="A38177" s="1" t="s">
        <v>8529</v>
      </c>
      <c r="B38177" s="1" t="s">
        <v>126612</v>
      </c>
      <c r="C38177" s="1" t="s">
        <v>145</v>
      </c>
      <c r="D38177" s="1" t="s">
        <v>131643</v>
      </c>
      <c r="E38177" s="1" t="s">
        <v>56737</v>
      </c>
      <c r="F38177" s="1" t="s">
        <v>131644</v>
      </c>
      <c r="G38177" s="1" t="s">
        <v>131576</v>
      </c>
      <c r="H38177" s="1" t="s">
        <v>131577</v>
      </c>
      <c r="I38177" s="1" t="s">
        <v>126615</v>
      </c>
      <c r="J38177" s="1" t="s">
        <v>131645</v>
      </c>
    </row>
    <row r="38178" spans="1:10" x14ac:dyDescent="0.35">
      <c r="A38178" s="1" t="s">
        <v>8529</v>
      </c>
      <c r="B38178" s="1" t="s">
        <v>126612</v>
      </c>
      <c r="C38178" s="1" t="s">
        <v>150</v>
      </c>
      <c r="D38178" s="1" t="s">
        <v>131646</v>
      </c>
      <c r="E38178" s="1" t="s">
        <v>22267</v>
      </c>
      <c r="F38178" s="1" t="s">
        <v>41532</v>
      </c>
      <c r="G38178" s="1" t="s">
        <v>131576</v>
      </c>
      <c r="H38178" s="1" t="s">
        <v>131577</v>
      </c>
      <c r="I38178" s="1" t="s">
        <v>126615</v>
      </c>
      <c r="J38178" s="1" t="s">
        <v>131647</v>
      </c>
    </row>
    <row r="38179" spans="1:10" x14ac:dyDescent="0.35">
      <c r="A38179" s="1" t="s">
        <v>8529</v>
      </c>
      <c r="B38179" s="1" t="s">
        <v>126612</v>
      </c>
      <c r="C38179" s="1" t="s">
        <v>155</v>
      </c>
      <c r="D38179" s="1" t="s">
        <v>131648</v>
      </c>
      <c r="E38179" s="1" t="s">
        <v>15436</v>
      </c>
      <c r="F38179" s="1" t="s">
        <v>131649</v>
      </c>
      <c r="G38179" s="1" t="s">
        <v>131576</v>
      </c>
      <c r="H38179" s="1" t="s">
        <v>131577</v>
      </c>
      <c r="I38179" s="1" t="s">
        <v>126615</v>
      </c>
      <c r="J38179" s="1" t="s">
        <v>131650</v>
      </c>
    </row>
    <row r="38180" spans="1:10" x14ac:dyDescent="0.35">
      <c r="A38180" s="1" t="s">
        <v>8529</v>
      </c>
      <c r="B38180" s="1" t="s">
        <v>126612</v>
      </c>
      <c r="C38180" s="1" t="s">
        <v>160</v>
      </c>
      <c r="D38180" s="1" t="s">
        <v>66433</v>
      </c>
      <c r="E38180" s="1" t="s">
        <v>32384</v>
      </c>
      <c r="F38180" s="1" t="s">
        <v>759</v>
      </c>
      <c r="G38180" s="1" t="s">
        <v>131576</v>
      </c>
      <c r="H38180" s="1" t="s">
        <v>131577</v>
      </c>
      <c r="I38180" s="1" t="s">
        <v>126615</v>
      </c>
      <c r="J38180" s="1" t="s">
        <v>131651</v>
      </c>
    </row>
    <row r="38181" spans="1:10" x14ac:dyDescent="0.35">
      <c r="A38181" s="1" t="s">
        <v>8529</v>
      </c>
      <c r="B38181" s="1" t="s">
        <v>126612</v>
      </c>
      <c r="C38181" s="1" t="s">
        <v>165</v>
      </c>
      <c r="D38181" s="1" t="s">
        <v>131652</v>
      </c>
      <c r="E38181" s="1" t="s">
        <v>59319</v>
      </c>
      <c r="F38181" s="1" t="s">
        <v>131653</v>
      </c>
      <c r="G38181" s="1" t="s">
        <v>131576</v>
      </c>
      <c r="H38181" s="1" t="s">
        <v>131577</v>
      </c>
      <c r="I38181" s="1" t="s">
        <v>126615</v>
      </c>
      <c r="J38181" s="1" t="s">
        <v>131654</v>
      </c>
    </row>
    <row r="38182" spans="1:10" x14ac:dyDescent="0.35">
      <c r="A38182" s="1" t="s">
        <v>8529</v>
      </c>
      <c r="B38182" s="1" t="s">
        <v>126612</v>
      </c>
      <c r="C38182" s="1" t="s">
        <v>170</v>
      </c>
      <c r="D38182" s="1" t="s">
        <v>131655</v>
      </c>
      <c r="E38182" s="1" t="s">
        <v>26446</v>
      </c>
      <c r="F38182" s="1" t="s">
        <v>131656</v>
      </c>
      <c r="G38182" s="1" t="s">
        <v>131576</v>
      </c>
      <c r="H38182" s="1" t="s">
        <v>131577</v>
      </c>
      <c r="I38182" s="1" t="s">
        <v>126615</v>
      </c>
      <c r="J38182" s="1" t="s">
        <v>131657</v>
      </c>
    </row>
    <row r="38183" spans="1:10" x14ac:dyDescent="0.35">
      <c r="A38183" s="1" t="s">
        <v>131658</v>
      </c>
      <c r="B38183" s="1" t="s">
        <v>126612</v>
      </c>
      <c r="C38183" s="1" t="s">
        <v>8</v>
      </c>
      <c r="D38183" s="1" t="s">
        <v>86936</v>
      </c>
      <c r="E38183" s="1" t="s">
        <v>90256</v>
      </c>
      <c r="F38183" s="1" t="s">
        <v>131659</v>
      </c>
      <c r="G38183" s="1" t="s">
        <v>131660</v>
      </c>
      <c r="H38183" s="1" t="s">
        <v>131661</v>
      </c>
      <c r="I38183" s="1" t="s">
        <v>126615</v>
      </c>
      <c r="J38183" s="1" t="s">
        <v>13</v>
      </c>
    </row>
    <row r="38184" spans="1:10" x14ac:dyDescent="0.35">
      <c r="A38184" s="1" t="s">
        <v>131658</v>
      </c>
      <c r="B38184" s="1" t="s">
        <v>126612</v>
      </c>
      <c r="C38184" s="1" t="s">
        <v>15</v>
      </c>
      <c r="D38184" s="1" t="s">
        <v>53811</v>
      </c>
      <c r="E38184" s="1" t="s">
        <v>89274</v>
      </c>
      <c r="F38184" s="1" t="s">
        <v>131662</v>
      </c>
      <c r="G38184" s="1" t="s">
        <v>131660</v>
      </c>
      <c r="H38184" s="1" t="s">
        <v>131661</v>
      </c>
      <c r="I38184" s="1" t="s">
        <v>126615</v>
      </c>
      <c r="J38184" s="1" t="s">
        <v>131663</v>
      </c>
    </row>
    <row r="38185" spans="1:10" x14ac:dyDescent="0.35">
      <c r="A38185" s="1" t="s">
        <v>131658</v>
      </c>
      <c r="B38185" s="1" t="s">
        <v>126612</v>
      </c>
      <c r="C38185" s="1" t="s">
        <v>20</v>
      </c>
      <c r="D38185" s="1" t="s">
        <v>50882</v>
      </c>
      <c r="E38185" s="1" t="s">
        <v>129838</v>
      </c>
      <c r="F38185" s="1" t="s">
        <v>131664</v>
      </c>
      <c r="G38185" s="1" t="s">
        <v>131660</v>
      </c>
      <c r="H38185" s="1" t="s">
        <v>131661</v>
      </c>
      <c r="I38185" s="1" t="s">
        <v>126615</v>
      </c>
      <c r="J38185" s="1" t="s">
        <v>131665</v>
      </c>
    </row>
    <row r="38186" spans="1:10" x14ac:dyDescent="0.35">
      <c r="A38186" s="1" t="s">
        <v>131658</v>
      </c>
      <c r="B38186" s="1" t="s">
        <v>126612</v>
      </c>
      <c r="C38186" s="1" t="s">
        <v>25</v>
      </c>
      <c r="D38186" s="1" t="s">
        <v>131666</v>
      </c>
      <c r="E38186" s="1" t="s">
        <v>131667</v>
      </c>
      <c r="F38186" s="1" t="s">
        <v>55179</v>
      </c>
      <c r="G38186" s="1" t="s">
        <v>131660</v>
      </c>
      <c r="H38186" s="1" t="s">
        <v>131661</v>
      </c>
      <c r="I38186" s="1" t="s">
        <v>126615</v>
      </c>
      <c r="J38186" s="1" t="s">
        <v>131668</v>
      </c>
    </row>
    <row r="38187" spans="1:10" x14ac:dyDescent="0.35">
      <c r="A38187" s="1" t="s">
        <v>131658</v>
      </c>
      <c r="B38187" s="1" t="s">
        <v>126612</v>
      </c>
      <c r="C38187" s="1" t="s">
        <v>30</v>
      </c>
      <c r="D38187" s="1" t="s">
        <v>57208</v>
      </c>
      <c r="E38187" s="1" t="s">
        <v>77706</v>
      </c>
      <c r="F38187" s="1" t="s">
        <v>59560</v>
      </c>
      <c r="G38187" s="1" t="s">
        <v>131660</v>
      </c>
      <c r="H38187" s="1" t="s">
        <v>131661</v>
      </c>
      <c r="I38187" s="1" t="s">
        <v>126615</v>
      </c>
      <c r="J38187" s="1" t="s">
        <v>131669</v>
      </c>
    </row>
    <row r="38188" spans="1:10" x14ac:dyDescent="0.35">
      <c r="A38188" s="1" t="s">
        <v>131658</v>
      </c>
      <c r="B38188" s="1" t="s">
        <v>126612</v>
      </c>
      <c r="C38188" s="1" t="s">
        <v>35</v>
      </c>
      <c r="D38188" s="1" t="s">
        <v>12315</v>
      </c>
      <c r="E38188" s="1" t="s">
        <v>19928</v>
      </c>
      <c r="F38188" s="1" t="s">
        <v>63442</v>
      </c>
      <c r="G38188" s="1" t="s">
        <v>131660</v>
      </c>
      <c r="H38188" s="1" t="s">
        <v>131661</v>
      </c>
      <c r="I38188" s="1" t="s">
        <v>126615</v>
      </c>
      <c r="J38188" s="1" t="s">
        <v>131670</v>
      </c>
    </row>
    <row r="38189" spans="1:10" x14ac:dyDescent="0.35">
      <c r="A38189" s="1" t="s">
        <v>131658</v>
      </c>
      <c r="B38189" s="1" t="s">
        <v>126612</v>
      </c>
      <c r="C38189" s="1" t="s">
        <v>40</v>
      </c>
      <c r="D38189" s="1" t="s">
        <v>21876</v>
      </c>
      <c r="E38189" s="1" t="s">
        <v>31980</v>
      </c>
      <c r="F38189" s="1" t="s">
        <v>131671</v>
      </c>
      <c r="G38189" s="1" t="s">
        <v>131660</v>
      </c>
      <c r="H38189" s="1" t="s">
        <v>131661</v>
      </c>
      <c r="I38189" s="1" t="s">
        <v>126615</v>
      </c>
      <c r="J38189" s="1" t="s">
        <v>131672</v>
      </c>
    </row>
    <row r="38190" spans="1:10" x14ac:dyDescent="0.35">
      <c r="A38190" s="1" t="s">
        <v>131658</v>
      </c>
      <c r="B38190" s="1" t="s">
        <v>126612</v>
      </c>
      <c r="C38190" s="1" t="s">
        <v>45</v>
      </c>
      <c r="D38190" s="1" t="s">
        <v>63685</v>
      </c>
      <c r="E38190" s="1" t="s">
        <v>31918</v>
      </c>
      <c r="F38190" s="1" t="s">
        <v>60709</v>
      </c>
      <c r="G38190" s="1" t="s">
        <v>131660</v>
      </c>
      <c r="H38190" s="1" t="s">
        <v>131661</v>
      </c>
      <c r="I38190" s="1" t="s">
        <v>126615</v>
      </c>
      <c r="J38190" s="1" t="s">
        <v>131673</v>
      </c>
    </row>
    <row r="38191" spans="1:10" x14ac:dyDescent="0.35">
      <c r="A38191" s="1" t="s">
        <v>131658</v>
      </c>
      <c r="B38191" s="1" t="s">
        <v>126612</v>
      </c>
      <c r="C38191" s="1" t="s">
        <v>50</v>
      </c>
      <c r="D38191" s="1" t="s">
        <v>101450</v>
      </c>
      <c r="E38191" s="1" t="s">
        <v>130336</v>
      </c>
      <c r="F38191" s="1" t="s">
        <v>101946</v>
      </c>
      <c r="G38191" s="1" t="s">
        <v>131660</v>
      </c>
      <c r="H38191" s="1" t="s">
        <v>131661</v>
      </c>
      <c r="I38191" s="1" t="s">
        <v>126615</v>
      </c>
      <c r="J38191" s="1" t="s">
        <v>131674</v>
      </c>
    </row>
    <row r="38192" spans="1:10" x14ac:dyDescent="0.35">
      <c r="A38192" s="1" t="s">
        <v>131658</v>
      </c>
      <c r="B38192" s="1" t="s">
        <v>126612</v>
      </c>
      <c r="C38192" s="1" t="s">
        <v>55</v>
      </c>
      <c r="D38192" s="1" t="s">
        <v>99240</v>
      </c>
      <c r="E38192" s="1" t="s">
        <v>107509</v>
      </c>
      <c r="F38192" s="1" t="s">
        <v>59913</v>
      </c>
      <c r="G38192" s="1" t="s">
        <v>131660</v>
      </c>
      <c r="H38192" s="1" t="s">
        <v>131661</v>
      </c>
      <c r="I38192" s="1" t="s">
        <v>126615</v>
      </c>
      <c r="J38192" s="1" t="s">
        <v>131675</v>
      </c>
    </row>
    <row r="38193" spans="1:10" x14ac:dyDescent="0.35">
      <c r="A38193" s="1" t="s">
        <v>131658</v>
      </c>
      <c r="B38193" s="1" t="s">
        <v>126612</v>
      </c>
      <c r="C38193" s="1" t="s">
        <v>60</v>
      </c>
      <c r="D38193" s="1" t="s">
        <v>131676</v>
      </c>
      <c r="E38193" s="1" t="s">
        <v>70915</v>
      </c>
      <c r="F38193" s="1" t="s">
        <v>59819</v>
      </c>
      <c r="G38193" s="1" t="s">
        <v>131660</v>
      </c>
      <c r="H38193" s="1" t="s">
        <v>131661</v>
      </c>
      <c r="I38193" s="1" t="s">
        <v>126615</v>
      </c>
      <c r="J38193" s="1" t="s">
        <v>131677</v>
      </c>
    </row>
    <row r="38194" spans="1:10" x14ac:dyDescent="0.35">
      <c r="A38194" s="1" t="s">
        <v>131658</v>
      </c>
      <c r="B38194" s="1" t="s">
        <v>126612</v>
      </c>
      <c r="C38194" s="1" t="s">
        <v>65</v>
      </c>
      <c r="D38194" s="1" t="s">
        <v>94260</v>
      </c>
      <c r="E38194" s="1" t="s">
        <v>15684</v>
      </c>
      <c r="F38194" s="1" t="s">
        <v>131678</v>
      </c>
      <c r="G38194" s="1" t="s">
        <v>131660</v>
      </c>
      <c r="H38194" s="1" t="s">
        <v>131661</v>
      </c>
      <c r="I38194" s="1" t="s">
        <v>126615</v>
      </c>
      <c r="J38194" s="1" t="s">
        <v>131679</v>
      </c>
    </row>
    <row r="38195" spans="1:10" x14ac:dyDescent="0.35">
      <c r="A38195" s="1" t="s">
        <v>131658</v>
      </c>
      <c r="B38195" s="1" t="s">
        <v>126612</v>
      </c>
      <c r="C38195" s="1" t="s">
        <v>70</v>
      </c>
      <c r="D38195" s="1" t="s">
        <v>79209</v>
      </c>
      <c r="E38195" s="1" t="s">
        <v>131680</v>
      </c>
      <c r="F38195" s="1" t="s">
        <v>64786</v>
      </c>
      <c r="G38195" s="1" t="s">
        <v>131660</v>
      </c>
      <c r="H38195" s="1" t="s">
        <v>131661</v>
      </c>
      <c r="I38195" s="1" t="s">
        <v>126615</v>
      </c>
      <c r="J38195" s="1" t="s">
        <v>131681</v>
      </c>
    </row>
    <row r="38196" spans="1:10" x14ac:dyDescent="0.35">
      <c r="A38196" s="1" t="s">
        <v>131658</v>
      </c>
      <c r="B38196" s="1" t="s">
        <v>126612</v>
      </c>
      <c r="C38196" s="1" t="s">
        <v>75</v>
      </c>
      <c r="D38196" s="1" t="s">
        <v>78258</v>
      </c>
      <c r="E38196" s="1" t="s">
        <v>33008</v>
      </c>
      <c r="F38196" s="1" t="s">
        <v>127832</v>
      </c>
      <c r="G38196" s="1" t="s">
        <v>131660</v>
      </c>
      <c r="H38196" s="1" t="s">
        <v>131661</v>
      </c>
      <c r="I38196" s="1" t="s">
        <v>126615</v>
      </c>
      <c r="J38196" s="1" t="s">
        <v>131682</v>
      </c>
    </row>
    <row r="38197" spans="1:10" x14ac:dyDescent="0.35">
      <c r="A38197" s="1" t="s">
        <v>131658</v>
      </c>
      <c r="B38197" s="1" t="s">
        <v>126612</v>
      </c>
      <c r="C38197" s="1" t="s">
        <v>80</v>
      </c>
      <c r="D38197" s="1" t="s">
        <v>129925</v>
      </c>
      <c r="E38197" s="1" t="s">
        <v>131683</v>
      </c>
      <c r="F38197" s="1" t="s">
        <v>96621</v>
      </c>
      <c r="G38197" s="1" t="s">
        <v>131660</v>
      </c>
      <c r="H38197" s="1" t="s">
        <v>131661</v>
      </c>
      <c r="I38197" s="1" t="s">
        <v>126615</v>
      </c>
      <c r="J38197" s="1" t="s">
        <v>131684</v>
      </c>
    </row>
    <row r="38198" spans="1:10" x14ac:dyDescent="0.35">
      <c r="A38198" s="1" t="s">
        <v>131658</v>
      </c>
      <c r="B38198" s="1" t="s">
        <v>126612</v>
      </c>
      <c r="C38198" s="1" t="s">
        <v>85</v>
      </c>
      <c r="D38198" s="1" t="s">
        <v>102337</v>
      </c>
      <c r="E38198" s="1" t="s">
        <v>32984</v>
      </c>
      <c r="F38198" s="1" t="s">
        <v>131685</v>
      </c>
      <c r="G38198" s="1" t="s">
        <v>131660</v>
      </c>
      <c r="H38198" s="1" t="s">
        <v>131661</v>
      </c>
      <c r="I38198" s="1" t="s">
        <v>126615</v>
      </c>
      <c r="J38198" s="1" t="s">
        <v>131686</v>
      </c>
    </row>
    <row r="38199" spans="1:10" x14ac:dyDescent="0.35">
      <c r="A38199" s="1" t="s">
        <v>131658</v>
      </c>
      <c r="B38199" s="1" t="s">
        <v>126612</v>
      </c>
      <c r="C38199" s="1" t="s">
        <v>90</v>
      </c>
      <c r="D38199" s="1" t="s">
        <v>131687</v>
      </c>
      <c r="E38199" s="1" t="s">
        <v>131688</v>
      </c>
      <c r="F38199" s="1" t="s">
        <v>32943</v>
      </c>
      <c r="G38199" s="1" t="s">
        <v>131660</v>
      </c>
      <c r="H38199" s="1" t="s">
        <v>131661</v>
      </c>
      <c r="I38199" s="1" t="s">
        <v>126615</v>
      </c>
      <c r="J38199" s="1" t="s">
        <v>131689</v>
      </c>
    </row>
    <row r="38200" spans="1:10" x14ac:dyDescent="0.35">
      <c r="A38200" s="1" t="s">
        <v>131658</v>
      </c>
      <c r="B38200" s="1" t="s">
        <v>126612</v>
      </c>
      <c r="C38200" s="1" t="s">
        <v>95</v>
      </c>
      <c r="D38200" s="1" t="s">
        <v>96219</v>
      </c>
      <c r="E38200" s="1" t="s">
        <v>105228</v>
      </c>
      <c r="F38200" s="1" t="s">
        <v>131690</v>
      </c>
      <c r="G38200" s="1" t="s">
        <v>131660</v>
      </c>
      <c r="H38200" s="1" t="s">
        <v>131661</v>
      </c>
      <c r="I38200" s="1" t="s">
        <v>126615</v>
      </c>
      <c r="J38200" s="1" t="s">
        <v>131691</v>
      </c>
    </row>
    <row r="38201" spans="1:10" x14ac:dyDescent="0.35">
      <c r="A38201" s="1" t="s">
        <v>131658</v>
      </c>
      <c r="B38201" s="1" t="s">
        <v>126612</v>
      </c>
      <c r="C38201" s="1" t="s">
        <v>100</v>
      </c>
      <c r="D38201" s="1" t="s">
        <v>17375</v>
      </c>
      <c r="E38201" s="1" t="s">
        <v>89357</v>
      </c>
      <c r="F38201" s="1" t="s">
        <v>67487</v>
      </c>
      <c r="G38201" s="1" t="s">
        <v>131660</v>
      </c>
      <c r="H38201" s="1" t="s">
        <v>131661</v>
      </c>
      <c r="I38201" s="1" t="s">
        <v>126615</v>
      </c>
      <c r="J38201" s="1" t="s">
        <v>131692</v>
      </c>
    </row>
    <row r="38202" spans="1:10" x14ac:dyDescent="0.35">
      <c r="A38202" s="1" t="s">
        <v>131658</v>
      </c>
      <c r="B38202" s="1" t="s">
        <v>126612</v>
      </c>
      <c r="C38202" s="1" t="s">
        <v>105</v>
      </c>
      <c r="D38202" s="1" t="s">
        <v>65998</v>
      </c>
      <c r="E38202" s="1" t="s">
        <v>15973</v>
      </c>
      <c r="F38202" s="1" t="s">
        <v>131693</v>
      </c>
      <c r="G38202" s="1" t="s">
        <v>131660</v>
      </c>
      <c r="H38202" s="1" t="s">
        <v>131661</v>
      </c>
      <c r="I38202" s="1" t="s">
        <v>126615</v>
      </c>
      <c r="J38202" s="1" t="s">
        <v>131694</v>
      </c>
    </row>
    <row r="38203" spans="1:10" x14ac:dyDescent="0.35">
      <c r="A38203" s="1" t="s">
        <v>131658</v>
      </c>
      <c r="B38203" s="1" t="s">
        <v>126612</v>
      </c>
      <c r="C38203" s="1" t="s">
        <v>110</v>
      </c>
      <c r="D38203" s="1" t="s">
        <v>131695</v>
      </c>
      <c r="E38203" s="1" t="s">
        <v>128968</v>
      </c>
      <c r="F38203" s="1" t="s">
        <v>131696</v>
      </c>
      <c r="G38203" s="1" t="s">
        <v>131660</v>
      </c>
      <c r="H38203" s="1" t="s">
        <v>131661</v>
      </c>
      <c r="I38203" s="1" t="s">
        <v>126615</v>
      </c>
      <c r="J38203" s="1" t="s">
        <v>131697</v>
      </c>
    </row>
    <row r="38204" spans="1:10" x14ac:dyDescent="0.35">
      <c r="A38204" s="1" t="s">
        <v>131658</v>
      </c>
      <c r="B38204" s="1" t="s">
        <v>126612</v>
      </c>
      <c r="C38204" s="1" t="s">
        <v>115</v>
      </c>
      <c r="D38204" s="1" t="s">
        <v>22068</v>
      </c>
      <c r="E38204" s="1" t="s">
        <v>19960</v>
      </c>
      <c r="F38204" s="1" t="s">
        <v>131698</v>
      </c>
      <c r="G38204" s="1" t="s">
        <v>131660</v>
      </c>
      <c r="H38204" s="1" t="s">
        <v>131661</v>
      </c>
      <c r="I38204" s="1" t="s">
        <v>126615</v>
      </c>
      <c r="J38204" s="1" t="s">
        <v>131699</v>
      </c>
    </row>
    <row r="38205" spans="1:10" x14ac:dyDescent="0.35">
      <c r="A38205" s="1" t="s">
        <v>131658</v>
      </c>
      <c r="B38205" s="1" t="s">
        <v>126612</v>
      </c>
      <c r="C38205" s="1" t="s">
        <v>120</v>
      </c>
      <c r="D38205" s="1" t="s">
        <v>103742</v>
      </c>
      <c r="E38205" s="1" t="s">
        <v>90233</v>
      </c>
      <c r="F38205" s="1" t="s">
        <v>63709</v>
      </c>
      <c r="G38205" s="1" t="s">
        <v>131660</v>
      </c>
      <c r="H38205" s="1" t="s">
        <v>131661</v>
      </c>
      <c r="I38205" s="1" t="s">
        <v>126615</v>
      </c>
      <c r="J38205" s="1" t="s">
        <v>131700</v>
      </c>
    </row>
    <row r="38206" spans="1:10" x14ac:dyDescent="0.35">
      <c r="A38206" s="1" t="s">
        <v>131658</v>
      </c>
      <c r="B38206" s="1" t="s">
        <v>126612</v>
      </c>
      <c r="C38206" s="1" t="s">
        <v>125</v>
      </c>
      <c r="D38206" s="1" t="s">
        <v>131701</v>
      </c>
      <c r="E38206" s="1" t="s">
        <v>130769</v>
      </c>
      <c r="F38206" s="1" t="s">
        <v>131702</v>
      </c>
      <c r="G38206" s="1" t="s">
        <v>131660</v>
      </c>
      <c r="H38206" s="1" t="s">
        <v>131661</v>
      </c>
      <c r="I38206" s="1" t="s">
        <v>126615</v>
      </c>
      <c r="J38206" s="1" t="s">
        <v>131703</v>
      </c>
    </row>
    <row r="38207" spans="1:10" x14ac:dyDescent="0.35">
      <c r="A38207" s="1" t="s">
        <v>131658</v>
      </c>
      <c r="B38207" s="1" t="s">
        <v>126612</v>
      </c>
      <c r="C38207" s="1" t="s">
        <v>130</v>
      </c>
      <c r="D38207" s="1" t="s">
        <v>103573</v>
      </c>
      <c r="E38207" s="1" t="s">
        <v>76365</v>
      </c>
      <c r="F38207" s="1" t="s">
        <v>56027</v>
      </c>
      <c r="G38207" s="1" t="s">
        <v>131660</v>
      </c>
      <c r="H38207" s="1" t="s">
        <v>131661</v>
      </c>
      <c r="I38207" s="1" t="s">
        <v>126615</v>
      </c>
      <c r="J38207" s="1" t="s">
        <v>131704</v>
      </c>
    </row>
    <row r="38208" spans="1:10" x14ac:dyDescent="0.35">
      <c r="A38208" s="1" t="s">
        <v>131658</v>
      </c>
      <c r="B38208" s="1" t="s">
        <v>126612</v>
      </c>
      <c r="C38208" s="1" t="s">
        <v>135</v>
      </c>
      <c r="D38208" s="1" t="s">
        <v>65780</v>
      </c>
      <c r="E38208" s="1" t="s">
        <v>94732</v>
      </c>
      <c r="F38208" s="1" t="s">
        <v>99888</v>
      </c>
      <c r="G38208" s="1" t="s">
        <v>131660</v>
      </c>
      <c r="H38208" s="1" t="s">
        <v>131661</v>
      </c>
      <c r="I38208" s="1" t="s">
        <v>126615</v>
      </c>
      <c r="J38208" s="1" t="s">
        <v>131705</v>
      </c>
    </row>
    <row r="38209" spans="1:10" x14ac:dyDescent="0.35">
      <c r="A38209" s="1" t="s">
        <v>131658</v>
      </c>
      <c r="B38209" s="1" t="s">
        <v>126612</v>
      </c>
      <c r="C38209" s="1" t="s">
        <v>140</v>
      </c>
      <c r="D38209" s="1" t="s">
        <v>131706</v>
      </c>
      <c r="E38209" s="1" t="s">
        <v>90248</v>
      </c>
      <c r="F38209" s="1" t="s">
        <v>127282</v>
      </c>
      <c r="G38209" s="1" t="s">
        <v>131660</v>
      </c>
      <c r="H38209" s="1" t="s">
        <v>131661</v>
      </c>
      <c r="I38209" s="1" t="s">
        <v>126615</v>
      </c>
      <c r="J38209" s="1" t="s">
        <v>131707</v>
      </c>
    </row>
    <row r="38210" spans="1:10" x14ac:dyDescent="0.35">
      <c r="A38210" s="1" t="s">
        <v>131658</v>
      </c>
      <c r="B38210" s="1" t="s">
        <v>126612</v>
      </c>
      <c r="C38210" s="1" t="s">
        <v>145</v>
      </c>
      <c r="D38210" s="1" t="s">
        <v>91078</v>
      </c>
      <c r="E38210" s="1" t="s">
        <v>130765</v>
      </c>
      <c r="F38210" s="1" t="s">
        <v>131708</v>
      </c>
      <c r="G38210" s="1" t="s">
        <v>131660</v>
      </c>
      <c r="H38210" s="1" t="s">
        <v>131661</v>
      </c>
      <c r="I38210" s="1" t="s">
        <v>126615</v>
      </c>
      <c r="J38210" s="1" t="s">
        <v>131709</v>
      </c>
    </row>
    <row r="38211" spans="1:10" x14ac:dyDescent="0.35">
      <c r="A38211" s="1" t="s">
        <v>131658</v>
      </c>
      <c r="B38211" s="1" t="s">
        <v>126612</v>
      </c>
      <c r="C38211" s="1" t="s">
        <v>150</v>
      </c>
      <c r="D38211" s="1" t="s">
        <v>131710</v>
      </c>
      <c r="E38211" s="1" t="s">
        <v>128959</v>
      </c>
      <c r="F38211" s="1" t="s">
        <v>58711</v>
      </c>
      <c r="G38211" s="1" t="s">
        <v>131660</v>
      </c>
      <c r="H38211" s="1" t="s">
        <v>131661</v>
      </c>
      <c r="I38211" s="1" t="s">
        <v>126615</v>
      </c>
      <c r="J38211" s="1" t="s">
        <v>131711</v>
      </c>
    </row>
    <row r="38212" spans="1:10" x14ac:dyDescent="0.35">
      <c r="A38212" s="1" t="s">
        <v>131658</v>
      </c>
      <c r="B38212" s="1" t="s">
        <v>126612</v>
      </c>
      <c r="C38212" s="1" t="s">
        <v>155</v>
      </c>
      <c r="D38212" s="1" t="s">
        <v>131712</v>
      </c>
      <c r="E38212" s="1" t="s">
        <v>76375</v>
      </c>
      <c r="F38212" s="1" t="s">
        <v>131713</v>
      </c>
      <c r="G38212" s="1" t="s">
        <v>131660</v>
      </c>
      <c r="H38212" s="1" t="s">
        <v>131661</v>
      </c>
      <c r="I38212" s="1" t="s">
        <v>126615</v>
      </c>
      <c r="J38212" s="1" t="s">
        <v>131714</v>
      </c>
    </row>
    <row r="38213" spans="1:10" x14ac:dyDescent="0.35">
      <c r="A38213" s="1" t="s">
        <v>131658</v>
      </c>
      <c r="B38213" s="1" t="s">
        <v>126612</v>
      </c>
      <c r="C38213" s="1" t="s">
        <v>160</v>
      </c>
      <c r="D38213" s="1" t="s">
        <v>53154</v>
      </c>
      <c r="E38213" s="1" t="s">
        <v>95799</v>
      </c>
      <c r="F38213" s="1" t="s">
        <v>131715</v>
      </c>
      <c r="G38213" s="1" t="s">
        <v>131660</v>
      </c>
      <c r="H38213" s="1" t="s">
        <v>131661</v>
      </c>
      <c r="I38213" s="1" t="s">
        <v>126615</v>
      </c>
      <c r="J38213" s="1" t="s">
        <v>131716</v>
      </c>
    </row>
    <row r="38214" spans="1:10" x14ac:dyDescent="0.35">
      <c r="A38214" s="1" t="s">
        <v>131658</v>
      </c>
      <c r="B38214" s="1" t="s">
        <v>126612</v>
      </c>
      <c r="C38214" s="1" t="s">
        <v>165</v>
      </c>
      <c r="D38214" s="1" t="s">
        <v>67174</v>
      </c>
      <c r="E38214" s="1" t="s">
        <v>70893</v>
      </c>
      <c r="F38214" s="1" t="s">
        <v>131717</v>
      </c>
      <c r="G38214" s="1" t="s">
        <v>131660</v>
      </c>
      <c r="H38214" s="1" t="s">
        <v>131661</v>
      </c>
      <c r="I38214" s="1" t="s">
        <v>126615</v>
      </c>
      <c r="J38214" s="1" t="s">
        <v>131718</v>
      </c>
    </row>
    <row r="38215" spans="1:10" x14ac:dyDescent="0.35">
      <c r="A38215" s="1" t="s">
        <v>131658</v>
      </c>
      <c r="B38215" s="1" t="s">
        <v>126612</v>
      </c>
      <c r="C38215" s="1" t="s">
        <v>170</v>
      </c>
      <c r="D38215" s="1" t="s">
        <v>63193</v>
      </c>
      <c r="E38215" s="1" t="s">
        <v>105960</v>
      </c>
      <c r="F38215" s="1" t="s">
        <v>60419</v>
      </c>
      <c r="G38215" s="1" t="s">
        <v>131660</v>
      </c>
      <c r="H38215" s="1" t="s">
        <v>131661</v>
      </c>
      <c r="I38215" s="1" t="s">
        <v>126615</v>
      </c>
      <c r="J38215" s="1" t="s">
        <v>131719</v>
      </c>
    </row>
    <row r="38216" spans="1:10" x14ac:dyDescent="0.35">
      <c r="A38216" s="1" t="s">
        <v>131720</v>
      </c>
      <c r="B38216" s="1" t="s">
        <v>126612</v>
      </c>
      <c r="C38216" s="1" t="s">
        <v>8</v>
      </c>
      <c r="D38216" s="1" t="s">
        <v>105591</v>
      </c>
      <c r="E38216" s="1" t="s">
        <v>131721</v>
      </c>
      <c r="F38216" s="1" t="s">
        <v>131722</v>
      </c>
      <c r="G38216" s="1" t="s">
        <v>131723</v>
      </c>
      <c r="H38216" s="1" t="s">
        <v>131724</v>
      </c>
      <c r="I38216" s="1" t="s">
        <v>126615</v>
      </c>
      <c r="J38216" s="1" t="s">
        <v>13</v>
      </c>
    </row>
    <row r="38217" spans="1:10" x14ac:dyDescent="0.35">
      <c r="A38217" s="1" t="s">
        <v>131720</v>
      </c>
      <c r="B38217" s="1" t="s">
        <v>126612</v>
      </c>
      <c r="C38217" s="1" t="s">
        <v>15</v>
      </c>
      <c r="D38217" s="1" t="s">
        <v>55641</v>
      </c>
      <c r="E38217" s="1" t="s">
        <v>105411</v>
      </c>
      <c r="F38217" s="1" t="s">
        <v>131725</v>
      </c>
      <c r="G38217" s="1" t="s">
        <v>131723</v>
      </c>
      <c r="H38217" s="1" t="s">
        <v>131724</v>
      </c>
      <c r="I38217" s="1" t="s">
        <v>126615</v>
      </c>
      <c r="J38217" s="1" t="s">
        <v>131726</v>
      </c>
    </row>
    <row r="38218" spans="1:10" x14ac:dyDescent="0.35">
      <c r="A38218" s="1" t="s">
        <v>131720</v>
      </c>
      <c r="B38218" s="1" t="s">
        <v>126612</v>
      </c>
      <c r="C38218" s="1" t="s">
        <v>20</v>
      </c>
      <c r="D38218" s="1" t="s">
        <v>131727</v>
      </c>
      <c r="E38218" s="1" t="s">
        <v>78835</v>
      </c>
      <c r="F38218" s="1" t="s">
        <v>131728</v>
      </c>
      <c r="G38218" s="1" t="s">
        <v>131723</v>
      </c>
      <c r="H38218" s="1" t="s">
        <v>131724</v>
      </c>
      <c r="I38218" s="1" t="s">
        <v>126615</v>
      </c>
      <c r="J38218" s="1" t="s">
        <v>131729</v>
      </c>
    </row>
    <row r="38219" spans="1:10" x14ac:dyDescent="0.35">
      <c r="A38219" s="1" t="s">
        <v>131720</v>
      </c>
      <c r="B38219" s="1" t="s">
        <v>126612</v>
      </c>
      <c r="C38219" s="1" t="s">
        <v>25</v>
      </c>
      <c r="D38219" s="1" t="s">
        <v>131730</v>
      </c>
      <c r="E38219" s="1" t="s">
        <v>111210</v>
      </c>
      <c r="F38219" s="1" t="s">
        <v>131731</v>
      </c>
      <c r="G38219" s="1" t="s">
        <v>131723</v>
      </c>
      <c r="H38219" s="1" t="s">
        <v>131724</v>
      </c>
      <c r="I38219" s="1" t="s">
        <v>126615</v>
      </c>
      <c r="J38219" s="1" t="s">
        <v>131732</v>
      </c>
    </row>
    <row r="38220" spans="1:10" x14ac:dyDescent="0.35">
      <c r="A38220" s="1" t="s">
        <v>131720</v>
      </c>
      <c r="B38220" s="1" t="s">
        <v>126612</v>
      </c>
      <c r="C38220" s="1" t="s">
        <v>30</v>
      </c>
      <c r="D38220" s="1" t="s">
        <v>131733</v>
      </c>
      <c r="E38220" s="1" t="s">
        <v>131734</v>
      </c>
      <c r="F38220" s="1" t="s">
        <v>131735</v>
      </c>
      <c r="G38220" s="1" t="s">
        <v>131723</v>
      </c>
      <c r="H38220" s="1" t="s">
        <v>131724</v>
      </c>
      <c r="I38220" s="1" t="s">
        <v>126615</v>
      </c>
      <c r="J38220" s="1" t="s">
        <v>131736</v>
      </c>
    </row>
    <row r="38221" spans="1:10" x14ac:dyDescent="0.35">
      <c r="A38221" s="1" t="s">
        <v>131720</v>
      </c>
      <c r="B38221" s="1" t="s">
        <v>126612</v>
      </c>
      <c r="C38221" s="1" t="s">
        <v>35</v>
      </c>
      <c r="D38221" s="1" t="s">
        <v>131737</v>
      </c>
      <c r="E38221" s="1" t="s">
        <v>131738</v>
      </c>
      <c r="F38221" s="1" t="s">
        <v>131739</v>
      </c>
      <c r="G38221" s="1" t="s">
        <v>131723</v>
      </c>
      <c r="H38221" s="1" t="s">
        <v>131724</v>
      </c>
      <c r="I38221" s="1" t="s">
        <v>126615</v>
      </c>
      <c r="J38221" s="1" t="s">
        <v>131740</v>
      </c>
    </row>
    <row r="38222" spans="1:10" x14ac:dyDescent="0.35">
      <c r="A38222" s="1" t="s">
        <v>131720</v>
      </c>
      <c r="B38222" s="1" t="s">
        <v>126612</v>
      </c>
      <c r="C38222" s="1" t="s">
        <v>40</v>
      </c>
      <c r="D38222" s="1" t="s">
        <v>56487</v>
      </c>
      <c r="E38222" s="1" t="s">
        <v>78811</v>
      </c>
      <c r="F38222" s="1" t="s">
        <v>131741</v>
      </c>
      <c r="G38222" s="1" t="s">
        <v>131723</v>
      </c>
      <c r="H38222" s="1" t="s">
        <v>131724</v>
      </c>
      <c r="I38222" s="1" t="s">
        <v>126615</v>
      </c>
      <c r="J38222" s="1" t="s">
        <v>131742</v>
      </c>
    </row>
    <row r="38223" spans="1:10" x14ac:dyDescent="0.35">
      <c r="A38223" s="1" t="s">
        <v>131720</v>
      </c>
      <c r="B38223" s="1" t="s">
        <v>126612</v>
      </c>
      <c r="C38223" s="1" t="s">
        <v>45</v>
      </c>
      <c r="D38223" s="1" t="s">
        <v>12311</v>
      </c>
      <c r="E38223" s="1" t="s">
        <v>131743</v>
      </c>
      <c r="F38223" s="1" t="s">
        <v>131744</v>
      </c>
      <c r="G38223" s="1" t="s">
        <v>131723</v>
      </c>
      <c r="H38223" s="1" t="s">
        <v>131724</v>
      </c>
      <c r="I38223" s="1" t="s">
        <v>126615</v>
      </c>
      <c r="J38223" s="1" t="s">
        <v>131745</v>
      </c>
    </row>
    <row r="38224" spans="1:10" x14ac:dyDescent="0.35">
      <c r="A38224" s="1" t="s">
        <v>131720</v>
      </c>
      <c r="B38224" s="1" t="s">
        <v>126612</v>
      </c>
      <c r="C38224" s="1" t="s">
        <v>50</v>
      </c>
      <c r="D38224" s="1" t="s">
        <v>40140</v>
      </c>
      <c r="E38224" s="1" t="s">
        <v>107423</v>
      </c>
      <c r="F38224" s="1" t="s">
        <v>131746</v>
      </c>
      <c r="G38224" s="1" t="s">
        <v>131723</v>
      </c>
      <c r="H38224" s="1" t="s">
        <v>131724</v>
      </c>
      <c r="I38224" s="1" t="s">
        <v>126615</v>
      </c>
      <c r="J38224" s="1" t="s">
        <v>131747</v>
      </c>
    </row>
    <row r="38225" spans="1:10" x14ac:dyDescent="0.35">
      <c r="A38225" s="1" t="s">
        <v>131720</v>
      </c>
      <c r="B38225" s="1" t="s">
        <v>126612</v>
      </c>
      <c r="C38225" s="1" t="s">
        <v>55</v>
      </c>
      <c r="D38225" s="1" t="s">
        <v>131748</v>
      </c>
      <c r="E38225" s="1" t="s">
        <v>131749</v>
      </c>
      <c r="F38225" s="1" t="s">
        <v>131750</v>
      </c>
      <c r="G38225" s="1" t="s">
        <v>131723</v>
      </c>
      <c r="H38225" s="1" t="s">
        <v>131724</v>
      </c>
      <c r="I38225" s="1" t="s">
        <v>126615</v>
      </c>
      <c r="J38225" s="1" t="s">
        <v>131751</v>
      </c>
    </row>
    <row r="38226" spans="1:10" x14ac:dyDescent="0.35">
      <c r="A38226" s="1" t="s">
        <v>131720</v>
      </c>
      <c r="B38226" s="1" t="s">
        <v>126612</v>
      </c>
      <c r="C38226" s="1" t="s">
        <v>60</v>
      </c>
      <c r="D38226" s="1" t="s">
        <v>131752</v>
      </c>
      <c r="E38226" s="1" t="s">
        <v>131753</v>
      </c>
      <c r="F38226" s="1" t="s">
        <v>131754</v>
      </c>
      <c r="G38226" s="1" t="s">
        <v>131723</v>
      </c>
      <c r="H38226" s="1" t="s">
        <v>131724</v>
      </c>
      <c r="I38226" s="1" t="s">
        <v>126615</v>
      </c>
      <c r="J38226" s="1" t="s">
        <v>131755</v>
      </c>
    </row>
    <row r="38227" spans="1:10" x14ac:dyDescent="0.35">
      <c r="A38227" s="1" t="s">
        <v>131720</v>
      </c>
      <c r="B38227" s="1" t="s">
        <v>126612</v>
      </c>
      <c r="C38227" s="1" t="s">
        <v>65</v>
      </c>
      <c r="D38227" s="1" t="s">
        <v>131756</v>
      </c>
      <c r="E38227" s="1" t="s">
        <v>108927</v>
      </c>
      <c r="F38227" s="1" t="s">
        <v>131757</v>
      </c>
      <c r="G38227" s="1" t="s">
        <v>131723</v>
      </c>
      <c r="H38227" s="1" t="s">
        <v>131724</v>
      </c>
      <c r="I38227" s="1" t="s">
        <v>126615</v>
      </c>
      <c r="J38227" s="1" t="s">
        <v>131758</v>
      </c>
    </row>
    <row r="38228" spans="1:10" x14ac:dyDescent="0.35">
      <c r="A38228" s="1" t="s">
        <v>131720</v>
      </c>
      <c r="B38228" s="1" t="s">
        <v>126612</v>
      </c>
      <c r="C38228" s="1" t="s">
        <v>70</v>
      </c>
      <c r="D38228" s="1" t="s">
        <v>131759</v>
      </c>
      <c r="E38228" s="1" t="s">
        <v>126655</v>
      </c>
      <c r="F38228" s="1" t="s">
        <v>131760</v>
      </c>
      <c r="G38228" s="1" t="s">
        <v>131723</v>
      </c>
      <c r="H38228" s="1" t="s">
        <v>131724</v>
      </c>
      <c r="I38228" s="1" t="s">
        <v>126615</v>
      </c>
      <c r="J38228" s="1" t="s">
        <v>131761</v>
      </c>
    </row>
    <row r="38229" spans="1:10" x14ac:dyDescent="0.35">
      <c r="A38229" s="1" t="s">
        <v>131720</v>
      </c>
      <c r="B38229" s="1" t="s">
        <v>126612</v>
      </c>
      <c r="C38229" s="1" t="s">
        <v>75</v>
      </c>
      <c r="D38229" s="1" t="s">
        <v>131762</v>
      </c>
      <c r="E38229" s="1" t="s">
        <v>131763</v>
      </c>
      <c r="F38229" s="1" t="s">
        <v>131764</v>
      </c>
      <c r="G38229" s="1" t="s">
        <v>131723</v>
      </c>
      <c r="H38229" s="1" t="s">
        <v>131724</v>
      </c>
      <c r="I38229" s="1" t="s">
        <v>126615</v>
      </c>
      <c r="J38229" s="1" t="s">
        <v>131765</v>
      </c>
    </row>
    <row r="38230" spans="1:10" x14ac:dyDescent="0.35">
      <c r="A38230" s="1" t="s">
        <v>131720</v>
      </c>
      <c r="B38230" s="1" t="s">
        <v>126612</v>
      </c>
      <c r="C38230" s="1" t="s">
        <v>80</v>
      </c>
      <c r="D38230" s="1" t="s">
        <v>131766</v>
      </c>
      <c r="E38230" s="1" t="s">
        <v>126628</v>
      </c>
      <c r="F38230" s="1" t="s">
        <v>131767</v>
      </c>
      <c r="G38230" s="1" t="s">
        <v>131723</v>
      </c>
      <c r="H38230" s="1" t="s">
        <v>131724</v>
      </c>
      <c r="I38230" s="1" t="s">
        <v>126615</v>
      </c>
      <c r="J38230" s="1" t="s">
        <v>131768</v>
      </c>
    </row>
    <row r="38231" spans="1:10" x14ac:dyDescent="0.35">
      <c r="A38231" s="1" t="s">
        <v>131720</v>
      </c>
      <c r="B38231" s="1" t="s">
        <v>126612</v>
      </c>
      <c r="C38231" s="1" t="s">
        <v>85</v>
      </c>
      <c r="D38231" s="1" t="s">
        <v>89174</v>
      </c>
      <c r="E38231" s="1" t="s">
        <v>107423</v>
      </c>
      <c r="F38231" s="1" t="s">
        <v>131769</v>
      </c>
      <c r="G38231" s="1" t="s">
        <v>131723</v>
      </c>
      <c r="H38231" s="1" t="s">
        <v>131724</v>
      </c>
      <c r="I38231" s="1" t="s">
        <v>126615</v>
      </c>
      <c r="J38231" s="1" t="s">
        <v>131770</v>
      </c>
    </row>
    <row r="38232" spans="1:10" x14ac:dyDescent="0.35">
      <c r="A38232" s="1" t="s">
        <v>131720</v>
      </c>
      <c r="B38232" s="1" t="s">
        <v>126612</v>
      </c>
      <c r="C38232" s="1" t="s">
        <v>90</v>
      </c>
      <c r="D38232" s="1" t="s">
        <v>131771</v>
      </c>
      <c r="E38232" s="1" t="s">
        <v>107441</v>
      </c>
      <c r="F38232" s="1" t="s">
        <v>131772</v>
      </c>
      <c r="G38232" s="1" t="s">
        <v>131723</v>
      </c>
      <c r="H38232" s="1" t="s">
        <v>131724</v>
      </c>
      <c r="I38232" s="1" t="s">
        <v>126615</v>
      </c>
      <c r="J38232" s="1" t="s">
        <v>131773</v>
      </c>
    </row>
    <row r="38233" spans="1:10" x14ac:dyDescent="0.35">
      <c r="A38233" s="1" t="s">
        <v>131720</v>
      </c>
      <c r="B38233" s="1" t="s">
        <v>126612</v>
      </c>
      <c r="C38233" s="1" t="s">
        <v>95</v>
      </c>
      <c r="D38233" s="1" t="s">
        <v>131774</v>
      </c>
      <c r="E38233" s="1" t="s">
        <v>131775</v>
      </c>
      <c r="F38233" s="1" t="s">
        <v>131776</v>
      </c>
      <c r="G38233" s="1" t="s">
        <v>131723</v>
      </c>
      <c r="H38233" s="1" t="s">
        <v>131724</v>
      </c>
      <c r="I38233" s="1" t="s">
        <v>126615</v>
      </c>
      <c r="J38233" s="1" t="s">
        <v>131777</v>
      </c>
    </row>
    <row r="38234" spans="1:10" x14ac:dyDescent="0.35">
      <c r="A38234" s="1" t="s">
        <v>131720</v>
      </c>
      <c r="B38234" s="1" t="s">
        <v>126612</v>
      </c>
      <c r="C38234" s="1" t="s">
        <v>100</v>
      </c>
      <c r="D38234" s="1" t="s">
        <v>131778</v>
      </c>
      <c r="E38234" s="1" t="s">
        <v>131749</v>
      </c>
      <c r="F38234" s="1" t="s">
        <v>66588</v>
      </c>
      <c r="G38234" s="1" t="s">
        <v>131723</v>
      </c>
      <c r="H38234" s="1" t="s">
        <v>131724</v>
      </c>
      <c r="I38234" s="1" t="s">
        <v>126615</v>
      </c>
      <c r="J38234" s="1" t="s">
        <v>131779</v>
      </c>
    </row>
    <row r="38235" spans="1:10" x14ac:dyDescent="0.35">
      <c r="A38235" s="1" t="s">
        <v>131720</v>
      </c>
      <c r="B38235" s="1" t="s">
        <v>126612</v>
      </c>
      <c r="C38235" s="1" t="s">
        <v>105</v>
      </c>
      <c r="D38235" s="1" t="s">
        <v>131780</v>
      </c>
      <c r="E38235" s="1" t="s">
        <v>131781</v>
      </c>
      <c r="F38235" s="1" t="s">
        <v>63942</v>
      </c>
      <c r="G38235" s="1" t="s">
        <v>131723</v>
      </c>
      <c r="H38235" s="1" t="s">
        <v>131724</v>
      </c>
      <c r="I38235" s="1" t="s">
        <v>126615</v>
      </c>
      <c r="J38235" s="1" t="s">
        <v>131782</v>
      </c>
    </row>
    <row r="38236" spans="1:10" x14ac:dyDescent="0.35">
      <c r="A38236" s="1" t="s">
        <v>131720</v>
      </c>
      <c r="B38236" s="1" t="s">
        <v>126612</v>
      </c>
      <c r="C38236" s="1" t="s">
        <v>110</v>
      </c>
      <c r="D38236" s="1" t="s">
        <v>131783</v>
      </c>
      <c r="E38236" s="1" t="s">
        <v>131784</v>
      </c>
      <c r="F38236" s="1" t="s">
        <v>131785</v>
      </c>
      <c r="G38236" s="1" t="s">
        <v>131723</v>
      </c>
      <c r="H38236" s="1" t="s">
        <v>131724</v>
      </c>
      <c r="I38236" s="1" t="s">
        <v>126615</v>
      </c>
      <c r="J38236" s="1" t="s">
        <v>131786</v>
      </c>
    </row>
    <row r="38237" spans="1:10" x14ac:dyDescent="0.35">
      <c r="A38237" s="1" t="s">
        <v>131720</v>
      </c>
      <c r="B38237" s="1" t="s">
        <v>126612</v>
      </c>
      <c r="C38237" s="1" t="s">
        <v>115</v>
      </c>
      <c r="D38237" s="1" t="s">
        <v>95819</v>
      </c>
      <c r="E38237" s="1" t="s">
        <v>74224</v>
      </c>
      <c r="F38237" s="1" t="s">
        <v>131787</v>
      </c>
      <c r="G38237" s="1" t="s">
        <v>131723</v>
      </c>
      <c r="H38237" s="1" t="s">
        <v>131724</v>
      </c>
      <c r="I38237" s="1" t="s">
        <v>126615</v>
      </c>
      <c r="J38237" s="1" t="s">
        <v>131788</v>
      </c>
    </row>
    <row r="38238" spans="1:10" x14ac:dyDescent="0.35">
      <c r="A38238" s="1" t="s">
        <v>131720</v>
      </c>
      <c r="B38238" s="1" t="s">
        <v>126612</v>
      </c>
      <c r="C38238" s="1" t="s">
        <v>120</v>
      </c>
      <c r="D38238" s="1" t="s">
        <v>131789</v>
      </c>
      <c r="E38238" s="1" t="s">
        <v>131790</v>
      </c>
      <c r="F38238" s="1" t="s">
        <v>131791</v>
      </c>
      <c r="G38238" s="1" t="s">
        <v>131723</v>
      </c>
      <c r="H38238" s="1" t="s">
        <v>131724</v>
      </c>
      <c r="I38238" s="1" t="s">
        <v>126615</v>
      </c>
      <c r="J38238" s="1" t="s">
        <v>131792</v>
      </c>
    </row>
    <row r="38239" spans="1:10" x14ac:dyDescent="0.35">
      <c r="A38239" s="1" t="s">
        <v>131720</v>
      </c>
      <c r="B38239" s="1" t="s">
        <v>126612</v>
      </c>
      <c r="C38239" s="1" t="s">
        <v>125</v>
      </c>
      <c r="D38239" s="1" t="s">
        <v>130472</v>
      </c>
      <c r="E38239" s="1" t="s">
        <v>109529</v>
      </c>
      <c r="F38239" s="1" t="s">
        <v>131793</v>
      </c>
      <c r="G38239" s="1" t="s">
        <v>131723</v>
      </c>
      <c r="H38239" s="1" t="s">
        <v>131724</v>
      </c>
      <c r="I38239" s="1" t="s">
        <v>126615</v>
      </c>
      <c r="J38239" s="1" t="s">
        <v>131794</v>
      </c>
    </row>
    <row r="38240" spans="1:10" x14ac:dyDescent="0.35">
      <c r="A38240" s="1" t="s">
        <v>131720</v>
      </c>
      <c r="B38240" s="1" t="s">
        <v>126612</v>
      </c>
      <c r="C38240" s="1" t="s">
        <v>130</v>
      </c>
      <c r="D38240" s="1" t="s">
        <v>69612</v>
      </c>
      <c r="E38240" s="1" t="s">
        <v>131795</v>
      </c>
      <c r="F38240" s="1" t="s">
        <v>131796</v>
      </c>
      <c r="G38240" s="1" t="s">
        <v>131723</v>
      </c>
      <c r="H38240" s="1" t="s">
        <v>131724</v>
      </c>
      <c r="I38240" s="1" t="s">
        <v>126615</v>
      </c>
      <c r="J38240" s="1" t="s">
        <v>131797</v>
      </c>
    </row>
    <row r="38241" spans="1:10" x14ac:dyDescent="0.35">
      <c r="A38241" s="1" t="s">
        <v>131720</v>
      </c>
      <c r="B38241" s="1" t="s">
        <v>126612</v>
      </c>
      <c r="C38241" s="1" t="s">
        <v>135</v>
      </c>
      <c r="D38241" s="1" t="s">
        <v>131798</v>
      </c>
      <c r="E38241" s="1" t="s">
        <v>131799</v>
      </c>
      <c r="F38241" s="1" t="s">
        <v>128023</v>
      </c>
      <c r="G38241" s="1" t="s">
        <v>131723</v>
      </c>
      <c r="H38241" s="1" t="s">
        <v>131724</v>
      </c>
      <c r="I38241" s="1" t="s">
        <v>126615</v>
      </c>
      <c r="J38241" s="1" t="s">
        <v>131800</v>
      </c>
    </row>
    <row r="38242" spans="1:10" x14ac:dyDescent="0.35">
      <c r="A38242" s="1" t="s">
        <v>131720</v>
      </c>
      <c r="B38242" s="1" t="s">
        <v>126612</v>
      </c>
      <c r="C38242" s="1" t="s">
        <v>140</v>
      </c>
      <c r="D38242" s="1" t="s">
        <v>131801</v>
      </c>
      <c r="E38242" s="1" t="s">
        <v>77796</v>
      </c>
      <c r="F38242" s="1" t="s">
        <v>131802</v>
      </c>
      <c r="G38242" s="1" t="s">
        <v>131723</v>
      </c>
      <c r="H38242" s="1" t="s">
        <v>131724</v>
      </c>
      <c r="I38242" s="1" t="s">
        <v>126615</v>
      </c>
      <c r="J38242" s="1" t="s">
        <v>131803</v>
      </c>
    </row>
    <row r="38243" spans="1:10" x14ac:dyDescent="0.35">
      <c r="A38243" s="1" t="s">
        <v>131720</v>
      </c>
      <c r="B38243" s="1" t="s">
        <v>126612</v>
      </c>
      <c r="C38243" s="1" t="s">
        <v>145</v>
      </c>
      <c r="D38243" s="1" t="s">
        <v>131804</v>
      </c>
      <c r="E38243" s="1" t="s">
        <v>131805</v>
      </c>
      <c r="F38243" s="1" t="s">
        <v>131806</v>
      </c>
      <c r="G38243" s="1" t="s">
        <v>131723</v>
      </c>
      <c r="H38243" s="1" t="s">
        <v>131724</v>
      </c>
      <c r="I38243" s="1" t="s">
        <v>126615</v>
      </c>
      <c r="J38243" s="1" t="s">
        <v>131807</v>
      </c>
    </row>
    <row r="38244" spans="1:10" x14ac:dyDescent="0.35">
      <c r="A38244" s="1" t="s">
        <v>131720</v>
      </c>
      <c r="B38244" s="1" t="s">
        <v>126612</v>
      </c>
      <c r="C38244" s="1" t="s">
        <v>150</v>
      </c>
      <c r="D38244" s="1" t="s">
        <v>26685</v>
      </c>
      <c r="E38244" s="1" t="s">
        <v>131808</v>
      </c>
      <c r="F38244" s="1" t="s">
        <v>131809</v>
      </c>
      <c r="G38244" s="1" t="s">
        <v>131723</v>
      </c>
      <c r="H38244" s="1" t="s">
        <v>131724</v>
      </c>
      <c r="I38244" s="1" t="s">
        <v>126615</v>
      </c>
      <c r="J38244" s="1" t="s">
        <v>131810</v>
      </c>
    </row>
    <row r="38245" spans="1:10" x14ac:dyDescent="0.35">
      <c r="A38245" s="1" t="s">
        <v>131720</v>
      </c>
      <c r="B38245" s="1" t="s">
        <v>126612</v>
      </c>
      <c r="C38245" s="1" t="s">
        <v>155</v>
      </c>
      <c r="D38245" s="1" t="s">
        <v>112901</v>
      </c>
      <c r="E38245" s="1" t="s">
        <v>131811</v>
      </c>
      <c r="F38245" s="1" t="s">
        <v>131812</v>
      </c>
      <c r="G38245" s="1" t="s">
        <v>131723</v>
      </c>
      <c r="H38245" s="1" t="s">
        <v>131724</v>
      </c>
      <c r="I38245" s="1" t="s">
        <v>126615</v>
      </c>
      <c r="J38245" s="1" t="s">
        <v>131813</v>
      </c>
    </row>
    <row r="38246" spans="1:10" x14ac:dyDescent="0.35">
      <c r="A38246" s="1" t="s">
        <v>131720</v>
      </c>
      <c r="B38246" s="1" t="s">
        <v>126612</v>
      </c>
      <c r="C38246" s="1" t="s">
        <v>160</v>
      </c>
      <c r="D38246" s="1" t="s">
        <v>96962</v>
      </c>
      <c r="E38246" s="1" t="s">
        <v>131814</v>
      </c>
      <c r="F38246" s="1" t="s">
        <v>131815</v>
      </c>
      <c r="G38246" s="1" t="s">
        <v>131723</v>
      </c>
      <c r="H38246" s="1" t="s">
        <v>131724</v>
      </c>
      <c r="I38246" s="1" t="s">
        <v>126615</v>
      </c>
      <c r="J38246" s="1" t="s">
        <v>131816</v>
      </c>
    </row>
    <row r="38247" spans="1:10" x14ac:dyDescent="0.35">
      <c r="A38247" s="1" t="s">
        <v>131720</v>
      </c>
      <c r="B38247" s="1" t="s">
        <v>126612</v>
      </c>
      <c r="C38247" s="1" t="s">
        <v>165</v>
      </c>
      <c r="D38247" s="1" t="s">
        <v>131817</v>
      </c>
      <c r="E38247" s="1" t="s">
        <v>131818</v>
      </c>
      <c r="F38247" s="1" t="s">
        <v>131819</v>
      </c>
      <c r="G38247" s="1" t="s">
        <v>131723</v>
      </c>
      <c r="H38247" s="1" t="s">
        <v>131724</v>
      </c>
      <c r="I38247" s="1" t="s">
        <v>126615</v>
      </c>
      <c r="J38247" s="1" t="s">
        <v>131820</v>
      </c>
    </row>
    <row r="38248" spans="1:10" x14ac:dyDescent="0.35">
      <c r="A38248" s="1" t="s">
        <v>131720</v>
      </c>
      <c r="B38248" s="1" t="s">
        <v>126612</v>
      </c>
      <c r="C38248" s="1" t="s">
        <v>170</v>
      </c>
      <c r="D38248" s="1" t="s">
        <v>81465</v>
      </c>
      <c r="E38248" s="1" t="s">
        <v>110849</v>
      </c>
      <c r="F38248" s="1" t="s">
        <v>131821</v>
      </c>
      <c r="G38248" s="1" t="s">
        <v>131723</v>
      </c>
      <c r="H38248" s="1" t="s">
        <v>131724</v>
      </c>
      <c r="I38248" s="1" t="s">
        <v>126615</v>
      </c>
      <c r="J38248" s="1" t="s">
        <v>131822</v>
      </c>
    </row>
    <row r="38249" spans="1:10" x14ac:dyDescent="0.35">
      <c r="A38249" s="1" t="s">
        <v>13130</v>
      </c>
      <c r="B38249" s="1" t="s">
        <v>126612</v>
      </c>
      <c r="C38249" s="1" t="s">
        <v>8</v>
      </c>
      <c r="D38249" s="1" t="s">
        <v>131823</v>
      </c>
      <c r="E38249" s="1" t="s">
        <v>131824</v>
      </c>
      <c r="F38249" s="1" t="s">
        <v>131825</v>
      </c>
      <c r="G38249" s="1" t="s">
        <v>131826</v>
      </c>
      <c r="H38249" s="1" t="s">
        <v>131827</v>
      </c>
      <c r="I38249" s="1" t="s">
        <v>126615</v>
      </c>
      <c r="J38249" s="1" t="s">
        <v>13</v>
      </c>
    </row>
    <row r="38250" spans="1:10" x14ac:dyDescent="0.35">
      <c r="A38250" s="1" t="s">
        <v>13130</v>
      </c>
      <c r="B38250" s="1" t="s">
        <v>126612</v>
      </c>
      <c r="C38250" s="1" t="s">
        <v>15</v>
      </c>
      <c r="D38250" s="1" t="s">
        <v>131828</v>
      </c>
      <c r="E38250" s="1" t="s">
        <v>131829</v>
      </c>
      <c r="F38250" s="1" t="s">
        <v>131830</v>
      </c>
      <c r="G38250" s="1" t="s">
        <v>131826</v>
      </c>
      <c r="H38250" s="1" t="s">
        <v>131827</v>
      </c>
      <c r="I38250" s="1" t="s">
        <v>126615</v>
      </c>
      <c r="J38250" s="1" t="s">
        <v>131831</v>
      </c>
    </row>
    <row r="38251" spans="1:10" x14ac:dyDescent="0.35">
      <c r="A38251" s="1" t="s">
        <v>13130</v>
      </c>
      <c r="B38251" s="1" t="s">
        <v>126612</v>
      </c>
      <c r="C38251" s="1" t="s">
        <v>20</v>
      </c>
      <c r="D38251" s="1" t="s">
        <v>131832</v>
      </c>
      <c r="E38251" s="1" t="s">
        <v>131833</v>
      </c>
      <c r="F38251" s="1" t="s">
        <v>131834</v>
      </c>
      <c r="G38251" s="1" t="s">
        <v>131826</v>
      </c>
      <c r="H38251" s="1" t="s">
        <v>131827</v>
      </c>
      <c r="I38251" s="1" t="s">
        <v>126615</v>
      </c>
      <c r="J38251" s="1" t="s">
        <v>131835</v>
      </c>
    </row>
    <row r="38252" spans="1:10" x14ac:dyDescent="0.35">
      <c r="A38252" s="1" t="s">
        <v>13130</v>
      </c>
      <c r="B38252" s="1" t="s">
        <v>126612</v>
      </c>
      <c r="C38252" s="1" t="s">
        <v>25</v>
      </c>
      <c r="D38252" s="1" t="s">
        <v>54693</v>
      </c>
      <c r="E38252" s="1" t="s">
        <v>131836</v>
      </c>
      <c r="F38252" s="1" t="s">
        <v>131837</v>
      </c>
      <c r="G38252" s="1" t="s">
        <v>131826</v>
      </c>
      <c r="H38252" s="1" t="s">
        <v>131827</v>
      </c>
      <c r="I38252" s="1" t="s">
        <v>126615</v>
      </c>
      <c r="J38252" s="1" t="s">
        <v>131838</v>
      </c>
    </row>
    <row r="38253" spans="1:10" x14ac:dyDescent="0.35">
      <c r="A38253" s="1" t="s">
        <v>13130</v>
      </c>
      <c r="B38253" s="1" t="s">
        <v>126612</v>
      </c>
      <c r="C38253" s="1" t="s">
        <v>30</v>
      </c>
      <c r="D38253" s="1" t="s">
        <v>57556</v>
      </c>
      <c r="E38253" s="1" t="s">
        <v>131839</v>
      </c>
      <c r="F38253" s="1" t="s">
        <v>131840</v>
      </c>
      <c r="G38253" s="1" t="s">
        <v>131826</v>
      </c>
      <c r="H38253" s="1" t="s">
        <v>131827</v>
      </c>
      <c r="I38253" s="1" t="s">
        <v>126615</v>
      </c>
      <c r="J38253" s="1" t="s">
        <v>131841</v>
      </c>
    </row>
    <row r="38254" spans="1:10" x14ac:dyDescent="0.35">
      <c r="A38254" s="1" t="s">
        <v>13130</v>
      </c>
      <c r="B38254" s="1" t="s">
        <v>126612</v>
      </c>
      <c r="C38254" s="1" t="s">
        <v>35</v>
      </c>
      <c r="D38254" s="1" t="s">
        <v>131842</v>
      </c>
      <c r="E38254" s="1" t="s">
        <v>131843</v>
      </c>
      <c r="F38254" s="1" t="s">
        <v>131844</v>
      </c>
      <c r="G38254" s="1" t="s">
        <v>131826</v>
      </c>
      <c r="H38254" s="1" t="s">
        <v>131827</v>
      </c>
      <c r="I38254" s="1" t="s">
        <v>126615</v>
      </c>
      <c r="J38254" s="1" t="s">
        <v>131845</v>
      </c>
    </row>
    <row r="38255" spans="1:10" x14ac:dyDescent="0.35">
      <c r="A38255" s="1" t="s">
        <v>13130</v>
      </c>
      <c r="B38255" s="1" t="s">
        <v>126612</v>
      </c>
      <c r="C38255" s="1" t="s">
        <v>40</v>
      </c>
      <c r="D38255" s="1" t="s">
        <v>126775</v>
      </c>
      <c r="E38255" s="1" t="s">
        <v>131846</v>
      </c>
      <c r="F38255" s="1" t="s">
        <v>131847</v>
      </c>
      <c r="G38255" s="1" t="s">
        <v>131826</v>
      </c>
      <c r="H38255" s="1" t="s">
        <v>131827</v>
      </c>
      <c r="I38255" s="1" t="s">
        <v>126615</v>
      </c>
      <c r="J38255" s="1" t="s">
        <v>131848</v>
      </c>
    </row>
    <row r="38256" spans="1:10" x14ac:dyDescent="0.35">
      <c r="A38256" s="1" t="s">
        <v>13130</v>
      </c>
      <c r="B38256" s="1" t="s">
        <v>126612</v>
      </c>
      <c r="C38256" s="1" t="s">
        <v>45</v>
      </c>
      <c r="D38256" s="1" t="s">
        <v>131849</v>
      </c>
      <c r="E38256" s="1" t="s">
        <v>131850</v>
      </c>
      <c r="F38256" s="1" t="s">
        <v>131851</v>
      </c>
      <c r="G38256" s="1" t="s">
        <v>131826</v>
      </c>
      <c r="H38256" s="1" t="s">
        <v>131827</v>
      </c>
      <c r="I38256" s="1" t="s">
        <v>126615</v>
      </c>
      <c r="J38256" s="1" t="s">
        <v>131852</v>
      </c>
    </row>
    <row r="38257" spans="1:10" x14ac:dyDescent="0.35">
      <c r="A38257" s="1" t="s">
        <v>13130</v>
      </c>
      <c r="B38257" s="1" t="s">
        <v>126612</v>
      </c>
      <c r="C38257" s="1" t="s">
        <v>50</v>
      </c>
      <c r="D38257" s="1" t="s">
        <v>131853</v>
      </c>
      <c r="E38257" s="1" t="s">
        <v>131854</v>
      </c>
      <c r="F38257" s="1" t="s">
        <v>131855</v>
      </c>
      <c r="G38257" s="1" t="s">
        <v>131826</v>
      </c>
      <c r="H38257" s="1" t="s">
        <v>131827</v>
      </c>
      <c r="I38257" s="1" t="s">
        <v>126615</v>
      </c>
      <c r="J38257" s="1" t="s">
        <v>131856</v>
      </c>
    </row>
    <row r="38258" spans="1:10" x14ac:dyDescent="0.35">
      <c r="A38258" s="1" t="s">
        <v>13130</v>
      </c>
      <c r="B38258" s="1" t="s">
        <v>126612</v>
      </c>
      <c r="C38258" s="1" t="s">
        <v>55</v>
      </c>
      <c r="D38258" s="1" t="s">
        <v>21500</v>
      </c>
      <c r="E38258" s="1" t="s">
        <v>131857</v>
      </c>
      <c r="F38258" s="1" t="s">
        <v>131858</v>
      </c>
      <c r="G38258" s="1" t="s">
        <v>131826</v>
      </c>
      <c r="H38258" s="1" t="s">
        <v>131827</v>
      </c>
      <c r="I38258" s="1" t="s">
        <v>126615</v>
      </c>
      <c r="J38258" s="1" t="s">
        <v>131859</v>
      </c>
    </row>
    <row r="38259" spans="1:10" x14ac:dyDescent="0.35">
      <c r="A38259" s="1" t="s">
        <v>13130</v>
      </c>
      <c r="B38259" s="1" t="s">
        <v>126612</v>
      </c>
      <c r="C38259" s="1" t="s">
        <v>60</v>
      </c>
      <c r="D38259" s="1" t="s">
        <v>131860</v>
      </c>
      <c r="E38259" s="1" t="s">
        <v>131861</v>
      </c>
      <c r="F38259" s="1" t="s">
        <v>131862</v>
      </c>
      <c r="G38259" s="1" t="s">
        <v>131826</v>
      </c>
      <c r="H38259" s="1" t="s">
        <v>131827</v>
      </c>
      <c r="I38259" s="1" t="s">
        <v>126615</v>
      </c>
      <c r="J38259" s="1" t="s">
        <v>131863</v>
      </c>
    </row>
    <row r="38260" spans="1:10" x14ac:dyDescent="0.35">
      <c r="A38260" s="1" t="s">
        <v>13130</v>
      </c>
      <c r="B38260" s="1" t="s">
        <v>126612</v>
      </c>
      <c r="C38260" s="1" t="s">
        <v>65</v>
      </c>
      <c r="D38260" s="1" t="s">
        <v>24757</v>
      </c>
      <c r="E38260" s="1" t="s">
        <v>131864</v>
      </c>
      <c r="F38260" s="1" t="s">
        <v>131865</v>
      </c>
      <c r="G38260" s="1" t="s">
        <v>131826</v>
      </c>
      <c r="H38260" s="1" t="s">
        <v>131827</v>
      </c>
      <c r="I38260" s="1" t="s">
        <v>126615</v>
      </c>
      <c r="J38260" s="1" t="s">
        <v>131866</v>
      </c>
    </row>
    <row r="38261" spans="1:10" x14ac:dyDescent="0.35">
      <c r="A38261" s="1" t="s">
        <v>13130</v>
      </c>
      <c r="B38261" s="1" t="s">
        <v>126612</v>
      </c>
      <c r="C38261" s="1" t="s">
        <v>70</v>
      </c>
      <c r="D38261" s="1" t="s">
        <v>131867</v>
      </c>
      <c r="E38261" s="1" t="s">
        <v>131868</v>
      </c>
      <c r="F38261" s="1" t="s">
        <v>131869</v>
      </c>
      <c r="G38261" s="1" t="s">
        <v>131826</v>
      </c>
      <c r="H38261" s="1" t="s">
        <v>131827</v>
      </c>
      <c r="I38261" s="1" t="s">
        <v>126615</v>
      </c>
      <c r="J38261" s="1" t="s">
        <v>131870</v>
      </c>
    </row>
    <row r="38262" spans="1:10" x14ac:dyDescent="0.35">
      <c r="A38262" s="1" t="s">
        <v>13130</v>
      </c>
      <c r="B38262" s="1" t="s">
        <v>126612</v>
      </c>
      <c r="C38262" s="1" t="s">
        <v>75</v>
      </c>
      <c r="D38262" s="1" t="s">
        <v>131871</v>
      </c>
      <c r="E38262" s="1" t="s">
        <v>131872</v>
      </c>
      <c r="F38262" s="1" t="s">
        <v>131873</v>
      </c>
      <c r="G38262" s="1" t="s">
        <v>131826</v>
      </c>
      <c r="H38262" s="1" t="s">
        <v>131827</v>
      </c>
      <c r="I38262" s="1" t="s">
        <v>126615</v>
      </c>
      <c r="J38262" s="1" t="s">
        <v>131874</v>
      </c>
    </row>
    <row r="38263" spans="1:10" x14ac:dyDescent="0.35">
      <c r="A38263" s="1" t="s">
        <v>13130</v>
      </c>
      <c r="B38263" s="1" t="s">
        <v>126612</v>
      </c>
      <c r="C38263" s="1" t="s">
        <v>80</v>
      </c>
      <c r="D38263" s="1" t="s">
        <v>131875</v>
      </c>
      <c r="E38263" s="1" t="s">
        <v>131876</v>
      </c>
      <c r="F38263" s="1" t="s">
        <v>131877</v>
      </c>
      <c r="G38263" s="1" t="s">
        <v>131826</v>
      </c>
      <c r="H38263" s="1" t="s">
        <v>131827</v>
      </c>
      <c r="I38263" s="1" t="s">
        <v>126615</v>
      </c>
      <c r="J38263" s="1" t="s">
        <v>131878</v>
      </c>
    </row>
    <row r="38264" spans="1:10" x14ac:dyDescent="0.35">
      <c r="A38264" s="1" t="s">
        <v>13130</v>
      </c>
      <c r="B38264" s="1" t="s">
        <v>126612</v>
      </c>
      <c r="C38264" s="1" t="s">
        <v>85</v>
      </c>
      <c r="D38264" s="1" t="s">
        <v>131879</v>
      </c>
      <c r="E38264" s="1" t="s">
        <v>131880</v>
      </c>
      <c r="F38264" s="1" t="s">
        <v>131881</v>
      </c>
      <c r="G38264" s="1" t="s">
        <v>131826</v>
      </c>
      <c r="H38264" s="1" t="s">
        <v>131827</v>
      </c>
      <c r="I38264" s="1" t="s">
        <v>126615</v>
      </c>
      <c r="J38264" s="1" t="s">
        <v>131882</v>
      </c>
    </row>
    <row r="38265" spans="1:10" x14ac:dyDescent="0.35">
      <c r="A38265" s="1" t="s">
        <v>13130</v>
      </c>
      <c r="B38265" s="1" t="s">
        <v>126612</v>
      </c>
      <c r="C38265" s="1" t="s">
        <v>90</v>
      </c>
      <c r="D38265" s="1" t="s">
        <v>131883</v>
      </c>
      <c r="E38265" s="1" t="s">
        <v>131884</v>
      </c>
      <c r="F38265" s="1" t="s">
        <v>131885</v>
      </c>
      <c r="G38265" s="1" t="s">
        <v>131826</v>
      </c>
      <c r="H38265" s="1" t="s">
        <v>131827</v>
      </c>
      <c r="I38265" s="1" t="s">
        <v>126615</v>
      </c>
      <c r="J38265" s="1" t="s">
        <v>131886</v>
      </c>
    </row>
    <row r="38266" spans="1:10" x14ac:dyDescent="0.35">
      <c r="A38266" s="1" t="s">
        <v>13130</v>
      </c>
      <c r="B38266" s="1" t="s">
        <v>126612</v>
      </c>
      <c r="C38266" s="1" t="s">
        <v>95</v>
      </c>
      <c r="D38266" s="1" t="s">
        <v>131887</v>
      </c>
      <c r="E38266" s="1" t="s">
        <v>131888</v>
      </c>
      <c r="F38266" s="1" t="s">
        <v>131889</v>
      </c>
      <c r="G38266" s="1" t="s">
        <v>131826</v>
      </c>
      <c r="H38266" s="1" t="s">
        <v>131827</v>
      </c>
      <c r="I38266" s="1" t="s">
        <v>126615</v>
      </c>
      <c r="J38266" s="1" t="s">
        <v>131890</v>
      </c>
    </row>
    <row r="38267" spans="1:10" x14ac:dyDescent="0.35">
      <c r="A38267" s="1" t="s">
        <v>13130</v>
      </c>
      <c r="B38267" s="1" t="s">
        <v>126612</v>
      </c>
      <c r="C38267" s="1" t="s">
        <v>100</v>
      </c>
      <c r="D38267" s="1" t="s">
        <v>131891</v>
      </c>
      <c r="E38267" s="1" t="s">
        <v>131892</v>
      </c>
      <c r="F38267" s="1" t="s">
        <v>131893</v>
      </c>
      <c r="G38267" s="1" t="s">
        <v>131826</v>
      </c>
      <c r="H38267" s="1" t="s">
        <v>131827</v>
      </c>
      <c r="I38267" s="1" t="s">
        <v>126615</v>
      </c>
      <c r="J38267" s="1" t="s">
        <v>131894</v>
      </c>
    </row>
    <row r="38268" spans="1:10" x14ac:dyDescent="0.35">
      <c r="A38268" s="1" t="s">
        <v>13130</v>
      </c>
      <c r="B38268" s="1" t="s">
        <v>126612</v>
      </c>
      <c r="C38268" s="1" t="s">
        <v>105</v>
      </c>
      <c r="D38268" s="1" t="s">
        <v>131895</v>
      </c>
      <c r="E38268" s="1" t="s">
        <v>131896</v>
      </c>
      <c r="F38268" s="1" t="s">
        <v>131897</v>
      </c>
      <c r="G38268" s="1" t="s">
        <v>131826</v>
      </c>
      <c r="H38268" s="1" t="s">
        <v>131827</v>
      </c>
      <c r="I38268" s="1" t="s">
        <v>126615</v>
      </c>
      <c r="J38268" s="1" t="s">
        <v>131898</v>
      </c>
    </row>
    <row r="38269" spans="1:10" x14ac:dyDescent="0.35">
      <c r="A38269" s="1" t="s">
        <v>13130</v>
      </c>
      <c r="B38269" s="1" t="s">
        <v>126612</v>
      </c>
      <c r="C38269" s="1" t="s">
        <v>110</v>
      </c>
      <c r="D38269" s="1" t="s">
        <v>131899</v>
      </c>
      <c r="E38269" s="1" t="s">
        <v>131900</v>
      </c>
      <c r="F38269" s="1" t="s">
        <v>131901</v>
      </c>
      <c r="G38269" s="1" t="s">
        <v>131826</v>
      </c>
      <c r="H38269" s="1" t="s">
        <v>131827</v>
      </c>
      <c r="I38269" s="1" t="s">
        <v>126615</v>
      </c>
      <c r="J38269" s="1" t="s">
        <v>131902</v>
      </c>
    </row>
    <row r="38270" spans="1:10" x14ac:dyDescent="0.35">
      <c r="A38270" s="1" t="s">
        <v>13130</v>
      </c>
      <c r="B38270" s="1" t="s">
        <v>126612</v>
      </c>
      <c r="C38270" s="1" t="s">
        <v>115</v>
      </c>
      <c r="D38270" s="1" t="s">
        <v>131903</v>
      </c>
      <c r="E38270" s="1" t="s">
        <v>131904</v>
      </c>
      <c r="F38270" s="1" t="s">
        <v>131905</v>
      </c>
      <c r="G38270" s="1" t="s">
        <v>131826</v>
      </c>
      <c r="H38270" s="1" t="s">
        <v>131827</v>
      </c>
      <c r="I38270" s="1" t="s">
        <v>126615</v>
      </c>
      <c r="J38270" s="1" t="s">
        <v>131906</v>
      </c>
    </row>
    <row r="38271" spans="1:10" x14ac:dyDescent="0.35">
      <c r="A38271" s="1" t="s">
        <v>13130</v>
      </c>
      <c r="B38271" s="1" t="s">
        <v>126612</v>
      </c>
      <c r="C38271" s="1" t="s">
        <v>120</v>
      </c>
      <c r="D38271" s="1" t="s">
        <v>131907</v>
      </c>
      <c r="E38271" s="1" t="s">
        <v>131908</v>
      </c>
      <c r="F38271" s="1" t="s">
        <v>131909</v>
      </c>
      <c r="G38271" s="1" t="s">
        <v>131826</v>
      </c>
      <c r="H38271" s="1" t="s">
        <v>131827</v>
      </c>
      <c r="I38271" s="1" t="s">
        <v>126615</v>
      </c>
      <c r="J38271" s="1" t="s">
        <v>131910</v>
      </c>
    </row>
    <row r="38272" spans="1:10" x14ac:dyDescent="0.35">
      <c r="A38272" s="1" t="s">
        <v>13130</v>
      </c>
      <c r="B38272" s="1" t="s">
        <v>126612</v>
      </c>
      <c r="C38272" s="1" t="s">
        <v>125</v>
      </c>
      <c r="D38272" s="1" t="s">
        <v>131911</v>
      </c>
      <c r="E38272" s="1" t="s">
        <v>131912</v>
      </c>
      <c r="F38272" s="1" t="s">
        <v>131913</v>
      </c>
      <c r="G38272" s="1" t="s">
        <v>131826</v>
      </c>
      <c r="H38272" s="1" t="s">
        <v>131827</v>
      </c>
      <c r="I38272" s="1" t="s">
        <v>126615</v>
      </c>
      <c r="J38272" s="1" t="s">
        <v>131914</v>
      </c>
    </row>
    <row r="38273" spans="1:10" x14ac:dyDescent="0.35">
      <c r="A38273" s="1" t="s">
        <v>13130</v>
      </c>
      <c r="B38273" s="1" t="s">
        <v>126612</v>
      </c>
      <c r="C38273" s="1" t="s">
        <v>130</v>
      </c>
      <c r="D38273" s="1" t="s">
        <v>131915</v>
      </c>
      <c r="E38273" s="1" t="s">
        <v>131916</v>
      </c>
      <c r="F38273" s="1" t="s">
        <v>131917</v>
      </c>
      <c r="G38273" s="1" t="s">
        <v>131826</v>
      </c>
      <c r="H38273" s="1" t="s">
        <v>131827</v>
      </c>
      <c r="I38273" s="1" t="s">
        <v>126615</v>
      </c>
      <c r="J38273" s="1" t="s">
        <v>131918</v>
      </c>
    </row>
    <row r="38274" spans="1:10" x14ac:dyDescent="0.35">
      <c r="A38274" s="1" t="s">
        <v>13130</v>
      </c>
      <c r="B38274" s="1" t="s">
        <v>126612</v>
      </c>
      <c r="C38274" s="1" t="s">
        <v>135</v>
      </c>
      <c r="D38274" s="1" t="s">
        <v>131919</v>
      </c>
      <c r="E38274" s="1" t="s">
        <v>131920</v>
      </c>
      <c r="F38274" s="1" t="s">
        <v>131921</v>
      </c>
      <c r="G38274" s="1" t="s">
        <v>131826</v>
      </c>
      <c r="H38274" s="1" t="s">
        <v>131827</v>
      </c>
      <c r="I38274" s="1" t="s">
        <v>126615</v>
      </c>
      <c r="J38274" s="1" t="s">
        <v>131922</v>
      </c>
    </row>
    <row r="38275" spans="1:10" x14ac:dyDescent="0.35">
      <c r="A38275" s="1" t="s">
        <v>13130</v>
      </c>
      <c r="B38275" s="1" t="s">
        <v>126612</v>
      </c>
      <c r="C38275" s="1" t="s">
        <v>140</v>
      </c>
      <c r="D38275" s="1" t="s">
        <v>131923</v>
      </c>
      <c r="E38275" s="1" t="s">
        <v>131924</v>
      </c>
      <c r="F38275" s="1" t="s">
        <v>131925</v>
      </c>
      <c r="G38275" s="1" t="s">
        <v>131826</v>
      </c>
      <c r="H38275" s="1" t="s">
        <v>131827</v>
      </c>
      <c r="I38275" s="1" t="s">
        <v>126615</v>
      </c>
      <c r="J38275" s="1" t="s">
        <v>131926</v>
      </c>
    </row>
    <row r="38276" spans="1:10" x14ac:dyDescent="0.35">
      <c r="A38276" s="1" t="s">
        <v>13130</v>
      </c>
      <c r="B38276" s="1" t="s">
        <v>126612</v>
      </c>
      <c r="C38276" s="1" t="s">
        <v>145</v>
      </c>
      <c r="D38276" s="1" t="s">
        <v>131927</v>
      </c>
      <c r="E38276" s="1" t="s">
        <v>131928</v>
      </c>
      <c r="F38276" s="1" t="s">
        <v>131929</v>
      </c>
      <c r="G38276" s="1" t="s">
        <v>131826</v>
      </c>
      <c r="H38276" s="1" t="s">
        <v>131827</v>
      </c>
      <c r="I38276" s="1" t="s">
        <v>126615</v>
      </c>
      <c r="J38276" s="1" t="s">
        <v>131930</v>
      </c>
    </row>
    <row r="38277" spans="1:10" x14ac:dyDescent="0.35">
      <c r="A38277" s="1" t="s">
        <v>13130</v>
      </c>
      <c r="B38277" s="1" t="s">
        <v>126612</v>
      </c>
      <c r="C38277" s="1" t="s">
        <v>150</v>
      </c>
      <c r="D38277" s="1" t="s">
        <v>81042</v>
      </c>
      <c r="E38277" s="1" t="s">
        <v>131931</v>
      </c>
      <c r="F38277" s="1" t="s">
        <v>131932</v>
      </c>
      <c r="G38277" s="1" t="s">
        <v>131826</v>
      </c>
      <c r="H38277" s="1" t="s">
        <v>131827</v>
      </c>
      <c r="I38277" s="1" t="s">
        <v>126615</v>
      </c>
      <c r="J38277" s="1" t="s">
        <v>131933</v>
      </c>
    </row>
    <row r="38278" spans="1:10" x14ac:dyDescent="0.35">
      <c r="A38278" s="1" t="s">
        <v>13130</v>
      </c>
      <c r="B38278" s="1" t="s">
        <v>126612</v>
      </c>
      <c r="C38278" s="1" t="s">
        <v>155</v>
      </c>
      <c r="D38278" s="1" t="s">
        <v>131934</v>
      </c>
      <c r="E38278" s="1" t="s">
        <v>131935</v>
      </c>
      <c r="F38278" s="1" t="s">
        <v>131936</v>
      </c>
      <c r="G38278" s="1" t="s">
        <v>131826</v>
      </c>
      <c r="H38278" s="1" t="s">
        <v>131827</v>
      </c>
      <c r="I38278" s="1" t="s">
        <v>126615</v>
      </c>
      <c r="J38278" s="1" t="s">
        <v>131937</v>
      </c>
    </row>
    <row r="38279" spans="1:10" x14ac:dyDescent="0.35">
      <c r="A38279" s="1" t="s">
        <v>13130</v>
      </c>
      <c r="B38279" s="1" t="s">
        <v>126612</v>
      </c>
      <c r="C38279" s="1" t="s">
        <v>160</v>
      </c>
      <c r="D38279" s="1" t="s">
        <v>76237</v>
      </c>
      <c r="E38279" s="1" t="s">
        <v>131938</v>
      </c>
      <c r="F38279" s="1" t="s">
        <v>131939</v>
      </c>
      <c r="G38279" s="1" t="s">
        <v>131826</v>
      </c>
      <c r="H38279" s="1" t="s">
        <v>131827</v>
      </c>
      <c r="I38279" s="1" t="s">
        <v>126615</v>
      </c>
      <c r="J38279" s="1" t="s">
        <v>131940</v>
      </c>
    </row>
    <row r="38280" spans="1:10" x14ac:dyDescent="0.35">
      <c r="A38280" s="1" t="s">
        <v>13130</v>
      </c>
      <c r="B38280" s="1" t="s">
        <v>126612</v>
      </c>
      <c r="C38280" s="1" t="s">
        <v>165</v>
      </c>
      <c r="D38280" s="1" t="s">
        <v>62723</v>
      </c>
      <c r="E38280" s="1" t="s">
        <v>131941</v>
      </c>
      <c r="F38280" s="1" t="s">
        <v>131942</v>
      </c>
      <c r="G38280" s="1" t="s">
        <v>131826</v>
      </c>
      <c r="H38280" s="1" t="s">
        <v>131827</v>
      </c>
      <c r="I38280" s="1" t="s">
        <v>126615</v>
      </c>
      <c r="J38280" s="1" t="s">
        <v>131943</v>
      </c>
    </row>
    <row r="38281" spans="1:10" x14ac:dyDescent="0.35">
      <c r="A38281" s="1" t="s">
        <v>13130</v>
      </c>
      <c r="B38281" s="1" t="s">
        <v>126612</v>
      </c>
      <c r="C38281" s="1" t="s">
        <v>170</v>
      </c>
      <c r="D38281" s="1" t="s">
        <v>63061</v>
      </c>
      <c r="E38281" s="1" t="s">
        <v>131944</v>
      </c>
      <c r="F38281" s="1" t="s">
        <v>131945</v>
      </c>
      <c r="G38281" s="1" t="s">
        <v>131826</v>
      </c>
      <c r="H38281" s="1" t="s">
        <v>131827</v>
      </c>
      <c r="I38281" s="1" t="s">
        <v>126615</v>
      </c>
      <c r="J38281" s="1" t="s">
        <v>131946</v>
      </c>
    </row>
    <row r="38282" spans="1:10" x14ac:dyDescent="0.35">
      <c r="A38282" s="1" t="s">
        <v>9294</v>
      </c>
      <c r="B38282" s="1" t="s">
        <v>126612</v>
      </c>
      <c r="C38282" s="1" t="s">
        <v>8</v>
      </c>
      <c r="D38282" s="1" t="s">
        <v>131947</v>
      </c>
      <c r="E38282" s="1" t="s">
        <v>15544</v>
      </c>
      <c r="F38282" s="1" t="s">
        <v>131948</v>
      </c>
      <c r="G38282" s="1" t="s">
        <v>131949</v>
      </c>
      <c r="H38282" s="1" t="s">
        <v>131950</v>
      </c>
      <c r="I38282" s="1" t="s">
        <v>126615</v>
      </c>
      <c r="J38282" s="1" t="s">
        <v>13</v>
      </c>
    </row>
    <row r="38283" spans="1:10" x14ac:dyDescent="0.35">
      <c r="A38283" s="1" t="s">
        <v>9294</v>
      </c>
      <c r="B38283" s="1" t="s">
        <v>126612</v>
      </c>
      <c r="C38283" s="1" t="s">
        <v>15</v>
      </c>
      <c r="D38283" s="1" t="s">
        <v>47512</v>
      </c>
      <c r="E38283" s="1" t="s">
        <v>48047</v>
      </c>
      <c r="F38283" s="1" t="s">
        <v>98790</v>
      </c>
      <c r="G38283" s="1" t="s">
        <v>131949</v>
      </c>
      <c r="H38283" s="1" t="s">
        <v>131950</v>
      </c>
      <c r="I38283" s="1" t="s">
        <v>126615</v>
      </c>
      <c r="J38283" s="1" t="s">
        <v>131951</v>
      </c>
    </row>
    <row r="38284" spans="1:10" x14ac:dyDescent="0.35">
      <c r="A38284" s="1" t="s">
        <v>9294</v>
      </c>
      <c r="B38284" s="1" t="s">
        <v>126612</v>
      </c>
      <c r="C38284" s="1" t="s">
        <v>20</v>
      </c>
      <c r="D38284" s="1" t="s">
        <v>131952</v>
      </c>
      <c r="E38284" s="1" t="s">
        <v>105366</v>
      </c>
      <c r="F38284" s="1" t="s">
        <v>95775</v>
      </c>
      <c r="G38284" s="1" t="s">
        <v>131949</v>
      </c>
      <c r="H38284" s="1" t="s">
        <v>131950</v>
      </c>
      <c r="I38284" s="1" t="s">
        <v>126615</v>
      </c>
      <c r="J38284" s="1" t="s">
        <v>131953</v>
      </c>
    </row>
    <row r="38285" spans="1:10" x14ac:dyDescent="0.35">
      <c r="A38285" s="1" t="s">
        <v>9294</v>
      </c>
      <c r="B38285" s="1" t="s">
        <v>126612</v>
      </c>
      <c r="C38285" s="1" t="s">
        <v>25</v>
      </c>
      <c r="D38285" s="1" t="s">
        <v>78795</v>
      </c>
      <c r="E38285" s="1" t="s">
        <v>108236</v>
      </c>
      <c r="F38285" s="1" t="s">
        <v>131954</v>
      </c>
      <c r="G38285" s="1" t="s">
        <v>131949</v>
      </c>
      <c r="H38285" s="1" t="s">
        <v>131950</v>
      </c>
      <c r="I38285" s="1" t="s">
        <v>126615</v>
      </c>
      <c r="J38285" s="1" t="s">
        <v>131955</v>
      </c>
    </row>
    <row r="38286" spans="1:10" x14ac:dyDescent="0.35">
      <c r="A38286" s="1" t="s">
        <v>9294</v>
      </c>
      <c r="B38286" s="1" t="s">
        <v>126612</v>
      </c>
      <c r="C38286" s="1" t="s">
        <v>30</v>
      </c>
      <c r="D38286" s="1" t="s">
        <v>86906</v>
      </c>
      <c r="E38286" s="1" t="s">
        <v>108862</v>
      </c>
      <c r="F38286" s="1" t="s">
        <v>23640</v>
      </c>
      <c r="G38286" s="1" t="s">
        <v>131949</v>
      </c>
      <c r="H38286" s="1" t="s">
        <v>131950</v>
      </c>
      <c r="I38286" s="1" t="s">
        <v>126615</v>
      </c>
      <c r="J38286" s="1" t="s">
        <v>131956</v>
      </c>
    </row>
    <row r="38287" spans="1:10" x14ac:dyDescent="0.35">
      <c r="A38287" s="1" t="s">
        <v>9294</v>
      </c>
      <c r="B38287" s="1" t="s">
        <v>126612</v>
      </c>
      <c r="C38287" s="1" t="s">
        <v>35</v>
      </c>
      <c r="D38287" s="1" t="s">
        <v>58255</v>
      </c>
      <c r="E38287" s="1" t="s">
        <v>105391</v>
      </c>
      <c r="F38287" s="1" t="s">
        <v>131957</v>
      </c>
      <c r="G38287" s="1" t="s">
        <v>131949</v>
      </c>
      <c r="H38287" s="1" t="s">
        <v>131950</v>
      </c>
      <c r="I38287" s="1" t="s">
        <v>126615</v>
      </c>
      <c r="J38287" s="1" t="s">
        <v>131958</v>
      </c>
    </row>
    <row r="38288" spans="1:10" x14ac:dyDescent="0.35">
      <c r="A38288" s="1" t="s">
        <v>9294</v>
      </c>
      <c r="B38288" s="1" t="s">
        <v>126612</v>
      </c>
      <c r="C38288" s="1" t="s">
        <v>40</v>
      </c>
      <c r="D38288" s="1" t="s">
        <v>106137</v>
      </c>
      <c r="E38288" s="1" t="s">
        <v>108758</v>
      </c>
      <c r="F38288" s="1" t="s">
        <v>131959</v>
      </c>
      <c r="G38288" s="1" t="s">
        <v>131949</v>
      </c>
      <c r="H38288" s="1" t="s">
        <v>131950</v>
      </c>
      <c r="I38288" s="1" t="s">
        <v>126615</v>
      </c>
      <c r="J38288" s="1" t="s">
        <v>131960</v>
      </c>
    </row>
    <row r="38289" spans="1:10" x14ac:dyDescent="0.35">
      <c r="A38289" s="1" t="s">
        <v>9294</v>
      </c>
      <c r="B38289" s="1" t="s">
        <v>126612</v>
      </c>
      <c r="C38289" s="1" t="s">
        <v>45</v>
      </c>
      <c r="D38289" s="1" t="s">
        <v>106222</v>
      </c>
      <c r="E38289" s="1" t="s">
        <v>107617</v>
      </c>
      <c r="F38289" s="1" t="s">
        <v>131961</v>
      </c>
      <c r="G38289" s="1" t="s">
        <v>131949</v>
      </c>
      <c r="H38289" s="1" t="s">
        <v>131950</v>
      </c>
      <c r="I38289" s="1" t="s">
        <v>126615</v>
      </c>
      <c r="J38289" s="1" t="s">
        <v>131962</v>
      </c>
    </row>
    <row r="38290" spans="1:10" x14ac:dyDescent="0.35">
      <c r="A38290" s="1" t="s">
        <v>9294</v>
      </c>
      <c r="B38290" s="1" t="s">
        <v>126612</v>
      </c>
      <c r="C38290" s="1" t="s">
        <v>50</v>
      </c>
      <c r="D38290" s="1" t="s">
        <v>65364</v>
      </c>
      <c r="E38290" s="1" t="s">
        <v>105391</v>
      </c>
      <c r="F38290" s="1" t="s">
        <v>131963</v>
      </c>
      <c r="G38290" s="1" t="s">
        <v>131949</v>
      </c>
      <c r="H38290" s="1" t="s">
        <v>131950</v>
      </c>
      <c r="I38290" s="1" t="s">
        <v>126615</v>
      </c>
      <c r="J38290" s="1" t="s">
        <v>131964</v>
      </c>
    </row>
    <row r="38291" spans="1:10" x14ac:dyDescent="0.35">
      <c r="A38291" s="1" t="s">
        <v>9294</v>
      </c>
      <c r="B38291" s="1" t="s">
        <v>126612</v>
      </c>
      <c r="C38291" s="1" t="s">
        <v>55</v>
      </c>
      <c r="D38291" s="1" t="s">
        <v>60075</v>
      </c>
      <c r="E38291" s="1" t="s">
        <v>131965</v>
      </c>
      <c r="F38291" s="1" t="s">
        <v>104014</v>
      </c>
      <c r="G38291" s="1" t="s">
        <v>131949</v>
      </c>
      <c r="H38291" s="1" t="s">
        <v>131950</v>
      </c>
      <c r="I38291" s="1" t="s">
        <v>126615</v>
      </c>
      <c r="J38291" s="1" t="s">
        <v>131966</v>
      </c>
    </row>
    <row r="38292" spans="1:10" x14ac:dyDescent="0.35">
      <c r="A38292" s="1" t="s">
        <v>9294</v>
      </c>
      <c r="B38292" s="1" t="s">
        <v>126612</v>
      </c>
      <c r="C38292" s="1" t="s">
        <v>60</v>
      </c>
      <c r="D38292" s="1" t="s">
        <v>98924</v>
      </c>
      <c r="E38292" s="1" t="s">
        <v>106491</v>
      </c>
      <c r="F38292" s="1" t="s">
        <v>131967</v>
      </c>
      <c r="G38292" s="1" t="s">
        <v>131949</v>
      </c>
      <c r="H38292" s="1" t="s">
        <v>131950</v>
      </c>
      <c r="I38292" s="1" t="s">
        <v>126615</v>
      </c>
      <c r="J38292" s="1" t="s">
        <v>131968</v>
      </c>
    </row>
    <row r="38293" spans="1:10" x14ac:dyDescent="0.35">
      <c r="A38293" s="1" t="s">
        <v>9294</v>
      </c>
      <c r="B38293" s="1" t="s">
        <v>126612</v>
      </c>
      <c r="C38293" s="1" t="s">
        <v>65</v>
      </c>
      <c r="D38293" s="1" t="s">
        <v>52731</v>
      </c>
      <c r="E38293" s="1" t="s">
        <v>81150</v>
      </c>
      <c r="F38293" s="1" t="s">
        <v>54223</v>
      </c>
      <c r="G38293" s="1" t="s">
        <v>131949</v>
      </c>
      <c r="H38293" s="1" t="s">
        <v>131950</v>
      </c>
      <c r="I38293" s="1" t="s">
        <v>126615</v>
      </c>
      <c r="J38293" s="1" t="s">
        <v>131969</v>
      </c>
    </row>
    <row r="38294" spans="1:10" x14ac:dyDescent="0.35">
      <c r="A38294" s="1" t="s">
        <v>9294</v>
      </c>
      <c r="B38294" s="1" t="s">
        <v>126612</v>
      </c>
      <c r="C38294" s="1" t="s">
        <v>70</v>
      </c>
      <c r="D38294" s="1" t="s">
        <v>77355</v>
      </c>
      <c r="E38294" s="1" t="s">
        <v>131970</v>
      </c>
      <c r="F38294" s="1" t="s">
        <v>131971</v>
      </c>
      <c r="G38294" s="1" t="s">
        <v>131949</v>
      </c>
      <c r="H38294" s="1" t="s">
        <v>131950</v>
      </c>
      <c r="I38294" s="1" t="s">
        <v>126615</v>
      </c>
      <c r="J38294" s="1" t="s">
        <v>131972</v>
      </c>
    </row>
    <row r="38295" spans="1:10" x14ac:dyDescent="0.35">
      <c r="A38295" s="1" t="s">
        <v>9294</v>
      </c>
      <c r="B38295" s="1" t="s">
        <v>126612</v>
      </c>
      <c r="C38295" s="1" t="s">
        <v>75</v>
      </c>
      <c r="D38295" s="1" t="s">
        <v>93024</v>
      </c>
      <c r="E38295" s="1" t="s">
        <v>131973</v>
      </c>
      <c r="F38295" s="1" t="s">
        <v>26207</v>
      </c>
      <c r="G38295" s="1" t="s">
        <v>131949</v>
      </c>
      <c r="H38295" s="1" t="s">
        <v>131950</v>
      </c>
      <c r="I38295" s="1" t="s">
        <v>126615</v>
      </c>
      <c r="J38295" s="1" t="s">
        <v>131974</v>
      </c>
    </row>
    <row r="38296" spans="1:10" x14ac:dyDescent="0.35">
      <c r="A38296" s="1" t="s">
        <v>9294</v>
      </c>
      <c r="B38296" s="1" t="s">
        <v>126612</v>
      </c>
      <c r="C38296" s="1" t="s">
        <v>80</v>
      </c>
      <c r="D38296" s="1" t="s">
        <v>64485</v>
      </c>
      <c r="E38296" s="1" t="s">
        <v>131975</v>
      </c>
      <c r="F38296" s="1" t="s">
        <v>131976</v>
      </c>
      <c r="G38296" s="1" t="s">
        <v>131949</v>
      </c>
      <c r="H38296" s="1" t="s">
        <v>131950</v>
      </c>
      <c r="I38296" s="1" t="s">
        <v>126615</v>
      </c>
      <c r="J38296" s="1" t="s">
        <v>131977</v>
      </c>
    </row>
    <row r="38297" spans="1:10" x14ac:dyDescent="0.35">
      <c r="A38297" s="1" t="s">
        <v>9294</v>
      </c>
      <c r="B38297" s="1" t="s">
        <v>126612</v>
      </c>
      <c r="C38297" s="1" t="s">
        <v>85</v>
      </c>
      <c r="D38297" s="1" t="s">
        <v>39737</v>
      </c>
      <c r="E38297" s="1" t="s">
        <v>49796</v>
      </c>
      <c r="F38297" s="1" t="s">
        <v>22714</v>
      </c>
      <c r="G38297" s="1" t="s">
        <v>131949</v>
      </c>
      <c r="H38297" s="1" t="s">
        <v>131950</v>
      </c>
      <c r="I38297" s="1" t="s">
        <v>126615</v>
      </c>
      <c r="J38297" s="1" t="s">
        <v>131978</v>
      </c>
    </row>
    <row r="38298" spans="1:10" x14ac:dyDescent="0.35">
      <c r="A38298" s="1" t="s">
        <v>9294</v>
      </c>
      <c r="B38298" s="1" t="s">
        <v>126612</v>
      </c>
      <c r="C38298" s="1" t="s">
        <v>90</v>
      </c>
      <c r="D38298" s="1" t="s">
        <v>131979</v>
      </c>
      <c r="E38298" s="1" t="s">
        <v>107635</v>
      </c>
      <c r="F38298" s="1" t="s">
        <v>131980</v>
      </c>
      <c r="G38298" s="1" t="s">
        <v>131949</v>
      </c>
      <c r="H38298" s="1" t="s">
        <v>131950</v>
      </c>
      <c r="I38298" s="1" t="s">
        <v>126615</v>
      </c>
      <c r="J38298" s="1" t="s">
        <v>131981</v>
      </c>
    </row>
    <row r="38299" spans="1:10" x14ac:dyDescent="0.35">
      <c r="A38299" s="1" t="s">
        <v>9294</v>
      </c>
      <c r="B38299" s="1" t="s">
        <v>126612</v>
      </c>
      <c r="C38299" s="1" t="s">
        <v>95</v>
      </c>
      <c r="D38299" s="1" t="s">
        <v>83728</v>
      </c>
      <c r="E38299" s="1" t="s">
        <v>129971</v>
      </c>
      <c r="F38299" s="1" t="s">
        <v>131982</v>
      </c>
      <c r="G38299" s="1" t="s">
        <v>131949</v>
      </c>
      <c r="H38299" s="1" t="s">
        <v>131950</v>
      </c>
      <c r="I38299" s="1" t="s">
        <v>126615</v>
      </c>
      <c r="J38299" s="1" t="s">
        <v>131983</v>
      </c>
    </row>
    <row r="38300" spans="1:10" x14ac:dyDescent="0.35">
      <c r="A38300" s="1" t="s">
        <v>9294</v>
      </c>
      <c r="B38300" s="1" t="s">
        <v>126612</v>
      </c>
      <c r="C38300" s="1" t="s">
        <v>100</v>
      </c>
      <c r="D38300" s="1" t="s">
        <v>131984</v>
      </c>
      <c r="E38300" s="1" t="s">
        <v>131985</v>
      </c>
      <c r="F38300" s="1" t="s">
        <v>131986</v>
      </c>
      <c r="G38300" s="1" t="s">
        <v>131949</v>
      </c>
      <c r="H38300" s="1" t="s">
        <v>131950</v>
      </c>
      <c r="I38300" s="1" t="s">
        <v>126615</v>
      </c>
      <c r="J38300" s="1" t="s">
        <v>131987</v>
      </c>
    </row>
    <row r="38301" spans="1:10" x14ac:dyDescent="0.35">
      <c r="A38301" s="1" t="s">
        <v>9294</v>
      </c>
      <c r="B38301" s="1" t="s">
        <v>126612</v>
      </c>
      <c r="C38301" s="1" t="s">
        <v>105</v>
      </c>
      <c r="D38301" s="1" t="s">
        <v>96923</v>
      </c>
      <c r="E38301" s="1" t="s">
        <v>131970</v>
      </c>
      <c r="F38301" s="1" t="s">
        <v>131988</v>
      </c>
      <c r="G38301" s="1" t="s">
        <v>131949</v>
      </c>
      <c r="H38301" s="1" t="s">
        <v>131950</v>
      </c>
      <c r="I38301" s="1" t="s">
        <v>126615</v>
      </c>
      <c r="J38301" s="1" t="s">
        <v>131989</v>
      </c>
    </row>
    <row r="38302" spans="1:10" x14ac:dyDescent="0.35">
      <c r="A38302" s="1" t="s">
        <v>9294</v>
      </c>
      <c r="B38302" s="1" t="s">
        <v>126612</v>
      </c>
      <c r="C38302" s="1" t="s">
        <v>110</v>
      </c>
      <c r="D38302" s="1" t="s">
        <v>85723</v>
      </c>
      <c r="E38302" s="1" t="s">
        <v>131990</v>
      </c>
      <c r="F38302" s="1" t="s">
        <v>131991</v>
      </c>
      <c r="G38302" s="1" t="s">
        <v>131949</v>
      </c>
      <c r="H38302" s="1" t="s">
        <v>131950</v>
      </c>
      <c r="I38302" s="1" t="s">
        <v>126615</v>
      </c>
      <c r="J38302" s="1" t="s">
        <v>131992</v>
      </c>
    </row>
    <row r="38303" spans="1:10" x14ac:dyDescent="0.35">
      <c r="A38303" s="1" t="s">
        <v>9294</v>
      </c>
      <c r="B38303" s="1" t="s">
        <v>126612</v>
      </c>
      <c r="C38303" s="1" t="s">
        <v>115</v>
      </c>
      <c r="D38303" s="1" t="s">
        <v>131993</v>
      </c>
      <c r="E38303" s="1" t="s">
        <v>131994</v>
      </c>
      <c r="F38303" s="1" t="s">
        <v>130810</v>
      </c>
      <c r="G38303" s="1" t="s">
        <v>131949</v>
      </c>
      <c r="H38303" s="1" t="s">
        <v>131950</v>
      </c>
      <c r="I38303" s="1" t="s">
        <v>126615</v>
      </c>
      <c r="J38303" s="1" t="s">
        <v>131995</v>
      </c>
    </row>
    <row r="38304" spans="1:10" x14ac:dyDescent="0.35">
      <c r="A38304" s="1" t="s">
        <v>9294</v>
      </c>
      <c r="B38304" s="1" t="s">
        <v>126612</v>
      </c>
      <c r="C38304" s="1" t="s">
        <v>120</v>
      </c>
      <c r="D38304" s="1" t="s">
        <v>65364</v>
      </c>
      <c r="E38304" s="1" t="s">
        <v>107635</v>
      </c>
      <c r="F38304" s="1" t="s">
        <v>131996</v>
      </c>
      <c r="G38304" s="1" t="s">
        <v>131949</v>
      </c>
      <c r="H38304" s="1" t="s">
        <v>131950</v>
      </c>
      <c r="I38304" s="1" t="s">
        <v>126615</v>
      </c>
      <c r="J38304" s="1" t="s">
        <v>131997</v>
      </c>
    </row>
    <row r="38305" spans="1:10" x14ac:dyDescent="0.35">
      <c r="A38305" s="1" t="s">
        <v>9294</v>
      </c>
      <c r="B38305" s="1" t="s">
        <v>126612</v>
      </c>
      <c r="C38305" s="1" t="s">
        <v>125</v>
      </c>
      <c r="D38305" s="1" t="s">
        <v>109347</v>
      </c>
      <c r="E38305" s="1" t="s">
        <v>106540</v>
      </c>
      <c r="F38305" s="1" t="s">
        <v>131998</v>
      </c>
      <c r="G38305" s="1" t="s">
        <v>131949</v>
      </c>
      <c r="H38305" s="1" t="s">
        <v>131950</v>
      </c>
      <c r="I38305" s="1" t="s">
        <v>126615</v>
      </c>
      <c r="J38305" s="1" t="s">
        <v>131999</v>
      </c>
    </row>
    <row r="38306" spans="1:10" x14ac:dyDescent="0.35">
      <c r="A38306" s="1" t="s">
        <v>9294</v>
      </c>
      <c r="B38306" s="1" t="s">
        <v>126612</v>
      </c>
      <c r="C38306" s="1" t="s">
        <v>130</v>
      </c>
      <c r="D38306" s="1" t="s">
        <v>132000</v>
      </c>
      <c r="E38306" s="1" t="s">
        <v>49813</v>
      </c>
      <c r="F38306" s="1" t="s">
        <v>132001</v>
      </c>
      <c r="G38306" s="1" t="s">
        <v>131949</v>
      </c>
      <c r="H38306" s="1" t="s">
        <v>131950</v>
      </c>
      <c r="I38306" s="1" t="s">
        <v>126615</v>
      </c>
      <c r="J38306" s="1" t="s">
        <v>132002</v>
      </c>
    </row>
    <row r="38307" spans="1:10" x14ac:dyDescent="0.35">
      <c r="A38307" s="1" t="s">
        <v>9294</v>
      </c>
      <c r="B38307" s="1" t="s">
        <v>126612</v>
      </c>
      <c r="C38307" s="1" t="s">
        <v>135</v>
      </c>
      <c r="D38307" s="1" t="s">
        <v>132003</v>
      </c>
      <c r="E38307" s="1" t="s">
        <v>107284</v>
      </c>
      <c r="F38307" s="1" t="s">
        <v>103406</v>
      </c>
      <c r="G38307" s="1" t="s">
        <v>131949</v>
      </c>
      <c r="H38307" s="1" t="s">
        <v>131950</v>
      </c>
      <c r="I38307" s="1" t="s">
        <v>126615</v>
      </c>
      <c r="J38307" s="1" t="s">
        <v>132004</v>
      </c>
    </row>
    <row r="38308" spans="1:10" x14ac:dyDescent="0.35">
      <c r="A38308" s="1" t="s">
        <v>9294</v>
      </c>
      <c r="B38308" s="1" t="s">
        <v>126612</v>
      </c>
      <c r="C38308" s="1" t="s">
        <v>140</v>
      </c>
      <c r="D38308" s="1" t="s">
        <v>132005</v>
      </c>
      <c r="E38308" s="1" t="s">
        <v>109462</v>
      </c>
      <c r="F38308" s="1" t="s">
        <v>132006</v>
      </c>
      <c r="G38308" s="1" t="s">
        <v>131949</v>
      </c>
      <c r="H38308" s="1" t="s">
        <v>131950</v>
      </c>
      <c r="I38308" s="1" t="s">
        <v>126615</v>
      </c>
      <c r="J38308" s="1" t="s">
        <v>132007</v>
      </c>
    </row>
    <row r="38309" spans="1:10" x14ac:dyDescent="0.35">
      <c r="A38309" s="1" t="s">
        <v>9294</v>
      </c>
      <c r="B38309" s="1" t="s">
        <v>126612</v>
      </c>
      <c r="C38309" s="1" t="s">
        <v>145</v>
      </c>
      <c r="D38309" s="1" t="s">
        <v>106127</v>
      </c>
      <c r="E38309" s="1" t="s">
        <v>109489</v>
      </c>
      <c r="F38309" s="1" t="s">
        <v>132008</v>
      </c>
      <c r="G38309" s="1" t="s">
        <v>131949</v>
      </c>
      <c r="H38309" s="1" t="s">
        <v>131950</v>
      </c>
      <c r="I38309" s="1" t="s">
        <v>126615</v>
      </c>
      <c r="J38309" s="1" t="s">
        <v>132009</v>
      </c>
    </row>
    <row r="38310" spans="1:10" x14ac:dyDescent="0.35">
      <c r="A38310" s="1" t="s">
        <v>9294</v>
      </c>
      <c r="B38310" s="1" t="s">
        <v>126612</v>
      </c>
      <c r="C38310" s="1" t="s">
        <v>150</v>
      </c>
      <c r="D38310" s="1" t="s">
        <v>132010</v>
      </c>
      <c r="E38310" s="1" t="s">
        <v>81161</v>
      </c>
      <c r="F38310" s="1" t="s">
        <v>132011</v>
      </c>
      <c r="G38310" s="1" t="s">
        <v>131949</v>
      </c>
      <c r="H38310" s="1" t="s">
        <v>131950</v>
      </c>
      <c r="I38310" s="1" t="s">
        <v>126615</v>
      </c>
      <c r="J38310" s="1" t="s">
        <v>132012</v>
      </c>
    </row>
    <row r="38311" spans="1:10" x14ac:dyDescent="0.35">
      <c r="A38311" s="1" t="s">
        <v>9294</v>
      </c>
      <c r="B38311" s="1" t="s">
        <v>126612</v>
      </c>
      <c r="C38311" s="1" t="s">
        <v>155</v>
      </c>
      <c r="D38311" s="1" t="s">
        <v>68131</v>
      </c>
      <c r="E38311" s="1" t="s">
        <v>106543</v>
      </c>
      <c r="F38311" s="1" t="s">
        <v>132013</v>
      </c>
      <c r="G38311" s="1" t="s">
        <v>131949</v>
      </c>
      <c r="H38311" s="1" t="s">
        <v>131950</v>
      </c>
      <c r="I38311" s="1" t="s">
        <v>126615</v>
      </c>
      <c r="J38311" s="1" t="s">
        <v>132014</v>
      </c>
    </row>
    <row r="38312" spans="1:10" x14ac:dyDescent="0.35">
      <c r="A38312" s="1" t="s">
        <v>9294</v>
      </c>
      <c r="B38312" s="1" t="s">
        <v>126612</v>
      </c>
      <c r="C38312" s="1" t="s">
        <v>160</v>
      </c>
      <c r="D38312" s="1" t="s">
        <v>66808</v>
      </c>
      <c r="E38312" s="1" t="s">
        <v>107284</v>
      </c>
      <c r="F38312" s="1" t="s">
        <v>64879</v>
      </c>
      <c r="G38312" s="1" t="s">
        <v>131949</v>
      </c>
      <c r="H38312" s="1" t="s">
        <v>131950</v>
      </c>
      <c r="I38312" s="1" t="s">
        <v>126615</v>
      </c>
      <c r="J38312" s="1" t="s">
        <v>132015</v>
      </c>
    </row>
    <row r="38313" spans="1:10" x14ac:dyDescent="0.35">
      <c r="A38313" s="1" t="s">
        <v>9294</v>
      </c>
      <c r="B38313" s="1" t="s">
        <v>126612</v>
      </c>
      <c r="C38313" s="1" t="s">
        <v>165</v>
      </c>
      <c r="D38313" s="1" t="s">
        <v>68580</v>
      </c>
      <c r="E38313" s="1" t="s">
        <v>132016</v>
      </c>
      <c r="F38313" s="1" t="s">
        <v>99038</v>
      </c>
      <c r="G38313" s="1" t="s">
        <v>131949</v>
      </c>
      <c r="H38313" s="1" t="s">
        <v>131950</v>
      </c>
      <c r="I38313" s="1" t="s">
        <v>126615</v>
      </c>
      <c r="J38313" s="1" t="s">
        <v>132017</v>
      </c>
    </row>
    <row r="38314" spans="1:10" x14ac:dyDescent="0.35">
      <c r="A38314" s="1" t="s">
        <v>9294</v>
      </c>
      <c r="B38314" s="1" t="s">
        <v>126612</v>
      </c>
      <c r="C38314" s="1" t="s">
        <v>170</v>
      </c>
      <c r="D38314" s="1" t="s">
        <v>132018</v>
      </c>
      <c r="E38314" s="1" t="s">
        <v>127920</v>
      </c>
      <c r="F38314" s="1" t="s">
        <v>132019</v>
      </c>
      <c r="G38314" s="1" t="s">
        <v>131949</v>
      </c>
      <c r="H38314" s="1" t="s">
        <v>131950</v>
      </c>
      <c r="I38314" s="1" t="s">
        <v>126615</v>
      </c>
      <c r="J38314" s="1" t="s">
        <v>132020</v>
      </c>
    </row>
    <row r="38315" spans="1:10" x14ac:dyDescent="0.35">
      <c r="A38315" s="1" t="s">
        <v>12982</v>
      </c>
      <c r="B38315" s="1" t="s">
        <v>126612</v>
      </c>
      <c r="C38315" s="1" t="s">
        <v>8</v>
      </c>
      <c r="D38315" s="1" t="s">
        <v>132021</v>
      </c>
      <c r="E38315" s="1" t="s">
        <v>19990</v>
      </c>
      <c r="F38315" s="1" t="s">
        <v>71189</v>
      </c>
      <c r="G38315" s="1" t="s">
        <v>132022</v>
      </c>
      <c r="H38315" s="1" t="s">
        <v>132023</v>
      </c>
      <c r="I38315" s="1" t="s">
        <v>126615</v>
      </c>
      <c r="J38315" s="1" t="s">
        <v>13</v>
      </c>
    </row>
    <row r="38316" spans="1:10" x14ac:dyDescent="0.35">
      <c r="A38316" s="1" t="s">
        <v>12982</v>
      </c>
      <c r="B38316" s="1" t="s">
        <v>126612</v>
      </c>
      <c r="C38316" s="1" t="s">
        <v>15</v>
      </c>
      <c r="D38316" s="1" t="s">
        <v>132024</v>
      </c>
      <c r="E38316" s="1" t="s">
        <v>129534</v>
      </c>
      <c r="F38316" s="1" t="s">
        <v>67585</v>
      </c>
      <c r="G38316" s="1" t="s">
        <v>132022</v>
      </c>
      <c r="H38316" s="1" t="s">
        <v>132023</v>
      </c>
      <c r="I38316" s="1" t="s">
        <v>126615</v>
      </c>
      <c r="J38316" s="1" t="s">
        <v>132025</v>
      </c>
    </row>
    <row r="38317" spans="1:10" x14ac:dyDescent="0.35">
      <c r="A38317" s="1" t="s">
        <v>12982</v>
      </c>
      <c r="B38317" s="1" t="s">
        <v>126612</v>
      </c>
      <c r="C38317" s="1" t="s">
        <v>20</v>
      </c>
      <c r="D38317" s="1" t="s">
        <v>132026</v>
      </c>
      <c r="E38317" s="1" t="s">
        <v>132027</v>
      </c>
      <c r="F38317" s="1" t="s">
        <v>132028</v>
      </c>
      <c r="G38317" s="1" t="s">
        <v>132022</v>
      </c>
      <c r="H38317" s="1" t="s">
        <v>132023</v>
      </c>
      <c r="I38317" s="1" t="s">
        <v>126615</v>
      </c>
      <c r="J38317" s="1" t="s">
        <v>132029</v>
      </c>
    </row>
    <row r="38318" spans="1:10" x14ac:dyDescent="0.35">
      <c r="A38318" s="1" t="s">
        <v>12982</v>
      </c>
      <c r="B38318" s="1" t="s">
        <v>126612</v>
      </c>
      <c r="C38318" s="1" t="s">
        <v>25</v>
      </c>
      <c r="D38318" s="1" t="s">
        <v>132030</v>
      </c>
      <c r="E38318" s="1" t="s">
        <v>90222</v>
      </c>
      <c r="F38318" s="1" t="s">
        <v>132031</v>
      </c>
      <c r="G38318" s="1" t="s">
        <v>132022</v>
      </c>
      <c r="H38318" s="1" t="s">
        <v>132023</v>
      </c>
      <c r="I38318" s="1" t="s">
        <v>126615</v>
      </c>
      <c r="J38318" s="1" t="s">
        <v>132032</v>
      </c>
    </row>
    <row r="38319" spans="1:10" x14ac:dyDescent="0.35">
      <c r="A38319" s="1" t="s">
        <v>12982</v>
      </c>
      <c r="B38319" s="1" t="s">
        <v>126612</v>
      </c>
      <c r="C38319" s="1" t="s">
        <v>30</v>
      </c>
      <c r="D38319" s="1" t="s">
        <v>132033</v>
      </c>
      <c r="E38319" s="1" t="s">
        <v>16249</v>
      </c>
      <c r="F38319" s="1" t="s">
        <v>132034</v>
      </c>
      <c r="G38319" s="1" t="s">
        <v>132022</v>
      </c>
      <c r="H38319" s="1" t="s">
        <v>132023</v>
      </c>
      <c r="I38319" s="1" t="s">
        <v>126615</v>
      </c>
      <c r="J38319" s="1" t="s">
        <v>132035</v>
      </c>
    </row>
    <row r="38320" spans="1:10" x14ac:dyDescent="0.35">
      <c r="A38320" s="1" t="s">
        <v>12982</v>
      </c>
      <c r="B38320" s="1" t="s">
        <v>126612</v>
      </c>
      <c r="C38320" s="1" t="s">
        <v>35</v>
      </c>
      <c r="D38320" s="1" t="s">
        <v>132036</v>
      </c>
      <c r="E38320" s="1" t="s">
        <v>30683</v>
      </c>
      <c r="F38320" s="1" t="s">
        <v>132037</v>
      </c>
      <c r="G38320" s="1" t="s">
        <v>132022</v>
      </c>
      <c r="H38320" s="1" t="s">
        <v>132023</v>
      </c>
      <c r="I38320" s="1" t="s">
        <v>126615</v>
      </c>
      <c r="J38320" s="1" t="s">
        <v>132038</v>
      </c>
    </row>
    <row r="38321" spans="1:10" x14ac:dyDescent="0.35">
      <c r="A38321" s="1" t="s">
        <v>12982</v>
      </c>
      <c r="B38321" s="1" t="s">
        <v>126612</v>
      </c>
      <c r="C38321" s="1" t="s">
        <v>40</v>
      </c>
      <c r="D38321" s="1" t="s">
        <v>21575</v>
      </c>
      <c r="E38321" s="1" t="s">
        <v>132039</v>
      </c>
      <c r="F38321" s="1" t="s">
        <v>132040</v>
      </c>
      <c r="G38321" s="1" t="s">
        <v>132022</v>
      </c>
      <c r="H38321" s="1" t="s">
        <v>132023</v>
      </c>
      <c r="I38321" s="1" t="s">
        <v>126615</v>
      </c>
      <c r="J38321" s="1" t="s">
        <v>132041</v>
      </c>
    </row>
    <row r="38322" spans="1:10" x14ac:dyDescent="0.35">
      <c r="A38322" s="1" t="s">
        <v>12982</v>
      </c>
      <c r="B38322" s="1" t="s">
        <v>126612</v>
      </c>
      <c r="C38322" s="1" t="s">
        <v>45</v>
      </c>
      <c r="D38322" s="1" t="s">
        <v>132042</v>
      </c>
      <c r="E38322" s="1" t="s">
        <v>90262</v>
      </c>
      <c r="F38322" s="1" t="s">
        <v>132043</v>
      </c>
      <c r="G38322" s="1" t="s">
        <v>132022</v>
      </c>
      <c r="H38322" s="1" t="s">
        <v>132023</v>
      </c>
      <c r="I38322" s="1" t="s">
        <v>126615</v>
      </c>
      <c r="J38322" s="1" t="s">
        <v>132044</v>
      </c>
    </row>
    <row r="38323" spans="1:10" x14ac:dyDescent="0.35">
      <c r="A38323" s="1" t="s">
        <v>12982</v>
      </c>
      <c r="B38323" s="1" t="s">
        <v>126612</v>
      </c>
      <c r="C38323" s="1" t="s">
        <v>50</v>
      </c>
      <c r="D38323" s="1" t="s">
        <v>132045</v>
      </c>
      <c r="E38323" s="1" t="s">
        <v>70868</v>
      </c>
      <c r="F38323" s="1" t="s">
        <v>58920</v>
      </c>
      <c r="G38323" s="1" t="s">
        <v>132022</v>
      </c>
      <c r="H38323" s="1" t="s">
        <v>132023</v>
      </c>
      <c r="I38323" s="1" t="s">
        <v>126615</v>
      </c>
      <c r="J38323" s="1" t="s">
        <v>132046</v>
      </c>
    </row>
    <row r="38324" spans="1:10" x14ac:dyDescent="0.35">
      <c r="A38324" s="1" t="s">
        <v>12982</v>
      </c>
      <c r="B38324" s="1" t="s">
        <v>126612</v>
      </c>
      <c r="C38324" s="1" t="s">
        <v>55</v>
      </c>
      <c r="D38324" s="1" t="s">
        <v>132047</v>
      </c>
      <c r="E38324" s="1" t="s">
        <v>19960</v>
      </c>
      <c r="F38324" s="1" t="s">
        <v>132048</v>
      </c>
      <c r="G38324" s="1" t="s">
        <v>132022</v>
      </c>
      <c r="H38324" s="1" t="s">
        <v>132023</v>
      </c>
      <c r="I38324" s="1" t="s">
        <v>126615</v>
      </c>
      <c r="J38324" s="1" t="s">
        <v>132049</v>
      </c>
    </row>
    <row r="38325" spans="1:10" x14ac:dyDescent="0.35">
      <c r="A38325" s="1" t="s">
        <v>12982</v>
      </c>
      <c r="B38325" s="1" t="s">
        <v>126612</v>
      </c>
      <c r="C38325" s="1" t="s">
        <v>60</v>
      </c>
      <c r="D38325" s="1" t="s">
        <v>132050</v>
      </c>
      <c r="E38325" s="1" t="s">
        <v>128053</v>
      </c>
      <c r="F38325" s="1" t="s">
        <v>57565</v>
      </c>
      <c r="G38325" s="1" t="s">
        <v>132022</v>
      </c>
      <c r="H38325" s="1" t="s">
        <v>132023</v>
      </c>
      <c r="I38325" s="1" t="s">
        <v>126615</v>
      </c>
      <c r="J38325" s="1" t="s">
        <v>132051</v>
      </c>
    </row>
    <row r="38326" spans="1:10" x14ac:dyDescent="0.35">
      <c r="A38326" s="1" t="s">
        <v>12982</v>
      </c>
      <c r="B38326" s="1" t="s">
        <v>126612</v>
      </c>
      <c r="C38326" s="1" t="s">
        <v>65</v>
      </c>
      <c r="D38326" s="1" t="s">
        <v>132052</v>
      </c>
      <c r="E38326" s="1" t="s">
        <v>70868</v>
      </c>
      <c r="F38326" s="1" t="s">
        <v>132053</v>
      </c>
      <c r="G38326" s="1" t="s">
        <v>132022</v>
      </c>
      <c r="H38326" s="1" t="s">
        <v>132023</v>
      </c>
      <c r="I38326" s="1" t="s">
        <v>126615</v>
      </c>
      <c r="J38326" s="1" t="s">
        <v>132054</v>
      </c>
    </row>
    <row r="38327" spans="1:10" x14ac:dyDescent="0.35">
      <c r="A38327" s="1" t="s">
        <v>12982</v>
      </c>
      <c r="B38327" s="1" t="s">
        <v>126612</v>
      </c>
      <c r="C38327" s="1" t="s">
        <v>70</v>
      </c>
      <c r="D38327" s="1" t="s">
        <v>132055</v>
      </c>
      <c r="E38327" s="1" t="s">
        <v>130360</v>
      </c>
      <c r="F38327" s="1" t="s">
        <v>132056</v>
      </c>
      <c r="G38327" s="1" t="s">
        <v>132022</v>
      </c>
      <c r="H38327" s="1" t="s">
        <v>132023</v>
      </c>
      <c r="I38327" s="1" t="s">
        <v>126615</v>
      </c>
      <c r="J38327" s="1" t="s">
        <v>132057</v>
      </c>
    </row>
    <row r="38328" spans="1:10" x14ac:dyDescent="0.35">
      <c r="A38328" s="1" t="s">
        <v>12982</v>
      </c>
      <c r="B38328" s="1" t="s">
        <v>126612</v>
      </c>
      <c r="C38328" s="1" t="s">
        <v>75</v>
      </c>
      <c r="D38328" s="1" t="s">
        <v>127691</v>
      </c>
      <c r="E38328" s="1" t="s">
        <v>77773</v>
      </c>
      <c r="F38328" s="1" t="s">
        <v>132058</v>
      </c>
      <c r="G38328" s="1" t="s">
        <v>132022</v>
      </c>
      <c r="H38328" s="1" t="s">
        <v>132023</v>
      </c>
      <c r="I38328" s="1" t="s">
        <v>126615</v>
      </c>
      <c r="J38328" s="1" t="s">
        <v>132059</v>
      </c>
    </row>
    <row r="38329" spans="1:10" x14ac:dyDescent="0.35">
      <c r="A38329" s="1" t="s">
        <v>12982</v>
      </c>
      <c r="B38329" s="1" t="s">
        <v>126612</v>
      </c>
      <c r="C38329" s="1" t="s">
        <v>80</v>
      </c>
      <c r="D38329" s="1" t="s">
        <v>132060</v>
      </c>
      <c r="E38329" s="1" t="s">
        <v>89357</v>
      </c>
      <c r="F38329" s="1" t="s">
        <v>132061</v>
      </c>
      <c r="G38329" s="1" t="s">
        <v>132022</v>
      </c>
      <c r="H38329" s="1" t="s">
        <v>132023</v>
      </c>
      <c r="I38329" s="1" t="s">
        <v>126615</v>
      </c>
      <c r="J38329" s="1" t="s">
        <v>132062</v>
      </c>
    </row>
    <row r="38330" spans="1:10" x14ac:dyDescent="0.35">
      <c r="A38330" s="1" t="s">
        <v>12982</v>
      </c>
      <c r="B38330" s="1" t="s">
        <v>126612</v>
      </c>
      <c r="C38330" s="1" t="s">
        <v>85</v>
      </c>
      <c r="D38330" s="1" t="s">
        <v>132063</v>
      </c>
      <c r="E38330" s="1" t="s">
        <v>130989</v>
      </c>
      <c r="F38330" s="1" t="s">
        <v>132064</v>
      </c>
      <c r="G38330" s="1" t="s">
        <v>132022</v>
      </c>
      <c r="H38330" s="1" t="s">
        <v>132023</v>
      </c>
      <c r="I38330" s="1" t="s">
        <v>126615</v>
      </c>
      <c r="J38330" s="1" t="s">
        <v>132065</v>
      </c>
    </row>
    <row r="38331" spans="1:10" x14ac:dyDescent="0.35">
      <c r="A38331" s="1" t="s">
        <v>12982</v>
      </c>
      <c r="B38331" s="1" t="s">
        <v>126612</v>
      </c>
      <c r="C38331" s="1" t="s">
        <v>90</v>
      </c>
      <c r="D38331" s="1" t="s">
        <v>102043</v>
      </c>
      <c r="E38331" s="1" t="s">
        <v>127250</v>
      </c>
      <c r="F38331" s="1" t="s">
        <v>132066</v>
      </c>
      <c r="G38331" s="1" t="s">
        <v>132022</v>
      </c>
      <c r="H38331" s="1" t="s">
        <v>132023</v>
      </c>
      <c r="I38331" s="1" t="s">
        <v>126615</v>
      </c>
      <c r="J38331" s="1" t="s">
        <v>132067</v>
      </c>
    </row>
    <row r="38332" spans="1:10" x14ac:dyDescent="0.35">
      <c r="A38332" s="1" t="s">
        <v>12982</v>
      </c>
      <c r="B38332" s="1" t="s">
        <v>126612</v>
      </c>
      <c r="C38332" s="1" t="s">
        <v>95</v>
      </c>
      <c r="D38332" s="1" t="s">
        <v>132068</v>
      </c>
      <c r="E38332" s="1" t="s">
        <v>15984</v>
      </c>
      <c r="F38332" s="1" t="s">
        <v>56921</v>
      </c>
      <c r="G38332" s="1" t="s">
        <v>132022</v>
      </c>
      <c r="H38332" s="1" t="s">
        <v>132023</v>
      </c>
      <c r="I38332" s="1" t="s">
        <v>126615</v>
      </c>
      <c r="J38332" s="1" t="s">
        <v>132069</v>
      </c>
    </row>
    <row r="38333" spans="1:10" x14ac:dyDescent="0.35">
      <c r="A38333" s="1" t="s">
        <v>12982</v>
      </c>
      <c r="B38333" s="1" t="s">
        <v>126612</v>
      </c>
      <c r="C38333" s="1" t="s">
        <v>100</v>
      </c>
      <c r="D38333" s="1" t="s">
        <v>132070</v>
      </c>
      <c r="E38333" s="1" t="s">
        <v>95811</v>
      </c>
      <c r="F38333" s="1" t="s">
        <v>132071</v>
      </c>
      <c r="G38333" s="1" t="s">
        <v>132022</v>
      </c>
      <c r="H38333" s="1" t="s">
        <v>132023</v>
      </c>
      <c r="I38333" s="1" t="s">
        <v>126615</v>
      </c>
      <c r="J38333" s="1" t="s">
        <v>132072</v>
      </c>
    </row>
    <row r="38334" spans="1:10" x14ac:dyDescent="0.35">
      <c r="A38334" s="1" t="s">
        <v>12982</v>
      </c>
      <c r="B38334" s="1" t="s">
        <v>126612</v>
      </c>
      <c r="C38334" s="1" t="s">
        <v>105</v>
      </c>
      <c r="D38334" s="1" t="s">
        <v>132073</v>
      </c>
      <c r="E38334" s="1" t="s">
        <v>132074</v>
      </c>
      <c r="F38334" s="1" t="s">
        <v>63132</v>
      </c>
      <c r="G38334" s="1" t="s">
        <v>132022</v>
      </c>
      <c r="H38334" s="1" t="s">
        <v>132023</v>
      </c>
      <c r="I38334" s="1" t="s">
        <v>126615</v>
      </c>
      <c r="J38334" s="1" t="s">
        <v>132075</v>
      </c>
    </row>
    <row r="38335" spans="1:10" x14ac:dyDescent="0.35">
      <c r="A38335" s="1" t="s">
        <v>12982</v>
      </c>
      <c r="B38335" s="1" t="s">
        <v>126612</v>
      </c>
      <c r="C38335" s="1" t="s">
        <v>110</v>
      </c>
      <c r="D38335" s="1" t="s">
        <v>132076</v>
      </c>
      <c r="E38335" s="1" t="s">
        <v>108581</v>
      </c>
      <c r="F38335" s="1" t="s">
        <v>132077</v>
      </c>
      <c r="G38335" s="1" t="s">
        <v>132022</v>
      </c>
      <c r="H38335" s="1" t="s">
        <v>132023</v>
      </c>
      <c r="I38335" s="1" t="s">
        <v>126615</v>
      </c>
      <c r="J38335" s="1" t="s">
        <v>132078</v>
      </c>
    </row>
    <row r="38336" spans="1:10" x14ac:dyDescent="0.35">
      <c r="A38336" s="1" t="s">
        <v>12982</v>
      </c>
      <c r="B38336" s="1" t="s">
        <v>126612</v>
      </c>
      <c r="C38336" s="1" t="s">
        <v>115</v>
      </c>
      <c r="D38336" s="1" t="s">
        <v>132079</v>
      </c>
      <c r="E38336" s="1" t="s">
        <v>128033</v>
      </c>
      <c r="F38336" s="1" t="s">
        <v>132080</v>
      </c>
      <c r="G38336" s="1" t="s">
        <v>132022</v>
      </c>
      <c r="H38336" s="1" t="s">
        <v>132023</v>
      </c>
      <c r="I38336" s="1" t="s">
        <v>126615</v>
      </c>
      <c r="J38336" s="1" t="s">
        <v>132081</v>
      </c>
    </row>
    <row r="38337" spans="1:10" x14ac:dyDescent="0.35">
      <c r="A38337" s="1" t="s">
        <v>12982</v>
      </c>
      <c r="B38337" s="1" t="s">
        <v>126612</v>
      </c>
      <c r="C38337" s="1" t="s">
        <v>120</v>
      </c>
      <c r="D38337" s="1" t="s">
        <v>64648</v>
      </c>
      <c r="E38337" s="1" t="s">
        <v>108716</v>
      </c>
      <c r="F38337" s="1" t="s">
        <v>132082</v>
      </c>
      <c r="G38337" s="1" t="s">
        <v>132022</v>
      </c>
      <c r="H38337" s="1" t="s">
        <v>132023</v>
      </c>
      <c r="I38337" s="1" t="s">
        <v>126615</v>
      </c>
      <c r="J38337" s="1" t="s">
        <v>132083</v>
      </c>
    </row>
    <row r="38338" spans="1:10" x14ac:dyDescent="0.35">
      <c r="A38338" s="1" t="s">
        <v>12982</v>
      </c>
      <c r="B38338" s="1" t="s">
        <v>126612</v>
      </c>
      <c r="C38338" s="1" t="s">
        <v>125</v>
      </c>
      <c r="D38338" s="1" t="s">
        <v>132084</v>
      </c>
      <c r="E38338" s="1" t="s">
        <v>129596</v>
      </c>
      <c r="F38338" s="1" t="s">
        <v>58498</v>
      </c>
      <c r="G38338" s="1" t="s">
        <v>132022</v>
      </c>
      <c r="H38338" s="1" t="s">
        <v>132023</v>
      </c>
      <c r="I38338" s="1" t="s">
        <v>126615</v>
      </c>
      <c r="J38338" s="1" t="s">
        <v>132085</v>
      </c>
    </row>
    <row r="38339" spans="1:10" x14ac:dyDescent="0.35">
      <c r="A38339" s="1" t="s">
        <v>12982</v>
      </c>
      <c r="B38339" s="1" t="s">
        <v>126612</v>
      </c>
      <c r="C38339" s="1" t="s">
        <v>130</v>
      </c>
      <c r="D38339" s="1" t="s">
        <v>132086</v>
      </c>
      <c r="E38339" s="1" t="s">
        <v>108703</v>
      </c>
      <c r="F38339" s="1" t="s">
        <v>132087</v>
      </c>
      <c r="G38339" s="1" t="s">
        <v>132022</v>
      </c>
      <c r="H38339" s="1" t="s">
        <v>132023</v>
      </c>
      <c r="I38339" s="1" t="s">
        <v>126615</v>
      </c>
      <c r="J38339" s="1" t="s">
        <v>132088</v>
      </c>
    </row>
    <row r="38340" spans="1:10" x14ac:dyDescent="0.35">
      <c r="A38340" s="1" t="s">
        <v>12982</v>
      </c>
      <c r="B38340" s="1" t="s">
        <v>126612</v>
      </c>
      <c r="C38340" s="1" t="s">
        <v>135</v>
      </c>
      <c r="D38340" s="1" t="s">
        <v>132089</v>
      </c>
      <c r="E38340" s="1" t="s">
        <v>129605</v>
      </c>
      <c r="F38340" s="1" t="s">
        <v>68617</v>
      </c>
      <c r="G38340" s="1" t="s">
        <v>132022</v>
      </c>
      <c r="H38340" s="1" t="s">
        <v>132023</v>
      </c>
      <c r="I38340" s="1" t="s">
        <v>126615</v>
      </c>
      <c r="J38340" s="1" t="s">
        <v>132090</v>
      </c>
    </row>
    <row r="38341" spans="1:10" x14ac:dyDescent="0.35">
      <c r="A38341" s="1" t="s">
        <v>12982</v>
      </c>
      <c r="B38341" s="1" t="s">
        <v>126612</v>
      </c>
      <c r="C38341" s="1" t="s">
        <v>140</v>
      </c>
      <c r="D38341" s="1" t="s">
        <v>132091</v>
      </c>
      <c r="E38341" s="1" t="s">
        <v>109027</v>
      </c>
      <c r="F38341" s="1" t="s">
        <v>58926</v>
      </c>
      <c r="G38341" s="1" t="s">
        <v>132022</v>
      </c>
      <c r="H38341" s="1" t="s">
        <v>132023</v>
      </c>
      <c r="I38341" s="1" t="s">
        <v>126615</v>
      </c>
      <c r="J38341" s="1" t="s">
        <v>132092</v>
      </c>
    </row>
    <row r="38342" spans="1:10" x14ac:dyDescent="0.35">
      <c r="A38342" s="1" t="s">
        <v>12982</v>
      </c>
      <c r="B38342" s="1" t="s">
        <v>126612</v>
      </c>
      <c r="C38342" s="1" t="s">
        <v>145</v>
      </c>
      <c r="D38342" s="1" t="s">
        <v>132093</v>
      </c>
      <c r="E38342" s="1" t="s">
        <v>94781</v>
      </c>
      <c r="F38342" s="1" t="s">
        <v>132094</v>
      </c>
      <c r="G38342" s="1" t="s">
        <v>132022</v>
      </c>
      <c r="H38342" s="1" t="s">
        <v>132023</v>
      </c>
      <c r="I38342" s="1" t="s">
        <v>126615</v>
      </c>
      <c r="J38342" s="1" t="s">
        <v>132095</v>
      </c>
    </row>
    <row r="38343" spans="1:10" x14ac:dyDescent="0.35">
      <c r="A38343" s="1" t="s">
        <v>12982</v>
      </c>
      <c r="B38343" s="1" t="s">
        <v>126612</v>
      </c>
      <c r="C38343" s="1" t="s">
        <v>150</v>
      </c>
      <c r="D38343" s="1" t="s">
        <v>132096</v>
      </c>
      <c r="E38343" s="1" t="s">
        <v>132097</v>
      </c>
      <c r="F38343" s="1" t="s">
        <v>65716</v>
      </c>
      <c r="G38343" s="1" t="s">
        <v>132022</v>
      </c>
      <c r="H38343" s="1" t="s">
        <v>132023</v>
      </c>
      <c r="I38343" s="1" t="s">
        <v>126615</v>
      </c>
      <c r="J38343" s="1" t="s">
        <v>132098</v>
      </c>
    </row>
    <row r="38344" spans="1:10" x14ac:dyDescent="0.35">
      <c r="A38344" s="1" t="s">
        <v>12982</v>
      </c>
      <c r="B38344" s="1" t="s">
        <v>126612</v>
      </c>
      <c r="C38344" s="1" t="s">
        <v>155</v>
      </c>
      <c r="D38344" s="1" t="s">
        <v>132099</v>
      </c>
      <c r="E38344" s="1" t="s">
        <v>108244</v>
      </c>
      <c r="F38344" s="1" t="s">
        <v>132100</v>
      </c>
      <c r="G38344" s="1" t="s">
        <v>132022</v>
      </c>
      <c r="H38344" s="1" t="s">
        <v>132023</v>
      </c>
      <c r="I38344" s="1" t="s">
        <v>126615</v>
      </c>
      <c r="J38344" s="1" t="s">
        <v>132101</v>
      </c>
    </row>
    <row r="38345" spans="1:10" x14ac:dyDescent="0.35">
      <c r="A38345" s="1" t="s">
        <v>12982</v>
      </c>
      <c r="B38345" s="1" t="s">
        <v>126612</v>
      </c>
      <c r="C38345" s="1" t="s">
        <v>160</v>
      </c>
      <c r="D38345" s="1" t="s">
        <v>132102</v>
      </c>
      <c r="E38345" s="1" t="s">
        <v>131332</v>
      </c>
      <c r="F38345" s="1" t="s">
        <v>63701</v>
      </c>
      <c r="G38345" s="1" t="s">
        <v>132022</v>
      </c>
      <c r="H38345" s="1" t="s">
        <v>132023</v>
      </c>
      <c r="I38345" s="1" t="s">
        <v>126615</v>
      </c>
      <c r="J38345" s="1" t="s">
        <v>132103</v>
      </c>
    </row>
    <row r="38346" spans="1:10" x14ac:dyDescent="0.35">
      <c r="A38346" s="1" t="s">
        <v>12982</v>
      </c>
      <c r="B38346" s="1" t="s">
        <v>126612</v>
      </c>
      <c r="C38346" s="1" t="s">
        <v>165</v>
      </c>
      <c r="D38346" s="1" t="s">
        <v>132104</v>
      </c>
      <c r="E38346" s="1" t="s">
        <v>77773</v>
      </c>
      <c r="F38346" s="1" t="s">
        <v>131713</v>
      </c>
      <c r="G38346" s="1" t="s">
        <v>132022</v>
      </c>
      <c r="H38346" s="1" t="s">
        <v>132023</v>
      </c>
      <c r="I38346" s="1" t="s">
        <v>126615</v>
      </c>
      <c r="J38346" s="1" t="s">
        <v>132105</v>
      </c>
    </row>
    <row r="38347" spans="1:10" x14ac:dyDescent="0.35">
      <c r="A38347" s="1" t="s">
        <v>12982</v>
      </c>
      <c r="B38347" s="1" t="s">
        <v>126612</v>
      </c>
      <c r="C38347" s="1" t="s">
        <v>170</v>
      </c>
      <c r="D38347" s="1" t="s">
        <v>132106</v>
      </c>
      <c r="E38347" s="1" t="s">
        <v>15453</v>
      </c>
      <c r="F38347" s="1" t="s">
        <v>59870</v>
      </c>
      <c r="G38347" s="1" t="s">
        <v>132022</v>
      </c>
      <c r="H38347" s="1" t="s">
        <v>132023</v>
      </c>
      <c r="I38347" s="1" t="s">
        <v>126615</v>
      </c>
      <c r="J38347" s="1" t="s">
        <v>132107</v>
      </c>
    </row>
    <row r="38348" spans="1:10" x14ac:dyDescent="0.35">
      <c r="A38348" s="1" t="s">
        <v>13126</v>
      </c>
      <c r="B38348" s="1" t="s">
        <v>126612</v>
      </c>
      <c r="C38348" s="1" t="s">
        <v>8</v>
      </c>
      <c r="D38348" s="1" t="s">
        <v>86552</v>
      </c>
      <c r="E38348" s="1" t="s">
        <v>132108</v>
      </c>
      <c r="F38348" s="1" t="s">
        <v>132109</v>
      </c>
      <c r="G38348" s="1" t="s">
        <v>132110</v>
      </c>
      <c r="H38348" s="1" t="s">
        <v>132111</v>
      </c>
      <c r="I38348" s="1" t="s">
        <v>126615</v>
      </c>
      <c r="J38348" s="1" t="s">
        <v>13</v>
      </c>
    </row>
    <row r="38349" spans="1:10" x14ac:dyDescent="0.35">
      <c r="A38349" s="1" t="s">
        <v>13126</v>
      </c>
      <c r="B38349" s="1" t="s">
        <v>126612</v>
      </c>
      <c r="C38349" s="1" t="s">
        <v>15</v>
      </c>
      <c r="D38349" s="1" t="s">
        <v>127879</v>
      </c>
      <c r="E38349" s="1" t="s">
        <v>132112</v>
      </c>
      <c r="F38349" s="1" t="s">
        <v>132113</v>
      </c>
      <c r="G38349" s="1" t="s">
        <v>132110</v>
      </c>
      <c r="H38349" s="1" t="s">
        <v>132111</v>
      </c>
      <c r="I38349" s="1" t="s">
        <v>126615</v>
      </c>
      <c r="J38349" s="1" t="s">
        <v>132114</v>
      </c>
    </row>
    <row r="38350" spans="1:10" x14ac:dyDescent="0.35">
      <c r="A38350" s="1" t="s">
        <v>13126</v>
      </c>
      <c r="B38350" s="1" t="s">
        <v>126612</v>
      </c>
      <c r="C38350" s="1" t="s">
        <v>20</v>
      </c>
      <c r="D38350" s="1" t="s">
        <v>67082</v>
      </c>
      <c r="E38350" s="1" t="s">
        <v>132115</v>
      </c>
      <c r="F38350" s="1" t="s">
        <v>132116</v>
      </c>
      <c r="G38350" s="1" t="s">
        <v>132110</v>
      </c>
      <c r="H38350" s="1" t="s">
        <v>132111</v>
      </c>
      <c r="I38350" s="1" t="s">
        <v>126615</v>
      </c>
      <c r="J38350" s="1" t="s">
        <v>132117</v>
      </c>
    </row>
    <row r="38351" spans="1:10" x14ac:dyDescent="0.35">
      <c r="A38351" s="1" t="s">
        <v>13126</v>
      </c>
      <c r="B38351" s="1" t="s">
        <v>126612</v>
      </c>
      <c r="C38351" s="1" t="s">
        <v>25</v>
      </c>
      <c r="D38351" s="1" t="s">
        <v>98029</v>
      </c>
      <c r="E38351" s="1" t="s">
        <v>132118</v>
      </c>
      <c r="F38351" s="1" t="s">
        <v>132119</v>
      </c>
      <c r="G38351" s="1" t="s">
        <v>132110</v>
      </c>
      <c r="H38351" s="1" t="s">
        <v>132111</v>
      </c>
      <c r="I38351" s="1" t="s">
        <v>126615</v>
      </c>
      <c r="J38351" s="1" t="s">
        <v>132120</v>
      </c>
    </row>
    <row r="38352" spans="1:10" x14ac:dyDescent="0.35">
      <c r="A38352" s="1" t="s">
        <v>13126</v>
      </c>
      <c r="B38352" s="1" t="s">
        <v>126612</v>
      </c>
      <c r="C38352" s="1" t="s">
        <v>30</v>
      </c>
      <c r="D38352" s="1" t="s">
        <v>84754</v>
      </c>
      <c r="E38352" s="1" t="s">
        <v>132121</v>
      </c>
      <c r="F38352" s="1" t="s">
        <v>132122</v>
      </c>
      <c r="G38352" s="1" t="s">
        <v>132110</v>
      </c>
      <c r="H38352" s="1" t="s">
        <v>132111</v>
      </c>
      <c r="I38352" s="1" t="s">
        <v>126615</v>
      </c>
      <c r="J38352" s="1" t="s">
        <v>132123</v>
      </c>
    </row>
    <row r="38353" spans="1:10" x14ac:dyDescent="0.35">
      <c r="A38353" s="1" t="s">
        <v>13126</v>
      </c>
      <c r="B38353" s="1" t="s">
        <v>126612</v>
      </c>
      <c r="C38353" s="1" t="s">
        <v>35</v>
      </c>
      <c r="D38353" s="1" t="s">
        <v>132124</v>
      </c>
      <c r="E38353" s="1" t="s">
        <v>132125</v>
      </c>
      <c r="F38353" s="1" t="s">
        <v>132126</v>
      </c>
      <c r="G38353" s="1" t="s">
        <v>132110</v>
      </c>
      <c r="H38353" s="1" t="s">
        <v>132111</v>
      </c>
      <c r="I38353" s="1" t="s">
        <v>126615</v>
      </c>
      <c r="J38353" s="1" t="s">
        <v>132127</v>
      </c>
    </row>
    <row r="38354" spans="1:10" x14ac:dyDescent="0.35">
      <c r="A38354" s="1" t="s">
        <v>13126</v>
      </c>
      <c r="B38354" s="1" t="s">
        <v>126612</v>
      </c>
      <c r="C38354" s="1" t="s">
        <v>40</v>
      </c>
      <c r="D38354" s="1" t="s">
        <v>132128</v>
      </c>
      <c r="E38354" s="1" t="s">
        <v>132129</v>
      </c>
      <c r="F38354" s="1" t="s">
        <v>132130</v>
      </c>
      <c r="G38354" s="1" t="s">
        <v>132110</v>
      </c>
      <c r="H38354" s="1" t="s">
        <v>132111</v>
      </c>
      <c r="I38354" s="1" t="s">
        <v>126615</v>
      </c>
      <c r="J38354" s="1" t="s">
        <v>132131</v>
      </c>
    </row>
    <row r="38355" spans="1:10" x14ac:dyDescent="0.35">
      <c r="A38355" s="1" t="s">
        <v>13126</v>
      </c>
      <c r="B38355" s="1" t="s">
        <v>126612</v>
      </c>
      <c r="C38355" s="1" t="s">
        <v>45</v>
      </c>
      <c r="D38355" s="1" t="s">
        <v>132132</v>
      </c>
      <c r="E38355" s="1" t="s">
        <v>132133</v>
      </c>
      <c r="F38355" s="1" t="s">
        <v>132134</v>
      </c>
      <c r="G38355" s="1" t="s">
        <v>132110</v>
      </c>
      <c r="H38355" s="1" t="s">
        <v>132111</v>
      </c>
      <c r="I38355" s="1" t="s">
        <v>126615</v>
      </c>
      <c r="J38355" s="1" t="s">
        <v>132135</v>
      </c>
    </row>
    <row r="38356" spans="1:10" x14ac:dyDescent="0.35">
      <c r="A38356" s="1" t="s">
        <v>13126</v>
      </c>
      <c r="B38356" s="1" t="s">
        <v>126612</v>
      </c>
      <c r="C38356" s="1" t="s">
        <v>50</v>
      </c>
      <c r="D38356" s="1" t="s">
        <v>52904</v>
      </c>
      <c r="E38356" s="1" t="s">
        <v>132136</v>
      </c>
      <c r="F38356" s="1" t="s">
        <v>132137</v>
      </c>
      <c r="G38356" s="1" t="s">
        <v>132110</v>
      </c>
      <c r="H38356" s="1" t="s">
        <v>132111</v>
      </c>
      <c r="I38356" s="1" t="s">
        <v>126615</v>
      </c>
      <c r="J38356" s="1" t="s">
        <v>132138</v>
      </c>
    </row>
    <row r="38357" spans="1:10" x14ac:dyDescent="0.35">
      <c r="A38357" s="1" t="s">
        <v>13126</v>
      </c>
      <c r="B38357" s="1" t="s">
        <v>126612</v>
      </c>
      <c r="C38357" s="1" t="s">
        <v>55</v>
      </c>
      <c r="D38357" s="1" t="s">
        <v>89768</v>
      </c>
      <c r="E38357" s="1" t="s">
        <v>132139</v>
      </c>
      <c r="F38357" s="1" t="s">
        <v>132140</v>
      </c>
      <c r="G38357" s="1" t="s">
        <v>132110</v>
      </c>
      <c r="H38357" s="1" t="s">
        <v>132111</v>
      </c>
      <c r="I38357" s="1" t="s">
        <v>126615</v>
      </c>
      <c r="J38357" s="1" t="s">
        <v>132141</v>
      </c>
    </row>
    <row r="38358" spans="1:10" x14ac:dyDescent="0.35">
      <c r="A38358" s="1" t="s">
        <v>13126</v>
      </c>
      <c r="B38358" s="1" t="s">
        <v>126612</v>
      </c>
      <c r="C38358" s="1" t="s">
        <v>60</v>
      </c>
      <c r="D38358" s="1" t="s">
        <v>132142</v>
      </c>
      <c r="E38358" s="1" t="s">
        <v>132143</v>
      </c>
      <c r="F38358" s="1" t="s">
        <v>132144</v>
      </c>
      <c r="G38358" s="1" t="s">
        <v>132110</v>
      </c>
      <c r="H38358" s="1" t="s">
        <v>132111</v>
      </c>
      <c r="I38358" s="1" t="s">
        <v>126615</v>
      </c>
      <c r="J38358" s="1" t="s">
        <v>132145</v>
      </c>
    </row>
    <row r="38359" spans="1:10" x14ac:dyDescent="0.35">
      <c r="A38359" s="1" t="s">
        <v>13126</v>
      </c>
      <c r="B38359" s="1" t="s">
        <v>126612</v>
      </c>
      <c r="C38359" s="1" t="s">
        <v>65</v>
      </c>
      <c r="D38359" s="1" t="s">
        <v>132146</v>
      </c>
      <c r="E38359" s="1" t="s">
        <v>132147</v>
      </c>
      <c r="F38359" s="1" t="s">
        <v>132148</v>
      </c>
      <c r="G38359" s="1" t="s">
        <v>132110</v>
      </c>
      <c r="H38359" s="1" t="s">
        <v>132111</v>
      </c>
      <c r="I38359" s="1" t="s">
        <v>126615</v>
      </c>
      <c r="J38359" s="1" t="s">
        <v>132149</v>
      </c>
    </row>
    <row r="38360" spans="1:10" x14ac:dyDescent="0.35">
      <c r="A38360" s="1" t="s">
        <v>13126</v>
      </c>
      <c r="B38360" s="1" t="s">
        <v>126612</v>
      </c>
      <c r="C38360" s="1" t="s">
        <v>70</v>
      </c>
      <c r="D38360" s="1" t="s">
        <v>109522</v>
      </c>
      <c r="E38360" s="1" t="s">
        <v>132150</v>
      </c>
      <c r="F38360" s="1" t="s">
        <v>132151</v>
      </c>
      <c r="G38360" s="1" t="s">
        <v>132110</v>
      </c>
      <c r="H38360" s="1" t="s">
        <v>132111</v>
      </c>
      <c r="I38360" s="1" t="s">
        <v>126615</v>
      </c>
      <c r="J38360" s="1" t="s">
        <v>132152</v>
      </c>
    </row>
    <row r="38361" spans="1:10" x14ac:dyDescent="0.35">
      <c r="A38361" s="1" t="s">
        <v>13126</v>
      </c>
      <c r="B38361" s="1" t="s">
        <v>126612</v>
      </c>
      <c r="C38361" s="1" t="s">
        <v>75</v>
      </c>
      <c r="D38361" s="1" t="s">
        <v>86336</v>
      </c>
      <c r="E38361" s="1" t="s">
        <v>132153</v>
      </c>
      <c r="F38361" s="1" t="s">
        <v>132154</v>
      </c>
      <c r="G38361" s="1" t="s">
        <v>132110</v>
      </c>
      <c r="H38361" s="1" t="s">
        <v>132111</v>
      </c>
      <c r="I38361" s="1" t="s">
        <v>126615</v>
      </c>
      <c r="J38361" s="1" t="s">
        <v>132155</v>
      </c>
    </row>
    <row r="38362" spans="1:10" x14ac:dyDescent="0.35">
      <c r="A38362" s="1" t="s">
        <v>13126</v>
      </c>
      <c r="B38362" s="1" t="s">
        <v>126612</v>
      </c>
      <c r="C38362" s="1" t="s">
        <v>80</v>
      </c>
      <c r="D38362" s="1" t="s">
        <v>132156</v>
      </c>
      <c r="E38362" s="1" t="s">
        <v>132157</v>
      </c>
      <c r="F38362" s="1" t="s">
        <v>132158</v>
      </c>
      <c r="G38362" s="1" t="s">
        <v>132110</v>
      </c>
      <c r="H38362" s="1" t="s">
        <v>132111</v>
      </c>
      <c r="I38362" s="1" t="s">
        <v>126615</v>
      </c>
      <c r="J38362" s="1" t="s">
        <v>132159</v>
      </c>
    </row>
    <row r="38363" spans="1:10" x14ac:dyDescent="0.35">
      <c r="A38363" s="1" t="s">
        <v>13126</v>
      </c>
      <c r="B38363" s="1" t="s">
        <v>126612</v>
      </c>
      <c r="C38363" s="1" t="s">
        <v>85</v>
      </c>
      <c r="D38363" s="1" t="s">
        <v>11318</v>
      </c>
      <c r="E38363" s="1" t="s">
        <v>132160</v>
      </c>
      <c r="F38363" s="1" t="s">
        <v>132161</v>
      </c>
      <c r="G38363" s="1" t="s">
        <v>132110</v>
      </c>
      <c r="H38363" s="1" t="s">
        <v>132111</v>
      </c>
      <c r="I38363" s="1" t="s">
        <v>126615</v>
      </c>
      <c r="J38363" s="1" t="s">
        <v>132162</v>
      </c>
    </row>
    <row r="38364" spans="1:10" x14ac:dyDescent="0.35">
      <c r="A38364" s="1" t="s">
        <v>13126</v>
      </c>
      <c r="B38364" s="1" t="s">
        <v>126612</v>
      </c>
      <c r="C38364" s="1" t="s">
        <v>90</v>
      </c>
      <c r="D38364" s="1" t="s">
        <v>19229</v>
      </c>
      <c r="E38364" s="1" t="s">
        <v>132163</v>
      </c>
      <c r="F38364" s="1" t="s">
        <v>132164</v>
      </c>
      <c r="G38364" s="1" t="s">
        <v>132110</v>
      </c>
      <c r="H38364" s="1" t="s">
        <v>132111</v>
      </c>
      <c r="I38364" s="1" t="s">
        <v>126615</v>
      </c>
      <c r="J38364" s="1" t="s">
        <v>132165</v>
      </c>
    </row>
    <row r="38365" spans="1:10" x14ac:dyDescent="0.35">
      <c r="A38365" s="1" t="s">
        <v>13126</v>
      </c>
      <c r="B38365" s="1" t="s">
        <v>126612</v>
      </c>
      <c r="C38365" s="1" t="s">
        <v>95</v>
      </c>
      <c r="D38365" s="1" t="s">
        <v>33319</v>
      </c>
      <c r="E38365" s="1" t="s">
        <v>132166</v>
      </c>
      <c r="F38365" s="1" t="s">
        <v>132167</v>
      </c>
      <c r="G38365" s="1" t="s">
        <v>132110</v>
      </c>
      <c r="H38365" s="1" t="s">
        <v>132111</v>
      </c>
      <c r="I38365" s="1" t="s">
        <v>126615</v>
      </c>
      <c r="J38365" s="1" t="s">
        <v>132168</v>
      </c>
    </row>
    <row r="38366" spans="1:10" x14ac:dyDescent="0.35">
      <c r="A38366" s="1" t="s">
        <v>13126</v>
      </c>
      <c r="B38366" s="1" t="s">
        <v>126612</v>
      </c>
      <c r="C38366" s="1" t="s">
        <v>100</v>
      </c>
      <c r="D38366" s="1" t="s">
        <v>132169</v>
      </c>
      <c r="E38366" s="1" t="s">
        <v>132170</v>
      </c>
      <c r="F38366" s="1" t="s">
        <v>132171</v>
      </c>
      <c r="G38366" s="1" t="s">
        <v>132110</v>
      </c>
      <c r="H38366" s="1" t="s">
        <v>132111</v>
      </c>
      <c r="I38366" s="1" t="s">
        <v>126615</v>
      </c>
      <c r="J38366" s="1" t="s">
        <v>132172</v>
      </c>
    </row>
    <row r="38367" spans="1:10" x14ac:dyDescent="0.35">
      <c r="A38367" s="1" t="s">
        <v>13126</v>
      </c>
      <c r="B38367" s="1" t="s">
        <v>126612</v>
      </c>
      <c r="C38367" s="1" t="s">
        <v>105</v>
      </c>
      <c r="D38367" s="1" t="s">
        <v>132173</v>
      </c>
      <c r="E38367" s="1" t="s">
        <v>132174</v>
      </c>
      <c r="F38367" s="1" t="s">
        <v>132175</v>
      </c>
      <c r="G38367" s="1" t="s">
        <v>132110</v>
      </c>
      <c r="H38367" s="1" t="s">
        <v>132111</v>
      </c>
      <c r="I38367" s="1" t="s">
        <v>126615</v>
      </c>
      <c r="J38367" s="1" t="s">
        <v>132176</v>
      </c>
    </row>
    <row r="38368" spans="1:10" x14ac:dyDescent="0.35">
      <c r="A38368" s="1" t="s">
        <v>13126</v>
      </c>
      <c r="B38368" s="1" t="s">
        <v>126612</v>
      </c>
      <c r="C38368" s="1" t="s">
        <v>110</v>
      </c>
      <c r="D38368" s="1" t="s">
        <v>82616</v>
      </c>
      <c r="E38368" s="1" t="s">
        <v>132177</v>
      </c>
      <c r="F38368" s="1" t="s">
        <v>132178</v>
      </c>
      <c r="G38368" s="1" t="s">
        <v>132110</v>
      </c>
      <c r="H38368" s="1" t="s">
        <v>132111</v>
      </c>
      <c r="I38368" s="1" t="s">
        <v>126615</v>
      </c>
      <c r="J38368" s="1" t="s">
        <v>132179</v>
      </c>
    </row>
    <row r="38369" spans="1:10" x14ac:dyDescent="0.35">
      <c r="A38369" s="1" t="s">
        <v>13126</v>
      </c>
      <c r="B38369" s="1" t="s">
        <v>126612</v>
      </c>
      <c r="C38369" s="1" t="s">
        <v>115</v>
      </c>
      <c r="D38369" s="1" t="s">
        <v>59562</v>
      </c>
      <c r="E38369" s="1" t="s">
        <v>132180</v>
      </c>
      <c r="F38369" s="1" t="s">
        <v>132181</v>
      </c>
      <c r="G38369" s="1" t="s">
        <v>132110</v>
      </c>
      <c r="H38369" s="1" t="s">
        <v>132111</v>
      </c>
      <c r="I38369" s="1" t="s">
        <v>126615</v>
      </c>
      <c r="J38369" s="1" t="s">
        <v>132182</v>
      </c>
    </row>
    <row r="38370" spans="1:10" x14ac:dyDescent="0.35">
      <c r="A38370" s="1" t="s">
        <v>13126</v>
      </c>
      <c r="B38370" s="1" t="s">
        <v>126612</v>
      </c>
      <c r="C38370" s="1" t="s">
        <v>120</v>
      </c>
      <c r="D38370" s="1" t="s">
        <v>132183</v>
      </c>
      <c r="E38370" s="1" t="s">
        <v>132184</v>
      </c>
      <c r="F38370" s="1" t="s">
        <v>132185</v>
      </c>
      <c r="G38370" s="1" t="s">
        <v>132110</v>
      </c>
      <c r="H38370" s="1" t="s">
        <v>132111</v>
      </c>
      <c r="I38370" s="1" t="s">
        <v>126615</v>
      </c>
      <c r="J38370" s="1" t="s">
        <v>132186</v>
      </c>
    </row>
    <row r="38371" spans="1:10" x14ac:dyDescent="0.35">
      <c r="A38371" s="1" t="s">
        <v>13126</v>
      </c>
      <c r="B38371" s="1" t="s">
        <v>126612</v>
      </c>
      <c r="C38371" s="1" t="s">
        <v>125</v>
      </c>
      <c r="D38371" s="1" t="s">
        <v>64022</v>
      </c>
      <c r="E38371" s="1" t="s">
        <v>132187</v>
      </c>
      <c r="F38371" s="1" t="s">
        <v>132188</v>
      </c>
      <c r="G38371" s="1" t="s">
        <v>132110</v>
      </c>
      <c r="H38371" s="1" t="s">
        <v>132111</v>
      </c>
      <c r="I38371" s="1" t="s">
        <v>126615</v>
      </c>
      <c r="J38371" s="1" t="s">
        <v>132189</v>
      </c>
    </row>
    <row r="38372" spans="1:10" x14ac:dyDescent="0.35">
      <c r="A38372" s="1" t="s">
        <v>13126</v>
      </c>
      <c r="B38372" s="1" t="s">
        <v>126612</v>
      </c>
      <c r="C38372" s="1" t="s">
        <v>130</v>
      </c>
      <c r="D38372" s="1" t="s">
        <v>132190</v>
      </c>
      <c r="E38372" s="1" t="s">
        <v>132191</v>
      </c>
      <c r="F38372" s="1" t="s">
        <v>132192</v>
      </c>
      <c r="G38372" s="1" t="s">
        <v>132110</v>
      </c>
      <c r="H38372" s="1" t="s">
        <v>132111</v>
      </c>
      <c r="I38372" s="1" t="s">
        <v>126615</v>
      </c>
      <c r="J38372" s="1" t="s">
        <v>132193</v>
      </c>
    </row>
    <row r="38373" spans="1:10" x14ac:dyDescent="0.35">
      <c r="A38373" s="1" t="s">
        <v>13126</v>
      </c>
      <c r="B38373" s="1" t="s">
        <v>126612</v>
      </c>
      <c r="C38373" s="1" t="s">
        <v>135</v>
      </c>
      <c r="D38373" s="1" t="s">
        <v>64966</v>
      </c>
      <c r="E38373" s="1" t="s">
        <v>132194</v>
      </c>
      <c r="F38373" s="1" t="s">
        <v>132195</v>
      </c>
      <c r="G38373" s="1" t="s">
        <v>132110</v>
      </c>
      <c r="H38373" s="1" t="s">
        <v>132111</v>
      </c>
      <c r="I38373" s="1" t="s">
        <v>126615</v>
      </c>
      <c r="J38373" s="1" t="s">
        <v>132196</v>
      </c>
    </row>
    <row r="38374" spans="1:10" x14ac:dyDescent="0.35">
      <c r="A38374" s="1" t="s">
        <v>13126</v>
      </c>
      <c r="B38374" s="1" t="s">
        <v>126612</v>
      </c>
      <c r="C38374" s="1" t="s">
        <v>140</v>
      </c>
      <c r="D38374" s="1" t="s">
        <v>102576</v>
      </c>
      <c r="E38374" s="1" t="s">
        <v>132197</v>
      </c>
      <c r="F38374" s="1" t="s">
        <v>132198</v>
      </c>
      <c r="G38374" s="1" t="s">
        <v>132110</v>
      </c>
      <c r="H38374" s="1" t="s">
        <v>132111</v>
      </c>
      <c r="I38374" s="1" t="s">
        <v>126615</v>
      </c>
      <c r="J38374" s="1" t="s">
        <v>132199</v>
      </c>
    </row>
    <row r="38375" spans="1:10" x14ac:dyDescent="0.35">
      <c r="A38375" s="1" t="s">
        <v>13126</v>
      </c>
      <c r="B38375" s="1" t="s">
        <v>126612</v>
      </c>
      <c r="C38375" s="1" t="s">
        <v>145</v>
      </c>
      <c r="D38375" s="1" t="s">
        <v>99593</v>
      </c>
      <c r="E38375" s="1" t="s">
        <v>132200</v>
      </c>
      <c r="F38375" s="1" t="s">
        <v>132201</v>
      </c>
      <c r="G38375" s="1" t="s">
        <v>132110</v>
      </c>
      <c r="H38375" s="1" t="s">
        <v>132111</v>
      </c>
      <c r="I38375" s="1" t="s">
        <v>126615</v>
      </c>
      <c r="J38375" s="1" t="s">
        <v>132202</v>
      </c>
    </row>
    <row r="38376" spans="1:10" x14ac:dyDescent="0.35">
      <c r="A38376" s="1" t="s">
        <v>13126</v>
      </c>
      <c r="B38376" s="1" t="s">
        <v>126612</v>
      </c>
      <c r="C38376" s="1" t="s">
        <v>150</v>
      </c>
      <c r="D38376" s="1" t="s">
        <v>132203</v>
      </c>
      <c r="E38376" s="1" t="s">
        <v>132204</v>
      </c>
      <c r="F38376" s="1" t="s">
        <v>132205</v>
      </c>
      <c r="G38376" s="1" t="s">
        <v>132110</v>
      </c>
      <c r="H38376" s="1" t="s">
        <v>132111</v>
      </c>
      <c r="I38376" s="1" t="s">
        <v>126615</v>
      </c>
      <c r="J38376" s="1" t="s">
        <v>132206</v>
      </c>
    </row>
    <row r="38377" spans="1:10" x14ac:dyDescent="0.35">
      <c r="A38377" s="1" t="s">
        <v>13126</v>
      </c>
      <c r="B38377" s="1" t="s">
        <v>126612</v>
      </c>
      <c r="C38377" s="1" t="s">
        <v>155</v>
      </c>
      <c r="D38377" s="1" t="s">
        <v>56713</v>
      </c>
      <c r="E38377" s="1" t="s">
        <v>132207</v>
      </c>
      <c r="F38377" s="1" t="s">
        <v>132208</v>
      </c>
      <c r="G38377" s="1" t="s">
        <v>132110</v>
      </c>
      <c r="H38377" s="1" t="s">
        <v>132111</v>
      </c>
      <c r="I38377" s="1" t="s">
        <v>126615</v>
      </c>
      <c r="J38377" s="1" t="s">
        <v>132209</v>
      </c>
    </row>
    <row r="38378" spans="1:10" x14ac:dyDescent="0.35">
      <c r="A38378" s="1" t="s">
        <v>13126</v>
      </c>
      <c r="B38378" s="1" t="s">
        <v>126612</v>
      </c>
      <c r="C38378" s="1" t="s">
        <v>160</v>
      </c>
      <c r="D38378" s="1" t="s">
        <v>132210</v>
      </c>
      <c r="E38378" s="1" t="s">
        <v>132211</v>
      </c>
      <c r="F38378" s="1" t="s">
        <v>132212</v>
      </c>
      <c r="G38378" s="1" t="s">
        <v>132110</v>
      </c>
      <c r="H38378" s="1" t="s">
        <v>132111</v>
      </c>
      <c r="I38378" s="1" t="s">
        <v>126615</v>
      </c>
      <c r="J38378" s="1" t="s">
        <v>132213</v>
      </c>
    </row>
    <row r="38379" spans="1:10" x14ac:dyDescent="0.35">
      <c r="A38379" s="1" t="s">
        <v>13126</v>
      </c>
      <c r="B38379" s="1" t="s">
        <v>126612</v>
      </c>
      <c r="C38379" s="1" t="s">
        <v>165</v>
      </c>
      <c r="D38379" s="1" t="s">
        <v>97953</v>
      </c>
      <c r="E38379" s="1" t="s">
        <v>132214</v>
      </c>
      <c r="F38379" s="1" t="s">
        <v>132215</v>
      </c>
      <c r="G38379" s="1" t="s">
        <v>132110</v>
      </c>
      <c r="H38379" s="1" t="s">
        <v>132111</v>
      </c>
      <c r="I38379" s="1" t="s">
        <v>126615</v>
      </c>
      <c r="J38379" s="1" t="s">
        <v>132216</v>
      </c>
    </row>
    <row r="38380" spans="1:10" x14ac:dyDescent="0.35">
      <c r="A38380" s="1" t="s">
        <v>13126</v>
      </c>
      <c r="B38380" s="1" t="s">
        <v>126612</v>
      </c>
      <c r="C38380" s="1" t="s">
        <v>170</v>
      </c>
      <c r="D38380" s="1" t="s">
        <v>59315</v>
      </c>
      <c r="E38380" s="1" t="s">
        <v>132217</v>
      </c>
      <c r="F38380" s="1" t="s">
        <v>132218</v>
      </c>
      <c r="G38380" s="1" t="s">
        <v>132110</v>
      </c>
      <c r="H38380" s="1" t="s">
        <v>132111</v>
      </c>
      <c r="I38380" s="1" t="s">
        <v>126615</v>
      </c>
      <c r="J38380" s="1" t="s">
        <v>132219</v>
      </c>
    </row>
    <row r="38381" spans="1:10" x14ac:dyDescent="0.35">
      <c r="A38381" s="1" t="s">
        <v>8495</v>
      </c>
      <c r="B38381" s="1" t="s">
        <v>126612</v>
      </c>
      <c r="C38381" s="1" t="s">
        <v>8</v>
      </c>
      <c r="D38381" s="1" t="s">
        <v>63200</v>
      </c>
      <c r="E38381" s="1" t="s">
        <v>19956</v>
      </c>
      <c r="F38381" s="1" t="s">
        <v>65996</v>
      </c>
      <c r="G38381" s="1" t="s">
        <v>132220</v>
      </c>
      <c r="H38381" s="1" t="s">
        <v>132221</v>
      </c>
      <c r="I38381" s="1" t="s">
        <v>126615</v>
      </c>
      <c r="J38381" s="1" t="s">
        <v>13</v>
      </c>
    </row>
    <row r="38382" spans="1:10" x14ac:dyDescent="0.35">
      <c r="A38382" s="1" t="s">
        <v>8495</v>
      </c>
      <c r="B38382" s="1" t="s">
        <v>126612</v>
      </c>
      <c r="C38382" s="1" t="s">
        <v>15</v>
      </c>
      <c r="D38382" s="1" t="s">
        <v>5823</v>
      </c>
      <c r="E38382" s="1" t="s">
        <v>65430</v>
      </c>
      <c r="F38382" s="1" t="s">
        <v>132222</v>
      </c>
      <c r="G38382" s="1" t="s">
        <v>132220</v>
      </c>
      <c r="H38382" s="1" t="s">
        <v>132221</v>
      </c>
      <c r="I38382" s="1" t="s">
        <v>126615</v>
      </c>
      <c r="J38382" s="1" t="s">
        <v>132223</v>
      </c>
    </row>
    <row r="38383" spans="1:10" x14ac:dyDescent="0.35">
      <c r="A38383" s="1" t="s">
        <v>8495</v>
      </c>
      <c r="B38383" s="1" t="s">
        <v>126612</v>
      </c>
      <c r="C38383" s="1" t="s">
        <v>20</v>
      </c>
      <c r="D38383" s="1" t="s">
        <v>132224</v>
      </c>
      <c r="E38383" s="1" t="s">
        <v>32984</v>
      </c>
      <c r="F38383" s="1" t="s">
        <v>132225</v>
      </c>
      <c r="G38383" s="1" t="s">
        <v>132220</v>
      </c>
      <c r="H38383" s="1" t="s">
        <v>132221</v>
      </c>
      <c r="I38383" s="1" t="s">
        <v>126615</v>
      </c>
      <c r="J38383" s="1" t="s">
        <v>132226</v>
      </c>
    </row>
    <row r="38384" spans="1:10" x14ac:dyDescent="0.35">
      <c r="A38384" s="1" t="s">
        <v>8495</v>
      </c>
      <c r="B38384" s="1" t="s">
        <v>126612</v>
      </c>
      <c r="C38384" s="1" t="s">
        <v>25</v>
      </c>
      <c r="D38384" s="1" t="s">
        <v>61342</v>
      </c>
      <c r="E38384" s="1" t="s">
        <v>109435</v>
      </c>
      <c r="F38384" s="1" t="s">
        <v>54439</v>
      </c>
      <c r="G38384" s="1" t="s">
        <v>132220</v>
      </c>
      <c r="H38384" s="1" t="s">
        <v>132221</v>
      </c>
      <c r="I38384" s="1" t="s">
        <v>126615</v>
      </c>
      <c r="J38384" s="1" t="s">
        <v>132227</v>
      </c>
    </row>
    <row r="38385" spans="1:10" x14ac:dyDescent="0.35">
      <c r="A38385" s="1" t="s">
        <v>8495</v>
      </c>
      <c r="B38385" s="1" t="s">
        <v>126612</v>
      </c>
      <c r="C38385" s="1" t="s">
        <v>30</v>
      </c>
      <c r="D38385" s="1" t="s">
        <v>132228</v>
      </c>
      <c r="E38385" s="1" t="s">
        <v>19882</v>
      </c>
      <c r="F38385" s="1" t="s">
        <v>130354</v>
      </c>
      <c r="G38385" s="1" t="s">
        <v>132220</v>
      </c>
      <c r="H38385" s="1" t="s">
        <v>132221</v>
      </c>
      <c r="I38385" s="1" t="s">
        <v>126615</v>
      </c>
      <c r="J38385" s="1" t="s">
        <v>132229</v>
      </c>
    </row>
    <row r="38386" spans="1:10" x14ac:dyDescent="0.35">
      <c r="A38386" s="1" t="s">
        <v>8495</v>
      </c>
      <c r="B38386" s="1" t="s">
        <v>126612</v>
      </c>
      <c r="C38386" s="1" t="s">
        <v>35</v>
      </c>
      <c r="D38386" s="1" t="s">
        <v>132230</v>
      </c>
      <c r="E38386" s="1" t="s">
        <v>97200</v>
      </c>
      <c r="F38386" s="1" t="s">
        <v>59084</v>
      </c>
      <c r="G38386" s="1" t="s">
        <v>132220</v>
      </c>
      <c r="H38386" s="1" t="s">
        <v>132221</v>
      </c>
      <c r="I38386" s="1" t="s">
        <v>126615</v>
      </c>
      <c r="J38386" s="1" t="s">
        <v>132231</v>
      </c>
    </row>
    <row r="38387" spans="1:10" x14ac:dyDescent="0.35">
      <c r="A38387" s="1" t="s">
        <v>8495</v>
      </c>
      <c r="B38387" s="1" t="s">
        <v>126612</v>
      </c>
      <c r="C38387" s="1" t="s">
        <v>40</v>
      </c>
      <c r="D38387" s="1" t="s">
        <v>132232</v>
      </c>
      <c r="E38387" s="1" t="s">
        <v>15424</v>
      </c>
      <c r="F38387" s="1" t="s">
        <v>132233</v>
      </c>
      <c r="G38387" s="1" t="s">
        <v>132220</v>
      </c>
      <c r="H38387" s="1" t="s">
        <v>132221</v>
      </c>
      <c r="I38387" s="1" t="s">
        <v>126615</v>
      </c>
      <c r="J38387" s="1" t="s">
        <v>132234</v>
      </c>
    </row>
    <row r="38388" spans="1:10" x14ac:dyDescent="0.35">
      <c r="A38388" s="1" t="s">
        <v>8495</v>
      </c>
      <c r="B38388" s="1" t="s">
        <v>126612</v>
      </c>
      <c r="C38388" s="1" t="s">
        <v>45</v>
      </c>
      <c r="D38388" s="1" t="s">
        <v>105556</v>
      </c>
      <c r="E38388" s="1" t="s">
        <v>129339</v>
      </c>
      <c r="F38388" s="1" t="s">
        <v>132235</v>
      </c>
      <c r="G38388" s="1" t="s">
        <v>132220</v>
      </c>
      <c r="H38388" s="1" t="s">
        <v>132221</v>
      </c>
      <c r="I38388" s="1" t="s">
        <v>126615</v>
      </c>
      <c r="J38388" s="1" t="s">
        <v>132236</v>
      </c>
    </row>
    <row r="38389" spans="1:10" x14ac:dyDescent="0.35">
      <c r="A38389" s="1" t="s">
        <v>8495</v>
      </c>
      <c r="B38389" s="1" t="s">
        <v>126612</v>
      </c>
      <c r="C38389" s="1" t="s">
        <v>50</v>
      </c>
      <c r="D38389" s="1" t="s">
        <v>132237</v>
      </c>
      <c r="E38389" s="1" t="s">
        <v>31765</v>
      </c>
      <c r="F38389" s="1" t="s">
        <v>132238</v>
      </c>
      <c r="G38389" s="1" t="s">
        <v>132220</v>
      </c>
      <c r="H38389" s="1" t="s">
        <v>132221</v>
      </c>
      <c r="I38389" s="1" t="s">
        <v>126615</v>
      </c>
      <c r="J38389" s="1" t="s">
        <v>132239</v>
      </c>
    </row>
    <row r="38390" spans="1:10" x14ac:dyDescent="0.35">
      <c r="A38390" s="1" t="s">
        <v>8495</v>
      </c>
      <c r="B38390" s="1" t="s">
        <v>126612</v>
      </c>
      <c r="C38390" s="1" t="s">
        <v>55</v>
      </c>
      <c r="D38390" s="1" t="s">
        <v>132240</v>
      </c>
      <c r="E38390" s="1" t="s">
        <v>132241</v>
      </c>
      <c r="F38390" s="1" t="s">
        <v>132242</v>
      </c>
      <c r="G38390" s="1" t="s">
        <v>132220</v>
      </c>
      <c r="H38390" s="1" t="s">
        <v>132221</v>
      </c>
      <c r="I38390" s="1" t="s">
        <v>126615</v>
      </c>
      <c r="J38390" s="1" t="s">
        <v>132243</v>
      </c>
    </row>
    <row r="38391" spans="1:10" x14ac:dyDescent="0.35">
      <c r="A38391" s="1" t="s">
        <v>8495</v>
      </c>
      <c r="B38391" s="1" t="s">
        <v>126612</v>
      </c>
      <c r="C38391" s="1" t="s">
        <v>60</v>
      </c>
      <c r="D38391" s="1" t="s">
        <v>132244</v>
      </c>
      <c r="E38391" s="1" t="s">
        <v>128968</v>
      </c>
      <c r="F38391" s="1" t="s">
        <v>132245</v>
      </c>
      <c r="G38391" s="1" t="s">
        <v>132220</v>
      </c>
      <c r="H38391" s="1" t="s">
        <v>132221</v>
      </c>
      <c r="I38391" s="1" t="s">
        <v>126615</v>
      </c>
      <c r="J38391" s="1" t="s">
        <v>132246</v>
      </c>
    </row>
    <row r="38392" spans="1:10" x14ac:dyDescent="0.35">
      <c r="A38392" s="1" t="s">
        <v>8495</v>
      </c>
      <c r="B38392" s="1" t="s">
        <v>126612</v>
      </c>
      <c r="C38392" s="1" t="s">
        <v>65</v>
      </c>
      <c r="D38392" s="1" t="s">
        <v>41319</v>
      </c>
      <c r="E38392" s="1" t="s">
        <v>15636</v>
      </c>
      <c r="F38392" s="1" t="s">
        <v>132247</v>
      </c>
      <c r="G38392" s="1" t="s">
        <v>132220</v>
      </c>
      <c r="H38392" s="1" t="s">
        <v>132221</v>
      </c>
      <c r="I38392" s="1" t="s">
        <v>126615</v>
      </c>
      <c r="J38392" s="1" t="s">
        <v>132248</v>
      </c>
    </row>
    <row r="38393" spans="1:10" x14ac:dyDescent="0.35">
      <c r="A38393" s="1" t="s">
        <v>8495</v>
      </c>
      <c r="B38393" s="1" t="s">
        <v>126612</v>
      </c>
      <c r="C38393" s="1" t="s">
        <v>70</v>
      </c>
      <c r="D38393" s="1" t="s">
        <v>68326</v>
      </c>
      <c r="E38393" s="1" t="s">
        <v>30648</v>
      </c>
      <c r="F38393" s="1" t="s">
        <v>55319</v>
      </c>
      <c r="G38393" s="1" t="s">
        <v>132220</v>
      </c>
      <c r="H38393" s="1" t="s">
        <v>132221</v>
      </c>
      <c r="I38393" s="1" t="s">
        <v>126615</v>
      </c>
      <c r="J38393" s="1" t="s">
        <v>132249</v>
      </c>
    </row>
    <row r="38394" spans="1:10" x14ac:dyDescent="0.35">
      <c r="A38394" s="1" t="s">
        <v>8495</v>
      </c>
      <c r="B38394" s="1" t="s">
        <v>126612</v>
      </c>
      <c r="C38394" s="1" t="s">
        <v>75</v>
      </c>
      <c r="D38394" s="1" t="s">
        <v>85015</v>
      </c>
      <c r="E38394" s="1" t="s">
        <v>108993</v>
      </c>
      <c r="F38394" s="1" t="s">
        <v>59273</v>
      </c>
      <c r="G38394" s="1" t="s">
        <v>132220</v>
      </c>
      <c r="H38394" s="1" t="s">
        <v>132221</v>
      </c>
      <c r="I38394" s="1" t="s">
        <v>126615</v>
      </c>
      <c r="J38394" s="1" t="s">
        <v>132250</v>
      </c>
    </row>
    <row r="38395" spans="1:10" x14ac:dyDescent="0.35">
      <c r="A38395" s="1" t="s">
        <v>8495</v>
      </c>
      <c r="B38395" s="1" t="s">
        <v>126612</v>
      </c>
      <c r="C38395" s="1" t="s">
        <v>80</v>
      </c>
      <c r="D38395" s="1" t="s">
        <v>132251</v>
      </c>
      <c r="E38395" s="1" t="s">
        <v>31980</v>
      </c>
      <c r="F38395" s="1" t="s">
        <v>58498</v>
      </c>
      <c r="G38395" s="1" t="s">
        <v>132220</v>
      </c>
      <c r="H38395" s="1" t="s">
        <v>132221</v>
      </c>
      <c r="I38395" s="1" t="s">
        <v>126615</v>
      </c>
      <c r="J38395" s="1" t="s">
        <v>132252</v>
      </c>
    </row>
    <row r="38396" spans="1:10" x14ac:dyDescent="0.35">
      <c r="A38396" s="1" t="s">
        <v>8495</v>
      </c>
      <c r="B38396" s="1" t="s">
        <v>126612</v>
      </c>
      <c r="C38396" s="1" t="s">
        <v>85</v>
      </c>
      <c r="D38396" s="1" t="s">
        <v>79552</v>
      </c>
      <c r="E38396" s="1" t="s">
        <v>22313</v>
      </c>
      <c r="F38396" s="1" t="s">
        <v>132253</v>
      </c>
      <c r="G38396" s="1" t="s">
        <v>132220</v>
      </c>
      <c r="H38396" s="1" t="s">
        <v>132221</v>
      </c>
      <c r="I38396" s="1" t="s">
        <v>126615</v>
      </c>
      <c r="J38396" s="1" t="s">
        <v>132254</v>
      </c>
    </row>
    <row r="38397" spans="1:10" x14ac:dyDescent="0.35">
      <c r="A38397" s="1" t="s">
        <v>8495</v>
      </c>
      <c r="B38397" s="1" t="s">
        <v>126612</v>
      </c>
      <c r="C38397" s="1" t="s">
        <v>90</v>
      </c>
      <c r="D38397" s="1" t="s">
        <v>132255</v>
      </c>
      <c r="E38397" s="1" t="s">
        <v>129538</v>
      </c>
      <c r="F38397" s="1" t="s">
        <v>132256</v>
      </c>
      <c r="G38397" s="1" t="s">
        <v>132220</v>
      </c>
      <c r="H38397" s="1" t="s">
        <v>132221</v>
      </c>
      <c r="I38397" s="1" t="s">
        <v>126615</v>
      </c>
      <c r="J38397" s="1" t="s">
        <v>132257</v>
      </c>
    </row>
    <row r="38398" spans="1:10" x14ac:dyDescent="0.35">
      <c r="A38398" s="1" t="s">
        <v>8495</v>
      </c>
      <c r="B38398" s="1" t="s">
        <v>126612</v>
      </c>
      <c r="C38398" s="1" t="s">
        <v>95</v>
      </c>
      <c r="D38398" s="1" t="s">
        <v>132258</v>
      </c>
      <c r="E38398" s="1" t="s">
        <v>130122</v>
      </c>
      <c r="F38398" s="1" t="s">
        <v>77719</v>
      </c>
      <c r="G38398" s="1" t="s">
        <v>132220</v>
      </c>
      <c r="H38398" s="1" t="s">
        <v>132221</v>
      </c>
      <c r="I38398" s="1" t="s">
        <v>126615</v>
      </c>
      <c r="J38398" s="1" t="s">
        <v>132259</v>
      </c>
    </row>
    <row r="38399" spans="1:10" x14ac:dyDescent="0.35">
      <c r="A38399" s="1" t="s">
        <v>8495</v>
      </c>
      <c r="B38399" s="1" t="s">
        <v>126612</v>
      </c>
      <c r="C38399" s="1" t="s">
        <v>100</v>
      </c>
      <c r="D38399" s="1" t="s">
        <v>12609</v>
      </c>
      <c r="E38399" s="1" t="s">
        <v>26292</v>
      </c>
      <c r="F38399" s="1" t="s">
        <v>132260</v>
      </c>
      <c r="G38399" s="1" t="s">
        <v>132220</v>
      </c>
      <c r="H38399" s="1" t="s">
        <v>132221</v>
      </c>
      <c r="I38399" s="1" t="s">
        <v>126615</v>
      </c>
      <c r="J38399" s="1" t="s">
        <v>132261</v>
      </c>
    </row>
    <row r="38400" spans="1:10" x14ac:dyDescent="0.35">
      <c r="A38400" s="1" t="s">
        <v>8495</v>
      </c>
      <c r="B38400" s="1" t="s">
        <v>126612</v>
      </c>
      <c r="C38400" s="1" t="s">
        <v>105</v>
      </c>
      <c r="D38400" s="1" t="s">
        <v>132262</v>
      </c>
      <c r="E38400" s="1" t="s">
        <v>96620</v>
      </c>
      <c r="F38400" s="1" t="s">
        <v>56184</v>
      </c>
      <c r="G38400" s="1" t="s">
        <v>132220</v>
      </c>
      <c r="H38400" s="1" t="s">
        <v>132221</v>
      </c>
      <c r="I38400" s="1" t="s">
        <v>126615</v>
      </c>
      <c r="J38400" s="1" t="s">
        <v>132263</v>
      </c>
    </row>
    <row r="38401" spans="1:10" x14ac:dyDescent="0.35">
      <c r="A38401" s="1" t="s">
        <v>8495</v>
      </c>
      <c r="B38401" s="1" t="s">
        <v>126612</v>
      </c>
      <c r="C38401" s="1" t="s">
        <v>110</v>
      </c>
      <c r="D38401" s="1" t="s">
        <v>130760</v>
      </c>
      <c r="E38401" s="1" t="s">
        <v>16178</v>
      </c>
      <c r="F38401" s="1" t="s">
        <v>132264</v>
      </c>
      <c r="G38401" s="1" t="s">
        <v>132220</v>
      </c>
      <c r="H38401" s="1" t="s">
        <v>132221</v>
      </c>
      <c r="I38401" s="1" t="s">
        <v>126615</v>
      </c>
      <c r="J38401" s="1" t="s">
        <v>132265</v>
      </c>
    </row>
    <row r="38402" spans="1:10" x14ac:dyDescent="0.35">
      <c r="A38402" s="1" t="s">
        <v>8495</v>
      </c>
      <c r="B38402" s="1" t="s">
        <v>126612</v>
      </c>
      <c r="C38402" s="1" t="s">
        <v>115</v>
      </c>
      <c r="D38402" s="1" t="s">
        <v>132266</v>
      </c>
      <c r="E38402" s="1" t="s">
        <v>132267</v>
      </c>
      <c r="F38402" s="1" t="s">
        <v>101936</v>
      </c>
      <c r="G38402" s="1" t="s">
        <v>132220</v>
      </c>
      <c r="H38402" s="1" t="s">
        <v>132221</v>
      </c>
      <c r="I38402" s="1" t="s">
        <v>126615</v>
      </c>
      <c r="J38402" s="1" t="s">
        <v>132268</v>
      </c>
    </row>
    <row r="38403" spans="1:10" x14ac:dyDescent="0.35">
      <c r="A38403" s="1" t="s">
        <v>8495</v>
      </c>
      <c r="B38403" s="1" t="s">
        <v>126612</v>
      </c>
      <c r="C38403" s="1" t="s">
        <v>120</v>
      </c>
      <c r="D38403" s="1" t="s">
        <v>132269</v>
      </c>
      <c r="E38403" s="1" t="s">
        <v>129768</v>
      </c>
      <c r="F38403" s="1" t="s">
        <v>83452</v>
      </c>
      <c r="G38403" s="1" t="s">
        <v>132220</v>
      </c>
      <c r="H38403" s="1" t="s">
        <v>132221</v>
      </c>
      <c r="I38403" s="1" t="s">
        <v>126615</v>
      </c>
      <c r="J38403" s="1" t="s">
        <v>132270</v>
      </c>
    </row>
    <row r="38404" spans="1:10" x14ac:dyDescent="0.35">
      <c r="A38404" s="1" t="s">
        <v>8495</v>
      </c>
      <c r="B38404" s="1" t="s">
        <v>126612</v>
      </c>
      <c r="C38404" s="1" t="s">
        <v>125</v>
      </c>
      <c r="D38404" s="1" t="s">
        <v>132271</v>
      </c>
      <c r="E38404" s="1" t="s">
        <v>60568</v>
      </c>
      <c r="F38404" s="1" t="s">
        <v>132272</v>
      </c>
      <c r="G38404" s="1" t="s">
        <v>132220</v>
      </c>
      <c r="H38404" s="1" t="s">
        <v>132221</v>
      </c>
      <c r="I38404" s="1" t="s">
        <v>126615</v>
      </c>
      <c r="J38404" s="1" t="s">
        <v>132273</v>
      </c>
    </row>
    <row r="38405" spans="1:10" x14ac:dyDescent="0.35">
      <c r="A38405" s="1" t="s">
        <v>8495</v>
      </c>
      <c r="B38405" s="1" t="s">
        <v>126612</v>
      </c>
      <c r="C38405" s="1" t="s">
        <v>130</v>
      </c>
      <c r="D38405" s="1" t="s">
        <v>132274</v>
      </c>
      <c r="E38405" s="1" t="s">
        <v>132275</v>
      </c>
      <c r="F38405" s="1" t="s">
        <v>55990</v>
      </c>
      <c r="G38405" s="1" t="s">
        <v>132220</v>
      </c>
      <c r="H38405" s="1" t="s">
        <v>132221</v>
      </c>
      <c r="I38405" s="1" t="s">
        <v>126615</v>
      </c>
      <c r="J38405" s="1" t="s">
        <v>132276</v>
      </c>
    </row>
    <row r="38406" spans="1:10" x14ac:dyDescent="0.35">
      <c r="A38406" s="1" t="s">
        <v>8495</v>
      </c>
      <c r="B38406" s="1" t="s">
        <v>126612</v>
      </c>
      <c r="C38406" s="1" t="s">
        <v>135</v>
      </c>
      <c r="D38406" s="1" t="s">
        <v>26973</v>
      </c>
      <c r="E38406" s="1" t="s">
        <v>132277</v>
      </c>
      <c r="F38406" s="1" t="s">
        <v>132278</v>
      </c>
      <c r="G38406" s="1" t="s">
        <v>132220</v>
      </c>
      <c r="H38406" s="1" t="s">
        <v>132221</v>
      </c>
      <c r="I38406" s="1" t="s">
        <v>126615</v>
      </c>
      <c r="J38406" s="1" t="s">
        <v>132279</v>
      </c>
    </row>
    <row r="38407" spans="1:10" x14ac:dyDescent="0.35">
      <c r="A38407" s="1" t="s">
        <v>8495</v>
      </c>
      <c r="B38407" s="1" t="s">
        <v>126612</v>
      </c>
      <c r="C38407" s="1" t="s">
        <v>140</v>
      </c>
      <c r="D38407" s="1" t="s">
        <v>132280</v>
      </c>
      <c r="E38407" s="1" t="s">
        <v>132281</v>
      </c>
      <c r="F38407" s="1" t="s">
        <v>101170</v>
      </c>
      <c r="G38407" s="1" t="s">
        <v>132220</v>
      </c>
      <c r="H38407" s="1" t="s">
        <v>132221</v>
      </c>
      <c r="I38407" s="1" t="s">
        <v>126615</v>
      </c>
      <c r="J38407" s="1" t="s">
        <v>132282</v>
      </c>
    </row>
    <row r="38408" spans="1:10" x14ac:dyDescent="0.35">
      <c r="A38408" s="1" t="s">
        <v>8495</v>
      </c>
      <c r="B38408" s="1" t="s">
        <v>126612</v>
      </c>
      <c r="C38408" s="1" t="s">
        <v>145</v>
      </c>
      <c r="D38408" s="1" t="s">
        <v>132283</v>
      </c>
      <c r="E38408" s="1" t="s">
        <v>73386</v>
      </c>
      <c r="F38408" s="1" t="s">
        <v>99696</v>
      </c>
      <c r="G38408" s="1" t="s">
        <v>132220</v>
      </c>
      <c r="H38408" s="1" t="s">
        <v>132221</v>
      </c>
      <c r="I38408" s="1" t="s">
        <v>126615</v>
      </c>
      <c r="J38408" s="1" t="s">
        <v>132284</v>
      </c>
    </row>
    <row r="38409" spans="1:10" x14ac:dyDescent="0.35">
      <c r="A38409" s="1" t="s">
        <v>8495</v>
      </c>
      <c r="B38409" s="1" t="s">
        <v>126612</v>
      </c>
      <c r="C38409" s="1" t="s">
        <v>150</v>
      </c>
      <c r="D38409" s="1" t="s">
        <v>132285</v>
      </c>
      <c r="E38409" s="1" t="s">
        <v>90222</v>
      </c>
      <c r="F38409" s="1" t="s">
        <v>132286</v>
      </c>
      <c r="G38409" s="1" t="s">
        <v>132220</v>
      </c>
      <c r="H38409" s="1" t="s">
        <v>132221</v>
      </c>
      <c r="I38409" s="1" t="s">
        <v>126615</v>
      </c>
      <c r="J38409" s="1" t="s">
        <v>132287</v>
      </c>
    </row>
    <row r="38410" spans="1:10" x14ac:dyDescent="0.35">
      <c r="A38410" s="1" t="s">
        <v>8495</v>
      </c>
      <c r="B38410" s="1" t="s">
        <v>126612</v>
      </c>
      <c r="C38410" s="1" t="s">
        <v>155</v>
      </c>
      <c r="D38410" s="1" t="s">
        <v>132288</v>
      </c>
      <c r="E38410" s="1" t="s">
        <v>95811</v>
      </c>
      <c r="F38410" s="1" t="s">
        <v>132289</v>
      </c>
      <c r="G38410" s="1" t="s">
        <v>132220</v>
      </c>
      <c r="H38410" s="1" t="s">
        <v>132221</v>
      </c>
      <c r="I38410" s="1" t="s">
        <v>126615</v>
      </c>
      <c r="J38410" s="1" t="s">
        <v>132290</v>
      </c>
    </row>
    <row r="38411" spans="1:10" x14ac:dyDescent="0.35">
      <c r="A38411" s="1" t="s">
        <v>8495</v>
      </c>
      <c r="B38411" s="1" t="s">
        <v>126612</v>
      </c>
      <c r="C38411" s="1" t="s">
        <v>160</v>
      </c>
      <c r="D38411" s="1" t="s">
        <v>58379</v>
      </c>
      <c r="E38411" s="1" t="s">
        <v>77722</v>
      </c>
      <c r="F38411" s="1" t="s">
        <v>132291</v>
      </c>
      <c r="G38411" s="1" t="s">
        <v>132220</v>
      </c>
      <c r="H38411" s="1" t="s">
        <v>132221</v>
      </c>
      <c r="I38411" s="1" t="s">
        <v>126615</v>
      </c>
      <c r="J38411" s="1" t="s">
        <v>132292</v>
      </c>
    </row>
    <row r="38412" spans="1:10" x14ac:dyDescent="0.35">
      <c r="A38412" s="1" t="s">
        <v>8495</v>
      </c>
      <c r="B38412" s="1" t="s">
        <v>126612</v>
      </c>
      <c r="C38412" s="1" t="s">
        <v>165</v>
      </c>
      <c r="D38412" s="1" t="s">
        <v>57817</v>
      </c>
      <c r="E38412" s="1" t="s">
        <v>95780</v>
      </c>
      <c r="F38412" s="1" t="s">
        <v>66183</v>
      </c>
      <c r="G38412" s="1" t="s">
        <v>132220</v>
      </c>
      <c r="H38412" s="1" t="s">
        <v>132221</v>
      </c>
      <c r="I38412" s="1" t="s">
        <v>126615</v>
      </c>
      <c r="J38412" s="1" t="s">
        <v>132293</v>
      </c>
    </row>
    <row r="38413" spans="1:10" x14ac:dyDescent="0.35">
      <c r="A38413" s="1" t="s">
        <v>8495</v>
      </c>
      <c r="B38413" s="1" t="s">
        <v>126612</v>
      </c>
      <c r="C38413" s="1" t="s">
        <v>170</v>
      </c>
      <c r="D38413" s="1" t="s">
        <v>20078</v>
      </c>
      <c r="E38413" s="1" t="s">
        <v>94741</v>
      </c>
      <c r="F38413" s="1" t="s">
        <v>132294</v>
      </c>
      <c r="G38413" s="1" t="s">
        <v>132220</v>
      </c>
      <c r="H38413" s="1" t="s">
        <v>132221</v>
      </c>
      <c r="I38413" s="1" t="s">
        <v>126615</v>
      </c>
      <c r="J38413" s="1" t="s">
        <v>132295</v>
      </c>
    </row>
    <row r="38414" spans="1:10" x14ac:dyDescent="0.35">
      <c r="A38414" s="1" t="s">
        <v>4305</v>
      </c>
      <c r="B38414" s="1" t="s">
        <v>126612</v>
      </c>
      <c r="C38414" s="1" t="s">
        <v>8</v>
      </c>
      <c r="D38414" s="1" t="s">
        <v>132296</v>
      </c>
      <c r="E38414" s="1" t="s">
        <v>132297</v>
      </c>
      <c r="F38414" s="1" t="s">
        <v>132298</v>
      </c>
      <c r="G38414" s="1" t="s">
        <v>132299</v>
      </c>
      <c r="H38414" s="1" t="s">
        <v>132300</v>
      </c>
      <c r="I38414" s="1" t="s">
        <v>126615</v>
      </c>
      <c r="J38414" s="1" t="s">
        <v>13</v>
      </c>
    </row>
    <row r="38415" spans="1:10" x14ac:dyDescent="0.35">
      <c r="A38415" s="1" t="s">
        <v>4305</v>
      </c>
      <c r="B38415" s="1" t="s">
        <v>126612</v>
      </c>
      <c r="C38415" s="1" t="s">
        <v>15</v>
      </c>
      <c r="D38415" s="1" t="s">
        <v>132301</v>
      </c>
      <c r="E38415" s="1" t="s">
        <v>132302</v>
      </c>
      <c r="F38415" s="1" t="s">
        <v>132303</v>
      </c>
      <c r="G38415" s="1" t="s">
        <v>132299</v>
      </c>
      <c r="H38415" s="1" t="s">
        <v>132300</v>
      </c>
      <c r="I38415" s="1" t="s">
        <v>126615</v>
      </c>
      <c r="J38415" s="1" t="s">
        <v>132304</v>
      </c>
    </row>
    <row r="38416" spans="1:10" x14ac:dyDescent="0.35">
      <c r="A38416" s="1" t="s">
        <v>4305</v>
      </c>
      <c r="B38416" s="1" t="s">
        <v>126612</v>
      </c>
      <c r="C38416" s="1" t="s">
        <v>20</v>
      </c>
      <c r="D38416" s="1" t="s">
        <v>132305</v>
      </c>
      <c r="E38416" s="1" t="s">
        <v>132306</v>
      </c>
      <c r="F38416" s="1" t="s">
        <v>132307</v>
      </c>
      <c r="G38416" s="1" t="s">
        <v>132299</v>
      </c>
      <c r="H38416" s="1" t="s">
        <v>132300</v>
      </c>
      <c r="I38416" s="1" t="s">
        <v>126615</v>
      </c>
      <c r="J38416" s="1" t="s">
        <v>132308</v>
      </c>
    </row>
    <row r="38417" spans="1:10" x14ac:dyDescent="0.35">
      <c r="A38417" s="1" t="s">
        <v>4305</v>
      </c>
      <c r="B38417" s="1" t="s">
        <v>126612</v>
      </c>
      <c r="C38417" s="1" t="s">
        <v>25</v>
      </c>
      <c r="D38417" s="1" t="s">
        <v>132309</v>
      </c>
      <c r="E38417" s="1" t="s">
        <v>132310</v>
      </c>
      <c r="F38417" s="1" t="s">
        <v>132311</v>
      </c>
      <c r="G38417" s="1" t="s">
        <v>132299</v>
      </c>
      <c r="H38417" s="1" t="s">
        <v>132300</v>
      </c>
      <c r="I38417" s="1" t="s">
        <v>126615</v>
      </c>
      <c r="J38417" s="1" t="s">
        <v>132312</v>
      </c>
    </row>
    <row r="38418" spans="1:10" x14ac:dyDescent="0.35">
      <c r="A38418" s="1" t="s">
        <v>4305</v>
      </c>
      <c r="B38418" s="1" t="s">
        <v>126612</v>
      </c>
      <c r="C38418" s="1" t="s">
        <v>30</v>
      </c>
      <c r="D38418" s="1" t="s">
        <v>132313</v>
      </c>
      <c r="E38418" s="1" t="s">
        <v>132314</v>
      </c>
      <c r="F38418" s="1" t="s">
        <v>132315</v>
      </c>
      <c r="G38418" s="1" t="s">
        <v>132299</v>
      </c>
      <c r="H38418" s="1" t="s">
        <v>132300</v>
      </c>
      <c r="I38418" s="1" t="s">
        <v>126615</v>
      </c>
      <c r="J38418" s="1" t="s">
        <v>132316</v>
      </c>
    </row>
    <row r="38419" spans="1:10" x14ac:dyDescent="0.35">
      <c r="A38419" s="1" t="s">
        <v>4305</v>
      </c>
      <c r="B38419" s="1" t="s">
        <v>126612</v>
      </c>
      <c r="C38419" s="1" t="s">
        <v>35</v>
      </c>
      <c r="D38419" s="1" t="s">
        <v>132317</v>
      </c>
      <c r="E38419" s="1" t="s">
        <v>132318</v>
      </c>
      <c r="F38419" s="1" t="s">
        <v>132319</v>
      </c>
      <c r="G38419" s="1" t="s">
        <v>132299</v>
      </c>
      <c r="H38419" s="1" t="s">
        <v>132300</v>
      </c>
      <c r="I38419" s="1" t="s">
        <v>126615</v>
      </c>
      <c r="J38419" s="1" t="s">
        <v>132320</v>
      </c>
    </row>
    <row r="38420" spans="1:10" x14ac:dyDescent="0.35">
      <c r="A38420" s="1" t="s">
        <v>4305</v>
      </c>
      <c r="B38420" s="1" t="s">
        <v>126612</v>
      </c>
      <c r="C38420" s="1" t="s">
        <v>40</v>
      </c>
      <c r="D38420" s="1" t="s">
        <v>132321</v>
      </c>
      <c r="E38420" s="1" t="s">
        <v>132322</v>
      </c>
      <c r="F38420" s="1" t="s">
        <v>132323</v>
      </c>
      <c r="G38420" s="1" t="s">
        <v>132299</v>
      </c>
      <c r="H38420" s="1" t="s">
        <v>132300</v>
      </c>
      <c r="I38420" s="1" t="s">
        <v>126615</v>
      </c>
      <c r="J38420" s="1" t="s">
        <v>132324</v>
      </c>
    </row>
    <row r="38421" spans="1:10" x14ac:dyDescent="0.35">
      <c r="A38421" s="1" t="s">
        <v>4305</v>
      </c>
      <c r="B38421" s="1" t="s">
        <v>126612</v>
      </c>
      <c r="C38421" s="1" t="s">
        <v>45</v>
      </c>
      <c r="D38421" s="1" t="s">
        <v>132325</v>
      </c>
      <c r="E38421" s="1" t="s">
        <v>132326</v>
      </c>
      <c r="F38421" s="1" t="s">
        <v>132327</v>
      </c>
      <c r="G38421" s="1" t="s">
        <v>132299</v>
      </c>
      <c r="H38421" s="1" t="s">
        <v>132300</v>
      </c>
      <c r="I38421" s="1" t="s">
        <v>126615</v>
      </c>
      <c r="J38421" s="1" t="s">
        <v>132328</v>
      </c>
    </row>
    <row r="38422" spans="1:10" x14ac:dyDescent="0.35">
      <c r="A38422" s="1" t="s">
        <v>4305</v>
      </c>
      <c r="B38422" s="1" t="s">
        <v>126612</v>
      </c>
      <c r="C38422" s="1" t="s">
        <v>50</v>
      </c>
      <c r="D38422" s="1" t="s">
        <v>132329</v>
      </c>
      <c r="E38422" s="1" t="s">
        <v>132330</v>
      </c>
      <c r="F38422" s="1" t="s">
        <v>132331</v>
      </c>
      <c r="G38422" s="1" t="s">
        <v>132299</v>
      </c>
      <c r="H38422" s="1" t="s">
        <v>132300</v>
      </c>
      <c r="I38422" s="1" t="s">
        <v>126615</v>
      </c>
      <c r="J38422" s="1" t="s">
        <v>132332</v>
      </c>
    </row>
    <row r="38423" spans="1:10" x14ac:dyDescent="0.35">
      <c r="A38423" s="1" t="s">
        <v>4305</v>
      </c>
      <c r="B38423" s="1" t="s">
        <v>126612</v>
      </c>
      <c r="C38423" s="1" t="s">
        <v>55</v>
      </c>
      <c r="D38423" s="1" t="s">
        <v>86018</v>
      </c>
      <c r="E38423" s="1" t="s">
        <v>132333</v>
      </c>
      <c r="F38423" s="1" t="s">
        <v>132334</v>
      </c>
      <c r="G38423" s="1" t="s">
        <v>132299</v>
      </c>
      <c r="H38423" s="1" t="s">
        <v>132300</v>
      </c>
      <c r="I38423" s="1" t="s">
        <v>126615</v>
      </c>
      <c r="J38423" s="1" t="s">
        <v>132335</v>
      </c>
    </row>
    <row r="38424" spans="1:10" x14ac:dyDescent="0.35">
      <c r="A38424" s="1" t="s">
        <v>4305</v>
      </c>
      <c r="B38424" s="1" t="s">
        <v>126612</v>
      </c>
      <c r="C38424" s="1" t="s">
        <v>60</v>
      </c>
      <c r="D38424" s="1" t="s">
        <v>132336</v>
      </c>
      <c r="E38424" s="1" t="s">
        <v>132337</v>
      </c>
      <c r="F38424" s="1" t="s">
        <v>132338</v>
      </c>
      <c r="G38424" s="1" t="s">
        <v>132299</v>
      </c>
      <c r="H38424" s="1" t="s">
        <v>132300</v>
      </c>
      <c r="I38424" s="1" t="s">
        <v>126615</v>
      </c>
      <c r="J38424" s="1" t="s">
        <v>132339</v>
      </c>
    </row>
    <row r="38425" spans="1:10" x14ac:dyDescent="0.35">
      <c r="A38425" s="1" t="s">
        <v>4305</v>
      </c>
      <c r="B38425" s="1" t="s">
        <v>126612</v>
      </c>
      <c r="C38425" s="1" t="s">
        <v>65</v>
      </c>
      <c r="D38425" s="1" t="s">
        <v>132340</v>
      </c>
      <c r="E38425" s="1" t="s">
        <v>132341</v>
      </c>
      <c r="F38425" s="1" t="s">
        <v>132342</v>
      </c>
      <c r="G38425" s="1" t="s">
        <v>132299</v>
      </c>
      <c r="H38425" s="1" t="s">
        <v>132300</v>
      </c>
      <c r="I38425" s="1" t="s">
        <v>126615</v>
      </c>
      <c r="J38425" s="1" t="s">
        <v>132343</v>
      </c>
    </row>
    <row r="38426" spans="1:10" x14ac:dyDescent="0.35">
      <c r="A38426" s="1" t="s">
        <v>4305</v>
      </c>
      <c r="B38426" s="1" t="s">
        <v>126612</v>
      </c>
      <c r="C38426" s="1" t="s">
        <v>70</v>
      </c>
      <c r="D38426" s="1" t="s">
        <v>132344</v>
      </c>
      <c r="E38426" s="1" t="s">
        <v>132345</v>
      </c>
      <c r="F38426" s="1" t="s">
        <v>132346</v>
      </c>
      <c r="G38426" s="1" t="s">
        <v>132299</v>
      </c>
      <c r="H38426" s="1" t="s">
        <v>132300</v>
      </c>
      <c r="I38426" s="1" t="s">
        <v>126615</v>
      </c>
      <c r="J38426" s="1" t="s">
        <v>132347</v>
      </c>
    </row>
    <row r="38427" spans="1:10" x14ac:dyDescent="0.35">
      <c r="A38427" s="1" t="s">
        <v>4305</v>
      </c>
      <c r="B38427" s="1" t="s">
        <v>126612</v>
      </c>
      <c r="C38427" s="1" t="s">
        <v>75</v>
      </c>
      <c r="D38427" s="1" t="s">
        <v>132348</v>
      </c>
      <c r="E38427" s="1" t="s">
        <v>132349</v>
      </c>
      <c r="F38427" s="1" t="s">
        <v>132350</v>
      </c>
      <c r="G38427" s="1" t="s">
        <v>132299</v>
      </c>
      <c r="H38427" s="1" t="s">
        <v>132300</v>
      </c>
      <c r="I38427" s="1" t="s">
        <v>126615</v>
      </c>
      <c r="J38427" s="1" t="s">
        <v>132351</v>
      </c>
    </row>
    <row r="38428" spans="1:10" x14ac:dyDescent="0.35">
      <c r="A38428" s="1" t="s">
        <v>4305</v>
      </c>
      <c r="B38428" s="1" t="s">
        <v>126612</v>
      </c>
      <c r="C38428" s="1" t="s">
        <v>80</v>
      </c>
      <c r="D38428" s="1" t="s">
        <v>132352</v>
      </c>
      <c r="E38428" s="1" t="s">
        <v>132353</v>
      </c>
      <c r="F38428" s="1" t="s">
        <v>132354</v>
      </c>
      <c r="G38428" s="1" t="s">
        <v>132299</v>
      </c>
      <c r="H38428" s="1" t="s">
        <v>132300</v>
      </c>
      <c r="I38428" s="1" t="s">
        <v>126615</v>
      </c>
      <c r="J38428" s="1" t="s">
        <v>132355</v>
      </c>
    </row>
    <row r="38429" spans="1:10" x14ac:dyDescent="0.35">
      <c r="A38429" s="1" t="s">
        <v>4305</v>
      </c>
      <c r="B38429" s="1" t="s">
        <v>126612</v>
      </c>
      <c r="C38429" s="1" t="s">
        <v>85</v>
      </c>
      <c r="D38429" s="1" t="s">
        <v>132356</v>
      </c>
      <c r="E38429" s="1" t="s">
        <v>132357</v>
      </c>
      <c r="F38429" s="1" t="s">
        <v>132358</v>
      </c>
      <c r="G38429" s="1" t="s">
        <v>132299</v>
      </c>
      <c r="H38429" s="1" t="s">
        <v>132300</v>
      </c>
      <c r="I38429" s="1" t="s">
        <v>126615</v>
      </c>
      <c r="J38429" s="1" t="s">
        <v>132359</v>
      </c>
    </row>
    <row r="38430" spans="1:10" x14ac:dyDescent="0.35">
      <c r="A38430" s="1" t="s">
        <v>4305</v>
      </c>
      <c r="B38430" s="1" t="s">
        <v>126612</v>
      </c>
      <c r="C38430" s="1" t="s">
        <v>90</v>
      </c>
      <c r="D38430" s="1" t="s">
        <v>132360</v>
      </c>
      <c r="E38430" s="1" t="s">
        <v>132361</v>
      </c>
      <c r="F38430" s="1" t="s">
        <v>132362</v>
      </c>
      <c r="G38430" s="1" t="s">
        <v>132299</v>
      </c>
      <c r="H38430" s="1" t="s">
        <v>132300</v>
      </c>
      <c r="I38430" s="1" t="s">
        <v>126615</v>
      </c>
      <c r="J38430" s="1" t="s">
        <v>132363</v>
      </c>
    </row>
    <row r="38431" spans="1:10" x14ac:dyDescent="0.35">
      <c r="A38431" s="1" t="s">
        <v>4305</v>
      </c>
      <c r="B38431" s="1" t="s">
        <v>126612</v>
      </c>
      <c r="C38431" s="1" t="s">
        <v>95</v>
      </c>
      <c r="D38431" s="1" t="s">
        <v>132364</v>
      </c>
      <c r="E38431" s="1" t="s">
        <v>132365</v>
      </c>
      <c r="F38431" s="1" t="s">
        <v>132366</v>
      </c>
      <c r="G38431" s="1" t="s">
        <v>132299</v>
      </c>
      <c r="H38431" s="1" t="s">
        <v>132300</v>
      </c>
      <c r="I38431" s="1" t="s">
        <v>126615</v>
      </c>
      <c r="J38431" s="1" t="s">
        <v>132367</v>
      </c>
    </row>
    <row r="38432" spans="1:10" x14ac:dyDescent="0.35">
      <c r="A38432" s="1" t="s">
        <v>4305</v>
      </c>
      <c r="B38432" s="1" t="s">
        <v>126612</v>
      </c>
      <c r="C38432" s="1" t="s">
        <v>100</v>
      </c>
      <c r="D38432" s="1" t="s">
        <v>132368</v>
      </c>
      <c r="E38432" s="1" t="s">
        <v>132369</v>
      </c>
      <c r="F38432" s="1" t="s">
        <v>132370</v>
      </c>
      <c r="G38432" s="1" t="s">
        <v>132299</v>
      </c>
      <c r="H38432" s="1" t="s">
        <v>132300</v>
      </c>
      <c r="I38432" s="1" t="s">
        <v>126615</v>
      </c>
      <c r="J38432" s="1" t="s">
        <v>132371</v>
      </c>
    </row>
    <row r="38433" spans="1:10" x14ac:dyDescent="0.35">
      <c r="A38433" s="1" t="s">
        <v>4305</v>
      </c>
      <c r="B38433" s="1" t="s">
        <v>126612</v>
      </c>
      <c r="C38433" s="1" t="s">
        <v>105</v>
      </c>
      <c r="D38433" s="1" t="s">
        <v>132372</v>
      </c>
      <c r="E38433" s="1" t="s">
        <v>132373</v>
      </c>
      <c r="F38433" s="1" t="s">
        <v>132374</v>
      </c>
      <c r="G38433" s="1" t="s">
        <v>132299</v>
      </c>
      <c r="H38433" s="1" t="s">
        <v>132300</v>
      </c>
      <c r="I38433" s="1" t="s">
        <v>126615</v>
      </c>
      <c r="J38433" s="1" t="s">
        <v>132375</v>
      </c>
    </row>
    <row r="38434" spans="1:10" x14ac:dyDescent="0.35">
      <c r="A38434" s="1" t="s">
        <v>4305</v>
      </c>
      <c r="B38434" s="1" t="s">
        <v>126612</v>
      </c>
      <c r="C38434" s="1" t="s">
        <v>110</v>
      </c>
      <c r="D38434" s="1" t="s">
        <v>132376</v>
      </c>
      <c r="E38434" s="1" t="s">
        <v>132377</v>
      </c>
      <c r="F38434" s="1" t="s">
        <v>132378</v>
      </c>
      <c r="G38434" s="1" t="s">
        <v>132299</v>
      </c>
      <c r="H38434" s="1" t="s">
        <v>132300</v>
      </c>
      <c r="I38434" s="1" t="s">
        <v>126615</v>
      </c>
      <c r="J38434" s="1" t="s">
        <v>132379</v>
      </c>
    </row>
    <row r="38435" spans="1:10" x14ac:dyDescent="0.35">
      <c r="A38435" s="1" t="s">
        <v>4305</v>
      </c>
      <c r="B38435" s="1" t="s">
        <v>126612</v>
      </c>
      <c r="C38435" s="1" t="s">
        <v>115</v>
      </c>
      <c r="D38435" s="1" t="s">
        <v>132380</v>
      </c>
      <c r="E38435" s="1" t="s">
        <v>132381</v>
      </c>
      <c r="F38435" s="1" t="s">
        <v>132382</v>
      </c>
      <c r="G38435" s="1" t="s">
        <v>132299</v>
      </c>
      <c r="H38435" s="1" t="s">
        <v>132300</v>
      </c>
      <c r="I38435" s="1" t="s">
        <v>126615</v>
      </c>
      <c r="J38435" s="1" t="s">
        <v>132383</v>
      </c>
    </row>
    <row r="38436" spans="1:10" x14ac:dyDescent="0.35">
      <c r="A38436" s="1" t="s">
        <v>4305</v>
      </c>
      <c r="B38436" s="1" t="s">
        <v>126612</v>
      </c>
      <c r="C38436" s="1" t="s">
        <v>120</v>
      </c>
      <c r="D38436" s="1" t="s">
        <v>22867</v>
      </c>
      <c r="E38436" s="1" t="s">
        <v>132384</v>
      </c>
      <c r="F38436" s="1" t="s">
        <v>132385</v>
      </c>
      <c r="G38436" s="1" t="s">
        <v>132299</v>
      </c>
      <c r="H38436" s="1" t="s">
        <v>132300</v>
      </c>
      <c r="I38436" s="1" t="s">
        <v>126615</v>
      </c>
      <c r="J38436" s="1" t="s">
        <v>132386</v>
      </c>
    </row>
    <row r="38437" spans="1:10" x14ac:dyDescent="0.35">
      <c r="A38437" s="1" t="s">
        <v>4305</v>
      </c>
      <c r="B38437" s="1" t="s">
        <v>126612</v>
      </c>
      <c r="C38437" s="1" t="s">
        <v>125</v>
      </c>
      <c r="D38437" s="1" t="s">
        <v>132387</v>
      </c>
      <c r="E38437" s="1" t="s">
        <v>132388</v>
      </c>
      <c r="F38437" s="1" t="s">
        <v>132389</v>
      </c>
      <c r="G38437" s="1" t="s">
        <v>132299</v>
      </c>
      <c r="H38437" s="1" t="s">
        <v>132300</v>
      </c>
      <c r="I38437" s="1" t="s">
        <v>126615</v>
      </c>
      <c r="J38437" s="1" t="s">
        <v>132390</v>
      </c>
    </row>
    <row r="38438" spans="1:10" x14ac:dyDescent="0.35">
      <c r="A38438" s="1" t="s">
        <v>4305</v>
      </c>
      <c r="B38438" s="1" t="s">
        <v>126612</v>
      </c>
      <c r="C38438" s="1" t="s">
        <v>130</v>
      </c>
      <c r="D38438" s="1" t="s">
        <v>132391</v>
      </c>
      <c r="E38438" s="1" t="s">
        <v>132392</v>
      </c>
      <c r="F38438" s="1" t="s">
        <v>132393</v>
      </c>
      <c r="G38438" s="1" t="s">
        <v>132299</v>
      </c>
      <c r="H38438" s="1" t="s">
        <v>132300</v>
      </c>
      <c r="I38438" s="1" t="s">
        <v>126615</v>
      </c>
      <c r="J38438" s="1" t="s">
        <v>132394</v>
      </c>
    </row>
    <row r="38439" spans="1:10" x14ac:dyDescent="0.35">
      <c r="A38439" s="1" t="s">
        <v>4305</v>
      </c>
      <c r="B38439" s="1" t="s">
        <v>126612</v>
      </c>
      <c r="C38439" s="1" t="s">
        <v>135</v>
      </c>
      <c r="D38439" s="1" t="s">
        <v>132395</v>
      </c>
      <c r="E38439" s="1" t="s">
        <v>132396</v>
      </c>
      <c r="F38439" s="1" t="s">
        <v>132397</v>
      </c>
      <c r="G38439" s="1" t="s">
        <v>132299</v>
      </c>
      <c r="H38439" s="1" t="s">
        <v>132300</v>
      </c>
      <c r="I38439" s="1" t="s">
        <v>126615</v>
      </c>
      <c r="J38439" s="1" t="s">
        <v>132398</v>
      </c>
    </row>
    <row r="38440" spans="1:10" x14ac:dyDescent="0.35">
      <c r="A38440" s="1" t="s">
        <v>4305</v>
      </c>
      <c r="B38440" s="1" t="s">
        <v>126612</v>
      </c>
      <c r="C38440" s="1" t="s">
        <v>140</v>
      </c>
      <c r="D38440" s="1" t="s">
        <v>132399</v>
      </c>
      <c r="E38440" s="1" t="s">
        <v>132400</v>
      </c>
      <c r="F38440" s="1" t="s">
        <v>132401</v>
      </c>
      <c r="G38440" s="1" t="s">
        <v>132299</v>
      </c>
      <c r="H38440" s="1" t="s">
        <v>132300</v>
      </c>
      <c r="I38440" s="1" t="s">
        <v>126615</v>
      </c>
      <c r="J38440" s="1" t="s">
        <v>132402</v>
      </c>
    </row>
    <row r="38441" spans="1:10" x14ac:dyDescent="0.35">
      <c r="A38441" s="1" t="s">
        <v>4305</v>
      </c>
      <c r="B38441" s="1" t="s">
        <v>126612</v>
      </c>
      <c r="C38441" s="1" t="s">
        <v>145</v>
      </c>
      <c r="D38441" s="1" t="s">
        <v>132403</v>
      </c>
      <c r="E38441" s="1" t="s">
        <v>132404</v>
      </c>
      <c r="F38441" s="1" t="s">
        <v>132405</v>
      </c>
      <c r="G38441" s="1" t="s">
        <v>132299</v>
      </c>
      <c r="H38441" s="1" t="s">
        <v>132300</v>
      </c>
      <c r="I38441" s="1" t="s">
        <v>126615</v>
      </c>
      <c r="J38441" s="1" t="s">
        <v>132406</v>
      </c>
    </row>
    <row r="38442" spans="1:10" x14ac:dyDescent="0.35">
      <c r="A38442" s="1" t="s">
        <v>4305</v>
      </c>
      <c r="B38442" s="1" t="s">
        <v>126612</v>
      </c>
      <c r="C38442" s="1" t="s">
        <v>150</v>
      </c>
      <c r="D38442" s="1" t="s">
        <v>62290</v>
      </c>
      <c r="E38442" s="1" t="s">
        <v>132407</v>
      </c>
      <c r="F38442" s="1" t="s">
        <v>132408</v>
      </c>
      <c r="G38442" s="1" t="s">
        <v>132299</v>
      </c>
      <c r="H38442" s="1" t="s">
        <v>132300</v>
      </c>
      <c r="I38442" s="1" t="s">
        <v>126615</v>
      </c>
      <c r="J38442" s="1" t="s">
        <v>132409</v>
      </c>
    </row>
    <row r="38443" spans="1:10" x14ac:dyDescent="0.35">
      <c r="A38443" s="1" t="s">
        <v>4305</v>
      </c>
      <c r="B38443" s="1" t="s">
        <v>126612</v>
      </c>
      <c r="C38443" s="1" t="s">
        <v>155</v>
      </c>
      <c r="D38443" s="1" t="s">
        <v>79482</v>
      </c>
      <c r="E38443" s="1" t="s">
        <v>132410</v>
      </c>
      <c r="F38443" s="1" t="s">
        <v>132411</v>
      </c>
      <c r="G38443" s="1" t="s">
        <v>132299</v>
      </c>
      <c r="H38443" s="1" t="s">
        <v>132300</v>
      </c>
      <c r="I38443" s="1" t="s">
        <v>126615</v>
      </c>
      <c r="J38443" s="1" t="s">
        <v>132412</v>
      </c>
    </row>
    <row r="38444" spans="1:10" x14ac:dyDescent="0.35">
      <c r="A38444" s="1" t="s">
        <v>4305</v>
      </c>
      <c r="B38444" s="1" t="s">
        <v>126612</v>
      </c>
      <c r="C38444" s="1" t="s">
        <v>160</v>
      </c>
      <c r="D38444" s="1" t="s">
        <v>132413</v>
      </c>
      <c r="E38444" s="1" t="s">
        <v>132414</v>
      </c>
      <c r="F38444" s="1" t="s">
        <v>132415</v>
      </c>
      <c r="G38444" s="1" t="s">
        <v>132299</v>
      </c>
      <c r="H38444" s="1" t="s">
        <v>132300</v>
      </c>
      <c r="I38444" s="1" t="s">
        <v>126615</v>
      </c>
      <c r="J38444" s="1" t="s">
        <v>132416</v>
      </c>
    </row>
    <row r="38445" spans="1:10" x14ac:dyDescent="0.35">
      <c r="A38445" s="1" t="s">
        <v>4305</v>
      </c>
      <c r="B38445" s="1" t="s">
        <v>126612</v>
      </c>
      <c r="C38445" s="1" t="s">
        <v>165</v>
      </c>
      <c r="D38445" s="1" t="s">
        <v>132417</v>
      </c>
      <c r="E38445" s="1" t="s">
        <v>132396</v>
      </c>
      <c r="F38445" s="1" t="s">
        <v>132418</v>
      </c>
      <c r="G38445" s="1" t="s">
        <v>132299</v>
      </c>
      <c r="H38445" s="1" t="s">
        <v>132300</v>
      </c>
      <c r="I38445" s="1" t="s">
        <v>126615</v>
      </c>
      <c r="J38445" s="1" t="s">
        <v>132419</v>
      </c>
    </row>
    <row r="38446" spans="1:10" x14ac:dyDescent="0.35">
      <c r="A38446" s="1" t="s">
        <v>4305</v>
      </c>
      <c r="B38446" s="1" t="s">
        <v>126612</v>
      </c>
      <c r="C38446" s="1" t="s">
        <v>170</v>
      </c>
      <c r="D38446" s="1" t="s">
        <v>132420</v>
      </c>
      <c r="E38446" s="1" t="s">
        <v>132421</v>
      </c>
      <c r="F38446" s="1" t="s">
        <v>132422</v>
      </c>
      <c r="G38446" s="1" t="s">
        <v>132299</v>
      </c>
      <c r="H38446" s="1" t="s">
        <v>132300</v>
      </c>
      <c r="I38446" s="1" t="s">
        <v>126615</v>
      </c>
      <c r="J38446" s="1" t="s">
        <v>132423</v>
      </c>
    </row>
    <row r="38447" spans="1:10" x14ac:dyDescent="0.35">
      <c r="A38447" s="1" t="s">
        <v>132424</v>
      </c>
      <c r="B38447" s="1" t="s">
        <v>126612</v>
      </c>
      <c r="C38447" s="1" t="s">
        <v>8</v>
      </c>
      <c r="D38447" s="1" t="s">
        <v>90781</v>
      </c>
      <c r="E38447" s="1" t="s">
        <v>132425</v>
      </c>
      <c r="F38447" s="1" t="s">
        <v>132426</v>
      </c>
      <c r="G38447" s="1" t="s">
        <v>132427</v>
      </c>
      <c r="H38447" s="1" t="s">
        <v>132428</v>
      </c>
      <c r="I38447" s="1" t="s">
        <v>126615</v>
      </c>
      <c r="J38447" s="1" t="s">
        <v>13</v>
      </c>
    </row>
    <row r="38448" spans="1:10" x14ac:dyDescent="0.35">
      <c r="A38448" s="1" t="s">
        <v>132424</v>
      </c>
      <c r="B38448" s="1" t="s">
        <v>126612</v>
      </c>
      <c r="C38448" s="1" t="s">
        <v>15</v>
      </c>
      <c r="D38448" s="1" t="s">
        <v>132429</v>
      </c>
      <c r="E38448" s="1" t="s">
        <v>132430</v>
      </c>
      <c r="F38448" s="1" t="s">
        <v>132431</v>
      </c>
      <c r="G38448" s="1" t="s">
        <v>132427</v>
      </c>
      <c r="H38448" s="1" t="s">
        <v>132428</v>
      </c>
      <c r="I38448" s="1" t="s">
        <v>126615</v>
      </c>
      <c r="J38448" s="1" t="s">
        <v>132432</v>
      </c>
    </row>
    <row r="38449" spans="1:10" x14ac:dyDescent="0.35">
      <c r="A38449" s="1" t="s">
        <v>132424</v>
      </c>
      <c r="B38449" s="1" t="s">
        <v>126612</v>
      </c>
      <c r="C38449" s="1" t="s">
        <v>20</v>
      </c>
      <c r="D38449" s="1" t="s">
        <v>132433</v>
      </c>
      <c r="E38449" s="1" t="s">
        <v>132434</v>
      </c>
      <c r="F38449" s="1" t="s">
        <v>132435</v>
      </c>
      <c r="G38449" s="1" t="s">
        <v>132427</v>
      </c>
      <c r="H38449" s="1" t="s">
        <v>132428</v>
      </c>
      <c r="I38449" s="1" t="s">
        <v>126615</v>
      </c>
      <c r="J38449" s="1" t="s">
        <v>132436</v>
      </c>
    </row>
    <row r="38450" spans="1:10" x14ac:dyDescent="0.35">
      <c r="A38450" s="1" t="s">
        <v>132424</v>
      </c>
      <c r="B38450" s="1" t="s">
        <v>126612</v>
      </c>
      <c r="C38450" s="1" t="s">
        <v>25</v>
      </c>
      <c r="D38450" s="1" t="s">
        <v>132437</v>
      </c>
      <c r="E38450" s="1" t="s">
        <v>132438</v>
      </c>
      <c r="F38450" s="1" t="s">
        <v>132439</v>
      </c>
      <c r="G38450" s="1" t="s">
        <v>132427</v>
      </c>
      <c r="H38450" s="1" t="s">
        <v>132428</v>
      </c>
      <c r="I38450" s="1" t="s">
        <v>126615</v>
      </c>
      <c r="J38450" s="1" t="s">
        <v>132440</v>
      </c>
    </row>
    <row r="38451" spans="1:10" x14ac:dyDescent="0.35">
      <c r="A38451" s="1" t="s">
        <v>132424</v>
      </c>
      <c r="B38451" s="1" t="s">
        <v>126612</v>
      </c>
      <c r="C38451" s="1" t="s">
        <v>30</v>
      </c>
      <c r="D38451" s="1" t="s">
        <v>100938</v>
      </c>
      <c r="E38451" s="1" t="s">
        <v>132441</v>
      </c>
      <c r="F38451" s="1" t="s">
        <v>132442</v>
      </c>
      <c r="G38451" s="1" t="s">
        <v>132427</v>
      </c>
      <c r="H38451" s="1" t="s">
        <v>132428</v>
      </c>
      <c r="I38451" s="1" t="s">
        <v>126615</v>
      </c>
      <c r="J38451" s="1" t="s">
        <v>132443</v>
      </c>
    </row>
    <row r="38452" spans="1:10" x14ac:dyDescent="0.35">
      <c r="A38452" s="1" t="s">
        <v>132424</v>
      </c>
      <c r="B38452" s="1" t="s">
        <v>126612</v>
      </c>
      <c r="C38452" s="1" t="s">
        <v>35</v>
      </c>
      <c r="D38452" s="1" t="s">
        <v>132444</v>
      </c>
      <c r="E38452" s="1" t="s">
        <v>132445</v>
      </c>
      <c r="F38452" s="1" t="s">
        <v>132446</v>
      </c>
      <c r="G38452" s="1" t="s">
        <v>132427</v>
      </c>
      <c r="H38452" s="1" t="s">
        <v>132428</v>
      </c>
      <c r="I38452" s="1" t="s">
        <v>126615</v>
      </c>
      <c r="J38452" s="1" t="s">
        <v>132447</v>
      </c>
    </row>
    <row r="38453" spans="1:10" x14ac:dyDescent="0.35">
      <c r="A38453" s="1" t="s">
        <v>132424</v>
      </c>
      <c r="B38453" s="1" t="s">
        <v>126612</v>
      </c>
      <c r="C38453" s="1" t="s">
        <v>40</v>
      </c>
      <c r="D38453" s="1" t="s">
        <v>56236</v>
      </c>
      <c r="E38453" s="1" t="s">
        <v>132448</v>
      </c>
      <c r="F38453" s="1" t="s">
        <v>132449</v>
      </c>
      <c r="G38453" s="1" t="s">
        <v>132427</v>
      </c>
      <c r="H38453" s="1" t="s">
        <v>132428</v>
      </c>
      <c r="I38453" s="1" t="s">
        <v>126615</v>
      </c>
      <c r="J38453" s="1" t="s">
        <v>132450</v>
      </c>
    </row>
    <row r="38454" spans="1:10" x14ac:dyDescent="0.35">
      <c r="A38454" s="1" t="s">
        <v>132424</v>
      </c>
      <c r="B38454" s="1" t="s">
        <v>126612</v>
      </c>
      <c r="C38454" s="1" t="s">
        <v>45</v>
      </c>
      <c r="D38454" s="1" t="s">
        <v>130535</v>
      </c>
      <c r="E38454" s="1" t="s">
        <v>132451</v>
      </c>
      <c r="F38454" s="1" t="s">
        <v>132452</v>
      </c>
      <c r="G38454" s="1" t="s">
        <v>132427</v>
      </c>
      <c r="H38454" s="1" t="s">
        <v>132428</v>
      </c>
      <c r="I38454" s="1" t="s">
        <v>126615</v>
      </c>
      <c r="J38454" s="1" t="s">
        <v>132453</v>
      </c>
    </row>
    <row r="38455" spans="1:10" x14ac:dyDescent="0.35">
      <c r="A38455" s="1" t="s">
        <v>132424</v>
      </c>
      <c r="B38455" s="1" t="s">
        <v>126612</v>
      </c>
      <c r="C38455" s="1" t="s">
        <v>50</v>
      </c>
      <c r="D38455" s="1" t="s">
        <v>132454</v>
      </c>
      <c r="E38455" s="1" t="s">
        <v>132455</v>
      </c>
      <c r="F38455" s="1" t="s">
        <v>132456</v>
      </c>
      <c r="G38455" s="1" t="s">
        <v>132427</v>
      </c>
      <c r="H38455" s="1" t="s">
        <v>132428</v>
      </c>
      <c r="I38455" s="1" t="s">
        <v>126615</v>
      </c>
      <c r="J38455" s="1" t="s">
        <v>132457</v>
      </c>
    </row>
    <row r="38456" spans="1:10" x14ac:dyDescent="0.35">
      <c r="A38456" s="1" t="s">
        <v>132424</v>
      </c>
      <c r="B38456" s="1" t="s">
        <v>126612</v>
      </c>
      <c r="C38456" s="1" t="s">
        <v>55</v>
      </c>
      <c r="D38456" s="1" t="s">
        <v>26697</v>
      </c>
      <c r="E38456" s="1" t="s">
        <v>132458</v>
      </c>
      <c r="F38456" s="1" t="s">
        <v>132459</v>
      </c>
      <c r="G38456" s="1" t="s">
        <v>132427</v>
      </c>
      <c r="H38456" s="1" t="s">
        <v>132428</v>
      </c>
      <c r="I38456" s="1" t="s">
        <v>126615</v>
      </c>
      <c r="J38456" s="1" t="s">
        <v>132460</v>
      </c>
    </row>
    <row r="38457" spans="1:10" x14ac:dyDescent="0.35">
      <c r="A38457" s="1" t="s">
        <v>132424</v>
      </c>
      <c r="B38457" s="1" t="s">
        <v>126612</v>
      </c>
      <c r="C38457" s="1" t="s">
        <v>60</v>
      </c>
      <c r="D38457" s="1" t="s">
        <v>22262</v>
      </c>
      <c r="E38457" s="1" t="s">
        <v>132461</v>
      </c>
      <c r="F38457" s="1" t="s">
        <v>132462</v>
      </c>
      <c r="G38457" s="1" t="s">
        <v>132427</v>
      </c>
      <c r="H38457" s="1" t="s">
        <v>132428</v>
      </c>
      <c r="I38457" s="1" t="s">
        <v>126615</v>
      </c>
      <c r="J38457" s="1" t="s">
        <v>132463</v>
      </c>
    </row>
    <row r="38458" spans="1:10" x14ac:dyDescent="0.35">
      <c r="A38458" s="1" t="s">
        <v>132424</v>
      </c>
      <c r="B38458" s="1" t="s">
        <v>126612</v>
      </c>
      <c r="C38458" s="1" t="s">
        <v>65</v>
      </c>
      <c r="D38458" s="1" t="s">
        <v>66681</v>
      </c>
      <c r="E38458" s="1" t="s">
        <v>132464</v>
      </c>
      <c r="F38458" s="1" t="s">
        <v>132465</v>
      </c>
      <c r="G38458" s="1" t="s">
        <v>132427</v>
      </c>
      <c r="H38458" s="1" t="s">
        <v>132428</v>
      </c>
      <c r="I38458" s="1" t="s">
        <v>126615</v>
      </c>
      <c r="J38458" s="1" t="s">
        <v>132466</v>
      </c>
    </row>
    <row r="38459" spans="1:10" x14ac:dyDescent="0.35">
      <c r="A38459" s="1" t="s">
        <v>132424</v>
      </c>
      <c r="B38459" s="1" t="s">
        <v>126612</v>
      </c>
      <c r="C38459" s="1" t="s">
        <v>70</v>
      </c>
      <c r="D38459" s="1" t="s">
        <v>132467</v>
      </c>
      <c r="E38459" s="1" t="s">
        <v>132468</v>
      </c>
      <c r="F38459" s="1" t="s">
        <v>132469</v>
      </c>
      <c r="G38459" s="1" t="s">
        <v>132427</v>
      </c>
      <c r="H38459" s="1" t="s">
        <v>132428</v>
      </c>
      <c r="I38459" s="1" t="s">
        <v>126615</v>
      </c>
      <c r="J38459" s="1" t="s">
        <v>132470</v>
      </c>
    </row>
    <row r="38460" spans="1:10" x14ac:dyDescent="0.35">
      <c r="A38460" s="1" t="s">
        <v>132424</v>
      </c>
      <c r="B38460" s="1" t="s">
        <v>126612</v>
      </c>
      <c r="C38460" s="1" t="s">
        <v>75</v>
      </c>
      <c r="D38460" s="1" t="s">
        <v>132471</v>
      </c>
      <c r="E38460" s="1" t="s">
        <v>132472</v>
      </c>
      <c r="F38460" s="1" t="s">
        <v>132473</v>
      </c>
      <c r="G38460" s="1" t="s">
        <v>132427</v>
      </c>
      <c r="H38460" s="1" t="s">
        <v>132428</v>
      </c>
      <c r="I38460" s="1" t="s">
        <v>126615</v>
      </c>
      <c r="J38460" s="1" t="s">
        <v>132474</v>
      </c>
    </row>
    <row r="38461" spans="1:10" x14ac:dyDescent="0.35">
      <c r="A38461" s="1" t="s">
        <v>132424</v>
      </c>
      <c r="B38461" s="1" t="s">
        <v>126612</v>
      </c>
      <c r="C38461" s="1" t="s">
        <v>80</v>
      </c>
      <c r="D38461" s="1" t="s">
        <v>132475</v>
      </c>
      <c r="E38461" s="1" t="s">
        <v>132476</v>
      </c>
      <c r="F38461" s="1" t="s">
        <v>132477</v>
      </c>
      <c r="G38461" s="1" t="s">
        <v>132427</v>
      </c>
      <c r="H38461" s="1" t="s">
        <v>132428</v>
      </c>
      <c r="I38461" s="1" t="s">
        <v>126615</v>
      </c>
      <c r="J38461" s="1" t="s">
        <v>132478</v>
      </c>
    </row>
    <row r="38462" spans="1:10" x14ac:dyDescent="0.35">
      <c r="A38462" s="1" t="s">
        <v>132424</v>
      </c>
      <c r="B38462" s="1" t="s">
        <v>126612</v>
      </c>
      <c r="C38462" s="1" t="s">
        <v>85</v>
      </c>
      <c r="D38462" s="1" t="s">
        <v>132479</v>
      </c>
      <c r="E38462" s="1" t="s">
        <v>132480</v>
      </c>
      <c r="F38462" s="1" t="s">
        <v>132481</v>
      </c>
      <c r="G38462" s="1" t="s">
        <v>132427</v>
      </c>
      <c r="H38462" s="1" t="s">
        <v>132428</v>
      </c>
      <c r="I38462" s="1" t="s">
        <v>126615</v>
      </c>
      <c r="J38462" s="1" t="s">
        <v>132482</v>
      </c>
    </row>
    <row r="38463" spans="1:10" x14ac:dyDescent="0.35">
      <c r="A38463" s="1" t="s">
        <v>132424</v>
      </c>
      <c r="B38463" s="1" t="s">
        <v>126612</v>
      </c>
      <c r="C38463" s="1" t="s">
        <v>90</v>
      </c>
      <c r="D38463" s="1" t="s">
        <v>81390</v>
      </c>
      <c r="E38463" s="1" t="s">
        <v>132483</v>
      </c>
      <c r="F38463" s="1" t="s">
        <v>132484</v>
      </c>
      <c r="G38463" s="1" t="s">
        <v>132427</v>
      </c>
      <c r="H38463" s="1" t="s">
        <v>132428</v>
      </c>
      <c r="I38463" s="1" t="s">
        <v>126615</v>
      </c>
      <c r="J38463" s="1" t="s">
        <v>132485</v>
      </c>
    </row>
    <row r="38464" spans="1:10" x14ac:dyDescent="0.35">
      <c r="A38464" s="1" t="s">
        <v>132424</v>
      </c>
      <c r="B38464" s="1" t="s">
        <v>126612</v>
      </c>
      <c r="C38464" s="1" t="s">
        <v>95</v>
      </c>
      <c r="D38464" s="1" t="s">
        <v>89489</v>
      </c>
      <c r="E38464" s="1" t="s">
        <v>132486</v>
      </c>
      <c r="F38464" s="1" t="s">
        <v>132487</v>
      </c>
      <c r="G38464" s="1" t="s">
        <v>132427</v>
      </c>
      <c r="H38464" s="1" t="s">
        <v>132428</v>
      </c>
      <c r="I38464" s="1" t="s">
        <v>126615</v>
      </c>
      <c r="J38464" s="1" t="s">
        <v>132488</v>
      </c>
    </row>
    <row r="38465" spans="1:10" x14ac:dyDescent="0.35">
      <c r="A38465" s="1" t="s">
        <v>132424</v>
      </c>
      <c r="B38465" s="1" t="s">
        <v>126612</v>
      </c>
      <c r="C38465" s="1" t="s">
        <v>100</v>
      </c>
      <c r="D38465" s="1" t="s">
        <v>132489</v>
      </c>
      <c r="E38465" s="1" t="s">
        <v>132490</v>
      </c>
      <c r="F38465" s="1" t="s">
        <v>132491</v>
      </c>
      <c r="G38465" s="1" t="s">
        <v>132427</v>
      </c>
      <c r="H38465" s="1" t="s">
        <v>132428</v>
      </c>
      <c r="I38465" s="1" t="s">
        <v>126615</v>
      </c>
      <c r="J38465" s="1" t="s">
        <v>132492</v>
      </c>
    </row>
    <row r="38466" spans="1:10" x14ac:dyDescent="0.35">
      <c r="A38466" s="1" t="s">
        <v>132424</v>
      </c>
      <c r="B38466" s="1" t="s">
        <v>126612</v>
      </c>
      <c r="C38466" s="1" t="s">
        <v>105</v>
      </c>
      <c r="D38466" s="1" t="s">
        <v>132493</v>
      </c>
      <c r="E38466" s="1" t="s">
        <v>132494</v>
      </c>
      <c r="F38466" s="1" t="s">
        <v>132495</v>
      </c>
      <c r="G38466" s="1" t="s">
        <v>132427</v>
      </c>
      <c r="H38466" s="1" t="s">
        <v>132428</v>
      </c>
      <c r="I38466" s="1" t="s">
        <v>126615</v>
      </c>
      <c r="J38466" s="1" t="s">
        <v>132496</v>
      </c>
    </row>
    <row r="38467" spans="1:10" x14ac:dyDescent="0.35">
      <c r="A38467" s="1" t="s">
        <v>132424</v>
      </c>
      <c r="B38467" s="1" t="s">
        <v>126612</v>
      </c>
      <c r="C38467" s="1" t="s">
        <v>110</v>
      </c>
      <c r="D38467" s="1" t="s">
        <v>132497</v>
      </c>
      <c r="E38467" s="1" t="s">
        <v>132498</v>
      </c>
      <c r="F38467" s="1" t="s">
        <v>132499</v>
      </c>
      <c r="G38467" s="1" t="s">
        <v>132427</v>
      </c>
      <c r="H38467" s="1" t="s">
        <v>132428</v>
      </c>
      <c r="I38467" s="1" t="s">
        <v>126615</v>
      </c>
      <c r="J38467" s="1" t="s">
        <v>132500</v>
      </c>
    </row>
    <row r="38468" spans="1:10" x14ac:dyDescent="0.35">
      <c r="A38468" s="1" t="s">
        <v>132424</v>
      </c>
      <c r="B38468" s="1" t="s">
        <v>126612</v>
      </c>
      <c r="C38468" s="1" t="s">
        <v>115</v>
      </c>
      <c r="D38468" s="1" t="s">
        <v>132501</v>
      </c>
      <c r="E38468" s="1" t="s">
        <v>132502</v>
      </c>
      <c r="F38468" s="1" t="s">
        <v>132503</v>
      </c>
      <c r="G38468" s="1" t="s">
        <v>132427</v>
      </c>
      <c r="H38468" s="1" t="s">
        <v>132428</v>
      </c>
      <c r="I38468" s="1" t="s">
        <v>126615</v>
      </c>
      <c r="J38468" s="1" t="s">
        <v>132504</v>
      </c>
    </row>
    <row r="38469" spans="1:10" x14ac:dyDescent="0.35">
      <c r="A38469" s="1" t="s">
        <v>132424</v>
      </c>
      <c r="B38469" s="1" t="s">
        <v>126612</v>
      </c>
      <c r="C38469" s="1" t="s">
        <v>120</v>
      </c>
      <c r="D38469" s="1" t="s">
        <v>86303</v>
      </c>
      <c r="E38469" s="1" t="s">
        <v>132505</v>
      </c>
      <c r="F38469" s="1" t="s">
        <v>132506</v>
      </c>
      <c r="G38469" s="1" t="s">
        <v>132427</v>
      </c>
      <c r="H38469" s="1" t="s">
        <v>132428</v>
      </c>
      <c r="I38469" s="1" t="s">
        <v>126615</v>
      </c>
      <c r="J38469" s="1" t="s">
        <v>132507</v>
      </c>
    </row>
    <row r="38470" spans="1:10" x14ac:dyDescent="0.35">
      <c r="A38470" s="1" t="s">
        <v>132424</v>
      </c>
      <c r="B38470" s="1" t="s">
        <v>126612</v>
      </c>
      <c r="C38470" s="1" t="s">
        <v>125</v>
      </c>
      <c r="D38470" s="1" t="s">
        <v>132508</v>
      </c>
      <c r="E38470" s="1" t="s">
        <v>132509</v>
      </c>
      <c r="F38470" s="1" t="s">
        <v>132510</v>
      </c>
      <c r="G38470" s="1" t="s">
        <v>132427</v>
      </c>
      <c r="H38470" s="1" t="s">
        <v>132428</v>
      </c>
      <c r="I38470" s="1" t="s">
        <v>126615</v>
      </c>
      <c r="J38470" s="1" t="s">
        <v>132511</v>
      </c>
    </row>
    <row r="38471" spans="1:10" x14ac:dyDescent="0.35">
      <c r="A38471" s="1" t="s">
        <v>132424</v>
      </c>
      <c r="B38471" s="1" t="s">
        <v>126612</v>
      </c>
      <c r="C38471" s="1" t="s">
        <v>130</v>
      </c>
      <c r="D38471" s="1" t="s">
        <v>132512</v>
      </c>
      <c r="E38471" s="1" t="s">
        <v>132513</v>
      </c>
      <c r="F38471" s="1" t="s">
        <v>132514</v>
      </c>
      <c r="G38471" s="1" t="s">
        <v>132427</v>
      </c>
      <c r="H38471" s="1" t="s">
        <v>132428</v>
      </c>
      <c r="I38471" s="1" t="s">
        <v>126615</v>
      </c>
      <c r="J38471" s="1" t="s">
        <v>132515</v>
      </c>
    </row>
    <row r="38472" spans="1:10" x14ac:dyDescent="0.35">
      <c r="A38472" s="1" t="s">
        <v>132424</v>
      </c>
      <c r="B38472" s="1" t="s">
        <v>126612</v>
      </c>
      <c r="C38472" s="1" t="s">
        <v>135</v>
      </c>
      <c r="D38472" s="1" t="s">
        <v>132516</v>
      </c>
      <c r="E38472" s="1" t="s">
        <v>16986</v>
      </c>
      <c r="F38472" s="1" t="s">
        <v>132517</v>
      </c>
      <c r="G38472" s="1" t="s">
        <v>132427</v>
      </c>
      <c r="H38472" s="1" t="s">
        <v>132428</v>
      </c>
      <c r="I38472" s="1" t="s">
        <v>126615</v>
      </c>
      <c r="J38472" s="1" t="s">
        <v>132518</v>
      </c>
    </row>
    <row r="38473" spans="1:10" x14ac:dyDescent="0.35">
      <c r="A38473" s="1" t="s">
        <v>132424</v>
      </c>
      <c r="B38473" s="1" t="s">
        <v>126612</v>
      </c>
      <c r="C38473" s="1" t="s">
        <v>140</v>
      </c>
      <c r="D38473" s="1" t="s">
        <v>52528</v>
      </c>
      <c r="E38473" s="1" t="s">
        <v>132519</v>
      </c>
      <c r="F38473" s="1" t="s">
        <v>132520</v>
      </c>
      <c r="G38473" s="1" t="s">
        <v>132427</v>
      </c>
      <c r="H38473" s="1" t="s">
        <v>132428</v>
      </c>
      <c r="I38473" s="1" t="s">
        <v>126615</v>
      </c>
      <c r="J38473" s="1" t="s">
        <v>132521</v>
      </c>
    </row>
    <row r="38474" spans="1:10" x14ac:dyDescent="0.35">
      <c r="A38474" s="1" t="s">
        <v>132424</v>
      </c>
      <c r="B38474" s="1" t="s">
        <v>126612</v>
      </c>
      <c r="C38474" s="1" t="s">
        <v>145</v>
      </c>
      <c r="D38474" s="1" t="s">
        <v>132522</v>
      </c>
      <c r="E38474" s="1" t="s">
        <v>132523</v>
      </c>
      <c r="F38474" s="1" t="s">
        <v>132524</v>
      </c>
      <c r="G38474" s="1" t="s">
        <v>132427</v>
      </c>
      <c r="H38474" s="1" t="s">
        <v>132428</v>
      </c>
      <c r="I38474" s="1" t="s">
        <v>126615</v>
      </c>
      <c r="J38474" s="1" t="s">
        <v>132525</v>
      </c>
    </row>
    <row r="38475" spans="1:10" x14ac:dyDescent="0.35">
      <c r="A38475" s="1" t="s">
        <v>132424</v>
      </c>
      <c r="B38475" s="1" t="s">
        <v>126612</v>
      </c>
      <c r="C38475" s="1" t="s">
        <v>150</v>
      </c>
      <c r="D38475" s="1" t="s">
        <v>132526</v>
      </c>
      <c r="E38475" s="1" t="s">
        <v>132527</v>
      </c>
      <c r="F38475" s="1" t="s">
        <v>132528</v>
      </c>
      <c r="G38475" s="1" t="s">
        <v>132427</v>
      </c>
      <c r="H38475" s="1" t="s">
        <v>132428</v>
      </c>
      <c r="I38475" s="1" t="s">
        <v>126615</v>
      </c>
      <c r="J38475" s="1" t="s">
        <v>132529</v>
      </c>
    </row>
    <row r="38476" spans="1:10" x14ac:dyDescent="0.35">
      <c r="A38476" s="1" t="s">
        <v>132424</v>
      </c>
      <c r="B38476" s="1" t="s">
        <v>126612</v>
      </c>
      <c r="C38476" s="1" t="s">
        <v>155</v>
      </c>
      <c r="D38476" s="1" t="s">
        <v>56280</v>
      </c>
      <c r="E38476" s="1" t="s">
        <v>132530</v>
      </c>
      <c r="F38476" s="1" t="s">
        <v>132531</v>
      </c>
      <c r="G38476" s="1" t="s">
        <v>132427</v>
      </c>
      <c r="H38476" s="1" t="s">
        <v>132428</v>
      </c>
      <c r="I38476" s="1" t="s">
        <v>126615</v>
      </c>
      <c r="J38476" s="1" t="s">
        <v>132532</v>
      </c>
    </row>
    <row r="38477" spans="1:10" x14ac:dyDescent="0.35">
      <c r="A38477" s="1" t="s">
        <v>132424</v>
      </c>
      <c r="B38477" s="1" t="s">
        <v>126612</v>
      </c>
      <c r="C38477" s="1" t="s">
        <v>160</v>
      </c>
      <c r="D38477" s="1" t="s">
        <v>132533</v>
      </c>
      <c r="E38477" s="1" t="s">
        <v>132534</v>
      </c>
      <c r="F38477" s="1" t="s">
        <v>132535</v>
      </c>
      <c r="G38477" s="1" t="s">
        <v>132427</v>
      </c>
      <c r="H38477" s="1" t="s">
        <v>132428</v>
      </c>
      <c r="I38477" s="1" t="s">
        <v>126615</v>
      </c>
      <c r="J38477" s="1" t="s">
        <v>132536</v>
      </c>
    </row>
    <row r="38478" spans="1:10" x14ac:dyDescent="0.35">
      <c r="A38478" s="1" t="s">
        <v>132424</v>
      </c>
      <c r="B38478" s="1" t="s">
        <v>126612</v>
      </c>
      <c r="C38478" s="1" t="s">
        <v>165</v>
      </c>
      <c r="D38478" s="1" t="s">
        <v>132537</v>
      </c>
      <c r="E38478" s="1" t="s">
        <v>132538</v>
      </c>
      <c r="F38478" s="1" t="s">
        <v>132539</v>
      </c>
      <c r="G38478" s="1" t="s">
        <v>132427</v>
      </c>
      <c r="H38478" s="1" t="s">
        <v>132428</v>
      </c>
      <c r="I38478" s="1" t="s">
        <v>126615</v>
      </c>
      <c r="J38478" s="1" t="s">
        <v>132540</v>
      </c>
    </row>
    <row r="38479" spans="1:10" x14ac:dyDescent="0.35">
      <c r="A38479" s="1" t="s">
        <v>132424</v>
      </c>
      <c r="B38479" s="1" t="s">
        <v>126612</v>
      </c>
      <c r="C38479" s="1" t="s">
        <v>170</v>
      </c>
      <c r="D38479" s="1" t="s">
        <v>99942</v>
      </c>
      <c r="E38479" s="1" t="s">
        <v>132541</v>
      </c>
      <c r="F38479" s="1" t="s">
        <v>132542</v>
      </c>
      <c r="G38479" s="1" t="s">
        <v>132427</v>
      </c>
      <c r="H38479" s="1" t="s">
        <v>132428</v>
      </c>
      <c r="I38479" s="1" t="s">
        <v>126615</v>
      </c>
      <c r="J38479" s="1" t="s">
        <v>132543</v>
      </c>
    </row>
    <row r="38480" spans="1:10" x14ac:dyDescent="0.35">
      <c r="A38480" s="1" t="s">
        <v>4443</v>
      </c>
      <c r="B38480" s="1" t="s">
        <v>126612</v>
      </c>
      <c r="C38480" s="1" t="s">
        <v>8</v>
      </c>
      <c r="D38480" s="1" t="s">
        <v>132544</v>
      </c>
      <c r="E38480" s="1" t="s">
        <v>132545</v>
      </c>
      <c r="F38480" s="1" t="s">
        <v>132546</v>
      </c>
      <c r="G38480" s="1" t="s">
        <v>132547</v>
      </c>
      <c r="H38480" s="1" t="s">
        <v>132548</v>
      </c>
      <c r="I38480" s="1" t="s">
        <v>126615</v>
      </c>
      <c r="J38480" s="1" t="s">
        <v>13</v>
      </c>
    </row>
    <row r="38481" spans="1:10" x14ac:dyDescent="0.35">
      <c r="A38481" s="1" t="s">
        <v>4443</v>
      </c>
      <c r="B38481" s="1" t="s">
        <v>126612</v>
      </c>
      <c r="C38481" s="1" t="s">
        <v>15</v>
      </c>
      <c r="D38481" s="1" t="s">
        <v>98019</v>
      </c>
      <c r="E38481" s="1" t="s">
        <v>132549</v>
      </c>
      <c r="F38481" s="1" t="s">
        <v>132550</v>
      </c>
      <c r="G38481" s="1" t="s">
        <v>132547</v>
      </c>
      <c r="H38481" s="1" t="s">
        <v>132548</v>
      </c>
      <c r="I38481" s="1" t="s">
        <v>126615</v>
      </c>
      <c r="J38481" s="1" t="s">
        <v>132551</v>
      </c>
    </row>
    <row r="38482" spans="1:10" x14ac:dyDescent="0.35">
      <c r="A38482" s="1" t="s">
        <v>4443</v>
      </c>
      <c r="B38482" s="1" t="s">
        <v>126612</v>
      </c>
      <c r="C38482" s="1" t="s">
        <v>20</v>
      </c>
      <c r="D38482" s="1" t="s">
        <v>113526</v>
      </c>
      <c r="E38482" s="1" t="s">
        <v>132552</v>
      </c>
      <c r="F38482" s="1" t="s">
        <v>132553</v>
      </c>
      <c r="G38482" s="1" t="s">
        <v>132547</v>
      </c>
      <c r="H38482" s="1" t="s">
        <v>132548</v>
      </c>
      <c r="I38482" s="1" t="s">
        <v>126615</v>
      </c>
      <c r="J38482" s="1" t="s">
        <v>132554</v>
      </c>
    </row>
    <row r="38483" spans="1:10" x14ac:dyDescent="0.35">
      <c r="A38483" s="1" t="s">
        <v>4443</v>
      </c>
      <c r="B38483" s="1" t="s">
        <v>126612</v>
      </c>
      <c r="C38483" s="1" t="s">
        <v>25</v>
      </c>
      <c r="D38483" s="1" t="s">
        <v>81424</v>
      </c>
      <c r="E38483" s="1" t="s">
        <v>132555</v>
      </c>
      <c r="F38483" s="1" t="s">
        <v>132556</v>
      </c>
      <c r="G38483" s="1" t="s">
        <v>132547</v>
      </c>
      <c r="H38483" s="1" t="s">
        <v>132548</v>
      </c>
      <c r="I38483" s="1" t="s">
        <v>126615</v>
      </c>
      <c r="J38483" s="1" t="s">
        <v>132557</v>
      </c>
    </row>
    <row r="38484" spans="1:10" x14ac:dyDescent="0.35">
      <c r="A38484" s="1" t="s">
        <v>4443</v>
      </c>
      <c r="B38484" s="1" t="s">
        <v>126612</v>
      </c>
      <c r="C38484" s="1" t="s">
        <v>30</v>
      </c>
      <c r="D38484" s="1" t="s">
        <v>132558</v>
      </c>
      <c r="E38484" s="1" t="s">
        <v>132559</v>
      </c>
      <c r="F38484" s="1" t="s">
        <v>132560</v>
      </c>
      <c r="G38484" s="1" t="s">
        <v>132547</v>
      </c>
      <c r="H38484" s="1" t="s">
        <v>132548</v>
      </c>
      <c r="I38484" s="1" t="s">
        <v>126615</v>
      </c>
      <c r="J38484" s="1" t="s">
        <v>132561</v>
      </c>
    </row>
    <row r="38485" spans="1:10" x14ac:dyDescent="0.35">
      <c r="A38485" s="1" t="s">
        <v>4443</v>
      </c>
      <c r="B38485" s="1" t="s">
        <v>126612</v>
      </c>
      <c r="C38485" s="1" t="s">
        <v>35</v>
      </c>
      <c r="D38485" s="1" t="s">
        <v>15127</v>
      </c>
      <c r="E38485" s="1" t="s">
        <v>132562</v>
      </c>
      <c r="F38485" s="1" t="s">
        <v>132563</v>
      </c>
      <c r="G38485" s="1" t="s">
        <v>132547</v>
      </c>
      <c r="H38485" s="1" t="s">
        <v>132548</v>
      </c>
      <c r="I38485" s="1" t="s">
        <v>126615</v>
      </c>
      <c r="J38485" s="1" t="s">
        <v>132564</v>
      </c>
    </row>
    <row r="38486" spans="1:10" x14ac:dyDescent="0.35">
      <c r="A38486" s="1" t="s">
        <v>4443</v>
      </c>
      <c r="B38486" s="1" t="s">
        <v>126612</v>
      </c>
      <c r="C38486" s="1" t="s">
        <v>40</v>
      </c>
      <c r="D38486" s="1" t="s">
        <v>132190</v>
      </c>
      <c r="E38486" s="1" t="s">
        <v>132565</v>
      </c>
      <c r="F38486" s="1" t="s">
        <v>132566</v>
      </c>
      <c r="G38486" s="1" t="s">
        <v>132547</v>
      </c>
      <c r="H38486" s="1" t="s">
        <v>132548</v>
      </c>
      <c r="I38486" s="1" t="s">
        <v>126615</v>
      </c>
      <c r="J38486" s="1" t="s">
        <v>132567</v>
      </c>
    </row>
    <row r="38487" spans="1:10" x14ac:dyDescent="0.35">
      <c r="A38487" s="1" t="s">
        <v>4443</v>
      </c>
      <c r="B38487" s="1" t="s">
        <v>126612</v>
      </c>
      <c r="C38487" s="1" t="s">
        <v>45</v>
      </c>
      <c r="D38487" s="1" t="s">
        <v>45577</v>
      </c>
      <c r="E38487" s="1" t="s">
        <v>132568</v>
      </c>
      <c r="F38487" s="1" t="s">
        <v>132569</v>
      </c>
      <c r="G38487" s="1" t="s">
        <v>132547</v>
      </c>
      <c r="H38487" s="1" t="s">
        <v>132548</v>
      </c>
      <c r="I38487" s="1" t="s">
        <v>126615</v>
      </c>
      <c r="J38487" s="1" t="s">
        <v>132570</v>
      </c>
    </row>
    <row r="38488" spans="1:10" x14ac:dyDescent="0.35">
      <c r="A38488" s="1" t="s">
        <v>4443</v>
      </c>
      <c r="B38488" s="1" t="s">
        <v>126612</v>
      </c>
      <c r="C38488" s="1" t="s">
        <v>50</v>
      </c>
      <c r="D38488" s="1" t="s">
        <v>109204</v>
      </c>
      <c r="E38488" s="1" t="s">
        <v>132571</v>
      </c>
      <c r="F38488" s="1" t="s">
        <v>132572</v>
      </c>
      <c r="G38488" s="1" t="s">
        <v>132547</v>
      </c>
      <c r="H38488" s="1" t="s">
        <v>132548</v>
      </c>
      <c r="I38488" s="1" t="s">
        <v>126615</v>
      </c>
      <c r="J38488" s="1" t="s">
        <v>132573</v>
      </c>
    </row>
    <row r="38489" spans="1:10" x14ac:dyDescent="0.35">
      <c r="A38489" s="1" t="s">
        <v>4443</v>
      </c>
      <c r="B38489" s="1" t="s">
        <v>126612</v>
      </c>
      <c r="C38489" s="1" t="s">
        <v>55</v>
      </c>
      <c r="D38489" s="1" t="s">
        <v>100954</v>
      </c>
      <c r="E38489" s="1" t="s">
        <v>132574</v>
      </c>
      <c r="F38489" s="1" t="s">
        <v>132575</v>
      </c>
      <c r="G38489" s="1" t="s">
        <v>132547</v>
      </c>
      <c r="H38489" s="1" t="s">
        <v>132548</v>
      </c>
      <c r="I38489" s="1" t="s">
        <v>126615</v>
      </c>
      <c r="J38489" s="1" t="s">
        <v>132576</v>
      </c>
    </row>
    <row r="38490" spans="1:10" x14ac:dyDescent="0.35">
      <c r="A38490" s="1" t="s">
        <v>4443</v>
      </c>
      <c r="B38490" s="1" t="s">
        <v>126612</v>
      </c>
      <c r="C38490" s="1" t="s">
        <v>60</v>
      </c>
      <c r="D38490" s="1" t="s">
        <v>132577</v>
      </c>
      <c r="E38490" s="1" t="s">
        <v>132578</v>
      </c>
      <c r="F38490" s="1" t="s">
        <v>132579</v>
      </c>
      <c r="G38490" s="1" t="s">
        <v>132547</v>
      </c>
      <c r="H38490" s="1" t="s">
        <v>132548</v>
      </c>
      <c r="I38490" s="1" t="s">
        <v>126615</v>
      </c>
      <c r="J38490" s="1" t="s">
        <v>132580</v>
      </c>
    </row>
    <row r="38491" spans="1:10" x14ac:dyDescent="0.35">
      <c r="A38491" s="1" t="s">
        <v>4443</v>
      </c>
      <c r="B38491" s="1" t="s">
        <v>126612</v>
      </c>
      <c r="C38491" s="1" t="s">
        <v>65</v>
      </c>
      <c r="D38491" s="1" t="s">
        <v>81189</v>
      </c>
      <c r="E38491" s="1" t="s">
        <v>132581</v>
      </c>
      <c r="F38491" s="1" t="s">
        <v>132582</v>
      </c>
      <c r="G38491" s="1" t="s">
        <v>132547</v>
      </c>
      <c r="H38491" s="1" t="s">
        <v>132548</v>
      </c>
      <c r="I38491" s="1" t="s">
        <v>126615</v>
      </c>
      <c r="J38491" s="1" t="s">
        <v>132583</v>
      </c>
    </row>
    <row r="38492" spans="1:10" x14ac:dyDescent="0.35">
      <c r="A38492" s="1" t="s">
        <v>4443</v>
      </c>
      <c r="B38492" s="1" t="s">
        <v>126612</v>
      </c>
      <c r="C38492" s="1" t="s">
        <v>70</v>
      </c>
      <c r="D38492" s="1" t="s">
        <v>54627</v>
      </c>
      <c r="E38492" s="1" t="s">
        <v>132584</v>
      </c>
      <c r="F38492" s="1" t="s">
        <v>132585</v>
      </c>
      <c r="G38492" s="1" t="s">
        <v>132547</v>
      </c>
      <c r="H38492" s="1" t="s">
        <v>132548</v>
      </c>
      <c r="I38492" s="1" t="s">
        <v>126615</v>
      </c>
      <c r="J38492" s="1" t="s">
        <v>132586</v>
      </c>
    </row>
    <row r="38493" spans="1:10" x14ac:dyDescent="0.35">
      <c r="A38493" s="1" t="s">
        <v>4443</v>
      </c>
      <c r="B38493" s="1" t="s">
        <v>126612</v>
      </c>
      <c r="C38493" s="1" t="s">
        <v>75</v>
      </c>
      <c r="D38493" s="1" t="s">
        <v>132587</v>
      </c>
      <c r="E38493" s="1" t="s">
        <v>132588</v>
      </c>
      <c r="F38493" s="1" t="s">
        <v>132589</v>
      </c>
      <c r="G38493" s="1" t="s">
        <v>132547</v>
      </c>
      <c r="H38493" s="1" t="s">
        <v>132548</v>
      </c>
      <c r="I38493" s="1" t="s">
        <v>126615</v>
      </c>
      <c r="J38493" s="1" t="s">
        <v>132590</v>
      </c>
    </row>
    <row r="38494" spans="1:10" x14ac:dyDescent="0.35">
      <c r="A38494" s="1" t="s">
        <v>4443</v>
      </c>
      <c r="B38494" s="1" t="s">
        <v>126612</v>
      </c>
      <c r="C38494" s="1" t="s">
        <v>80</v>
      </c>
      <c r="D38494" s="1" t="s">
        <v>24695</v>
      </c>
      <c r="E38494" s="1" t="s">
        <v>132591</v>
      </c>
      <c r="F38494" s="1" t="s">
        <v>132592</v>
      </c>
      <c r="G38494" s="1" t="s">
        <v>132547</v>
      </c>
      <c r="H38494" s="1" t="s">
        <v>132548</v>
      </c>
      <c r="I38494" s="1" t="s">
        <v>126615</v>
      </c>
      <c r="J38494" s="1" t="s">
        <v>132593</v>
      </c>
    </row>
    <row r="38495" spans="1:10" x14ac:dyDescent="0.35">
      <c r="A38495" s="1" t="s">
        <v>4443</v>
      </c>
      <c r="B38495" s="1" t="s">
        <v>126612</v>
      </c>
      <c r="C38495" s="1" t="s">
        <v>85</v>
      </c>
      <c r="D38495" s="1" t="s">
        <v>66563</v>
      </c>
      <c r="E38495" s="1" t="s">
        <v>132594</v>
      </c>
      <c r="F38495" s="1" t="s">
        <v>132595</v>
      </c>
      <c r="G38495" s="1" t="s">
        <v>132547</v>
      </c>
      <c r="H38495" s="1" t="s">
        <v>132548</v>
      </c>
      <c r="I38495" s="1" t="s">
        <v>126615</v>
      </c>
      <c r="J38495" s="1" t="s">
        <v>132596</v>
      </c>
    </row>
    <row r="38496" spans="1:10" x14ac:dyDescent="0.35">
      <c r="A38496" s="1" t="s">
        <v>4443</v>
      </c>
      <c r="B38496" s="1" t="s">
        <v>126612</v>
      </c>
      <c r="C38496" s="1" t="s">
        <v>90</v>
      </c>
      <c r="D38496" s="1" t="s">
        <v>132597</v>
      </c>
      <c r="E38496" s="1" t="s">
        <v>132598</v>
      </c>
      <c r="F38496" s="1" t="s">
        <v>132599</v>
      </c>
      <c r="G38496" s="1" t="s">
        <v>132547</v>
      </c>
      <c r="H38496" s="1" t="s">
        <v>132548</v>
      </c>
      <c r="I38496" s="1" t="s">
        <v>126615</v>
      </c>
      <c r="J38496" s="1" t="s">
        <v>132600</v>
      </c>
    </row>
    <row r="38497" spans="1:10" x14ac:dyDescent="0.35">
      <c r="A38497" s="1" t="s">
        <v>4443</v>
      </c>
      <c r="B38497" s="1" t="s">
        <v>126612</v>
      </c>
      <c r="C38497" s="1" t="s">
        <v>95</v>
      </c>
      <c r="D38497" s="1" t="s">
        <v>107057</v>
      </c>
      <c r="E38497" s="1" t="s">
        <v>132601</v>
      </c>
      <c r="F38497" s="1" t="s">
        <v>132602</v>
      </c>
      <c r="G38497" s="1" t="s">
        <v>132547</v>
      </c>
      <c r="H38497" s="1" t="s">
        <v>132548</v>
      </c>
      <c r="I38497" s="1" t="s">
        <v>126615</v>
      </c>
      <c r="J38497" s="1" t="s">
        <v>132603</v>
      </c>
    </row>
    <row r="38498" spans="1:10" x14ac:dyDescent="0.35">
      <c r="A38498" s="1" t="s">
        <v>4443</v>
      </c>
      <c r="B38498" s="1" t="s">
        <v>126612</v>
      </c>
      <c r="C38498" s="1" t="s">
        <v>100</v>
      </c>
      <c r="D38498" s="1" t="s">
        <v>86346</v>
      </c>
      <c r="E38498" s="1" t="s">
        <v>132552</v>
      </c>
      <c r="F38498" s="1" t="s">
        <v>132604</v>
      </c>
      <c r="G38498" s="1" t="s">
        <v>132547</v>
      </c>
      <c r="H38498" s="1" t="s">
        <v>132548</v>
      </c>
      <c r="I38498" s="1" t="s">
        <v>126615</v>
      </c>
      <c r="J38498" s="1" t="s">
        <v>132605</v>
      </c>
    </row>
    <row r="38499" spans="1:10" x14ac:dyDescent="0.35">
      <c r="A38499" s="1" t="s">
        <v>4443</v>
      </c>
      <c r="B38499" s="1" t="s">
        <v>126612</v>
      </c>
      <c r="C38499" s="1" t="s">
        <v>105</v>
      </c>
      <c r="D38499" s="1" t="s">
        <v>78105</v>
      </c>
      <c r="E38499" s="1" t="s">
        <v>132606</v>
      </c>
      <c r="F38499" s="1" t="s">
        <v>132607</v>
      </c>
      <c r="G38499" s="1" t="s">
        <v>132547</v>
      </c>
      <c r="H38499" s="1" t="s">
        <v>132548</v>
      </c>
      <c r="I38499" s="1" t="s">
        <v>126615</v>
      </c>
      <c r="J38499" s="1" t="s">
        <v>132608</v>
      </c>
    </row>
    <row r="38500" spans="1:10" x14ac:dyDescent="0.35">
      <c r="A38500" s="1" t="s">
        <v>4443</v>
      </c>
      <c r="B38500" s="1" t="s">
        <v>126612</v>
      </c>
      <c r="C38500" s="1" t="s">
        <v>110</v>
      </c>
      <c r="D38500" s="1" t="s">
        <v>66715</v>
      </c>
      <c r="E38500" s="1" t="s">
        <v>132609</v>
      </c>
      <c r="F38500" s="1" t="s">
        <v>132610</v>
      </c>
      <c r="G38500" s="1" t="s">
        <v>132547</v>
      </c>
      <c r="H38500" s="1" t="s">
        <v>132548</v>
      </c>
      <c r="I38500" s="1" t="s">
        <v>126615</v>
      </c>
      <c r="J38500" s="1" t="s">
        <v>132611</v>
      </c>
    </row>
    <row r="38501" spans="1:10" x14ac:dyDescent="0.35">
      <c r="A38501" s="1" t="s">
        <v>4443</v>
      </c>
      <c r="B38501" s="1" t="s">
        <v>126612</v>
      </c>
      <c r="C38501" s="1" t="s">
        <v>115</v>
      </c>
      <c r="D38501" s="1" t="s">
        <v>63744</v>
      </c>
      <c r="E38501" s="1" t="s">
        <v>132612</v>
      </c>
      <c r="F38501" s="1" t="s">
        <v>132613</v>
      </c>
      <c r="G38501" s="1" t="s">
        <v>132547</v>
      </c>
      <c r="H38501" s="1" t="s">
        <v>132548</v>
      </c>
      <c r="I38501" s="1" t="s">
        <v>126615</v>
      </c>
      <c r="J38501" s="1" t="s">
        <v>132614</v>
      </c>
    </row>
    <row r="38502" spans="1:10" x14ac:dyDescent="0.35">
      <c r="A38502" s="1" t="s">
        <v>4443</v>
      </c>
      <c r="B38502" s="1" t="s">
        <v>126612</v>
      </c>
      <c r="C38502" s="1" t="s">
        <v>120</v>
      </c>
      <c r="D38502" s="1" t="s">
        <v>132615</v>
      </c>
      <c r="E38502" s="1" t="s">
        <v>132616</v>
      </c>
      <c r="F38502" s="1" t="s">
        <v>132617</v>
      </c>
      <c r="G38502" s="1" t="s">
        <v>132547</v>
      </c>
      <c r="H38502" s="1" t="s">
        <v>132548</v>
      </c>
      <c r="I38502" s="1" t="s">
        <v>126615</v>
      </c>
      <c r="J38502" s="1" t="s">
        <v>132618</v>
      </c>
    </row>
    <row r="38503" spans="1:10" x14ac:dyDescent="0.35">
      <c r="A38503" s="1" t="s">
        <v>4443</v>
      </c>
      <c r="B38503" s="1" t="s">
        <v>126612</v>
      </c>
      <c r="C38503" s="1" t="s">
        <v>125</v>
      </c>
      <c r="D38503" s="1" t="s">
        <v>64531</v>
      </c>
      <c r="E38503" s="1" t="s">
        <v>132619</v>
      </c>
      <c r="F38503" s="1" t="s">
        <v>132620</v>
      </c>
      <c r="G38503" s="1" t="s">
        <v>132547</v>
      </c>
      <c r="H38503" s="1" t="s">
        <v>132548</v>
      </c>
      <c r="I38503" s="1" t="s">
        <v>126615</v>
      </c>
      <c r="J38503" s="1" t="s">
        <v>132621</v>
      </c>
    </row>
    <row r="38504" spans="1:10" x14ac:dyDescent="0.35">
      <c r="A38504" s="1" t="s">
        <v>4443</v>
      </c>
      <c r="B38504" s="1" t="s">
        <v>126612</v>
      </c>
      <c r="C38504" s="1" t="s">
        <v>130</v>
      </c>
      <c r="D38504" s="1" t="s">
        <v>132622</v>
      </c>
      <c r="E38504" s="1" t="s">
        <v>132623</v>
      </c>
      <c r="F38504" s="1" t="s">
        <v>132624</v>
      </c>
      <c r="G38504" s="1" t="s">
        <v>132547</v>
      </c>
      <c r="H38504" s="1" t="s">
        <v>132548</v>
      </c>
      <c r="I38504" s="1" t="s">
        <v>126615</v>
      </c>
      <c r="J38504" s="1" t="s">
        <v>132625</v>
      </c>
    </row>
    <row r="38505" spans="1:10" x14ac:dyDescent="0.35">
      <c r="A38505" s="1" t="s">
        <v>4443</v>
      </c>
      <c r="B38505" s="1" t="s">
        <v>126612</v>
      </c>
      <c r="C38505" s="1" t="s">
        <v>135</v>
      </c>
      <c r="D38505" s="1" t="s">
        <v>132626</v>
      </c>
      <c r="E38505" s="1" t="s">
        <v>132627</v>
      </c>
      <c r="F38505" s="1" t="s">
        <v>132628</v>
      </c>
      <c r="G38505" s="1" t="s">
        <v>132547</v>
      </c>
      <c r="H38505" s="1" t="s">
        <v>132548</v>
      </c>
      <c r="I38505" s="1" t="s">
        <v>126615</v>
      </c>
      <c r="J38505" s="1" t="s">
        <v>132629</v>
      </c>
    </row>
    <row r="38506" spans="1:10" x14ac:dyDescent="0.35">
      <c r="A38506" s="1" t="s">
        <v>4443</v>
      </c>
      <c r="B38506" s="1" t="s">
        <v>126612</v>
      </c>
      <c r="C38506" s="1" t="s">
        <v>140</v>
      </c>
      <c r="D38506" s="1" t="s">
        <v>132630</v>
      </c>
      <c r="E38506" s="1" t="s">
        <v>132631</v>
      </c>
      <c r="F38506" s="1" t="s">
        <v>132632</v>
      </c>
      <c r="G38506" s="1" t="s">
        <v>132547</v>
      </c>
      <c r="H38506" s="1" t="s">
        <v>132548</v>
      </c>
      <c r="I38506" s="1" t="s">
        <v>126615</v>
      </c>
      <c r="J38506" s="1" t="s">
        <v>132633</v>
      </c>
    </row>
    <row r="38507" spans="1:10" x14ac:dyDescent="0.35">
      <c r="A38507" s="1" t="s">
        <v>4443</v>
      </c>
      <c r="B38507" s="1" t="s">
        <v>126612</v>
      </c>
      <c r="C38507" s="1" t="s">
        <v>145</v>
      </c>
      <c r="D38507" s="1" t="s">
        <v>97088</v>
      </c>
      <c r="E38507" s="1" t="s">
        <v>132634</v>
      </c>
      <c r="F38507" s="1" t="s">
        <v>132635</v>
      </c>
      <c r="G38507" s="1" t="s">
        <v>132547</v>
      </c>
      <c r="H38507" s="1" t="s">
        <v>132548</v>
      </c>
      <c r="I38507" s="1" t="s">
        <v>126615</v>
      </c>
      <c r="J38507" s="1" t="s">
        <v>84399</v>
      </c>
    </row>
    <row r="38508" spans="1:10" x14ac:dyDescent="0.35">
      <c r="A38508" s="1" t="s">
        <v>4443</v>
      </c>
      <c r="B38508" s="1" t="s">
        <v>126612</v>
      </c>
      <c r="C38508" s="1" t="s">
        <v>150</v>
      </c>
      <c r="D38508" s="1" t="s">
        <v>68790</v>
      </c>
      <c r="E38508" s="1" t="s">
        <v>132636</v>
      </c>
      <c r="F38508" s="1" t="s">
        <v>132637</v>
      </c>
      <c r="G38508" s="1" t="s">
        <v>132547</v>
      </c>
      <c r="H38508" s="1" t="s">
        <v>132548</v>
      </c>
      <c r="I38508" s="1" t="s">
        <v>126615</v>
      </c>
      <c r="J38508" s="1" t="s">
        <v>132638</v>
      </c>
    </row>
    <row r="38509" spans="1:10" x14ac:dyDescent="0.35">
      <c r="A38509" s="1" t="s">
        <v>4443</v>
      </c>
      <c r="B38509" s="1" t="s">
        <v>126612</v>
      </c>
      <c r="C38509" s="1" t="s">
        <v>155</v>
      </c>
      <c r="D38509" s="1" t="s">
        <v>65824</v>
      </c>
      <c r="E38509" s="1" t="s">
        <v>132639</v>
      </c>
      <c r="F38509" s="1" t="s">
        <v>132640</v>
      </c>
      <c r="G38509" s="1" t="s">
        <v>132547</v>
      </c>
      <c r="H38509" s="1" t="s">
        <v>132548</v>
      </c>
      <c r="I38509" s="1" t="s">
        <v>126615</v>
      </c>
      <c r="J38509" s="1" t="s">
        <v>132641</v>
      </c>
    </row>
    <row r="38510" spans="1:10" x14ac:dyDescent="0.35">
      <c r="A38510" s="1" t="s">
        <v>4443</v>
      </c>
      <c r="B38510" s="1" t="s">
        <v>126612</v>
      </c>
      <c r="C38510" s="1" t="s">
        <v>160</v>
      </c>
      <c r="D38510" s="1" t="s">
        <v>132642</v>
      </c>
      <c r="E38510" s="1" t="s">
        <v>132643</v>
      </c>
      <c r="F38510" s="1" t="s">
        <v>132644</v>
      </c>
      <c r="G38510" s="1" t="s">
        <v>132547</v>
      </c>
      <c r="H38510" s="1" t="s">
        <v>132548</v>
      </c>
      <c r="I38510" s="1" t="s">
        <v>126615</v>
      </c>
      <c r="J38510" s="1" t="s">
        <v>132645</v>
      </c>
    </row>
    <row r="38511" spans="1:10" x14ac:dyDescent="0.35">
      <c r="A38511" s="1" t="s">
        <v>4443</v>
      </c>
      <c r="B38511" s="1" t="s">
        <v>126612</v>
      </c>
      <c r="C38511" s="1" t="s">
        <v>165</v>
      </c>
      <c r="D38511" s="1" t="s">
        <v>132646</v>
      </c>
      <c r="E38511" s="1" t="s">
        <v>132647</v>
      </c>
      <c r="F38511" s="1" t="s">
        <v>132648</v>
      </c>
      <c r="G38511" s="1" t="s">
        <v>132547</v>
      </c>
      <c r="H38511" s="1" t="s">
        <v>132548</v>
      </c>
      <c r="I38511" s="1" t="s">
        <v>126615</v>
      </c>
      <c r="J38511" s="1" t="s">
        <v>132649</v>
      </c>
    </row>
    <row r="38512" spans="1:10" x14ac:dyDescent="0.35">
      <c r="A38512" s="1" t="s">
        <v>4443</v>
      </c>
      <c r="B38512" s="1" t="s">
        <v>126612</v>
      </c>
      <c r="C38512" s="1" t="s">
        <v>170</v>
      </c>
      <c r="D38512" s="1" t="s">
        <v>56520</v>
      </c>
      <c r="E38512" s="1" t="s">
        <v>132650</v>
      </c>
      <c r="F38512" s="1" t="s">
        <v>132651</v>
      </c>
      <c r="G38512" s="1" t="s">
        <v>132547</v>
      </c>
      <c r="H38512" s="1" t="s">
        <v>132548</v>
      </c>
      <c r="I38512" s="1" t="s">
        <v>126615</v>
      </c>
      <c r="J38512" s="1" t="s">
        <v>132652</v>
      </c>
    </row>
    <row r="38513" spans="1:10" x14ac:dyDescent="0.35">
      <c r="A38513" s="1" t="s">
        <v>132653</v>
      </c>
      <c r="B38513" s="1" t="s">
        <v>126612</v>
      </c>
      <c r="C38513" s="1" t="s">
        <v>8</v>
      </c>
      <c r="D38513" s="1" t="s">
        <v>132544</v>
      </c>
      <c r="E38513" s="1" t="s">
        <v>132654</v>
      </c>
      <c r="F38513" s="1" t="s">
        <v>132655</v>
      </c>
      <c r="G38513" s="1" t="s">
        <v>132656</v>
      </c>
      <c r="H38513" s="1" t="s">
        <v>132548</v>
      </c>
      <c r="I38513" s="1" t="s">
        <v>126615</v>
      </c>
      <c r="J38513" s="1" t="s">
        <v>13</v>
      </c>
    </row>
    <row r="38514" spans="1:10" x14ac:dyDescent="0.35">
      <c r="A38514" s="1" t="s">
        <v>132653</v>
      </c>
      <c r="B38514" s="1" t="s">
        <v>126612</v>
      </c>
      <c r="C38514" s="1" t="s">
        <v>15</v>
      </c>
      <c r="D38514" s="1" t="s">
        <v>98019</v>
      </c>
      <c r="E38514" s="1" t="s">
        <v>132657</v>
      </c>
      <c r="F38514" s="1" t="s">
        <v>132658</v>
      </c>
      <c r="G38514" s="1" t="s">
        <v>132656</v>
      </c>
      <c r="H38514" s="1" t="s">
        <v>132548</v>
      </c>
      <c r="I38514" s="1" t="s">
        <v>126615</v>
      </c>
      <c r="J38514" s="1" t="s">
        <v>132551</v>
      </c>
    </row>
    <row r="38515" spans="1:10" x14ac:dyDescent="0.35">
      <c r="A38515" s="1" t="s">
        <v>132653</v>
      </c>
      <c r="B38515" s="1" t="s">
        <v>126612</v>
      </c>
      <c r="C38515" s="1" t="s">
        <v>20</v>
      </c>
      <c r="D38515" s="1" t="s">
        <v>113526</v>
      </c>
      <c r="E38515" s="1" t="s">
        <v>132659</v>
      </c>
      <c r="F38515" s="1" t="s">
        <v>132660</v>
      </c>
      <c r="G38515" s="1" t="s">
        <v>132656</v>
      </c>
      <c r="H38515" s="1" t="s">
        <v>132548</v>
      </c>
      <c r="I38515" s="1" t="s">
        <v>126615</v>
      </c>
      <c r="J38515" s="1" t="s">
        <v>132554</v>
      </c>
    </row>
    <row r="38516" spans="1:10" x14ac:dyDescent="0.35">
      <c r="A38516" s="1" t="s">
        <v>132653</v>
      </c>
      <c r="B38516" s="1" t="s">
        <v>126612</v>
      </c>
      <c r="C38516" s="1" t="s">
        <v>25</v>
      </c>
      <c r="D38516" s="1" t="s">
        <v>81424</v>
      </c>
      <c r="E38516" s="1" t="s">
        <v>132661</v>
      </c>
      <c r="F38516" s="1" t="s">
        <v>132662</v>
      </c>
      <c r="G38516" s="1" t="s">
        <v>132656</v>
      </c>
      <c r="H38516" s="1" t="s">
        <v>132548</v>
      </c>
      <c r="I38516" s="1" t="s">
        <v>126615</v>
      </c>
      <c r="J38516" s="1" t="s">
        <v>132557</v>
      </c>
    </row>
    <row r="38517" spans="1:10" x14ac:dyDescent="0.35">
      <c r="A38517" s="1" t="s">
        <v>132653</v>
      </c>
      <c r="B38517" s="1" t="s">
        <v>126612</v>
      </c>
      <c r="C38517" s="1" t="s">
        <v>30</v>
      </c>
      <c r="D38517" s="1" t="s">
        <v>132558</v>
      </c>
      <c r="E38517" s="1" t="s">
        <v>132663</v>
      </c>
      <c r="F38517" s="1" t="s">
        <v>132664</v>
      </c>
      <c r="G38517" s="1" t="s">
        <v>132656</v>
      </c>
      <c r="H38517" s="1" t="s">
        <v>132548</v>
      </c>
      <c r="I38517" s="1" t="s">
        <v>126615</v>
      </c>
      <c r="J38517" s="1" t="s">
        <v>132561</v>
      </c>
    </row>
    <row r="38518" spans="1:10" x14ac:dyDescent="0.35">
      <c r="A38518" s="1" t="s">
        <v>132653</v>
      </c>
      <c r="B38518" s="1" t="s">
        <v>126612</v>
      </c>
      <c r="C38518" s="1" t="s">
        <v>35</v>
      </c>
      <c r="D38518" s="1" t="s">
        <v>15127</v>
      </c>
      <c r="E38518" s="1" t="s">
        <v>132665</v>
      </c>
      <c r="F38518" s="1" t="s">
        <v>132666</v>
      </c>
      <c r="G38518" s="1" t="s">
        <v>132656</v>
      </c>
      <c r="H38518" s="1" t="s">
        <v>132548</v>
      </c>
      <c r="I38518" s="1" t="s">
        <v>126615</v>
      </c>
      <c r="J38518" s="1" t="s">
        <v>132564</v>
      </c>
    </row>
    <row r="38519" spans="1:10" x14ac:dyDescent="0.35">
      <c r="A38519" s="1" t="s">
        <v>132653</v>
      </c>
      <c r="B38519" s="1" t="s">
        <v>126612</v>
      </c>
      <c r="C38519" s="1" t="s">
        <v>40</v>
      </c>
      <c r="D38519" s="1" t="s">
        <v>132190</v>
      </c>
      <c r="E38519" s="1" t="s">
        <v>132667</v>
      </c>
      <c r="F38519" s="1" t="s">
        <v>132668</v>
      </c>
      <c r="G38519" s="1" t="s">
        <v>132656</v>
      </c>
      <c r="H38519" s="1" t="s">
        <v>132548</v>
      </c>
      <c r="I38519" s="1" t="s">
        <v>126615</v>
      </c>
      <c r="J38519" s="1" t="s">
        <v>132567</v>
      </c>
    </row>
    <row r="38520" spans="1:10" x14ac:dyDescent="0.35">
      <c r="A38520" s="1" t="s">
        <v>132653</v>
      </c>
      <c r="B38520" s="1" t="s">
        <v>126612</v>
      </c>
      <c r="C38520" s="1" t="s">
        <v>45</v>
      </c>
      <c r="D38520" s="1" t="s">
        <v>45577</v>
      </c>
      <c r="E38520" s="1" t="s">
        <v>132669</v>
      </c>
      <c r="F38520" s="1" t="s">
        <v>132670</v>
      </c>
      <c r="G38520" s="1" t="s">
        <v>132656</v>
      </c>
      <c r="H38520" s="1" t="s">
        <v>132548</v>
      </c>
      <c r="I38520" s="1" t="s">
        <v>126615</v>
      </c>
      <c r="J38520" s="1" t="s">
        <v>132570</v>
      </c>
    </row>
    <row r="38521" spans="1:10" x14ac:dyDescent="0.35">
      <c r="A38521" s="1" t="s">
        <v>132653</v>
      </c>
      <c r="B38521" s="1" t="s">
        <v>126612</v>
      </c>
      <c r="C38521" s="1" t="s">
        <v>50</v>
      </c>
      <c r="D38521" s="1" t="s">
        <v>109204</v>
      </c>
      <c r="E38521" s="1" t="s">
        <v>132671</v>
      </c>
      <c r="F38521" s="1" t="s">
        <v>132672</v>
      </c>
      <c r="G38521" s="1" t="s">
        <v>132656</v>
      </c>
      <c r="H38521" s="1" t="s">
        <v>132548</v>
      </c>
      <c r="I38521" s="1" t="s">
        <v>126615</v>
      </c>
      <c r="J38521" s="1" t="s">
        <v>132573</v>
      </c>
    </row>
    <row r="38522" spans="1:10" x14ac:dyDescent="0.35">
      <c r="A38522" s="1" t="s">
        <v>132653</v>
      </c>
      <c r="B38522" s="1" t="s">
        <v>126612</v>
      </c>
      <c r="C38522" s="1" t="s">
        <v>55</v>
      </c>
      <c r="D38522" s="1" t="s">
        <v>100954</v>
      </c>
      <c r="E38522" s="1" t="s">
        <v>132673</v>
      </c>
      <c r="F38522" s="1" t="s">
        <v>132674</v>
      </c>
      <c r="G38522" s="1" t="s">
        <v>132656</v>
      </c>
      <c r="H38522" s="1" t="s">
        <v>132548</v>
      </c>
      <c r="I38522" s="1" t="s">
        <v>126615</v>
      </c>
      <c r="J38522" s="1" t="s">
        <v>132576</v>
      </c>
    </row>
    <row r="38523" spans="1:10" x14ac:dyDescent="0.35">
      <c r="A38523" s="1" t="s">
        <v>132653</v>
      </c>
      <c r="B38523" s="1" t="s">
        <v>126612</v>
      </c>
      <c r="C38523" s="1" t="s">
        <v>60</v>
      </c>
      <c r="D38523" s="1" t="s">
        <v>132577</v>
      </c>
      <c r="E38523" s="1" t="s">
        <v>132675</v>
      </c>
      <c r="F38523" s="1" t="s">
        <v>132676</v>
      </c>
      <c r="G38523" s="1" t="s">
        <v>132656</v>
      </c>
      <c r="H38523" s="1" t="s">
        <v>132548</v>
      </c>
      <c r="I38523" s="1" t="s">
        <v>126615</v>
      </c>
      <c r="J38523" s="1" t="s">
        <v>132580</v>
      </c>
    </row>
    <row r="38524" spans="1:10" x14ac:dyDescent="0.35">
      <c r="A38524" s="1" t="s">
        <v>132653</v>
      </c>
      <c r="B38524" s="1" t="s">
        <v>126612</v>
      </c>
      <c r="C38524" s="1" t="s">
        <v>65</v>
      </c>
      <c r="D38524" s="1" t="s">
        <v>81189</v>
      </c>
      <c r="E38524" s="1" t="s">
        <v>132677</v>
      </c>
      <c r="F38524" s="1" t="s">
        <v>132678</v>
      </c>
      <c r="G38524" s="1" t="s">
        <v>132656</v>
      </c>
      <c r="H38524" s="1" t="s">
        <v>132548</v>
      </c>
      <c r="I38524" s="1" t="s">
        <v>126615</v>
      </c>
      <c r="J38524" s="1" t="s">
        <v>132583</v>
      </c>
    </row>
    <row r="38525" spans="1:10" x14ac:dyDescent="0.35">
      <c r="A38525" s="1" t="s">
        <v>132653</v>
      </c>
      <c r="B38525" s="1" t="s">
        <v>126612</v>
      </c>
      <c r="C38525" s="1" t="s">
        <v>70</v>
      </c>
      <c r="D38525" s="1" t="s">
        <v>54627</v>
      </c>
      <c r="E38525" s="1" t="s">
        <v>132679</v>
      </c>
      <c r="F38525" s="1" t="s">
        <v>132680</v>
      </c>
      <c r="G38525" s="1" t="s">
        <v>132656</v>
      </c>
      <c r="H38525" s="1" t="s">
        <v>132548</v>
      </c>
      <c r="I38525" s="1" t="s">
        <v>126615</v>
      </c>
      <c r="J38525" s="1" t="s">
        <v>132586</v>
      </c>
    </row>
    <row r="38526" spans="1:10" x14ac:dyDescent="0.35">
      <c r="A38526" s="1" t="s">
        <v>132653</v>
      </c>
      <c r="B38526" s="1" t="s">
        <v>126612</v>
      </c>
      <c r="C38526" s="1" t="s">
        <v>75</v>
      </c>
      <c r="D38526" s="1" t="s">
        <v>132587</v>
      </c>
      <c r="E38526" s="1" t="s">
        <v>132681</v>
      </c>
      <c r="F38526" s="1" t="s">
        <v>132682</v>
      </c>
      <c r="G38526" s="1" t="s">
        <v>132656</v>
      </c>
      <c r="H38526" s="1" t="s">
        <v>132548</v>
      </c>
      <c r="I38526" s="1" t="s">
        <v>126615</v>
      </c>
      <c r="J38526" s="1" t="s">
        <v>132590</v>
      </c>
    </row>
    <row r="38527" spans="1:10" x14ac:dyDescent="0.35">
      <c r="A38527" s="1" t="s">
        <v>132653</v>
      </c>
      <c r="B38527" s="1" t="s">
        <v>126612</v>
      </c>
      <c r="C38527" s="1" t="s">
        <v>80</v>
      </c>
      <c r="D38527" s="1" t="s">
        <v>24695</v>
      </c>
      <c r="E38527" s="1" t="s">
        <v>132683</v>
      </c>
      <c r="F38527" s="1" t="s">
        <v>132684</v>
      </c>
      <c r="G38527" s="1" t="s">
        <v>132656</v>
      </c>
      <c r="H38527" s="1" t="s">
        <v>132548</v>
      </c>
      <c r="I38527" s="1" t="s">
        <v>126615</v>
      </c>
      <c r="J38527" s="1" t="s">
        <v>132593</v>
      </c>
    </row>
    <row r="38528" spans="1:10" x14ac:dyDescent="0.35">
      <c r="A38528" s="1" t="s">
        <v>132653</v>
      </c>
      <c r="B38528" s="1" t="s">
        <v>126612</v>
      </c>
      <c r="C38528" s="1" t="s">
        <v>85</v>
      </c>
      <c r="D38528" s="1" t="s">
        <v>66563</v>
      </c>
      <c r="E38528" s="1" t="s">
        <v>132685</v>
      </c>
      <c r="F38528" s="1" t="s">
        <v>132686</v>
      </c>
      <c r="G38528" s="1" t="s">
        <v>132656</v>
      </c>
      <c r="H38528" s="1" t="s">
        <v>132548</v>
      </c>
      <c r="I38528" s="1" t="s">
        <v>126615</v>
      </c>
      <c r="J38528" s="1" t="s">
        <v>132596</v>
      </c>
    </row>
    <row r="38529" spans="1:10" x14ac:dyDescent="0.35">
      <c r="A38529" s="1" t="s">
        <v>132653</v>
      </c>
      <c r="B38529" s="1" t="s">
        <v>126612</v>
      </c>
      <c r="C38529" s="1" t="s">
        <v>90</v>
      </c>
      <c r="D38529" s="1" t="s">
        <v>132597</v>
      </c>
      <c r="E38529" s="1" t="s">
        <v>132687</v>
      </c>
      <c r="F38529" s="1" t="s">
        <v>132688</v>
      </c>
      <c r="G38529" s="1" t="s">
        <v>132656</v>
      </c>
      <c r="H38529" s="1" t="s">
        <v>132548</v>
      </c>
      <c r="I38529" s="1" t="s">
        <v>126615</v>
      </c>
      <c r="J38529" s="1" t="s">
        <v>132600</v>
      </c>
    </row>
    <row r="38530" spans="1:10" x14ac:dyDescent="0.35">
      <c r="A38530" s="1" t="s">
        <v>132653</v>
      </c>
      <c r="B38530" s="1" t="s">
        <v>126612</v>
      </c>
      <c r="C38530" s="1" t="s">
        <v>95</v>
      </c>
      <c r="D38530" s="1" t="s">
        <v>107057</v>
      </c>
      <c r="E38530" s="1" t="s">
        <v>132689</v>
      </c>
      <c r="F38530" s="1" t="s">
        <v>132690</v>
      </c>
      <c r="G38530" s="1" t="s">
        <v>132656</v>
      </c>
      <c r="H38530" s="1" t="s">
        <v>132548</v>
      </c>
      <c r="I38530" s="1" t="s">
        <v>126615</v>
      </c>
      <c r="J38530" s="1" t="s">
        <v>132603</v>
      </c>
    </row>
    <row r="38531" spans="1:10" x14ac:dyDescent="0.35">
      <c r="A38531" s="1" t="s">
        <v>132653</v>
      </c>
      <c r="B38531" s="1" t="s">
        <v>126612</v>
      </c>
      <c r="C38531" s="1" t="s">
        <v>100</v>
      </c>
      <c r="D38531" s="1" t="s">
        <v>86346</v>
      </c>
      <c r="E38531" s="1" t="s">
        <v>132691</v>
      </c>
      <c r="F38531" s="1" t="s">
        <v>132692</v>
      </c>
      <c r="G38531" s="1" t="s">
        <v>132656</v>
      </c>
      <c r="H38531" s="1" t="s">
        <v>132548</v>
      </c>
      <c r="I38531" s="1" t="s">
        <v>126615</v>
      </c>
      <c r="J38531" s="1" t="s">
        <v>132605</v>
      </c>
    </row>
    <row r="38532" spans="1:10" x14ac:dyDescent="0.35">
      <c r="A38532" s="1" t="s">
        <v>132653</v>
      </c>
      <c r="B38532" s="1" t="s">
        <v>126612</v>
      </c>
      <c r="C38532" s="1" t="s">
        <v>105</v>
      </c>
      <c r="D38532" s="1" t="s">
        <v>78105</v>
      </c>
      <c r="E38532" s="1" t="s">
        <v>132693</v>
      </c>
      <c r="F38532" s="1" t="s">
        <v>132694</v>
      </c>
      <c r="G38532" s="1" t="s">
        <v>132656</v>
      </c>
      <c r="H38532" s="1" t="s">
        <v>132548</v>
      </c>
      <c r="I38532" s="1" t="s">
        <v>126615</v>
      </c>
      <c r="J38532" s="1" t="s">
        <v>132608</v>
      </c>
    </row>
    <row r="38533" spans="1:10" x14ac:dyDescent="0.35">
      <c r="A38533" s="1" t="s">
        <v>132653</v>
      </c>
      <c r="B38533" s="1" t="s">
        <v>126612</v>
      </c>
      <c r="C38533" s="1" t="s">
        <v>110</v>
      </c>
      <c r="D38533" s="1" t="s">
        <v>66715</v>
      </c>
      <c r="E38533" s="1" t="s">
        <v>132695</v>
      </c>
      <c r="F38533" s="1" t="s">
        <v>132696</v>
      </c>
      <c r="G38533" s="1" t="s">
        <v>132656</v>
      </c>
      <c r="H38533" s="1" t="s">
        <v>132548</v>
      </c>
      <c r="I38533" s="1" t="s">
        <v>126615</v>
      </c>
      <c r="J38533" s="1" t="s">
        <v>132611</v>
      </c>
    </row>
    <row r="38534" spans="1:10" x14ac:dyDescent="0.35">
      <c r="A38534" s="1" t="s">
        <v>132653</v>
      </c>
      <c r="B38534" s="1" t="s">
        <v>126612</v>
      </c>
      <c r="C38534" s="1" t="s">
        <v>115</v>
      </c>
      <c r="D38534" s="1" t="s">
        <v>63744</v>
      </c>
      <c r="E38534" s="1" t="s">
        <v>132697</v>
      </c>
      <c r="F38534" s="1" t="s">
        <v>132698</v>
      </c>
      <c r="G38534" s="1" t="s">
        <v>132656</v>
      </c>
      <c r="H38534" s="1" t="s">
        <v>132548</v>
      </c>
      <c r="I38534" s="1" t="s">
        <v>126615</v>
      </c>
      <c r="J38534" s="1" t="s">
        <v>132614</v>
      </c>
    </row>
    <row r="38535" spans="1:10" x14ac:dyDescent="0.35">
      <c r="A38535" s="1" t="s">
        <v>132653</v>
      </c>
      <c r="B38535" s="1" t="s">
        <v>126612</v>
      </c>
      <c r="C38535" s="1" t="s">
        <v>120</v>
      </c>
      <c r="D38535" s="1" t="s">
        <v>132615</v>
      </c>
      <c r="E38535" s="1" t="s">
        <v>132699</v>
      </c>
      <c r="F38535" s="1" t="s">
        <v>132700</v>
      </c>
      <c r="G38535" s="1" t="s">
        <v>132656</v>
      </c>
      <c r="H38535" s="1" t="s">
        <v>132548</v>
      </c>
      <c r="I38535" s="1" t="s">
        <v>126615</v>
      </c>
      <c r="J38535" s="1" t="s">
        <v>132618</v>
      </c>
    </row>
    <row r="38536" spans="1:10" x14ac:dyDescent="0.35">
      <c r="A38536" s="1" t="s">
        <v>132653</v>
      </c>
      <c r="B38536" s="1" t="s">
        <v>126612</v>
      </c>
      <c r="C38536" s="1" t="s">
        <v>125</v>
      </c>
      <c r="D38536" s="1" t="s">
        <v>64531</v>
      </c>
      <c r="E38536" s="1" t="s">
        <v>132701</v>
      </c>
      <c r="F38536" s="1" t="s">
        <v>132702</v>
      </c>
      <c r="G38536" s="1" t="s">
        <v>132656</v>
      </c>
      <c r="H38536" s="1" t="s">
        <v>132548</v>
      </c>
      <c r="I38536" s="1" t="s">
        <v>126615</v>
      </c>
      <c r="J38536" s="1" t="s">
        <v>132621</v>
      </c>
    </row>
    <row r="38537" spans="1:10" x14ac:dyDescent="0.35">
      <c r="A38537" s="1" t="s">
        <v>132653</v>
      </c>
      <c r="B38537" s="1" t="s">
        <v>126612</v>
      </c>
      <c r="C38537" s="1" t="s">
        <v>130</v>
      </c>
      <c r="D38537" s="1" t="s">
        <v>132622</v>
      </c>
      <c r="E38537" s="1" t="s">
        <v>132703</v>
      </c>
      <c r="F38537" s="1" t="s">
        <v>132704</v>
      </c>
      <c r="G38537" s="1" t="s">
        <v>132656</v>
      </c>
      <c r="H38537" s="1" t="s">
        <v>132548</v>
      </c>
      <c r="I38537" s="1" t="s">
        <v>126615</v>
      </c>
      <c r="J38537" s="1" t="s">
        <v>132625</v>
      </c>
    </row>
    <row r="38538" spans="1:10" x14ac:dyDescent="0.35">
      <c r="A38538" s="1" t="s">
        <v>132653</v>
      </c>
      <c r="B38538" s="1" t="s">
        <v>126612</v>
      </c>
      <c r="C38538" s="1" t="s">
        <v>135</v>
      </c>
      <c r="D38538" s="1" t="s">
        <v>132626</v>
      </c>
      <c r="E38538" s="1" t="s">
        <v>132705</v>
      </c>
      <c r="F38538" s="1" t="s">
        <v>132706</v>
      </c>
      <c r="G38538" s="1" t="s">
        <v>132656</v>
      </c>
      <c r="H38538" s="1" t="s">
        <v>132548</v>
      </c>
      <c r="I38538" s="1" t="s">
        <v>126615</v>
      </c>
      <c r="J38538" s="1" t="s">
        <v>132629</v>
      </c>
    </row>
    <row r="38539" spans="1:10" x14ac:dyDescent="0.35">
      <c r="A38539" s="1" t="s">
        <v>132653</v>
      </c>
      <c r="B38539" s="1" t="s">
        <v>126612</v>
      </c>
      <c r="C38539" s="1" t="s">
        <v>140</v>
      </c>
      <c r="D38539" s="1" t="s">
        <v>132630</v>
      </c>
      <c r="E38539" s="1" t="s">
        <v>132707</v>
      </c>
      <c r="F38539" s="1" t="s">
        <v>132708</v>
      </c>
      <c r="G38539" s="1" t="s">
        <v>132656</v>
      </c>
      <c r="H38539" s="1" t="s">
        <v>132548</v>
      </c>
      <c r="I38539" s="1" t="s">
        <v>126615</v>
      </c>
      <c r="J38539" s="1" t="s">
        <v>132633</v>
      </c>
    </row>
    <row r="38540" spans="1:10" x14ac:dyDescent="0.35">
      <c r="A38540" s="1" t="s">
        <v>132653</v>
      </c>
      <c r="B38540" s="1" t="s">
        <v>126612</v>
      </c>
      <c r="C38540" s="1" t="s">
        <v>145</v>
      </c>
      <c r="D38540" s="1" t="s">
        <v>97088</v>
      </c>
      <c r="E38540" s="1" t="s">
        <v>132709</v>
      </c>
      <c r="F38540" s="1" t="s">
        <v>132710</v>
      </c>
      <c r="G38540" s="1" t="s">
        <v>132656</v>
      </c>
      <c r="H38540" s="1" t="s">
        <v>132548</v>
      </c>
      <c r="I38540" s="1" t="s">
        <v>126615</v>
      </c>
      <c r="J38540" s="1" t="s">
        <v>84399</v>
      </c>
    </row>
    <row r="38541" spans="1:10" x14ac:dyDescent="0.35">
      <c r="A38541" s="1" t="s">
        <v>132653</v>
      </c>
      <c r="B38541" s="1" t="s">
        <v>126612</v>
      </c>
      <c r="C38541" s="1" t="s">
        <v>150</v>
      </c>
      <c r="D38541" s="1" t="s">
        <v>68790</v>
      </c>
      <c r="E38541" s="1" t="s">
        <v>132711</v>
      </c>
      <c r="F38541" s="1" t="s">
        <v>132712</v>
      </c>
      <c r="G38541" s="1" t="s">
        <v>132656</v>
      </c>
      <c r="H38541" s="1" t="s">
        <v>132548</v>
      </c>
      <c r="I38541" s="1" t="s">
        <v>126615</v>
      </c>
      <c r="J38541" s="1" t="s">
        <v>132638</v>
      </c>
    </row>
    <row r="38542" spans="1:10" x14ac:dyDescent="0.35">
      <c r="A38542" s="1" t="s">
        <v>132653</v>
      </c>
      <c r="B38542" s="1" t="s">
        <v>126612</v>
      </c>
      <c r="C38542" s="1" t="s">
        <v>155</v>
      </c>
      <c r="D38542" s="1" t="s">
        <v>65824</v>
      </c>
      <c r="E38542" s="1" t="s">
        <v>132713</v>
      </c>
      <c r="F38542" s="1" t="s">
        <v>132714</v>
      </c>
      <c r="G38542" s="1" t="s">
        <v>132656</v>
      </c>
      <c r="H38542" s="1" t="s">
        <v>132548</v>
      </c>
      <c r="I38542" s="1" t="s">
        <v>126615</v>
      </c>
      <c r="J38542" s="1" t="s">
        <v>132641</v>
      </c>
    </row>
    <row r="38543" spans="1:10" x14ac:dyDescent="0.35">
      <c r="A38543" s="1" t="s">
        <v>132653</v>
      </c>
      <c r="B38543" s="1" t="s">
        <v>126612</v>
      </c>
      <c r="C38543" s="1" t="s">
        <v>160</v>
      </c>
      <c r="D38543" s="1" t="s">
        <v>132642</v>
      </c>
      <c r="E38543" s="1" t="s">
        <v>132715</v>
      </c>
      <c r="F38543" s="1" t="s">
        <v>132716</v>
      </c>
      <c r="G38543" s="1" t="s">
        <v>132656</v>
      </c>
      <c r="H38543" s="1" t="s">
        <v>132548</v>
      </c>
      <c r="I38543" s="1" t="s">
        <v>126615</v>
      </c>
      <c r="J38543" s="1" t="s">
        <v>132645</v>
      </c>
    </row>
    <row r="38544" spans="1:10" x14ac:dyDescent="0.35">
      <c r="A38544" s="1" t="s">
        <v>132653</v>
      </c>
      <c r="B38544" s="1" t="s">
        <v>126612</v>
      </c>
      <c r="C38544" s="1" t="s">
        <v>165</v>
      </c>
      <c r="D38544" s="1" t="s">
        <v>132646</v>
      </c>
      <c r="E38544" s="1" t="s">
        <v>132717</v>
      </c>
      <c r="F38544" s="1" t="s">
        <v>132718</v>
      </c>
      <c r="G38544" s="1" t="s">
        <v>132656</v>
      </c>
      <c r="H38544" s="1" t="s">
        <v>132548</v>
      </c>
      <c r="I38544" s="1" t="s">
        <v>126615</v>
      </c>
      <c r="J38544" s="1" t="s">
        <v>132649</v>
      </c>
    </row>
    <row r="38545" spans="1:10" x14ac:dyDescent="0.35">
      <c r="A38545" s="1" t="s">
        <v>132653</v>
      </c>
      <c r="B38545" s="1" t="s">
        <v>126612</v>
      </c>
      <c r="C38545" s="1" t="s">
        <v>170</v>
      </c>
      <c r="D38545" s="1" t="s">
        <v>56520</v>
      </c>
      <c r="E38545" s="1" t="s">
        <v>132719</v>
      </c>
      <c r="F38545" s="1" t="s">
        <v>132720</v>
      </c>
      <c r="G38545" s="1" t="s">
        <v>132656</v>
      </c>
      <c r="H38545" s="1" t="s">
        <v>132548</v>
      </c>
      <c r="I38545" s="1" t="s">
        <v>126615</v>
      </c>
      <c r="J38545" s="1" t="s">
        <v>132652</v>
      </c>
    </row>
    <row r="38546" spans="1:10" x14ac:dyDescent="0.35">
      <c r="A38546" s="1" t="s">
        <v>3577</v>
      </c>
      <c r="B38546" s="1" t="s">
        <v>126612</v>
      </c>
      <c r="C38546" s="1" t="s">
        <v>8</v>
      </c>
      <c r="D38546" s="1" t="s">
        <v>132544</v>
      </c>
      <c r="E38546" s="1" t="s">
        <v>132721</v>
      </c>
      <c r="F38546" s="1" t="s">
        <v>132722</v>
      </c>
      <c r="G38546" s="1" t="s">
        <v>132723</v>
      </c>
      <c r="H38546" s="1" t="s">
        <v>132548</v>
      </c>
      <c r="I38546" s="1" t="s">
        <v>126615</v>
      </c>
      <c r="J38546" s="1" t="s">
        <v>13</v>
      </c>
    </row>
    <row r="38547" spans="1:10" x14ac:dyDescent="0.35">
      <c r="A38547" s="1" t="s">
        <v>3577</v>
      </c>
      <c r="B38547" s="1" t="s">
        <v>126612</v>
      </c>
      <c r="C38547" s="1" t="s">
        <v>15</v>
      </c>
      <c r="D38547" s="1" t="s">
        <v>98019</v>
      </c>
      <c r="E38547" s="1" t="s">
        <v>132724</v>
      </c>
      <c r="F38547" s="1" t="s">
        <v>132725</v>
      </c>
      <c r="G38547" s="1" t="s">
        <v>132723</v>
      </c>
      <c r="H38547" s="1" t="s">
        <v>132548</v>
      </c>
      <c r="I38547" s="1" t="s">
        <v>126615</v>
      </c>
      <c r="J38547" s="1" t="s">
        <v>132551</v>
      </c>
    </row>
    <row r="38548" spans="1:10" x14ac:dyDescent="0.35">
      <c r="A38548" s="1" t="s">
        <v>3577</v>
      </c>
      <c r="B38548" s="1" t="s">
        <v>126612</v>
      </c>
      <c r="C38548" s="1" t="s">
        <v>20</v>
      </c>
      <c r="D38548" s="1" t="s">
        <v>113526</v>
      </c>
      <c r="E38548" s="1" t="s">
        <v>132726</v>
      </c>
      <c r="F38548" s="1" t="s">
        <v>132727</v>
      </c>
      <c r="G38548" s="1" t="s">
        <v>132723</v>
      </c>
      <c r="H38548" s="1" t="s">
        <v>132548</v>
      </c>
      <c r="I38548" s="1" t="s">
        <v>126615</v>
      </c>
      <c r="J38548" s="1" t="s">
        <v>132554</v>
      </c>
    </row>
    <row r="38549" spans="1:10" x14ac:dyDescent="0.35">
      <c r="A38549" s="1" t="s">
        <v>3577</v>
      </c>
      <c r="B38549" s="1" t="s">
        <v>126612</v>
      </c>
      <c r="C38549" s="1" t="s">
        <v>25</v>
      </c>
      <c r="D38549" s="1" t="s">
        <v>81424</v>
      </c>
      <c r="E38549" s="1" t="s">
        <v>132728</v>
      </c>
      <c r="F38549" s="1" t="s">
        <v>132729</v>
      </c>
      <c r="G38549" s="1" t="s">
        <v>132723</v>
      </c>
      <c r="H38549" s="1" t="s">
        <v>132548</v>
      </c>
      <c r="I38549" s="1" t="s">
        <v>126615</v>
      </c>
      <c r="J38549" s="1" t="s">
        <v>132557</v>
      </c>
    </row>
    <row r="38550" spans="1:10" x14ac:dyDescent="0.35">
      <c r="A38550" s="1" t="s">
        <v>3577</v>
      </c>
      <c r="B38550" s="1" t="s">
        <v>126612</v>
      </c>
      <c r="C38550" s="1" t="s">
        <v>30</v>
      </c>
      <c r="D38550" s="1" t="s">
        <v>132558</v>
      </c>
      <c r="E38550" s="1" t="s">
        <v>132730</v>
      </c>
      <c r="F38550" s="1" t="s">
        <v>132731</v>
      </c>
      <c r="G38550" s="1" t="s">
        <v>132723</v>
      </c>
      <c r="H38550" s="1" t="s">
        <v>132548</v>
      </c>
      <c r="I38550" s="1" t="s">
        <v>126615</v>
      </c>
      <c r="J38550" s="1" t="s">
        <v>132561</v>
      </c>
    </row>
    <row r="38551" spans="1:10" x14ac:dyDescent="0.35">
      <c r="A38551" s="1" t="s">
        <v>3577</v>
      </c>
      <c r="B38551" s="1" t="s">
        <v>126612</v>
      </c>
      <c r="C38551" s="1" t="s">
        <v>35</v>
      </c>
      <c r="D38551" s="1" t="s">
        <v>15127</v>
      </c>
      <c r="E38551" s="1" t="s">
        <v>132732</v>
      </c>
      <c r="F38551" s="1" t="s">
        <v>132733</v>
      </c>
      <c r="G38551" s="1" t="s">
        <v>132723</v>
      </c>
      <c r="H38551" s="1" t="s">
        <v>132548</v>
      </c>
      <c r="I38551" s="1" t="s">
        <v>126615</v>
      </c>
      <c r="J38551" s="1" t="s">
        <v>132564</v>
      </c>
    </row>
    <row r="38552" spans="1:10" x14ac:dyDescent="0.35">
      <c r="A38552" s="1" t="s">
        <v>3577</v>
      </c>
      <c r="B38552" s="1" t="s">
        <v>126612</v>
      </c>
      <c r="C38552" s="1" t="s">
        <v>40</v>
      </c>
      <c r="D38552" s="1" t="s">
        <v>132190</v>
      </c>
      <c r="E38552" s="1" t="s">
        <v>132734</v>
      </c>
      <c r="F38552" s="1" t="s">
        <v>132735</v>
      </c>
      <c r="G38552" s="1" t="s">
        <v>132723</v>
      </c>
      <c r="H38552" s="1" t="s">
        <v>132548</v>
      </c>
      <c r="I38552" s="1" t="s">
        <v>126615</v>
      </c>
      <c r="J38552" s="1" t="s">
        <v>132567</v>
      </c>
    </row>
    <row r="38553" spans="1:10" x14ac:dyDescent="0.35">
      <c r="A38553" s="1" t="s">
        <v>3577</v>
      </c>
      <c r="B38553" s="1" t="s">
        <v>126612</v>
      </c>
      <c r="C38553" s="1" t="s">
        <v>45</v>
      </c>
      <c r="D38553" s="1" t="s">
        <v>45577</v>
      </c>
      <c r="E38553" s="1" t="s">
        <v>132736</v>
      </c>
      <c r="F38553" s="1" t="s">
        <v>132737</v>
      </c>
      <c r="G38553" s="1" t="s">
        <v>132723</v>
      </c>
      <c r="H38553" s="1" t="s">
        <v>132548</v>
      </c>
      <c r="I38553" s="1" t="s">
        <v>126615</v>
      </c>
      <c r="J38553" s="1" t="s">
        <v>132570</v>
      </c>
    </row>
    <row r="38554" spans="1:10" x14ac:dyDescent="0.35">
      <c r="A38554" s="1" t="s">
        <v>3577</v>
      </c>
      <c r="B38554" s="1" t="s">
        <v>126612</v>
      </c>
      <c r="C38554" s="1" t="s">
        <v>50</v>
      </c>
      <c r="D38554" s="1" t="s">
        <v>109204</v>
      </c>
      <c r="E38554" s="1" t="s">
        <v>132738</v>
      </c>
      <c r="F38554" s="1" t="s">
        <v>132739</v>
      </c>
      <c r="G38554" s="1" t="s">
        <v>132723</v>
      </c>
      <c r="H38554" s="1" t="s">
        <v>132548</v>
      </c>
      <c r="I38554" s="1" t="s">
        <v>126615</v>
      </c>
      <c r="J38554" s="1" t="s">
        <v>132573</v>
      </c>
    </row>
    <row r="38555" spans="1:10" x14ac:dyDescent="0.35">
      <c r="A38555" s="1" t="s">
        <v>3577</v>
      </c>
      <c r="B38555" s="1" t="s">
        <v>126612</v>
      </c>
      <c r="C38555" s="1" t="s">
        <v>55</v>
      </c>
      <c r="D38555" s="1" t="s">
        <v>100954</v>
      </c>
      <c r="E38555" s="1" t="s">
        <v>132740</v>
      </c>
      <c r="F38555" s="1" t="s">
        <v>132741</v>
      </c>
      <c r="G38555" s="1" t="s">
        <v>132723</v>
      </c>
      <c r="H38555" s="1" t="s">
        <v>132548</v>
      </c>
      <c r="I38555" s="1" t="s">
        <v>126615</v>
      </c>
      <c r="J38555" s="1" t="s">
        <v>132576</v>
      </c>
    </row>
    <row r="38556" spans="1:10" x14ac:dyDescent="0.35">
      <c r="A38556" s="1" t="s">
        <v>3577</v>
      </c>
      <c r="B38556" s="1" t="s">
        <v>126612</v>
      </c>
      <c r="C38556" s="1" t="s">
        <v>60</v>
      </c>
      <c r="D38556" s="1" t="s">
        <v>132577</v>
      </c>
      <c r="E38556" s="1" t="s">
        <v>132742</v>
      </c>
      <c r="F38556" s="1" t="s">
        <v>132743</v>
      </c>
      <c r="G38556" s="1" t="s">
        <v>132723</v>
      </c>
      <c r="H38556" s="1" t="s">
        <v>132548</v>
      </c>
      <c r="I38556" s="1" t="s">
        <v>126615</v>
      </c>
      <c r="J38556" s="1" t="s">
        <v>132580</v>
      </c>
    </row>
    <row r="38557" spans="1:10" x14ac:dyDescent="0.35">
      <c r="A38557" s="1" t="s">
        <v>3577</v>
      </c>
      <c r="B38557" s="1" t="s">
        <v>126612</v>
      </c>
      <c r="C38557" s="1" t="s">
        <v>65</v>
      </c>
      <c r="D38557" s="1" t="s">
        <v>81189</v>
      </c>
      <c r="E38557" s="1" t="s">
        <v>132744</v>
      </c>
      <c r="F38557" s="1" t="s">
        <v>132745</v>
      </c>
      <c r="G38557" s="1" t="s">
        <v>132723</v>
      </c>
      <c r="H38557" s="1" t="s">
        <v>132548</v>
      </c>
      <c r="I38557" s="1" t="s">
        <v>126615</v>
      </c>
      <c r="J38557" s="1" t="s">
        <v>132583</v>
      </c>
    </row>
    <row r="38558" spans="1:10" x14ac:dyDescent="0.35">
      <c r="A38558" s="1" t="s">
        <v>3577</v>
      </c>
      <c r="B38558" s="1" t="s">
        <v>126612</v>
      </c>
      <c r="C38558" s="1" t="s">
        <v>70</v>
      </c>
      <c r="D38558" s="1" t="s">
        <v>54627</v>
      </c>
      <c r="E38558" s="1" t="s">
        <v>132746</v>
      </c>
      <c r="F38558" s="1" t="s">
        <v>132747</v>
      </c>
      <c r="G38558" s="1" t="s">
        <v>132723</v>
      </c>
      <c r="H38558" s="1" t="s">
        <v>132548</v>
      </c>
      <c r="I38558" s="1" t="s">
        <v>126615</v>
      </c>
      <c r="J38558" s="1" t="s">
        <v>132586</v>
      </c>
    </row>
    <row r="38559" spans="1:10" x14ac:dyDescent="0.35">
      <c r="A38559" s="1" t="s">
        <v>3577</v>
      </c>
      <c r="B38559" s="1" t="s">
        <v>126612</v>
      </c>
      <c r="C38559" s="1" t="s">
        <v>75</v>
      </c>
      <c r="D38559" s="1" t="s">
        <v>132587</v>
      </c>
      <c r="E38559" s="1" t="s">
        <v>132748</v>
      </c>
      <c r="F38559" s="1" t="s">
        <v>132749</v>
      </c>
      <c r="G38559" s="1" t="s">
        <v>132723</v>
      </c>
      <c r="H38559" s="1" t="s">
        <v>132548</v>
      </c>
      <c r="I38559" s="1" t="s">
        <v>126615</v>
      </c>
      <c r="J38559" s="1" t="s">
        <v>132590</v>
      </c>
    </row>
    <row r="38560" spans="1:10" x14ac:dyDescent="0.35">
      <c r="A38560" s="1" t="s">
        <v>3577</v>
      </c>
      <c r="B38560" s="1" t="s">
        <v>126612</v>
      </c>
      <c r="C38560" s="1" t="s">
        <v>80</v>
      </c>
      <c r="D38560" s="1" t="s">
        <v>24695</v>
      </c>
      <c r="E38560" s="1" t="s">
        <v>132750</v>
      </c>
      <c r="F38560" s="1" t="s">
        <v>132751</v>
      </c>
      <c r="G38560" s="1" t="s">
        <v>132723</v>
      </c>
      <c r="H38560" s="1" t="s">
        <v>132548</v>
      </c>
      <c r="I38560" s="1" t="s">
        <v>126615</v>
      </c>
      <c r="J38560" s="1" t="s">
        <v>132593</v>
      </c>
    </row>
    <row r="38561" spans="1:10" x14ac:dyDescent="0.35">
      <c r="A38561" s="1" t="s">
        <v>3577</v>
      </c>
      <c r="B38561" s="1" t="s">
        <v>126612</v>
      </c>
      <c r="C38561" s="1" t="s">
        <v>85</v>
      </c>
      <c r="D38561" s="1" t="s">
        <v>66563</v>
      </c>
      <c r="E38561" s="1" t="s">
        <v>132752</v>
      </c>
      <c r="F38561" s="1" t="s">
        <v>132753</v>
      </c>
      <c r="G38561" s="1" t="s">
        <v>132723</v>
      </c>
      <c r="H38561" s="1" t="s">
        <v>132548</v>
      </c>
      <c r="I38561" s="1" t="s">
        <v>126615</v>
      </c>
      <c r="J38561" s="1" t="s">
        <v>132596</v>
      </c>
    </row>
    <row r="38562" spans="1:10" x14ac:dyDescent="0.35">
      <c r="A38562" s="1" t="s">
        <v>3577</v>
      </c>
      <c r="B38562" s="1" t="s">
        <v>126612</v>
      </c>
      <c r="C38562" s="1" t="s">
        <v>90</v>
      </c>
      <c r="D38562" s="1" t="s">
        <v>132597</v>
      </c>
      <c r="E38562" s="1" t="s">
        <v>132754</v>
      </c>
      <c r="F38562" s="1" t="s">
        <v>132755</v>
      </c>
      <c r="G38562" s="1" t="s">
        <v>132723</v>
      </c>
      <c r="H38562" s="1" t="s">
        <v>132548</v>
      </c>
      <c r="I38562" s="1" t="s">
        <v>126615</v>
      </c>
      <c r="J38562" s="1" t="s">
        <v>132600</v>
      </c>
    </row>
    <row r="38563" spans="1:10" x14ac:dyDescent="0.35">
      <c r="A38563" s="1" t="s">
        <v>3577</v>
      </c>
      <c r="B38563" s="1" t="s">
        <v>126612</v>
      </c>
      <c r="C38563" s="1" t="s">
        <v>95</v>
      </c>
      <c r="D38563" s="1" t="s">
        <v>107057</v>
      </c>
      <c r="E38563" s="1" t="s">
        <v>132756</v>
      </c>
      <c r="F38563" s="1" t="s">
        <v>132757</v>
      </c>
      <c r="G38563" s="1" t="s">
        <v>132723</v>
      </c>
      <c r="H38563" s="1" t="s">
        <v>132548</v>
      </c>
      <c r="I38563" s="1" t="s">
        <v>126615</v>
      </c>
      <c r="J38563" s="1" t="s">
        <v>132603</v>
      </c>
    </row>
    <row r="38564" spans="1:10" x14ac:dyDescent="0.35">
      <c r="A38564" s="1" t="s">
        <v>3577</v>
      </c>
      <c r="B38564" s="1" t="s">
        <v>126612</v>
      </c>
      <c r="C38564" s="1" t="s">
        <v>100</v>
      </c>
      <c r="D38564" s="1" t="s">
        <v>86346</v>
      </c>
      <c r="E38564" s="1" t="s">
        <v>132758</v>
      </c>
      <c r="F38564" s="1" t="s">
        <v>132759</v>
      </c>
      <c r="G38564" s="1" t="s">
        <v>132723</v>
      </c>
      <c r="H38564" s="1" t="s">
        <v>132548</v>
      </c>
      <c r="I38564" s="1" t="s">
        <v>126615</v>
      </c>
      <c r="J38564" s="1" t="s">
        <v>132605</v>
      </c>
    </row>
    <row r="38565" spans="1:10" x14ac:dyDescent="0.35">
      <c r="A38565" s="1" t="s">
        <v>3577</v>
      </c>
      <c r="B38565" s="1" t="s">
        <v>126612</v>
      </c>
      <c r="C38565" s="1" t="s">
        <v>105</v>
      </c>
      <c r="D38565" s="1" t="s">
        <v>78105</v>
      </c>
      <c r="E38565" s="1" t="s">
        <v>132760</v>
      </c>
      <c r="F38565" s="1" t="s">
        <v>132761</v>
      </c>
      <c r="G38565" s="1" t="s">
        <v>132723</v>
      </c>
      <c r="H38565" s="1" t="s">
        <v>132548</v>
      </c>
      <c r="I38565" s="1" t="s">
        <v>126615</v>
      </c>
      <c r="J38565" s="1" t="s">
        <v>132608</v>
      </c>
    </row>
    <row r="38566" spans="1:10" x14ac:dyDescent="0.35">
      <c r="A38566" s="1" t="s">
        <v>3577</v>
      </c>
      <c r="B38566" s="1" t="s">
        <v>126612</v>
      </c>
      <c r="C38566" s="1" t="s">
        <v>110</v>
      </c>
      <c r="D38566" s="1" t="s">
        <v>66715</v>
      </c>
      <c r="E38566" s="1" t="s">
        <v>132762</v>
      </c>
      <c r="F38566" s="1" t="s">
        <v>132763</v>
      </c>
      <c r="G38566" s="1" t="s">
        <v>132723</v>
      </c>
      <c r="H38566" s="1" t="s">
        <v>132548</v>
      </c>
      <c r="I38566" s="1" t="s">
        <v>126615</v>
      </c>
      <c r="J38566" s="1" t="s">
        <v>132611</v>
      </c>
    </row>
    <row r="38567" spans="1:10" x14ac:dyDescent="0.35">
      <c r="A38567" s="1" t="s">
        <v>3577</v>
      </c>
      <c r="B38567" s="1" t="s">
        <v>126612</v>
      </c>
      <c r="C38567" s="1" t="s">
        <v>115</v>
      </c>
      <c r="D38567" s="1" t="s">
        <v>63744</v>
      </c>
      <c r="E38567" s="1" t="s">
        <v>132764</v>
      </c>
      <c r="F38567" s="1" t="s">
        <v>132765</v>
      </c>
      <c r="G38567" s="1" t="s">
        <v>132723</v>
      </c>
      <c r="H38567" s="1" t="s">
        <v>132548</v>
      </c>
      <c r="I38567" s="1" t="s">
        <v>126615</v>
      </c>
      <c r="J38567" s="1" t="s">
        <v>132614</v>
      </c>
    </row>
    <row r="38568" spans="1:10" x14ac:dyDescent="0.35">
      <c r="A38568" s="1" t="s">
        <v>3577</v>
      </c>
      <c r="B38568" s="1" t="s">
        <v>126612</v>
      </c>
      <c r="C38568" s="1" t="s">
        <v>120</v>
      </c>
      <c r="D38568" s="1" t="s">
        <v>132615</v>
      </c>
      <c r="E38568" s="1" t="s">
        <v>132766</v>
      </c>
      <c r="F38568" s="1" t="s">
        <v>132767</v>
      </c>
      <c r="G38568" s="1" t="s">
        <v>132723</v>
      </c>
      <c r="H38568" s="1" t="s">
        <v>132548</v>
      </c>
      <c r="I38568" s="1" t="s">
        <v>126615</v>
      </c>
      <c r="J38568" s="1" t="s">
        <v>132618</v>
      </c>
    </row>
    <row r="38569" spans="1:10" x14ac:dyDescent="0.35">
      <c r="A38569" s="1" t="s">
        <v>3577</v>
      </c>
      <c r="B38569" s="1" t="s">
        <v>126612</v>
      </c>
      <c r="C38569" s="1" t="s">
        <v>125</v>
      </c>
      <c r="D38569" s="1" t="s">
        <v>64531</v>
      </c>
      <c r="E38569" s="1" t="s">
        <v>132768</v>
      </c>
      <c r="F38569" s="1" t="s">
        <v>132769</v>
      </c>
      <c r="G38569" s="1" t="s">
        <v>132723</v>
      </c>
      <c r="H38569" s="1" t="s">
        <v>132548</v>
      </c>
      <c r="I38569" s="1" t="s">
        <v>126615</v>
      </c>
      <c r="J38569" s="1" t="s">
        <v>132621</v>
      </c>
    </row>
    <row r="38570" spans="1:10" x14ac:dyDescent="0.35">
      <c r="A38570" s="1" t="s">
        <v>3577</v>
      </c>
      <c r="B38570" s="1" t="s">
        <v>126612</v>
      </c>
      <c r="C38570" s="1" t="s">
        <v>130</v>
      </c>
      <c r="D38570" s="1" t="s">
        <v>132622</v>
      </c>
      <c r="E38570" s="1" t="s">
        <v>132770</v>
      </c>
      <c r="F38570" s="1" t="s">
        <v>132771</v>
      </c>
      <c r="G38570" s="1" t="s">
        <v>132723</v>
      </c>
      <c r="H38570" s="1" t="s">
        <v>132548</v>
      </c>
      <c r="I38570" s="1" t="s">
        <v>126615</v>
      </c>
      <c r="J38570" s="1" t="s">
        <v>132625</v>
      </c>
    </row>
    <row r="38571" spans="1:10" x14ac:dyDescent="0.35">
      <c r="A38571" s="1" t="s">
        <v>3577</v>
      </c>
      <c r="B38571" s="1" t="s">
        <v>126612</v>
      </c>
      <c r="C38571" s="1" t="s">
        <v>135</v>
      </c>
      <c r="D38571" s="1" t="s">
        <v>132626</v>
      </c>
      <c r="E38571" s="1" t="s">
        <v>132772</v>
      </c>
      <c r="F38571" s="1" t="s">
        <v>132773</v>
      </c>
      <c r="G38571" s="1" t="s">
        <v>132723</v>
      </c>
      <c r="H38571" s="1" t="s">
        <v>132548</v>
      </c>
      <c r="I38571" s="1" t="s">
        <v>126615</v>
      </c>
      <c r="J38571" s="1" t="s">
        <v>132629</v>
      </c>
    </row>
    <row r="38572" spans="1:10" x14ac:dyDescent="0.35">
      <c r="A38572" s="1" t="s">
        <v>3577</v>
      </c>
      <c r="B38572" s="1" t="s">
        <v>126612</v>
      </c>
      <c r="C38572" s="1" t="s">
        <v>140</v>
      </c>
      <c r="D38572" s="1" t="s">
        <v>132630</v>
      </c>
      <c r="E38572" s="1" t="s">
        <v>132774</v>
      </c>
      <c r="F38572" s="1" t="s">
        <v>132775</v>
      </c>
      <c r="G38572" s="1" t="s">
        <v>132723</v>
      </c>
      <c r="H38572" s="1" t="s">
        <v>132548</v>
      </c>
      <c r="I38572" s="1" t="s">
        <v>126615</v>
      </c>
      <c r="J38572" s="1" t="s">
        <v>132633</v>
      </c>
    </row>
    <row r="38573" spans="1:10" x14ac:dyDescent="0.35">
      <c r="A38573" s="1" t="s">
        <v>3577</v>
      </c>
      <c r="B38573" s="1" t="s">
        <v>126612</v>
      </c>
      <c r="C38573" s="1" t="s">
        <v>145</v>
      </c>
      <c r="D38573" s="1" t="s">
        <v>97088</v>
      </c>
      <c r="E38573" s="1" t="s">
        <v>132776</v>
      </c>
      <c r="F38573" s="1" t="s">
        <v>132777</v>
      </c>
      <c r="G38573" s="1" t="s">
        <v>132723</v>
      </c>
      <c r="H38573" s="1" t="s">
        <v>132548</v>
      </c>
      <c r="I38573" s="1" t="s">
        <v>126615</v>
      </c>
      <c r="J38573" s="1" t="s">
        <v>84399</v>
      </c>
    </row>
    <row r="38574" spans="1:10" x14ac:dyDescent="0.35">
      <c r="A38574" s="1" t="s">
        <v>3577</v>
      </c>
      <c r="B38574" s="1" t="s">
        <v>126612</v>
      </c>
      <c r="C38574" s="1" t="s">
        <v>150</v>
      </c>
      <c r="D38574" s="1" t="s">
        <v>68790</v>
      </c>
      <c r="E38574" s="1" t="s">
        <v>132778</v>
      </c>
      <c r="F38574" s="1" t="s">
        <v>132779</v>
      </c>
      <c r="G38574" s="1" t="s">
        <v>132723</v>
      </c>
      <c r="H38574" s="1" t="s">
        <v>132548</v>
      </c>
      <c r="I38574" s="1" t="s">
        <v>126615</v>
      </c>
      <c r="J38574" s="1" t="s">
        <v>132638</v>
      </c>
    </row>
    <row r="38575" spans="1:10" x14ac:dyDescent="0.35">
      <c r="A38575" s="1" t="s">
        <v>3577</v>
      </c>
      <c r="B38575" s="1" t="s">
        <v>126612</v>
      </c>
      <c r="C38575" s="1" t="s">
        <v>155</v>
      </c>
      <c r="D38575" s="1" t="s">
        <v>65824</v>
      </c>
      <c r="E38575" s="1" t="s">
        <v>132780</v>
      </c>
      <c r="F38575" s="1" t="s">
        <v>132781</v>
      </c>
      <c r="G38575" s="1" t="s">
        <v>132723</v>
      </c>
      <c r="H38575" s="1" t="s">
        <v>132548</v>
      </c>
      <c r="I38575" s="1" t="s">
        <v>126615</v>
      </c>
      <c r="J38575" s="1" t="s">
        <v>132641</v>
      </c>
    </row>
    <row r="38576" spans="1:10" x14ac:dyDescent="0.35">
      <c r="A38576" s="1" t="s">
        <v>3577</v>
      </c>
      <c r="B38576" s="1" t="s">
        <v>126612</v>
      </c>
      <c r="C38576" s="1" t="s">
        <v>160</v>
      </c>
      <c r="D38576" s="1" t="s">
        <v>132642</v>
      </c>
      <c r="E38576" s="1" t="s">
        <v>132782</v>
      </c>
      <c r="F38576" s="1" t="s">
        <v>132783</v>
      </c>
      <c r="G38576" s="1" t="s">
        <v>132723</v>
      </c>
      <c r="H38576" s="1" t="s">
        <v>132548</v>
      </c>
      <c r="I38576" s="1" t="s">
        <v>126615</v>
      </c>
      <c r="J38576" s="1" t="s">
        <v>132645</v>
      </c>
    </row>
    <row r="38577" spans="1:10" x14ac:dyDescent="0.35">
      <c r="A38577" s="1" t="s">
        <v>3577</v>
      </c>
      <c r="B38577" s="1" t="s">
        <v>126612</v>
      </c>
      <c r="C38577" s="1" t="s">
        <v>165</v>
      </c>
      <c r="D38577" s="1" t="s">
        <v>132646</v>
      </c>
      <c r="E38577" s="1" t="s">
        <v>132784</v>
      </c>
      <c r="F38577" s="1" t="s">
        <v>132785</v>
      </c>
      <c r="G38577" s="1" t="s">
        <v>132723</v>
      </c>
      <c r="H38577" s="1" t="s">
        <v>132548</v>
      </c>
      <c r="I38577" s="1" t="s">
        <v>126615</v>
      </c>
      <c r="J38577" s="1" t="s">
        <v>132649</v>
      </c>
    </row>
    <row r="38578" spans="1:10" x14ac:dyDescent="0.35">
      <c r="A38578" s="1" t="s">
        <v>3577</v>
      </c>
      <c r="B38578" s="1" t="s">
        <v>126612</v>
      </c>
      <c r="C38578" s="1" t="s">
        <v>170</v>
      </c>
      <c r="D38578" s="1" t="s">
        <v>56520</v>
      </c>
      <c r="E38578" s="1" t="s">
        <v>132786</v>
      </c>
      <c r="F38578" s="1" t="s">
        <v>132787</v>
      </c>
      <c r="G38578" s="1" t="s">
        <v>132723</v>
      </c>
      <c r="H38578" s="1" t="s">
        <v>132548</v>
      </c>
      <c r="I38578" s="1" t="s">
        <v>126615</v>
      </c>
      <c r="J38578" s="1" t="s">
        <v>132652</v>
      </c>
    </row>
    <row r="38579" spans="1:10" x14ac:dyDescent="0.35">
      <c r="A38579" s="1" t="s">
        <v>25845</v>
      </c>
      <c r="B38579" s="1" t="s">
        <v>126612</v>
      </c>
      <c r="C38579" s="1" t="s">
        <v>8</v>
      </c>
      <c r="D38579" s="1" t="s">
        <v>132544</v>
      </c>
      <c r="E38579" s="1" t="s">
        <v>106540</v>
      </c>
      <c r="F38579" s="1" t="s">
        <v>63470</v>
      </c>
      <c r="G38579" s="1" t="s">
        <v>132788</v>
      </c>
      <c r="H38579" s="1" t="s">
        <v>132548</v>
      </c>
      <c r="I38579" s="1" t="s">
        <v>126615</v>
      </c>
      <c r="J38579" s="1" t="s">
        <v>13</v>
      </c>
    </row>
    <row r="38580" spans="1:10" x14ac:dyDescent="0.35">
      <c r="A38580" s="1" t="s">
        <v>25845</v>
      </c>
      <c r="B38580" s="1" t="s">
        <v>126612</v>
      </c>
      <c r="C38580" s="1" t="s">
        <v>15</v>
      </c>
      <c r="D38580" s="1" t="s">
        <v>98019</v>
      </c>
      <c r="E38580" s="1" t="s">
        <v>129491</v>
      </c>
      <c r="F38580" s="1" t="s">
        <v>132789</v>
      </c>
      <c r="G38580" s="1" t="s">
        <v>132788</v>
      </c>
      <c r="H38580" s="1" t="s">
        <v>132548</v>
      </c>
      <c r="I38580" s="1" t="s">
        <v>126615</v>
      </c>
      <c r="J38580" s="1" t="s">
        <v>132551</v>
      </c>
    </row>
    <row r="38581" spans="1:10" x14ac:dyDescent="0.35">
      <c r="A38581" s="1" t="s">
        <v>25845</v>
      </c>
      <c r="B38581" s="1" t="s">
        <v>126612</v>
      </c>
      <c r="C38581" s="1" t="s">
        <v>20</v>
      </c>
      <c r="D38581" s="1" t="s">
        <v>113526</v>
      </c>
      <c r="E38581" s="1" t="s">
        <v>127090</v>
      </c>
      <c r="F38581" s="1" t="s">
        <v>132790</v>
      </c>
      <c r="G38581" s="1" t="s">
        <v>132788</v>
      </c>
      <c r="H38581" s="1" t="s">
        <v>132548</v>
      </c>
      <c r="I38581" s="1" t="s">
        <v>126615</v>
      </c>
      <c r="J38581" s="1" t="s">
        <v>132554</v>
      </c>
    </row>
    <row r="38582" spans="1:10" x14ac:dyDescent="0.35">
      <c r="A38582" s="1" t="s">
        <v>25845</v>
      </c>
      <c r="B38582" s="1" t="s">
        <v>126612</v>
      </c>
      <c r="C38582" s="1" t="s">
        <v>25</v>
      </c>
      <c r="D38582" s="1" t="s">
        <v>81424</v>
      </c>
      <c r="E38582" s="1" t="s">
        <v>132791</v>
      </c>
      <c r="F38582" s="1" t="s">
        <v>132792</v>
      </c>
      <c r="G38582" s="1" t="s">
        <v>132788</v>
      </c>
      <c r="H38582" s="1" t="s">
        <v>132548</v>
      </c>
      <c r="I38582" s="1" t="s">
        <v>126615</v>
      </c>
      <c r="J38582" s="1" t="s">
        <v>132557</v>
      </c>
    </row>
    <row r="38583" spans="1:10" x14ac:dyDescent="0.35">
      <c r="A38583" s="1" t="s">
        <v>25845</v>
      </c>
      <c r="B38583" s="1" t="s">
        <v>126612</v>
      </c>
      <c r="C38583" s="1" t="s">
        <v>30</v>
      </c>
      <c r="D38583" s="1" t="s">
        <v>132558</v>
      </c>
      <c r="E38583" s="1" t="s">
        <v>111227</v>
      </c>
      <c r="F38583" s="1" t="s">
        <v>132793</v>
      </c>
      <c r="G38583" s="1" t="s">
        <v>132788</v>
      </c>
      <c r="H38583" s="1" t="s">
        <v>132548</v>
      </c>
      <c r="I38583" s="1" t="s">
        <v>126615</v>
      </c>
      <c r="J38583" s="1" t="s">
        <v>132561</v>
      </c>
    </row>
    <row r="38584" spans="1:10" x14ac:dyDescent="0.35">
      <c r="A38584" s="1" t="s">
        <v>25845</v>
      </c>
      <c r="B38584" s="1" t="s">
        <v>126612</v>
      </c>
      <c r="C38584" s="1" t="s">
        <v>35</v>
      </c>
      <c r="D38584" s="1" t="s">
        <v>15127</v>
      </c>
      <c r="E38584" s="1" t="s">
        <v>132794</v>
      </c>
      <c r="F38584" s="1" t="s">
        <v>132795</v>
      </c>
      <c r="G38584" s="1" t="s">
        <v>132788</v>
      </c>
      <c r="H38584" s="1" t="s">
        <v>132548</v>
      </c>
      <c r="I38584" s="1" t="s">
        <v>126615</v>
      </c>
      <c r="J38584" s="1" t="s">
        <v>132564</v>
      </c>
    </row>
    <row r="38585" spans="1:10" x14ac:dyDescent="0.35">
      <c r="A38585" s="1" t="s">
        <v>25845</v>
      </c>
      <c r="B38585" s="1" t="s">
        <v>126612</v>
      </c>
      <c r="C38585" s="1" t="s">
        <v>40</v>
      </c>
      <c r="D38585" s="1" t="s">
        <v>132190</v>
      </c>
      <c r="E38585" s="1" t="s">
        <v>108885</v>
      </c>
      <c r="F38585" s="1" t="s">
        <v>132796</v>
      </c>
      <c r="G38585" s="1" t="s">
        <v>132788</v>
      </c>
      <c r="H38585" s="1" t="s">
        <v>132548</v>
      </c>
      <c r="I38585" s="1" t="s">
        <v>126615</v>
      </c>
      <c r="J38585" s="1" t="s">
        <v>132567</v>
      </c>
    </row>
    <row r="38586" spans="1:10" x14ac:dyDescent="0.35">
      <c r="A38586" s="1" t="s">
        <v>25845</v>
      </c>
      <c r="B38586" s="1" t="s">
        <v>126612</v>
      </c>
      <c r="C38586" s="1" t="s">
        <v>45</v>
      </c>
      <c r="D38586" s="1" t="s">
        <v>45577</v>
      </c>
      <c r="E38586" s="1" t="s">
        <v>81143</v>
      </c>
      <c r="F38586" s="1" t="s">
        <v>132797</v>
      </c>
      <c r="G38586" s="1" t="s">
        <v>132788</v>
      </c>
      <c r="H38586" s="1" t="s">
        <v>132548</v>
      </c>
      <c r="I38586" s="1" t="s">
        <v>126615</v>
      </c>
      <c r="J38586" s="1" t="s">
        <v>132570</v>
      </c>
    </row>
    <row r="38587" spans="1:10" x14ac:dyDescent="0.35">
      <c r="A38587" s="1" t="s">
        <v>25845</v>
      </c>
      <c r="B38587" s="1" t="s">
        <v>126612</v>
      </c>
      <c r="C38587" s="1" t="s">
        <v>50</v>
      </c>
      <c r="D38587" s="1" t="s">
        <v>109204</v>
      </c>
      <c r="E38587" s="1" t="s">
        <v>129514</v>
      </c>
      <c r="F38587" s="1" t="s">
        <v>132798</v>
      </c>
      <c r="G38587" s="1" t="s">
        <v>132788</v>
      </c>
      <c r="H38587" s="1" t="s">
        <v>132548</v>
      </c>
      <c r="I38587" s="1" t="s">
        <v>126615</v>
      </c>
      <c r="J38587" s="1" t="s">
        <v>132573</v>
      </c>
    </row>
    <row r="38588" spans="1:10" x14ac:dyDescent="0.35">
      <c r="A38588" s="1" t="s">
        <v>25845</v>
      </c>
      <c r="B38588" s="1" t="s">
        <v>126612</v>
      </c>
      <c r="C38588" s="1" t="s">
        <v>55</v>
      </c>
      <c r="D38588" s="1" t="s">
        <v>100954</v>
      </c>
      <c r="E38588" s="1" t="s">
        <v>49813</v>
      </c>
      <c r="F38588" s="1" t="s">
        <v>59712</v>
      </c>
      <c r="G38588" s="1" t="s">
        <v>132788</v>
      </c>
      <c r="H38588" s="1" t="s">
        <v>132548</v>
      </c>
      <c r="I38588" s="1" t="s">
        <v>126615</v>
      </c>
      <c r="J38588" s="1" t="s">
        <v>132576</v>
      </c>
    </row>
    <row r="38589" spans="1:10" x14ac:dyDescent="0.35">
      <c r="A38589" s="1" t="s">
        <v>25845</v>
      </c>
      <c r="B38589" s="1" t="s">
        <v>126612</v>
      </c>
      <c r="C38589" s="1" t="s">
        <v>60</v>
      </c>
      <c r="D38589" s="1" t="s">
        <v>132577</v>
      </c>
      <c r="E38589" s="1" t="s">
        <v>78863</v>
      </c>
      <c r="F38589" s="1" t="s">
        <v>26475</v>
      </c>
      <c r="G38589" s="1" t="s">
        <v>132788</v>
      </c>
      <c r="H38589" s="1" t="s">
        <v>132548</v>
      </c>
      <c r="I38589" s="1" t="s">
        <v>126615</v>
      </c>
      <c r="J38589" s="1" t="s">
        <v>132580</v>
      </c>
    </row>
    <row r="38590" spans="1:10" x14ac:dyDescent="0.35">
      <c r="A38590" s="1" t="s">
        <v>25845</v>
      </c>
      <c r="B38590" s="1" t="s">
        <v>126612</v>
      </c>
      <c r="C38590" s="1" t="s">
        <v>65</v>
      </c>
      <c r="D38590" s="1" t="s">
        <v>81189</v>
      </c>
      <c r="E38590" s="1" t="s">
        <v>81143</v>
      </c>
      <c r="F38590" s="1" t="s">
        <v>127260</v>
      </c>
      <c r="G38590" s="1" t="s">
        <v>132788</v>
      </c>
      <c r="H38590" s="1" t="s">
        <v>132548</v>
      </c>
      <c r="I38590" s="1" t="s">
        <v>126615</v>
      </c>
      <c r="J38590" s="1" t="s">
        <v>132583</v>
      </c>
    </row>
    <row r="38591" spans="1:10" x14ac:dyDescent="0.35">
      <c r="A38591" s="1" t="s">
        <v>25845</v>
      </c>
      <c r="B38591" s="1" t="s">
        <v>126612</v>
      </c>
      <c r="C38591" s="1" t="s">
        <v>70</v>
      </c>
      <c r="D38591" s="1" t="s">
        <v>54627</v>
      </c>
      <c r="E38591" s="1" t="s">
        <v>81216</v>
      </c>
      <c r="F38591" s="1" t="s">
        <v>132799</v>
      </c>
      <c r="G38591" s="1" t="s">
        <v>132788</v>
      </c>
      <c r="H38591" s="1" t="s">
        <v>132548</v>
      </c>
      <c r="I38591" s="1" t="s">
        <v>126615</v>
      </c>
      <c r="J38591" s="1" t="s">
        <v>132586</v>
      </c>
    </row>
    <row r="38592" spans="1:10" x14ac:dyDescent="0.35">
      <c r="A38592" s="1" t="s">
        <v>25845</v>
      </c>
      <c r="B38592" s="1" t="s">
        <v>126612</v>
      </c>
      <c r="C38592" s="1" t="s">
        <v>75</v>
      </c>
      <c r="D38592" s="1" t="s">
        <v>132587</v>
      </c>
      <c r="E38592" s="1" t="s">
        <v>78792</v>
      </c>
      <c r="F38592" s="1" t="s">
        <v>62128</v>
      </c>
      <c r="G38592" s="1" t="s">
        <v>132788</v>
      </c>
      <c r="H38592" s="1" t="s">
        <v>132548</v>
      </c>
      <c r="I38592" s="1" t="s">
        <v>126615</v>
      </c>
      <c r="J38592" s="1" t="s">
        <v>132590</v>
      </c>
    </row>
    <row r="38593" spans="1:10" x14ac:dyDescent="0.35">
      <c r="A38593" s="1" t="s">
        <v>25845</v>
      </c>
      <c r="B38593" s="1" t="s">
        <v>126612</v>
      </c>
      <c r="C38593" s="1" t="s">
        <v>80</v>
      </c>
      <c r="D38593" s="1" t="s">
        <v>24695</v>
      </c>
      <c r="E38593" s="1" t="s">
        <v>127110</v>
      </c>
      <c r="F38593" s="1" t="s">
        <v>54735</v>
      </c>
      <c r="G38593" s="1" t="s">
        <v>132788</v>
      </c>
      <c r="H38593" s="1" t="s">
        <v>132548</v>
      </c>
      <c r="I38593" s="1" t="s">
        <v>126615</v>
      </c>
      <c r="J38593" s="1" t="s">
        <v>132593</v>
      </c>
    </row>
    <row r="38594" spans="1:10" x14ac:dyDescent="0.35">
      <c r="A38594" s="1" t="s">
        <v>25845</v>
      </c>
      <c r="B38594" s="1" t="s">
        <v>126612</v>
      </c>
      <c r="C38594" s="1" t="s">
        <v>85</v>
      </c>
      <c r="D38594" s="1" t="s">
        <v>66563</v>
      </c>
      <c r="E38594" s="1" t="s">
        <v>132800</v>
      </c>
      <c r="F38594" s="1" t="s">
        <v>31962</v>
      </c>
      <c r="G38594" s="1" t="s">
        <v>132788</v>
      </c>
      <c r="H38594" s="1" t="s">
        <v>132548</v>
      </c>
      <c r="I38594" s="1" t="s">
        <v>126615</v>
      </c>
      <c r="J38594" s="1" t="s">
        <v>132596</v>
      </c>
    </row>
    <row r="38595" spans="1:10" x14ac:dyDescent="0.35">
      <c r="A38595" s="1" t="s">
        <v>25845</v>
      </c>
      <c r="B38595" s="1" t="s">
        <v>126612</v>
      </c>
      <c r="C38595" s="1" t="s">
        <v>90</v>
      </c>
      <c r="D38595" s="1" t="s">
        <v>132597</v>
      </c>
      <c r="E38595" s="1" t="s">
        <v>78839</v>
      </c>
      <c r="F38595" s="1" t="s">
        <v>132801</v>
      </c>
      <c r="G38595" s="1" t="s">
        <v>132788</v>
      </c>
      <c r="H38595" s="1" t="s">
        <v>132548</v>
      </c>
      <c r="I38595" s="1" t="s">
        <v>126615</v>
      </c>
      <c r="J38595" s="1" t="s">
        <v>132600</v>
      </c>
    </row>
    <row r="38596" spans="1:10" x14ac:dyDescent="0.35">
      <c r="A38596" s="1" t="s">
        <v>25845</v>
      </c>
      <c r="B38596" s="1" t="s">
        <v>126612</v>
      </c>
      <c r="C38596" s="1" t="s">
        <v>95</v>
      </c>
      <c r="D38596" s="1" t="s">
        <v>107057</v>
      </c>
      <c r="E38596" s="1" t="s">
        <v>132802</v>
      </c>
      <c r="F38596" s="1" t="s">
        <v>66929</v>
      </c>
      <c r="G38596" s="1" t="s">
        <v>132788</v>
      </c>
      <c r="H38596" s="1" t="s">
        <v>132548</v>
      </c>
      <c r="I38596" s="1" t="s">
        <v>126615</v>
      </c>
      <c r="J38596" s="1" t="s">
        <v>132603</v>
      </c>
    </row>
    <row r="38597" spans="1:10" x14ac:dyDescent="0.35">
      <c r="A38597" s="1" t="s">
        <v>25845</v>
      </c>
      <c r="B38597" s="1" t="s">
        <v>126612</v>
      </c>
      <c r="C38597" s="1" t="s">
        <v>100</v>
      </c>
      <c r="D38597" s="1" t="s">
        <v>86346</v>
      </c>
      <c r="E38597" s="1" t="s">
        <v>132803</v>
      </c>
      <c r="F38597" s="1" t="s">
        <v>107442</v>
      </c>
      <c r="G38597" s="1" t="s">
        <v>132788</v>
      </c>
      <c r="H38597" s="1" t="s">
        <v>132548</v>
      </c>
      <c r="I38597" s="1" t="s">
        <v>126615</v>
      </c>
      <c r="J38597" s="1" t="s">
        <v>132605</v>
      </c>
    </row>
    <row r="38598" spans="1:10" x14ac:dyDescent="0.35">
      <c r="A38598" s="1" t="s">
        <v>25845</v>
      </c>
      <c r="B38598" s="1" t="s">
        <v>126612</v>
      </c>
      <c r="C38598" s="1" t="s">
        <v>105</v>
      </c>
      <c r="D38598" s="1" t="s">
        <v>78105</v>
      </c>
      <c r="E38598" s="1" t="s">
        <v>108875</v>
      </c>
      <c r="F38598" s="1" t="s">
        <v>103622</v>
      </c>
      <c r="G38598" s="1" t="s">
        <v>132788</v>
      </c>
      <c r="H38598" s="1" t="s">
        <v>132548</v>
      </c>
      <c r="I38598" s="1" t="s">
        <v>126615</v>
      </c>
      <c r="J38598" s="1" t="s">
        <v>132608</v>
      </c>
    </row>
    <row r="38599" spans="1:10" x14ac:dyDescent="0.35">
      <c r="A38599" s="1" t="s">
        <v>25845</v>
      </c>
      <c r="B38599" s="1" t="s">
        <v>126612</v>
      </c>
      <c r="C38599" s="1" t="s">
        <v>110</v>
      </c>
      <c r="D38599" s="1" t="s">
        <v>66715</v>
      </c>
      <c r="E38599" s="1" t="s">
        <v>105428</v>
      </c>
      <c r="F38599" s="1" t="s">
        <v>132804</v>
      </c>
      <c r="G38599" s="1" t="s">
        <v>132788</v>
      </c>
      <c r="H38599" s="1" t="s">
        <v>132548</v>
      </c>
      <c r="I38599" s="1" t="s">
        <v>126615</v>
      </c>
      <c r="J38599" s="1" t="s">
        <v>132611</v>
      </c>
    </row>
    <row r="38600" spans="1:10" x14ac:dyDescent="0.35">
      <c r="A38600" s="1" t="s">
        <v>25845</v>
      </c>
      <c r="B38600" s="1" t="s">
        <v>126612</v>
      </c>
      <c r="C38600" s="1" t="s">
        <v>115</v>
      </c>
      <c r="D38600" s="1" t="s">
        <v>63744</v>
      </c>
      <c r="E38600" s="1" t="s">
        <v>132794</v>
      </c>
      <c r="F38600" s="1" t="s">
        <v>96555</v>
      </c>
      <c r="G38600" s="1" t="s">
        <v>132788</v>
      </c>
      <c r="H38600" s="1" t="s">
        <v>132548</v>
      </c>
      <c r="I38600" s="1" t="s">
        <v>126615</v>
      </c>
      <c r="J38600" s="1" t="s">
        <v>132614</v>
      </c>
    </row>
    <row r="38601" spans="1:10" x14ac:dyDescent="0.35">
      <c r="A38601" s="1" t="s">
        <v>25845</v>
      </c>
      <c r="B38601" s="1" t="s">
        <v>126612</v>
      </c>
      <c r="C38601" s="1" t="s">
        <v>120</v>
      </c>
      <c r="D38601" s="1" t="s">
        <v>132615</v>
      </c>
      <c r="E38601" s="1" t="s">
        <v>78792</v>
      </c>
      <c r="F38601" s="1" t="s">
        <v>103650</v>
      </c>
      <c r="G38601" s="1" t="s">
        <v>132788</v>
      </c>
      <c r="H38601" s="1" t="s">
        <v>132548</v>
      </c>
      <c r="I38601" s="1" t="s">
        <v>126615</v>
      </c>
      <c r="J38601" s="1" t="s">
        <v>132618</v>
      </c>
    </row>
    <row r="38602" spans="1:10" x14ac:dyDescent="0.35">
      <c r="A38602" s="1" t="s">
        <v>25845</v>
      </c>
      <c r="B38602" s="1" t="s">
        <v>126612</v>
      </c>
      <c r="C38602" s="1" t="s">
        <v>125</v>
      </c>
      <c r="D38602" s="1" t="s">
        <v>64531</v>
      </c>
      <c r="E38602" s="1" t="s">
        <v>49813</v>
      </c>
      <c r="F38602" s="1" t="s">
        <v>56114</v>
      </c>
      <c r="G38602" s="1" t="s">
        <v>132788</v>
      </c>
      <c r="H38602" s="1" t="s">
        <v>132548</v>
      </c>
      <c r="I38602" s="1" t="s">
        <v>126615</v>
      </c>
      <c r="J38602" s="1" t="s">
        <v>132621</v>
      </c>
    </row>
    <row r="38603" spans="1:10" x14ac:dyDescent="0.35">
      <c r="A38603" s="1" t="s">
        <v>25845</v>
      </c>
      <c r="B38603" s="1" t="s">
        <v>126612</v>
      </c>
      <c r="C38603" s="1" t="s">
        <v>130</v>
      </c>
      <c r="D38603" s="1" t="s">
        <v>132622</v>
      </c>
      <c r="E38603" s="1" t="s">
        <v>107419</v>
      </c>
      <c r="F38603" s="1" t="s">
        <v>56582</v>
      </c>
      <c r="G38603" s="1" t="s">
        <v>132788</v>
      </c>
      <c r="H38603" s="1" t="s">
        <v>132548</v>
      </c>
      <c r="I38603" s="1" t="s">
        <v>126615</v>
      </c>
      <c r="J38603" s="1" t="s">
        <v>132625</v>
      </c>
    </row>
    <row r="38604" spans="1:10" x14ac:dyDescent="0.35">
      <c r="A38604" s="1" t="s">
        <v>25845</v>
      </c>
      <c r="B38604" s="1" t="s">
        <v>126612</v>
      </c>
      <c r="C38604" s="1" t="s">
        <v>135</v>
      </c>
      <c r="D38604" s="1" t="s">
        <v>132626</v>
      </c>
      <c r="E38604" s="1" t="s">
        <v>132805</v>
      </c>
      <c r="F38604" s="1" t="s">
        <v>132806</v>
      </c>
      <c r="G38604" s="1" t="s">
        <v>132788</v>
      </c>
      <c r="H38604" s="1" t="s">
        <v>132548</v>
      </c>
      <c r="I38604" s="1" t="s">
        <v>126615</v>
      </c>
      <c r="J38604" s="1" t="s">
        <v>132629</v>
      </c>
    </row>
    <row r="38605" spans="1:10" x14ac:dyDescent="0.35">
      <c r="A38605" s="1" t="s">
        <v>25845</v>
      </c>
      <c r="B38605" s="1" t="s">
        <v>126612</v>
      </c>
      <c r="C38605" s="1" t="s">
        <v>140</v>
      </c>
      <c r="D38605" s="1" t="s">
        <v>132630</v>
      </c>
      <c r="E38605" s="1" t="s">
        <v>78792</v>
      </c>
      <c r="F38605" s="1" t="s">
        <v>108737</v>
      </c>
      <c r="G38605" s="1" t="s">
        <v>132788</v>
      </c>
      <c r="H38605" s="1" t="s">
        <v>132548</v>
      </c>
      <c r="I38605" s="1" t="s">
        <v>126615</v>
      </c>
      <c r="J38605" s="1" t="s">
        <v>132633</v>
      </c>
    </row>
    <row r="38606" spans="1:10" x14ac:dyDescent="0.35">
      <c r="A38606" s="1" t="s">
        <v>25845</v>
      </c>
      <c r="B38606" s="1" t="s">
        <v>126612</v>
      </c>
      <c r="C38606" s="1" t="s">
        <v>145</v>
      </c>
      <c r="D38606" s="1" t="s">
        <v>97088</v>
      </c>
      <c r="E38606" s="1" t="s">
        <v>127831</v>
      </c>
      <c r="F38606" s="1" t="s">
        <v>132807</v>
      </c>
      <c r="G38606" s="1" t="s">
        <v>132788</v>
      </c>
      <c r="H38606" s="1" t="s">
        <v>132548</v>
      </c>
      <c r="I38606" s="1" t="s">
        <v>126615</v>
      </c>
      <c r="J38606" s="1" t="s">
        <v>84399</v>
      </c>
    </row>
    <row r="38607" spans="1:10" x14ac:dyDescent="0.35">
      <c r="A38607" s="1" t="s">
        <v>25845</v>
      </c>
      <c r="B38607" s="1" t="s">
        <v>126612</v>
      </c>
      <c r="C38607" s="1" t="s">
        <v>150</v>
      </c>
      <c r="D38607" s="1" t="s">
        <v>68790</v>
      </c>
      <c r="E38607" s="1" t="s">
        <v>106519</v>
      </c>
      <c r="F38607" s="1" t="s">
        <v>130404</v>
      </c>
      <c r="G38607" s="1" t="s">
        <v>132788</v>
      </c>
      <c r="H38607" s="1" t="s">
        <v>132548</v>
      </c>
      <c r="I38607" s="1" t="s">
        <v>126615</v>
      </c>
      <c r="J38607" s="1" t="s">
        <v>132638</v>
      </c>
    </row>
    <row r="38608" spans="1:10" x14ac:dyDescent="0.35">
      <c r="A38608" s="1" t="s">
        <v>25845</v>
      </c>
      <c r="B38608" s="1" t="s">
        <v>126612</v>
      </c>
      <c r="C38608" s="1" t="s">
        <v>155</v>
      </c>
      <c r="D38608" s="1" t="s">
        <v>65824</v>
      </c>
      <c r="E38608" s="1" t="s">
        <v>106525</v>
      </c>
      <c r="F38608" s="1" t="s">
        <v>58198</v>
      </c>
      <c r="G38608" s="1" t="s">
        <v>132788</v>
      </c>
      <c r="H38608" s="1" t="s">
        <v>132548</v>
      </c>
      <c r="I38608" s="1" t="s">
        <v>126615</v>
      </c>
      <c r="J38608" s="1" t="s">
        <v>132641</v>
      </c>
    </row>
    <row r="38609" spans="1:10" x14ac:dyDescent="0.35">
      <c r="A38609" s="1" t="s">
        <v>25845</v>
      </c>
      <c r="B38609" s="1" t="s">
        <v>126612</v>
      </c>
      <c r="C38609" s="1" t="s">
        <v>160</v>
      </c>
      <c r="D38609" s="1" t="s">
        <v>132642</v>
      </c>
      <c r="E38609" s="1" t="s">
        <v>132808</v>
      </c>
      <c r="F38609" s="1" t="s">
        <v>82932</v>
      </c>
      <c r="G38609" s="1" t="s">
        <v>132788</v>
      </c>
      <c r="H38609" s="1" t="s">
        <v>132548</v>
      </c>
      <c r="I38609" s="1" t="s">
        <v>126615</v>
      </c>
      <c r="J38609" s="1" t="s">
        <v>132645</v>
      </c>
    </row>
    <row r="38610" spans="1:10" x14ac:dyDescent="0.35">
      <c r="A38610" s="1" t="s">
        <v>25845</v>
      </c>
      <c r="B38610" s="1" t="s">
        <v>126612</v>
      </c>
      <c r="C38610" s="1" t="s">
        <v>165</v>
      </c>
      <c r="D38610" s="1" t="s">
        <v>132646</v>
      </c>
      <c r="E38610" s="1" t="s">
        <v>107419</v>
      </c>
      <c r="F38610" s="1" t="s">
        <v>69218</v>
      </c>
      <c r="G38610" s="1" t="s">
        <v>132788</v>
      </c>
      <c r="H38610" s="1" t="s">
        <v>132548</v>
      </c>
      <c r="I38610" s="1" t="s">
        <v>126615</v>
      </c>
      <c r="J38610" s="1" t="s">
        <v>132649</v>
      </c>
    </row>
    <row r="38611" spans="1:10" x14ac:dyDescent="0.35">
      <c r="A38611" s="1" t="s">
        <v>25845</v>
      </c>
      <c r="B38611" s="1" t="s">
        <v>126612</v>
      </c>
      <c r="C38611" s="1" t="s">
        <v>170</v>
      </c>
      <c r="D38611" s="1" t="s">
        <v>56520</v>
      </c>
      <c r="E38611" s="1" t="s">
        <v>131753</v>
      </c>
      <c r="F38611" s="1" t="s">
        <v>132809</v>
      </c>
      <c r="G38611" s="1" t="s">
        <v>132788</v>
      </c>
      <c r="H38611" s="1" t="s">
        <v>132548</v>
      </c>
      <c r="I38611" s="1" t="s">
        <v>126615</v>
      </c>
      <c r="J38611" s="1" t="s">
        <v>132652</v>
      </c>
    </row>
    <row r="38612" spans="1:10" x14ac:dyDescent="0.35">
      <c r="A38612" s="1" t="s">
        <v>28842</v>
      </c>
      <c r="B38612" s="1" t="s">
        <v>126612</v>
      </c>
      <c r="C38612" s="1" t="s">
        <v>8</v>
      </c>
      <c r="D38612" s="1" t="s">
        <v>132544</v>
      </c>
      <c r="E38612" s="1" t="s">
        <v>132810</v>
      </c>
      <c r="F38612" s="1" t="s">
        <v>105367</v>
      </c>
      <c r="G38612" s="1" t="s">
        <v>132811</v>
      </c>
      <c r="H38612" s="1" t="s">
        <v>132548</v>
      </c>
      <c r="I38612" s="1" t="s">
        <v>126615</v>
      </c>
      <c r="J38612" s="1" t="s">
        <v>13</v>
      </c>
    </row>
    <row r="38613" spans="1:10" x14ac:dyDescent="0.35">
      <c r="A38613" s="1" t="s">
        <v>28842</v>
      </c>
      <c r="B38613" s="1" t="s">
        <v>126612</v>
      </c>
      <c r="C38613" s="1" t="s">
        <v>15</v>
      </c>
      <c r="D38613" s="1" t="s">
        <v>98019</v>
      </c>
      <c r="E38613" s="1" t="s">
        <v>132812</v>
      </c>
      <c r="F38613" s="1" t="s">
        <v>132813</v>
      </c>
      <c r="G38613" s="1" t="s">
        <v>132811</v>
      </c>
      <c r="H38613" s="1" t="s">
        <v>132548</v>
      </c>
      <c r="I38613" s="1" t="s">
        <v>126615</v>
      </c>
      <c r="J38613" s="1" t="s">
        <v>132551</v>
      </c>
    </row>
    <row r="38614" spans="1:10" x14ac:dyDescent="0.35">
      <c r="A38614" s="1" t="s">
        <v>28842</v>
      </c>
      <c r="B38614" s="1" t="s">
        <v>126612</v>
      </c>
      <c r="C38614" s="1" t="s">
        <v>20</v>
      </c>
      <c r="D38614" s="1" t="s">
        <v>113526</v>
      </c>
      <c r="E38614" s="1" t="s">
        <v>132814</v>
      </c>
      <c r="F38614" s="1" t="s">
        <v>32321</v>
      </c>
      <c r="G38614" s="1" t="s">
        <v>132811</v>
      </c>
      <c r="H38614" s="1" t="s">
        <v>132548</v>
      </c>
      <c r="I38614" s="1" t="s">
        <v>126615</v>
      </c>
      <c r="J38614" s="1" t="s">
        <v>132554</v>
      </c>
    </row>
    <row r="38615" spans="1:10" x14ac:dyDescent="0.35">
      <c r="A38615" s="1" t="s">
        <v>28842</v>
      </c>
      <c r="B38615" s="1" t="s">
        <v>126612</v>
      </c>
      <c r="C38615" s="1" t="s">
        <v>25</v>
      </c>
      <c r="D38615" s="1" t="s">
        <v>81424</v>
      </c>
      <c r="E38615" s="1" t="s">
        <v>105256</v>
      </c>
      <c r="F38615" s="1" t="s">
        <v>132815</v>
      </c>
      <c r="G38615" s="1" t="s">
        <v>132811</v>
      </c>
      <c r="H38615" s="1" t="s">
        <v>132548</v>
      </c>
      <c r="I38615" s="1" t="s">
        <v>126615</v>
      </c>
      <c r="J38615" s="1" t="s">
        <v>132557</v>
      </c>
    </row>
    <row r="38616" spans="1:10" x14ac:dyDescent="0.35">
      <c r="A38616" s="1" t="s">
        <v>28842</v>
      </c>
      <c r="B38616" s="1" t="s">
        <v>126612</v>
      </c>
      <c r="C38616" s="1" t="s">
        <v>30</v>
      </c>
      <c r="D38616" s="1" t="s">
        <v>132558</v>
      </c>
      <c r="E38616" s="1" t="s">
        <v>105361</v>
      </c>
      <c r="F38616" s="1" t="s">
        <v>78675</v>
      </c>
      <c r="G38616" s="1" t="s">
        <v>132811</v>
      </c>
      <c r="H38616" s="1" t="s">
        <v>132548</v>
      </c>
      <c r="I38616" s="1" t="s">
        <v>126615</v>
      </c>
      <c r="J38616" s="1" t="s">
        <v>132561</v>
      </c>
    </row>
    <row r="38617" spans="1:10" x14ac:dyDescent="0.35">
      <c r="A38617" s="1" t="s">
        <v>28842</v>
      </c>
      <c r="B38617" s="1" t="s">
        <v>126612</v>
      </c>
      <c r="C38617" s="1" t="s">
        <v>35</v>
      </c>
      <c r="D38617" s="1" t="s">
        <v>15127</v>
      </c>
      <c r="E38617" s="1" t="s">
        <v>132816</v>
      </c>
      <c r="F38617" s="1" t="s">
        <v>82110</v>
      </c>
      <c r="G38617" s="1" t="s">
        <v>132811</v>
      </c>
      <c r="H38617" s="1" t="s">
        <v>132548</v>
      </c>
      <c r="I38617" s="1" t="s">
        <v>126615</v>
      </c>
      <c r="J38617" s="1" t="s">
        <v>132564</v>
      </c>
    </row>
    <row r="38618" spans="1:10" x14ac:dyDescent="0.35">
      <c r="A38618" s="1" t="s">
        <v>28842</v>
      </c>
      <c r="B38618" s="1" t="s">
        <v>126612</v>
      </c>
      <c r="C38618" s="1" t="s">
        <v>40</v>
      </c>
      <c r="D38618" s="1" t="s">
        <v>132190</v>
      </c>
      <c r="E38618" s="1" t="s">
        <v>127970</v>
      </c>
      <c r="F38618" s="1" t="s">
        <v>132817</v>
      </c>
      <c r="G38618" s="1" t="s">
        <v>132811</v>
      </c>
      <c r="H38618" s="1" t="s">
        <v>132548</v>
      </c>
      <c r="I38618" s="1" t="s">
        <v>126615</v>
      </c>
      <c r="J38618" s="1" t="s">
        <v>132567</v>
      </c>
    </row>
    <row r="38619" spans="1:10" x14ac:dyDescent="0.35">
      <c r="A38619" s="1" t="s">
        <v>28842</v>
      </c>
      <c r="B38619" s="1" t="s">
        <v>126612</v>
      </c>
      <c r="C38619" s="1" t="s">
        <v>45</v>
      </c>
      <c r="D38619" s="1" t="s">
        <v>45577</v>
      </c>
      <c r="E38619" s="1" t="s">
        <v>132818</v>
      </c>
      <c r="F38619" s="1" t="s">
        <v>132819</v>
      </c>
      <c r="G38619" s="1" t="s">
        <v>132811</v>
      </c>
      <c r="H38619" s="1" t="s">
        <v>132548</v>
      </c>
      <c r="I38619" s="1" t="s">
        <v>126615</v>
      </c>
      <c r="J38619" s="1" t="s">
        <v>132570</v>
      </c>
    </row>
    <row r="38620" spans="1:10" x14ac:dyDescent="0.35">
      <c r="A38620" s="1" t="s">
        <v>28842</v>
      </c>
      <c r="B38620" s="1" t="s">
        <v>126612</v>
      </c>
      <c r="C38620" s="1" t="s">
        <v>50</v>
      </c>
      <c r="D38620" s="1" t="s">
        <v>109204</v>
      </c>
      <c r="E38620" s="1" t="s">
        <v>127267</v>
      </c>
      <c r="F38620" s="1" t="s">
        <v>132820</v>
      </c>
      <c r="G38620" s="1" t="s">
        <v>132811</v>
      </c>
      <c r="H38620" s="1" t="s">
        <v>132548</v>
      </c>
      <c r="I38620" s="1" t="s">
        <v>126615</v>
      </c>
      <c r="J38620" s="1" t="s">
        <v>132573</v>
      </c>
    </row>
    <row r="38621" spans="1:10" x14ac:dyDescent="0.35">
      <c r="A38621" s="1" t="s">
        <v>28842</v>
      </c>
      <c r="B38621" s="1" t="s">
        <v>126612</v>
      </c>
      <c r="C38621" s="1" t="s">
        <v>55</v>
      </c>
      <c r="D38621" s="1" t="s">
        <v>100954</v>
      </c>
      <c r="E38621" s="1" t="s">
        <v>132821</v>
      </c>
      <c r="F38621" s="1" t="s">
        <v>132822</v>
      </c>
      <c r="G38621" s="1" t="s">
        <v>132811</v>
      </c>
      <c r="H38621" s="1" t="s">
        <v>132548</v>
      </c>
      <c r="I38621" s="1" t="s">
        <v>126615</v>
      </c>
      <c r="J38621" s="1" t="s">
        <v>132576</v>
      </c>
    </row>
    <row r="38622" spans="1:10" x14ac:dyDescent="0.35">
      <c r="A38622" s="1" t="s">
        <v>28842</v>
      </c>
      <c r="B38622" s="1" t="s">
        <v>126612</v>
      </c>
      <c r="C38622" s="1" t="s">
        <v>60</v>
      </c>
      <c r="D38622" s="1" t="s">
        <v>132577</v>
      </c>
      <c r="E38622" s="1" t="s">
        <v>128807</v>
      </c>
      <c r="F38622" s="1" t="s">
        <v>132823</v>
      </c>
      <c r="G38622" s="1" t="s">
        <v>132811</v>
      </c>
      <c r="H38622" s="1" t="s">
        <v>132548</v>
      </c>
      <c r="I38622" s="1" t="s">
        <v>126615</v>
      </c>
      <c r="J38622" s="1" t="s">
        <v>132580</v>
      </c>
    </row>
    <row r="38623" spans="1:10" x14ac:dyDescent="0.35">
      <c r="A38623" s="1" t="s">
        <v>28842</v>
      </c>
      <c r="B38623" s="1" t="s">
        <v>126612</v>
      </c>
      <c r="C38623" s="1" t="s">
        <v>65</v>
      </c>
      <c r="D38623" s="1" t="s">
        <v>81189</v>
      </c>
      <c r="E38623" s="1" t="s">
        <v>132821</v>
      </c>
      <c r="F38623" s="1" t="s">
        <v>132824</v>
      </c>
      <c r="G38623" s="1" t="s">
        <v>132811</v>
      </c>
      <c r="H38623" s="1" t="s">
        <v>132548</v>
      </c>
      <c r="I38623" s="1" t="s">
        <v>126615</v>
      </c>
      <c r="J38623" s="1" t="s">
        <v>132583</v>
      </c>
    </row>
    <row r="38624" spans="1:10" x14ac:dyDescent="0.35">
      <c r="A38624" s="1" t="s">
        <v>28842</v>
      </c>
      <c r="B38624" s="1" t="s">
        <v>126612</v>
      </c>
      <c r="C38624" s="1" t="s">
        <v>70</v>
      </c>
      <c r="D38624" s="1" t="s">
        <v>54627</v>
      </c>
      <c r="E38624" s="1" t="s">
        <v>132825</v>
      </c>
      <c r="F38624" s="1" t="s">
        <v>132826</v>
      </c>
      <c r="G38624" s="1" t="s">
        <v>132811</v>
      </c>
      <c r="H38624" s="1" t="s">
        <v>132548</v>
      </c>
      <c r="I38624" s="1" t="s">
        <v>126615</v>
      </c>
      <c r="J38624" s="1" t="s">
        <v>132586</v>
      </c>
    </row>
    <row r="38625" spans="1:10" x14ac:dyDescent="0.35">
      <c r="A38625" s="1" t="s">
        <v>28842</v>
      </c>
      <c r="B38625" s="1" t="s">
        <v>126612</v>
      </c>
      <c r="C38625" s="1" t="s">
        <v>75</v>
      </c>
      <c r="D38625" s="1" t="s">
        <v>132587</v>
      </c>
      <c r="E38625" s="1" t="s">
        <v>16291</v>
      </c>
      <c r="F38625" s="1" t="s">
        <v>69446</v>
      </c>
      <c r="G38625" s="1" t="s">
        <v>132811</v>
      </c>
      <c r="H38625" s="1" t="s">
        <v>132548</v>
      </c>
      <c r="I38625" s="1" t="s">
        <v>126615</v>
      </c>
      <c r="J38625" s="1" t="s">
        <v>132590</v>
      </c>
    </row>
    <row r="38626" spans="1:10" x14ac:dyDescent="0.35">
      <c r="A38626" s="1" t="s">
        <v>28842</v>
      </c>
      <c r="B38626" s="1" t="s">
        <v>126612</v>
      </c>
      <c r="C38626" s="1" t="s">
        <v>80</v>
      </c>
      <c r="D38626" s="1" t="s">
        <v>24695</v>
      </c>
      <c r="E38626" s="1" t="s">
        <v>128316</v>
      </c>
      <c r="F38626" s="1" t="s">
        <v>128464</v>
      </c>
      <c r="G38626" s="1" t="s">
        <v>132811</v>
      </c>
      <c r="H38626" s="1" t="s">
        <v>132548</v>
      </c>
      <c r="I38626" s="1" t="s">
        <v>126615</v>
      </c>
      <c r="J38626" s="1" t="s">
        <v>132593</v>
      </c>
    </row>
    <row r="38627" spans="1:10" x14ac:dyDescent="0.35">
      <c r="A38627" s="1" t="s">
        <v>28842</v>
      </c>
      <c r="B38627" s="1" t="s">
        <v>126612</v>
      </c>
      <c r="C38627" s="1" t="s">
        <v>85</v>
      </c>
      <c r="D38627" s="1" t="s">
        <v>66563</v>
      </c>
      <c r="E38627" s="1" t="s">
        <v>132827</v>
      </c>
      <c r="F38627" s="1" t="s">
        <v>132828</v>
      </c>
      <c r="G38627" s="1" t="s">
        <v>132811</v>
      </c>
      <c r="H38627" s="1" t="s">
        <v>132548</v>
      </c>
      <c r="I38627" s="1" t="s">
        <v>126615</v>
      </c>
      <c r="J38627" s="1" t="s">
        <v>132596</v>
      </c>
    </row>
    <row r="38628" spans="1:10" x14ac:dyDescent="0.35">
      <c r="A38628" s="1" t="s">
        <v>28842</v>
      </c>
      <c r="B38628" s="1" t="s">
        <v>126612</v>
      </c>
      <c r="C38628" s="1" t="s">
        <v>90</v>
      </c>
      <c r="D38628" s="1" t="s">
        <v>132597</v>
      </c>
      <c r="E38628" s="1" t="s">
        <v>128807</v>
      </c>
      <c r="F38628" s="1" t="s">
        <v>132829</v>
      </c>
      <c r="G38628" s="1" t="s">
        <v>132811</v>
      </c>
      <c r="H38628" s="1" t="s">
        <v>132548</v>
      </c>
      <c r="I38628" s="1" t="s">
        <v>126615</v>
      </c>
      <c r="J38628" s="1" t="s">
        <v>132600</v>
      </c>
    </row>
    <row r="38629" spans="1:10" x14ac:dyDescent="0.35">
      <c r="A38629" s="1" t="s">
        <v>28842</v>
      </c>
      <c r="B38629" s="1" t="s">
        <v>126612</v>
      </c>
      <c r="C38629" s="1" t="s">
        <v>95</v>
      </c>
      <c r="D38629" s="1" t="s">
        <v>107057</v>
      </c>
      <c r="E38629" s="1" t="s">
        <v>48030</v>
      </c>
      <c r="F38629" s="1" t="s">
        <v>132830</v>
      </c>
      <c r="G38629" s="1" t="s">
        <v>132811</v>
      </c>
      <c r="H38629" s="1" t="s">
        <v>132548</v>
      </c>
      <c r="I38629" s="1" t="s">
        <v>126615</v>
      </c>
      <c r="J38629" s="1" t="s">
        <v>132603</v>
      </c>
    </row>
    <row r="38630" spans="1:10" x14ac:dyDescent="0.35">
      <c r="A38630" s="1" t="s">
        <v>28842</v>
      </c>
      <c r="B38630" s="1" t="s">
        <v>126612</v>
      </c>
      <c r="C38630" s="1" t="s">
        <v>100</v>
      </c>
      <c r="D38630" s="1" t="s">
        <v>86346</v>
      </c>
      <c r="E38630" s="1" t="s">
        <v>132816</v>
      </c>
      <c r="F38630" s="1" t="s">
        <v>132831</v>
      </c>
      <c r="G38630" s="1" t="s">
        <v>132811</v>
      </c>
      <c r="H38630" s="1" t="s">
        <v>132548</v>
      </c>
      <c r="I38630" s="1" t="s">
        <v>126615</v>
      </c>
      <c r="J38630" s="1" t="s">
        <v>132605</v>
      </c>
    </row>
    <row r="38631" spans="1:10" x14ac:dyDescent="0.35">
      <c r="A38631" s="1" t="s">
        <v>28842</v>
      </c>
      <c r="B38631" s="1" t="s">
        <v>126612</v>
      </c>
      <c r="C38631" s="1" t="s">
        <v>105</v>
      </c>
      <c r="D38631" s="1" t="s">
        <v>78105</v>
      </c>
      <c r="E38631" s="1" t="s">
        <v>132832</v>
      </c>
      <c r="F38631" s="1" t="s">
        <v>68960</v>
      </c>
      <c r="G38631" s="1" t="s">
        <v>132811</v>
      </c>
      <c r="H38631" s="1" t="s">
        <v>132548</v>
      </c>
      <c r="I38631" s="1" t="s">
        <v>126615</v>
      </c>
      <c r="J38631" s="1" t="s">
        <v>132608</v>
      </c>
    </row>
    <row r="38632" spans="1:10" x14ac:dyDescent="0.35">
      <c r="A38632" s="1" t="s">
        <v>28842</v>
      </c>
      <c r="B38632" s="1" t="s">
        <v>126612</v>
      </c>
      <c r="C38632" s="1" t="s">
        <v>110</v>
      </c>
      <c r="D38632" s="1" t="s">
        <v>66715</v>
      </c>
      <c r="E38632" s="1" t="s">
        <v>94781</v>
      </c>
      <c r="F38632" s="1" t="s">
        <v>100797</v>
      </c>
      <c r="G38632" s="1" t="s">
        <v>132811</v>
      </c>
      <c r="H38632" s="1" t="s">
        <v>132548</v>
      </c>
      <c r="I38632" s="1" t="s">
        <v>126615</v>
      </c>
      <c r="J38632" s="1" t="s">
        <v>132611</v>
      </c>
    </row>
    <row r="38633" spans="1:10" x14ac:dyDescent="0.35">
      <c r="A38633" s="1" t="s">
        <v>28842</v>
      </c>
      <c r="B38633" s="1" t="s">
        <v>126612</v>
      </c>
      <c r="C38633" s="1" t="s">
        <v>115</v>
      </c>
      <c r="D38633" s="1" t="s">
        <v>63744</v>
      </c>
      <c r="E38633" s="1" t="s">
        <v>132833</v>
      </c>
      <c r="F38633" s="1" t="s">
        <v>129543</v>
      </c>
      <c r="G38633" s="1" t="s">
        <v>132811</v>
      </c>
      <c r="H38633" s="1" t="s">
        <v>132548</v>
      </c>
      <c r="I38633" s="1" t="s">
        <v>126615</v>
      </c>
      <c r="J38633" s="1" t="s">
        <v>132614</v>
      </c>
    </row>
    <row r="38634" spans="1:10" x14ac:dyDescent="0.35">
      <c r="A38634" s="1" t="s">
        <v>28842</v>
      </c>
      <c r="B38634" s="1" t="s">
        <v>126612</v>
      </c>
      <c r="C38634" s="1" t="s">
        <v>120</v>
      </c>
      <c r="D38634" s="1" t="s">
        <v>132615</v>
      </c>
      <c r="E38634" s="1" t="s">
        <v>132834</v>
      </c>
      <c r="F38634" s="1" t="s">
        <v>52538</v>
      </c>
      <c r="G38634" s="1" t="s">
        <v>132811</v>
      </c>
      <c r="H38634" s="1" t="s">
        <v>132548</v>
      </c>
      <c r="I38634" s="1" t="s">
        <v>126615</v>
      </c>
      <c r="J38634" s="1" t="s">
        <v>132618</v>
      </c>
    </row>
    <row r="38635" spans="1:10" x14ac:dyDescent="0.35">
      <c r="A38635" s="1" t="s">
        <v>28842</v>
      </c>
      <c r="B38635" s="1" t="s">
        <v>126612</v>
      </c>
      <c r="C38635" s="1" t="s">
        <v>125</v>
      </c>
      <c r="D38635" s="1" t="s">
        <v>64531</v>
      </c>
      <c r="E38635" s="1" t="s">
        <v>16035</v>
      </c>
      <c r="F38635" s="1" t="s">
        <v>132835</v>
      </c>
      <c r="G38635" s="1" t="s">
        <v>132811</v>
      </c>
      <c r="H38635" s="1" t="s">
        <v>132548</v>
      </c>
      <c r="I38635" s="1" t="s">
        <v>126615</v>
      </c>
      <c r="J38635" s="1" t="s">
        <v>132621</v>
      </c>
    </row>
    <row r="38636" spans="1:10" x14ac:dyDescent="0.35">
      <c r="A38636" s="1" t="s">
        <v>28842</v>
      </c>
      <c r="B38636" s="1" t="s">
        <v>126612</v>
      </c>
      <c r="C38636" s="1" t="s">
        <v>130</v>
      </c>
      <c r="D38636" s="1" t="s">
        <v>132622</v>
      </c>
      <c r="E38636" s="1" t="s">
        <v>105333</v>
      </c>
      <c r="F38636" s="1" t="s">
        <v>132836</v>
      </c>
      <c r="G38636" s="1" t="s">
        <v>132811</v>
      </c>
      <c r="H38636" s="1" t="s">
        <v>132548</v>
      </c>
      <c r="I38636" s="1" t="s">
        <v>126615</v>
      </c>
      <c r="J38636" s="1" t="s">
        <v>132625</v>
      </c>
    </row>
    <row r="38637" spans="1:10" x14ac:dyDescent="0.35">
      <c r="A38637" s="1" t="s">
        <v>28842</v>
      </c>
      <c r="B38637" s="1" t="s">
        <v>126612</v>
      </c>
      <c r="C38637" s="1" t="s">
        <v>135</v>
      </c>
      <c r="D38637" s="1" t="s">
        <v>132626</v>
      </c>
      <c r="E38637" s="1" t="s">
        <v>132837</v>
      </c>
      <c r="F38637" s="1" t="s">
        <v>132838</v>
      </c>
      <c r="G38637" s="1" t="s">
        <v>132811</v>
      </c>
      <c r="H38637" s="1" t="s">
        <v>132548</v>
      </c>
      <c r="I38637" s="1" t="s">
        <v>126615</v>
      </c>
      <c r="J38637" s="1" t="s">
        <v>132629</v>
      </c>
    </row>
    <row r="38638" spans="1:10" x14ac:dyDescent="0.35">
      <c r="A38638" s="1" t="s">
        <v>28842</v>
      </c>
      <c r="B38638" s="1" t="s">
        <v>126612</v>
      </c>
      <c r="C38638" s="1" t="s">
        <v>140</v>
      </c>
      <c r="D38638" s="1" t="s">
        <v>132630</v>
      </c>
      <c r="E38638" s="1" t="s">
        <v>132839</v>
      </c>
      <c r="F38638" s="1" t="s">
        <v>60124</v>
      </c>
      <c r="G38638" s="1" t="s">
        <v>132811</v>
      </c>
      <c r="H38638" s="1" t="s">
        <v>132548</v>
      </c>
      <c r="I38638" s="1" t="s">
        <v>126615</v>
      </c>
      <c r="J38638" s="1" t="s">
        <v>132633</v>
      </c>
    </row>
    <row r="38639" spans="1:10" x14ac:dyDescent="0.35">
      <c r="A38639" s="1" t="s">
        <v>28842</v>
      </c>
      <c r="B38639" s="1" t="s">
        <v>126612</v>
      </c>
      <c r="C38639" s="1" t="s">
        <v>145</v>
      </c>
      <c r="D38639" s="1" t="s">
        <v>97088</v>
      </c>
      <c r="E38639" s="1" t="s">
        <v>132840</v>
      </c>
      <c r="F38639" s="1" t="s">
        <v>132841</v>
      </c>
      <c r="G38639" s="1" t="s">
        <v>132811</v>
      </c>
      <c r="H38639" s="1" t="s">
        <v>132548</v>
      </c>
      <c r="I38639" s="1" t="s">
        <v>126615</v>
      </c>
      <c r="J38639" s="1" t="s">
        <v>84399</v>
      </c>
    </row>
    <row r="38640" spans="1:10" x14ac:dyDescent="0.35">
      <c r="A38640" s="1" t="s">
        <v>28842</v>
      </c>
      <c r="B38640" s="1" t="s">
        <v>126612</v>
      </c>
      <c r="C38640" s="1" t="s">
        <v>150</v>
      </c>
      <c r="D38640" s="1" t="s">
        <v>68790</v>
      </c>
      <c r="E38640" s="1" t="s">
        <v>105366</v>
      </c>
      <c r="F38640" s="1" t="s">
        <v>132842</v>
      </c>
      <c r="G38640" s="1" t="s">
        <v>132811</v>
      </c>
      <c r="H38640" s="1" t="s">
        <v>132548</v>
      </c>
      <c r="I38640" s="1" t="s">
        <v>126615</v>
      </c>
      <c r="J38640" s="1" t="s">
        <v>132638</v>
      </c>
    </row>
    <row r="38641" spans="1:10" x14ac:dyDescent="0.35">
      <c r="A38641" s="1" t="s">
        <v>28842</v>
      </c>
      <c r="B38641" s="1" t="s">
        <v>126612</v>
      </c>
      <c r="C38641" s="1" t="s">
        <v>155</v>
      </c>
      <c r="D38641" s="1" t="s">
        <v>65824</v>
      </c>
      <c r="E38641" s="1" t="s">
        <v>105354</v>
      </c>
      <c r="F38641" s="1" t="s">
        <v>132843</v>
      </c>
      <c r="G38641" s="1" t="s">
        <v>132811</v>
      </c>
      <c r="H38641" s="1" t="s">
        <v>132548</v>
      </c>
      <c r="I38641" s="1" t="s">
        <v>126615</v>
      </c>
      <c r="J38641" s="1" t="s">
        <v>132641</v>
      </c>
    </row>
    <row r="38642" spans="1:10" x14ac:dyDescent="0.35">
      <c r="A38642" s="1" t="s">
        <v>28842</v>
      </c>
      <c r="B38642" s="1" t="s">
        <v>126612</v>
      </c>
      <c r="C38642" s="1" t="s">
        <v>160</v>
      </c>
      <c r="D38642" s="1" t="s">
        <v>132642</v>
      </c>
      <c r="E38642" s="1" t="s">
        <v>106154</v>
      </c>
      <c r="F38642" s="1" t="s">
        <v>57870</v>
      </c>
      <c r="G38642" s="1" t="s">
        <v>132811</v>
      </c>
      <c r="H38642" s="1" t="s">
        <v>132548</v>
      </c>
      <c r="I38642" s="1" t="s">
        <v>126615</v>
      </c>
      <c r="J38642" s="1" t="s">
        <v>132645</v>
      </c>
    </row>
    <row r="38643" spans="1:10" x14ac:dyDescent="0.35">
      <c r="A38643" s="1" t="s">
        <v>28842</v>
      </c>
      <c r="B38643" s="1" t="s">
        <v>126612</v>
      </c>
      <c r="C38643" s="1" t="s">
        <v>165</v>
      </c>
      <c r="D38643" s="1" t="s">
        <v>132646</v>
      </c>
      <c r="E38643" s="1" t="s">
        <v>105265</v>
      </c>
      <c r="F38643" s="1" t="s">
        <v>132844</v>
      </c>
      <c r="G38643" s="1" t="s">
        <v>132811</v>
      </c>
      <c r="H38643" s="1" t="s">
        <v>132548</v>
      </c>
      <c r="I38643" s="1" t="s">
        <v>126615</v>
      </c>
      <c r="J38643" s="1" t="s">
        <v>132649</v>
      </c>
    </row>
    <row r="38644" spans="1:10" x14ac:dyDescent="0.35">
      <c r="A38644" s="1" t="s">
        <v>28842</v>
      </c>
      <c r="B38644" s="1" t="s">
        <v>126612</v>
      </c>
      <c r="C38644" s="1" t="s">
        <v>170</v>
      </c>
      <c r="D38644" s="1" t="s">
        <v>56520</v>
      </c>
      <c r="E38644" s="1" t="s">
        <v>132845</v>
      </c>
      <c r="F38644" s="1" t="s">
        <v>31522</v>
      </c>
      <c r="G38644" s="1" t="s">
        <v>132811</v>
      </c>
      <c r="H38644" s="1" t="s">
        <v>132548</v>
      </c>
      <c r="I38644" s="1" t="s">
        <v>126615</v>
      </c>
      <c r="J38644" s="1" t="s">
        <v>132652</v>
      </c>
    </row>
    <row r="38645" spans="1:10" x14ac:dyDescent="0.35">
      <c r="A38645" s="1" t="s">
        <v>132846</v>
      </c>
      <c r="B38645" s="1" t="s">
        <v>126612</v>
      </c>
      <c r="C38645" s="1" t="s">
        <v>8</v>
      </c>
      <c r="D38645" s="1" t="s">
        <v>132544</v>
      </c>
      <c r="E38645" s="1" t="s">
        <v>78835</v>
      </c>
      <c r="F38645" s="1" t="s">
        <v>31735</v>
      </c>
      <c r="G38645" s="1" t="s">
        <v>132847</v>
      </c>
      <c r="H38645" s="1" t="s">
        <v>132548</v>
      </c>
      <c r="I38645" s="1" t="s">
        <v>126615</v>
      </c>
      <c r="J38645" s="1" t="s">
        <v>13</v>
      </c>
    </row>
    <row r="38646" spans="1:10" x14ac:dyDescent="0.35">
      <c r="A38646" s="1" t="s">
        <v>132846</v>
      </c>
      <c r="B38646" s="1" t="s">
        <v>126612</v>
      </c>
      <c r="C38646" s="1" t="s">
        <v>15</v>
      </c>
      <c r="D38646" s="1" t="s">
        <v>98019</v>
      </c>
      <c r="E38646" s="1" t="s">
        <v>15516</v>
      </c>
      <c r="F38646" s="1" t="s">
        <v>132848</v>
      </c>
      <c r="G38646" s="1" t="s">
        <v>132847</v>
      </c>
      <c r="H38646" s="1" t="s">
        <v>132548</v>
      </c>
      <c r="I38646" s="1" t="s">
        <v>126615</v>
      </c>
      <c r="J38646" s="1" t="s">
        <v>132551</v>
      </c>
    </row>
    <row r="38647" spans="1:10" x14ac:dyDescent="0.35">
      <c r="A38647" s="1" t="s">
        <v>132846</v>
      </c>
      <c r="B38647" s="1" t="s">
        <v>126612</v>
      </c>
      <c r="C38647" s="1" t="s">
        <v>20</v>
      </c>
      <c r="D38647" s="1" t="s">
        <v>113526</v>
      </c>
      <c r="E38647" s="1" t="s">
        <v>132794</v>
      </c>
      <c r="F38647" s="1" t="s">
        <v>132849</v>
      </c>
      <c r="G38647" s="1" t="s">
        <v>132847</v>
      </c>
      <c r="H38647" s="1" t="s">
        <v>132548</v>
      </c>
      <c r="I38647" s="1" t="s">
        <v>126615</v>
      </c>
      <c r="J38647" s="1" t="s">
        <v>132554</v>
      </c>
    </row>
    <row r="38648" spans="1:10" x14ac:dyDescent="0.35">
      <c r="A38648" s="1" t="s">
        <v>132846</v>
      </c>
      <c r="B38648" s="1" t="s">
        <v>126612</v>
      </c>
      <c r="C38648" s="1" t="s">
        <v>25</v>
      </c>
      <c r="D38648" s="1" t="s">
        <v>81424</v>
      </c>
      <c r="E38648" s="1" t="s">
        <v>132850</v>
      </c>
      <c r="F38648" s="1" t="s">
        <v>132851</v>
      </c>
      <c r="G38648" s="1" t="s">
        <v>132847</v>
      </c>
      <c r="H38648" s="1" t="s">
        <v>132548</v>
      </c>
      <c r="I38648" s="1" t="s">
        <v>126615</v>
      </c>
      <c r="J38648" s="1" t="s">
        <v>132557</v>
      </c>
    </row>
    <row r="38649" spans="1:10" x14ac:dyDescent="0.35">
      <c r="A38649" s="1" t="s">
        <v>132846</v>
      </c>
      <c r="B38649" s="1" t="s">
        <v>126612</v>
      </c>
      <c r="C38649" s="1" t="s">
        <v>30</v>
      </c>
      <c r="D38649" s="1" t="s">
        <v>132558</v>
      </c>
      <c r="E38649" s="1" t="s">
        <v>78870</v>
      </c>
      <c r="F38649" s="1" t="s">
        <v>132852</v>
      </c>
      <c r="G38649" s="1" t="s">
        <v>132847</v>
      </c>
      <c r="H38649" s="1" t="s">
        <v>132548</v>
      </c>
      <c r="I38649" s="1" t="s">
        <v>126615</v>
      </c>
      <c r="J38649" s="1" t="s">
        <v>132561</v>
      </c>
    </row>
    <row r="38650" spans="1:10" x14ac:dyDescent="0.35">
      <c r="A38650" s="1" t="s">
        <v>132846</v>
      </c>
      <c r="B38650" s="1" t="s">
        <v>126612</v>
      </c>
      <c r="C38650" s="1" t="s">
        <v>35</v>
      </c>
      <c r="D38650" s="1" t="s">
        <v>15127</v>
      </c>
      <c r="E38650" s="1" t="s">
        <v>132853</v>
      </c>
      <c r="F38650" s="1" t="s">
        <v>132854</v>
      </c>
      <c r="G38650" s="1" t="s">
        <v>132847</v>
      </c>
      <c r="H38650" s="1" t="s">
        <v>132548</v>
      </c>
      <c r="I38650" s="1" t="s">
        <v>126615</v>
      </c>
      <c r="J38650" s="1" t="s">
        <v>132564</v>
      </c>
    </row>
    <row r="38651" spans="1:10" x14ac:dyDescent="0.35">
      <c r="A38651" s="1" t="s">
        <v>132846</v>
      </c>
      <c r="B38651" s="1" t="s">
        <v>126612</v>
      </c>
      <c r="C38651" s="1" t="s">
        <v>40</v>
      </c>
      <c r="D38651" s="1" t="s">
        <v>132190</v>
      </c>
      <c r="E38651" s="1" t="s">
        <v>74218</v>
      </c>
      <c r="F38651" s="1" t="s">
        <v>58053</v>
      </c>
      <c r="G38651" s="1" t="s">
        <v>132847</v>
      </c>
      <c r="H38651" s="1" t="s">
        <v>132548</v>
      </c>
      <c r="I38651" s="1" t="s">
        <v>126615</v>
      </c>
      <c r="J38651" s="1" t="s">
        <v>132567</v>
      </c>
    </row>
    <row r="38652" spans="1:10" x14ac:dyDescent="0.35">
      <c r="A38652" s="1" t="s">
        <v>132846</v>
      </c>
      <c r="B38652" s="1" t="s">
        <v>126612</v>
      </c>
      <c r="C38652" s="1" t="s">
        <v>45</v>
      </c>
      <c r="D38652" s="1" t="s">
        <v>45577</v>
      </c>
      <c r="E38652" s="1" t="s">
        <v>132855</v>
      </c>
      <c r="F38652" s="1" t="s">
        <v>132856</v>
      </c>
      <c r="G38652" s="1" t="s">
        <v>132847</v>
      </c>
      <c r="H38652" s="1" t="s">
        <v>132548</v>
      </c>
      <c r="I38652" s="1" t="s">
        <v>126615</v>
      </c>
      <c r="J38652" s="1" t="s">
        <v>132570</v>
      </c>
    </row>
    <row r="38653" spans="1:10" x14ac:dyDescent="0.35">
      <c r="A38653" s="1" t="s">
        <v>132846</v>
      </c>
      <c r="B38653" s="1" t="s">
        <v>126612</v>
      </c>
      <c r="C38653" s="1" t="s">
        <v>50</v>
      </c>
      <c r="D38653" s="1" t="s">
        <v>109204</v>
      </c>
      <c r="E38653" s="1" t="s">
        <v>49816</v>
      </c>
      <c r="F38653" s="1" t="s">
        <v>132857</v>
      </c>
      <c r="G38653" s="1" t="s">
        <v>132847</v>
      </c>
      <c r="H38653" s="1" t="s">
        <v>132548</v>
      </c>
      <c r="I38653" s="1" t="s">
        <v>126615</v>
      </c>
      <c r="J38653" s="1" t="s">
        <v>132573</v>
      </c>
    </row>
    <row r="38654" spans="1:10" x14ac:dyDescent="0.35">
      <c r="A38654" s="1" t="s">
        <v>132846</v>
      </c>
      <c r="B38654" s="1" t="s">
        <v>126612</v>
      </c>
      <c r="C38654" s="1" t="s">
        <v>55</v>
      </c>
      <c r="D38654" s="1" t="s">
        <v>100954</v>
      </c>
      <c r="E38654" s="1" t="s">
        <v>106211</v>
      </c>
      <c r="F38654" s="1" t="s">
        <v>132858</v>
      </c>
      <c r="G38654" s="1" t="s">
        <v>132847</v>
      </c>
      <c r="H38654" s="1" t="s">
        <v>132548</v>
      </c>
      <c r="I38654" s="1" t="s">
        <v>126615</v>
      </c>
      <c r="J38654" s="1" t="s">
        <v>132576</v>
      </c>
    </row>
    <row r="38655" spans="1:10" x14ac:dyDescent="0.35">
      <c r="A38655" s="1" t="s">
        <v>132846</v>
      </c>
      <c r="B38655" s="1" t="s">
        <v>126612</v>
      </c>
      <c r="C38655" s="1" t="s">
        <v>60</v>
      </c>
      <c r="D38655" s="1" t="s">
        <v>132577</v>
      </c>
      <c r="E38655" s="1" t="s">
        <v>127836</v>
      </c>
      <c r="F38655" s="1" t="s">
        <v>62469</v>
      </c>
      <c r="G38655" s="1" t="s">
        <v>132847</v>
      </c>
      <c r="H38655" s="1" t="s">
        <v>132548</v>
      </c>
      <c r="I38655" s="1" t="s">
        <v>126615</v>
      </c>
      <c r="J38655" s="1" t="s">
        <v>132580</v>
      </c>
    </row>
    <row r="38656" spans="1:10" x14ac:dyDescent="0.35">
      <c r="A38656" s="1" t="s">
        <v>132846</v>
      </c>
      <c r="B38656" s="1" t="s">
        <v>126612</v>
      </c>
      <c r="C38656" s="1" t="s">
        <v>65</v>
      </c>
      <c r="D38656" s="1" t="s">
        <v>81189</v>
      </c>
      <c r="E38656" s="1" t="s">
        <v>107604</v>
      </c>
      <c r="F38656" s="1" t="s">
        <v>132859</v>
      </c>
      <c r="G38656" s="1" t="s">
        <v>132847</v>
      </c>
      <c r="H38656" s="1" t="s">
        <v>132548</v>
      </c>
      <c r="I38656" s="1" t="s">
        <v>126615</v>
      </c>
      <c r="J38656" s="1" t="s">
        <v>132583</v>
      </c>
    </row>
    <row r="38657" spans="1:10" x14ac:dyDescent="0.35">
      <c r="A38657" s="1" t="s">
        <v>132846</v>
      </c>
      <c r="B38657" s="1" t="s">
        <v>126612</v>
      </c>
      <c r="C38657" s="1" t="s">
        <v>70</v>
      </c>
      <c r="D38657" s="1" t="s">
        <v>54627</v>
      </c>
      <c r="E38657" s="1" t="s">
        <v>130183</v>
      </c>
      <c r="F38657" s="1" t="s">
        <v>132860</v>
      </c>
      <c r="G38657" s="1" t="s">
        <v>132847</v>
      </c>
      <c r="H38657" s="1" t="s">
        <v>132548</v>
      </c>
      <c r="I38657" s="1" t="s">
        <v>126615</v>
      </c>
      <c r="J38657" s="1" t="s">
        <v>132586</v>
      </c>
    </row>
    <row r="38658" spans="1:10" x14ac:dyDescent="0.35">
      <c r="A38658" s="1" t="s">
        <v>132846</v>
      </c>
      <c r="B38658" s="1" t="s">
        <v>126612</v>
      </c>
      <c r="C38658" s="1" t="s">
        <v>75</v>
      </c>
      <c r="D38658" s="1" t="s">
        <v>132587</v>
      </c>
      <c r="E38658" s="1" t="s">
        <v>132861</v>
      </c>
      <c r="F38658" s="1" t="s">
        <v>132862</v>
      </c>
      <c r="G38658" s="1" t="s">
        <v>132847</v>
      </c>
      <c r="H38658" s="1" t="s">
        <v>132548</v>
      </c>
      <c r="I38658" s="1" t="s">
        <v>126615</v>
      </c>
      <c r="J38658" s="1" t="s">
        <v>132590</v>
      </c>
    </row>
    <row r="38659" spans="1:10" x14ac:dyDescent="0.35">
      <c r="A38659" s="1" t="s">
        <v>132846</v>
      </c>
      <c r="B38659" s="1" t="s">
        <v>126612</v>
      </c>
      <c r="C38659" s="1" t="s">
        <v>80</v>
      </c>
      <c r="D38659" s="1" t="s">
        <v>24695</v>
      </c>
      <c r="E38659" s="1" t="s">
        <v>132863</v>
      </c>
      <c r="F38659" s="1" t="s">
        <v>132864</v>
      </c>
      <c r="G38659" s="1" t="s">
        <v>132847</v>
      </c>
      <c r="H38659" s="1" t="s">
        <v>132548</v>
      </c>
      <c r="I38659" s="1" t="s">
        <v>126615</v>
      </c>
      <c r="J38659" s="1" t="s">
        <v>132593</v>
      </c>
    </row>
    <row r="38660" spans="1:10" x14ac:dyDescent="0.35">
      <c r="A38660" s="1" t="s">
        <v>132846</v>
      </c>
      <c r="B38660" s="1" t="s">
        <v>126612</v>
      </c>
      <c r="C38660" s="1" t="s">
        <v>85</v>
      </c>
      <c r="D38660" s="1" t="s">
        <v>66563</v>
      </c>
      <c r="E38660" s="1" t="s">
        <v>131994</v>
      </c>
      <c r="F38660" s="1" t="s">
        <v>132865</v>
      </c>
      <c r="G38660" s="1" t="s">
        <v>132847</v>
      </c>
      <c r="H38660" s="1" t="s">
        <v>132548</v>
      </c>
      <c r="I38660" s="1" t="s">
        <v>126615</v>
      </c>
      <c r="J38660" s="1" t="s">
        <v>132596</v>
      </c>
    </row>
    <row r="38661" spans="1:10" x14ac:dyDescent="0.35">
      <c r="A38661" s="1" t="s">
        <v>132846</v>
      </c>
      <c r="B38661" s="1" t="s">
        <v>126612</v>
      </c>
      <c r="C38661" s="1" t="s">
        <v>90</v>
      </c>
      <c r="D38661" s="1" t="s">
        <v>132597</v>
      </c>
      <c r="E38661" s="1" t="s">
        <v>111220</v>
      </c>
      <c r="F38661" s="1" t="s">
        <v>132866</v>
      </c>
      <c r="G38661" s="1" t="s">
        <v>132847</v>
      </c>
      <c r="H38661" s="1" t="s">
        <v>132548</v>
      </c>
      <c r="I38661" s="1" t="s">
        <v>126615</v>
      </c>
      <c r="J38661" s="1" t="s">
        <v>132600</v>
      </c>
    </row>
    <row r="38662" spans="1:10" x14ac:dyDescent="0.35">
      <c r="A38662" s="1" t="s">
        <v>132846</v>
      </c>
      <c r="B38662" s="1" t="s">
        <v>126612</v>
      </c>
      <c r="C38662" s="1" t="s">
        <v>95</v>
      </c>
      <c r="D38662" s="1" t="s">
        <v>107057</v>
      </c>
      <c r="E38662" s="1" t="s">
        <v>129957</v>
      </c>
      <c r="F38662" s="1" t="s">
        <v>132867</v>
      </c>
      <c r="G38662" s="1" t="s">
        <v>132847</v>
      </c>
      <c r="H38662" s="1" t="s">
        <v>132548</v>
      </c>
      <c r="I38662" s="1" t="s">
        <v>126615</v>
      </c>
      <c r="J38662" s="1" t="s">
        <v>132603</v>
      </c>
    </row>
    <row r="38663" spans="1:10" x14ac:dyDescent="0.35">
      <c r="A38663" s="1" t="s">
        <v>132846</v>
      </c>
      <c r="B38663" s="1" t="s">
        <v>126612</v>
      </c>
      <c r="C38663" s="1" t="s">
        <v>100</v>
      </c>
      <c r="D38663" s="1" t="s">
        <v>86346</v>
      </c>
      <c r="E38663" s="1" t="s">
        <v>106159</v>
      </c>
      <c r="F38663" s="1" t="s">
        <v>109425</v>
      </c>
      <c r="G38663" s="1" t="s">
        <v>132847</v>
      </c>
      <c r="H38663" s="1" t="s">
        <v>132548</v>
      </c>
      <c r="I38663" s="1" t="s">
        <v>126615</v>
      </c>
      <c r="J38663" s="1" t="s">
        <v>132605</v>
      </c>
    </row>
    <row r="38664" spans="1:10" x14ac:dyDescent="0.35">
      <c r="A38664" s="1" t="s">
        <v>132846</v>
      </c>
      <c r="B38664" s="1" t="s">
        <v>126612</v>
      </c>
      <c r="C38664" s="1" t="s">
        <v>105</v>
      </c>
      <c r="D38664" s="1" t="s">
        <v>78105</v>
      </c>
      <c r="E38664" s="1" t="s">
        <v>78792</v>
      </c>
      <c r="F38664" s="1" t="s">
        <v>57220</v>
      </c>
      <c r="G38664" s="1" t="s">
        <v>132847</v>
      </c>
      <c r="H38664" s="1" t="s">
        <v>132548</v>
      </c>
      <c r="I38664" s="1" t="s">
        <v>126615</v>
      </c>
      <c r="J38664" s="1" t="s">
        <v>132608</v>
      </c>
    </row>
    <row r="38665" spans="1:10" x14ac:dyDescent="0.35">
      <c r="A38665" s="1" t="s">
        <v>132846</v>
      </c>
      <c r="B38665" s="1" t="s">
        <v>126612</v>
      </c>
      <c r="C38665" s="1" t="s">
        <v>110</v>
      </c>
      <c r="D38665" s="1" t="s">
        <v>66715</v>
      </c>
      <c r="E38665" s="1" t="s">
        <v>127896</v>
      </c>
      <c r="F38665" s="1" t="s">
        <v>57632</v>
      </c>
      <c r="G38665" s="1" t="s">
        <v>132847</v>
      </c>
      <c r="H38665" s="1" t="s">
        <v>132548</v>
      </c>
      <c r="I38665" s="1" t="s">
        <v>126615</v>
      </c>
      <c r="J38665" s="1" t="s">
        <v>132611</v>
      </c>
    </row>
    <row r="38666" spans="1:10" x14ac:dyDescent="0.35">
      <c r="A38666" s="1" t="s">
        <v>132846</v>
      </c>
      <c r="B38666" s="1" t="s">
        <v>126612</v>
      </c>
      <c r="C38666" s="1" t="s">
        <v>115</v>
      </c>
      <c r="D38666" s="1" t="s">
        <v>63744</v>
      </c>
      <c r="E38666" s="1" t="s">
        <v>109526</v>
      </c>
      <c r="F38666" s="1" t="s">
        <v>69394</v>
      </c>
      <c r="G38666" s="1" t="s">
        <v>132847</v>
      </c>
      <c r="H38666" s="1" t="s">
        <v>132548</v>
      </c>
      <c r="I38666" s="1" t="s">
        <v>126615</v>
      </c>
      <c r="J38666" s="1" t="s">
        <v>132614</v>
      </c>
    </row>
    <row r="38667" spans="1:10" x14ac:dyDescent="0.35">
      <c r="A38667" s="1" t="s">
        <v>132846</v>
      </c>
      <c r="B38667" s="1" t="s">
        <v>126612</v>
      </c>
      <c r="C38667" s="1" t="s">
        <v>120</v>
      </c>
      <c r="D38667" s="1" t="s">
        <v>132615</v>
      </c>
      <c r="E38667" s="1" t="s">
        <v>132868</v>
      </c>
      <c r="F38667" s="1" t="s">
        <v>132869</v>
      </c>
      <c r="G38667" s="1" t="s">
        <v>132847</v>
      </c>
      <c r="H38667" s="1" t="s">
        <v>132548</v>
      </c>
      <c r="I38667" s="1" t="s">
        <v>126615</v>
      </c>
      <c r="J38667" s="1" t="s">
        <v>132618</v>
      </c>
    </row>
    <row r="38668" spans="1:10" x14ac:dyDescent="0.35">
      <c r="A38668" s="1" t="s">
        <v>132846</v>
      </c>
      <c r="B38668" s="1" t="s">
        <v>126612</v>
      </c>
      <c r="C38668" s="1" t="s">
        <v>125</v>
      </c>
      <c r="D38668" s="1" t="s">
        <v>64531</v>
      </c>
      <c r="E38668" s="1" t="s">
        <v>132870</v>
      </c>
      <c r="F38668" s="1" t="s">
        <v>132871</v>
      </c>
      <c r="G38668" s="1" t="s">
        <v>132847</v>
      </c>
      <c r="H38668" s="1" t="s">
        <v>132548</v>
      </c>
      <c r="I38668" s="1" t="s">
        <v>126615</v>
      </c>
      <c r="J38668" s="1" t="s">
        <v>132621</v>
      </c>
    </row>
    <row r="38669" spans="1:10" x14ac:dyDescent="0.35">
      <c r="A38669" s="1" t="s">
        <v>132846</v>
      </c>
      <c r="B38669" s="1" t="s">
        <v>126612</v>
      </c>
      <c r="C38669" s="1" t="s">
        <v>130</v>
      </c>
      <c r="D38669" s="1" t="s">
        <v>132622</v>
      </c>
      <c r="E38669" s="1" t="s">
        <v>126647</v>
      </c>
      <c r="F38669" s="1" t="s">
        <v>68501</v>
      </c>
      <c r="G38669" s="1" t="s">
        <v>132847</v>
      </c>
      <c r="H38669" s="1" t="s">
        <v>132548</v>
      </c>
      <c r="I38669" s="1" t="s">
        <v>126615</v>
      </c>
      <c r="J38669" s="1" t="s">
        <v>132625</v>
      </c>
    </row>
    <row r="38670" spans="1:10" x14ac:dyDescent="0.35">
      <c r="A38670" s="1" t="s">
        <v>132846</v>
      </c>
      <c r="B38670" s="1" t="s">
        <v>126612</v>
      </c>
      <c r="C38670" s="1" t="s">
        <v>135</v>
      </c>
      <c r="D38670" s="1" t="s">
        <v>132626</v>
      </c>
      <c r="E38670" s="1" t="s">
        <v>132872</v>
      </c>
      <c r="F38670" s="1" t="s">
        <v>132873</v>
      </c>
      <c r="G38670" s="1" t="s">
        <v>132847</v>
      </c>
      <c r="H38670" s="1" t="s">
        <v>132548</v>
      </c>
      <c r="I38670" s="1" t="s">
        <v>126615</v>
      </c>
      <c r="J38670" s="1" t="s">
        <v>132629</v>
      </c>
    </row>
    <row r="38671" spans="1:10" x14ac:dyDescent="0.35">
      <c r="A38671" s="1" t="s">
        <v>132846</v>
      </c>
      <c r="B38671" s="1" t="s">
        <v>126612</v>
      </c>
      <c r="C38671" s="1" t="s">
        <v>140</v>
      </c>
      <c r="D38671" s="1" t="s">
        <v>132630</v>
      </c>
      <c r="E38671" s="1" t="s">
        <v>107629</v>
      </c>
      <c r="F38671" s="1" t="s">
        <v>132874</v>
      </c>
      <c r="G38671" s="1" t="s">
        <v>132847</v>
      </c>
      <c r="H38671" s="1" t="s">
        <v>132548</v>
      </c>
      <c r="I38671" s="1" t="s">
        <v>126615</v>
      </c>
      <c r="J38671" s="1" t="s">
        <v>132633</v>
      </c>
    </row>
    <row r="38672" spans="1:10" x14ac:dyDescent="0.35">
      <c r="A38672" s="1" t="s">
        <v>132846</v>
      </c>
      <c r="B38672" s="1" t="s">
        <v>126612</v>
      </c>
      <c r="C38672" s="1" t="s">
        <v>145</v>
      </c>
      <c r="D38672" s="1" t="s">
        <v>97088</v>
      </c>
      <c r="E38672" s="1" t="s">
        <v>132875</v>
      </c>
      <c r="F38672" s="1" t="s">
        <v>106520</v>
      </c>
      <c r="G38672" s="1" t="s">
        <v>132847</v>
      </c>
      <c r="H38672" s="1" t="s">
        <v>132548</v>
      </c>
      <c r="I38672" s="1" t="s">
        <v>126615</v>
      </c>
      <c r="J38672" s="1" t="s">
        <v>84399</v>
      </c>
    </row>
    <row r="38673" spans="1:10" x14ac:dyDescent="0.35">
      <c r="A38673" s="1" t="s">
        <v>132846</v>
      </c>
      <c r="B38673" s="1" t="s">
        <v>126612</v>
      </c>
      <c r="C38673" s="1" t="s">
        <v>150</v>
      </c>
      <c r="D38673" s="1" t="s">
        <v>68790</v>
      </c>
      <c r="E38673" s="1" t="s">
        <v>126643</v>
      </c>
      <c r="F38673" s="1" t="s">
        <v>103611</v>
      </c>
      <c r="G38673" s="1" t="s">
        <v>132847</v>
      </c>
      <c r="H38673" s="1" t="s">
        <v>132548</v>
      </c>
      <c r="I38673" s="1" t="s">
        <v>126615</v>
      </c>
      <c r="J38673" s="1" t="s">
        <v>132638</v>
      </c>
    </row>
    <row r="38674" spans="1:10" x14ac:dyDescent="0.35">
      <c r="A38674" s="1" t="s">
        <v>132846</v>
      </c>
      <c r="B38674" s="1" t="s">
        <v>126612</v>
      </c>
      <c r="C38674" s="1" t="s">
        <v>155</v>
      </c>
      <c r="D38674" s="1" t="s">
        <v>65824</v>
      </c>
      <c r="E38674" s="1" t="s">
        <v>127840</v>
      </c>
      <c r="F38674" s="1" t="s">
        <v>132876</v>
      </c>
      <c r="G38674" s="1" t="s">
        <v>132847</v>
      </c>
      <c r="H38674" s="1" t="s">
        <v>132548</v>
      </c>
      <c r="I38674" s="1" t="s">
        <v>126615</v>
      </c>
      <c r="J38674" s="1" t="s">
        <v>132641</v>
      </c>
    </row>
    <row r="38675" spans="1:10" x14ac:dyDescent="0.35">
      <c r="A38675" s="1" t="s">
        <v>132846</v>
      </c>
      <c r="B38675" s="1" t="s">
        <v>126612</v>
      </c>
      <c r="C38675" s="1" t="s">
        <v>160</v>
      </c>
      <c r="D38675" s="1" t="s">
        <v>132642</v>
      </c>
      <c r="E38675" s="1" t="s">
        <v>78856</v>
      </c>
      <c r="F38675" s="1" t="s">
        <v>108816</v>
      </c>
      <c r="G38675" s="1" t="s">
        <v>132847</v>
      </c>
      <c r="H38675" s="1" t="s">
        <v>132548</v>
      </c>
      <c r="I38675" s="1" t="s">
        <v>126615</v>
      </c>
      <c r="J38675" s="1" t="s">
        <v>132645</v>
      </c>
    </row>
    <row r="38676" spans="1:10" x14ac:dyDescent="0.35">
      <c r="A38676" s="1" t="s">
        <v>132846</v>
      </c>
      <c r="B38676" s="1" t="s">
        <v>126612</v>
      </c>
      <c r="C38676" s="1" t="s">
        <v>165</v>
      </c>
      <c r="D38676" s="1" t="s">
        <v>132646</v>
      </c>
      <c r="E38676" s="1" t="s">
        <v>111227</v>
      </c>
      <c r="F38676" s="1" t="s">
        <v>68711</v>
      </c>
      <c r="G38676" s="1" t="s">
        <v>132847</v>
      </c>
      <c r="H38676" s="1" t="s">
        <v>132548</v>
      </c>
      <c r="I38676" s="1" t="s">
        <v>126615</v>
      </c>
      <c r="J38676" s="1" t="s">
        <v>132649</v>
      </c>
    </row>
    <row r="38677" spans="1:10" x14ac:dyDescent="0.35">
      <c r="A38677" s="1" t="s">
        <v>132846</v>
      </c>
      <c r="B38677" s="1" t="s">
        <v>126612</v>
      </c>
      <c r="C38677" s="1" t="s">
        <v>170</v>
      </c>
      <c r="D38677" s="1" t="s">
        <v>56520</v>
      </c>
      <c r="E38677" s="1" t="s">
        <v>132877</v>
      </c>
      <c r="F38677" s="1" t="s">
        <v>99703</v>
      </c>
      <c r="G38677" s="1" t="s">
        <v>132847</v>
      </c>
      <c r="H38677" s="1" t="s">
        <v>132548</v>
      </c>
      <c r="I38677" s="1" t="s">
        <v>126615</v>
      </c>
      <c r="J38677" s="1" t="s">
        <v>132652</v>
      </c>
    </row>
    <row r="38678" spans="1:10" x14ac:dyDescent="0.35">
      <c r="A38678" s="1" t="s">
        <v>4466</v>
      </c>
      <c r="B38678" s="1" t="s">
        <v>126612</v>
      </c>
      <c r="C38678" s="1" t="s">
        <v>8</v>
      </c>
      <c r="D38678" s="1" t="s">
        <v>58330</v>
      </c>
      <c r="E38678" s="1" t="s">
        <v>76356</v>
      </c>
      <c r="F38678" s="1" t="s">
        <v>58626</v>
      </c>
      <c r="G38678" s="1" t="s">
        <v>132878</v>
      </c>
      <c r="H38678" s="1" t="s">
        <v>132879</v>
      </c>
      <c r="I38678" s="1" t="s">
        <v>126615</v>
      </c>
      <c r="J38678" s="1" t="s">
        <v>13</v>
      </c>
    </row>
    <row r="38679" spans="1:10" x14ac:dyDescent="0.35">
      <c r="A38679" s="1" t="s">
        <v>4466</v>
      </c>
      <c r="B38679" s="1" t="s">
        <v>126612</v>
      </c>
      <c r="C38679" s="1" t="s">
        <v>15</v>
      </c>
      <c r="D38679" s="1" t="s">
        <v>60880</v>
      </c>
      <c r="E38679" s="1" t="s">
        <v>108829</v>
      </c>
      <c r="F38679" s="1" t="s">
        <v>70936</v>
      </c>
      <c r="G38679" s="1" t="s">
        <v>132878</v>
      </c>
      <c r="H38679" s="1" t="s">
        <v>132879</v>
      </c>
      <c r="I38679" s="1" t="s">
        <v>126615</v>
      </c>
      <c r="J38679" s="1" t="s">
        <v>132880</v>
      </c>
    </row>
    <row r="38680" spans="1:10" x14ac:dyDescent="0.35">
      <c r="A38680" s="1" t="s">
        <v>4466</v>
      </c>
      <c r="B38680" s="1" t="s">
        <v>126612</v>
      </c>
      <c r="C38680" s="1" t="s">
        <v>20</v>
      </c>
      <c r="D38680" s="1" t="s">
        <v>103600</v>
      </c>
      <c r="E38680" s="1" t="s">
        <v>127034</v>
      </c>
      <c r="F38680" s="1" t="s">
        <v>19897</v>
      </c>
      <c r="G38680" s="1" t="s">
        <v>132878</v>
      </c>
      <c r="H38680" s="1" t="s">
        <v>132879</v>
      </c>
      <c r="I38680" s="1" t="s">
        <v>126615</v>
      </c>
      <c r="J38680" s="1" t="s">
        <v>132881</v>
      </c>
    </row>
    <row r="38681" spans="1:10" x14ac:dyDescent="0.35">
      <c r="A38681" s="1" t="s">
        <v>4466</v>
      </c>
      <c r="B38681" s="1" t="s">
        <v>126612</v>
      </c>
      <c r="C38681" s="1" t="s">
        <v>25</v>
      </c>
      <c r="D38681" s="1" t="s">
        <v>132882</v>
      </c>
      <c r="E38681" s="1" t="s">
        <v>95794</v>
      </c>
      <c r="F38681" s="1" t="s">
        <v>132883</v>
      </c>
      <c r="G38681" s="1" t="s">
        <v>132878</v>
      </c>
      <c r="H38681" s="1" t="s">
        <v>132879</v>
      </c>
      <c r="I38681" s="1" t="s">
        <v>126615</v>
      </c>
      <c r="J38681" s="1" t="s">
        <v>132884</v>
      </c>
    </row>
    <row r="38682" spans="1:10" x14ac:dyDescent="0.35">
      <c r="A38682" s="1" t="s">
        <v>4466</v>
      </c>
      <c r="B38682" s="1" t="s">
        <v>126612</v>
      </c>
      <c r="C38682" s="1" t="s">
        <v>30</v>
      </c>
      <c r="D38682" s="1" t="s">
        <v>132885</v>
      </c>
      <c r="E38682" s="1" t="s">
        <v>132027</v>
      </c>
      <c r="F38682" s="1" t="s">
        <v>132886</v>
      </c>
      <c r="G38682" s="1" t="s">
        <v>132878</v>
      </c>
      <c r="H38682" s="1" t="s">
        <v>132879</v>
      </c>
      <c r="I38682" s="1" t="s">
        <v>126615</v>
      </c>
      <c r="J38682" s="1" t="s">
        <v>132887</v>
      </c>
    </row>
    <row r="38683" spans="1:10" x14ac:dyDescent="0.35">
      <c r="A38683" s="1" t="s">
        <v>4466</v>
      </c>
      <c r="B38683" s="1" t="s">
        <v>126612</v>
      </c>
      <c r="C38683" s="1" t="s">
        <v>35</v>
      </c>
      <c r="D38683" s="1" t="s">
        <v>114002</v>
      </c>
      <c r="E38683" s="1" t="s">
        <v>132888</v>
      </c>
      <c r="F38683" s="1" t="s">
        <v>132889</v>
      </c>
      <c r="G38683" s="1" t="s">
        <v>132878</v>
      </c>
      <c r="H38683" s="1" t="s">
        <v>132879</v>
      </c>
      <c r="I38683" s="1" t="s">
        <v>126615</v>
      </c>
      <c r="J38683" s="1" t="s">
        <v>132890</v>
      </c>
    </row>
    <row r="38684" spans="1:10" x14ac:dyDescent="0.35">
      <c r="A38684" s="1" t="s">
        <v>4466</v>
      </c>
      <c r="B38684" s="1" t="s">
        <v>126612</v>
      </c>
      <c r="C38684" s="1" t="s">
        <v>40</v>
      </c>
      <c r="D38684" s="1" t="s">
        <v>132891</v>
      </c>
      <c r="E38684" s="1" t="s">
        <v>94176</v>
      </c>
      <c r="F38684" s="1" t="s">
        <v>99142</v>
      </c>
      <c r="G38684" s="1" t="s">
        <v>132878</v>
      </c>
      <c r="H38684" s="1" t="s">
        <v>132879</v>
      </c>
      <c r="I38684" s="1" t="s">
        <v>126615</v>
      </c>
      <c r="J38684" s="1" t="s">
        <v>132892</v>
      </c>
    </row>
    <row r="38685" spans="1:10" x14ac:dyDescent="0.35">
      <c r="A38685" s="1" t="s">
        <v>4466</v>
      </c>
      <c r="B38685" s="1" t="s">
        <v>126612</v>
      </c>
      <c r="C38685" s="1" t="s">
        <v>45</v>
      </c>
      <c r="D38685" s="1" t="s">
        <v>132893</v>
      </c>
      <c r="E38685" s="1" t="s">
        <v>128453</v>
      </c>
      <c r="F38685" s="1" t="s">
        <v>63680</v>
      </c>
      <c r="G38685" s="1" t="s">
        <v>132878</v>
      </c>
      <c r="H38685" s="1" t="s">
        <v>132879</v>
      </c>
      <c r="I38685" s="1" t="s">
        <v>126615</v>
      </c>
      <c r="J38685" s="1" t="s">
        <v>132894</v>
      </c>
    </row>
    <row r="38686" spans="1:10" x14ac:dyDescent="0.35">
      <c r="A38686" s="1" t="s">
        <v>4466</v>
      </c>
      <c r="B38686" s="1" t="s">
        <v>126612</v>
      </c>
      <c r="C38686" s="1" t="s">
        <v>50</v>
      </c>
      <c r="D38686" s="1" t="s">
        <v>39261</v>
      </c>
      <c r="E38686" s="1" t="s">
        <v>128486</v>
      </c>
      <c r="F38686" s="1" t="s">
        <v>132895</v>
      </c>
      <c r="G38686" s="1" t="s">
        <v>132878</v>
      </c>
      <c r="H38686" s="1" t="s">
        <v>132879</v>
      </c>
      <c r="I38686" s="1" t="s">
        <v>126615</v>
      </c>
      <c r="J38686" s="1" t="s">
        <v>132896</v>
      </c>
    </row>
    <row r="38687" spans="1:10" x14ac:dyDescent="0.35">
      <c r="A38687" s="1" t="s">
        <v>4466</v>
      </c>
      <c r="B38687" s="1" t="s">
        <v>126612</v>
      </c>
      <c r="C38687" s="1" t="s">
        <v>55</v>
      </c>
      <c r="D38687" s="1" t="s">
        <v>132897</v>
      </c>
      <c r="E38687" s="1" t="s">
        <v>107540</v>
      </c>
      <c r="F38687" s="1" t="s">
        <v>31894</v>
      </c>
      <c r="G38687" s="1" t="s">
        <v>132878</v>
      </c>
      <c r="H38687" s="1" t="s">
        <v>132879</v>
      </c>
      <c r="I38687" s="1" t="s">
        <v>126615</v>
      </c>
      <c r="J38687" s="1" t="s">
        <v>132898</v>
      </c>
    </row>
    <row r="38688" spans="1:10" x14ac:dyDescent="0.35">
      <c r="A38688" s="1" t="s">
        <v>4466</v>
      </c>
      <c r="B38688" s="1" t="s">
        <v>126612</v>
      </c>
      <c r="C38688" s="1" t="s">
        <v>60</v>
      </c>
      <c r="D38688" s="1" t="s">
        <v>22909</v>
      </c>
      <c r="E38688" s="1" t="s">
        <v>16197</v>
      </c>
      <c r="F38688" s="1" t="s">
        <v>132899</v>
      </c>
      <c r="G38688" s="1" t="s">
        <v>132878</v>
      </c>
      <c r="H38688" s="1" t="s">
        <v>132879</v>
      </c>
      <c r="I38688" s="1" t="s">
        <v>126615</v>
      </c>
      <c r="J38688" s="1" t="s">
        <v>132900</v>
      </c>
    </row>
    <row r="38689" spans="1:10" x14ac:dyDescent="0.35">
      <c r="A38689" s="1" t="s">
        <v>4466</v>
      </c>
      <c r="B38689" s="1" t="s">
        <v>126612</v>
      </c>
      <c r="C38689" s="1" t="s">
        <v>65</v>
      </c>
      <c r="D38689" s="1" t="s">
        <v>132901</v>
      </c>
      <c r="E38689" s="1" t="s">
        <v>73386</v>
      </c>
      <c r="F38689" s="1" t="s">
        <v>132902</v>
      </c>
      <c r="G38689" s="1" t="s">
        <v>132878</v>
      </c>
      <c r="H38689" s="1" t="s">
        <v>132879</v>
      </c>
      <c r="I38689" s="1" t="s">
        <v>126615</v>
      </c>
      <c r="J38689" s="1" t="s">
        <v>132903</v>
      </c>
    </row>
    <row r="38690" spans="1:10" x14ac:dyDescent="0.35">
      <c r="A38690" s="1" t="s">
        <v>4466</v>
      </c>
      <c r="B38690" s="1" t="s">
        <v>126612</v>
      </c>
      <c r="C38690" s="1" t="s">
        <v>70</v>
      </c>
      <c r="D38690" s="1" t="s">
        <v>132904</v>
      </c>
      <c r="E38690" s="1" t="s">
        <v>132905</v>
      </c>
      <c r="F38690" s="1" t="s">
        <v>132906</v>
      </c>
      <c r="G38690" s="1" t="s">
        <v>132878</v>
      </c>
      <c r="H38690" s="1" t="s">
        <v>132879</v>
      </c>
      <c r="I38690" s="1" t="s">
        <v>126615</v>
      </c>
      <c r="J38690" s="1" t="s">
        <v>132907</v>
      </c>
    </row>
    <row r="38691" spans="1:10" x14ac:dyDescent="0.35">
      <c r="A38691" s="1" t="s">
        <v>4466</v>
      </c>
      <c r="B38691" s="1" t="s">
        <v>126612</v>
      </c>
      <c r="C38691" s="1" t="s">
        <v>75</v>
      </c>
      <c r="D38691" s="1" t="s">
        <v>132908</v>
      </c>
      <c r="E38691" s="1" t="s">
        <v>132909</v>
      </c>
      <c r="F38691" s="1" t="s">
        <v>132910</v>
      </c>
      <c r="G38691" s="1" t="s">
        <v>132878</v>
      </c>
      <c r="H38691" s="1" t="s">
        <v>132879</v>
      </c>
      <c r="I38691" s="1" t="s">
        <v>126615</v>
      </c>
      <c r="J38691" s="1" t="s">
        <v>132911</v>
      </c>
    </row>
    <row r="38692" spans="1:10" x14ac:dyDescent="0.35">
      <c r="A38692" s="1" t="s">
        <v>4466</v>
      </c>
      <c r="B38692" s="1" t="s">
        <v>126612</v>
      </c>
      <c r="C38692" s="1" t="s">
        <v>80</v>
      </c>
      <c r="D38692" s="1" t="s">
        <v>132912</v>
      </c>
      <c r="E38692" s="1" t="s">
        <v>30656</v>
      </c>
      <c r="F38692" s="1" t="s">
        <v>67806</v>
      </c>
      <c r="G38692" s="1" t="s">
        <v>132878</v>
      </c>
      <c r="H38692" s="1" t="s">
        <v>132879</v>
      </c>
      <c r="I38692" s="1" t="s">
        <v>126615</v>
      </c>
      <c r="J38692" s="1" t="s">
        <v>132913</v>
      </c>
    </row>
    <row r="38693" spans="1:10" x14ac:dyDescent="0.35">
      <c r="A38693" s="1" t="s">
        <v>4466</v>
      </c>
      <c r="B38693" s="1" t="s">
        <v>126612</v>
      </c>
      <c r="C38693" s="1" t="s">
        <v>85</v>
      </c>
      <c r="D38693" s="1" t="s">
        <v>85544</v>
      </c>
      <c r="E38693" s="1" t="s">
        <v>77741</v>
      </c>
      <c r="F38693" s="1" t="s">
        <v>132914</v>
      </c>
      <c r="G38693" s="1" t="s">
        <v>132878</v>
      </c>
      <c r="H38693" s="1" t="s">
        <v>132879</v>
      </c>
      <c r="I38693" s="1" t="s">
        <v>126615</v>
      </c>
      <c r="J38693" s="1" t="s">
        <v>132915</v>
      </c>
    </row>
    <row r="38694" spans="1:10" x14ac:dyDescent="0.35">
      <c r="A38694" s="1" t="s">
        <v>4466</v>
      </c>
      <c r="B38694" s="1" t="s">
        <v>126612</v>
      </c>
      <c r="C38694" s="1" t="s">
        <v>90</v>
      </c>
      <c r="D38694" s="1" t="s">
        <v>132916</v>
      </c>
      <c r="E38694" s="1" t="s">
        <v>129357</v>
      </c>
      <c r="F38694" s="1" t="s">
        <v>103855</v>
      </c>
      <c r="G38694" s="1" t="s">
        <v>132878</v>
      </c>
      <c r="H38694" s="1" t="s">
        <v>132879</v>
      </c>
      <c r="I38694" s="1" t="s">
        <v>126615</v>
      </c>
      <c r="J38694" s="1" t="s">
        <v>132917</v>
      </c>
    </row>
    <row r="38695" spans="1:10" x14ac:dyDescent="0.35">
      <c r="A38695" s="1" t="s">
        <v>4466</v>
      </c>
      <c r="B38695" s="1" t="s">
        <v>126612</v>
      </c>
      <c r="C38695" s="1" t="s">
        <v>95</v>
      </c>
      <c r="D38695" s="1" t="s">
        <v>70452</v>
      </c>
      <c r="E38695" s="1" t="s">
        <v>70915</v>
      </c>
      <c r="F38695" s="1" t="s">
        <v>132918</v>
      </c>
      <c r="G38695" s="1" t="s">
        <v>132878</v>
      </c>
      <c r="H38695" s="1" t="s">
        <v>132879</v>
      </c>
      <c r="I38695" s="1" t="s">
        <v>126615</v>
      </c>
      <c r="J38695" s="1" t="s">
        <v>132919</v>
      </c>
    </row>
    <row r="38696" spans="1:10" x14ac:dyDescent="0.35">
      <c r="A38696" s="1" t="s">
        <v>4466</v>
      </c>
      <c r="B38696" s="1" t="s">
        <v>126612</v>
      </c>
      <c r="C38696" s="1" t="s">
        <v>100</v>
      </c>
      <c r="D38696" s="1" t="s">
        <v>59059</v>
      </c>
      <c r="E38696" s="1" t="s">
        <v>130806</v>
      </c>
      <c r="F38696" s="1" t="s">
        <v>132920</v>
      </c>
      <c r="G38696" s="1" t="s">
        <v>132878</v>
      </c>
      <c r="H38696" s="1" t="s">
        <v>132879</v>
      </c>
      <c r="I38696" s="1" t="s">
        <v>126615</v>
      </c>
      <c r="J38696" s="1" t="s">
        <v>132921</v>
      </c>
    </row>
    <row r="38697" spans="1:10" x14ac:dyDescent="0.35">
      <c r="A38697" s="1" t="s">
        <v>4466</v>
      </c>
      <c r="B38697" s="1" t="s">
        <v>126612</v>
      </c>
      <c r="C38697" s="1" t="s">
        <v>105</v>
      </c>
      <c r="D38697" s="1" t="s">
        <v>41562</v>
      </c>
      <c r="E38697" s="1" t="s">
        <v>132922</v>
      </c>
      <c r="F38697" s="1" t="s">
        <v>56373</v>
      </c>
      <c r="G38697" s="1" t="s">
        <v>132878</v>
      </c>
      <c r="H38697" s="1" t="s">
        <v>132879</v>
      </c>
      <c r="I38697" s="1" t="s">
        <v>126615</v>
      </c>
      <c r="J38697" s="1" t="s">
        <v>132923</v>
      </c>
    </row>
    <row r="38698" spans="1:10" x14ac:dyDescent="0.35">
      <c r="A38698" s="1" t="s">
        <v>4466</v>
      </c>
      <c r="B38698" s="1" t="s">
        <v>126612</v>
      </c>
      <c r="C38698" s="1" t="s">
        <v>110</v>
      </c>
      <c r="D38698" s="1" t="s">
        <v>26523</v>
      </c>
      <c r="E38698" s="1" t="s">
        <v>95794</v>
      </c>
      <c r="F38698" s="1" t="s">
        <v>132924</v>
      </c>
      <c r="G38698" s="1" t="s">
        <v>132878</v>
      </c>
      <c r="H38698" s="1" t="s">
        <v>132879</v>
      </c>
      <c r="I38698" s="1" t="s">
        <v>126615</v>
      </c>
      <c r="J38698" s="1" t="s">
        <v>132925</v>
      </c>
    </row>
    <row r="38699" spans="1:10" x14ac:dyDescent="0.35">
      <c r="A38699" s="1" t="s">
        <v>4466</v>
      </c>
      <c r="B38699" s="1" t="s">
        <v>126612</v>
      </c>
      <c r="C38699" s="1" t="s">
        <v>115</v>
      </c>
      <c r="D38699" s="1" t="s">
        <v>90044</v>
      </c>
      <c r="E38699" s="1" t="s">
        <v>132926</v>
      </c>
      <c r="F38699" s="1" t="s">
        <v>132927</v>
      </c>
      <c r="G38699" s="1" t="s">
        <v>132878</v>
      </c>
      <c r="H38699" s="1" t="s">
        <v>132879</v>
      </c>
      <c r="I38699" s="1" t="s">
        <v>126615</v>
      </c>
      <c r="J38699" s="1" t="s">
        <v>132928</v>
      </c>
    </row>
    <row r="38700" spans="1:10" x14ac:dyDescent="0.35">
      <c r="A38700" s="1" t="s">
        <v>4466</v>
      </c>
      <c r="B38700" s="1" t="s">
        <v>126612</v>
      </c>
      <c r="C38700" s="1" t="s">
        <v>120</v>
      </c>
      <c r="D38700" s="1" t="s">
        <v>132929</v>
      </c>
      <c r="E38700" s="1" t="s">
        <v>128442</v>
      </c>
      <c r="F38700" s="1" t="s">
        <v>132930</v>
      </c>
      <c r="G38700" s="1" t="s">
        <v>132878</v>
      </c>
      <c r="H38700" s="1" t="s">
        <v>132879</v>
      </c>
      <c r="I38700" s="1" t="s">
        <v>126615</v>
      </c>
      <c r="J38700" s="1" t="s">
        <v>132931</v>
      </c>
    </row>
    <row r="38701" spans="1:10" x14ac:dyDescent="0.35">
      <c r="A38701" s="1" t="s">
        <v>4466</v>
      </c>
      <c r="B38701" s="1" t="s">
        <v>126612</v>
      </c>
      <c r="C38701" s="1" t="s">
        <v>125</v>
      </c>
      <c r="D38701" s="1" t="s">
        <v>132932</v>
      </c>
      <c r="E38701" s="1" t="s">
        <v>15973</v>
      </c>
      <c r="F38701" s="1" t="s">
        <v>108270</v>
      </c>
      <c r="G38701" s="1" t="s">
        <v>132878</v>
      </c>
      <c r="H38701" s="1" t="s">
        <v>132879</v>
      </c>
      <c r="I38701" s="1" t="s">
        <v>126615</v>
      </c>
      <c r="J38701" s="1" t="s">
        <v>132933</v>
      </c>
    </row>
    <row r="38702" spans="1:10" x14ac:dyDescent="0.35">
      <c r="A38702" s="1" t="s">
        <v>4466</v>
      </c>
      <c r="B38702" s="1" t="s">
        <v>126612</v>
      </c>
      <c r="C38702" s="1" t="s">
        <v>130</v>
      </c>
      <c r="D38702" s="1" t="s">
        <v>132934</v>
      </c>
      <c r="E38702" s="1" t="s">
        <v>94738</v>
      </c>
      <c r="F38702" s="1" t="s">
        <v>132935</v>
      </c>
      <c r="G38702" s="1" t="s">
        <v>132878</v>
      </c>
      <c r="H38702" s="1" t="s">
        <v>132879</v>
      </c>
      <c r="I38702" s="1" t="s">
        <v>126615</v>
      </c>
      <c r="J38702" s="1" t="s">
        <v>132936</v>
      </c>
    </row>
    <row r="38703" spans="1:10" x14ac:dyDescent="0.35">
      <c r="A38703" s="1" t="s">
        <v>4466</v>
      </c>
      <c r="B38703" s="1" t="s">
        <v>126612</v>
      </c>
      <c r="C38703" s="1" t="s">
        <v>135</v>
      </c>
      <c r="D38703" s="1" t="s">
        <v>132937</v>
      </c>
      <c r="E38703" s="1" t="s">
        <v>105955</v>
      </c>
      <c r="F38703" s="1" t="s">
        <v>62744</v>
      </c>
      <c r="G38703" s="1" t="s">
        <v>132878</v>
      </c>
      <c r="H38703" s="1" t="s">
        <v>132879</v>
      </c>
      <c r="I38703" s="1" t="s">
        <v>126615</v>
      </c>
      <c r="J38703" s="1" t="s">
        <v>132938</v>
      </c>
    </row>
    <row r="38704" spans="1:10" x14ac:dyDescent="0.35">
      <c r="A38704" s="1" t="s">
        <v>4466</v>
      </c>
      <c r="B38704" s="1" t="s">
        <v>126612</v>
      </c>
      <c r="C38704" s="1" t="s">
        <v>140</v>
      </c>
      <c r="D38704" s="1" t="s">
        <v>132939</v>
      </c>
      <c r="E38704" s="1" t="s">
        <v>95799</v>
      </c>
      <c r="F38704" s="1" t="s">
        <v>55258</v>
      </c>
      <c r="G38704" s="1" t="s">
        <v>132878</v>
      </c>
      <c r="H38704" s="1" t="s">
        <v>132879</v>
      </c>
      <c r="I38704" s="1" t="s">
        <v>126615</v>
      </c>
      <c r="J38704" s="1" t="s">
        <v>132940</v>
      </c>
    </row>
    <row r="38705" spans="1:10" x14ac:dyDescent="0.35">
      <c r="A38705" s="1" t="s">
        <v>4466</v>
      </c>
      <c r="B38705" s="1" t="s">
        <v>126612</v>
      </c>
      <c r="C38705" s="1" t="s">
        <v>145</v>
      </c>
      <c r="D38705" s="1" t="s">
        <v>104042</v>
      </c>
      <c r="E38705" s="1" t="s">
        <v>132941</v>
      </c>
      <c r="F38705" s="1" t="s">
        <v>132942</v>
      </c>
      <c r="G38705" s="1" t="s">
        <v>132878</v>
      </c>
      <c r="H38705" s="1" t="s">
        <v>132879</v>
      </c>
      <c r="I38705" s="1" t="s">
        <v>126615</v>
      </c>
      <c r="J38705" s="1" t="s">
        <v>132943</v>
      </c>
    </row>
    <row r="38706" spans="1:10" x14ac:dyDescent="0.35">
      <c r="A38706" s="1" t="s">
        <v>4466</v>
      </c>
      <c r="B38706" s="1" t="s">
        <v>126612</v>
      </c>
      <c r="C38706" s="1" t="s">
        <v>150</v>
      </c>
      <c r="D38706" s="1" t="s">
        <v>132944</v>
      </c>
      <c r="E38706" s="1" t="s">
        <v>132945</v>
      </c>
      <c r="F38706" s="1" t="s">
        <v>132946</v>
      </c>
      <c r="G38706" s="1" t="s">
        <v>132878</v>
      </c>
      <c r="H38706" s="1" t="s">
        <v>132879</v>
      </c>
      <c r="I38706" s="1" t="s">
        <v>126615</v>
      </c>
      <c r="J38706" s="1" t="s">
        <v>132947</v>
      </c>
    </row>
    <row r="38707" spans="1:10" x14ac:dyDescent="0.35">
      <c r="A38707" s="1" t="s">
        <v>4466</v>
      </c>
      <c r="B38707" s="1" t="s">
        <v>126612</v>
      </c>
      <c r="C38707" s="1" t="s">
        <v>155</v>
      </c>
      <c r="D38707" s="1" t="s">
        <v>132948</v>
      </c>
      <c r="E38707" s="1" t="s">
        <v>128670</v>
      </c>
      <c r="F38707" s="1" t="s">
        <v>68885</v>
      </c>
      <c r="G38707" s="1" t="s">
        <v>132878</v>
      </c>
      <c r="H38707" s="1" t="s">
        <v>132879</v>
      </c>
      <c r="I38707" s="1" t="s">
        <v>126615</v>
      </c>
      <c r="J38707" s="1" t="s">
        <v>132949</v>
      </c>
    </row>
    <row r="38708" spans="1:10" x14ac:dyDescent="0.35">
      <c r="A38708" s="1" t="s">
        <v>4466</v>
      </c>
      <c r="B38708" s="1" t="s">
        <v>126612</v>
      </c>
      <c r="C38708" s="1" t="s">
        <v>160</v>
      </c>
      <c r="D38708" s="1" t="s">
        <v>132950</v>
      </c>
      <c r="E38708" s="1" t="s">
        <v>108678</v>
      </c>
      <c r="F38708" s="1" t="s">
        <v>99796</v>
      </c>
      <c r="G38708" s="1" t="s">
        <v>132878</v>
      </c>
      <c r="H38708" s="1" t="s">
        <v>132879</v>
      </c>
      <c r="I38708" s="1" t="s">
        <v>126615</v>
      </c>
      <c r="J38708" s="1" t="s">
        <v>132951</v>
      </c>
    </row>
    <row r="38709" spans="1:10" x14ac:dyDescent="0.35">
      <c r="A38709" s="1" t="s">
        <v>4466</v>
      </c>
      <c r="B38709" s="1" t="s">
        <v>126612</v>
      </c>
      <c r="C38709" s="1" t="s">
        <v>165</v>
      </c>
      <c r="D38709" s="1" t="s">
        <v>87946</v>
      </c>
      <c r="E38709" s="1" t="s">
        <v>132952</v>
      </c>
      <c r="F38709" s="1" t="s">
        <v>132953</v>
      </c>
      <c r="G38709" s="1" t="s">
        <v>132878</v>
      </c>
      <c r="H38709" s="1" t="s">
        <v>132879</v>
      </c>
      <c r="I38709" s="1" t="s">
        <v>126615</v>
      </c>
      <c r="J38709" s="1" t="s">
        <v>132954</v>
      </c>
    </row>
    <row r="38710" spans="1:10" x14ac:dyDescent="0.35">
      <c r="A38710" s="1" t="s">
        <v>4466</v>
      </c>
      <c r="B38710" s="1" t="s">
        <v>126612</v>
      </c>
      <c r="C38710" s="1" t="s">
        <v>170</v>
      </c>
      <c r="D38710" s="1" t="s">
        <v>132955</v>
      </c>
      <c r="E38710" s="1" t="s">
        <v>132956</v>
      </c>
      <c r="F38710" s="1" t="s">
        <v>101996</v>
      </c>
      <c r="G38710" s="1" t="s">
        <v>132878</v>
      </c>
      <c r="H38710" s="1" t="s">
        <v>132879</v>
      </c>
      <c r="I38710" s="1" t="s">
        <v>126615</v>
      </c>
      <c r="J38710" s="1" t="s">
        <v>132957</v>
      </c>
    </row>
    <row r="38711" spans="1:10" x14ac:dyDescent="0.35">
      <c r="A38711" s="1" t="s">
        <v>13203</v>
      </c>
      <c r="B38711" s="1" t="s">
        <v>126612</v>
      </c>
      <c r="C38711" s="1" t="s">
        <v>8</v>
      </c>
      <c r="D38711" s="1" t="s">
        <v>132958</v>
      </c>
      <c r="E38711" s="1" t="s">
        <v>132959</v>
      </c>
      <c r="F38711" s="1" t="s">
        <v>132960</v>
      </c>
      <c r="G38711" s="1" t="s">
        <v>132961</v>
      </c>
      <c r="H38711" s="1" t="s">
        <v>132962</v>
      </c>
      <c r="I38711" s="1" t="s">
        <v>126615</v>
      </c>
      <c r="J38711" s="1" t="s">
        <v>13</v>
      </c>
    </row>
    <row r="38712" spans="1:10" x14ac:dyDescent="0.35">
      <c r="A38712" s="1" t="s">
        <v>13203</v>
      </c>
      <c r="B38712" s="1" t="s">
        <v>126612</v>
      </c>
      <c r="C38712" s="1" t="s">
        <v>15</v>
      </c>
      <c r="D38712" s="1" t="s">
        <v>15175</v>
      </c>
      <c r="E38712" s="1" t="s">
        <v>132963</v>
      </c>
      <c r="F38712" s="1" t="s">
        <v>132964</v>
      </c>
      <c r="G38712" s="1" t="s">
        <v>132961</v>
      </c>
      <c r="H38712" s="1" t="s">
        <v>132962</v>
      </c>
      <c r="I38712" s="1" t="s">
        <v>126615</v>
      </c>
      <c r="J38712" s="1" t="s">
        <v>132965</v>
      </c>
    </row>
    <row r="38713" spans="1:10" x14ac:dyDescent="0.35">
      <c r="A38713" s="1" t="s">
        <v>13203</v>
      </c>
      <c r="B38713" s="1" t="s">
        <v>126612</v>
      </c>
      <c r="C38713" s="1" t="s">
        <v>20</v>
      </c>
      <c r="D38713" s="1" t="s">
        <v>132966</v>
      </c>
      <c r="E38713" s="1" t="s">
        <v>132967</v>
      </c>
      <c r="F38713" s="1" t="s">
        <v>132968</v>
      </c>
      <c r="G38713" s="1" t="s">
        <v>132961</v>
      </c>
      <c r="H38713" s="1" t="s">
        <v>132962</v>
      </c>
      <c r="I38713" s="1" t="s">
        <v>126615</v>
      </c>
      <c r="J38713" s="1" t="s">
        <v>132969</v>
      </c>
    </row>
    <row r="38714" spans="1:10" x14ac:dyDescent="0.35">
      <c r="A38714" s="1" t="s">
        <v>13203</v>
      </c>
      <c r="B38714" s="1" t="s">
        <v>126612</v>
      </c>
      <c r="C38714" s="1" t="s">
        <v>25</v>
      </c>
      <c r="D38714" s="1" t="s">
        <v>132970</v>
      </c>
      <c r="E38714" s="1" t="s">
        <v>132971</v>
      </c>
      <c r="F38714" s="1" t="s">
        <v>132972</v>
      </c>
      <c r="G38714" s="1" t="s">
        <v>132961</v>
      </c>
      <c r="H38714" s="1" t="s">
        <v>132962</v>
      </c>
      <c r="I38714" s="1" t="s">
        <v>126615</v>
      </c>
      <c r="J38714" s="1" t="s">
        <v>132973</v>
      </c>
    </row>
    <row r="38715" spans="1:10" x14ac:dyDescent="0.35">
      <c r="A38715" s="1" t="s">
        <v>13203</v>
      </c>
      <c r="B38715" s="1" t="s">
        <v>126612</v>
      </c>
      <c r="C38715" s="1" t="s">
        <v>30</v>
      </c>
      <c r="D38715" s="1" t="s">
        <v>44006</v>
      </c>
      <c r="E38715" s="1" t="s">
        <v>132974</v>
      </c>
      <c r="F38715" s="1" t="s">
        <v>132975</v>
      </c>
      <c r="G38715" s="1" t="s">
        <v>132961</v>
      </c>
      <c r="H38715" s="1" t="s">
        <v>132962</v>
      </c>
      <c r="I38715" s="1" t="s">
        <v>126615</v>
      </c>
      <c r="J38715" s="1" t="s">
        <v>132976</v>
      </c>
    </row>
    <row r="38716" spans="1:10" x14ac:dyDescent="0.35">
      <c r="A38716" s="1" t="s">
        <v>13203</v>
      </c>
      <c r="B38716" s="1" t="s">
        <v>126612</v>
      </c>
      <c r="C38716" s="1" t="s">
        <v>35</v>
      </c>
      <c r="D38716" s="1" t="s">
        <v>70187</v>
      </c>
      <c r="E38716" s="1" t="s">
        <v>132977</v>
      </c>
      <c r="F38716" s="1" t="s">
        <v>132978</v>
      </c>
      <c r="G38716" s="1" t="s">
        <v>132961</v>
      </c>
      <c r="H38716" s="1" t="s">
        <v>132962</v>
      </c>
      <c r="I38716" s="1" t="s">
        <v>126615</v>
      </c>
      <c r="J38716" s="1" t="s">
        <v>132979</v>
      </c>
    </row>
    <row r="38717" spans="1:10" x14ac:dyDescent="0.35">
      <c r="A38717" s="1" t="s">
        <v>13203</v>
      </c>
      <c r="B38717" s="1" t="s">
        <v>126612</v>
      </c>
      <c r="C38717" s="1" t="s">
        <v>40</v>
      </c>
      <c r="D38717" s="1" t="s">
        <v>132980</v>
      </c>
      <c r="E38717" s="1" t="s">
        <v>132981</v>
      </c>
      <c r="F38717" s="1" t="s">
        <v>132982</v>
      </c>
      <c r="G38717" s="1" t="s">
        <v>132961</v>
      </c>
      <c r="H38717" s="1" t="s">
        <v>132962</v>
      </c>
      <c r="I38717" s="1" t="s">
        <v>126615</v>
      </c>
      <c r="J38717" s="1" t="s">
        <v>132983</v>
      </c>
    </row>
    <row r="38718" spans="1:10" x14ac:dyDescent="0.35">
      <c r="A38718" s="1" t="s">
        <v>13203</v>
      </c>
      <c r="B38718" s="1" t="s">
        <v>126612</v>
      </c>
      <c r="C38718" s="1" t="s">
        <v>45</v>
      </c>
      <c r="D38718" s="1" t="s">
        <v>132984</v>
      </c>
      <c r="E38718" s="1" t="s">
        <v>132985</v>
      </c>
      <c r="F38718" s="1" t="s">
        <v>132986</v>
      </c>
      <c r="G38718" s="1" t="s">
        <v>132961</v>
      </c>
      <c r="H38718" s="1" t="s">
        <v>132962</v>
      </c>
      <c r="I38718" s="1" t="s">
        <v>126615</v>
      </c>
      <c r="J38718" s="1" t="s">
        <v>129466</v>
      </c>
    </row>
    <row r="38719" spans="1:10" x14ac:dyDescent="0.35">
      <c r="A38719" s="1" t="s">
        <v>13203</v>
      </c>
      <c r="B38719" s="1" t="s">
        <v>126612</v>
      </c>
      <c r="C38719" s="1" t="s">
        <v>50</v>
      </c>
      <c r="D38719" s="1" t="s">
        <v>132987</v>
      </c>
      <c r="E38719" s="1" t="s">
        <v>132988</v>
      </c>
      <c r="F38719" s="1" t="s">
        <v>132989</v>
      </c>
      <c r="G38719" s="1" t="s">
        <v>132961</v>
      </c>
      <c r="H38719" s="1" t="s">
        <v>132962</v>
      </c>
      <c r="I38719" s="1" t="s">
        <v>126615</v>
      </c>
      <c r="J38719" s="1" t="s">
        <v>132990</v>
      </c>
    </row>
    <row r="38720" spans="1:10" x14ac:dyDescent="0.35">
      <c r="A38720" s="1" t="s">
        <v>13203</v>
      </c>
      <c r="B38720" s="1" t="s">
        <v>126612</v>
      </c>
      <c r="C38720" s="1" t="s">
        <v>55</v>
      </c>
      <c r="D38720" s="1" t="s">
        <v>132991</v>
      </c>
      <c r="E38720" s="1" t="s">
        <v>132992</v>
      </c>
      <c r="F38720" s="1" t="s">
        <v>132993</v>
      </c>
      <c r="G38720" s="1" t="s">
        <v>132961</v>
      </c>
      <c r="H38720" s="1" t="s">
        <v>132962</v>
      </c>
      <c r="I38720" s="1" t="s">
        <v>126615</v>
      </c>
      <c r="J38720" s="1" t="s">
        <v>132994</v>
      </c>
    </row>
    <row r="38721" spans="1:10" x14ac:dyDescent="0.35">
      <c r="A38721" s="1" t="s">
        <v>13203</v>
      </c>
      <c r="B38721" s="1" t="s">
        <v>126612</v>
      </c>
      <c r="C38721" s="1" t="s">
        <v>60</v>
      </c>
      <c r="D38721" s="1" t="s">
        <v>132995</v>
      </c>
      <c r="E38721" s="1" t="s">
        <v>132996</v>
      </c>
      <c r="F38721" s="1" t="s">
        <v>132997</v>
      </c>
      <c r="G38721" s="1" t="s">
        <v>132961</v>
      </c>
      <c r="H38721" s="1" t="s">
        <v>132962</v>
      </c>
      <c r="I38721" s="1" t="s">
        <v>126615</v>
      </c>
      <c r="J38721" s="1" t="s">
        <v>132998</v>
      </c>
    </row>
    <row r="38722" spans="1:10" x14ac:dyDescent="0.35">
      <c r="A38722" s="1" t="s">
        <v>13203</v>
      </c>
      <c r="B38722" s="1" t="s">
        <v>126612</v>
      </c>
      <c r="C38722" s="1" t="s">
        <v>65</v>
      </c>
      <c r="D38722" s="1" t="s">
        <v>127204</v>
      </c>
      <c r="E38722" s="1" t="s">
        <v>132999</v>
      </c>
      <c r="F38722" s="1" t="s">
        <v>31729</v>
      </c>
      <c r="G38722" s="1" t="s">
        <v>132961</v>
      </c>
      <c r="H38722" s="1" t="s">
        <v>132962</v>
      </c>
      <c r="I38722" s="1" t="s">
        <v>126615</v>
      </c>
      <c r="J38722" s="1" t="s">
        <v>133000</v>
      </c>
    </row>
    <row r="38723" spans="1:10" x14ac:dyDescent="0.35">
      <c r="A38723" s="1" t="s">
        <v>13203</v>
      </c>
      <c r="B38723" s="1" t="s">
        <v>126612</v>
      </c>
      <c r="C38723" s="1" t="s">
        <v>70</v>
      </c>
      <c r="D38723" s="1" t="s">
        <v>133001</v>
      </c>
      <c r="E38723" s="1" t="s">
        <v>133002</v>
      </c>
      <c r="F38723" s="1" t="s">
        <v>133003</v>
      </c>
      <c r="G38723" s="1" t="s">
        <v>132961</v>
      </c>
      <c r="H38723" s="1" t="s">
        <v>132962</v>
      </c>
      <c r="I38723" s="1" t="s">
        <v>126615</v>
      </c>
      <c r="J38723" s="1" t="s">
        <v>133004</v>
      </c>
    </row>
    <row r="38724" spans="1:10" x14ac:dyDescent="0.35">
      <c r="A38724" s="1" t="s">
        <v>13203</v>
      </c>
      <c r="B38724" s="1" t="s">
        <v>126612</v>
      </c>
      <c r="C38724" s="1" t="s">
        <v>75</v>
      </c>
      <c r="D38724" s="1" t="s">
        <v>133005</v>
      </c>
      <c r="E38724" s="1" t="s">
        <v>133006</v>
      </c>
      <c r="F38724" s="1" t="s">
        <v>133007</v>
      </c>
      <c r="G38724" s="1" t="s">
        <v>132961</v>
      </c>
      <c r="H38724" s="1" t="s">
        <v>132962</v>
      </c>
      <c r="I38724" s="1" t="s">
        <v>126615</v>
      </c>
      <c r="J38724" s="1" t="s">
        <v>133008</v>
      </c>
    </row>
    <row r="38725" spans="1:10" x14ac:dyDescent="0.35">
      <c r="A38725" s="1" t="s">
        <v>13203</v>
      </c>
      <c r="B38725" s="1" t="s">
        <v>126612</v>
      </c>
      <c r="C38725" s="1" t="s">
        <v>80</v>
      </c>
      <c r="D38725" s="1" t="s">
        <v>127737</v>
      </c>
      <c r="E38725" s="1" t="s">
        <v>133009</v>
      </c>
      <c r="F38725" s="1" t="s">
        <v>133010</v>
      </c>
      <c r="G38725" s="1" t="s">
        <v>132961</v>
      </c>
      <c r="H38725" s="1" t="s">
        <v>132962</v>
      </c>
      <c r="I38725" s="1" t="s">
        <v>126615</v>
      </c>
      <c r="J38725" s="1" t="s">
        <v>133011</v>
      </c>
    </row>
    <row r="38726" spans="1:10" x14ac:dyDescent="0.35">
      <c r="A38726" s="1" t="s">
        <v>13203</v>
      </c>
      <c r="B38726" s="1" t="s">
        <v>126612</v>
      </c>
      <c r="C38726" s="1" t="s">
        <v>85</v>
      </c>
      <c r="D38726" s="1" t="s">
        <v>133012</v>
      </c>
      <c r="E38726" s="1" t="s">
        <v>133013</v>
      </c>
      <c r="F38726" s="1" t="s">
        <v>133014</v>
      </c>
      <c r="G38726" s="1" t="s">
        <v>132961</v>
      </c>
      <c r="H38726" s="1" t="s">
        <v>132962</v>
      </c>
      <c r="I38726" s="1" t="s">
        <v>126615</v>
      </c>
      <c r="J38726" s="1" t="s">
        <v>133015</v>
      </c>
    </row>
    <row r="38727" spans="1:10" x14ac:dyDescent="0.35">
      <c r="A38727" s="1" t="s">
        <v>13203</v>
      </c>
      <c r="B38727" s="1" t="s">
        <v>126612</v>
      </c>
      <c r="C38727" s="1" t="s">
        <v>90</v>
      </c>
      <c r="D38727" s="1" t="s">
        <v>133016</v>
      </c>
      <c r="E38727" s="1" t="s">
        <v>133017</v>
      </c>
      <c r="F38727" s="1" t="s">
        <v>133018</v>
      </c>
      <c r="G38727" s="1" t="s">
        <v>132961</v>
      </c>
      <c r="H38727" s="1" t="s">
        <v>132962</v>
      </c>
      <c r="I38727" s="1" t="s">
        <v>126615</v>
      </c>
      <c r="J38727" s="1" t="s">
        <v>133019</v>
      </c>
    </row>
    <row r="38728" spans="1:10" x14ac:dyDescent="0.35">
      <c r="A38728" s="1" t="s">
        <v>13203</v>
      </c>
      <c r="B38728" s="1" t="s">
        <v>126612</v>
      </c>
      <c r="C38728" s="1" t="s">
        <v>95</v>
      </c>
      <c r="D38728" s="1" t="s">
        <v>133020</v>
      </c>
      <c r="E38728" s="1" t="s">
        <v>133021</v>
      </c>
      <c r="F38728" s="1" t="s">
        <v>133022</v>
      </c>
      <c r="G38728" s="1" t="s">
        <v>132961</v>
      </c>
      <c r="H38728" s="1" t="s">
        <v>132962</v>
      </c>
      <c r="I38728" s="1" t="s">
        <v>126615</v>
      </c>
      <c r="J38728" s="1" t="s">
        <v>133023</v>
      </c>
    </row>
    <row r="38729" spans="1:10" x14ac:dyDescent="0.35">
      <c r="A38729" s="1" t="s">
        <v>13203</v>
      </c>
      <c r="B38729" s="1" t="s">
        <v>126612</v>
      </c>
      <c r="C38729" s="1" t="s">
        <v>100</v>
      </c>
      <c r="D38729" s="1" t="s">
        <v>133024</v>
      </c>
      <c r="E38729" s="1" t="s">
        <v>133025</v>
      </c>
      <c r="F38729" s="1" t="s">
        <v>133026</v>
      </c>
      <c r="G38729" s="1" t="s">
        <v>132961</v>
      </c>
      <c r="H38729" s="1" t="s">
        <v>132962</v>
      </c>
      <c r="I38729" s="1" t="s">
        <v>126615</v>
      </c>
      <c r="J38729" s="1" t="s">
        <v>133027</v>
      </c>
    </row>
    <row r="38730" spans="1:10" x14ac:dyDescent="0.35">
      <c r="A38730" s="1" t="s">
        <v>13203</v>
      </c>
      <c r="B38730" s="1" t="s">
        <v>126612</v>
      </c>
      <c r="C38730" s="1" t="s">
        <v>105</v>
      </c>
      <c r="D38730" s="1" t="s">
        <v>133028</v>
      </c>
      <c r="E38730" s="1" t="s">
        <v>133029</v>
      </c>
      <c r="F38730" s="1" t="s">
        <v>133030</v>
      </c>
      <c r="G38730" s="1" t="s">
        <v>132961</v>
      </c>
      <c r="H38730" s="1" t="s">
        <v>132962</v>
      </c>
      <c r="I38730" s="1" t="s">
        <v>126615</v>
      </c>
      <c r="J38730" s="1" t="s">
        <v>133031</v>
      </c>
    </row>
    <row r="38731" spans="1:10" x14ac:dyDescent="0.35">
      <c r="A38731" s="1" t="s">
        <v>13203</v>
      </c>
      <c r="B38731" s="1" t="s">
        <v>126612</v>
      </c>
      <c r="C38731" s="1" t="s">
        <v>110</v>
      </c>
      <c r="D38731" s="1" t="s">
        <v>67319</v>
      </c>
      <c r="E38731" s="1" t="s">
        <v>133032</v>
      </c>
      <c r="F38731" s="1" t="s">
        <v>133033</v>
      </c>
      <c r="G38731" s="1" t="s">
        <v>132961</v>
      </c>
      <c r="H38731" s="1" t="s">
        <v>132962</v>
      </c>
      <c r="I38731" s="1" t="s">
        <v>126615</v>
      </c>
      <c r="J38731" s="1" t="s">
        <v>133034</v>
      </c>
    </row>
    <row r="38732" spans="1:10" x14ac:dyDescent="0.35">
      <c r="A38732" s="1" t="s">
        <v>13203</v>
      </c>
      <c r="B38732" s="1" t="s">
        <v>126612</v>
      </c>
      <c r="C38732" s="1" t="s">
        <v>115</v>
      </c>
      <c r="D38732" s="1" t="s">
        <v>40909</v>
      </c>
      <c r="E38732" s="1" t="s">
        <v>133035</v>
      </c>
      <c r="F38732" s="1" t="s">
        <v>133036</v>
      </c>
      <c r="G38732" s="1" t="s">
        <v>132961</v>
      </c>
      <c r="H38732" s="1" t="s">
        <v>132962</v>
      </c>
      <c r="I38732" s="1" t="s">
        <v>126615</v>
      </c>
      <c r="J38732" s="1" t="s">
        <v>133037</v>
      </c>
    </row>
    <row r="38733" spans="1:10" x14ac:dyDescent="0.35">
      <c r="A38733" s="1" t="s">
        <v>13203</v>
      </c>
      <c r="B38733" s="1" t="s">
        <v>126612</v>
      </c>
      <c r="C38733" s="1" t="s">
        <v>120</v>
      </c>
      <c r="D38733" s="1" t="s">
        <v>79298</v>
      </c>
      <c r="E38733" s="1" t="s">
        <v>133038</v>
      </c>
      <c r="F38733" s="1" t="s">
        <v>133039</v>
      </c>
      <c r="G38733" s="1" t="s">
        <v>132961</v>
      </c>
      <c r="H38733" s="1" t="s">
        <v>132962</v>
      </c>
      <c r="I38733" s="1" t="s">
        <v>126615</v>
      </c>
      <c r="J38733" s="1" t="s">
        <v>133040</v>
      </c>
    </row>
    <row r="38734" spans="1:10" x14ac:dyDescent="0.35">
      <c r="A38734" s="1" t="s">
        <v>13203</v>
      </c>
      <c r="B38734" s="1" t="s">
        <v>126612</v>
      </c>
      <c r="C38734" s="1" t="s">
        <v>125</v>
      </c>
      <c r="D38734" s="1" t="s">
        <v>128498</v>
      </c>
      <c r="E38734" s="1" t="s">
        <v>133041</v>
      </c>
      <c r="F38734" s="1" t="s">
        <v>133042</v>
      </c>
      <c r="G38734" s="1" t="s">
        <v>132961</v>
      </c>
      <c r="H38734" s="1" t="s">
        <v>132962</v>
      </c>
      <c r="I38734" s="1" t="s">
        <v>126615</v>
      </c>
      <c r="J38734" s="1" t="s">
        <v>133043</v>
      </c>
    </row>
    <row r="38735" spans="1:10" x14ac:dyDescent="0.35">
      <c r="A38735" s="1" t="s">
        <v>13203</v>
      </c>
      <c r="B38735" s="1" t="s">
        <v>126612</v>
      </c>
      <c r="C38735" s="1" t="s">
        <v>130</v>
      </c>
      <c r="D38735" s="1" t="s">
        <v>70393</v>
      </c>
      <c r="E38735" s="1" t="s">
        <v>133044</v>
      </c>
      <c r="F38735" s="1" t="s">
        <v>133045</v>
      </c>
      <c r="G38735" s="1" t="s">
        <v>132961</v>
      </c>
      <c r="H38735" s="1" t="s">
        <v>132962</v>
      </c>
      <c r="I38735" s="1" t="s">
        <v>126615</v>
      </c>
      <c r="J38735" s="1" t="s">
        <v>133046</v>
      </c>
    </row>
    <row r="38736" spans="1:10" x14ac:dyDescent="0.35">
      <c r="A38736" s="1" t="s">
        <v>13203</v>
      </c>
      <c r="B38736" s="1" t="s">
        <v>126612</v>
      </c>
      <c r="C38736" s="1" t="s">
        <v>135</v>
      </c>
      <c r="D38736" s="1" t="s">
        <v>58829</v>
      </c>
      <c r="E38736" s="1" t="s">
        <v>133047</v>
      </c>
      <c r="F38736" s="1" t="s">
        <v>133048</v>
      </c>
      <c r="G38736" s="1" t="s">
        <v>132961</v>
      </c>
      <c r="H38736" s="1" t="s">
        <v>132962</v>
      </c>
      <c r="I38736" s="1" t="s">
        <v>126615</v>
      </c>
      <c r="J38736" s="1" t="s">
        <v>133049</v>
      </c>
    </row>
    <row r="38737" spans="1:10" x14ac:dyDescent="0.35">
      <c r="A38737" s="1" t="s">
        <v>13203</v>
      </c>
      <c r="B38737" s="1" t="s">
        <v>126612</v>
      </c>
      <c r="C38737" s="1" t="s">
        <v>140</v>
      </c>
      <c r="D38737" s="1" t="s">
        <v>133050</v>
      </c>
      <c r="E38737" s="1" t="s">
        <v>133051</v>
      </c>
      <c r="F38737" s="1" t="s">
        <v>133052</v>
      </c>
      <c r="G38737" s="1" t="s">
        <v>132961</v>
      </c>
      <c r="H38737" s="1" t="s">
        <v>132962</v>
      </c>
      <c r="I38737" s="1" t="s">
        <v>126615</v>
      </c>
      <c r="J38737" s="1" t="s">
        <v>133053</v>
      </c>
    </row>
    <row r="38738" spans="1:10" x14ac:dyDescent="0.35">
      <c r="A38738" s="1" t="s">
        <v>13203</v>
      </c>
      <c r="B38738" s="1" t="s">
        <v>126612</v>
      </c>
      <c r="C38738" s="1" t="s">
        <v>145</v>
      </c>
      <c r="D38738" s="1" t="s">
        <v>55054</v>
      </c>
      <c r="E38738" s="1" t="s">
        <v>133054</v>
      </c>
      <c r="F38738" s="1" t="s">
        <v>133055</v>
      </c>
      <c r="G38738" s="1" t="s">
        <v>132961</v>
      </c>
      <c r="H38738" s="1" t="s">
        <v>132962</v>
      </c>
      <c r="I38738" s="1" t="s">
        <v>126615</v>
      </c>
      <c r="J38738" s="1" t="s">
        <v>133056</v>
      </c>
    </row>
    <row r="38739" spans="1:10" x14ac:dyDescent="0.35">
      <c r="A38739" s="1" t="s">
        <v>13203</v>
      </c>
      <c r="B38739" s="1" t="s">
        <v>126612</v>
      </c>
      <c r="C38739" s="1" t="s">
        <v>150</v>
      </c>
      <c r="D38739" s="1" t="s">
        <v>24739</v>
      </c>
      <c r="E38739" s="1" t="s">
        <v>133057</v>
      </c>
      <c r="F38739" s="1" t="s">
        <v>133058</v>
      </c>
      <c r="G38739" s="1" t="s">
        <v>132961</v>
      </c>
      <c r="H38739" s="1" t="s">
        <v>132962</v>
      </c>
      <c r="I38739" s="1" t="s">
        <v>126615</v>
      </c>
      <c r="J38739" s="1" t="s">
        <v>133059</v>
      </c>
    </row>
    <row r="38740" spans="1:10" x14ac:dyDescent="0.35">
      <c r="A38740" s="1" t="s">
        <v>13203</v>
      </c>
      <c r="B38740" s="1" t="s">
        <v>126612</v>
      </c>
      <c r="C38740" s="1" t="s">
        <v>155</v>
      </c>
      <c r="D38740" s="1" t="s">
        <v>131919</v>
      </c>
      <c r="E38740" s="1" t="s">
        <v>133060</v>
      </c>
      <c r="F38740" s="1" t="s">
        <v>133061</v>
      </c>
      <c r="G38740" s="1" t="s">
        <v>132961</v>
      </c>
      <c r="H38740" s="1" t="s">
        <v>132962</v>
      </c>
      <c r="I38740" s="1" t="s">
        <v>126615</v>
      </c>
      <c r="J38740" s="1" t="s">
        <v>133062</v>
      </c>
    </row>
    <row r="38741" spans="1:10" x14ac:dyDescent="0.35">
      <c r="A38741" s="1" t="s">
        <v>13203</v>
      </c>
      <c r="B38741" s="1" t="s">
        <v>126612</v>
      </c>
      <c r="C38741" s="1" t="s">
        <v>160</v>
      </c>
      <c r="D38741" s="1" t="s">
        <v>39830</v>
      </c>
      <c r="E38741" s="1" t="s">
        <v>133063</v>
      </c>
      <c r="F38741" s="1" t="s">
        <v>133064</v>
      </c>
      <c r="G38741" s="1" t="s">
        <v>132961</v>
      </c>
      <c r="H38741" s="1" t="s">
        <v>132962</v>
      </c>
      <c r="I38741" s="1" t="s">
        <v>126615</v>
      </c>
      <c r="J38741" s="1" t="s">
        <v>133065</v>
      </c>
    </row>
    <row r="38742" spans="1:10" x14ac:dyDescent="0.35">
      <c r="A38742" s="1" t="s">
        <v>13203</v>
      </c>
      <c r="B38742" s="1" t="s">
        <v>126612</v>
      </c>
      <c r="C38742" s="1" t="s">
        <v>165</v>
      </c>
      <c r="D38742" s="1" t="s">
        <v>133066</v>
      </c>
      <c r="E38742" s="1" t="s">
        <v>133067</v>
      </c>
      <c r="F38742" s="1" t="s">
        <v>133068</v>
      </c>
      <c r="G38742" s="1" t="s">
        <v>132961</v>
      </c>
      <c r="H38742" s="1" t="s">
        <v>132962</v>
      </c>
      <c r="I38742" s="1" t="s">
        <v>126615</v>
      </c>
      <c r="J38742" s="1" t="s">
        <v>133069</v>
      </c>
    </row>
    <row r="38743" spans="1:10" x14ac:dyDescent="0.35">
      <c r="A38743" s="1" t="s">
        <v>13203</v>
      </c>
      <c r="B38743" s="1" t="s">
        <v>126612</v>
      </c>
      <c r="C38743" s="1" t="s">
        <v>170</v>
      </c>
      <c r="D38743" s="1" t="s">
        <v>70275</v>
      </c>
      <c r="E38743" s="1" t="s">
        <v>133070</v>
      </c>
      <c r="F38743" s="1" t="s">
        <v>133071</v>
      </c>
      <c r="G38743" s="1" t="s">
        <v>132961</v>
      </c>
      <c r="H38743" s="1" t="s">
        <v>132962</v>
      </c>
      <c r="I38743" s="1" t="s">
        <v>126615</v>
      </c>
      <c r="J38743" s="1" t="s">
        <v>133072</v>
      </c>
    </row>
    <row r="38744" spans="1:10" x14ac:dyDescent="0.35">
      <c r="A38744" s="1" t="s">
        <v>9305</v>
      </c>
      <c r="B38744" s="1" t="s">
        <v>126612</v>
      </c>
      <c r="C38744" s="1" t="s">
        <v>8</v>
      </c>
      <c r="D38744" s="1" t="s">
        <v>106412</v>
      </c>
      <c r="E38744" s="1" t="s">
        <v>133073</v>
      </c>
      <c r="F38744" s="1" t="s">
        <v>99773</v>
      </c>
      <c r="G38744" s="1" t="s">
        <v>133074</v>
      </c>
      <c r="H38744" s="1" t="s">
        <v>133075</v>
      </c>
      <c r="I38744" s="1" t="s">
        <v>126615</v>
      </c>
      <c r="J38744" s="1" t="s">
        <v>13</v>
      </c>
    </row>
    <row r="38745" spans="1:10" x14ac:dyDescent="0.35">
      <c r="A38745" s="1" t="s">
        <v>9305</v>
      </c>
      <c r="B38745" s="1" t="s">
        <v>126612</v>
      </c>
      <c r="C38745" s="1" t="s">
        <v>15</v>
      </c>
      <c r="D38745" s="1" t="s">
        <v>133076</v>
      </c>
      <c r="E38745" s="1" t="s">
        <v>107380</v>
      </c>
      <c r="F38745" s="1" t="s">
        <v>133077</v>
      </c>
      <c r="G38745" s="1" t="s">
        <v>133074</v>
      </c>
      <c r="H38745" s="1" t="s">
        <v>133075</v>
      </c>
      <c r="I38745" s="1" t="s">
        <v>126615</v>
      </c>
      <c r="J38745" s="1" t="s">
        <v>133078</v>
      </c>
    </row>
    <row r="38746" spans="1:10" x14ac:dyDescent="0.35">
      <c r="A38746" s="1" t="s">
        <v>9305</v>
      </c>
      <c r="B38746" s="1" t="s">
        <v>126612</v>
      </c>
      <c r="C38746" s="1" t="s">
        <v>20</v>
      </c>
      <c r="D38746" s="1" t="s">
        <v>63664</v>
      </c>
      <c r="E38746" s="1" t="s">
        <v>133079</v>
      </c>
      <c r="F38746" s="1" t="s">
        <v>133080</v>
      </c>
      <c r="G38746" s="1" t="s">
        <v>133074</v>
      </c>
      <c r="H38746" s="1" t="s">
        <v>133075</v>
      </c>
      <c r="I38746" s="1" t="s">
        <v>126615</v>
      </c>
      <c r="J38746" s="1" t="s">
        <v>133081</v>
      </c>
    </row>
    <row r="38747" spans="1:10" x14ac:dyDescent="0.35">
      <c r="A38747" s="1" t="s">
        <v>9305</v>
      </c>
      <c r="B38747" s="1" t="s">
        <v>126612</v>
      </c>
      <c r="C38747" s="1" t="s">
        <v>25</v>
      </c>
      <c r="D38747" s="1" t="s">
        <v>133082</v>
      </c>
      <c r="E38747" s="1" t="s">
        <v>108930</v>
      </c>
      <c r="F38747" s="1" t="s">
        <v>133083</v>
      </c>
      <c r="G38747" s="1" t="s">
        <v>133074</v>
      </c>
      <c r="H38747" s="1" t="s">
        <v>133075</v>
      </c>
      <c r="I38747" s="1" t="s">
        <v>126615</v>
      </c>
      <c r="J38747" s="1" t="s">
        <v>133084</v>
      </c>
    </row>
    <row r="38748" spans="1:10" x14ac:dyDescent="0.35">
      <c r="A38748" s="1" t="s">
        <v>9305</v>
      </c>
      <c r="B38748" s="1" t="s">
        <v>126612</v>
      </c>
      <c r="C38748" s="1" t="s">
        <v>30</v>
      </c>
      <c r="D38748" s="1" t="s">
        <v>133085</v>
      </c>
      <c r="E38748" s="1" t="s">
        <v>133086</v>
      </c>
      <c r="F38748" s="1" t="s">
        <v>133087</v>
      </c>
      <c r="G38748" s="1" t="s">
        <v>133074</v>
      </c>
      <c r="H38748" s="1" t="s">
        <v>133075</v>
      </c>
      <c r="I38748" s="1" t="s">
        <v>126615</v>
      </c>
      <c r="J38748" s="1" t="s">
        <v>133088</v>
      </c>
    </row>
    <row r="38749" spans="1:10" x14ac:dyDescent="0.35">
      <c r="A38749" s="1" t="s">
        <v>9305</v>
      </c>
      <c r="B38749" s="1" t="s">
        <v>126612</v>
      </c>
      <c r="C38749" s="1" t="s">
        <v>35</v>
      </c>
      <c r="D38749" s="1" t="s">
        <v>79779</v>
      </c>
      <c r="E38749" s="1" t="s">
        <v>133089</v>
      </c>
      <c r="F38749" s="1" t="s">
        <v>133090</v>
      </c>
      <c r="G38749" s="1" t="s">
        <v>133074</v>
      </c>
      <c r="H38749" s="1" t="s">
        <v>133075</v>
      </c>
      <c r="I38749" s="1" t="s">
        <v>126615</v>
      </c>
      <c r="J38749" s="1" t="s">
        <v>133091</v>
      </c>
    </row>
    <row r="38750" spans="1:10" x14ac:dyDescent="0.35">
      <c r="A38750" s="1" t="s">
        <v>9305</v>
      </c>
      <c r="B38750" s="1" t="s">
        <v>126612</v>
      </c>
      <c r="C38750" s="1" t="s">
        <v>40</v>
      </c>
      <c r="D38750" s="1" t="s">
        <v>62309</v>
      </c>
      <c r="E38750" s="1" t="s">
        <v>127938</v>
      </c>
      <c r="F38750" s="1" t="s">
        <v>130341</v>
      </c>
      <c r="G38750" s="1" t="s">
        <v>133074</v>
      </c>
      <c r="H38750" s="1" t="s">
        <v>133075</v>
      </c>
      <c r="I38750" s="1" t="s">
        <v>126615</v>
      </c>
      <c r="J38750" s="1" t="s">
        <v>133092</v>
      </c>
    </row>
    <row r="38751" spans="1:10" x14ac:dyDescent="0.35">
      <c r="A38751" s="1" t="s">
        <v>9305</v>
      </c>
      <c r="B38751" s="1" t="s">
        <v>126612</v>
      </c>
      <c r="C38751" s="1" t="s">
        <v>45</v>
      </c>
      <c r="D38751" s="1" t="s">
        <v>67955</v>
      </c>
      <c r="E38751" s="1" t="s">
        <v>77796</v>
      </c>
      <c r="F38751" s="1" t="s">
        <v>31504</v>
      </c>
      <c r="G38751" s="1" t="s">
        <v>133074</v>
      </c>
      <c r="H38751" s="1" t="s">
        <v>133075</v>
      </c>
      <c r="I38751" s="1" t="s">
        <v>126615</v>
      </c>
      <c r="J38751" s="1" t="s">
        <v>133093</v>
      </c>
    </row>
    <row r="38752" spans="1:10" x14ac:dyDescent="0.35">
      <c r="A38752" s="1" t="s">
        <v>9305</v>
      </c>
      <c r="B38752" s="1" t="s">
        <v>126612</v>
      </c>
      <c r="C38752" s="1" t="s">
        <v>50</v>
      </c>
      <c r="D38752" s="1" t="s">
        <v>11441</v>
      </c>
      <c r="E38752" s="1" t="s">
        <v>133094</v>
      </c>
      <c r="F38752" s="1" t="s">
        <v>133095</v>
      </c>
      <c r="G38752" s="1" t="s">
        <v>133074</v>
      </c>
      <c r="H38752" s="1" t="s">
        <v>133075</v>
      </c>
      <c r="I38752" s="1" t="s">
        <v>126615</v>
      </c>
      <c r="J38752" s="1" t="s">
        <v>133096</v>
      </c>
    </row>
    <row r="38753" spans="1:10" x14ac:dyDescent="0.35">
      <c r="A38753" s="1" t="s">
        <v>9305</v>
      </c>
      <c r="B38753" s="1" t="s">
        <v>126612</v>
      </c>
      <c r="C38753" s="1" t="s">
        <v>55</v>
      </c>
      <c r="D38753" s="1" t="s">
        <v>50878</v>
      </c>
      <c r="E38753" s="1" t="s">
        <v>133097</v>
      </c>
      <c r="F38753" s="1" t="s">
        <v>133098</v>
      </c>
      <c r="G38753" s="1" t="s">
        <v>133074</v>
      </c>
      <c r="H38753" s="1" t="s">
        <v>133075</v>
      </c>
      <c r="I38753" s="1" t="s">
        <v>126615</v>
      </c>
      <c r="J38753" s="1" t="s">
        <v>133099</v>
      </c>
    </row>
    <row r="38754" spans="1:10" x14ac:dyDescent="0.35">
      <c r="A38754" s="1" t="s">
        <v>9305</v>
      </c>
      <c r="B38754" s="1" t="s">
        <v>126612</v>
      </c>
      <c r="C38754" s="1" t="s">
        <v>60</v>
      </c>
      <c r="D38754" s="1" t="s">
        <v>69020</v>
      </c>
      <c r="E38754" s="1" t="s">
        <v>133100</v>
      </c>
      <c r="F38754" s="1" t="s">
        <v>133101</v>
      </c>
      <c r="G38754" s="1" t="s">
        <v>133074</v>
      </c>
      <c r="H38754" s="1" t="s">
        <v>133075</v>
      </c>
      <c r="I38754" s="1" t="s">
        <v>126615</v>
      </c>
      <c r="J38754" s="1" t="s">
        <v>133102</v>
      </c>
    </row>
    <row r="38755" spans="1:10" x14ac:dyDescent="0.35">
      <c r="A38755" s="1" t="s">
        <v>9305</v>
      </c>
      <c r="B38755" s="1" t="s">
        <v>126612</v>
      </c>
      <c r="C38755" s="1" t="s">
        <v>65</v>
      </c>
      <c r="D38755" s="1" t="s">
        <v>133103</v>
      </c>
      <c r="E38755" s="1" t="s">
        <v>133104</v>
      </c>
      <c r="F38755" s="1" t="s">
        <v>133105</v>
      </c>
      <c r="G38755" s="1" t="s">
        <v>133074</v>
      </c>
      <c r="H38755" s="1" t="s">
        <v>133075</v>
      </c>
      <c r="I38755" s="1" t="s">
        <v>126615</v>
      </c>
      <c r="J38755" s="1" t="s">
        <v>133106</v>
      </c>
    </row>
    <row r="38756" spans="1:10" x14ac:dyDescent="0.35">
      <c r="A38756" s="1" t="s">
        <v>9305</v>
      </c>
      <c r="B38756" s="1" t="s">
        <v>126612</v>
      </c>
      <c r="C38756" s="1" t="s">
        <v>70</v>
      </c>
      <c r="D38756" s="1" t="s">
        <v>11586</v>
      </c>
      <c r="E38756" s="1" t="s">
        <v>133107</v>
      </c>
      <c r="F38756" s="1" t="s">
        <v>133108</v>
      </c>
      <c r="G38756" s="1" t="s">
        <v>133074</v>
      </c>
      <c r="H38756" s="1" t="s">
        <v>133075</v>
      </c>
      <c r="I38756" s="1" t="s">
        <v>126615</v>
      </c>
      <c r="J38756" s="1" t="s">
        <v>133109</v>
      </c>
    </row>
    <row r="38757" spans="1:10" x14ac:dyDescent="0.35">
      <c r="A38757" s="1" t="s">
        <v>9305</v>
      </c>
      <c r="B38757" s="1" t="s">
        <v>126612</v>
      </c>
      <c r="C38757" s="1" t="s">
        <v>75</v>
      </c>
      <c r="D38757" s="1" t="s">
        <v>64482</v>
      </c>
      <c r="E38757" s="1" t="s">
        <v>133110</v>
      </c>
      <c r="F38757" s="1" t="s">
        <v>100640</v>
      </c>
      <c r="G38757" s="1" t="s">
        <v>133074</v>
      </c>
      <c r="H38757" s="1" t="s">
        <v>133075</v>
      </c>
      <c r="I38757" s="1" t="s">
        <v>126615</v>
      </c>
      <c r="J38757" s="1" t="s">
        <v>133111</v>
      </c>
    </row>
    <row r="38758" spans="1:10" x14ac:dyDescent="0.35">
      <c r="A38758" s="1" t="s">
        <v>9305</v>
      </c>
      <c r="B38758" s="1" t="s">
        <v>126612</v>
      </c>
      <c r="C38758" s="1" t="s">
        <v>80</v>
      </c>
      <c r="D38758" s="1" t="s">
        <v>133112</v>
      </c>
      <c r="E38758" s="1" t="s">
        <v>133113</v>
      </c>
      <c r="F38758" s="1" t="s">
        <v>69429</v>
      </c>
      <c r="G38758" s="1" t="s">
        <v>133074</v>
      </c>
      <c r="H38758" s="1" t="s">
        <v>133075</v>
      </c>
      <c r="I38758" s="1" t="s">
        <v>126615</v>
      </c>
      <c r="J38758" s="1" t="s">
        <v>133114</v>
      </c>
    </row>
    <row r="38759" spans="1:10" x14ac:dyDescent="0.35">
      <c r="A38759" s="1" t="s">
        <v>9305</v>
      </c>
      <c r="B38759" s="1" t="s">
        <v>126612</v>
      </c>
      <c r="C38759" s="1" t="s">
        <v>85</v>
      </c>
      <c r="D38759" s="1" t="s">
        <v>131984</v>
      </c>
      <c r="E38759" s="1" t="s">
        <v>133115</v>
      </c>
      <c r="F38759" s="1" t="s">
        <v>31839</v>
      </c>
      <c r="G38759" s="1" t="s">
        <v>133074</v>
      </c>
      <c r="H38759" s="1" t="s">
        <v>133075</v>
      </c>
      <c r="I38759" s="1" t="s">
        <v>126615</v>
      </c>
      <c r="J38759" s="1" t="s">
        <v>133116</v>
      </c>
    </row>
    <row r="38760" spans="1:10" x14ac:dyDescent="0.35">
      <c r="A38760" s="1" t="s">
        <v>9305</v>
      </c>
      <c r="B38760" s="1" t="s">
        <v>126612</v>
      </c>
      <c r="C38760" s="1" t="s">
        <v>90</v>
      </c>
      <c r="D38760" s="1" t="s">
        <v>23955</v>
      </c>
      <c r="E38760" s="1" t="s">
        <v>133117</v>
      </c>
      <c r="F38760" s="1" t="s">
        <v>133118</v>
      </c>
      <c r="G38760" s="1" t="s">
        <v>133074</v>
      </c>
      <c r="H38760" s="1" t="s">
        <v>133075</v>
      </c>
      <c r="I38760" s="1" t="s">
        <v>126615</v>
      </c>
      <c r="J38760" s="1" t="s">
        <v>133119</v>
      </c>
    </row>
    <row r="38761" spans="1:10" x14ac:dyDescent="0.35">
      <c r="A38761" s="1" t="s">
        <v>9305</v>
      </c>
      <c r="B38761" s="1" t="s">
        <v>126612</v>
      </c>
      <c r="C38761" s="1" t="s">
        <v>95</v>
      </c>
      <c r="D38761" s="1" t="s">
        <v>133120</v>
      </c>
      <c r="E38761" s="1" t="s">
        <v>133121</v>
      </c>
      <c r="F38761" s="1" t="s">
        <v>132801</v>
      </c>
      <c r="G38761" s="1" t="s">
        <v>133074</v>
      </c>
      <c r="H38761" s="1" t="s">
        <v>133075</v>
      </c>
      <c r="I38761" s="1" t="s">
        <v>126615</v>
      </c>
      <c r="J38761" s="1" t="s">
        <v>133122</v>
      </c>
    </row>
    <row r="38762" spans="1:10" x14ac:dyDescent="0.35">
      <c r="A38762" s="1" t="s">
        <v>9305</v>
      </c>
      <c r="B38762" s="1" t="s">
        <v>126612</v>
      </c>
      <c r="C38762" s="1" t="s">
        <v>100</v>
      </c>
      <c r="D38762" s="1" t="s">
        <v>133123</v>
      </c>
      <c r="E38762" s="1" t="s">
        <v>133124</v>
      </c>
      <c r="F38762" s="1" t="s">
        <v>133125</v>
      </c>
      <c r="G38762" s="1" t="s">
        <v>133074</v>
      </c>
      <c r="H38762" s="1" t="s">
        <v>133075</v>
      </c>
      <c r="I38762" s="1" t="s">
        <v>126615</v>
      </c>
      <c r="J38762" s="1" t="s">
        <v>133126</v>
      </c>
    </row>
    <row r="38763" spans="1:10" x14ac:dyDescent="0.35">
      <c r="A38763" s="1" t="s">
        <v>9305</v>
      </c>
      <c r="B38763" s="1" t="s">
        <v>126612</v>
      </c>
      <c r="C38763" s="1" t="s">
        <v>105</v>
      </c>
      <c r="D38763" s="1" t="s">
        <v>132471</v>
      </c>
      <c r="E38763" s="1" t="s">
        <v>133127</v>
      </c>
      <c r="F38763" s="1" t="s">
        <v>98642</v>
      </c>
      <c r="G38763" s="1" t="s">
        <v>133074</v>
      </c>
      <c r="H38763" s="1" t="s">
        <v>133075</v>
      </c>
      <c r="I38763" s="1" t="s">
        <v>126615</v>
      </c>
      <c r="J38763" s="1" t="s">
        <v>133128</v>
      </c>
    </row>
    <row r="38764" spans="1:10" x14ac:dyDescent="0.35">
      <c r="A38764" s="1" t="s">
        <v>9305</v>
      </c>
      <c r="B38764" s="1" t="s">
        <v>126612</v>
      </c>
      <c r="C38764" s="1" t="s">
        <v>110</v>
      </c>
      <c r="D38764" s="1" t="s">
        <v>133129</v>
      </c>
      <c r="E38764" s="1" t="s">
        <v>133107</v>
      </c>
      <c r="F38764" s="1" t="s">
        <v>65152</v>
      </c>
      <c r="G38764" s="1" t="s">
        <v>133074</v>
      </c>
      <c r="H38764" s="1" t="s">
        <v>133075</v>
      </c>
      <c r="I38764" s="1" t="s">
        <v>126615</v>
      </c>
      <c r="J38764" s="1" t="s">
        <v>133130</v>
      </c>
    </row>
    <row r="38765" spans="1:10" x14ac:dyDescent="0.35">
      <c r="A38765" s="1" t="s">
        <v>9305</v>
      </c>
      <c r="B38765" s="1" t="s">
        <v>126612</v>
      </c>
      <c r="C38765" s="1" t="s">
        <v>115</v>
      </c>
      <c r="D38765" s="1" t="s">
        <v>133131</v>
      </c>
      <c r="E38765" s="1" t="s">
        <v>133132</v>
      </c>
      <c r="F38765" s="1" t="s">
        <v>133133</v>
      </c>
      <c r="G38765" s="1" t="s">
        <v>133074</v>
      </c>
      <c r="H38765" s="1" t="s">
        <v>133075</v>
      </c>
      <c r="I38765" s="1" t="s">
        <v>126615</v>
      </c>
      <c r="J38765" s="1" t="s">
        <v>133134</v>
      </c>
    </row>
    <row r="38766" spans="1:10" x14ac:dyDescent="0.35">
      <c r="A38766" s="1" t="s">
        <v>9305</v>
      </c>
      <c r="B38766" s="1" t="s">
        <v>126612</v>
      </c>
      <c r="C38766" s="1" t="s">
        <v>120</v>
      </c>
      <c r="D38766" s="1" t="s">
        <v>133135</v>
      </c>
      <c r="E38766" s="1" t="s">
        <v>133136</v>
      </c>
      <c r="F38766" s="1" t="s">
        <v>133137</v>
      </c>
      <c r="G38766" s="1" t="s">
        <v>133074</v>
      </c>
      <c r="H38766" s="1" t="s">
        <v>133075</v>
      </c>
      <c r="I38766" s="1" t="s">
        <v>126615</v>
      </c>
      <c r="J38766" s="1" t="s">
        <v>133138</v>
      </c>
    </row>
    <row r="38767" spans="1:10" x14ac:dyDescent="0.35">
      <c r="A38767" s="1" t="s">
        <v>9305</v>
      </c>
      <c r="B38767" s="1" t="s">
        <v>126612</v>
      </c>
      <c r="C38767" s="1" t="s">
        <v>125</v>
      </c>
      <c r="D38767" s="1" t="s">
        <v>85098</v>
      </c>
      <c r="E38767" s="1" t="s">
        <v>133139</v>
      </c>
      <c r="F38767" s="1" t="s">
        <v>133140</v>
      </c>
      <c r="G38767" s="1" t="s">
        <v>133074</v>
      </c>
      <c r="H38767" s="1" t="s">
        <v>133075</v>
      </c>
      <c r="I38767" s="1" t="s">
        <v>126615</v>
      </c>
      <c r="J38767" s="1" t="s">
        <v>133141</v>
      </c>
    </row>
    <row r="38768" spans="1:10" x14ac:dyDescent="0.35">
      <c r="A38768" s="1" t="s">
        <v>9305</v>
      </c>
      <c r="B38768" s="1" t="s">
        <v>126612</v>
      </c>
      <c r="C38768" s="1" t="s">
        <v>130</v>
      </c>
      <c r="D38768" s="1" t="s">
        <v>133142</v>
      </c>
      <c r="E38768" s="1" t="s">
        <v>133143</v>
      </c>
      <c r="F38768" s="1" t="s">
        <v>133144</v>
      </c>
      <c r="G38768" s="1" t="s">
        <v>133074</v>
      </c>
      <c r="H38768" s="1" t="s">
        <v>133075</v>
      </c>
      <c r="I38768" s="1" t="s">
        <v>126615</v>
      </c>
      <c r="J38768" s="1" t="s">
        <v>133145</v>
      </c>
    </row>
    <row r="38769" spans="1:10" x14ac:dyDescent="0.35">
      <c r="A38769" s="1" t="s">
        <v>9305</v>
      </c>
      <c r="B38769" s="1" t="s">
        <v>126612</v>
      </c>
      <c r="C38769" s="1" t="s">
        <v>135</v>
      </c>
      <c r="D38769" s="1" t="s">
        <v>88478</v>
      </c>
      <c r="E38769" s="1" t="s">
        <v>133146</v>
      </c>
      <c r="F38769" s="1" t="s">
        <v>133147</v>
      </c>
      <c r="G38769" s="1" t="s">
        <v>133074</v>
      </c>
      <c r="H38769" s="1" t="s">
        <v>133075</v>
      </c>
      <c r="I38769" s="1" t="s">
        <v>126615</v>
      </c>
      <c r="J38769" s="1" t="s">
        <v>133148</v>
      </c>
    </row>
    <row r="38770" spans="1:10" x14ac:dyDescent="0.35">
      <c r="A38770" s="1" t="s">
        <v>9305</v>
      </c>
      <c r="B38770" s="1" t="s">
        <v>126612</v>
      </c>
      <c r="C38770" s="1" t="s">
        <v>140</v>
      </c>
      <c r="D38770" s="1" t="s">
        <v>124723</v>
      </c>
      <c r="E38770" s="1" t="s">
        <v>133149</v>
      </c>
      <c r="F38770" s="1" t="s">
        <v>133150</v>
      </c>
      <c r="G38770" s="1" t="s">
        <v>133074</v>
      </c>
      <c r="H38770" s="1" t="s">
        <v>133075</v>
      </c>
      <c r="I38770" s="1" t="s">
        <v>126615</v>
      </c>
      <c r="J38770" s="1" t="s">
        <v>133151</v>
      </c>
    </row>
    <row r="38771" spans="1:10" x14ac:dyDescent="0.35">
      <c r="A38771" s="1" t="s">
        <v>9305</v>
      </c>
      <c r="B38771" s="1" t="s">
        <v>126612</v>
      </c>
      <c r="C38771" s="1" t="s">
        <v>145</v>
      </c>
      <c r="D38771" s="1" t="s">
        <v>22113</v>
      </c>
      <c r="E38771" s="1" t="s">
        <v>110781</v>
      </c>
      <c r="F38771" s="1" t="s">
        <v>133152</v>
      </c>
      <c r="G38771" s="1" t="s">
        <v>133074</v>
      </c>
      <c r="H38771" s="1" t="s">
        <v>133075</v>
      </c>
      <c r="I38771" s="1" t="s">
        <v>126615</v>
      </c>
      <c r="J38771" s="1" t="s">
        <v>133153</v>
      </c>
    </row>
    <row r="38772" spans="1:10" x14ac:dyDescent="0.35">
      <c r="A38772" s="1" t="s">
        <v>9305</v>
      </c>
      <c r="B38772" s="1" t="s">
        <v>126612</v>
      </c>
      <c r="C38772" s="1" t="s">
        <v>150</v>
      </c>
      <c r="D38772" s="1" t="s">
        <v>133154</v>
      </c>
      <c r="E38772" s="1" t="s">
        <v>133155</v>
      </c>
      <c r="F38772" s="1" t="s">
        <v>56875</v>
      </c>
      <c r="G38772" s="1" t="s">
        <v>133074</v>
      </c>
      <c r="H38772" s="1" t="s">
        <v>133075</v>
      </c>
      <c r="I38772" s="1" t="s">
        <v>126615</v>
      </c>
      <c r="J38772" s="1" t="s">
        <v>133156</v>
      </c>
    </row>
    <row r="38773" spans="1:10" x14ac:dyDescent="0.35">
      <c r="A38773" s="1" t="s">
        <v>9305</v>
      </c>
      <c r="B38773" s="1" t="s">
        <v>126612</v>
      </c>
      <c r="C38773" s="1" t="s">
        <v>155</v>
      </c>
      <c r="D38773" s="1" t="s">
        <v>83738</v>
      </c>
      <c r="E38773" s="1" t="s">
        <v>133157</v>
      </c>
      <c r="F38773" s="1" t="s">
        <v>133158</v>
      </c>
      <c r="G38773" s="1" t="s">
        <v>133074</v>
      </c>
      <c r="H38773" s="1" t="s">
        <v>133075</v>
      </c>
      <c r="I38773" s="1" t="s">
        <v>126615</v>
      </c>
      <c r="J38773" s="1" t="s">
        <v>133159</v>
      </c>
    </row>
    <row r="38774" spans="1:10" x14ac:dyDescent="0.35">
      <c r="A38774" s="1" t="s">
        <v>9305</v>
      </c>
      <c r="B38774" s="1" t="s">
        <v>126612</v>
      </c>
      <c r="C38774" s="1" t="s">
        <v>160</v>
      </c>
      <c r="D38774" s="1" t="s">
        <v>133160</v>
      </c>
      <c r="E38774" s="1" t="s">
        <v>133161</v>
      </c>
      <c r="F38774" s="1" t="s">
        <v>133162</v>
      </c>
      <c r="G38774" s="1" t="s">
        <v>133074</v>
      </c>
      <c r="H38774" s="1" t="s">
        <v>133075</v>
      </c>
      <c r="I38774" s="1" t="s">
        <v>126615</v>
      </c>
      <c r="J38774" s="1" t="s">
        <v>133163</v>
      </c>
    </row>
    <row r="38775" spans="1:10" x14ac:dyDescent="0.35">
      <c r="A38775" s="1" t="s">
        <v>9305</v>
      </c>
      <c r="B38775" s="1" t="s">
        <v>126612</v>
      </c>
      <c r="C38775" s="1" t="s">
        <v>165</v>
      </c>
      <c r="D38775" s="1" t="s">
        <v>88665</v>
      </c>
      <c r="E38775" s="1" t="s">
        <v>110817</v>
      </c>
      <c r="F38775" s="1" t="s">
        <v>133164</v>
      </c>
      <c r="G38775" s="1" t="s">
        <v>133074</v>
      </c>
      <c r="H38775" s="1" t="s">
        <v>133075</v>
      </c>
      <c r="I38775" s="1" t="s">
        <v>126615</v>
      </c>
      <c r="J38775" s="1" t="s">
        <v>133165</v>
      </c>
    </row>
    <row r="38776" spans="1:10" x14ac:dyDescent="0.35">
      <c r="A38776" s="1" t="s">
        <v>9305</v>
      </c>
      <c r="B38776" s="1" t="s">
        <v>126612</v>
      </c>
      <c r="C38776" s="1" t="s">
        <v>170</v>
      </c>
      <c r="D38776" s="1" t="s">
        <v>58195</v>
      </c>
      <c r="E38776" s="1" t="s">
        <v>133166</v>
      </c>
      <c r="F38776" s="1" t="s">
        <v>127910</v>
      </c>
      <c r="G38776" s="1" t="s">
        <v>133074</v>
      </c>
      <c r="H38776" s="1" t="s">
        <v>133075</v>
      </c>
      <c r="I38776" s="1" t="s">
        <v>126615</v>
      </c>
      <c r="J38776" s="1" t="s">
        <v>133167</v>
      </c>
    </row>
    <row r="38777" spans="1:10" x14ac:dyDescent="0.35">
      <c r="A38777" s="1" t="s">
        <v>9360</v>
      </c>
      <c r="B38777" s="1" t="s">
        <v>126612</v>
      </c>
      <c r="C38777" s="1" t="s">
        <v>8</v>
      </c>
      <c r="D38777" s="1" t="s">
        <v>133168</v>
      </c>
      <c r="E38777" s="1" t="s">
        <v>133169</v>
      </c>
      <c r="F38777" s="1" t="s">
        <v>133170</v>
      </c>
      <c r="G38777" s="1" t="s">
        <v>133171</v>
      </c>
      <c r="H38777" s="1" t="s">
        <v>133172</v>
      </c>
      <c r="I38777" s="1" t="s">
        <v>126615</v>
      </c>
      <c r="J38777" s="1" t="s">
        <v>13</v>
      </c>
    </row>
    <row r="38778" spans="1:10" x14ac:dyDescent="0.35">
      <c r="A38778" s="1" t="s">
        <v>9360</v>
      </c>
      <c r="B38778" s="1" t="s">
        <v>126612</v>
      </c>
      <c r="C38778" s="1" t="s">
        <v>15</v>
      </c>
      <c r="D38778" s="1" t="s">
        <v>133173</v>
      </c>
      <c r="E38778" s="1" t="s">
        <v>133174</v>
      </c>
      <c r="F38778" s="1" t="s">
        <v>133175</v>
      </c>
      <c r="G38778" s="1" t="s">
        <v>133171</v>
      </c>
      <c r="H38778" s="1" t="s">
        <v>133172</v>
      </c>
      <c r="I38778" s="1" t="s">
        <v>126615</v>
      </c>
      <c r="J38778" s="1" t="s">
        <v>133176</v>
      </c>
    </row>
    <row r="38779" spans="1:10" x14ac:dyDescent="0.35">
      <c r="A38779" s="1" t="s">
        <v>9360</v>
      </c>
      <c r="B38779" s="1" t="s">
        <v>126612</v>
      </c>
      <c r="C38779" s="1" t="s">
        <v>20</v>
      </c>
      <c r="D38779" s="1" t="s">
        <v>133177</v>
      </c>
      <c r="E38779" s="1" t="s">
        <v>133178</v>
      </c>
      <c r="F38779" s="1" t="s">
        <v>133179</v>
      </c>
      <c r="G38779" s="1" t="s">
        <v>133171</v>
      </c>
      <c r="H38779" s="1" t="s">
        <v>133172</v>
      </c>
      <c r="I38779" s="1" t="s">
        <v>126615</v>
      </c>
      <c r="J38779" s="1" t="s">
        <v>133180</v>
      </c>
    </row>
    <row r="38780" spans="1:10" x14ac:dyDescent="0.35">
      <c r="A38780" s="1" t="s">
        <v>9360</v>
      </c>
      <c r="B38780" s="1" t="s">
        <v>126612</v>
      </c>
      <c r="C38780" s="1" t="s">
        <v>25</v>
      </c>
      <c r="D38780" s="1" t="s">
        <v>103753</v>
      </c>
      <c r="E38780" s="1" t="s">
        <v>133181</v>
      </c>
      <c r="F38780" s="1" t="s">
        <v>133182</v>
      </c>
      <c r="G38780" s="1" t="s">
        <v>133171</v>
      </c>
      <c r="H38780" s="1" t="s">
        <v>133172</v>
      </c>
      <c r="I38780" s="1" t="s">
        <v>126615</v>
      </c>
      <c r="J38780" s="1" t="s">
        <v>133183</v>
      </c>
    </row>
    <row r="38781" spans="1:10" x14ac:dyDescent="0.35">
      <c r="A38781" s="1" t="s">
        <v>9360</v>
      </c>
      <c r="B38781" s="1" t="s">
        <v>126612</v>
      </c>
      <c r="C38781" s="1" t="s">
        <v>30</v>
      </c>
      <c r="D38781" s="1" t="s">
        <v>71544</v>
      </c>
      <c r="E38781" s="1" t="s">
        <v>22687</v>
      </c>
      <c r="F38781" s="1" t="s">
        <v>133184</v>
      </c>
      <c r="G38781" s="1" t="s">
        <v>133171</v>
      </c>
      <c r="H38781" s="1" t="s">
        <v>133172</v>
      </c>
      <c r="I38781" s="1" t="s">
        <v>126615</v>
      </c>
      <c r="J38781" s="1" t="s">
        <v>133185</v>
      </c>
    </row>
    <row r="38782" spans="1:10" x14ac:dyDescent="0.35">
      <c r="A38782" s="1" t="s">
        <v>9360</v>
      </c>
      <c r="B38782" s="1" t="s">
        <v>126612</v>
      </c>
      <c r="C38782" s="1" t="s">
        <v>35</v>
      </c>
      <c r="D38782" s="1" t="s">
        <v>58873</v>
      </c>
      <c r="E38782" s="1" t="s">
        <v>133186</v>
      </c>
      <c r="F38782" s="1" t="s">
        <v>133187</v>
      </c>
      <c r="G38782" s="1" t="s">
        <v>133171</v>
      </c>
      <c r="H38782" s="1" t="s">
        <v>133172</v>
      </c>
      <c r="I38782" s="1" t="s">
        <v>126615</v>
      </c>
      <c r="J38782" s="1" t="s">
        <v>110676</v>
      </c>
    </row>
    <row r="38783" spans="1:10" x14ac:dyDescent="0.35">
      <c r="A38783" s="1" t="s">
        <v>9360</v>
      </c>
      <c r="B38783" s="1" t="s">
        <v>126612</v>
      </c>
      <c r="C38783" s="1" t="s">
        <v>40</v>
      </c>
      <c r="D38783" s="1" t="s">
        <v>133188</v>
      </c>
      <c r="E38783" s="1" t="s">
        <v>133189</v>
      </c>
      <c r="F38783" s="1" t="s">
        <v>133190</v>
      </c>
      <c r="G38783" s="1" t="s">
        <v>133171</v>
      </c>
      <c r="H38783" s="1" t="s">
        <v>133172</v>
      </c>
      <c r="I38783" s="1" t="s">
        <v>126615</v>
      </c>
      <c r="J38783" s="1" t="s">
        <v>133191</v>
      </c>
    </row>
    <row r="38784" spans="1:10" x14ac:dyDescent="0.35">
      <c r="A38784" s="1" t="s">
        <v>9360</v>
      </c>
      <c r="B38784" s="1" t="s">
        <v>126612</v>
      </c>
      <c r="C38784" s="1" t="s">
        <v>45</v>
      </c>
      <c r="D38784" s="1" t="s">
        <v>133192</v>
      </c>
      <c r="E38784" s="1" t="s">
        <v>133193</v>
      </c>
      <c r="F38784" s="1" t="s">
        <v>15677</v>
      </c>
      <c r="G38784" s="1" t="s">
        <v>133171</v>
      </c>
      <c r="H38784" s="1" t="s">
        <v>133172</v>
      </c>
      <c r="I38784" s="1" t="s">
        <v>126615</v>
      </c>
      <c r="J38784" s="1" t="s">
        <v>133194</v>
      </c>
    </row>
    <row r="38785" spans="1:10" x14ac:dyDescent="0.35">
      <c r="A38785" s="1" t="s">
        <v>9360</v>
      </c>
      <c r="B38785" s="1" t="s">
        <v>126612</v>
      </c>
      <c r="C38785" s="1" t="s">
        <v>50</v>
      </c>
      <c r="D38785" s="1" t="s">
        <v>133195</v>
      </c>
      <c r="E38785" s="1" t="s">
        <v>133196</v>
      </c>
      <c r="F38785" s="1" t="s">
        <v>127140</v>
      </c>
      <c r="G38785" s="1" t="s">
        <v>133171</v>
      </c>
      <c r="H38785" s="1" t="s">
        <v>133172</v>
      </c>
      <c r="I38785" s="1" t="s">
        <v>126615</v>
      </c>
      <c r="J38785" s="1" t="s">
        <v>133197</v>
      </c>
    </row>
    <row r="38786" spans="1:10" x14ac:dyDescent="0.35">
      <c r="A38786" s="1" t="s">
        <v>9360</v>
      </c>
      <c r="B38786" s="1" t="s">
        <v>126612</v>
      </c>
      <c r="C38786" s="1" t="s">
        <v>55</v>
      </c>
      <c r="D38786" s="1" t="s">
        <v>132948</v>
      </c>
      <c r="E38786" s="1" t="s">
        <v>133198</v>
      </c>
      <c r="F38786" s="1" t="s">
        <v>133199</v>
      </c>
      <c r="G38786" s="1" t="s">
        <v>133171</v>
      </c>
      <c r="H38786" s="1" t="s">
        <v>133172</v>
      </c>
      <c r="I38786" s="1" t="s">
        <v>126615</v>
      </c>
      <c r="J38786" s="1" t="s">
        <v>133200</v>
      </c>
    </row>
    <row r="38787" spans="1:10" x14ac:dyDescent="0.35">
      <c r="A38787" s="1" t="s">
        <v>9360</v>
      </c>
      <c r="B38787" s="1" t="s">
        <v>126612</v>
      </c>
      <c r="C38787" s="1" t="s">
        <v>60</v>
      </c>
      <c r="D38787" s="1" t="s">
        <v>133201</v>
      </c>
      <c r="E38787" s="1" t="s">
        <v>133202</v>
      </c>
      <c r="F38787" s="1" t="s">
        <v>133203</v>
      </c>
      <c r="G38787" s="1" t="s">
        <v>133171</v>
      </c>
      <c r="H38787" s="1" t="s">
        <v>133172</v>
      </c>
      <c r="I38787" s="1" t="s">
        <v>126615</v>
      </c>
      <c r="J38787" s="1" t="s">
        <v>133204</v>
      </c>
    </row>
    <row r="38788" spans="1:10" x14ac:dyDescent="0.35">
      <c r="A38788" s="1" t="s">
        <v>9360</v>
      </c>
      <c r="B38788" s="1" t="s">
        <v>126612</v>
      </c>
      <c r="C38788" s="1" t="s">
        <v>65</v>
      </c>
      <c r="D38788" s="1" t="s">
        <v>133205</v>
      </c>
      <c r="E38788" s="1" t="s">
        <v>133206</v>
      </c>
      <c r="F38788" s="1" t="s">
        <v>22959</v>
      </c>
      <c r="G38788" s="1" t="s">
        <v>133171</v>
      </c>
      <c r="H38788" s="1" t="s">
        <v>133172</v>
      </c>
      <c r="I38788" s="1" t="s">
        <v>126615</v>
      </c>
      <c r="J38788" s="1" t="s">
        <v>133207</v>
      </c>
    </row>
    <row r="38789" spans="1:10" x14ac:dyDescent="0.35">
      <c r="A38789" s="1" t="s">
        <v>9360</v>
      </c>
      <c r="B38789" s="1" t="s">
        <v>126612</v>
      </c>
      <c r="C38789" s="1" t="s">
        <v>70</v>
      </c>
      <c r="D38789" s="1" t="s">
        <v>133208</v>
      </c>
      <c r="E38789" s="1" t="s">
        <v>133209</v>
      </c>
      <c r="F38789" s="1" t="s">
        <v>133210</v>
      </c>
      <c r="G38789" s="1" t="s">
        <v>133171</v>
      </c>
      <c r="H38789" s="1" t="s">
        <v>133172</v>
      </c>
      <c r="I38789" s="1" t="s">
        <v>126615</v>
      </c>
      <c r="J38789" s="1" t="s">
        <v>133211</v>
      </c>
    </row>
    <row r="38790" spans="1:10" x14ac:dyDescent="0.35">
      <c r="A38790" s="1" t="s">
        <v>9360</v>
      </c>
      <c r="B38790" s="1" t="s">
        <v>126612</v>
      </c>
      <c r="C38790" s="1" t="s">
        <v>75</v>
      </c>
      <c r="D38790" s="1" t="s">
        <v>40651</v>
      </c>
      <c r="E38790" s="1" t="s">
        <v>133212</v>
      </c>
      <c r="F38790" s="1" t="s">
        <v>133213</v>
      </c>
      <c r="G38790" s="1" t="s">
        <v>133171</v>
      </c>
      <c r="H38790" s="1" t="s">
        <v>133172</v>
      </c>
      <c r="I38790" s="1" t="s">
        <v>126615</v>
      </c>
      <c r="J38790" s="1" t="s">
        <v>133214</v>
      </c>
    </row>
    <row r="38791" spans="1:10" x14ac:dyDescent="0.35">
      <c r="A38791" s="1" t="s">
        <v>9360</v>
      </c>
      <c r="B38791" s="1" t="s">
        <v>126612</v>
      </c>
      <c r="C38791" s="1" t="s">
        <v>80</v>
      </c>
      <c r="D38791" s="1" t="s">
        <v>133215</v>
      </c>
      <c r="E38791" s="1" t="s">
        <v>133216</v>
      </c>
      <c r="F38791" s="1" t="s">
        <v>133217</v>
      </c>
      <c r="G38791" s="1" t="s">
        <v>133171</v>
      </c>
      <c r="H38791" s="1" t="s">
        <v>133172</v>
      </c>
      <c r="I38791" s="1" t="s">
        <v>126615</v>
      </c>
      <c r="J38791" s="1" t="s">
        <v>133218</v>
      </c>
    </row>
    <row r="38792" spans="1:10" x14ac:dyDescent="0.35">
      <c r="A38792" s="1" t="s">
        <v>9360</v>
      </c>
      <c r="B38792" s="1" t="s">
        <v>126612</v>
      </c>
      <c r="C38792" s="1" t="s">
        <v>85</v>
      </c>
      <c r="D38792" s="1" t="s">
        <v>133219</v>
      </c>
      <c r="E38792" s="1" t="s">
        <v>133220</v>
      </c>
      <c r="F38792" s="1" t="s">
        <v>133221</v>
      </c>
      <c r="G38792" s="1" t="s">
        <v>133171</v>
      </c>
      <c r="H38792" s="1" t="s">
        <v>133172</v>
      </c>
      <c r="I38792" s="1" t="s">
        <v>126615</v>
      </c>
      <c r="J38792" s="1" t="s">
        <v>133222</v>
      </c>
    </row>
    <row r="38793" spans="1:10" x14ac:dyDescent="0.35">
      <c r="A38793" s="1" t="s">
        <v>9360</v>
      </c>
      <c r="B38793" s="1" t="s">
        <v>126612</v>
      </c>
      <c r="C38793" s="1" t="s">
        <v>90</v>
      </c>
      <c r="D38793" s="1" t="s">
        <v>128621</v>
      </c>
      <c r="E38793" s="1" t="s">
        <v>133223</v>
      </c>
      <c r="F38793" s="1" t="s">
        <v>133224</v>
      </c>
      <c r="G38793" s="1" t="s">
        <v>133171</v>
      </c>
      <c r="H38793" s="1" t="s">
        <v>133172</v>
      </c>
      <c r="I38793" s="1" t="s">
        <v>126615</v>
      </c>
      <c r="J38793" s="1" t="s">
        <v>133225</v>
      </c>
    </row>
    <row r="38794" spans="1:10" x14ac:dyDescent="0.35">
      <c r="A38794" s="1" t="s">
        <v>9360</v>
      </c>
      <c r="B38794" s="1" t="s">
        <v>126612</v>
      </c>
      <c r="C38794" s="1" t="s">
        <v>95</v>
      </c>
      <c r="D38794" s="1" t="s">
        <v>133226</v>
      </c>
      <c r="E38794" s="1" t="s">
        <v>22687</v>
      </c>
      <c r="F38794" s="1" t="s">
        <v>133227</v>
      </c>
      <c r="G38794" s="1" t="s">
        <v>133171</v>
      </c>
      <c r="H38794" s="1" t="s">
        <v>133172</v>
      </c>
      <c r="I38794" s="1" t="s">
        <v>126615</v>
      </c>
      <c r="J38794" s="1" t="s">
        <v>133228</v>
      </c>
    </row>
    <row r="38795" spans="1:10" x14ac:dyDescent="0.35">
      <c r="A38795" s="1" t="s">
        <v>9360</v>
      </c>
      <c r="B38795" s="1" t="s">
        <v>126612</v>
      </c>
      <c r="C38795" s="1" t="s">
        <v>100</v>
      </c>
      <c r="D38795" s="1" t="s">
        <v>62247</v>
      </c>
      <c r="E38795" s="1" t="s">
        <v>133196</v>
      </c>
      <c r="F38795" s="1" t="s">
        <v>133229</v>
      </c>
      <c r="G38795" s="1" t="s">
        <v>133171</v>
      </c>
      <c r="H38795" s="1" t="s">
        <v>133172</v>
      </c>
      <c r="I38795" s="1" t="s">
        <v>126615</v>
      </c>
      <c r="J38795" s="1" t="s">
        <v>133230</v>
      </c>
    </row>
    <row r="38796" spans="1:10" x14ac:dyDescent="0.35">
      <c r="A38796" s="1" t="s">
        <v>9360</v>
      </c>
      <c r="B38796" s="1" t="s">
        <v>126612</v>
      </c>
      <c r="C38796" s="1" t="s">
        <v>105</v>
      </c>
      <c r="D38796" s="1" t="s">
        <v>133231</v>
      </c>
      <c r="E38796" s="1" t="s">
        <v>133232</v>
      </c>
      <c r="F38796" s="1" t="s">
        <v>133233</v>
      </c>
      <c r="G38796" s="1" t="s">
        <v>133171</v>
      </c>
      <c r="H38796" s="1" t="s">
        <v>133172</v>
      </c>
      <c r="I38796" s="1" t="s">
        <v>126615</v>
      </c>
      <c r="J38796" s="1" t="s">
        <v>133234</v>
      </c>
    </row>
    <row r="38797" spans="1:10" x14ac:dyDescent="0.35">
      <c r="A38797" s="1" t="s">
        <v>9360</v>
      </c>
      <c r="B38797" s="1" t="s">
        <v>126612</v>
      </c>
      <c r="C38797" s="1" t="s">
        <v>110</v>
      </c>
      <c r="D38797" s="1" t="s">
        <v>133215</v>
      </c>
      <c r="E38797" s="1" t="s">
        <v>133235</v>
      </c>
      <c r="F38797" s="1" t="s">
        <v>133236</v>
      </c>
      <c r="G38797" s="1" t="s">
        <v>133171</v>
      </c>
      <c r="H38797" s="1" t="s">
        <v>133172</v>
      </c>
      <c r="I38797" s="1" t="s">
        <v>126615</v>
      </c>
      <c r="J38797" s="1" t="s">
        <v>133237</v>
      </c>
    </row>
    <row r="38798" spans="1:10" x14ac:dyDescent="0.35">
      <c r="A38798" s="1" t="s">
        <v>9360</v>
      </c>
      <c r="B38798" s="1" t="s">
        <v>126612</v>
      </c>
      <c r="C38798" s="1" t="s">
        <v>115</v>
      </c>
      <c r="D38798" s="1" t="s">
        <v>26060</v>
      </c>
      <c r="E38798" s="1" t="s">
        <v>133238</v>
      </c>
      <c r="F38798" s="1" t="s">
        <v>101586</v>
      </c>
      <c r="G38798" s="1" t="s">
        <v>133171</v>
      </c>
      <c r="H38798" s="1" t="s">
        <v>133172</v>
      </c>
      <c r="I38798" s="1" t="s">
        <v>126615</v>
      </c>
      <c r="J38798" s="1" t="s">
        <v>133239</v>
      </c>
    </row>
    <row r="38799" spans="1:10" x14ac:dyDescent="0.35">
      <c r="A38799" s="1" t="s">
        <v>9360</v>
      </c>
      <c r="B38799" s="1" t="s">
        <v>126612</v>
      </c>
      <c r="C38799" s="1" t="s">
        <v>120</v>
      </c>
      <c r="D38799" s="1" t="s">
        <v>109501</v>
      </c>
      <c r="E38799" s="1" t="s">
        <v>133240</v>
      </c>
      <c r="F38799" s="1" t="s">
        <v>133241</v>
      </c>
      <c r="G38799" s="1" t="s">
        <v>133171</v>
      </c>
      <c r="H38799" s="1" t="s">
        <v>133172</v>
      </c>
      <c r="I38799" s="1" t="s">
        <v>126615</v>
      </c>
      <c r="J38799" s="1" t="s">
        <v>133242</v>
      </c>
    </row>
    <row r="38800" spans="1:10" x14ac:dyDescent="0.35">
      <c r="A38800" s="1" t="s">
        <v>9360</v>
      </c>
      <c r="B38800" s="1" t="s">
        <v>126612</v>
      </c>
      <c r="C38800" s="1" t="s">
        <v>125</v>
      </c>
      <c r="D38800" s="1" t="s">
        <v>133243</v>
      </c>
      <c r="E38800" s="1" t="s">
        <v>133244</v>
      </c>
      <c r="F38800" s="1" t="s">
        <v>12170</v>
      </c>
      <c r="G38800" s="1" t="s">
        <v>133171</v>
      </c>
      <c r="H38800" s="1" t="s">
        <v>133172</v>
      </c>
      <c r="I38800" s="1" t="s">
        <v>126615</v>
      </c>
      <c r="J38800" s="1" t="s">
        <v>133245</v>
      </c>
    </row>
    <row r="38801" spans="1:10" x14ac:dyDescent="0.35">
      <c r="A38801" s="1" t="s">
        <v>9360</v>
      </c>
      <c r="B38801" s="1" t="s">
        <v>126612</v>
      </c>
      <c r="C38801" s="1" t="s">
        <v>130</v>
      </c>
      <c r="D38801" s="1" t="s">
        <v>103657</v>
      </c>
      <c r="E38801" s="1" t="s">
        <v>21235</v>
      </c>
      <c r="F38801" s="1" t="s">
        <v>133246</v>
      </c>
      <c r="G38801" s="1" t="s">
        <v>133171</v>
      </c>
      <c r="H38801" s="1" t="s">
        <v>133172</v>
      </c>
      <c r="I38801" s="1" t="s">
        <v>126615</v>
      </c>
      <c r="J38801" s="1" t="s">
        <v>133247</v>
      </c>
    </row>
    <row r="38802" spans="1:10" x14ac:dyDescent="0.35">
      <c r="A38802" s="1" t="s">
        <v>9360</v>
      </c>
      <c r="B38802" s="1" t="s">
        <v>126612</v>
      </c>
      <c r="C38802" s="1" t="s">
        <v>135</v>
      </c>
      <c r="D38802" s="1" t="s">
        <v>126775</v>
      </c>
      <c r="E38802" s="1" t="s">
        <v>133248</v>
      </c>
      <c r="F38802" s="1" t="s">
        <v>133249</v>
      </c>
      <c r="G38802" s="1" t="s">
        <v>133171</v>
      </c>
      <c r="H38802" s="1" t="s">
        <v>133172</v>
      </c>
      <c r="I38802" s="1" t="s">
        <v>126615</v>
      </c>
      <c r="J38802" s="1" t="s">
        <v>133250</v>
      </c>
    </row>
    <row r="38803" spans="1:10" x14ac:dyDescent="0.35">
      <c r="A38803" s="1" t="s">
        <v>9360</v>
      </c>
      <c r="B38803" s="1" t="s">
        <v>126612</v>
      </c>
      <c r="C38803" s="1" t="s">
        <v>140</v>
      </c>
      <c r="D38803" s="1" t="s">
        <v>133251</v>
      </c>
      <c r="E38803" s="1" t="s">
        <v>133252</v>
      </c>
      <c r="F38803" s="1" t="s">
        <v>133253</v>
      </c>
      <c r="G38803" s="1" t="s">
        <v>133171</v>
      </c>
      <c r="H38803" s="1" t="s">
        <v>133172</v>
      </c>
      <c r="I38803" s="1" t="s">
        <v>126615</v>
      </c>
      <c r="J38803" s="1" t="s">
        <v>133254</v>
      </c>
    </row>
    <row r="38804" spans="1:10" x14ac:dyDescent="0.35">
      <c r="A38804" s="1" t="s">
        <v>9360</v>
      </c>
      <c r="B38804" s="1" t="s">
        <v>126612</v>
      </c>
      <c r="C38804" s="1" t="s">
        <v>145</v>
      </c>
      <c r="D38804" s="1" t="s">
        <v>62054</v>
      </c>
      <c r="E38804" s="1" t="s">
        <v>133255</v>
      </c>
      <c r="F38804" s="1" t="s">
        <v>133256</v>
      </c>
      <c r="G38804" s="1" t="s">
        <v>133171</v>
      </c>
      <c r="H38804" s="1" t="s">
        <v>133172</v>
      </c>
      <c r="I38804" s="1" t="s">
        <v>126615</v>
      </c>
      <c r="J38804" s="1" t="s">
        <v>133257</v>
      </c>
    </row>
    <row r="38805" spans="1:10" x14ac:dyDescent="0.35">
      <c r="A38805" s="1" t="s">
        <v>9360</v>
      </c>
      <c r="B38805" s="1" t="s">
        <v>126612</v>
      </c>
      <c r="C38805" s="1" t="s">
        <v>150</v>
      </c>
      <c r="D38805" s="1" t="s">
        <v>133258</v>
      </c>
      <c r="E38805" s="1" t="s">
        <v>41681</v>
      </c>
      <c r="F38805" s="1" t="s">
        <v>16310</v>
      </c>
      <c r="G38805" s="1" t="s">
        <v>133171</v>
      </c>
      <c r="H38805" s="1" t="s">
        <v>133172</v>
      </c>
      <c r="I38805" s="1" t="s">
        <v>126615</v>
      </c>
      <c r="J38805" s="1" t="s">
        <v>133259</v>
      </c>
    </row>
    <row r="38806" spans="1:10" x14ac:dyDescent="0.35">
      <c r="A38806" s="1" t="s">
        <v>9360</v>
      </c>
      <c r="B38806" s="1" t="s">
        <v>126612</v>
      </c>
      <c r="C38806" s="1" t="s">
        <v>155</v>
      </c>
      <c r="D38806" s="1" t="s">
        <v>133260</v>
      </c>
      <c r="E38806" s="1" t="s">
        <v>133261</v>
      </c>
      <c r="F38806" s="1" t="s">
        <v>133262</v>
      </c>
      <c r="G38806" s="1" t="s">
        <v>133171</v>
      </c>
      <c r="H38806" s="1" t="s">
        <v>133172</v>
      </c>
      <c r="I38806" s="1" t="s">
        <v>126615</v>
      </c>
      <c r="J38806" s="1" t="s">
        <v>133263</v>
      </c>
    </row>
    <row r="38807" spans="1:10" x14ac:dyDescent="0.35">
      <c r="A38807" s="1" t="s">
        <v>9360</v>
      </c>
      <c r="B38807" s="1" t="s">
        <v>126612</v>
      </c>
      <c r="C38807" s="1" t="s">
        <v>160</v>
      </c>
      <c r="D38807" s="1" t="s">
        <v>133264</v>
      </c>
      <c r="E38807" s="1" t="s">
        <v>23725</v>
      </c>
      <c r="F38807" s="1" t="s">
        <v>133265</v>
      </c>
      <c r="G38807" s="1" t="s">
        <v>133171</v>
      </c>
      <c r="H38807" s="1" t="s">
        <v>133172</v>
      </c>
      <c r="I38807" s="1" t="s">
        <v>126615</v>
      </c>
      <c r="J38807" s="1" t="s">
        <v>133266</v>
      </c>
    </row>
    <row r="38808" spans="1:10" x14ac:dyDescent="0.35">
      <c r="A38808" s="1" t="s">
        <v>9360</v>
      </c>
      <c r="B38808" s="1" t="s">
        <v>126612</v>
      </c>
      <c r="C38808" s="1" t="s">
        <v>165</v>
      </c>
      <c r="D38808" s="1" t="s">
        <v>132285</v>
      </c>
      <c r="E38808" s="1" t="s">
        <v>133267</v>
      </c>
      <c r="F38808" s="1" t="s">
        <v>133268</v>
      </c>
      <c r="G38808" s="1" t="s">
        <v>133171</v>
      </c>
      <c r="H38808" s="1" t="s">
        <v>133172</v>
      </c>
      <c r="I38808" s="1" t="s">
        <v>126615</v>
      </c>
      <c r="J38808" s="1" t="s">
        <v>133269</v>
      </c>
    </row>
    <row r="38809" spans="1:10" x14ac:dyDescent="0.35">
      <c r="A38809" s="1" t="s">
        <v>9360</v>
      </c>
      <c r="B38809" s="1" t="s">
        <v>126612</v>
      </c>
      <c r="C38809" s="1" t="s">
        <v>170</v>
      </c>
      <c r="D38809" s="1" t="s">
        <v>79353</v>
      </c>
      <c r="E38809" s="1" t="s">
        <v>22727</v>
      </c>
      <c r="F38809" s="1" t="s">
        <v>133270</v>
      </c>
      <c r="G38809" s="1" t="s">
        <v>133171</v>
      </c>
      <c r="H38809" s="1" t="s">
        <v>133172</v>
      </c>
      <c r="I38809" s="1" t="s">
        <v>126615</v>
      </c>
      <c r="J38809" s="1" t="s">
        <v>133271</v>
      </c>
    </row>
    <row r="38810" spans="1:10" x14ac:dyDescent="0.35">
      <c r="A38810" s="1" t="s">
        <v>133272</v>
      </c>
      <c r="B38810" s="1" t="s">
        <v>126612</v>
      </c>
      <c r="C38810" s="1" t="s">
        <v>8</v>
      </c>
      <c r="D38810" s="1" t="s">
        <v>133273</v>
      </c>
      <c r="E38810" s="1" t="s">
        <v>108875</v>
      </c>
      <c r="F38810" s="1" t="s">
        <v>133274</v>
      </c>
      <c r="G38810" s="1" t="s">
        <v>133275</v>
      </c>
      <c r="H38810" s="1" t="s">
        <v>133276</v>
      </c>
      <c r="I38810" s="1" t="s">
        <v>126615</v>
      </c>
      <c r="J38810" s="1" t="s">
        <v>13</v>
      </c>
    </row>
    <row r="38811" spans="1:10" x14ac:dyDescent="0.35">
      <c r="A38811" s="1" t="s">
        <v>133272</v>
      </c>
      <c r="B38811" s="1" t="s">
        <v>126612</v>
      </c>
      <c r="C38811" s="1" t="s">
        <v>15</v>
      </c>
      <c r="D38811" s="1" t="s">
        <v>133277</v>
      </c>
      <c r="E38811" s="1" t="s">
        <v>106162</v>
      </c>
      <c r="F38811" s="1" t="s">
        <v>133278</v>
      </c>
      <c r="G38811" s="1" t="s">
        <v>133275</v>
      </c>
      <c r="H38811" s="1" t="s">
        <v>133276</v>
      </c>
      <c r="I38811" s="1" t="s">
        <v>126615</v>
      </c>
      <c r="J38811" s="1" t="s">
        <v>133279</v>
      </c>
    </row>
    <row r="38812" spans="1:10" x14ac:dyDescent="0.35">
      <c r="A38812" s="1" t="s">
        <v>133272</v>
      </c>
      <c r="B38812" s="1" t="s">
        <v>126612</v>
      </c>
      <c r="C38812" s="1" t="s">
        <v>20</v>
      </c>
      <c r="D38812" s="1" t="s">
        <v>133280</v>
      </c>
      <c r="E38812" s="1" t="s">
        <v>49816</v>
      </c>
      <c r="F38812" s="1" t="s">
        <v>133281</v>
      </c>
      <c r="G38812" s="1" t="s">
        <v>133275</v>
      </c>
      <c r="H38812" s="1" t="s">
        <v>133276</v>
      </c>
      <c r="I38812" s="1" t="s">
        <v>126615</v>
      </c>
      <c r="J38812" s="1" t="s">
        <v>133282</v>
      </c>
    </row>
    <row r="38813" spans="1:10" x14ac:dyDescent="0.35">
      <c r="A38813" s="1" t="s">
        <v>133272</v>
      </c>
      <c r="B38813" s="1" t="s">
        <v>126612</v>
      </c>
      <c r="C38813" s="1" t="s">
        <v>25</v>
      </c>
      <c r="D38813" s="1" t="s">
        <v>59365</v>
      </c>
      <c r="E38813" s="1" t="s">
        <v>78814</v>
      </c>
      <c r="F38813" s="1" t="s">
        <v>133283</v>
      </c>
      <c r="G38813" s="1" t="s">
        <v>133275</v>
      </c>
      <c r="H38813" s="1" t="s">
        <v>133276</v>
      </c>
      <c r="I38813" s="1" t="s">
        <v>126615</v>
      </c>
      <c r="J38813" s="1" t="s">
        <v>133284</v>
      </c>
    </row>
    <row r="38814" spans="1:10" x14ac:dyDescent="0.35">
      <c r="A38814" s="1" t="s">
        <v>133272</v>
      </c>
      <c r="B38814" s="1" t="s">
        <v>126612</v>
      </c>
      <c r="C38814" s="1" t="s">
        <v>30</v>
      </c>
      <c r="D38814" s="1" t="s">
        <v>58167</v>
      </c>
      <c r="E38814" s="1" t="s">
        <v>133285</v>
      </c>
      <c r="F38814" s="1" t="s">
        <v>133286</v>
      </c>
      <c r="G38814" s="1" t="s">
        <v>133275</v>
      </c>
      <c r="H38814" s="1" t="s">
        <v>133276</v>
      </c>
      <c r="I38814" s="1" t="s">
        <v>126615</v>
      </c>
      <c r="J38814" s="1" t="s">
        <v>133287</v>
      </c>
    </row>
    <row r="38815" spans="1:10" x14ac:dyDescent="0.35">
      <c r="A38815" s="1" t="s">
        <v>133272</v>
      </c>
      <c r="B38815" s="1" t="s">
        <v>126612</v>
      </c>
      <c r="C38815" s="1" t="s">
        <v>35</v>
      </c>
      <c r="D38815" s="1" t="s">
        <v>132433</v>
      </c>
      <c r="E38815" s="1" t="s">
        <v>133288</v>
      </c>
      <c r="F38815" s="1" t="s">
        <v>133289</v>
      </c>
      <c r="G38815" s="1" t="s">
        <v>133275</v>
      </c>
      <c r="H38815" s="1" t="s">
        <v>133276</v>
      </c>
      <c r="I38815" s="1" t="s">
        <v>126615</v>
      </c>
      <c r="J38815" s="1" t="s">
        <v>133290</v>
      </c>
    </row>
    <row r="38816" spans="1:10" x14ac:dyDescent="0.35">
      <c r="A38816" s="1" t="s">
        <v>133272</v>
      </c>
      <c r="B38816" s="1" t="s">
        <v>126612</v>
      </c>
      <c r="C38816" s="1" t="s">
        <v>40</v>
      </c>
      <c r="D38816" s="1" t="s">
        <v>133291</v>
      </c>
      <c r="E38816" s="1" t="s">
        <v>74218</v>
      </c>
      <c r="F38816" s="1" t="s">
        <v>133292</v>
      </c>
      <c r="G38816" s="1" t="s">
        <v>133275</v>
      </c>
      <c r="H38816" s="1" t="s">
        <v>133276</v>
      </c>
      <c r="I38816" s="1" t="s">
        <v>126615</v>
      </c>
      <c r="J38816" s="1" t="s">
        <v>133293</v>
      </c>
    </row>
    <row r="38817" spans="1:10" x14ac:dyDescent="0.35">
      <c r="A38817" s="1" t="s">
        <v>133272</v>
      </c>
      <c r="B38817" s="1" t="s">
        <v>126612</v>
      </c>
      <c r="C38817" s="1" t="s">
        <v>45</v>
      </c>
      <c r="D38817" s="1" t="s">
        <v>113940</v>
      </c>
      <c r="E38817" s="1" t="s">
        <v>133294</v>
      </c>
      <c r="F38817" s="1" t="s">
        <v>133295</v>
      </c>
      <c r="G38817" s="1" t="s">
        <v>133275</v>
      </c>
      <c r="H38817" s="1" t="s">
        <v>133276</v>
      </c>
      <c r="I38817" s="1" t="s">
        <v>126615</v>
      </c>
      <c r="J38817" s="1" t="s">
        <v>133296</v>
      </c>
    </row>
    <row r="38818" spans="1:10" x14ac:dyDescent="0.35">
      <c r="A38818" s="1" t="s">
        <v>133272</v>
      </c>
      <c r="B38818" s="1" t="s">
        <v>126612</v>
      </c>
      <c r="C38818" s="1" t="s">
        <v>50</v>
      </c>
      <c r="D38818" s="1" t="s">
        <v>133297</v>
      </c>
      <c r="E38818" s="1" t="s">
        <v>107284</v>
      </c>
      <c r="F38818" s="1" t="s">
        <v>66223</v>
      </c>
      <c r="G38818" s="1" t="s">
        <v>133275</v>
      </c>
      <c r="H38818" s="1" t="s">
        <v>133276</v>
      </c>
      <c r="I38818" s="1" t="s">
        <v>126615</v>
      </c>
      <c r="J38818" s="1" t="s">
        <v>133298</v>
      </c>
    </row>
    <row r="38819" spans="1:10" x14ac:dyDescent="0.35">
      <c r="A38819" s="1" t="s">
        <v>133272</v>
      </c>
      <c r="B38819" s="1" t="s">
        <v>126612</v>
      </c>
      <c r="C38819" s="1" t="s">
        <v>55</v>
      </c>
      <c r="D38819" s="1" t="s">
        <v>69616</v>
      </c>
      <c r="E38819" s="1" t="s">
        <v>133299</v>
      </c>
      <c r="F38819" s="1" t="s">
        <v>133300</v>
      </c>
      <c r="G38819" s="1" t="s">
        <v>133275</v>
      </c>
      <c r="H38819" s="1" t="s">
        <v>133276</v>
      </c>
      <c r="I38819" s="1" t="s">
        <v>126615</v>
      </c>
      <c r="J38819" s="1" t="s">
        <v>133301</v>
      </c>
    </row>
    <row r="38820" spans="1:10" x14ac:dyDescent="0.35">
      <c r="A38820" s="1" t="s">
        <v>133272</v>
      </c>
      <c r="B38820" s="1" t="s">
        <v>126612</v>
      </c>
      <c r="C38820" s="1" t="s">
        <v>60</v>
      </c>
      <c r="D38820" s="1" t="s">
        <v>107492</v>
      </c>
      <c r="E38820" s="1" t="s">
        <v>133302</v>
      </c>
      <c r="F38820" s="1" t="s">
        <v>60753</v>
      </c>
      <c r="G38820" s="1" t="s">
        <v>133275</v>
      </c>
      <c r="H38820" s="1" t="s">
        <v>133276</v>
      </c>
      <c r="I38820" s="1" t="s">
        <v>126615</v>
      </c>
      <c r="J38820" s="1" t="s">
        <v>133303</v>
      </c>
    </row>
    <row r="38821" spans="1:10" x14ac:dyDescent="0.35">
      <c r="A38821" s="1" t="s">
        <v>133272</v>
      </c>
      <c r="B38821" s="1" t="s">
        <v>126612</v>
      </c>
      <c r="C38821" s="1" t="s">
        <v>65</v>
      </c>
      <c r="D38821" s="1" t="s">
        <v>20570</v>
      </c>
      <c r="E38821" s="1" t="s">
        <v>78802</v>
      </c>
      <c r="F38821" s="1" t="s">
        <v>133304</v>
      </c>
      <c r="G38821" s="1" t="s">
        <v>133275</v>
      </c>
      <c r="H38821" s="1" t="s">
        <v>133276</v>
      </c>
      <c r="I38821" s="1" t="s">
        <v>126615</v>
      </c>
      <c r="J38821" s="1" t="s">
        <v>133305</v>
      </c>
    </row>
    <row r="38822" spans="1:10" x14ac:dyDescent="0.35">
      <c r="A38822" s="1" t="s">
        <v>133272</v>
      </c>
      <c r="B38822" s="1" t="s">
        <v>126612</v>
      </c>
      <c r="C38822" s="1" t="s">
        <v>70</v>
      </c>
      <c r="D38822" s="1" t="s">
        <v>58195</v>
      </c>
      <c r="E38822" s="1" t="s">
        <v>133306</v>
      </c>
      <c r="F38822" s="1" t="s">
        <v>90202</v>
      </c>
      <c r="G38822" s="1" t="s">
        <v>133275</v>
      </c>
      <c r="H38822" s="1" t="s">
        <v>133276</v>
      </c>
      <c r="I38822" s="1" t="s">
        <v>126615</v>
      </c>
      <c r="J38822" s="1" t="s">
        <v>133307</v>
      </c>
    </row>
    <row r="38823" spans="1:10" x14ac:dyDescent="0.35">
      <c r="A38823" s="1" t="s">
        <v>133272</v>
      </c>
      <c r="B38823" s="1" t="s">
        <v>126612</v>
      </c>
      <c r="C38823" s="1" t="s">
        <v>75</v>
      </c>
      <c r="D38823" s="1" t="s">
        <v>81465</v>
      </c>
      <c r="E38823" s="1" t="s">
        <v>133308</v>
      </c>
      <c r="F38823" s="1" t="s">
        <v>59842</v>
      </c>
      <c r="G38823" s="1" t="s">
        <v>133275</v>
      </c>
      <c r="H38823" s="1" t="s">
        <v>133276</v>
      </c>
      <c r="I38823" s="1" t="s">
        <v>126615</v>
      </c>
      <c r="J38823" s="1" t="s">
        <v>133309</v>
      </c>
    </row>
    <row r="38824" spans="1:10" x14ac:dyDescent="0.35">
      <c r="A38824" s="1" t="s">
        <v>133272</v>
      </c>
      <c r="B38824" s="1" t="s">
        <v>126612</v>
      </c>
      <c r="C38824" s="1" t="s">
        <v>80</v>
      </c>
      <c r="D38824" s="1" t="s">
        <v>133310</v>
      </c>
      <c r="E38824" s="1" t="s">
        <v>107638</v>
      </c>
      <c r="F38824" s="1" t="s">
        <v>30667</v>
      </c>
      <c r="G38824" s="1" t="s">
        <v>133275</v>
      </c>
      <c r="H38824" s="1" t="s">
        <v>133276</v>
      </c>
      <c r="I38824" s="1" t="s">
        <v>126615</v>
      </c>
      <c r="J38824" s="1" t="s">
        <v>133311</v>
      </c>
    </row>
    <row r="38825" spans="1:10" x14ac:dyDescent="0.35">
      <c r="A38825" s="1" t="s">
        <v>133272</v>
      </c>
      <c r="B38825" s="1" t="s">
        <v>126612</v>
      </c>
      <c r="C38825" s="1" t="s">
        <v>85</v>
      </c>
      <c r="D38825" s="1" t="s">
        <v>56075</v>
      </c>
      <c r="E38825" s="1" t="s">
        <v>106207</v>
      </c>
      <c r="F38825" s="1" t="s">
        <v>23241</v>
      </c>
      <c r="G38825" s="1" t="s">
        <v>133275</v>
      </c>
      <c r="H38825" s="1" t="s">
        <v>133276</v>
      </c>
      <c r="I38825" s="1" t="s">
        <v>126615</v>
      </c>
      <c r="J38825" s="1" t="s">
        <v>133312</v>
      </c>
    </row>
    <row r="38826" spans="1:10" x14ac:dyDescent="0.35">
      <c r="A38826" s="1" t="s">
        <v>133272</v>
      </c>
      <c r="B38826" s="1" t="s">
        <v>126612</v>
      </c>
      <c r="C38826" s="1" t="s">
        <v>90</v>
      </c>
      <c r="D38826" s="1" t="s">
        <v>133313</v>
      </c>
      <c r="E38826" s="1" t="s">
        <v>106534</v>
      </c>
      <c r="F38826" s="1" t="s">
        <v>63993</v>
      </c>
      <c r="G38826" s="1" t="s">
        <v>133275</v>
      </c>
      <c r="H38826" s="1" t="s">
        <v>133276</v>
      </c>
      <c r="I38826" s="1" t="s">
        <v>126615</v>
      </c>
      <c r="J38826" s="1" t="s">
        <v>133314</v>
      </c>
    </row>
    <row r="38827" spans="1:10" x14ac:dyDescent="0.35">
      <c r="A38827" s="1" t="s">
        <v>133272</v>
      </c>
      <c r="B38827" s="1" t="s">
        <v>126612</v>
      </c>
      <c r="C38827" s="1" t="s">
        <v>95</v>
      </c>
      <c r="D38827" s="1" t="s">
        <v>133315</v>
      </c>
      <c r="E38827" s="1" t="s">
        <v>107313</v>
      </c>
      <c r="F38827" s="1" t="s">
        <v>133316</v>
      </c>
      <c r="G38827" s="1" t="s">
        <v>133275</v>
      </c>
      <c r="H38827" s="1" t="s">
        <v>133276</v>
      </c>
      <c r="I38827" s="1" t="s">
        <v>126615</v>
      </c>
      <c r="J38827" s="1" t="s">
        <v>133317</v>
      </c>
    </row>
    <row r="38828" spans="1:10" x14ac:dyDescent="0.35">
      <c r="A38828" s="1" t="s">
        <v>133272</v>
      </c>
      <c r="B38828" s="1" t="s">
        <v>126612</v>
      </c>
      <c r="C38828" s="1" t="s">
        <v>100</v>
      </c>
      <c r="D38828" s="1" t="s">
        <v>57309</v>
      </c>
      <c r="E38828" s="1" t="s">
        <v>131743</v>
      </c>
      <c r="F38828" s="1" t="s">
        <v>66859</v>
      </c>
      <c r="G38828" s="1" t="s">
        <v>133275</v>
      </c>
      <c r="H38828" s="1" t="s">
        <v>133276</v>
      </c>
      <c r="I38828" s="1" t="s">
        <v>126615</v>
      </c>
      <c r="J38828" s="1" t="s">
        <v>133318</v>
      </c>
    </row>
    <row r="38829" spans="1:10" x14ac:dyDescent="0.35">
      <c r="A38829" s="1" t="s">
        <v>133272</v>
      </c>
      <c r="B38829" s="1" t="s">
        <v>126612</v>
      </c>
      <c r="C38829" s="1" t="s">
        <v>105</v>
      </c>
      <c r="D38829" s="1" t="s">
        <v>133319</v>
      </c>
      <c r="E38829" s="1" t="s">
        <v>132861</v>
      </c>
      <c r="F38829" s="1" t="s">
        <v>64800</v>
      </c>
      <c r="G38829" s="1" t="s">
        <v>133275</v>
      </c>
      <c r="H38829" s="1" t="s">
        <v>133276</v>
      </c>
      <c r="I38829" s="1" t="s">
        <v>126615</v>
      </c>
      <c r="J38829" s="1" t="s">
        <v>133320</v>
      </c>
    </row>
    <row r="38830" spans="1:10" x14ac:dyDescent="0.35">
      <c r="A38830" s="1" t="s">
        <v>133272</v>
      </c>
      <c r="B38830" s="1" t="s">
        <v>126612</v>
      </c>
      <c r="C38830" s="1" t="s">
        <v>110</v>
      </c>
      <c r="D38830" s="1" t="s">
        <v>95135</v>
      </c>
      <c r="E38830" s="1" t="s">
        <v>133321</v>
      </c>
      <c r="F38830" s="1" t="s">
        <v>100692</v>
      </c>
      <c r="G38830" s="1" t="s">
        <v>133275</v>
      </c>
      <c r="H38830" s="1" t="s">
        <v>133276</v>
      </c>
      <c r="I38830" s="1" t="s">
        <v>126615</v>
      </c>
      <c r="J38830" s="1" t="s">
        <v>133322</v>
      </c>
    </row>
    <row r="38831" spans="1:10" x14ac:dyDescent="0.35">
      <c r="A38831" s="1" t="s">
        <v>133272</v>
      </c>
      <c r="B38831" s="1" t="s">
        <v>126612</v>
      </c>
      <c r="C38831" s="1" t="s">
        <v>115</v>
      </c>
      <c r="D38831" s="1" t="s">
        <v>86936</v>
      </c>
      <c r="E38831" s="1" t="s">
        <v>105435</v>
      </c>
      <c r="F38831" s="1" t="s">
        <v>133323</v>
      </c>
      <c r="G38831" s="1" t="s">
        <v>133275</v>
      </c>
      <c r="H38831" s="1" t="s">
        <v>133276</v>
      </c>
      <c r="I38831" s="1" t="s">
        <v>126615</v>
      </c>
      <c r="J38831" s="1" t="s">
        <v>133324</v>
      </c>
    </row>
    <row r="38832" spans="1:10" x14ac:dyDescent="0.35">
      <c r="A38832" s="1" t="s">
        <v>133272</v>
      </c>
      <c r="B38832" s="1" t="s">
        <v>126612</v>
      </c>
      <c r="C38832" s="1" t="s">
        <v>120</v>
      </c>
      <c r="D38832" s="1" t="s">
        <v>26810</v>
      </c>
      <c r="E38832" s="1" t="s">
        <v>109506</v>
      </c>
      <c r="F38832" s="1" t="s">
        <v>133325</v>
      </c>
      <c r="G38832" s="1" t="s">
        <v>133275</v>
      </c>
      <c r="H38832" s="1" t="s">
        <v>133276</v>
      </c>
      <c r="I38832" s="1" t="s">
        <v>126615</v>
      </c>
      <c r="J38832" s="1" t="s">
        <v>133326</v>
      </c>
    </row>
    <row r="38833" spans="1:10" x14ac:dyDescent="0.35">
      <c r="A38833" s="1" t="s">
        <v>133272</v>
      </c>
      <c r="B38833" s="1" t="s">
        <v>126612</v>
      </c>
      <c r="C38833" s="1" t="s">
        <v>125</v>
      </c>
      <c r="D38833" s="1" t="s">
        <v>133327</v>
      </c>
      <c r="E38833" s="1" t="s">
        <v>133328</v>
      </c>
      <c r="F38833" s="1" t="s">
        <v>62188</v>
      </c>
      <c r="G38833" s="1" t="s">
        <v>133275</v>
      </c>
      <c r="H38833" s="1" t="s">
        <v>133276</v>
      </c>
      <c r="I38833" s="1" t="s">
        <v>126615</v>
      </c>
      <c r="J38833" s="1" t="s">
        <v>133329</v>
      </c>
    </row>
    <row r="38834" spans="1:10" x14ac:dyDescent="0.35">
      <c r="A38834" s="1" t="s">
        <v>133272</v>
      </c>
      <c r="B38834" s="1" t="s">
        <v>126612</v>
      </c>
      <c r="C38834" s="1" t="s">
        <v>130</v>
      </c>
      <c r="D38834" s="1" t="s">
        <v>58264</v>
      </c>
      <c r="E38834" s="1" t="s">
        <v>126690</v>
      </c>
      <c r="F38834" s="1" t="s">
        <v>70891</v>
      </c>
      <c r="G38834" s="1" t="s">
        <v>133275</v>
      </c>
      <c r="H38834" s="1" t="s">
        <v>133276</v>
      </c>
      <c r="I38834" s="1" t="s">
        <v>126615</v>
      </c>
      <c r="J38834" s="1" t="s">
        <v>133330</v>
      </c>
    </row>
    <row r="38835" spans="1:10" x14ac:dyDescent="0.35">
      <c r="A38835" s="1" t="s">
        <v>133272</v>
      </c>
      <c r="B38835" s="1" t="s">
        <v>126612</v>
      </c>
      <c r="C38835" s="1" t="s">
        <v>135</v>
      </c>
      <c r="D38835" s="1" t="s">
        <v>106127</v>
      </c>
      <c r="E38835" s="1" t="s">
        <v>108904</v>
      </c>
      <c r="F38835" s="1" t="s">
        <v>133331</v>
      </c>
      <c r="G38835" s="1" t="s">
        <v>133275</v>
      </c>
      <c r="H38835" s="1" t="s">
        <v>133276</v>
      </c>
      <c r="I38835" s="1" t="s">
        <v>126615</v>
      </c>
      <c r="J38835" s="1" t="s">
        <v>133332</v>
      </c>
    </row>
    <row r="38836" spans="1:10" x14ac:dyDescent="0.35">
      <c r="A38836" s="1" t="s">
        <v>133272</v>
      </c>
      <c r="B38836" s="1" t="s">
        <v>126612</v>
      </c>
      <c r="C38836" s="1" t="s">
        <v>140</v>
      </c>
      <c r="D38836" s="1" t="s">
        <v>129123</v>
      </c>
      <c r="E38836" s="1" t="s">
        <v>133333</v>
      </c>
      <c r="F38836" s="1" t="s">
        <v>31531</v>
      </c>
      <c r="G38836" s="1" t="s">
        <v>133275</v>
      </c>
      <c r="H38836" s="1" t="s">
        <v>133276</v>
      </c>
      <c r="I38836" s="1" t="s">
        <v>126615</v>
      </c>
      <c r="J38836" s="1" t="s">
        <v>133334</v>
      </c>
    </row>
    <row r="38837" spans="1:10" x14ac:dyDescent="0.35">
      <c r="A38837" s="1" t="s">
        <v>133272</v>
      </c>
      <c r="B38837" s="1" t="s">
        <v>126612</v>
      </c>
      <c r="C38837" s="1" t="s">
        <v>145</v>
      </c>
      <c r="D38837" s="1" t="s">
        <v>133335</v>
      </c>
      <c r="E38837" s="1" t="s">
        <v>133336</v>
      </c>
      <c r="F38837" s="1" t="s">
        <v>133337</v>
      </c>
      <c r="G38837" s="1" t="s">
        <v>133275</v>
      </c>
      <c r="H38837" s="1" t="s">
        <v>133276</v>
      </c>
      <c r="I38837" s="1" t="s">
        <v>126615</v>
      </c>
      <c r="J38837" s="1" t="s">
        <v>133338</v>
      </c>
    </row>
    <row r="38838" spans="1:10" x14ac:dyDescent="0.35">
      <c r="A38838" s="1" t="s">
        <v>133272</v>
      </c>
      <c r="B38838" s="1" t="s">
        <v>126612</v>
      </c>
      <c r="C38838" s="1" t="s">
        <v>150</v>
      </c>
      <c r="D38838" s="1" t="s">
        <v>133339</v>
      </c>
      <c r="E38838" s="1" t="s">
        <v>133340</v>
      </c>
      <c r="F38838" s="1" t="s">
        <v>133341</v>
      </c>
      <c r="G38838" s="1" t="s">
        <v>133275</v>
      </c>
      <c r="H38838" s="1" t="s">
        <v>133276</v>
      </c>
      <c r="I38838" s="1" t="s">
        <v>126615</v>
      </c>
      <c r="J38838" s="1" t="s">
        <v>133342</v>
      </c>
    </row>
    <row r="38839" spans="1:10" x14ac:dyDescent="0.35">
      <c r="A38839" s="1" t="s">
        <v>133272</v>
      </c>
      <c r="B38839" s="1" t="s">
        <v>126612</v>
      </c>
      <c r="C38839" s="1" t="s">
        <v>155</v>
      </c>
      <c r="D38839" s="1" t="s">
        <v>133343</v>
      </c>
      <c r="E38839" s="1" t="s">
        <v>133344</v>
      </c>
      <c r="F38839" s="1" t="s">
        <v>69626</v>
      </c>
      <c r="G38839" s="1" t="s">
        <v>133275</v>
      </c>
      <c r="H38839" s="1" t="s">
        <v>133276</v>
      </c>
      <c r="I38839" s="1" t="s">
        <v>126615</v>
      </c>
      <c r="J38839" s="1" t="s">
        <v>133345</v>
      </c>
    </row>
    <row r="38840" spans="1:10" x14ac:dyDescent="0.35">
      <c r="A38840" s="1" t="s">
        <v>133272</v>
      </c>
      <c r="B38840" s="1" t="s">
        <v>126612</v>
      </c>
      <c r="C38840" s="1" t="s">
        <v>160</v>
      </c>
      <c r="D38840" s="1" t="s">
        <v>133346</v>
      </c>
      <c r="E38840" s="1" t="s">
        <v>133347</v>
      </c>
      <c r="F38840" s="1" t="s">
        <v>68674</v>
      </c>
      <c r="G38840" s="1" t="s">
        <v>133275</v>
      </c>
      <c r="H38840" s="1" t="s">
        <v>133276</v>
      </c>
      <c r="I38840" s="1" t="s">
        <v>126615</v>
      </c>
      <c r="J38840" s="1" t="s">
        <v>133348</v>
      </c>
    </row>
    <row r="38841" spans="1:10" x14ac:dyDescent="0.35">
      <c r="A38841" s="1" t="s">
        <v>133272</v>
      </c>
      <c r="B38841" s="1" t="s">
        <v>126612</v>
      </c>
      <c r="C38841" s="1" t="s">
        <v>165</v>
      </c>
      <c r="D38841" s="1" t="s">
        <v>68588</v>
      </c>
      <c r="E38841" s="1" t="s">
        <v>133349</v>
      </c>
      <c r="F38841" s="1" t="s">
        <v>133350</v>
      </c>
      <c r="G38841" s="1" t="s">
        <v>133275</v>
      </c>
      <c r="H38841" s="1" t="s">
        <v>133276</v>
      </c>
      <c r="I38841" s="1" t="s">
        <v>126615</v>
      </c>
      <c r="J38841" s="1" t="s">
        <v>133351</v>
      </c>
    </row>
    <row r="38842" spans="1:10" x14ac:dyDescent="0.35">
      <c r="A38842" s="1" t="s">
        <v>133272</v>
      </c>
      <c r="B38842" s="1" t="s">
        <v>126612</v>
      </c>
      <c r="C38842" s="1" t="s">
        <v>170</v>
      </c>
      <c r="D38842" s="1" t="s">
        <v>133352</v>
      </c>
      <c r="E38842" s="1" t="s">
        <v>133107</v>
      </c>
      <c r="F38842" s="1" t="s">
        <v>83431</v>
      </c>
      <c r="G38842" s="1" t="s">
        <v>133275</v>
      </c>
      <c r="H38842" s="1" t="s">
        <v>133276</v>
      </c>
      <c r="I38842" s="1" t="s">
        <v>126615</v>
      </c>
      <c r="J38842" s="1" t="s">
        <v>133353</v>
      </c>
    </row>
    <row r="38843" spans="1:10" x14ac:dyDescent="0.35">
      <c r="A38843" s="1" t="s">
        <v>11061</v>
      </c>
      <c r="B38843" s="1" t="s">
        <v>126612</v>
      </c>
      <c r="C38843" s="1" t="s">
        <v>8</v>
      </c>
      <c r="D38843" s="1" t="s">
        <v>62351</v>
      </c>
      <c r="E38843" s="1" t="s">
        <v>132027</v>
      </c>
      <c r="F38843" s="1" t="s">
        <v>133354</v>
      </c>
      <c r="G38843" s="1" t="s">
        <v>133355</v>
      </c>
      <c r="H38843" s="1" t="s">
        <v>133356</v>
      </c>
      <c r="I38843" s="1" t="s">
        <v>126615</v>
      </c>
      <c r="J38843" s="1" t="s">
        <v>13</v>
      </c>
    </row>
    <row r="38844" spans="1:10" x14ac:dyDescent="0.35">
      <c r="A38844" s="1" t="s">
        <v>11061</v>
      </c>
      <c r="B38844" s="1" t="s">
        <v>126612</v>
      </c>
      <c r="C38844" s="1" t="s">
        <v>15</v>
      </c>
      <c r="D38844" s="1" t="s">
        <v>53374</v>
      </c>
      <c r="E38844" s="1" t="s">
        <v>109005</v>
      </c>
      <c r="F38844" s="1" t="s">
        <v>97150</v>
      </c>
      <c r="G38844" s="1" t="s">
        <v>133355</v>
      </c>
      <c r="H38844" s="1" t="s">
        <v>133356</v>
      </c>
      <c r="I38844" s="1" t="s">
        <v>126615</v>
      </c>
      <c r="J38844" s="1" t="s">
        <v>133357</v>
      </c>
    </row>
    <row r="38845" spans="1:10" x14ac:dyDescent="0.35">
      <c r="A38845" s="1" t="s">
        <v>11061</v>
      </c>
      <c r="B38845" s="1" t="s">
        <v>126612</v>
      </c>
      <c r="C38845" s="1" t="s">
        <v>20</v>
      </c>
      <c r="D38845" s="1" t="s">
        <v>40363</v>
      </c>
      <c r="E38845" s="1" t="s">
        <v>127254</v>
      </c>
      <c r="F38845" s="1" t="s">
        <v>133358</v>
      </c>
      <c r="G38845" s="1" t="s">
        <v>133355</v>
      </c>
      <c r="H38845" s="1" t="s">
        <v>133356</v>
      </c>
      <c r="I38845" s="1" t="s">
        <v>126615</v>
      </c>
      <c r="J38845" s="1" t="s">
        <v>133359</v>
      </c>
    </row>
    <row r="38846" spans="1:10" x14ac:dyDescent="0.35">
      <c r="A38846" s="1" t="s">
        <v>11061</v>
      </c>
      <c r="B38846" s="1" t="s">
        <v>126612</v>
      </c>
      <c r="C38846" s="1" t="s">
        <v>25</v>
      </c>
      <c r="D38846" s="1" t="s">
        <v>90571</v>
      </c>
      <c r="E38846" s="1" t="s">
        <v>130432</v>
      </c>
      <c r="F38846" s="1" t="s">
        <v>133360</v>
      </c>
      <c r="G38846" s="1" t="s">
        <v>133355</v>
      </c>
      <c r="H38846" s="1" t="s">
        <v>133356</v>
      </c>
      <c r="I38846" s="1" t="s">
        <v>126615</v>
      </c>
      <c r="J38846" s="1" t="s">
        <v>133361</v>
      </c>
    </row>
    <row r="38847" spans="1:10" x14ac:dyDescent="0.35">
      <c r="A38847" s="1" t="s">
        <v>11061</v>
      </c>
      <c r="B38847" s="1" t="s">
        <v>126612</v>
      </c>
      <c r="C38847" s="1" t="s">
        <v>30</v>
      </c>
      <c r="D38847" s="1" t="s">
        <v>131676</v>
      </c>
      <c r="E38847" s="1" t="s">
        <v>76417</v>
      </c>
      <c r="F38847" s="1" t="s">
        <v>31829</v>
      </c>
      <c r="G38847" s="1" t="s">
        <v>133355</v>
      </c>
      <c r="H38847" s="1" t="s">
        <v>133356</v>
      </c>
      <c r="I38847" s="1" t="s">
        <v>126615</v>
      </c>
      <c r="J38847" s="1" t="s">
        <v>133362</v>
      </c>
    </row>
    <row r="38848" spans="1:10" x14ac:dyDescent="0.35">
      <c r="A38848" s="1" t="s">
        <v>11061</v>
      </c>
      <c r="B38848" s="1" t="s">
        <v>126612</v>
      </c>
      <c r="C38848" s="1" t="s">
        <v>35</v>
      </c>
      <c r="D38848" s="1" t="s">
        <v>13435</v>
      </c>
      <c r="E38848" s="1" t="s">
        <v>70900</v>
      </c>
      <c r="F38848" s="1" t="s">
        <v>60792</v>
      </c>
      <c r="G38848" s="1" t="s">
        <v>133355</v>
      </c>
      <c r="H38848" s="1" t="s">
        <v>133356</v>
      </c>
      <c r="I38848" s="1" t="s">
        <v>126615</v>
      </c>
      <c r="J38848" s="1" t="s">
        <v>133363</v>
      </c>
    </row>
    <row r="38849" spans="1:10" x14ac:dyDescent="0.35">
      <c r="A38849" s="1" t="s">
        <v>11061</v>
      </c>
      <c r="B38849" s="1" t="s">
        <v>126612</v>
      </c>
      <c r="C38849" s="1" t="s">
        <v>40</v>
      </c>
      <c r="D38849" s="1" t="s">
        <v>133364</v>
      </c>
      <c r="E38849" s="1" t="s">
        <v>30660</v>
      </c>
      <c r="F38849" s="1" t="s">
        <v>96892</v>
      </c>
      <c r="G38849" s="1" t="s">
        <v>133355</v>
      </c>
      <c r="H38849" s="1" t="s">
        <v>133356</v>
      </c>
      <c r="I38849" s="1" t="s">
        <v>126615</v>
      </c>
      <c r="J38849" s="1" t="s">
        <v>133365</v>
      </c>
    </row>
    <row r="38850" spans="1:10" x14ac:dyDescent="0.35">
      <c r="A38850" s="1" t="s">
        <v>11061</v>
      </c>
      <c r="B38850" s="1" t="s">
        <v>126612</v>
      </c>
      <c r="C38850" s="1" t="s">
        <v>45</v>
      </c>
      <c r="D38850" s="1" t="s">
        <v>53536</v>
      </c>
      <c r="E38850" s="1" t="s">
        <v>130814</v>
      </c>
      <c r="F38850" s="1" t="s">
        <v>133366</v>
      </c>
      <c r="G38850" s="1" t="s">
        <v>133355</v>
      </c>
      <c r="H38850" s="1" t="s">
        <v>133356</v>
      </c>
      <c r="I38850" s="1" t="s">
        <v>126615</v>
      </c>
      <c r="J38850" s="1" t="s">
        <v>133367</v>
      </c>
    </row>
    <row r="38851" spans="1:10" x14ac:dyDescent="0.35">
      <c r="A38851" s="1" t="s">
        <v>11061</v>
      </c>
      <c r="B38851" s="1" t="s">
        <v>126612</v>
      </c>
      <c r="C38851" s="1" t="s">
        <v>50</v>
      </c>
      <c r="D38851" s="1" t="s">
        <v>130207</v>
      </c>
      <c r="E38851" s="1" t="s">
        <v>70915</v>
      </c>
      <c r="F38851" s="1" t="s">
        <v>58719</v>
      </c>
      <c r="G38851" s="1" t="s">
        <v>133355</v>
      </c>
      <c r="H38851" s="1" t="s">
        <v>133356</v>
      </c>
      <c r="I38851" s="1" t="s">
        <v>126615</v>
      </c>
      <c r="J38851" s="1" t="s">
        <v>133368</v>
      </c>
    </row>
    <row r="38852" spans="1:10" x14ac:dyDescent="0.35">
      <c r="A38852" s="1" t="s">
        <v>11061</v>
      </c>
      <c r="B38852" s="1" t="s">
        <v>126612</v>
      </c>
      <c r="C38852" s="1" t="s">
        <v>55</v>
      </c>
      <c r="D38852" s="1" t="s">
        <v>133369</v>
      </c>
      <c r="E38852" s="1" t="s">
        <v>105240</v>
      </c>
      <c r="F38852" s="1" t="s">
        <v>97235</v>
      </c>
      <c r="G38852" s="1" t="s">
        <v>133355</v>
      </c>
      <c r="H38852" s="1" t="s">
        <v>133356</v>
      </c>
      <c r="I38852" s="1" t="s">
        <v>126615</v>
      </c>
      <c r="J38852" s="1" t="s">
        <v>133370</v>
      </c>
    </row>
    <row r="38853" spans="1:10" x14ac:dyDescent="0.35">
      <c r="A38853" s="1" t="s">
        <v>11061</v>
      </c>
      <c r="B38853" s="1" t="s">
        <v>126612</v>
      </c>
      <c r="C38853" s="1" t="s">
        <v>60</v>
      </c>
      <c r="D38853" s="1" t="s">
        <v>133371</v>
      </c>
      <c r="E38853" s="1" t="s">
        <v>133372</v>
      </c>
      <c r="F38853" s="1" t="s">
        <v>133373</v>
      </c>
      <c r="G38853" s="1" t="s">
        <v>133355</v>
      </c>
      <c r="H38853" s="1" t="s">
        <v>133356</v>
      </c>
      <c r="I38853" s="1" t="s">
        <v>126615</v>
      </c>
      <c r="J38853" s="1" t="s">
        <v>133374</v>
      </c>
    </row>
    <row r="38854" spans="1:10" x14ac:dyDescent="0.35">
      <c r="A38854" s="1" t="s">
        <v>11061</v>
      </c>
      <c r="B38854" s="1" t="s">
        <v>126612</v>
      </c>
      <c r="C38854" s="1" t="s">
        <v>65</v>
      </c>
      <c r="D38854" s="1" t="s">
        <v>100338</v>
      </c>
      <c r="E38854" s="1" t="s">
        <v>128959</v>
      </c>
      <c r="F38854" s="1" t="s">
        <v>133375</v>
      </c>
      <c r="G38854" s="1" t="s">
        <v>133355</v>
      </c>
      <c r="H38854" s="1" t="s">
        <v>133356</v>
      </c>
      <c r="I38854" s="1" t="s">
        <v>126615</v>
      </c>
      <c r="J38854" s="1" t="s">
        <v>133376</v>
      </c>
    </row>
    <row r="38855" spans="1:10" x14ac:dyDescent="0.35">
      <c r="A38855" s="1" t="s">
        <v>11061</v>
      </c>
      <c r="B38855" s="1" t="s">
        <v>126612</v>
      </c>
      <c r="C38855" s="1" t="s">
        <v>70</v>
      </c>
      <c r="D38855" s="1" t="s">
        <v>133377</v>
      </c>
      <c r="E38855" s="1" t="s">
        <v>127237</v>
      </c>
      <c r="F38855" s="1" t="s">
        <v>68871</v>
      </c>
      <c r="G38855" s="1" t="s">
        <v>133355</v>
      </c>
      <c r="H38855" s="1" t="s">
        <v>133356</v>
      </c>
      <c r="I38855" s="1" t="s">
        <v>126615</v>
      </c>
      <c r="J38855" s="1" t="s">
        <v>133378</v>
      </c>
    </row>
    <row r="38856" spans="1:10" x14ac:dyDescent="0.35">
      <c r="A38856" s="1" t="s">
        <v>11061</v>
      </c>
      <c r="B38856" s="1" t="s">
        <v>126612</v>
      </c>
      <c r="C38856" s="1" t="s">
        <v>75</v>
      </c>
      <c r="D38856" s="1" t="s">
        <v>133379</v>
      </c>
      <c r="E38856" s="1" t="s">
        <v>133380</v>
      </c>
      <c r="F38856" s="1" t="s">
        <v>55879</v>
      </c>
      <c r="G38856" s="1" t="s">
        <v>133355</v>
      </c>
      <c r="H38856" s="1" t="s">
        <v>133356</v>
      </c>
      <c r="I38856" s="1" t="s">
        <v>126615</v>
      </c>
      <c r="J38856" s="1" t="s">
        <v>133381</v>
      </c>
    </row>
    <row r="38857" spans="1:10" x14ac:dyDescent="0.35">
      <c r="A38857" s="1" t="s">
        <v>11061</v>
      </c>
      <c r="B38857" s="1" t="s">
        <v>126612</v>
      </c>
      <c r="C38857" s="1" t="s">
        <v>80</v>
      </c>
      <c r="D38857" s="1" t="s">
        <v>57354</v>
      </c>
      <c r="E38857" s="1" t="s">
        <v>128959</v>
      </c>
      <c r="F38857" s="1" t="s">
        <v>133382</v>
      </c>
      <c r="G38857" s="1" t="s">
        <v>133355</v>
      </c>
      <c r="H38857" s="1" t="s">
        <v>133356</v>
      </c>
      <c r="I38857" s="1" t="s">
        <v>126615</v>
      </c>
      <c r="J38857" s="1" t="s">
        <v>133383</v>
      </c>
    </row>
    <row r="38858" spans="1:10" x14ac:dyDescent="0.35">
      <c r="A38858" s="1" t="s">
        <v>11061</v>
      </c>
      <c r="B38858" s="1" t="s">
        <v>126612</v>
      </c>
      <c r="C38858" s="1" t="s">
        <v>85</v>
      </c>
      <c r="D38858" s="1" t="s">
        <v>66404</v>
      </c>
      <c r="E38858" s="1" t="s">
        <v>32040</v>
      </c>
      <c r="F38858" s="1" t="s">
        <v>133384</v>
      </c>
      <c r="G38858" s="1" t="s">
        <v>133355</v>
      </c>
      <c r="H38858" s="1" t="s">
        <v>133356</v>
      </c>
      <c r="I38858" s="1" t="s">
        <v>126615</v>
      </c>
      <c r="J38858" s="1" t="s">
        <v>133385</v>
      </c>
    </row>
    <row r="38859" spans="1:10" x14ac:dyDescent="0.35">
      <c r="A38859" s="1" t="s">
        <v>11061</v>
      </c>
      <c r="B38859" s="1" t="s">
        <v>126612</v>
      </c>
      <c r="C38859" s="1" t="s">
        <v>90</v>
      </c>
      <c r="D38859" s="1" t="s">
        <v>84546</v>
      </c>
      <c r="E38859" s="1" t="s">
        <v>105247</v>
      </c>
      <c r="F38859" s="1" t="s">
        <v>101193</v>
      </c>
      <c r="G38859" s="1" t="s">
        <v>133355</v>
      </c>
      <c r="H38859" s="1" t="s">
        <v>133356</v>
      </c>
      <c r="I38859" s="1" t="s">
        <v>126615</v>
      </c>
      <c r="J38859" s="1" t="s">
        <v>133386</v>
      </c>
    </row>
    <row r="38860" spans="1:10" x14ac:dyDescent="0.35">
      <c r="A38860" s="1" t="s">
        <v>11061</v>
      </c>
      <c r="B38860" s="1" t="s">
        <v>126612</v>
      </c>
      <c r="C38860" s="1" t="s">
        <v>95</v>
      </c>
      <c r="D38860" s="1" t="s">
        <v>133387</v>
      </c>
      <c r="E38860" s="1" t="s">
        <v>30694</v>
      </c>
      <c r="F38860" s="1" t="s">
        <v>133388</v>
      </c>
      <c r="G38860" s="1" t="s">
        <v>133355</v>
      </c>
      <c r="H38860" s="1" t="s">
        <v>133356</v>
      </c>
      <c r="I38860" s="1" t="s">
        <v>126615</v>
      </c>
      <c r="J38860" s="1" t="s">
        <v>133389</v>
      </c>
    </row>
    <row r="38861" spans="1:10" x14ac:dyDescent="0.35">
      <c r="A38861" s="1" t="s">
        <v>11061</v>
      </c>
      <c r="B38861" s="1" t="s">
        <v>126612</v>
      </c>
      <c r="C38861" s="1" t="s">
        <v>100</v>
      </c>
      <c r="D38861" s="1" t="s">
        <v>39848</v>
      </c>
      <c r="E38861" s="1" t="s">
        <v>129380</v>
      </c>
      <c r="F38861" s="1" t="s">
        <v>133390</v>
      </c>
      <c r="G38861" s="1" t="s">
        <v>133355</v>
      </c>
      <c r="H38861" s="1" t="s">
        <v>133356</v>
      </c>
      <c r="I38861" s="1" t="s">
        <v>126615</v>
      </c>
      <c r="J38861" s="1" t="s">
        <v>133391</v>
      </c>
    </row>
    <row r="38862" spans="1:10" x14ac:dyDescent="0.35">
      <c r="A38862" s="1" t="s">
        <v>11061</v>
      </c>
      <c r="B38862" s="1" t="s">
        <v>126612</v>
      </c>
      <c r="C38862" s="1" t="s">
        <v>105</v>
      </c>
      <c r="D38862" s="1" t="s">
        <v>133392</v>
      </c>
      <c r="E38862" s="1" t="s">
        <v>105259</v>
      </c>
      <c r="F38862" s="1" t="s">
        <v>133393</v>
      </c>
      <c r="G38862" s="1" t="s">
        <v>133355</v>
      </c>
      <c r="H38862" s="1" t="s">
        <v>133356</v>
      </c>
      <c r="I38862" s="1" t="s">
        <v>126615</v>
      </c>
      <c r="J38862" s="1" t="s">
        <v>133394</v>
      </c>
    </row>
    <row r="38863" spans="1:10" x14ac:dyDescent="0.35">
      <c r="A38863" s="1" t="s">
        <v>11061</v>
      </c>
      <c r="B38863" s="1" t="s">
        <v>126612</v>
      </c>
      <c r="C38863" s="1" t="s">
        <v>110</v>
      </c>
      <c r="D38863" s="1" t="s">
        <v>62500</v>
      </c>
      <c r="E38863" s="1" t="s">
        <v>95811</v>
      </c>
      <c r="F38863" s="1" t="s">
        <v>133395</v>
      </c>
      <c r="G38863" s="1" t="s">
        <v>133355</v>
      </c>
      <c r="H38863" s="1" t="s">
        <v>133356</v>
      </c>
      <c r="I38863" s="1" t="s">
        <v>126615</v>
      </c>
      <c r="J38863" s="1" t="s">
        <v>133396</v>
      </c>
    </row>
    <row r="38864" spans="1:10" x14ac:dyDescent="0.35">
      <c r="A38864" s="1" t="s">
        <v>11061</v>
      </c>
      <c r="B38864" s="1" t="s">
        <v>126612</v>
      </c>
      <c r="C38864" s="1" t="s">
        <v>115</v>
      </c>
      <c r="D38864" s="1" t="s">
        <v>55240</v>
      </c>
      <c r="E38864" s="1" t="s">
        <v>94767</v>
      </c>
      <c r="F38864" s="1" t="s">
        <v>70901</v>
      </c>
      <c r="G38864" s="1" t="s">
        <v>133355</v>
      </c>
      <c r="H38864" s="1" t="s">
        <v>133356</v>
      </c>
      <c r="I38864" s="1" t="s">
        <v>126615</v>
      </c>
      <c r="J38864" s="1" t="s">
        <v>133397</v>
      </c>
    </row>
    <row r="38865" spans="1:10" x14ac:dyDescent="0.35">
      <c r="A38865" s="1" t="s">
        <v>11061</v>
      </c>
      <c r="B38865" s="1" t="s">
        <v>126612</v>
      </c>
      <c r="C38865" s="1" t="s">
        <v>120</v>
      </c>
      <c r="D38865" s="1" t="s">
        <v>133398</v>
      </c>
      <c r="E38865" s="1" t="s">
        <v>133399</v>
      </c>
      <c r="F38865" s="1" t="s">
        <v>133400</v>
      </c>
      <c r="G38865" s="1" t="s">
        <v>133355</v>
      </c>
      <c r="H38865" s="1" t="s">
        <v>133356</v>
      </c>
      <c r="I38865" s="1" t="s">
        <v>126615</v>
      </c>
      <c r="J38865" s="1" t="s">
        <v>133401</v>
      </c>
    </row>
    <row r="38866" spans="1:10" x14ac:dyDescent="0.35">
      <c r="A38866" s="1" t="s">
        <v>11061</v>
      </c>
      <c r="B38866" s="1" t="s">
        <v>126612</v>
      </c>
      <c r="C38866" s="1" t="s">
        <v>125</v>
      </c>
      <c r="D38866" s="1" t="s">
        <v>78617</v>
      </c>
      <c r="E38866" s="1" t="s">
        <v>127993</v>
      </c>
      <c r="F38866" s="1" t="s">
        <v>65400</v>
      </c>
      <c r="G38866" s="1" t="s">
        <v>133355</v>
      </c>
      <c r="H38866" s="1" t="s">
        <v>133356</v>
      </c>
      <c r="I38866" s="1" t="s">
        <v>126615</v>
      </c>
      <c r="J38866" s="1" t="s">
        <v>133402</v>
      </c>
    </row>
    <row r="38867" spans="1:10" x14ac:dyDescent="0.35">
      <c r="A38867" s="1" t="s">
        <v>11061</v>
      </c>
      <c r="B38867" s="1" t="s">
        <v>126612</v>
      </c>
      <c r="C38867" s="1" t="s">
        <v>130</v>
      </c>
      <c r="D38867" s="1" t="s">
        <v>87283</v>
      </c>
      <c r="E38867" s="1" t="s">
        <v>128674</v>
      </c>
      <c r="F38867" s="1" t="s">
        <v>133403</v>
      </c>
      <c r="G38867" s="1" t="s">
        <v>133355</v>
      </c>
      <c r="H38867" s="1" t="s">
        <v>133356</v>
      </c>
      <c r="I38867" s="1" t="s">
        <v>126615</v>
      </c>
      <c r="J38867" s="1" t="s">
        <v>133404</v>
      </c>
    </row>
    <row r="38868" spans="1:10" x14ac:dyDescent="0.35">
      <c r="A38868" s="1" t="s">
        <v>11061</v>
      </c>
      <c r="B38868" s="1" t="s">
        <v>126612</v>
      </c>
      <c r="C38868" s="1" t="s">
        <v>135</v>
      </c>
      <c r="D38868" s="1" t="s">
        <v>133405</v>
      </c>
      <c r="E38868" s="1" t="s">
        <v>129454</v>
      </c>
      <c r="F38868" s="1" t="s">
        <v>133406</v>
      </c>
      <c r="G38868" s="1" t="s">
        <v>133355</v>
      </c>
      <c r="H38868" s="1" t="s">
        <v>133356</v>
      </c>
      <c r="I38868" s="1" t="s">
        <v>126615</v>
      </c>
      <c r="J38868" s="1" t="s">
        <v>133407</v>
      </c>
    </row>
    <row r="38869" spans="1:10" x14ac:dyDescent="0.35">
      <c r="A38869" s="1" t="s">
        <v>11061</v>
      </c>
      <c r="B38869" s="1" t="s">
        <v>126612</v>
      </c>
      <c r="C38869" s="1" t="s">
        <v>140</v>
      </c>
      <c r="D38869" s="1" t="s">
        <v>92754</v>
      </c>
      <c r="E38869" s="1" t="s">
        <v>133408</v>
      </c>
      <c r="F38869" s="1" t="s">
        <v>130295</v>
      </c>
      <c r="G38869" s="1" t="s">
        <v>133355</v>
      </c>
      <c r="H38869" s="1" t="s">
        <v>133356</v>
      </c>
      <c r="I38869" s="1" t="s">
        <v>126615</v>
      </c>
      <c r="J38869" s="1" t="s">
        <v>133409</v>
      </c>
    </row>
    <row r="38870" spans="1:10" x14ac:dyDescent="0.35">
      <c r="A38870" s="1" t="s">
        <v>11061</v>
      </c>
      <c r="B38870" s="1" t="s">
        <v>126612</v>
      </c>
      <c r="C38870" s="1" t="s">
        <v>145</v>
      </c>
      <c r="D38870" s="1" t="s">
        <v>133410</v>
      </c>
      <c r="E38870" s="1" t="s">
        <v>108709</v>
      </c>
      <c r="F38870" s="1" t="s">
        <v>82554</v>
      </c>
      <c r="G38870" s="1" t="s">
        <v>133355</v>
      </c>
      <c r="H38870" s="1" t="s">
        <v>133356</v>
      </c>
      <c r="I38870" s="1" t="s">
        <v>126615</v>
      </c>
      <c r="J38870" s="1" t="s">
        <v>133411</v>
      </c>
    </row>
    <row r="38871" spans="1:10" x14ac:dyDescent="0.35">
      <c r="A38871" s="1" t="s">
        <v>11061</v>
      </c>
      <c r="B38871" s="1" t="s">
        <v>126612</v>
      </c>
      <c r="C38871" s="1" t="s">
        <v>150</v>
      </c>
      <c r="D38871" s="1" t="s">
        <v>58470</v>
      </c>
      <c r="E38871" s="1" t="s">
        <v>94744</v>
      </c>
      <c r="F38871" s="1" t="s">
        <v>58679</v>
      </c>
      <c r="G38871" s="1" t="s">
        <v>133355</v>
      </c>
      <c r="H38871" s="1" t="s">
        <v>133356</v>
      </c>
      <c r="I38871" s="1" t="s">
        <v>126615</v>
      </c>
      <c r="J38871" s="1" t="s">
        <v>133412</v>
      </c>
    </row>
    <row r="38872" spans="1:10" x14ac:dyDescent="0.35">
      <c r="A38872" s="1" t="s">
        <v>11061</v>
      </c>
      <c r="B38872" s="1" t="s">
        <v>126612</v>
      </c>
      <c r="C38872" s="1" t="s">
        <v>155</v>
      </c>
      <c r="D38872" s="1" t="s">
        <v>65111</v>
      </c>
      <c r="E38872" s="1" t="s">
        <v>110987</v>
      </c>
      <c r="F38872" s="1" t="s">
        <v>133413</v>
      </c>
      <c r="G38872" s="1" t="s">
        <v>133355</v>
      </c>
      <c r="H38872" s="1" t="s">
        <v>133356</v>
      </c>
      <c r="I38872" s="1" t="s">
        <v>126615</v>
      </c>
      <c r="J38872" s="1" t="s">
        <v>133414</v>
      </c>
    </row>
    <row r="38873" spans="1:10" x14ac:dyDescent="0.35">
      <c r="A38873" s="1" t="s">
        <v>11061</v>
      </c>
      <c r="B38873" s="1" t="s">
        <v>126612</v>
      </c>
      <c r="C38873" s="1" t="s">
        <v>160</v>
      </c>
      <c r="D38873" s="1" t="s">
        <v>133415</v>
      </c>
      <c r="E38873" s="1" t="s">
        <v>133416</v>
      </c>
      <c r="F38873" s="1" t="s">
        <v>133417</v>
      </c>
      <c r="G38873" s="1" t="s">
        <v>133355</v>
      </c>
      <c r="H38873" s="1" t="s">
        <v>133356</v>
      </c>
      <c r="I38873" s="1" t="s">
        <v>126615</v>
      </c>
      <c r="J38873" s="1" t="s">
        <v>133418</v>
      </c>
    </row>
    <row r="38874" spans="1:10" x14ac:dyDescent="0.35">
      <c r="A38874" s="1" t="s">
        <v>11061</v>
      </c>
      <c r="B38874" s="1" t="s">
        <v>126612</v>
      </c>
      <c r="C38874" s="1" t="s">
        <v>165</v>
      </c>
      <c r="D38874" s="1" t="s">
        <v>103080</v>
      </c>
      <c r="E38874" s="1" t="s">
        <v>94715</v>
      </c>
      <c r="F38874" s="1" t="s">
        <v>53959</v>
      </c>
      <c r="G38874" s="1" t="s">
        <v>133355</v>
      </c>
      <c r="H38874" s="1" t="s">
        <v>133356</v>
      </c>
      <c r="I38874" s="1" t="s">
        <v>126615</v>
      </c>
      <c r="J38874" s="1" t="s">
        <v>133419</v>
      </c>
    </row>
    <row r="38875" spans="1:10" x14ac:dyDescent="0.35">
      <c r="A38875" s="1" t="s">
        <v>11061</v>
      </c>
      <c r="B38875" s="1" t="s">
        <v>126612</v>
      </c>
      <c r="C38875" s="1" t="s">
        <v>170</v>
      </c>
      <c r="D38875" s="1" t="s">
        <v>100881</v>
      </c>
      <c r="E38875" s="1" t="s">
        <v>133420</v>
      </c>
      <c r="F38875" s="1" t="s">
        <v>22252</v>
      </c>
      <c r="G38875" s="1" t="s">
        <v>133355</v>
      </c>
      <c r="H38875" s="1" t="s">
        <v>133356</v>
      </c>
      <c r="I38875" s="1" t="s">
        <v>126615</v>
      </c>
      <c r="J38875" s="1" t="s">
        <v>133421</v>
      </c>
    </row>
    <row r="38876" spans="1:10" x14ac:dyDescent="0.35">
      <c r="A38876" s="1" t="s">
        <v>4439</v>
      </c>
      <c r="B38876" s="1" t="s">
        <v>126612</v>
      </c>
      <c r="C38876" s="1" t="s">
        <v>8</v>
      </c>
      <c r="D38876" s="1" t="s">
        <v>77840</v>
      </c>
      <c r="E38876" s="1" t="s">
        <v>105932</v>
      </c>
      <c r="F38876" s="1" t="s">
        <v>133422</v>
      </c>
      <c r="G38876" s="1" t="s">
        <v>133423</v>
      </c>
      <c r="H38876" s="1" t="s">
        <v>133424</v>
      </c>
      <c r="I38876" s="1" t="s">
        <v>126615</v>
      </c>
      <c r="J38876" s="1" t="s">
        <v>13</v>
      </c>
    </row>
    <row r="38877" spans="1:10" x14ac:dyDescent="0.35">
      <c r="A38877" s="1" t="s">
        <v>4439</v>
      </c>
      <c r="B38877" s="1" t="s">
        <v>126612</v>
      </c>
      <c r="C38877" s="1" t="s">
        <v>15</v>
      </c>
      <c r="D38877" s="1" t="s">
        <v>63842</v>
      </c>
      <c r="E38877" s="1" t="s">
        <v>129838</v>
      </c>
      <c r="F38877" s="1" t="s">
        <v>89297</v>
      </c>
      <c r="G38877" s="1" t="s">
        <v>133423</v>
      </c>
      <c r="H38877" s="1" t="s">
        <v>133424</v>
      </c>
      <c r="I38877" s="1" t="s">
        <v>126615</v>
      </c>
      <c r="J38877" s="1" t="s">
        <v>133425</v>
      </c>
    </row>
    <row r="38878" spans="1:10" x14ac:dyDescent="0.35">
      <c r="A38878" s="1" t="s">
        <v>4439</v>
      </c>
      <c r="B38878" s="1" t="s">
        <v>126612</v>
      </c>
      <c r="C38878" s="1" t="s">
        <v>20</v>
      </c>
      <c r="D38878" s="1" t="s">
        <v>60456</v>
      </c>
      <c r="E38878" s="1" t="s">
        <v>133426</v>
      </c>
      <c r="F38878" s="1" t="s">
        <v>133427</v>
      </c>
      <c r="G38878" s="1" t="s">
        <v>133423</v>
      </c>
      <c r="H38878" s="1" t="s">
        <v>133424</v>
      </c>
      <c r="I38878" s="1" t="s">
        <v>126615</v>
      </c>
      <c r="J38878" s="1" t="s">
        <v>133428</v>
      </c>
    </row>
    <row r="38879" spans="1:10" x14ac:dyDescent="0.35">
      <c r="A38879" s="1" t="s">
        <v>4439</v>
      </c>
      <c r="B38879" s="1" t="s">
        <v>126612</v>
      </c>
      <c r="C38879" s="1" t="s">
        <v>25</v>
      </c>
      <c r="D38879" s="1" t="s">
        <v>133429</v>
      </c>
      <c r="E38879" s="1" t="s">
        <v>132275</v>
      </c>
      <c r="F38879" s="1" t="s">
        <v>133430</v>
      </c>
      <c r="G38879" s="1" t="s">
        <v>133423</v>
      </c>
      <c r="H38879" s="1" t="s">
        <v>133424</v>
      </c>
      <c r="I38879" s="1" t="s">
        <v>126615</v>
      </c>
      <c r="J38879" s="1" t="s">
        <v>133431</v>
      </c>
    </row>
    <row r="38880" spans="1:10" x14ac:dyDescent="0.35">
      <c r="A38880" s="1" t="s">
        <v>4439</v>
      </c>
      <c r="B38880" s="1" t="s">
        <v>126612</v>
      </c>
      <c r="C38880" s="1" t="s">
        <v>30</v>
      </c>
      <c r="D38880" s="1" t="s">
        <v>133432</v>
      </c>
      <c r="E38880" s="1" t="s">
        <v>133433</v>
      </c>
      <c r="F38880" s="1" t="s">
        <v>27157</v>
      </c>
      <c r="G38880" s="1" t="s">
        <v>133423</v>
      </c>
      <c r="H38880" s="1" t="s">
        <v>133424</v>
      </c>
      <c r="I38880" s="1" t="s">
        <v>126615</v>
      </c>
      <c r="J38880" s="1" t="s">
        <v>133434</v>
      </c>
    </row>
    <row r="38881" spans="1:10" x14ac:dyDescent="0.35">
      <c r="A38881" s="1" t="s">
        <v>4439</v>
      </c>
      <c r="B38881" s="1" t="s">
        <v>126612</v>
      </c>
      <c r="C38881" s="1" t="s">
        <v>35</v>
      </c>
      <c r="D38881" s="1" t="s">
        <v>81554</v>
      </c>
      <c r="E38881" s="1" t="s">
        <v>73361</v>
      </c>
      <c r="F38881" s="1" t="s">
        <v>133435</v>
      </c>
      <c r="G38881" s="1" t="s">
        <v>133423</v>
      </c>
      <c r="H38881" s="1" t="s">
        <v>133424</v>
      </c>
      <c r="I38881" s="1" t="s">
        <v>126615</v>
      </c>
      <c r="J38881" s="1" t="s">
        <v>133436</v>
      </c>
    </row>
    <row r="38882" spans="1:10" x14ac:dyDescent="0.35">
      <c r="A38882" s="1" t="s">
        <v>4439</v>
      </c>
      <c r="B38882" s="1" t="s">
        <v>126612</v>
      </c>
      <c r="C38882" s="1" t="s">
        <v>40</v>
      </c>
      <c r="D38882" s="1" t="s">
        <v>20327</v>
      </c>
      <c r="E38882" s="1" t="s">
        <v>133437</v>
      </c>
      <c r="F38882" s="1" t="s">
        <v>133438</v>
      </c>
      <c r="G38882" s="1" t="s">
        <v>133423</v>
      </c>
      <c r="H38882" s="1" t="s">
        <v>133424</v>
      </c>
      <c r="I38882" s="1" t="s">
        <v>126615</v>
      </c>
      <c r="J38882" s="1" t="s">
        <v>133439</v>
      </c>
    </row>
    <row r="38883" spans="1:10" x14ac:dyDescent="0.35">
      <c r="A38883" s="1" t="s">
        <v>4439</v>
      </c>
      <c r="B38883" s="1" t="s">
        <v>126612</v>
      </c>
      <c r="C38883" s="1" t="s">
        <v>45</v>
      </c>
      <c r="D38883" s="1" t="s">
        <v>133440</v>
      </c>
      <c r="E38883" s="1" t="s">
        <v>77694</v>
      </c>
      <c r="F38883" s="1" t="s">
        <v>133441</v>
      </c>
      <c r="G38883" s="1" t="s">
        <v>133423</v>
      </c>
      <c r="H38883" s="1" t="s">
        <v>133424</v>
      </c>
      <c r="I38883" s="1" t="s">
        <v>126615</v>
      </c>
      <c r="J38883" s="1" t="s">
        <v>133442</v>
      </c>
    </row>
    <row r="38884" spans="1:10" x14ac:dyDescent="0.35">
      <c r="A38884" s="1" t="s">
        <v>4439</v>
      </c>
      <c r="B38884" s="1" t="s">
        <v>126612</v>
      </c>
      <c r="C38884" s="1" t="s">
        <v>50</v>
      </c>
      <c r="D38884" s="1" t="s">
        <v>86437</v>
      </c>
      <c r="E38884" s="1" t="s">
        <v>128286</v>
      </c>
      <c r="F38884" s="1" t="s">
        <v>133441</v>
      </c>
      <c r="G38884" s="1" t="s">
        <v>133423</v>
      </c>
      <c r="H38884" s="1" t="s">
        <v>133424</v>
      </c>
      <c r="I38884" s="1" t="s">
        <v>126615</v>
      </c>
      <c r="J38884" s="1" t="s">
        <v>133443</v>
      </c>
    </row>
    <row r="38885" spans="1:10" x14ac:dyDescent="0.35">
      <c r="A38885" s="1" t="s">
        <v>4439</v>
      </c>
      <c r="B38885" s="1" t="s">
        <v>126612</v>
      </c>
      <c r="C38885" s="1" t="s">
        <v>55</v>
      </c>
      <c r="D38885" s="1" t="s">
        <v>133444</v>
      </c>
      <c r="E38885" s="1" t="s">
        <v>31812</v>
      </c>
      <c r="F38885" s="1" t="s">
        <v>66083</v>
      </c>
      <c r="G38885" s="1" t="s">
        <v>133423</v>
      </c>
      <c r="H38885" s="1" t="s">
        <v>133424</v>
      </c>
      <c r="I38885" s="1" t="s">
        <v>126615</v>
      </c>
      <c r="J38885" s="1" t="s">
        <v>133445</v>
      </c>
    </row>
    <row r="38886" spans="1:10" x14ac:dyDescent="0.35">
      <c r="A38886" s="1" t="s">
        <v>4439</v>
      </c>
      <c r="B38886" s="1" t="s">
        <v>126612</v>
      </c>
      <c r="C38886" s="1" t="s">
        <v>60</v>
      </c>
      <c r="D38886" s="1" t="s">
        <v>133446</v>
      </c>
      <c r="E38886" s="1" t="s">
        <v>133447</v>
      </c>
      <c r="F38886" s="1" t="s">
        <v>133448</v>
      </c>
      <c r="G38886" s="1" t="s">
        <v>133423</v>
      </c>
      <c r="H38886" s="1" t="s">
        <v>133424</v>
      </c>
      <c r="I38886" s="1" t="s">
        <v>126615</v>
      </c>
      <c r="J38886" s="1" t="s">
        <v>133449</v>
      </c>
    </row>
    <row r="38887" spans="1:10" x14ac:dyDescent="0.35">
      <c r="A38887" s="1" t="s">
        <v>4439</v>
      </c>
      <c r="B38887" s="1" t="s">
        <v>126612</v>
      </c>
      <c r="C38887" s="1" t="s">
        <v>65</v>
      </c>
      <c r="D38887" s="1" t="s">
        <v>24895</v>
      </c>
      <c r="E38887" s="1" t="s">
        <v>133450</v>
      </c>
      <c r="F38887" s="1" t="s">
        <v>133451</v>
      </c>
      <c r="G38887" s="1" t="s">
        <v>133423</v>
      </c>
      <c r="H38887" s="1" t="s">
        <v>133424</v>
      </c>
      <c r="I38887" s="1" t="s">
        <v>126615</v>
      </c>
      <c r="J38887" s="1" t="s">
        <v>133452</v>
      </c>
    </row>
    <row r="38888" spans="1:10" x14ac:dyDescent="0.35">
      <c r="A38888" s="1" t="s">
        <v>4439</v>
      </c>
      <c r="B38888" s="1" t="s">
        <v>126612</v>
      </c>
      <c r="C38888" s="1" t="s">
        <v>70</v>
      </c>
      <c r="D38888" s="1" t="s">
        <v>133453</v>
      </c>
      <c r="E38888" s="1" t="s">
        <v>76417</v>
      </c>
      <c r="F38888" s="1" t="s">
        <v>133454</v>
      </c>
      <c r="G38888" s="1" t="s">
        <v>133423</v>
      </c>
      <c r="H38888" s="1" t="s">
        <v>133424</v>
      </c>
      <c r="I38888" s="1" t="s">
        <v>126615</v>
      </c>
      <c r="J38888" s="1" t="s">
        <v>133455</v>
      </c>
    </row>
    <row r="38889" spans="1:10" x14ac:dyDescent="0.35">
      <c r="A38889" s="1" t="s">
        <v>4439</v>
      </c>
      <c r="B38889" s="1" t="s">
        <v>126612</v>
      </c>
      <c r="C38889" s="1" t="s">
        <v>75</v>
      </c>
      <c r="D38889" s="1" t="s">
        <v>133456</v>
      </c>
      <c r="E38889" s="1" t="s">
        <v>76409</v>
      </c>
      <c r="F38889" s="1" t="s">
        <v>31839</v>
      </c>
      <c r="G38889" s="1" t="s">
        <v>133423</v>
      </c>
      <c r="H38889" s="1" t="s">
        <v>133424</v>
      </c>
      <c r="I38889" s="1" t="s">
        <v>126615</v>
      </c>
      <c r="J38889" s="1" t="s">
        <v>133457</v>
      </c>
    </row>
    <row r="38890" spans="1:10" x14ac:dyDescent="0.35">
      <c r="A38890" s="1" t="s">
        <v>4439</v>
      </c>
      <c r="B38890" s="1" t="s">
        <v>126612</v>
      </c>
      <c r="C38890" s="1" t="s">
        <v>80</v>
      </c>
      <c r="D38890" s="1" t="s">
        <v>133458</v>
      </c>
      <c r="E38890" s="1" t="s">
        <v>131012</v>
      </c>
      <c r="F38890" s="1" t="s">
        <v>133459</v>
      </c>
      <c r="G38890" s="1" t="s">
        <v>133423</v>
      </c>
      <c r="H38890" s="1" t="s">
        <v>133424</v>
      </c>
      <c r="I38890" s="1" t="s">
        <v>126615</v>
      </c>
      <c r="J38890" s="1" t="s">
        <v>133460</v>
      </c>
    </row>
    <row r="38891" spans="1:10" x14ac:dyDescent="0.35">
      <c r="A38891" s="1" t="s">
        <v>4439</v>
      </c>
      <c r="B38891" s="1" t="s">
        <v>126612</v>
      </c>
      <c r="C38891" s="1" t="s">
        <v>85</v>
      </c>
      <c r="D38891" s="1" t="s">
        <v>81672</v>
      </c>
      <c r="E38891" s="1" t="s">
        <v>107513</v>
      </c>
      <c r="F38891" s="1" t="s">
        <v>133461</v>
      </c>
      <c r="G38891" s="1" t="s">
        <v>133423</v>
      </c>
      <c r="H38891" s="1" t="s">
        <v>133424</v>
      </c>
      <c r="I38891" s="1" t="s">
        <v>126615</v>
      </c>
      <c r="J38891" s="1" t="s">
        <v>133462</v>
      </c>
    </row>
    <row r="38892" spans="1:10" x14ac:dyDescent="0.35">
      <c r="A38892" s="1" t="s">
        <v>4439</v>
      </c>
      <c r="B38892" s="1" t="s">
        <v>126612</v>
      </c>
      <c r="C38892" s="1" t="s">
        <v>90</v>
      </c>
      <c r="D38892" s="1" t="s">
        <v>54710</v>
      </c>
      <c r="E38892" s="1" t="s">
        <v>94684</v>
      </c>
      <c r="F38892" s="1" t="s">
        <v>59050</v>
      </c>
      <c r="G38892" s="1" t="s">
        <v>133423</v>
      </c>
      <c r="H38892" s="1" t="s">
        <v>133424</v>
      </c>
      <c r="I38892" s="1" t="s">
        <v>126615</v>
      </c>
      <c r="J38892" s="1" t="s">
        <v>133463</v>
      </c>
    </row>
    <row r="38893" spans="1:10" x14ac:dyDescent="0.35">
      <c r="A38893" s="1" t="s">
        <v>4439</v>
      </c>
      <c r="B38893" s="1" t="s">
        <v>126612</v>
      </c>
      <c r="C38893" s="1" t="s">
        <v>95</v>
      </c>
      <c r="D38893" s="1" t="s">
        <v>133464</v>
      </c>
      <c r="E38893" s="1" t="s">
        <v>133465</v>
      </c>
      <c r="F38893" s="1" t="s">
        <v>59259</v>
      </c>
      <c r="G38893" s="1" t="s">
        <v>133423</v>
      </c>
      <c r="H38893" s="1" t="s">
        <v>133424</v>
      </c>
      <c r="I38893" s="1" t="s">
        <v>126615</v>
      </c>
      <c r="J38893" s="1" t="s">
        <v>133466</v>
      </c>
    </row>
    <row r="38894" spans="1:10" x14ac:dyDescent="0.35">
      <c r="A38894" s="1" t="s">
        <v>4439</v>
      </c>
      <c r="B38894" s="1" t="s">
        <v>126612</v>
      </c>
      <c r="C38894" s="1" t="s">
        <v>100</v>
      </c>
      <c r="D38894" s="1" t="s">
        <v>133467</v>
      </c>
      <c r="E38894" s="1" t="s">
        <v>133468</v>
      </c>
      <c r="F38894" s="1" t="s">
        <v>133469</v>
      </c>
      <c r="G38894" s="1" t="s">
        <v>133423</v>
      </c>
      <c r="H38894" s="1" t="s">
        <v>133424</v>
      </c>
      <c r="I38894" s="1" t="s">
        <v>126615</v>
      </c>
      <c r="J38894" s="1" t="s">
        <v>133470</v>
      </c>
    </row>
    <row r="38895" spans="1:10" x14ac:dyDescent="0.35">
      <c r="A38895" s="1" t="s">
        <v>4439</v>
      </c>
      <c r="B38895" s="1" t="s">
        <v>126612</v>
      </c>
      <c r="C38895" s="1" t="s">
        <v>105</v>
      </c>
      <c r="D38895" s="1" t="s">
        <v>89140</v>
      </c>
      <c r="E38895" s="1" t="s">
        <v>95814</v>
      </c>
      <c r="F38895" s="1" t="s">
        <v>133471</v>
      </c>
      <c r="G38895" s="1" t="s">
        <v>133423</v>
      </c>
      <c r="H38895" s="1" t="s">
        <v>133424</v>
      </c>
      <c r="I38895" s="1" t="s">
        <v>126615</v>
      </c>
      <c r="J38895" s="1" t="s">
        <v>133472</v>
      </c>
    </row>
    <row r="38896" spans="1:10" x14ac:dyDescent="0.35">
      <c r="A38896" s="1" t="s">
        <v>4439</v>
      </c>
      <c r="B38896" s="1" t="s">
        <v>126612</v>
      </c>
      <c r="C38896" s="1" t="s">
        <v>110</v>
      </c>
      <c r="D38896" s="1" t="s">
        <v>64340</v>
      </c>
      <c r="E38896" s="1" t="s">
        <v>76368</v>
      </c>
      <c r="F38896" s="1" t="s">
        <v>133473</v>
      </c>
      <c r="G38896" s="1" t="s">
        <v>133423</v>
      </c>
      <c r="H38896" s="1" t="s">
        <v>133424</v>
      </c>
      <c r="I38896" s="1" t="s">
        <v>126615</v>
      </c>
      <c r="J38896" s="1" t="s">
        <v>133474</v>
      </c>
    </row>
    <row r="38897" spans="1:10" x14ac:dyDescent="0.35">
      <c r="A38897" s="1" t="s">
        <v>4439</v>
      </c>
      <c r="B38897" s="1" t="s">
        <v>126612</v>
      </c>
      <c r="C38897" s="1" t="s">
        <v>115</v>
      </c>
      <c r="D38897" s="1" t="s">
        <v>64589</v>
      </c>
      <c r="E38897" s="1" t="s">
        <v>133372</v>
      </c>
      <c r="F38897" s="1" t="s">
        <v>103784</v>
      </c>
      <c r="G38897" s="1" t="s">
        <v>133423</v>
      </c>
      <c r="H38897" s="1" t="s">
        <v>133424</v>
      </c>
      <c r="I38897" s="1" t="s">
        <v>126615</v>
      </c>
      <c r="J38897" s="1" t="s">
        <v>133475</v>
      </c>
    </row>
    <row r="38898" spans="1:10" x14ac:dyDescent="0.35">
      <c r="A38898" s="1" t="s">
        <v>4439</v>
      </c>
      <c r="B38898" s="1" t="s">
        <v>126612</v>
      </c>
      <c r="C38898" s="1" t="s">
        <v>120</v>
      </c>
      <c r="D38898" s="1" t="s">
        <v>133476</v>
      </c>
      <c r="E38898" s="1" t="s">
        <v>133477</v>
      </c>
      <c r="F38898" s="1" t="s">
        <v>109000</v>
      </c>
      <c r="G38898" s="1" t="s">
        <v>133423</v>
      </c>
      <c r="H38898" s="1" t="s">
        <v>133424</v>
      </c>
      <c r="I38898" s="1" t="s">
        <v>126615</v>
      </c>
      <c r="J38898" s="1" t="s">
        <v>133478</v>
      </c>
    </row>
    <row r="38899" spans="1:10" x14ac:dyDescent="0.35">
      <c r="A38899" s="1" t="s">
        <v>4439</v>
      </c>
      <c r="B38899" s="1" t="s">
        <v>126612</v>
      </c>
      <c r="C38899" s="1" t="s">
        <v>125</v>
      </c>
      <c r="D38899" s="1" t="s">
        <v>133479</v>
      </c>
      <c r="E38899" s="1" t="s">
        <v>90278</v>
      </c>
      <c r="F38899" s="1" t="s">
        <v>133480</v>
      </c>
      <c r="G38899" s="1" t="s">
        <v>133423</v>
      </c>
      <c r="H38899" s="1" t="s">
        <v>133424</v>
      </c>
      <c r="I38899" s="1" t="s">
        <v>126615</v>
      </c>
      <c r="J38899" s="1" t="s">
        <v>133481</v>
      </c>
    </row>
    <row r="38900" spans="1:10" x14ac:dyDescent="0.35">
      <c r="A38900" s="1" t="s">
        <v>4439</v>
      </c>
      <c r="B38900" s="1" t="s">
        <v>126612</v>
      </c>
      <c r="C38900" s="1" t="s">
        <v>130</v>
      </c>
      <c r="D38900" s="1" t="s">
        <v>133482</v>
      </c>
      <c r="E38900" s="1" t="s">
        <v>127281</v>
      </c>
      <c r="F38900" s="1" t="s">
        <v>133483</v>
      </c>
      <c r="G38900" s="1" t="s">
        <v>133423</v>
      </c>
      <c r="H38900" s="1" t="s">
        <v>133424</v>
      </c>
      <c r="I38900" s="1" t="s">
        <v>126615</v>
      </c>
      <c r="J38900" s="1" t="s">
        <v>133484</v>
      </c>
    </row>
    <row r="38901" spans="1:10" x14ac:dyDescent="0.35">
      <c r="A38901" s="1" t="s">
        <v>4439</v>
      </c>
      <c r="B38901" s="1" t="s">
        <v>126612</v>
      </c>
      <c r="C38901" s="1" t="s">
        <v>135</v>
      </c>
      <c r="D38901" s="1" t="s">
        <v>69559</v>
      </c>
      <c r="E38901" s="1" t="s">
        <v>130830</v>
      </c>
      <c r="F38901" s="1" t="s">
        <v>58029</v>
      </c>
      <c r="G38901" s="1" t="s">
        <v>133423</v>
      </c>
      <c r="H38901" s="1" t="s">
        <v>133424</v>
      </c>
      <c r="I38901" s="1" t="s">
        <v>126615</v>
      </c>
      <c r="J38901" s="1" t="s">
        <v>133485</v>
      </c>
    </row>
    <row r="38902" spans="1:10" x14ac:dyDescent="0.35">
      <c r="A38902" s="1" t="s">
        <v>4439</v>
      </c>
      <c r="B38902" s="1" t="s">
        <v>126612</v>
      </c>
      <c r="C38902" s="1" t="s">
        <v>140</v>
      </c>
      <c r="D38902" s="1" t="s">
        <v>53989</v>
      </c>
      <c r="E38902" s="1" t="s">
        <v>90274</v>
      </c>
      <c r="F38902" s="1" t="s">
        <v>59339</v>
      </c>
      <c r="G38902" s="1" t="s">
        <v>133423</v>
      </c>
      <c r="H38902" s="1" t="s">
        <v>133424</v>
      </c>
      <c r="I38902" s="1" t="s">
        <v>126615</v>
      </c>
      <c r="J38902" s="1" t="s">
        <v>133486</v>
      </c>
    </row>
    <row r="38903" spans="1:10" x14ac:dyDescent="0.35">
      <c r="A38903" s="1" t="s">
        <v>4439</v>
      </c>
      <c r="B38903" s="1" t="s">
        <v>126612</v>
      </c>
      <c r="C38903" s="1" t="s">
        <v>145</v>
      </c>
      <c r="D38903" s="1" t="s">
        <v>133487</v>
      </c>
      <c r="E38903" s="1" t="s">
        <v>108615</v>
      </c>
      <c r="F38903" s="1" t="s">
        <v>133488</v>
      </c>
      <c r="G38903" s="1" t="s">
        <v>133423</v>
      </c>
      <c r="H38903" s="1" t="s">
        <v>133424</v>
      </c>
      <c r="I38903" s="1" t="s">
        <v>126615</v>
      </c>
      <c r="J38903" s="1" t="s">
        <v>133489</v>
      </c>
    </row>
    <row r="38904" spans="1:10" x14ac:dyDescent="0.35">
      <c r="A38904" s="1" t="s">
        <v>4439</v>
      </c>
      <c r="B38904" s="1" t="s">
        <v>126612</v>
      </c>
      <c r="C38904" s="1" t="s">
        <v>150</v>
      </c>
      <c r="D38904" s="1" t="s">
        <v>22758</v>
      </c>
      <c r="E38904" s="1" t="s">
        <v>128006</v>
      </c>
      <c r="F38904" s="1" t="s">
        <v>133490</v>
      </c>
      <c r="G38904" s="1" t="s">
        <v>133423</v>
      </c>
      <c r="H38904" s="1" t="s">
        <v>133424</v>
      </c>
      <c r="I38904" s="1" t="s">
        <v>126615</v>
      </c>
      <c r="J38904" s="1" t="s">
        <v>133491</v>
      </c>
    </row>
    <row r="38905" spans="1:10" x14ac:dyDescent="0.35">
      <c r="A38905" s="1" t="s">
        <v>4439</v>
      </c>
      <c r="B38905" s="1" t="s">
        <v>126612</v>
      </c>
      <c r="C38905" s="1" t="s">
        <v>155</v>
      </c>
      <c r="D38905" s="1" t="s">
        <v>133492</v>
      </c>
      <c r="E38905" s="1" t="s">
        <v>48064</v>
      </c>
      <c r="F38905" s="1" t="s">
        <v>100249</v>
      </c>
      <c r="G38905" s="1" t="s">
        <v>133423</v>
      </c>
      <c r="H38905" s="1" t="s">
        <v>133424</v>
      </c>
      <c r="I38905" s="1" t="s">
        <v>126615</v>
      </c>
      <c r="J38905" s="1" t="s">
        <v>133493</v>
      </c>
    </row>
    <row r="38906" spans="1:10" x14ac:dyDescent="0.35">
      <c r="A38906" s="1" t="s">
        <v>4439</v>
      </c>
      <c r="B38906" s="1" t="s">
        <v>126612</v>
      </c>
      <c r="C38906" s="1" t="s">
        <v>160</v>
      </c>
      <c r="D38906" s="1" t="s">
        <v>106055</v>
      </c>
      <c r="E38906" s="1" t="s">
        <v>105345</v>
      </c>
      <c r="F38906" s="1" t="s">
        <v>133494</v>
      </c>
      <c r="G38906" s="1" t="s">
        <v>133423</v>
      </c>
      <c r="H38906" s="1" t="s">
        <v>133424</v>
      </c>
      <c r="I38906" s="1" t="s">
        <v>126615</v>
      </c>
      <c r="J38906" s="1" t="s">
        <v>133495</v>
      </c>
    </row>
    <row r="38907" spans="1:10" x14ac:dyDescent="0.35">
      <c r="A38907" s="1" t="s">
        <v>4439</v>
      </c>
      <c r="B38907" s="1" t="s">
        <v>126612</v>
      </c>
      <c r="C38907" s="1" t="s">
        <v>165</v>
      </c>
      <c r="D38907" s="1" t="s">
        <v>94953</v>
      </c>
      <c r="E38907" s="1" t="s">
        <v>109227</v>
      </c>
      <c r="F38907" s="1" t="s">
        <v>31984</v>
      </c>
      <c r="G38907" s="1" t="s">
        <v>133423</v>
      </c>
      <c r="H38907" s="1" t="s">
        <v>133424</v>
      </c>
      <c r="I38907" s="1" t="s">
        <v>126615</v>
      </c>
      <c r="J38907" s="1" t="s">
        <v>133496</v>
      </c>
    </row>
    <row r="38908" spans="1:10" x14ac:dyDescent="0.35">
      <c r="A38908" s="1" t="s">
        <v>4439</v>
      </c>
      <c r="B38908" s="1" t="s">
        <v>126612</v>
      </c>
      <c r="C38908" s="1" t="s">
        <v>170</v>
      </c>
      <c r="D38908" s="1" t="s">
        <v>62857</v>
      </c>
      <c r="E38908" s="1" t="s">
        <v>133497</v>
      </c>
      <c r="F38908" s="1" t="s">
        <v>32366</v>
      </c>
      <c r="G38908" s="1" t="s">
        <v>133423</v>
      </c>
      <c r="H38908" s="1" t="s">
        <v>133424</v>
      </c>
      <c r="I38908" s="1" t="s">
        <v>126615</v>
      </c>
      <c r="J38908" s="1" t="s">
        <v>133498</v>
      </c>
    </row>
    <row r="38909" spans="1:10" x14ac:dyDescent="0.35">
      <c r="A38909" s="1" t="s">
        <v>30096</v>
      </c>
      <c r="B38909" s="1" t="s">
        <v>126612</v>
      </c>
      <c r="C38909" s="1" t="s">
        <v>8</v>
      </c>
      <c r="D38909" s="1" t="s">
        <v>84728</v>
      </c>
      <c r="E38909" s="1" t="s">
        <v>133499</v>
      </c>
      <c r="F38909" s="1" t="s">
        <v>133500</v>
      </c>
      <c r="G38909" s="1" t="s">
        <v>133501</v>
      </c>
      <c r="H38909" s="1" t="s">
        <v>133502</v>
      </c>
      <c r="I38909" s="1" t="s">
        <v>126615</v>
      </c>
      <c r="J38909" s="1" t="s">
        <v>13</v>
      </c>
    </row>
    <row r="38910" spans="1:10" x14ac:dyDescent="0.35">
      <c r="A38910" s="1" t="s">
        <v>30096</v>
      </c>
      <c r="B38910" s="1" t="s">
        <v>126612</v>
      </c>
      <c r="C38910" s="1" t="s">
        <v>15</v>
      </c>
      <c r="D38910" s="1" t="s">
        <v>133503</v>
      </c>
      <c r="E38910" s="1" t="s">
        <v>133504</v>
      </c>
      <c r="F38910" s="1" t="s">
        <v>133505</v>
      </c>
      <c r="G38910" s="1" t="s">
        <v>133501</v>
      </c>
      <c r="H38910" s="1" t="s">
        <v>133502</v>
      </c>
      <c r="I38910" s="1" t="s">
        <v>126615</v>
      </c>
      <c r="J38910" s="1" t="s">
        <v>133506</v>
      </c>
    </row>
    <row r="38911" spans="1:10" x14ac:dyDescent="0.35">
      <c r="A38911" s="1" t="s">
        <v>30096</v>
      </c>
      <c r="B38911" s="1" t="s">
        <v>126612</v>
      </c>
      <c r="C38911" s="1" t="s">
        <v>20</v>
      </c>
      <c r="D38911" s="1" t="s">
        <v>133507</v>
      </c>
      <c r="E38911" s="1" t="s">
        <v>133508</v>
      </c>
      <c r="F38911" s="1" t="s">
        <v>133509</v>
      </c>
      <c r="G38911" s="1" t="s">
        <v>133501</v>
      </c>
      <c r="H38911" s="1" t="s">
        <v>133502</v>
      </c>
      <c r="I38911" s="1" t="s">
        <v>126615</v>
      </c>
      <c r="J38911" s="1" t="s">
        <v>133510</v>
      </c>
    </row>
    <row r="38912" spans="1:10" x14ac:dyDescent="0.35">
      <c r="A38912" s="1" t="s">
        <v>30096</v>
      </c>
      <c r="B38912" s="1" t="s">
        <v>126612</v>
      </c>
      <c r="C38912" s="1" t="s">
        <v>25</v>
      </c>
      <c r="D38912" s="1" t="s">
        <v>23910</v>
      </c>
      <c r="E38912" s="1" t="s">
        <v>133511</v>
      </c>
      <c r="F38912" s="1" t="s">
        <v>133512</v>
      </c>
      <c r="G38912" s="1" t="s">
        <v>133501</v>
      </c>
      <c r="H38912" s="1" t="s">
        <v>133502</v>
      </c>
      <c r="I38912" s="1" t="s">
        <v>126615</v>
      </c>
      <c r="J38912" s="1" t="s">
        <v>133513</v>
      </c>
    </row>
    <row r="38913" spans="1:10" x14ac:dyDescent="0.35">
      <c r="A38913" s="1" t="s">
        <v>30096</v>
      </c>
      <c r="B38913" s="1" t="s">
        <v>126612</v>
      </c>
      <c r="C38913" s="1" t="s">
        <v>30</v>
      </c>
      <c r="D38913" s="1" t="s">
        <v>133514</v>
      </c>
      <c r="E38913" s="1" t="s">
        <v>133515</v>
      </c>
      <c r="F38913" s="1" t="s">
        <v>133516</v>
      </c>
      <c r="G38913" s="1" t="s">
        <v>133501</v>
      </c>
      <c r="H38913" s="1" t="s">
        <v>133502</v>
      </c>
      <c r="I38913" s="1" t="s">
        <v>126615</v>
      </c>
      <c r="J38913" s="1" t="s">
        <v>133517</v>
      </c>
    </row>
    <row r="38914" spans="1:10" x14ac:dyDescent="0.35">
      <c r="A38914" s="1" t="s">
        <v>30096</v>
      </c>
      <c r="B38914" s="1" t="s">
        <v>126612</v>
      </c>
      <c r="C38914" s="1" t="s">
        <v>35</v>
      </c>
      <c r="D38914" s="1" t="s">
        <v>77994</v>
      </c>
      <c r="E38914" s="1" t="s">
        <v>133518</v>
      </c>
      <c r="F38914" s="1" t="s">
        <v>133519</v>
      </c>
      <c r="G38914" s="1" t="s">
        <v>133501</v>
      </c>
      <c r="H38914" s="1" t="s">
        <v>133502</v>
      </c>
      <c r="I38914" s="1" t="s">
        <v>126615</v>
      </c>
      <c r="J38914" s="1" t="s">
        <v>133520</v>
      </c>
    </row>
    <row r="38915" spans="1:10" x14ac:dyDescent="0.35">
      <c r="A38915" s="1" t="s">
        <v>30096</v>
      </c>
      <c r="B38915" s="1" t="s">
        <v>126612</v>
      </c>
      <c r="C38915" s="1" t="s">
        <v>40</v>
      </c>
      <c r="D38915" s="1" t="s">
        <v>52491</v>
      </c>
      <c r="E38915" s="1" t="s">
        <v>133521</v>
      </c>
      <c r="F38915" s="1" t="s">
        <v>133522</v>
      </c>
      <c r="G38915" s="1" t="s">
        <v>133501</v>
      </c>
      <c r="H38915" s="1" t="s">
        <v>133502</v>
      </c>
      <c r="I38915" s="1" t="s">
        <v>126615</v>
      </c>
      <c r="J38915" s="1" t="s">
        <v>133523</v>
      </c>
    </row>
    <row r="38916" spans="1:10" x14ac:dyDescent="0.35">
      <c r="A38916" s="1" t="s">
        <v>30096</v>
      </c>
      <c r="B38916" s="1" t="s">
        <v>126612</v>
      </c>
      <c r="C38916" s="1" t="s">
        <v>45</v>
      </c>
      <c r="D38916" s="1" t="s">
        <v>87245</v>
      </c>
      <c r="E38916" s="1" t="s">
        <v>133524</v>
      </c>
      <c r="F38916" s="1" t="s">
        <v>133525</v>
      </c>
      <c r="G38916" s="1" t="s">
        <v>133501</v>
      </c>
      <c r="H38916" s="1" t="s">
        <v>133502</v>
      </c>
      <c r="I38916" s="1" t="s">
        <v>126615</v>
      </c>
      <c r="J38916" s="1" t="s">
        <v>133526</v>
      </c>
    </row>
    <row r="38917" spans="1:10" x14ac:dyDescent="0.35">
      <c r="A38917" s="1" t="s">
        <v>30096</v>
      </c>
      <c r="B38917" s="1" t="s">
        <v>126612</v>
      </c>
      <c r="C38917" s="1" t="s">
        <v>50</v>
      </c>
      <c r="D38917" s="1" t="s">
        <v>2694</v>
      </c>
      <c r="E38917" s="1" t="s">
        <v>133527</v>
      </c>
      <c r="F38917" s="1" t="s">
        <v>133528</v>
      </c>
      <c r="G38917" s="1" t="s">
        <v>133501</v>
      </c>
      <c r="H38917" s="1" t="s">
        <v>133502</v>
      </c>
      <c r="I38917" s="1" t="s">
        <v>126615</v>
      </c>
      <c r="J38917" s="1" t="s">
        <v>133529</v>
      </c>
    </row>
    <row r="38918" spans="1:10" x14ac:dyDescent="0.35">
      <c r="A38918" s="1" t="s">
        <v>30096</v>
      </c>
      <c r="B38918" s="1" t="s">
        <v>126612</v>
      </c>
      <c r="C38918" s="1" t="s">
        <v>55</v>
      </c>
      <c r="D38918" s="1" t="s">
        <v>15127</v>
      </c>
      <c r="E38918" s="1" t="s">
        <v>133530</v>
      </c>
      <c r="F38918" s="1" t="s">
        <v>133531</v>
      </c>
      <c r="G38918" s="1" t="s">
        <v>133501</v>
      </c>
      <c r="H38918" s="1" t="s">
        <v>133502</v>
      </c>
      <c r="I38918" s="1" t="s">
        <v>126615</v>
      </c>
      <c r="J38918" s="1" t="s">
        <v>133532</v>
      </c>
    </row>
    <row r="38919" spans="1:10" x14ac:dyDescent="0.35">
      <c r="A38919" s="1" t="s">
        <v>30096</v>
      </c>
      <c r="B38919" s="1" t="s">
        <v>126612</v>
      </c>
      <c r="C38919" s="1" t="s">
        <v>60</v>
      </c>
      <c r="D38919" s="1" t="s">
        <v>58210</v>
      </c>
      <c r="E38919" s="1" t="s">
        <v>133533</v>
      </c>
      <c r="F38919" s="1" t="s">
        <v>133534</v>
      </c>
      <c r="G38919" s="1" t="s">
        <v>133501</v>
      </c>
      <c r="H38919" s="1" t="s">
        <v>133502</v>
      </c>
      <c r="I38919" s="1" t="s">
        <v>126615</v>
      </c>
      <c r="J38919" s="1" t="s">
        <v>133535</v>
      </c>
    </row>
    <row r="38920" spans="1:10" x14ac:dyDescent="0.35">
      <c r="A38920" s="1" t="s">
        <v>30096</v>
      </c>
      <c r="B38920" s="1" t="s">
        <v>126612</v>
      </c>
      <c r="C38920" s="1" t="s">
        <v>65</v>
      </c>
      <c r="D38920" s="1" t="s">
        <v>5863</v>
      </c>
      <c r="E38920" s="1" t="s">
        <v>133536</v>
      </c>
      <c r="F38920" s="1" t="s">
        <v>133537</v>
      </c>
      <c r="G38920" s="1" t="s">
        <v>133501</v>
      </c>
      <c r="H38920" s="1" t="s">
        <v>133502</v>
      </c>
      <c r="I38920" s="1" t="s">
        <v>126615</v>
      </c>
      <c r="J38920" s="1" t="s">
        <v>133538</v>
      </c>
    </row>
    <row r="38921" spans="1:10" x14ac:dyDescent="0.35">
      <c r="A38921" s="1" t="s">
        <v>30096</v>
      </c>
      <c r="B38921" s="1" t="s">
        <v>126612</v>
      </c>
      <c r="C38921" s="1" t="s">
        <v>70</v>
      </c>
      <c r="D38921" s="1" t="s">
        <v>133539</v>
      </c>
      <c r="E38921" s="1" t="s">
        <v>133540</v>
      </c>
      <c r="F38921" s="1" t="s">
        <v>133541</v>
      </c>
      <c r="G38921" s="1" t="s">
        <v>133501</v>
      </c>
      <c r="H38921" s="1" t="s">
        <v>133502</v>
      </c>
      <c r="I38921" s="1" t="s">
        <v>126615</v>
      </c>
      <c r="J38921" s="1" t="s">
        <v>133542</v>
      </c>
    </row>
    <row r="38922" spans="1:10" x14ac:dyDescent="0.35">
      <c r="A38922" s="1" t="s">
        <v>30096</v>
      </c>
      <c r="B38922" s="1" t="s">
        <v>126612</v>
      </c>
      <c r="C38922" s="1" t="s">
        <v>75</v>
      </c>
      <c r="D38922" s="1" t="s">
        <v>133543</v>
      </c>
      <c r="E38922" s="1" t="s">
        <v>133544</v>
      </c>
      <c r="F38922" s="1" t="s">
        <v>133545</v>
      </c>
      <c r="G38922" s="1" t="s">
        <v>133501</v>
      </c>
      <c r="H38922" s="1" t="s">
        <v>133502</v>
      </c>
      <c r="I38922" s="1" t="s">
        <v>126615</v>
      </c>
      <c r="J38922" s="1" t="s">
        <v>133546</v>
      </c>
    </row>
    <row r="38923" spans="1:10" x14ac:dyDescent="0.35">
      <c r="A38923" s="1" t="s">
        <v>30096</v>
      </c>
      <c r="B38923" s="1" t="s">
        <v>126612</v>
      </c>
      <c r="C38923" s="1" t="s">
        <v>80</v>
      </c>
      <c r="D38923" s="1" t="s">
        <v>11586</v>
      </c>
      <c r="E38923" s="1" t="s">
        <v>133547</v>
      </c>
      <c r="F38923" s="1" t="s">
        <v>133548</v>
      </c>
      <c r="G38923" s="1" t="s">
        <v>133501</v>
      </c>
      <c r="H38923" s="1" t="s">
        <v>133502</v>
      </c>
      <c r="I38923" s="1" t="s">
        <v>126615</v>
      </c>
      <c r="J38923" s="1" t="s">
        <v>133549</v>
      </c>
    </row>
    <row r="38924" spans="1:10" x14ac:dyDescent="0.35">
      <c r="A38924" s="1" t="s">
        <v>30096</v>
      </c>
      <c r="B38924" s="1" t="s">
        <v>126612</v>
      </c>
      <c r="C38924" s="1" t="s">
        <v>85</v>
      </c>
      <c r="D38924" s="1" t="s">
        <v>59745</v>
      </c>
      <c r="E38924" s="1" t="s">
        <v>133550</v>
      </c>
      <c r="F38924" s="1" t="s">
        <v>133551</v>
      </c>
      <c r="G38924" s="1" t="s">
        <v>133501</v>
      </c>
      <c r="H38924" s="1" t="s">
        <v>133502</v>
      </c>
      <c r="I38924" s="1" t="s">
        <v>126615</v>
      </c>
      <c r="J38924" s="1" t="s">
        <v>133552</v>
      </c>
    </row>
    <row r="38925" spans="1:10" x14ac:dyDescent="0.35">
      <c r="A38925" s="1" t="s">
        <v>30096</v>
      </c>
      <c r="B38925" s="1" t="s">
        <v>126612</v>
      </c>
      <c r="C38925" s="1" t="s">
        <v>90</v>
      </c>
      <c r="D38925" s="1" t="s">
        <v>89876</v>
      </c>
      <c r="E38925" s="1" t="s">
        <v>133553</v>
      </c>
      <c r="F38925" s="1" t="s">
        <v>133554</v>
      </c>
      <c r="G38925" s="1" t="s">
        <v>133501</v>
      </c>
      <c r="H38925" s="1" t="s">
        <v>133502</v>
      </c>
      <c r="I38925" s="1" t="s">
        <v>126615</v>
      </c>
      <c r="J38925" s="1" t="s">
        <v>133555</v>
      </c>
    </row>
    <row r="38926" spans="1:10" x14ac:dyDescent="0.35">
      <c r="A38926" s="1" t="s">
        <v>30096</v>
      </c>
      <c r="B38926" s="1" t="s">
        <v>126612</v>
      </c>
      <c r="C38926" s="1" t="s">
        <v>95</v>
      </c>
      <c r="D38926" s="1" t="s">
        <v>108159</v>
      </c>
      <c r="E38926" s="1" t="s">
        <v>133556</v>
      </c>
      <c r="F38926" s="1" t="s">
        <v>133557</v>
      </c>
      <c r="G38926" s="1" t="s">
        <v>133501</v>
      </c>
      <c r="H38926" s="1" t="s">
        <v>133502</v>
      </c>
      <c r="I38926" s="1" t="s">
        <v>126615</v>
      </c>
      <c r="J38926" s="1" t="s">
        <v>133558</v>
      </c>
    </row>
    <row r="38927" spans="1:10" x14ac:dyDescent="0.35">
      <c r="A38927" s="1" t="s">
        <v>30096</v>
      </c>
      <c r="B38927" s="1" t="s">
        <v>126612</v>
      </c>
      <c r="C38927" s="1" t="s">
        <v>100</v>
      </c>
      <c r="D38927" s="1" t="s">
        <v>130931</v>
      </c>
      <c r="E38927" s="1" t="s">
        <v>133559</v>
      </c>
      <c r="F38927" s="1" t="s">
        <v>133560</v>
      </c>
      <c r="G38927" s="1" t="s">
        <v>133501</v>
      </c>
      <c r="H38927" s="1" t="s">
        <v>133502</v>
      </c>
      <c r="I38927" s="1" t="s">
        <v>126615</v>
      </c>
      <c r="J38927" s="1" t="s">
        <v>133561</v>
      </c>
    </row>
    <row r="38928" spans="1:10" x14ac:dyDescent="0.35">
      <c r="A38928" s="1" t="s">
        <v>30096</v>
      </c>
      <c r="B38928" s="1" t="s">
        <v>126612</v>
      </c>
      <c r="C38928" s="1" t="s">
        <v>105</v>
      </c>
      <c r="D38928" s="1" t="s">
        <v>79156</v>
      </c>
      <c r="E38928" s="1" t="s">
        <v>133562</v>
      </c>
      <c r="F38928" s="1" t="s">
        <v>133563</v>
      </c>
      <c r="G38928" s="1" t="s">
        <v>133501</v>
      </c>
      <c r="H38928" s="1" t="s">
        <v>133502</v>
      </c>
      <c r="I38928" s="1" t="s">
        <v>126615</v>
      </c>
      <c r="J38928" s="1" t="s">
        <v>133564</v>
      </c>
    </row>
    <row r="38929" spans="1:10" x14ac:dyDescent="0.35">
      <c r="A38929" s="1" t="s">
        <v>30096</v>
      </c>
      <c r="B38929" s="1" t="s">
        <v>126612</v>
      </c>
      <c r="C38929" s="1" t="s">
        <v>110</v>
      </c>
      <c r="D38929" s="1" t="s">
        <v>133565</v>
      </c>
      <c r="E38929" s="1" t="s">
        <v>133566</v>
      </c>
      <c r="F38929" s="1" t="s">
        <v>133567</v>
      </c>
      <c r="G38929" s="1" t="s">
        <v>133501</v>
      </c>
      <c r="H38929" s="1" t="s">
        <v>133502</v>
      </c>
      <c r="I38929" s="1" t="s">
        <v>126615</v>
      </c>
      <c r="J38929" s="1" t="s">
        <v>133568</v>
      </c>
    </row>
    <row r="38930" spans="1:10" x14ac:dyDescent="0.35">
      <c r="A38930" s="1" t="s">
        <v>30096</v>
      </c>
      <c r="B38930" s="1" t="s">
        <v>126612</v>
      </c>
      <c r="C38930" s="1" t="s">
        <v>115</v>
      </c>
      <c r="D38930" s="1" t="s">
        <v>133569</v>
      </c>
      <c r="E38930" s="1" t="s">
        <v>133570</v>
      </c>
      <c r="F38930" s="1" t="s">
        <v>133571</v>
      </c>
      <c r="G38930" s="1" t="s">
        <v>133501</v>
      </c>
      <c r="H38930" s="1" t="s">
        <v>133502</v>
      </c>
      <c r="I38930" s="1" t="s">
        <v>126615</v>
      </c>
      <c r="J38930" s="1" t="s">
        <v>133572</v>
      </c>
    </row>
    <row r="38931" spans="1:10" x14ac:dyDescent="0.35">
      <c r="A38931" s="1" t="s">
        <v>30096</v>
      </c>
      <c r="B38931" s="1" t="s">
        <v>126612</v>
      </c>
      <c r="C38931" s="1" t="s">
        <v>120</v>
      </c>
      <c r="D38931" s="1" t="s">
        <v>14319</v>
      </c>
      <c r="E38931" s="1" t="s">
        <v>133573</v>
      </c>
      <c r="F38931" s="1" t="s">
        <v>133574</v>
      </c>
      <c r="G38931" s="1" t="s">
        <v>133501</v>
      </c>
      <c r="H38931" s="1" t="s">
        <v>133502</v>
      </c>
      <c r="I38931" s="1" t="s">
        <v>126615</v>
      </c>
      <c r="J38931" s="1" t="s">
        <v>133575</v>
      </c>
    </row>
    <row r="38932" spans="1:10" x14ac:dyDescent="0.35">
      <c r="A38932" s="1" t="s">
        <v>30096</v>
      </c>
      <c r="B38932" s="1" t="s">
        <v>126612</v>
      </c>
      <c r="C38932" s="1" t="s">
        <v>125</v>
      </c>
      <c r="D38932" s="1" t="s">
        <v>133576</v>
      </c>
      <c r="E38932" s="1" t="s">
        <v>133577</v>
      </c>
      <c r="F38932" s="1" t="s">
        <v>133578</v>
      </c>
      <c r="G38932" s="1" t="s">
        <v>133501</v>
      </c>
      <c r="H38932" s="1" t="s">
        <v>133502</v>
      </c>
      <c r="I38932" s="1" t="s">
        <v>126615</v>
      </c>
      <c r="J38932" s="1" t="s">
        <v>133579</v>
      </c>
    </row>
    <row r="38933" spans="1:10" x14ac:dyDescent="0.35">
      <c r="A38933" s="1" t="s">
        <v>30096</v>
      </c>
      <c r="B38933" s="1" t="s">
        <v>126612</v>
      </c>
      <c r="C38933" s="1" t="s">
        <v>130</v>
      </c>
      <c r="D38933" s="1" t="s">
        <v>133580</v>
      </c>
      <c r="E38933" s="1" t="s">
        <v>133581</v>
      </c>
      <c r="F38933" s="1" t="s">
        <v>133582</v>
      </c>
      <c r="G38933" s="1" t="s">
        <v>133501</v>
      </c>
      <c r="H38933" s="1" t="s">
        <v>133502</v>
      </c>
      <c r="I38933" s="1" t="s">
        <v>126615</v>
      </c>
      <c r="J38933" s="1" t="s">
        <v>133583</v>
      </c>
    </row>
    <row r="38934" spans="1:10" x14ac:dyDescent="0.35">
      <c r="A38934" s="1" t="s">
        <v>30096</v>
      </c>
      <c r="B38934" s="1" t="s">
        <v>126612</v>
      </c>
      <c r="C38934" s="1" t="s">
        <v>135</v>
      </c>
      <c r="D38934" s="1" t="s">
        <v>133584</v>
      </c>
      <c r="E38934" s="1" t="s">
        <v>133585</v>
      </c>
      <c r="F38934" s="1" t="s">
        <v>133586</v>
      </c>
      <c r="G38934" s="1" t="s">
        <v>133501</v>
      </c>
      <c r="H38934" s="1" t="s">
        <v>133502</v>
      </c>
      <c r="I38934" s="1" t="s">
        <v>126615</v>
      </c>
      <c r="J38934" s="1" t="s">
        <v>133587</v>
      </c>
    </row>
    <row r="38935" spans="1:10" x14ac:dyDescent="0.35">
      <c r="A38935" s="1" t="s">
        <v>30096</v>
      </c>
      <c r="B38935" s="1" t="s">
        <v>126612</v>
      </c>
      <c r="C38935" s="1" t="s">
        <v>140</v>
      </c>
      <c r="D38935" s="1" t="s">
        <v>133588</v>
      </c>
      <c r="E38935" s="1" t="s">
        <v>133589</v>
      </c>
      <c r="F38935" s="1" t="s">
        <v>133590</v>
      </c>
      <c r="G38935" s="1" t="s">
        <v>133501</v>
      </c>
      <c r="H38935" s="1" t="s">
        <v>133502</v>
      </c>
      <c r="I38935" s="1" t="s">
        <v>126615</v>
      </c>
      <c r="J38935" s="1" t="s">
        <v>133591</v>
      </c>
    </row>
    <row r="38936" spans="1:10" x14ac:dyDescent="0.35">
      <c r="A38936" s="1" t="s">
        <v>30096</v>
      </c>
      <c r="B38936" s="1" t="s">
        <v>126612</v>
      </c>
      <c r="C38936" s="1" t="s">
        <v>145</v>
      </c>
      <c r="D38936" s="1" t="s">
        <v>133592</v>
      </c>
      <c r="E38936" s="1" t="s">
        <v>133593</v>
      </c>
      <c r="F38936" s="1" t="s">
        <v>133594</v>
      </c>
      <c r="G38936" s="1" t="s">
        <v>133501</v>
      </c>
      <c r="H38936" s="1" t="s">
        <v>133502</v>
      </c>
      <c r="I38936" s="1" t="s">
        <v>126615</v>
      </c>
      <c r="J38936" s="1" t="s">
        <v>133595</v>
      </c>
    </row>
    <row r="38937" spans="1:10" x14ac:dyDescent="0.35">
      <c r="A38937" s="1" t="s">
        <v>30096</v>
      </c>
      <c r="B38937" s="1" t="s">
        <v>126612</v>
      </c>
      <c r="C38937" s="1" t="s">
        <v>150</v>
      </c>
      <c r="D38937" s="1" t="s">
        <v>133596</v>
      </c>
      <c r="E38937" s="1" t="s">
        <v>133597</v>
      </c>
      <c r="F38937" s="1" t="s">
        <v>133598</v>
      </c>
      <c r="G38937" s="1" t="s">
        <v>133501</v>
      </c>
      <c r="H38937" s="1" t="s">
        <v>133502</v>
      </c>
      <c r="I38937" s="1" t="s">
        <v>126615</v>
      </c>
      <c r="J38937" s="1" t="s">
        <v>133599</v>
      </c>
    </row>
    <row r="38938" spans="1:10" x14ac:dyDescent="0.35">
      <c r="A38938" s="1" t="s">
        <v>30096</v>
      </c>
      <c r="B38938" s="1" t="s">
        <v>126612</v>
      </c>
      <c r="C38938" s="1" t="s">
        <v>155</v>
      </c>
      <c r="D38938" s="1" t="s">
        <v>77531</v>
      </c>
      <c r="E38938" s="1" t="s">
        <v>133600</v>
      </c>
      <c r="F38938" s="1" t="s">
        <v>133601</v>
      </c>
      <c r="G38938" s="1" t="s">
        <v>133501</v>
      </c>
      <c r="H38938" s="1" t="s">
        <v>133502</v>
      </c>
      <c r="I38938" s="1" t="s">
        <v>126615</v>
      </c>
      <c r="J38938" s="1" t="s">
        <v>133602</v>
      </c>
    </row>
    <row r="38939" spans="1:10" x14ac:dyDescent="0.35">
      <c r="A38939" s="1" t="s">
        <v>30096</v>
      </c>
      <c r="B38939" s="1" t="s">
        <v>126612</v>
      </c>
      <c r="C38939" s="1" t="s">
        <v>160</v>
      </c>
      <c r="D38939" s="1" t="s">
        <v>14287</v>
      </c>
      <c r="E38939" s="1" t="s">
        <v>133603</v>
      </c>
      <c r="F38939" s="1" t="s">
        <v>133604</v>
      </c>
      <c r="G38939" s="1" t="s">
        <v>133501</v>
      </c>
      <c r="H38939" s="1" t="s">
        <v>133502</v>
      </c>
      <c r="I38939" s="1" t="s">
        <v>126615</v>
      </c>
      <c r="J38939" s="1" t="s">
        <v>133605</v>
      </c>
    </row>
    <row r="38940" spans="1:10" x14ac:dyDescent="0.35">
      <c r="A38940" s="1" t="s">
        <v>30096</v>
      </c>
      <c r="B38940" s="1" t="s">
        <v>126612</v>
      </c>
      <c r="C38940" s="1" t="s">
        <v>165</v>
      </c>
      <c r="D38940" s="1" t="s">
        <v>96766</v>
      </c>
      <c r="E38940" s="1" t="s">
        <v>133606</v>
      </c>
      <c r="F38940" s="1" t="s">
        <v>133607</v>
      </c>
      <c r="G38940" s="1" t="s">
        <v>133501</v>
      </c>
      <c r="H38940" s="1" t="s">
        <v>133502</v>
      </c>
      <c r="I38940" s="1" t="s">
        <v>126615</v>
      </c>
      <c r="J38940" s="1" t="s">
        <v>133608</v>
      </c>
    </row>
    <row r="38941" spans="1:10" x14ac:dyDescent="0.35">
      <c r="A38941" s="1" t="s">
        <v>30096</v>
      </c>
      <c r="B38941" s="1" t="s">
        <v>126612</v>
      </c>
      <c r="C38941" s="1" t="s">
        <v>170</v>
      </c>
      <c r="D38941" s="1" t="s">
        <v>58724</v>
      </c>
      <c r="E38941" s="1" t="s">
        <v>133609</v>
      </c>
      <c r="F38941" s="1" t="s">
        <v>133610</v>
      </c>
      <c r="G38941" s="1" t="s">
        <v>133501</v>
      </c>
      <c r="H38941" s="1" t="s">
        <v>133502</v>
      </c>
      <c r="I38941" s="1" t="s">
        <v>126615</v>
      </c>
      <c r="J38941" s="1" t="s">
        <v>133611</v>
      </c>
    </row>
    <row r="38942" spans="1:10" x14ac:dyDescent="0.35">
      <c r="A38942" s="1" t="s">
        <v>4473</v>
      </c>
      <c r="B38942" s="1" t="s">
        <v>126612</v>
      </c>
      <c r="C38942" s="1" t="s">
        <v>8</v>
      </c>
      <c r="D38942" s="1" t="s">
        <v>133612</v>
      </c>
      <c r="E38942" s="1" t="s">
        <v>133613</v>
      </c>
      <c r="F38942" s="1" t="s">
        <v>133614</v>
      </c>
      <c r="G38942" s="1" t="s">
        <v>133615</v>
      </c>
      <c r="H38942" s="1" t="s">
        <v>133616</v>
      </c>
      <c r="I38942" s="1" t="s">
        <v>126615</v>
      </c>
      <c r="J38942" s="1" t="s">
        <v>13</v>
      </c>
    </row>
    <row r="38943" spans="1:10" x14ac:dyDescent="0.35">
      <c r="A38943" s="1" t="s">
        <v>4473</v>
      </c>
      <c r="B38943" s="1" t="s">
        <v>126612</v>
      </c>
      <c r="C38943" s="1" t="s">
        <v>15</v>
      </c>
      <c r="D38943" s="1" t="s">
        <v>133617</v>
      </c>
      <c r="E38943" s="1" t="s">
        <v>133618</v>
      </c>
      <c r="F38943" s="1" t="s">
        <v>133619</v>
      </c>
      <c r="G38943" s="1" t="s">
        <v>133615</v>
      </c>
      <c r="H38943" s="1" t="s">
        <v>133616</v>
      </c>
      <c r="I38943" s="1" t="s">
        <v>126615</v>
      </c>
      <c r="J38943" s="1" t="s">
        <v>133620</v>
      </c>
    </row>
    <row r="38944" spans="1:10" x14ac:dyDescent="0.35">
      <c r="A38944" s="1" t="s">
        <v>4473</v>
      </c>
      <c r="B38944" s="1" t="s">
        <v>126612</v>
      </c>
      <c r="C38944" s="1" t="s">
        <v>20</v>
      </c>
      <c r="D38944" s="1" t="s">
        <v>133621</v>
      </c>
      <c r="E38944" s="1" t="s">
        <v>133622</v>
      </c>
      <c r="F38944" s="1" t="s">
        <v>133623</v>
      </c>
      <c r="G38944" s="1" t="s">
        <v>133615</v>
      </c>
      <c r="H38944" s="1" t="s">
        <v>133616</v>
      </c>
      <c r="I38944" s="1" t="s">
        <v>126615</v>
      </c>
      <c r="J38944" s="1" t="s">
        <v>133624</v>
      </c>
    </row>
    <row r="38945" spans="1:10" x14ac:dyDescent="0.35">
      <c r="A38945" s="1" t="s">
        <v>4473</v>
      </c>
      <c r="B38945" s="1" t="s">
        <v>126612</v>
      </c>
      <c r="C38945" s="1" t="s">
        <v>25</v>
      </c>
      <c r="D38945" s="1" t="s">
        <v>133625</v>
      </c>
      <c r="E38945" s="1" t="s">
        <v>133626</v>
      </c>
      <c r="F38945" s="1" t="s">
        <v>133627</v>
      </c>
      <c r="G38945" s="1" t="s">
        <v>133615</v>
      </c>
      <c r="H38945" s="1" t="s">
        <v>133616</v>
      </c>
      <c r="I38945" s="1" t="s">
        <v>126615</v>
      </c>
      <c r="J38945" s="1" t="s">
        <v>133628</v>
      </c>
    </row>
    <row r="38946" spans="1:10" x14ac:dyDescent="0.35">
      <c r="A38946" s="1" t="s">
        <v>4473</v>
      </c>
      <c r="B38946" s="1" t="s">
        <v>126612</v>
      </c>
      <c r="C38946" s="1" t="s">
        <v>30</v>
      </c>
      <c r="D38946" s="1" t="s">
        <v>133629</v>
      </c>
      <c r="E38946" s="1" t="s">
        <v>133630</v>
      </c>
      <c r="F38946" s="1" t="s">
        <v>133631</v>
      </c>
      <c r="G38946" s="1" t="s">
        <v>133615</v>
      </c>
      <c r="H38946" s="1" t="s">
        <v>133616</v>
      </c>
      <c r="I38946" s="1" t="s">
        <v>126615</v>
      </c>
      <c r="J38946" s="1" t="s">
        <v>133632</v>
      </c>
    </row>
    <row r="38947" spans="1:10" x14ac:dyDescent="0.35">
      <c r="A38947" s="1" t="s">
        <v>4473</v>
      </c>
      <c r="B38947" s="1" t="s">
        <v>126612</v>
      </c>
      <c r="C38947" s="1" t="s">
        <v>35</v>
      </c>
      <c r="D38947" s="1" t="s">
        <v>133633</v>
      </c>
      <c r="E38947" s="1" t="s">
        <v>133634</v>
      </c>
      <c r="F38947" s="1" t="s">
        <v>133635</v>
      </c>
      <c r="G38947" s="1" t="s">
        <v>133615</v>
      </c>
      <c r="H38947" s="1" t="s">
        <v>133616</v>
      </c>
      <c r="I38947" s="1" t="s">
        <v>126615</v>
      </c>
      <c r="J38947" s="1" t="s">
        <v>133636</v>
      </c>
    </row>
    <row r="38948" spans="1:10" x14ac:dyDescent="0.35">
      <c r="A38948" s="1" t="s">
        <v>4473</v>
      </c>
      <c r="B38948" s="1" t="s">
        <v>126612</v>
      </c>
      <c r="C38948" s="1" t="s">
        <v>40</v>
      </c>
      <c r="D38948" s="1" t="s">
        <v>133637</v>
      </c>
      <c r="E38948" s="1" t="s">
        <v>133638</v>
      </c>
      <c r="F38948" s="1" t="s">
        <v>133639</v>
      </c>
      <c r="G38948" s="1" t="s">
        <v>133615</v>
      </c>
      <c r="H38948" s="1" t="s">
        <v>133616</v>
      </c>
      <c r="I38948" s="1" t="s">
        <v>126615</v>
      </c>
      <c r="J38948" s="1" t="s">
        <v>133640</v>
      </c>
    </row>
    <row r="38949" spans="1:10" x14ac:dyDescent="0.35">
      <c r="A38949" s="1" t="s">
        <v>4473</v>
      </c>
      <c r="B38949" s="1" t="s">
        <v>126612</v>
      </c>
      <c r="C38949" s="1" t="s">
        <v>45</v>
      </c>
      <c r="D38949" s="1" t="s">
        <v>133641</v>
      </c>
      <c r="E38949" s="1" t="s">
        <v>133642</v>
      </c>
      <c r="F38949" s="1" t="s">
        <v>133643</v>
      </c>
      <c r="G38949" s="1" t="s">
        <v>133615</v>
      </c>
      <c r="H38949" s="1" t="s">
        <v>133616</v>
      </c>
      <c r="I38949" s="1" t="s">
        <v>126615</v>
      </c>
      <c r="J38949" s="1" t="s">
        <v>133644</v>
      </c>
    </row>
    <row r="38950" spans="1:10" x14ac:dyDescent="0.35">
      <c r="A38950" s="1" t="s">
        <v>4473</v>
      </c>
      <c r="B38950" s="1" t="s">
        <v>126612</v>
      </c>
      <c r="C38950" s="1" t="s">
        <v>50</v>
      </c>
      <c r="D38950" s="1" t="s">
        <v>133645</v>
      </c>
      <c r="E38950" s="1" t="s">
        <v>133646</v>
      </c>
      <c r="F38950" s="1" t="s">
        <v>133647</v>
      </c>
      <c r="G38950" s="1" t="s">
        <v>133615</v>
      </c>
      <c r="H38950" s="1" t="s">
        <v>133616</v>
      </c>
      <c r="I38950" s="1" t="s">
        <v>126615</v>
      </c>
      <c r="J38950" s="1" t="s">
        <v>133648</v>
      </c>
    </row>
    <row r="38951" spans="1:10" x14ac:dyDescent="0.35">
      <c r="A38951" s="1" t="s">
        <v>4473</v>
      </c>
      <c r="B38951" s="1" t="s">
        <v>126612</v>
      </c>
      <c r="C38951" s="1" t="s">
        <v>55</v>
      </c>
      <c r="D38951" s="1" t="s">
        <v>103849</v>
      </c>
      <c r="E38951" s="1" t="s">
        <v>133649</v>
      </c>
      <c r="F38951" s="1" t="s">
        <v>133650</v>
      </c>
      <c r="G38951" s="1" t="s">
        <v>133615</v>
      </c>
      <c r="H38951" s="1" t="s">
        <v>133616</v>
      </c>
      <c r="I38951" s="1" t="s">
        <v>126615</v>
      </c>
      <c r="J38951" s="1" t="s">
        <v>133651</v>
      </c>
    </row>
    <row r="38952" spans="1:10" x14ac:dyDescent="0.35">
      <c r="A38952" s="1" t="s">
        <v>4473</v>
      </c>
      <c r="B38952" s="1" t="s">
        <v>126612</v>
      </c>
      <c r="C38952" s="1" t="s">
        <v>60</v>
      </c>
      <c r="D38952" s="1" t="s">
        <v>133652</v>
      </c>
      <c r="E38952" s="1" t="s">
        <v>133653</v>
      </c>
      <c r="F38952" s="1" t="s">
        <v>133654</v>
      </c>
      <c r="G38952" s="1" t="s">
        <v>133615</v>
      </c>
      <c r="H38952" s="1" t="s">
        <v>133616</v>
      </c>
      <c r="I38952" s="1" t="s">
        <v>126615</v>
      </c>
      <c r="J38952" s="1" t="s">
        <v>133655</v>
      </c>
    </row>
    <row r="38953" spans="1:10" x14ac:dyDescent="0.35">
      <c r="A38953" s="1" t="s">
        <v>4473</v>
      </c>
      <c r="B38953" s="1" t="s">
        <v>126612</v>
      </c>
      <c r="C38953" s="1" t="s">
        <v>65</v>
      </c>
      <c r="D38953" s="1" t="s">
        <v>133656</v>
      </c>
      <c r="E38953" s="1" t="s">
        <v>133657</v>
      </c>
      <c r="F38953" s="1" t="s">
        <v>133658</v>
      </c>
      <c r="G38953" s="1" t="s">
        <v>133615</v>
      </c>
      <c r="H38953" s="1" t="s">
        <v>133616</v>
      </c>
      <c r="I38953" s="1" t="s">
        <v>126615</v>
      </c>
      <c r="J38953" s="1" t="s">
        <v>133659</v>
      </c>
    </row>
    <row r="38954" spans="1:10" x14ac:dyDescent="0.35">
      <c r="A38954" s="1" t="s">
        <v>4473</v>
      </c>
      <c r="B38954" s="1" t="s">
        <v>126612</v>
      </c>
      <c r="C38954" s="1" t="s">
        <v>70</v>
      </c>
      <c r="D38954" s="1" t="s">
        <v>133660</v>
      </c>
      <c r="E38954" s="1" t="s">
        <v>133661</v>
      </c>
      <c r="F38954" s="1" t="s">
        <v>133662</v>
      </c>
      <c r="G38954" s="1" t="s">
        <v>133615</v>
      </c>
      <c r="H38954" s="1" t="s">
        <v>133616</v>
      </c>
      <c r="I38954" s="1" t="s">
        <v>126615</v>
      </c>
      <c r="J38954" s="1" t="s">
        <v>133663</v>
      </c>
    </row>
    <row r="38955" spans="1:10" x14ac:dyDescent="0.35">
      <c r="A38955" s="1" t="s">
        <v>4473</v>
      </c>
      <c r="B38955" s="1" t="s">
        <v>126612</v>
      </c>
      <c r="C38955" s="1" t="s">
        <v>75</v>
      </c>
      <c r="D38955" s="1" t="s">
        <v>133664</v>
      </c>
      <c r="E38955" s="1" t="s">
        <v>133665</v>
      </c>
      <c r="F38955" s="1" t="s">
        <v>133666</v>
      </c>
      <c r="G38955" s="1" t="s">
        <v>133615</v>
      </c>
      <c r="H38955" s="1" t="s">
        <v>133616</v>
      </c>
      <c r="I38955" s="1" t="s">
        <v>126615</v>
      </c>
      <c r="J38955" s="1" t="s">
        <v>133667</v>
      </c>
    </row>
    <row r="38956" spans="1:10" x14ac:dyDescent="0.35">
      <c r="A38956" s="1" t="s">
        <v>4473</v>
      </c>
      <c r="B38956" s="1" t="s">
        <v>126612</v>
      </c>
      <c r="C38956" s="1" t="s">
        <v>80</v>
      </c>
      <c r="D38956" s="1" t="s">
        <v>133668</v>
      </c>
      <c r="E38956" s="1" t="s">
        <v>133669</v>
      </c>
      <c r="F38956" s="1" t="s">
        <v>133670</v>
      </c>
      <c r="G38956" s="1" t="s">
        <v>133615</v>
      </c>
      <c r="H38956" s="1" t="s">
        <v>133616</v>
      </c>
      <c r="I38956" s="1" t="s">
        <v>126615</v>
      </c>
      <c r="J38956" s="1" t="s">
        <v>133671</v>
      </c>
    </row>
    <row r="38957" spans="1:10" x14ac:dyDescent="0.35">
      <c r="A38957" s="1" t="s">
        <v>4473</v>
      </c>
      <c r="B38957" s="1" t="s">
        <v>126612</v>
      </c>
      <c r="C38957" s="1" t="s">
        <v>85</v>
      </c>
      <c r="D38957" s="1" t="s">
        <v>133672</v>
      </c>
      <c r="E38957" s="1" t="s">
        <v>133673</v>
      </c>
      <c r="F38957" s="1" t="s">
        <v>133674</v>
      </c>
      <c r="G38957" s="1" t="s">
        <v>133615</v>
      </c>
      <c r="H38957" s="1" t="s">
        <v>133616</v>
      </c>
      <c r="I38957" s="1" t="s">
        <v>126615</v>
      </c>
      <c r="J38957" s="1" t="s">
        <v>133675</v>
      </c>
    </row>
    <row r="38958" spans="1:10" x14ac:dyDescent="0.35">
      <c r="A38958" s="1" t="s">
        <v>4473</v>
      </c>
      <c r="B38958" s="1" t="s">
        <v>126612</v>
      </c>
      <c r="C38958" s="1" t="s">
        <v>90</v>
      </c>
      <c r="D38958" s="1" t="s">
        <v>133676</v>
      </c>
      <c r="E38958" s="1" t="s">
        <v>133677</v>
      </c>
      <c r="F38958" s="1" t="s">
        <v>133678</v>
      </c>
      <c r="G38958" s="1" t="s">
        <v>133615</v>
      </c>
      <c r="H38958" s="1" t="s">
        <v>133616</v>
      </c>
      <c r="I38958" s="1" t="s">
        <v>126615</v>
      </c>
      <c r="J38958" s="1" t="s">
        <v>133679</v>
      </c>
    </row>
    <row r="38959" spans="1:10" x14ac:dyDescent="0.35">
      <c r="A38959" s="1" t="s">
        <v>4473</v>
      </c>
      <c r="B38959" s="1" t="s">
        <v>126612</v>
      </c>
      <c r="C38959" s="1" t="s">
        <v>95</v>
      </c>
      <c r="D38959" s="1" t="s">
        <v>133680</v>
      </c>
      <c r="E38959" s="1" t="s">
        <v>133681</v>
      </c>
      <c r="F38959" s="1" t="s">
        <v>133682</v>
      </c>
      <c r="G38959" s="1" t="s">
        <v>133615</v>
      </c>
      <c r="H38959" s="1" t="s">
        <v>133616</v>
      </c>
      <c r="I38959" s="1" t="s">
        <v>126615</v>
      </c>
      <c r="J38959" s="1" t="s">
        <v>133683</v>
      </c>
    </row>
    <row r="38960" spans="1:10" x14ac:dyDescent="0.35">
      <c r="A38960" s="1" t="s">
        <v>4473</v>
      </c>
      <c r="B38960" s="1" t="s">
        <v>126612</v>
      </c>
      <c r="C38960" s="1" t="s">
        <v>100</v>
      </c>
      <c r="D38960" s="1" t="s">
        <v>103857</v>
      </c>
      <c r="E38960" s="1" t="s">
        <v>133684</v>
      </c>
      <c r="F38960" s="1" t="s">
        <v>133685</v>
      </c>
      <c r="G38960" s="1" t="s">
        <v>133615</v>
      </c>
      <c r="H38960" s="1" t="s">
        <v>133616</v>
      </c>
      <c r="I38960" s="1" t="s">
        <v>126615</v>
      </c>
      <c r="J38960" s="1" t="s">
        <v>133686</v>
      </c>
    </row>
    <row r="38961" spans="1:10" x14ac:dyDescent="0.35">
      <c r="A38961" s="1" t="s">
        <v>4473</v>
      </c>
      <c r="B38961" s="1" t="s">
        <v>126612</v>
      </c>
      <c r="C38961" s="1" t="s">
        <v>105</v>
      </c>
      <c r="D38961" s="1" t="s">
        <v>133687</v>
      </c>
      <c r="E38961" s="1" t="s">
        <v>133688</v>
      </c>
      <c r="F38961" s="1" t="s">
        <v>133689</v>
      </c>
      <c r="G38961" s="1" t="s">
        <v>133615</v>
      </c>
      <c r="H38961" s="1" t="s">
        <v>133616</v>
      </c>
      <c r="I38961" s="1" t="s">
        <v>126615</v>
      </c>
      <c r="J38961" s="1" t="s">
        <v>133690</v>
      </c>
    </row>
    <row r="38962" spans="1:10" x14ac:dyDescent="0.35">
      <c r="A38962" s="1" t="s">
        <v>4473</v>
      </c>
      <c r="B38962" s="1" t="s">
        <v>126612</v>
      </c>
      <c r="C38962" s="1" t="s">
        <v>110</v>
      </c>
      <c r="D38962" s="1" t="s">
        <v>133691</v>
      </c>
      <c r="E38962" s="1" t="s">
        <v>133692</v>
      </c>
      <c r="F38962" s="1" t="s">
        <v>133693</v>
      </c>
      <c r="G38962" s="1" t="s">
        <v>133615</v>
      </c>
      <c r="H38962" s="1" t="s">
        <v>133616</v>
      </c>
      <c r="I38962" s="1" t="s">
        <v>126615</v>
      </c>
      <c r="J38962" s="1" t="s">
        <v>133694</v>
      </c>
    </row>
    <row r="38963" spans="1:10" x14ac:dyDescent="0.35">
      <c r="A38963" s="1" t="s">
        <v>4473</v>
      </c>
      <c r="B38963" s="1" t="s">
        <v>126612</v>
      </c>
      <c r="C38963" s="1" t="s">
        <v>115</v>
      </c>
      <c r="D38963" s="1" t="s">
        <v>133695</v>
      </c>
      <c r="E38963" s="1" t="s">
        <v>133696</v>
      </c>
      <c r="F38963" s="1" t="s">
        <v>133697</v>
      </c>
      <c r="G38963" s="1" t="s">
        <v>133615</v>
      </c>
      <c r="H38963" s="1" t="s">
        <v>133616</v>
      </c>
      <c r="I38963" s="1" t="s">
        <v>126615</v>
      </c>
      <c r="J38963" s="1" t="s">
        <v>133698</v>
      </c>
    </row>
    <row r="38964" spans="1:10" x14ac:dyDescent="0.35">
      <c r="A38964" s="1" t="s">
        <v>4473</v>
      </c>
      <c r="B38964" s="1" t="s">
        <v>126612</v>
      </c>
      <c r="C38964" s="1" t="s">
        <v>120</v>
      </c>
      <c r="D38964" s="1" t="s">
        <v>65197</v>
      </c>
      <c r="E38964" s="1" t="s">
        <v>133699</v>
      </c>
      <c r="F38964" s="1" t="s">
        <v>133700</v>
      </c>
      <c r="G38964" s="1" t="s">
        <v>133615</v>
      </c>
      <c r="H38964" s="1" t="s">
        <v>133616</v>
      </c>
      <c r="I38964" s="1" t="s">
        <v>126615</v>
      </c>
      <c r="J38964" s="1" t="s">
        <v>133701</v>
      </c>
    </row>
    <row r="38965" spans="1:10" x14ac:dyDescent="0.35">
      <c r="A38965" s="1" t="s">
        <v>4473</v>
      </c>
      <c r="B38965" s="1" t="s">
        <v>126612</v>
      </c>
      <c r="C38965" s="1" t="s">
        <v>125</v>
      </c>
      <c r="D38965" s="1" t="s">
        <v>133702</v>
      </c>
      <c r="E38965" s="1" t="s">
        <v>133703</v>
      </c>
      <c r="F38965" s="1" t="s">
        <v>133704</v>
      </c>
      <c r="G38965" s="1" t="s">
        <v>133615</v>
      </c>
      <c r="H38965" s="1" t="s">
        <v>133616</v>
      </c>
      <c r="I38965" s="1" t="s">
        <v>126615</v>
      </c>
      <c r="J38965" s="1" t="s">
        <v>133705</v>
      </c>
    </row>
    <row r="38966" spans="1:10" x14ac:dyDescent="0.35">
      <c r="A38966" s="1" t="s">
        <v>4473</v>
      </c>
      <c r="B38966" s="1" t="s">
        <v>126612</v>
      </c>
      <c r="C38966" s="1" t="s">
        <v>130</v>
      </c>
      <c r="D38966" s="1" t="s">
        <v>133706</v>
      </c>
      <c r="E38966" s="1" t="s">
        <v>133707</v>
      </c>
      <c r="F38966" s="1" t="s">
        <v>133708</v>
      </c>
      <c r="G38966" s="1" t="s">
        <v>133615</v>
      </c>
      <c r="H38966" s="1" t="s">
        <v>133616</v>
      </c>
      <c r="I38966" s="1" t="s">
        <v>126615</v>
      </c>
      <c r="J38966" s="1" t="s">
        <v>133709</v>
      </c>
    </row>
    <row r="38967" spans="1:10" x14ac:dyDescent="0.35">
      <c r="A38967" s="1" t="s">
        <v>4473</v>
      </c>
      <c r="B38967" s="1" t="s">
        <v>126612</v>
      </c>
      <c r="C38967" s="1" t="s">
        <v>135</v>
      </c>
      <c r="D38967" s="1" t="s">
        <v>133710</v>
      </c>
      <c r="E38967" s="1" t="s">
        <v>133711</v>
      </c>
      <c r="F38967" s="1" t="s">
        <v>133712</v>
      </c>
      <c r="G38967" s="1" t="s">
        <v>133615</v>
      </c>
      <c r="H38967" s="1" t="s">
        <v>133616</v>
      </c>
      <c r="I38967" s="1" t="s">
        <v>126615</v>
      </c>
      <c r="J38967" s="1" t="s">
        <v>133713</v>
      </c>
    </row>
    <row r="38968" spans="1:10" x14ac:dyDescent="0.35">
      <c r="A38968" s="1" t="s">
        <v>4473</v>
      </c>
      <c r="B38968" s="1" t="s">
        <v>126612</v>
      </c>
      <c r="C38968" s="1" t="s">
        <v>140</v>
      </c>
      <c r="D38968" s="1" t="s">
        <v>133714</v>
      </c>
      <c r="E38968" s="1" t="s">
        <v>133715</v>
      </c>
      <c r="F38968" s="1" t="s">
        <v>133716</v>
      </c>
      <c r="G38968" s="1" t="s">
        <v>133615</v>
      </c>
      <c r="H38968" s="1" t="s">
        <v>133616</v>
      </c>
      <c r="I38968" s="1" t="s">
        <v>126615</v>
      </c>
      <c r="J38968" s="1" t="s">
        <v>133717</v>
      </c>
    </row>
    <row r="38969" spans="1:10" x14ac:dyDescent="0.35">
      <c r="A38969" s="1" t="s">
        <v>4473</v>
      </c>
      <c r="B38969" s="1" t="s">
        <v>126612</v>
      </c>
      <c r="C38969" s="1" t="s">
        <v>145</v>
      </c>
      <c r="D38969" s="1" t="s">
        <v>133718</v>
      </c>
      <c r="E38969" s="1" t="s">
        <v>133719</v>
      </c>
      <c r="F38969" s="1" t="s">
        <v>133720</v>
      </c>
      <c r="G38969" s="1" t="s">
        <v>133615</v>
      </c>
      <c r="H38969" s="1" t="s">
        <v>133616</v>
      </c>
      <c r="I38969" s="1" t="s">
        <v>126615</v>
      </c>
      <c r="J38969" s="1" t="s">
        <v>133721</v>
      </c>
    </row>
    <row r="38970" spans="1:10" x14ac:dyDescent="0.35">
      <c r="A38970" s="1" t="s">
        <v>4473</v>
      </c>
      <c r="B38970" s="1" t="s">
        <v>126612</v>
      </c>
      <c r="C38970" s="1" t="s">
        <v>150</v>
      </c>
      <c r="D38970" s="1" t="s">
        <v>133722</v>
      </c>
      <c r="E38970" s="1" t="s">
        <v>133723</v>
      </c>
      <c r="F38970" s="1" t="s">
        <v>133724</v>
      </c>
      <c r="G38970" s="1" t="s">
        <v>133615</v>
      </c>
      <c r="H38970" s="1" t="s">
        <v>133616</v>
      </c>
      <c r="I38970" s="1" t="s">
        <v>126615</v>
      </c>
      <c r="J38970" s="1" t="s">
        <v>133725</v>
      </c>
    </row>
    <row r="38971" spans="1:10" x14ac:dyDescent="0.35">
      <c r="A38971" s="1" t="s">
        <v>4473</v>
      </c>
      <c r="B38971" s="1" t="s">
        <v>126612</v>
      </c>
      <c r="C38971" s="1" t="s">
        <v>155</v>
      </c>
      <c r="D38971" s="1" t="s">
        <v>133726</v>
      </c>
      <c r="E38971" s="1" t="s">
        <v>133727</v>
      </c>
      <c r="F38971" s="1" t="s">
        <v>133728</v>
      </c>
      <c r="G38971" s="1" t="s">
        <v>133615</v>
      </c>
      <c r="H38971" s="1" t="s">
        <v>133616</v>
      </c>
      <c r="I38971" s="1" t="s">
        <v>126615</v>
      </c>
      <c r="J38971" s="1" t="s">
        <v>133729</v>
      </c>
    </row>
    <row r="38972" spans="1:10" x14ac:dyDescent="0.35">
      <c r="A38972" s="1" t="s">
        <v>4473</v>
      </c>
      <c r="B38972" s="1" t="s">
        <v>126612</v>
      </c>
      <c r="C38972" s="1" t="s">
        <v>160</v>
      </c>
      <c r="D38972" s="1" t="s">
        <v>133730</v>
      </c>
      <c r="E38972" s="1" t="s">
        <v>133731</v>
      </c>
      <c r="F38972" s="1" t="s">
        <v>133732</v>
      </c>
      <c r="G38972" s="1" t="s">
        <v>133615</v>
      </c>
      <c r="H38972" s="1" t="s">
        <v>133616</v>
      </c>
      <c r="I38972" s="1" t="s">
        <v>126615</v>
      </c>
      <c r="J38972" s="1" t="s">
        <v>133733</v>
      </c>
    </row>
    <row r="38973" spans="1:10" x14ac:dyDescent="0.35">
      <c r="A38973" s="1" t="s">
        <v>4473</v>
      </c>
      <c r="B38973" s="1" t="s">
        <v>126612</v>
      </c>
      <c r="C38973" s="1" t="s">
        <v>165</v>
      </c>
      <c r="D38973" s="1" t="s">
        <v>133734</v>
      </c>
      <c r="E38973" s="1" t="s">
        <v>133735</v>
      </c>
      <c r="F38973" s="1" t="s">
        <v>133736</v>
      </c>
      <c r="G38973" s="1" t="s">
        <v>133615</v>
      </c>
      <c r="H38973" s="1" t="s">
        <v>133616</v>
      </c>
      <c r="I38973" s="1" t="s">
        <v>126615</v>
      </c>
      <c r="J38973" s="1" t="s">
        <v>133737</v>
      </c>
    </row>
    <row r="38974" spans="1:10" x14ac:dyDescent="0.35">
      <c r="A38974" s="1" t="s">
        <v>4473</v>
      </c>
      <c r="B38974" s="1" t="s">
        <v>126612</v>
      </c>
      <c r="C38974" s="1" t="s">
        <v>170</v>
      </c>
      <c r="D38974" s="1" t="s">
        <v>133738</v>
      </c>
      <c r="E38974" s="1" t="s">
        <v>133739</v>
      </c>
      <c r="F38974" s="1" t="s">
        <v>133740</v>
      </c>
      <c r="G38974" s="1" t="s">
        <v>133615</v>
      </c>
      <c r="H38974" s="1" t="s">
        <v>133616</v>
      </c>
      <c r="I38974" s="1" t="s">
        <v>126615</v>
      </c>
      <c r="J38974" s="1" t="s">
        <v>133741</v>
      </c>
    </row>
    <row r="38975" spans="1:10" x14ac:dyDescent="0.35">
      <c r="A38975" s="1" t="s">
        <v>133742</v>
      </c>
      <c r="B38975" s="1" t="s">
        <v>126612</v>
      </c>
      <c r="C38975" s="1" t="s">
        <v>8</v>
      </c>
      <c r="D38975" s="1" t="s">
        <v>39273</v>
      </c>
      <c r="E38975" s="1" t="s">
        <v>76420</v>
      </c>
      <c r="F38975" s="1" t="s">
        <v>133743</v>
      </c>
      <c r="G38975" s="1" t="s">
        <v>133744</v>
      </c>
      <c r="H38975" s="1" t="s">
        <v>133745</v>
      </c>
      <c r="I38975" s="1" t="s">
        <v>126615</v>
      </c>
      <c r="J38975" s="1" t="s">
        <v>13</v>
      </c>
    </row>
    <row r="38976" spans="1:10" x14ac:dyDescent="0.35">
      <c r="A38976" s="1" t="s">
        <v>133742</v>
      </c>
      <c r="B38976" s="1" t="s">
        <v>126612</v>
      </c>
      <c r="C38976" s="1" t="s">
        <v>15</v>
      </c>
      <c r="D38976" s="1" t="s">
        <v>133746</v>
      </c>
      <c r="E38976" s="1" t="s">
        <v>31800</v>
      </c>
      <c r="F38976" s="1" t="s">
        <v>65162</v>
      </c>
      <c r="G38976" s="1" t="s">
        <v>133744</v>
      </c>
      <c r="H38976" s="1" t="s">
        <v>133745</v>
      </c>
      <c r="I38976" s="1" t="s">
        <v>126615</v>
      </c>
      <c r="J38976" s="1" t="s">
        <v>133747</v>
      </c>
    </row>
    <row r="38977" spans="1:10" x14ac:dyDescent="0.35">
      <c r="A38977" s="1" t="s">
        <v>133742</v>
      </c>
      <c r="B38977" s="1" t="s">
        <v>126612</v>
      </c>
      <c r="C38977" s="1" t="s">
        <v>20</v>
      </c>
      <c r="D38977" s="1" t="s">
        <v>88594</v>
      </c>
      <c r="E38977" s="1" t="s">
        <v>30690</v>
      </c>
      <c r="F38977" s="1" t="s">
        <v>133748</v>
      </c>
      <c r="G38977" s="1" t="s">
        <v>133744</v>
      </c>
      <c r="H38977" s="1" t="s">
        <v>133745</v>
      </c>
      <c r="I38977" s="1" t="s">
        <v>126615</v>
      </c>
      <c r="J38977" s="1" t="s">
        <v>133749</v>
      </c>
    </row>
    <row r="38978" spans="1:10" x14ac:dyDescent="0.35">
      <c r="A38978" s="1" t="s">
        <v>133742</v>
      </c>
      <c r="B38978" s="1" t="s">
        <v>126612</v>
      </c>
      <c r="C38978" s="1" t="s">
        <v>25</v>
      </c>
      <c r="D38978" s="1" t="s">
        <v>133750</v>
      </c>
      <c r="E38978" s="1" t="s">
        <v>105921</v>
      </c>
      <c r="F38978" s="1" t="s">
        <v>60888</v>
      </c>
      <c r="G38978" s="1" t="s">
        <v>133744</v>
      </c>
      <c r="H38978" s="1" t="s">
        <v>133745</v>
      </c>
      <c r="I38978" s="1" t="s">
        <v>126615</v>
      </c>
      <c r="J38978" s="1" t="s">
        <v>133751</v>
      </c>
    </row>
    <row r="38979" spans="1:10" x14ac:dyDescent="0.35">
      <c r="A38979" s="1" t="s">
        <v>133742</v>
      </c>
      <c r="B38979" s="1" t="s">
        <v>126612</v>
      </c>
      <c r="C38979" s="1" t="s">
        <v>30</v>
      </c>
      <c r="D38979" s="1" t="s">
        <v>61192</v>
      </c>
      <c r="E38979" s="1" t="s">
        <v>94692</v>
      </c>
      <c r="F38979" s="1" t="s">
        <v>133752</v>
      </c>
      <c r="G38979" s="1" t="s">
        <v>133744</v>
      </c>
      <c r="H38979" s="1" t="s">
        <v>133745</v>
      </c>
      <c r="I38979" s="1" t="s">
        <v>126615</v>
      </c>
      <c r="J38979" s="1" t="s">
        <v>133753</v>
      </c>
    </row>
    <row r="38980" spans="1:10" x14ac:dyDescent="0.35">
      <c r="A38980" s="1" t="s">
        <v>133742</v>
      </c>
      <c r="B38980" s="1" t="s">
        <v>126612</v>
      </c>
      <c r="C38980" s="1" t="s">
        <v>35</v>
      </c>
      <c r="D38980" s="1" t="s">
        <v>133754</v>
      </c>
      <c r="E38980" s="1" t="s">
        <v>133755</v>
      </c>
      <c r="F38980" s="1" t="s">
        <v>133756</v>
      </c>
      <c r="G38980" s="1" t="s">
        <v>133744</v>
      </c>
      <c r="H38980" s="1" t="s">
        <v>133745</v>
      </c>
      <c r="I38980" s="1" t="s">
        <v>126615</v>
      </c>
      <c r="J38980" s="1" t="s">
        <v>133757</v>
      </c>
    </row>
    <row r="38981" spans="1:10" x14ac:dyDescent="0.35">
      <c r="A38981" s="1" t="s">
        <v>133742</v>
      </c>
      <c r="B38981" s="1" t="s">
        <v>126612</v>
      </c>
      <c r="C38981" s="1" t="s">
        <v>40</v>
      </c>
      <c r="D38981" s="1" t="s">
        <v>133758</v>
      </c>
      <c r="E38981" s="1" t="s">
        <v>133759</v>
      </c>
      <c r="F38981" s="1" t="s">
        <v>133760</v>
      </c>
      <c r="G38981" s="1" t="s">
        <v>133744</v>
      </c>
      <c r="H38981" s="1" t="s">
        <v>133745</v>
      </c>
      <c r="I38981" s="1" t="s">
        <v>126615</v>
      </c>
      <c r="J38981" s="1" t="s">
        <v>133761</v>
      </c>
    </row>
    <row r="38982" spans="1:10" x14ac:dyDescent="0.35">
      <c r="A38982" s="1" t="s">
        <v>133742</v>
      </c>
      <c r="B38982" s="1" t="s">
        <v>126612</v>
      </c>
      <c r="C38982" s="1" t="s">
        <v>45</v>
      </c>
      <c r="D38982" s="1" t="s">
        <v>133762</v>
      </c>
      <c r="E38982" s="1" t="s">
        <v>132952</v>
      </c>
      <c r="F38982" s="1" t="s">
        <v>133763</v>
      </c>
      <c r="G38982" s="1" t="s">
        <v>133744</v>
      </c>
      <c r="H38982" s="1" t="s">
        <v>133745</v>
      </c>
      <c r="I38982" s="1" t="s">
        <v>126615</v>
      </c>
      <c r="J38982" s="1" t="s">
        <v>133764</v>
      </c>
    </row>
    <row r="38983" spans="1:10" x14ac:dyDescent="0.35">
      <c r="A38983" s="1" t="s">
        <v>133742</v>
      </c>
      <c r="B38983" s="1" t="s">
        <v>126612</v>
      </c>
      <c r="C38983" s="1" t="s">
        <v>50</v>
      </c>
      <c r="D38983" s="1" t="s">
        <v>130409</v>
      </c>
      <c r="E38983" s="1" t="s">
        <v>133765</v>
      </c>
      <c r="F38983" s="1" t="s">
        <v>88261</v>
      </c>
      <c r="G38983" s="1" t="s">
        <v>133744</v>
      </c>
      <c r="H38983" s="1" t="s">
        <v>133745</v>
      </c>
      <c r="I38983" s="1" t="s">
        <v>126615</v>
      </c>
      <c r="J38983" s="1" t="s">
        <v>133766</v>
      </c>
    </row>
    <row r="38984" spans="1:10" x14ac:dyDescent="0.35">
      <c r="A38984" s="1" t="s">
        <v>133742</v>
      </c>
      <c r="B38984" s="1" t="s">
        <v>126612</v>
      </c>
      <c r="C38984" s="1" t="s">
        <v>55</v>
      </c>
      <c r="D38984" s="1" t="s">
        <v>97509</v>
      </c>
      <c r="E38984" s="1" t="s">
        <v>77734</v>
      </c>
      <c r="F38984" s="1" t="s">
        <v>133767</v>
      </c>
      <c r="G38984" s="1" t="s">
        <v>133744</v>
      </c>
      <c r="H38984" s="1" t="s">
        <v>133745</v>
      </c>
      <c r="I38984" s="1" t="s">
        <v>126615</v>
      </c>
      <c r="J38984" s="1" t="s">
        <v>133768</v>
      </c>
    </row>
    <row r="38985" spans="1:10" x14ac:dyDescent="0.35">
      <c r="A38985" s="1" t="s">
        <v>133742</v>
      </c>
      <c r="B38985" s="1" t="s">
        <v>126612</v>
      </c>
      <c r="C38985" s="1" t="s">
        <v>60</v>
      </c>
      <c r="D38985" s="1" t="s">
        <v>97565</v>
      </c>
      <c r="E38985" s="1" t="s">
        <v>133769</v>
      </c>
      <c r="F38985" s="1" t="s">
        <v>133770</v>
      </c>
      <c r="G38985" s="1" t="s">
        <v>133744</v>
      </c>
      <c r="H38985" s="1" t="s">
        <v>133745</v>
      </c>
      <c r="I38985" s="1" t="s">
        <v>126615</v>
      </c>
      <c r="J38985" s="1" t="s">
        <v>133771</v>
      </c>
    </row>
    <row r="38986" spans="1:10" x14ac:dyDescent="0.35">
      <c r="A38986" s="1" t="s">
        <v>133742</v>
      </c>
      <c r="B38986" s="1" t="s">
        <v>126612</v>
      </c>
      <c r="C38986" s="1" t="s">
        <v>65</v>
      </c>
      <c r="D38986" s="1" t="s">
        <v>133772</v>
      </c>
      <c r="E38986" s="1" t="s">
        <v>31929</v>
      </c>
      <c r="F38986" s="1" t="s">
        <v>65294</v>
      </c>
      <c r="G38986" s="1" t="s">
        <v>133744</v>
      </c>
      <c r="H38986" s="1" t="s">
        <v>133745</v>
      </c>
      <c r="I38986" s="1" t="s">
        <v>126615</v>
      </c>
      <c r="J38986" s="1" t="s">
        <v>133773</v>
      </c>
    </row>
    <row r="38987" spans="1:10" x14ac:dyDescent="0.35">
      <c r="A38987" s="1" t="s">
        <v>133742</v>
      </c>
      <c r="B38987" s="1" t="s">
        <v>126612</v>
      </c>
      <c r="C38987" s="1" t="s">
        <v>70</v>
      </c>
      <c r="D38987" s="1" t="s">
        <v>133774</v>
      </c>
      <c r="E38987" s="1" t="s">
        <v>94741</v>
      </c>
      <c r="F38987" s="1" t="s">
        <v>133775</v>
      </c>
      <c r="G38987" s="1" t="s">
        <v>133744</v>
      </c>
      <c r="H38987" s="1" t="s">
        <v>133745</v>
      </c>
      <c r="I38987" s="1" t="s">
        <v>126615</v>
      </c>
      <c r="J38987" s="1" t="s">
        <v>133776</v>
      </c>
    </row>
    <row r="38988" spans="1:10" x14ac:dyDescent="0.35">
      <c r="A38988" s="1" t="s">
        <v>133742</v>
      </c>
      <c r="B38988" s="1" t="s">
        <v>126612</v>
      </c>
      <c r="C38988" s="1" t="s">
        <v>75</v>
      </c>
      <c r="D38988" s="1" t="s">
        <v>102008</v>
      </c>
      <c r="E38988" s="1" t="s">
        <v>109229</v>
      </c>
      <c r="F38988" s="1" t="s">
        <v>133777</v>
      </c>
      <c r="G38988" s="1" t="s">
        <v>133744</v>
      </c>
      <c r="H38988" s="1" t="s">
        <v>133745</v>
      </c>
      <c r="I38988" s="1" t="s">
        <v>126615</v>
      </c>
      <c r="J38988" s="1" t="s">
        <v>133778</v>
      </c>
    </row>
    <row r="38989" spans="1:10" x14ac:dyDescent="0.35">
      <c r="A38989" s="1" t="s">
        <v>133742</v>
      </c>
      <c r="B38989" s="1" t="s">
        <v>126612</v>
      </c>
      <c r="C38989" s="1" t="s">
        <v>80</v>
      </c>
      <c r="D38989" s="1" t="s">
        <v>60947</v>
      </c>
      <c r="E38989" s="1" t="s">
        <v>133779</v>
      </c>
      <c r="F38989" s="1" t="s">
        <v>133780</v>
      </c>
      <c r="G38989" s="1" t="s">
        <v>133744</v>
      </c>
      <c r="H38989" s="1" t="s">
        <v>133745</v>
      </c>
      <c r="I38989" s="1" t="s">
        <v>126615</v>
      </c>
      <c r="J38989" s="1" t="s">
        <v>133781</v>
      </c>
    </row>
    <row r="38990" spans="1:10" x14ac:dyDescent="0.35">
      <c r="A38990" s="1" t="s">
        <v>133742</v>
      </c>
      <c r="B38990" s="1" t="s">
        <v>126612</v>
      </c>
      <c r="C38990" s="1" t="s">
        <v>85</v>
      </c>
      <c r="D38990" s="1" t="s">
        <v>103454</v>
      </c>
      <c r="E38990" s="1" t="s">
        <v>19888</v>
      </c>
      <c r="F38990" s="1" t="s">
        <v>54067</v>
      </c>
      <c r="G38990" s="1" t="s">
        <v>133744</v>
      </c>
      <c r="H38990" s="1" t="s">
        <v>133745</v>
      </c>
      <c r="I38990" s="1" t="s">
        <v>126615</v>
      </c>
      <c r="J38990" s="1" t="s">
        <v>133782</v>
      </c>
    </row>
    <row r="38991" spans="1:10" x14ac:dyDescent="0.35">
      <c r="A38991" s="1" t="s">
        <v>133742</v>
      </c>
      <c r="B38991" s="1" t="s">
        <v>126612</v>
      </c>
      <c r="C38991" s="1" t="s">
        <v>90</v>
      </c>
      <c r="D38991" s="1" t="s">
        <v>133783</v>
      </c>
      <c r="E38991" s="1" t="s">
        <v>108698</v>
      </c>
      <c r="F38991" s="1" t="s">
        <v>55359</v>
      </c>
      <c r="G38991" s="1" t="s">
        <v>133744</v>
      </c>
      <c r="H38991" s="1" t="s">
        <v>133745</v>
      </c>
      <c r="I38991" s="1" t="s">
        <v>126615</v>
      </c>
      <c r="J38991" s="1" t="s">
        <v>133784</v>
      </c>
    </row>
    <row r="38992" spans="1:10" x14ac:dyDescent="0.35">
      <c r="A38992" s="1" t="s">
        <v>133742</v>
      </c>
      <c r="B38992" s="1" t="s">
        <v>126612</v>
      </c>
      <c r="C38992" s="1" t="s">
        <v>95</v>
      </c>
      <c r="D38992" s="1" t="s">
        <v>133785</v>
      </c>
      <c r="E38992" s="1" t="s">
        <v>132905</v>
      </c>
      <c r="F38992" s="1" t="s">
        <v>133786</v>
      </c>
      <c r="G38992" s="1" t="s">
        <v>133744</v>
      </c>
      <c r="H38992" s="1" t="s">
        <v>133745</v>
      </c>
      <c r="I38992" s="1" t="s">
        <v>126615</v>
      </c>
      <c r="J38992" s="1" t="s">
        <v>133787</v>
      </c>
    </row>
    <row r="38993" spans="1:10" x14ac:dyDescent="0.35">
      <c r="A38993" s="1" t="s">
        <v>133742</v>
      </c>
      <c r="B38993" s="1" t="s">
        <v>126612</v>
      </c>
      <c r="C38993" s="1" t="s">
        <v>100</v>
      </c>
      <c r="D38993" s="1" t="s">
        <v>133788</v>
      </c>
      <c r="E38993" s="1" t="s">
        <v>73361</v>
      </c>
      <c r="F38993" s="1" t="s">
        <v>133789</v>
      </c>
      <c r="G38993" s="1" t="s">
        <v>133744</v>
      </c>
      <c r="H38993" s="1" t="s">
        <v>133745</v>
      </c>
      <c r="I38993" s="1" t="s">
        <v>126615</v>
      </c>
      <c r="J38993" s="1" t="s">
        <v>133790</v>
      </c>
    </row>
    <row r="38994" spans="1:10" x14ac:dyDescent="0.35">
      <c r="A38994" s="1" t="s">
        <v>133742</v>
      </c>
      <c r="B38994" s="1" t="s">
        <v>126612</v>
      </c>
      <c r="C38994" s="1" t="s">
        <v>105</v>
      </c>
      <c r="D38994" s="1" t="s">
        <v>133791</v>
      </c>
      <c r="E38994" s="1" t="s">
        <v>133792</v>
      </c>
      <c r="F38994" s="1" t="s">
        <v>133793</v>
      </c>
      <c r="G38994" s="1" t="s">
        <v>133744</v>
      </c>
      <c r="H38994" s="1" t="s">
        <v>133745</v>
      </c>
      <c r="I38994" s="1" t="s">
        <v>126615</v>
      </c>
      <c r="J38994" s="1" t="s">
        <v>133794</v>
      </c>
    </row>
    <row r="38995" spans="1:10" x14ac:dyDescent="0.35">
      <c r="A38995" s="1" t="s">
        <v>133742</v>
      </c>
      <c r="B38995" s="1" t="s">
        <v>126612</v>
      </c>
      <c r="C38995" s="1" t="s">
        <v>110</v>
      </c>
      <c r="D38995" s="1" t="s">
        <v>61222</v>
      </c>
      <c r="E38995" s="1" t="s">
        <v>129688</v>
      </c>
      <c r="F38995" s="1" t="s">
        <v>133795</v>
      </c>
      <c r="G38995" s="1" t="s">
        <v>133744</v>
      </c>
      <c r="H38995" s="1" t="s">
        <v>133745</v>
      </c>
      <c r="I38995" s="1" t="s">
        <v>126615</v>
      </c>
      <c r="J38995" s="1" t="s">
        <v>133796</v>
      </c>
    </row>
    <row r="38996" spans="1:10" x14ac:dyDescent="0.35">
      <c r="A38996" s="1" t="s">
        <v>133742</v>
      </c>
      <c r="B38996" s="1" t="s">
        <v>126612</v>
      </c>
      <c r="C38996" s="1" t="s">
        <v>115</v>
      </c>
      <c r="D38996" s="1" t="s">
        <v>86514</v>
      </c>
      <c r="E38996" s="1" t="s">
        <v>133797</v>
      </c>
      <c r="F38996" s="1" t="s">
        <v>102024</v>
      </c>
      <c r="G38996" s="1" t="s">
        <v>133744</v>
      </c>
      <c r="H38996" s="1" t="s">
        <v>133745</v>
      </c>
      <c r="I38996" s="1" t="s">
        <v>126615</v>
      </c>
      <c r="J38996" s="1" t="s">
        <v>133798</v>
      </c>
    </row>
    <row r="38997" spans="1:10" x14ac:dyDescent="0.35">
      <c r="A38997" s="1" t="s">
        <v>133742</v>
      </c>
      <c r="B38997" s="1" t="s">
        <v>126612</v>
      </c>
      <c r="C38997" s="1" t="s">
        <v>120</v>
      </c>
      <c r="D38997" s="1" t="s">
        <v>22734</v>
      </c>
      <c r="E38997" s="1" t="s">
        <v>108589</v>
      </c>
      <c r="F38997" s="1" t="s">
        <v>60917</v>
      </c>
      <c r="G38997" s="1" t="s">
        <v>133744</v>
      </c>
      <c r="H38997" s="1" t="s">
        <v>133745</v>
      </c>
      <c r="I38997" s="1" t="s">
        <v>126615</v>
      </c>
      <c r="J38997" s="1" t="s">
        <v>133799</v>
      </c>
    </row>
    <row r="38998" spans="1:10" x14ac:dyDescent="0.35">
      <c r="A38998" s="1" t="s">
        <v>133742</v>
      </c>
      <c r="B38998" s="1" t="s">
        <v>126612</v>
      </c>
      <c r="C38998" s="1" t="s">
        <v>125</v>
      </c>
      <c r="D38998" s="1" t="s">
        <v>133800</v>
      </c>
      <c r="E38998" s="1" t="s">
        <v>133801</v>
      </c>
      <c r="F38998" s="1" t="s">
        <v>133802</v>
      </c>
      <c r="G38998" s="1" t="s">
        <v>133744</v>
      </c>
      <c r="H38998" s="1" t="s">
        <v>133745</v>
      </c>
      <c r="I38998" s="1" t="s">
        <v>126615</v>
      </c>
      <c r="J38998" s="1" t="s">
        <v>133803</v>
      </c>
    </row>
    <row r="38999" spans="1:10" x14ac:dyDescent="0.35">
      <c r="A38999" s="1" t="s">
        <v>133742</v>
      </c>
      <c r="B38999" s="1" t="s">
        <v>126612</v>
      </c>
      <c r="C38999" s="1" t="s">
        <v>130</v>
      </c>
      <c r="D38999" s="1" t="s">
        <v>133804</v>
      </c>
      <c r="E38999" s="1" t="s">
        <v>128678</v>
      </c>
      <c r="F38999" s="1" t="s">
        <v>133805</v>
      </c>
      <c r="G38999" s="1" t="s">
        <v>133744</v>
      </c>
      <c r="H38999" s="1" t="s">
        <v>133745</v>
      </c>
      <c r="I38999" s="1" t="s">
        <v>126615</v>
      </c>
      <c r="J38999" s="1" t="s">
        <v>133806</v>
      </c>
    </row>
    <row r="39000" spans="1:10" x14ac:dyDescent="0.35">
      <c r="A39000" s="1" t="s">
        <v>133742</v>
      </c>
      <c r="B39000" s="1" t="s">
        <v>126612</v>
      </c>
      <c r="C39000" s="1" t="s">
        <v>135</v>
      </c>
      <c r="D39000" s="1" t="s">
        <v>85533</v>
      </c>
      <c r="E39000" s="1" t="s">
        <v>130798</v>
      </c>
      <c r="F39000" s="1" t="s">
        <v>133807</v>
      </c>
      <c r="G39000" s="1" t="s">
        <v>133744</v>
      </c>
      <c r="H39000" s="1" t="s">
        <v>133745</v>
      </c>
      <c r="I39000" s="1" t="s">
        <v>126615</v>
      </c>
      <c r="J39000" s="1" t="s">
        <v>133808</v>
      </c>
    </row>
    <row r="39001" spans="1:10" x14ac:dyDescent="0.35">
      <c r="A39001" s="1" t="s">
        <v>133742</v>
      </c>
      <c r="B39001" s="1" t="s">
        <v>126612</v>
      </c>
      <c r="C39001" s="1" t="s">
        <v>140</v>
      </c>
      <c r="D39001" s="1" t="s">
        <v>133809</v>
      </c>
      <c r="E39001" s="1" t="s">
        <v>133810</v>
      </c>
      <c r="F39001" s="1" t="s">
        <v>133811</v>
      </c>
      <c r="G39001" s="1" t="s">
        <v>133744</v>
      </c>
      <c r="H39001" s="1" t="s">
        <v>133745</v>
      </c>
      <c r="I39001" s="1" t="s">
        <v>126615</v>
      </c>
      <c r="J39001" s="1" t="s">
        <v>133812</v>
      </c>
    </row>
    <row r="39002" spans="1:10" x14ac:dyDescent="0.35">
      <c r="A39002" s="1" t="s">
        <v>133742</v>
      </c>
      <c r="B39002" s="1" t="s">
        <v>126612</v>
      </c>
      <c r="C39002" s="1" t="s">
        <v>145</v>
      </c>
      <c r="D39002" s="1" t="s">
        <v>79294</v>
      </c>
      <c r="E39002" s="1" t="s">
        <v>130798</v>
      </c>
      <c r="F39002" s="1" t="s">
        <v>133813</v>
      </c>
      <c r="G39002" s="1" t="s">
        <v>133744</v>
      </c>
      <c r="H39002" s="1" t="s">
        <v>133745</v>
      </c>
      <c r="I39002" s="1" t="s">
        <v>126615</v>
      </c>
      <c r="J39002" s="1" t="s">
        <v>133814</v>
      </c>
    </row>
    <row r="39003" spans="1:10" x14ac:dyDescent="0.35">
      <c r="A39003" s="1" t="s">
        <v>133742</v>
      </c>
      <c r="B39003" s="1" t="s">
        <v>126612</v>
      </c>
      <c r="C39003" s="1" t="s">
        <v>150</v>
      </c>
      <c r="D39003" s="1" t="s">
        <v>133815</v>
      </c>
      <c r="E39003" s="1" t="s">
        <v>133816</v>
      </c>
      <c r="F39003" s="1" t="s">
        <v>133817</v>
      </c>
      <c r="G39003" s="1" t="s">
        <v>133744</v>
      </c>
      <c r="H39003" s="1" t="s">
        <v>133745</v>
      </c>
      <c r="I39003" s="1" t="s">
        <v>126615</v>
      </c>
      <c r="J39003" s="1" t="s">
        <v>133818</v>
      </c>
    </row>
    <row r="39004" spans="1:10" x14ac:dyDescent="0.35">
      <c r="A39004" s="1" t="s">
        <v>133742</v>
      </c>
      <c r="B39004" s="1" t="s">
        <v>126612</v>
      </c>
      <c r="C39004" s="1" t="s">
        <v>155</v>
      </c>
      <c r="D39004" s="1" t="s">
        <v>133819</v>
      </c>
      <c r="E39004" s="1" t="s">
        <v>105982</v>
      </c>
      <c r="F39004" s="1" t="s">
        <v>133820</v>
      </c>
      <c r="G39004" s="1" t="s">
        <v>133744</v>
      </c>
      <c r="H39004" s="1" t="s">
        <v>133745</v>
      </c>
      <c r="I39004" s="1" t="s">
        <v>126615</v>
      </c>
      <c r="J39004" s="1" t="s">
        <v>133821</v>
      </c>
    </row>
    <row r="39005" spans="1:10" x14ac:dyDescent="0.35">
      <c r="A39005" s="1" t="s">
        <v>133742</v>
      </c>
      <c r="B39005" s="1" t="s">
        <v>126612</v>
      </c>
      <c r="C39005" s="1" t="s">
        <v>160</v>
      </c>
      <c r="D39005" s="1" t="s">
        <v>133822</v>
      </c>
      <c r="E39005" s="1" t="s">
        <v>129566</v>
      </c>
      <c r="F39005" s="1" t="s">
        <v>133823</v>
      </c>
      <c r="G39005" s="1" t="s">
        <v>133744</v>
      </c>
      <c r="H39005" s="1" t="s">
        <v>133745</v>
      </c>
      <c r="I39005" s="1" t="s">
        <v>126615</v>
      </c>
      <c r="J39005" s="1" t="s">
        <v>133824</v>
      </c>
    </row>
    <row r="39006" spans="1:10" x14ac:dyDescent="0.35">
      <c r="A39006" s="1" t="s">
        <v>133742</v>
      </c>
      <c r="B39006" s="1" t="s">
        <v>126612</v>
      </c>
      <c r="C39006" s="1" t="s">
        <v>165</v>
      </c>
      <c r="D39006" s="1" t="s">
        <v>133825</v>
      </c>
      <c r="E39006" s="1" t="s">
        <v>129585</v>
      </c>
      <c r="F39006" s="1" t="s">
        <v>133826</v>
      </c>
      <c r="G39006" s="1" t="s">
        <v>133744</v>
      </c>
      <c r="H39006" s="1" t="s">
        <v>133745</v>
      </c>
      <c r="I39006" s="1" t="s">
        <v>126615</v>
      </c>
      <c r="J39006" s="1" t="s">
        <v>133827</v>
      </c>
    </row>
    <row r="39007" spans="1:10" x14ac:dyDescent="0.35">
      <c r="A39007" s="1" t="s">
        <v>133742</v>
      </c>
      <c r="B39007" s="1" t="s">
        <v>126612</v>
      </c>
      <c r="C39007" s="1" t="s">
        <v>170</v>
      </c>
      <c r="D39007" s="1" t="s">
        <v>63621</v>
      </c>
      <c r="E39007" s="1" t="s">
        <v>128029</v>
      </c>
      <c r="F39007" s="1" t="s">
        <v>63129</v>
      </c>
      <c r="G39007" s="1" t="s">
        <v>133744</v>
      </c>
      <c r="H39007" s="1" t="s">
        <v>133745</v>
      </c>
      <c r="I39007" s="1" t="s">
        <v>126615</v>
      </c>
      <c r="J39007" s="1" t="s">
        <v>133828</v>
      </c>
    </row>
    <row r="39008" spans="1:10" x14ac:dyDescent="0.35">
      <c r="A39008" s="1" t="s">
        <v>110080</v>
      </c>
      <c r="B39008" s="1" t="s">
        <v>126612</v>
      </c>
      <c r="C39008" s="1" t="s">
        <v>8</v>
      </c>
      <c r="D39008" s="1" t="s">
        <v>65949</v>
      </c>
      <c r="E39008" s="1" t="s">
        <v>133829</v>
      </c>
      <c r="F39008" s="1" t="s">
        <v>133830</v>
      </c>
      <c r="G39008" s="1" t="s">
        <v>133831</v>
      </c>
      <c r="H39008" s="1" t="s">
        <v>133832</v>
      </c>
      <c r="I39008" s="1" t="s">
        <v>126615</v>
      </c>
      <c r="J39008" s="1" t="s">
        <v>13</v>
      </c>
    </row>
    <row r="39009" spans="1:10" x14ac:dyDescent="0.35">
      <c r="A39009" s="1" t="s">
        <v>110080</v>
      </c>
      <c r="B39009" s="1" t="s">
        <v>126612</v>
      </c>
      <c r="C39009" s="1" t="s">
        <v>15</v>
      </c>
      <c r="D39009" s="1" t="s">
        <v>87432</v>
      </c>
      <c r="E39009" s="1" t="s">
        <v>133833</v>
      </c>
      <c r="F39009" s="1" t="s">
        <v>133834</v>
      </c>
      <c r="G39009" s="1" t="s">
        <v>133831</v>
      </c>
      <c r="H39009" s="1" t="s">
        <v>133832</v>
      </c>
      <c r="I39009" s="1" t="s">
        <v>126615</v>
      </c>
      <c r="J39009" s="1" t="s">
        <v>133835</v>
      </c>
    </row>
    <row r="39010" spans="1:10" x14ac:dyDescent="0.35">
      <c r="A39010" s="1" t="s">
        <v>110080</v>
      </c>
      <c r="B39010" s="1" t="s">
        <v>126612</v>
      </c>
      <c r="C39010" s="1" t="s">
        <v>20</v>
      </c>
      <c r="D39010" s="1" t="s">
        <v>127182</v>
      </c>
      <c r="E39010" s="1" t="s">
        <v>133836</v>
      </c>
      <c r="F39010" s="1" t="s">
        <v>133837</v>
      </c>
      <c r="G39010" s="1" t="s">
        <v>133831</v>
      </c>
      <c r="H39010" s="1" t="s">
        <v>133832</v>
      </c>
      <c r="I39010" s="1" t="s">
        <v>126615</v>
      </c>
      <c r="J39010" s="1" t="s">
        <v>133838</v>
      </c>
    </row>
    <row r="39011" spans="1:10" x14ac:dyDescent="0.35">
      <c r="A39011" s="1" t="s">
        <v>110080</v>
      </c>
      <c r="B39011" s="1" t="s">
        <v>126612</v>
      </c>
      <c r="C39011" s="1" t="s">
        <v>25</v>
      </c>
      <c r="D39011" s="1" t="s">
        <v>133839</v>
      </c>
      <c r="E39011" s="1" t="s">
        <v>133840</v>
      </c>
      <c r="F39011" s="1" t="s">
        <v>133841</v>
      </c>
      <c r="G39011" s="1" t="s">
        <v>133831</v>
      </c>
      <c r="H39011" s="1" t="s">
        <v>133832</v>
      </c>
      <c r="I39011" s="1" t="s">
        <v>126615</v>
      </c>
      <c r="J39011" s="1" t="s">
        <v>133842</v>
      </c>
    </row>
    <row r="39012" spans="1:10" x14ac:dyDescent="0.35">
      <c r="A39012" s="1" t="s">
        <v>110080</v>
      </c>
      <c r="B39012" s="1" t="s">
        <v>126612</v>
      </c>
      <c r="C39012" s="1" t="s">
        <v>30</v>
      </c>
      <c r="D39012" s="1" t="s">
        <v>41351</v>
      </c>
      <c r="E39012" s="1" t="s">
        <v>133843</v>
      </c>
      <c r="F39012" s="1" t="s">
        <v>133844</v>
      </c>
      <c r="G39012" s="1" t="s">
        <v>133831</v>
      </c>
      <c r="H39012" s="1" t="s">
        <v>133832</v>
      </c>
      <c r="I39012" s="1" t="s">
        <v>126615</v>
      </c>
      <c r="J39012" s="1" t="s">
        <v>133845</v>
      </c>
    </row>
    <row r="39013" spans="1:10" x14ac:dyDescent="0.35">
      <c r="A39013" s="1" t="s">
        <v>110080</v>
      </c>
      <c r="B39013" s="1" t="s">
        <v>126612</v>
      </c>
      <c r="C39013" s="1" t="s">
        <v>35</v>
      </c>
      <c r="D39013" s="1" t="s">
        <v>133846</v>
      </c>
      <c r="E39013" s="1" t="s">
        <v>133847</v>
      </c>
      <c r="F39013" s="1" t="s">
        <v>133848</v>
      </c>
      <c r="G39013" s="1" t="s">
        <v>133831</v>
      </c>
      <c r="H39013" s="1" t="s">
        <v>133832</v>
      </c>
      <c r="I39013" s="1" t="s">
        <v>126615</v>
      </c>
      <c r="J39013" s="1" t="s">
        <v>133849</v>
      </c>
    </row>
    <row r="39014" spans="1:10" x14ac:dyDescent="0.35">
      <c r="A39014" s="1" t="s">
        <v>110080</v>
      </c>
      <c r="B39014" s="1" t="s">
        <v>126612</v>
      </c>
      <c r="C39014" s="1" t="s">
        <v>40</v>
      </c>
      <c r="D39014" s="1" t="s">
        <v>133850</v>
      </c>
      <c r="E39014" s="1" t="s">
        <v>133851</v>
      </c>
      <c r="F39014" s="1" t="s">
        <v>133852</v>
      </c>
      <c r="G39014" s="1" t="s">
        <v>133831</v>
      </c>
      <c r="H39014" s="1" t="s">
        <v>133832</v>
      </c>
      <c r="I39014" s="1" t="s">
        <v>126615</v>
      </c>
      <c r="J39014" s="1" t="s">
        <v>133853</v>
      </c>
    </row>
    <row r="39015" spans="1:10" x14ac:dyDescent="0.35">
      <c r="A39015" s="1" t="s">
        <v>110080</v>
      </c>
      <c r="B39015" s="1" t="s">
        <v>126612</v>
      </c>
      <c r="C39015" s="1" t="s">
        <v>45</v>
      </c>
      <c r="D39015" s="1" t="s">
        <v>133854</v>
      </c>
      <c r="E39015" s="1" t="s">
        <v>133855</v>
      </c>
      <c r="F39015" s="1" t="s">
        <v>133856</v>
      </c>
      <c r="G39015" s="1" t="s">
        <v>133831</v>
      </c>
      <c r="H39015" s="1" t="s">
        <v>133832</v>
      </c>
      <c r="I39015" s="1" t="s">
        <v>126615</v>
      </c>
      <c r="J39015" s="1" t="s">
        <v>133857</v>
      </c>
    </row>
    <row r="39016" spans="1:10" x14ac:dyDescent="0.35">
      <c r="A39016" s="1" t="s">
        <v>110080</v>
      </c>
      <c r="B39016" s="1" t="s">
        <v>126612</v>
      </c>
      <c r="C39016" s="1" t="s">
        <v>50</v>
      </c>
      <c r="D39016" s="1" t="s">
        <v>133858</v>
      </c>
      <c r="E39016" s="1" t="s">
        <v>133859</v>
      </c>
      <c r="F39016" s="1" t="s">
        <v>133860</v>
      </c>
      <c r="G39016" s="1" t="s">
        <v>133831</v>
      </c>
      <c r="H39016" s="1" t="s">
        <v>133832</v>
      </c>
      <c r="I39016" s="1" t="s">
        <v>126615</v>
      </c>
      <c r="J39016" s="1" t="s">
        <v>133861</v>
      </c>
    </row>
    <row r="39017" spans="1:10" x14ac:dyDescent="0.35">
      <c r="A39017" s="1" t="s">
        <v>110080</v>
      </c>
      <c r="B39017" s="1" t="s">
        <v>126612</v>
      </c>
      <c r="C39017" s="1" t="s">
        <v>55</v>
      </c>
      <c r="D39017" s="1" t="s">
        <v>133862</v>
      </c>
      <c r="E39017" s="1" t="s">
        <v>133863</v>
      </c>
      <c r="F39017" s="1" t="s">
        <v>133864</v>
      </c>
      <c r="G39017" s="1" t="s">
        <v>133831</v>
      </c>
      <c r="H39017" s="1" t="s">
        <v>133832</v>
      </c>
      <c r="I39017" s="1" t="s">
        <v>126615</v>
      </c>
      <c r="J39017" s="1" t="s">
        <v>133865</v>
      </c>
    </row>
    <row r="39018" spans="1:10" x14ac:dyDescent="0.35">
      <c r="A39018" s="1" t="s">
        <v>110080</v>
      </c>
      <c r="B39018" s="1" t="s">
        <v>126612</v>
      </c>
      <c r="C39018" s="1" t="s">
        <v>60</v>
      </c>
      <c r="D39018" s="1" t="s">
        <v>133866</v>
      </c>
      <c r="E39018" s="1" t="s">
        <v>133867</v>
      </c>
      <c r="F39018" s="1" t="s">
        <v>133868</v>
      </c>
      <c r="G39018" s="1" t="s">
        <v>133831</v>
      </c>
      <c r="H39018" s="1" t="s">
        <v>133832</v>
      </c>
      <c r="I39018" s="1" t="s">
        <v>126615</v>
      </c>
      <c r="J39018" s="1" t="s">
        <v>133869</v>
      </c>
    </row>
    <row r="39019" spans="1:10" x14ac:dyDescent="0.35">
      <c r="A39019" s="1" t="s">
        <v>110080</v>
      </c>
      <c r="B39019" s="1" t="s">
        <v>126612</v>
      </c>
      <c r="C39019" s="1" t="s">
        <v>65</v>
      </c>
      <c r="D39019" s="1" t="s">
        <v>133870</v>
      </c>
      <c r="E39019" s="1" t="s">
        <v>133871</v>
      </c>
      <c r="F39019" s="1" t="s">
        <v>133872</v>
      </c>
      <c r="G39019" s="1" t="s">
        <v>133831</v>
      </c>
      <c r="H39019" s="1" t="s">
        <v>133832</v>
      </c>
      <c r="I39019" s="1" t="s">
        <v>126615</v>
      </c>
      <c r="J39019" s="1" t="s">
        <v>133873</v>
      </c>
    </row>
    <row r="39020" spans="1:10" x14ac:dyDescent="0.35">
      <c r="A39020" s="1" t="s">
        <v>110080</v>
      </c>
      <c r="B39020" s="1" t="s">
        <v>126612</v>
      </c>
      <c r="C39020" s="1" t="s">
        <v>70</v>
      </c>
      <c r="D39020" s="1" t="s">
        <v>133874</v>
      </c>
      <c r="E39020" s="1" t="s">
        <v>133875</v>
      </c>
      <c r="F39020" s="1" t="s">
        <v>133876</v>
      </c>
      <c r="G39020" s="1" t="s">
        <v>133831</v>
      </c>
      <c r="H39020" s="1" t="s">
        <v>133832</v>
      </c>
      <c r="I39020" s="1" t="s">
        <v>126615</v>
      </c>
      <c r="J39020" s="1" t="s">
        <v>133877</v>
      </c>
    </row>
    <row r="39021" spans="1:10" x14ac:dyDescent="0.35">
      <c r="A39021" s="1" t="s">
        <v>110080</v>
      </c>
      <c r="B39021" s="1" t="s">
        <v>126612</v>
      </c>
      <c r="C39021" s="1" t="s">
        <v>75</v>
      </c>
      <c r="D39021" s="1" t="s">
        <v>131394</v>
      </c>
      <c r="E39021" s="1" t="s">
        <v>133878</v>
      </c>
      <c r="F39021" s="1" t="s">
        <v>133879</v>
      </c>
      <c r="G39021" s="1" t="s">
        <v>133831</v>
      </c>
      <c r="H39021" s="1" t="s">
        <v>133832</v>
      </c>
      <c r="I39021" s="1" t="s">
        <v>126615</v>
      </c>
      <c r="J39021" s="1" t="s">
        <v>133880</v>
      </c>
    </row>
    <row r="39022" spans="1:10" x14ac:dyDescent="0.35">
      <c r="A39022" s="1" t="s">
        <v>110080</v>
      </c>
      <c r="B39022" s="1" t="s">
        <v>126612</v>
      </c>
      <c r="C39022" s="1" t="s">
        <v>80</v>
      </c>
      <c r="D39022" s="1" t="s">
        <v>133881</v>
      </c>
      <c r="E39022" s="1" t="s">
        <v>133882</v>
      </c>
      <c r="F39022" s="1" t="s">
        <v>133883</v>
      </c>
      <c r="G39022" s="1" t="s">
        <v>133831</v>
      </c>
      <c r="H39022" s="1" t="s">
        <v>133832</v>
      </c>
      <c r="I39022" s="1" t="s">
        <v>126615</v>
      </c>
      <c r="J39022" s="1" t="s">
        <v>133884</v>
      </c>
    </row>
    <row r="39023" spans="1:10" x14ac:dyDescent="0.35">
      <c r="A39023" s="1" t="s">
        <v>110080</v>
      </c>
      <c r="B39023" s="1" t="s">
        <v>126612</v>
      </c>
      <c r="C39023" s="1" t="s">
        <v>85</v>
      </c>
      <c r="D39023" s="1" t="s">
        <v>133885</v>
      </c>
      <c r="E39023" s="1" t="s">
        <v>133886</v>
      </c>
      <c r="F39023" s="1" t="s">
        <v>133887</v>
      </c>
      <c r="G39023" s="1" t="s">
        <v>133831</v>
      </c>
      <c r="H39023" s="1" t="s">
        <v>133832</v>
      </c>
      <c r="I39023" s="1" t="s">
        <v>126615</v>
      </c>
      <c r="J39023" s="1" t="s">
        <v>133888</v>
      </c>
    </row>
    <row r="39024" spans="1:10" x14ac:dyDescent="0.35">
      <c r="A39024" s="1" t="s">
        <v>110080</v>
      </c>
      <c r="B39024" s="1" t="s">
        <v>126612</v>
      </c>
      <c r="C39024" s="1" t="s">
        <v>90</v>
      </c>
      <c r="D39024" s="1" t="s">
        <v>133889</v>
      </c>
      <c r="E39024" s="1" t="s">
        <v>133890</v>
      </c>
      <c r="F39024" s="1" t="s">
        <v>133891</v>
      </c>
      <c r="G39024" s="1" t="s">
        <v>133831</v>
      </c>
      <c r="H39024" s="1" t="s">
        <v>133832</v>
      </c>
      <c r="I39024" s="1" t="s">
        <v>126615</v>
      </c>
      <c r="J39024" s="1" t="s">
        <v>133892</v>
      </c>
    </row>
    <row r="39025" spans="1:10" x14ac:dyDescent="0.35">
      <c r="A39025" s="1" t="s">
        <v>110080</v>
      </c>
      <c r="B39025" s="1" t="s">
        <v>126612</v>
      </c>
      <c r="C39025" s="1" t="s">
        <v>95</v>
      </c>
      <c r="D39025" s="1" t="s">
        <v>69512</v>
      </c>
      <c r="E39025" s="1" t="s">
        <v>133893</v>
      </c>
      <c r="F39025" s="1" t="s">
        <v>133894</v>
      </c>
      <c r="G39025" s="1" t="s">
        <v>133831</v>
      </c>
      <c r="H39025" s="1" t="s">
        <v>133832</v>
      </c>
      <c r="I39025" s="1" t="s">
        <v>126615</v>
      </c>
      <c r="J39025" s="1" t="s">
        <v>133895</v>
      </c>
    </row>
    <row r="39026" spans="1:10" x14ac:dyDescent="0.35">
      <c r="A39026" s="1" t="s">
        <v>110080</v>
      </c>
      <c r="B39026" s="1" t="s">
        <v>126612</v>
      </c>
      <c r="C39026" s="1" t="s">
        <v>100</v>
      </c>
      <c r="D39026" s="1" t="s">
        <v>23329</v>
      </c>
      <c r="E39026" s="1" t="s">
        <v>133896</v>
      </c>
      <c r="F39026" s="1" t="s">
        <v>133897</v>
      </c>
      <c r="G39026" s="1" t="s">
        <v>133831</v>
      </c>
      <c r="H39026" s="1" t="s">
        <v>133832</v>
      </c>
      <c r="I39026" s="1" t="s">
        <v>126615</v>
      </c>
      <c r="J39026" s="1" t="s">
        <v>133898</v>
      </c>
    </row>
    <row r="39027" spans="1:10" x14ac:dyDescent="0.35">
      <c r="A39027" s="1" t="s">
        <v>110080</v>
      </c>
      <c r="B39027" s="1" t="s">
        <v>126612</v>
      </c>
      <c r="C39027" s="1" t="s">
        <v>105</v>
      </c>
      <c r="D39027" s="1" t="s">
        <v>133899</v>
      </c>
      <c r="E39027" s="1" t="s">
        <v>133900</v>
      </c>
      <c r="F39027" s="1" t="s">
        <v>133901</v>
      </c>
      <c r="G39027" s="1" t="s">
        <v>133831</v>
      </c>
      <c r="H39027" s="1" t="s">
        <v>133832</v>
      </c>
      <c r="I39027" s="1" t="s">
        <v>126615</v>
      </c>
      <c r="J39027" s="1" t="s">
        <v>133902</v>
      </c>
    </row>
    <row r="39028" spans="1:10" x14ac:dyDescent="0.35">
      <c r="A39028" s="1" t="s">
        <v>110080</v>
      </c>
      <c r="B39028" s="1" t="s">
        <v>126612</v>
      </c>
      <c r="C39028" s="1" t="s">
        <v>110</v>
      </c>
      <c r="D39028" s="1" t="s">
        <v>133903</v>
      </c>
      <c r="E39028" s="1" t="s">
        <v>133904</v>
      </c>
      <c r="F39028" s="1" t="s">
        <v>133905</v>
      </c>
      <c r="G39028" s="1" t="s">
        <v>133831</v>
      </c>
      <c r="H39028" s="1" t="s">
        <v>133832</v>
      </c>
      <c r="I39028" s="1" t="s">
        <v>126615</v>
      </c>
      <c r="J39028" s="1" t="s">
        <v>133906</v>
      </c>
    </row>
    <row r="39029" spans="1:10" x14ac:dyDescent="0.35">
      <c r="A39029" s="1" t="s">
        <v>110080</v>
      </c>
      <c r="B39029" s="1" t="s">
        <v>126612</v>
      </c>
      <c r="C39029" s="1" t="s">
        <v>115</v>
      </c>
      <c r="D39029" s="1" t="s">
        <v>105907</v>
      </c>
      <c r="E39029" s="1" t="s">
        <v>133907</v>
      </c>
      <c r="F39029" s="1" t="s">
        <v>133908</v>
      </c>
      <c r="G39029" s="1" t="s">
        <v>133831</v>
      </c>
      <c r="H39029" s="1" t="s">
        <v>133832</v>
      </c>
      <c r="I39029" s="1" t="s">
        <v>126615</v>
      </c>
      <c r="J39029" s="1" t="s">
        <v>133909</v>
      </c>
    </row>
    <row r="39030" spans="1:10" x14ac:dyDescent="0.35">
      <c r="A39030" s="1" t="s">
        <v>110080</v>
      </c>
      <c r="B39030" s="1" t="s">
        <v>126612</v>
      </c>
      <c r="C39030" s="1" t="s">
        <v>120</v>
      </c>
      <c r="D39030" s="1" t="s">
        <v>133910</v>
      </c>
      <c r="E39030" s="1" t="s">
        <v>133911</v>
      </c>
      <c r="F39030" s="1" t="s">
        <v>133912</v>
      </c>
      <c r="G39030" s="1" t="s">
        <v>133831</v>
      </c>
      <c r="H39030" s="1" t="s">
        <v>133832</v>
      </c>
      <c r="I39030" s="1" t="s">
        <v>126615</v>
      </c>
      <c r="J39030" s="1" t="s">
        <v>133913</v>
      </c>
    </row>
    <row r="39031" spans="1:10" x14ac:dyDescent="0.35">
      <c r="A39031" s="1" t="s">
        <v>110080</v>
      </c>
      <c r="B39031" s="1" t="s">
        <v>126612</v>
      </c>
      <c r="C39031" s="1" t="s">
        <v>125</v>
      </c>
      <c r="D39031" s="1" t="s">
        <v>40526</v>
      </c>
      <c r="E39031" s="1" t="s">
        <v>133914</v>
      </c>
      <c r="F39031" s="1" t="s">
        <v>133915</v>
      </c>
      <c r="G39031" s="1" t="s">
        <v>133831</v>
      </c>
      <c r="H39031" s="1" t="s">
        <v>133832</v>
      </c>
      <c r="I39031" s="1" t="s">
        <v>126615</v>
      </c>
      <c r="J39031" s="1" t="s">
        <v>133916</v>
      </c>
    </row>
    <row r="39032" spans="1:10" x14ac:dyDescent="0.35">
      <c r="A39032" s="1" t="s">
        <v>110080</v>
      </c>
      <c r="B39032" s="1" t="s">
        <v>126612</v>
      </c>
      <c r="C39032" s="1" t="s">
        <v>130</v>
      </c>
      <c r="D39032" s="1" t="s">
        <v>133917</v>
      </c>
      <c r="E39032" s="1" t="s">
        <v>133918</v>
      </c>
      <c r="F39032" s="1" t="s">
        <v>133919</v>
      </c>
      <c r="G39032" s="1" t="s">
        <v>133831</v>
      </c>
      <c r="H39032" s="1" t="s">
        <v>133832</v>
      </c>
      <c r="I39032" s="1" t="s">
        <v>126615</v>
      </c>
      <c r="J39032" s="1" t="s">
        <v>133920</v>
      </c>
    </row>
    <row r="39033" spans="1:10" x14ac:dyDescent="0.35">
      <c r="A39033" s="1" t="s">
        <v>110080</v>
      </c>
      <c r="B39033" s="1" t="s">
        <v>126612</v>
      </c>
      <c r="C39033" s="1" t="s">
        <v>135</v>
      </c>
      <c r="D39033" s="1" t="s">
        <v>133921</v>
      </c>
      <c r="E39033" s="1" t="s">
        <v>133922</v>
      </c>
      <c r="F39033" s="1" t="s">
        <v>133923</v>
      </c>
      <c r="G39033" s="1" t="s">
        <v>133831</v>
      </c>
      <c r="H39033" s="1" t="s">
        <v>133832</v>
      </c>
      <c r="I39033" s="1" t="s">
        <v>126615</v>
      </c>
      <c r="J39033" s="1" t="s">
        <v>133924</v>
      </c>
    </row>
    <row r="39034" spans="1:10" x14ac:dyDescent="0.35">
      <c r="A39034" s="1" t="s">
        <v>110080</v>
      </c>
      <c r="B39034" s="1" t="s">
        <v>126612</v>
      </c>
      <c r="C39034" s="1" t="s">
        <v>140</v>
      </c>
      <c r="D39034" s="1" t="s">
        <v>133925</v>
      </c>
      <c r="E39034" s="1" t="s">
        <v>133926</v>
      </c>
      <c r="F39034" s="1" t="s">
        <v>133927</v>
      </c>
      <c r="G39034" s="1" t="s">
        <v>133831</v>
      </c>
      <c r="H39034" s="1" t="s">
        <v>133832</v>
      </c>
      <c r="I39034" s="1" t="s">
        <v>126615</v>
      </c>
      <c r="J39034" s="1" t="s">
        <v>133928</v>
      </c>
    </row>
    <row r="39035" spans="1:10" x14ac:dyDescent="0.35">
      <c r="A39035" s="1" t="s">
        <v>110080</v>
      </c>
      <c r="B39035" s="1" t="s">
        <v>126612</v>
      </c>
      <c r="C39035" s="1" t="s">
        <v>145</v>
      </c>
      <c r="D39035" s="1" t="s">
        <v>133929</v>
      </c>
      <c r="E39035" s="1" t="s">
        <v>133930</v>
      </c>
      <c r="F39035" s="1" t="s">
        <v>133931</v>
      </c>
      <c r="G39035" s="1" t="s">
        <v>133831</v>
      </c>
      <c r="H39035" s="1" t="s">
        <v>133832</v>
      </c>
      <c r="I39035" s="1" t="s">
        <v>126615</v>
      </c>
      <c r="J39035" s="1" t="s">
        <v>133932</v>
      </c>
    </row>
    <row r="39036" spans="1:10" x14ac:dyDescent="0.35">
      <c r="A39036" s="1" t="s">
        <v>110080</v>
      </c>
      <c r="B39036" s="1" t="s">
        <v>126612</v>
      </c>
      <c r="C39036" s="1" t="s">
        <v>150</v>
      </c>
      <c r="D39036" s="1" t="s">
        <v>133933</v>
      </c>
      <c r="E39036" s="1" t="s">
        <v>133934</v>
      </c>
      <c r="F39036" s="1" t="s">
        <v>133935</v>
      </c>
      <c r="G39036" s="1" t="s">
        <v>133831</v>
      </c>
      <c r="H39036" s="1" t="s">
        <v>133832</v>
      </c>
      <c r="I39036" s="1" t="s">
        <v>126615</v>
      </c>
      <c r="J39036" s="1" t="s">
        <v>133936</v>
      </c>
    </row>
    <row r="39037" spans="1:10" x14ac:dyDescent="0.35">
      <c r="A39037" s="1" t="s">
        <v>110080</v>
      </c>
      <c r="B39037" s="1" t="s">
        <v>126612</v>
      </c>
      <c r="C39037" s="1" t="s">
        <v>155</v>
      </c>
      <c r="D39037" s="1" t="s">
        <v>27258</v>
      </c>
      <c r="E39037" s="1" t="s">
        <v>133937</v>
      </c>
      <c r="F39037" s="1" t="s">
        <v>133938</v>
      </c>
      <c r="G39037" s="1" t="s">
        <v>133831</v>
      </c>
      <c r="H39037" s="1" t="s">
        <v>133832</v>
      </c>
      <c r="I39037" s="1" t="s">
        <v>126615</v>
      </c>
      <c r="J39037" s="1" t="s">
        <v>133939</v>
      </c>
    </row>
    <row r="39038" spans="1:10" x14ac:dyDescent="0.35">
      <c r="A39038" s="1" t="s">
        <v>110080</v>
      </c>
      <c r="B39038" s="1" t="s">
        <v>126612</v>
      </c>
      <c r="C39038" s="1" t="s">
        <v>160</v>
      </c>
      <c r="D39038" s="1" t="s">
        <v>56858</v>
      </c>
      <c r="E39038" s="1" t="s">
        <v>133940</v>
      </c>
      <c r="F39038" s="1" t="s">
        <v>133941</v>
      </c>
      <c r="G39038" s="1" t="s">
        <v>133831</v>
      </c>
      <c r="H39038" s="1" t="s">
        <v>133832</v>
      </c>
      <c r="I39038" s="1" t="s">
        <v>126615</v>
      </c>
      <c r="J39038" s="1" t="s">
        <v>133942</v>
      </c>
    </row>
    <row r="39039" spans="1:10" x14ac:dyDescent="0.35">
      <c r="A39039" s="1" t="s">
        <v>110080</v>
      </c>
      <c r="B39039" s="1" t="s">
        <v>126612</v>
      </c>
      <c r="C39039" s="1" t="s">
        <v>165</v>
      </c>
      <c r="D39039" s="1" t="s">
        <v>133943</v>
      </c>
      <c r="E39039" s="1" t="s">
        <v>133944</v>
      </c>
      <c r="F39039" s="1" t="s">
        <v>133945</v>
      </c>
      <c r="G39039" s="1" t="s">
        <v>133831</v>
      </c>
      <c r="H39039" s="1" t="s">
        <v>133832</v>
      </c>
      <c r="I39039" s="1" t="s">
        <v>126615</v>
      </c>
      <c r="J39039" s="1" t="s">
        <v>133946</v>
      </c>
    </row>
    <row r="39040" spans="1:10" x14ac:dyDescent="0.35">
      <c r="A39040" s="1" t="s">
        <v>110080</v>
      </c>
      <c r="B39040" s="1" t="s">
        <v>126612</v>
      </c>
      <c r="C39040" s="1" t="s">
        <v>170</v>
      </c>
      <c r="D39040" s="1" t="s">
        <v>133947</v>
      </c>
      <c r="E39040" s="1" t="s">
        <v>133948</v>
      </c>
      <c r="F39040" s="1" t="s">
        <v>133949</v>
      </c>
      <c r="G39040" s="1" t="s">
        <v>133831</v>
      </c>
      <c r="H39040" s="1" t="s">
        <v>133832</v>
      </c>
      <c r="I39040" s="1" t="s">
        <v>126615</v>
      </c>
      <c r="J39040" s="1" t="s">
        <v>133950</v>
      </c>
    </row>
    <row r="39041" spans="1:10" x14ac:dyDescent="0.35">
      <c r="A39041" s="1" t="s">
        <v>13906</v>
      </c>
      <c r="B39041" s="1" t="s">
        <v>126612</v>
      </c>
      <c r="C39041" s="1" t="s">
        <v>8</v>
      </c>
      <c r="D39041" s="1" t="s">
        <v>133951</v>
      </c>
      <c r="E39041" s="1" t="s">
        <v>133952</v>
      </c>
      <c r="F39041" s="1" t="s">
        <v>133953</v>
      </c>
      <c r="G39041" s="1" t="s">
        <v>133954</v>
      </c>
      <c r="H39041" s="1" t="s">
        <v>133955</v>
      </c>
      <c r="I39041" s="1" t="s">
        <v>126615</v>
      </c>
      <c r="J39041" s="1" t="s">
        <v>13</v>
      </c>
    </row>
    <row r="39042" spans="1:10" x14ac:dyDescent="0.35">
      <c r="A39042" s="1" t="s">
        <v>13906</v>
      </c>
      <c r="B39042" s="1" t="s">
        <v>126612</v>
      </c>
      <c r="C39042" s="1" t="s">
        <v>15</v>
      </c>
      <c r="D39042" s="1" t="s">
        <v>58345</v>
      </c>
      <c r="E39042" s="1" t="s">
        <v>54747</v>
      </c>
      <c r="F39042" s="1" t="s">
        <v>133956</v>
      </c>
      <c r="G39042" s="1" t="s">
        <v>133954</v>
      </c>
      <c r="H39042" s="1" t="s">
        <v>133955</v>
      </c>
      <c r="I39042" s="1" t="s">
        <v>126615</v>
      </c>
      <c r="J39042" s="1" t="s">
        <v>133957</v>
      </c>
    </row>
    <row r="39043" spans="1:10" x14ac:dyDescent="0.35">
      <c r="A39043" s="1" t="s">
        <v>13906</v>
      </c>
      <c r="B39043" s="1" t="s">
        <v>126612</v>
      </c>
      <c r="C39043" s="1" t="s">
        <v>20</v>
      </c>
      <c r="D39043" s="1" t="s">
        <v>17324</v>
      </c>
      <c r="E39043" s="1" t="s">
        <v>56046</v>
      </c>
      <c r="F39043" s="1" t="s">
        <v>133958</v>
      </c>
      <c r="G39043" s="1" t="s">
        <v>133954</v>
      </c>
      <c r="H39043" s="1" t="s">
        <v>133955</v>
      </c>
      <c r="I39043" s="1" t="s">
        <v>126615</v>
      </c>
      <c r="J39043" s="1" t="s">
        <v>133959</v>
      </c>
    </row>
    <row r="39044" spans="1:10" x14ac:dyDescent="0.35">
      <c r="A39044" s="1" t="s">
        <v>13906</v>
      </c>
      <c r="B39044" s="1" t="s">
        <v>126612</v>
      </c>
      <c r="C39044" s="1" t="s">
        <v>25</v>
      </c>
      <c r="D39044" s="1" t="s">
        <v>57817</v>
      </c>
      <c r="E39044" s="1" t="s">
        <v>12853</v>
      </c>
      <c r="F39044" s="1" t="s">
        <v>133960</v>
      </c>
      <c r="G39044" s="1" t="s">
        <v>133954</v>
      </c>
      <c r="H39044" s="1" t="s">
        <v>133955</v>
      </c>
      <c r="I39044" s="1" t="s">
        <v>126615</v>
      </c>
      <c r="J39044" s="1" t="s">
        <v>133961</v>
      </c>
    </row>
    <row r="39045" spans="1:10" x14ac:dyDescent="0.35">
      <c r="A39045" s="1" t="s">
        <v>13906</v>
      </c>
      <c r="B39045" s="1" t="s">
        <v>126612</v>
      </c>
      <c r="C39045" s="1" t="s">
        <v>30</v>
      </c>
      <c r="D39045" s="1" t="s">
        <v>97447</v>
      </c>
      <c r="E39045" s="1" t="s">
        <v>31472</v>
      </c>
      <c r="F39045" s="1" t="s">
        <v>133962</v>
      </c>
      <c r="G39045" s="1" t="s">
        <v>133954</v>
      </c>
      <c r="H39045" s="1" t="s">
        <v>133955</v>
      </c>
      <c r="I39045" s="1" t="s">
        <v>126615</v>
      </c>
      <c r="J39045" s="1" t="s">
        <v>133963</v>
      </c>
    </row>
    <row r="39046" spans="1:10" x14ac:dyDescent="0.35">
      <c r="A39046" s="1" t="s">
        <v>13906</v>
      </c>
      <c r="B39046" s="1" t="s">
        <v>126612</v>
      </c>
      <c r="C39046" s="1" t="s">
        <v>35</v>
      </c>
      <c r="D39046" s="1" t="s">
        <v>78390</v>
      </c>
      <c r="E39046" s="1" t="s">
        <v>12821</v>
      </c>
      <c r="F39046" s="1" t="s">
        <v>133964</v>
      </c>
      <c r="G39046" s="1" t="s">
        <v>133954</v>
      </c>
      <c r="H39046" s="1" t="s">
        <v>133955</v>
      </c>
      <c r="I39046" s="1" t="s">
        <v>126615</v>
      </c>
      <c r="J39046" s="1" t="s">
        <v>133965</v>
      </c>
    </row>
    <row r="39047" spans="1:10" x14ac:dyDescent="0.35">
      <c r="A39047" s="1" t="s">
        <v>13906</v>
      </c>
      <c r="B39047" s="1" t="s">
        <v>126612</v>
      </c>
      <c r="C39047" s="1" t="s">
        <v>40</v>
      </c>
      <c r="D39047" s="1" t="s">
        <v>133966</v>
      </c>
      <c r="E39047" s="1" t="s">
        <v>41188</v>
      </c>
      <c r="F39047" s="1" t="s">
        <v>133967</v>
      </c>
      <c r="G39047" s="1" t="s">
        <v>133954</v>
      </c>
      <c r="H39047" s="1" t="s">
        <v>133955</v>
      </c>
      <c r="I39047" s="1" t="s">
        <v>126615</v>
      </c>
      <c r="J39047" s="1" t="s">
        <v>133968</v>
      </c>
    </row>
    <row r="39048" spans="1:10" x14ac:dyDescent="0.35">
      <c r="A39048" s="1" t="s">
        <v>13906</v>
      </c>
      <c r="B39048" s="1" t="s">
        <v>126612</v>
      </c>
      <c r="C39048" s="1" t="s">
        <v>45</v>
      </c>
      <c r="D39048" s="1" t="s">
        <v>66444</v>
      </c>
      <c r="E39048" s="1" t="s">
        <v>62948</v>
      </c>
      <c r="F39048" s="1" t="s">
        <v>23907</v>
      </c>
      <c r="G39048" s="1" t="s">
        <v>133954</v>
      </c>
      <c r="H39048" s="1" t="s">
        <v>133955</v>
      </c>
      <c r="I39048" s="1" t="s">
        <v>126615</v>
      </c>
      <c r="J39048" s="1" t="s">
        <v>133969</v>
      </c>
    </row>
    <row r="39049" spans="1:10" x14ac:dyDescent="0.35">
      <c r="A39049" s="1" t="s">
        <v>13906</v>
      </c>
      <c r="B39049" s="1" t="s">
        <v>126612</v>
      </c>
      <c r="C39049" s="1" t="s">
        <v>50</v>
      </c>
      <c r="D39049" s="1" t="s">
        <v>133970</v>
      </c>
      <c r="E39049" s="1" t="s">
        <v>32384</v>
      </c>
      <c r="F39049" s="1" t="s">
        <v>133971</v>
      </c>
      <c r="G39049" s="1" t="s">
        <v>133954</v>
      </c>
      <c r="H39049" s="1" t="s">
        <v>133955</v>
      </c>
      <c r="I39049" s="1" t="s">
        <v>126615</v>
      </c>
      <c r="J39049" s="1" t="s">
        <v>133972</v>
      </c>
    </row>
    <row r="39050" spans="1:10" x14ac:dyDescent="0.35">
      <c r="A39050" s="1" t="s">
        <v>13906</v>
      </c>
      <c r="B39050" s="1" t="s">
        <v>126612</v>
      </c>
      <c r="C39050" s="1" t="s">
        <v>55</v>
      </c>
      <c r="D39050" s="1" t="s">
        <v>21703</v>
      </c>
      <c r="E39050" s="1" t="s">
        <v>57099</v>
      </c>
      <c r="F39050" s="1" t="s">
        <v>133973</v>
      </c>
      <c r="G39050" s="1" t="s">
        <v>133954</v>
      </c>
      <c r="H39050" s="1" t="s">
        <v>133955</v>
      </c>
      <c r="I39050" s="1" t="s">
        <v>126615</v>
      </c>
      <c r="J39050" s="1" t="s">
        <v>133974</v>
      </c>
    </row>
    <row r="39051" spans="1:10" x14ac:dyDescent="0.35">
      <c r="A39051" s="1" t="s">
        <v>13906</v>
      </c>
      <c r="B39051" s="1" t="s">
        <v>126612</v>
      </c>
      <c r="C39051" s="1" t="s">
        <v>60</v>
      </c>
      <c r="D39051" s="1" t="s">
        <v>133975</v>
      </c>
      <c r="E39051" s="1" t="s">
        <v>32090</v>
      </c>
      <c r="F39051" s="1" t="s">
        <v>133976</v>
      </c>
      <c r="G39051" s="1" t="s">
        <v>133954</v>
      </c>
      <c r="H39051" s="1" t="s">
        <v>133955</v>
      </c>
      <c r="I39051" s="1" t="s">
        <v>126615</v>
      </c>
      <c r="J39051" s="1" t="s">
        <v>133977</v>
      </c>
    </row>
    <row r="39052" spans="1:10" x14ac:dyDescent="0.35">
      <c r="A39052" s="1" t="s">
        <v>13906</v>
      </c>
      <c r="B39052" s="1" t="s">
        <v>126612</v>
      </c>
      <c r="C39052" s="1" t="s">
        <v>65</v>
      </c>
      <c r="D39052" s="1" t="s">
        <v>133978</v>
      </c>
      <c r="E39052" s="1" t="s">
        <v>21985</v>
      </c>
      <c r="F39052" s="1" t="s">
        <v>133979</v>
      </c>
      <c r="G39052" s="1" t="s">
        <v>133954</v>
      </c>
      <c r="H39052" s="1" t="s">
        <v>133955</v>
      </c>
      <c r="I39052" s="1" t="s">
        <v>126615</v>
      </c>
      <c r="J39052" s="1" t="s">
        <v>133980</v>
      </c>
    </row>
    <row r="39053" spans="1:10" x14ac:dyDescent="0.35">
      <c r="A39053" s="1" t="s">
        <v>13906</v>
      </c>
      <c r="B39053" s="1" t="s">
        <v>126612</v>
      </c>
      <c r="C39053" s="1" t="s">
        <v>70</v>
      </c>
      <c r="D39053" s="1" t="s">
        <v>38948</v>
      </c>
      <c r="E39053" s="1" t="s">
        <v>26592</v>
      </c>
      <c r="F39053" s="1" t="s">
        <v>133981</v>
      </c>
      <c r="G39053" s="1" t="s">
        <v>133954</v>
      </c>
      <c r="H39053" s="1" t="s">
        <v>133955</v>
      </c>
      <c r="I39053" s="1" t="s">
        <v>126615</v>
      </c>
      <c r="J39053" s="1" t="s">
        <v>133982</v>
      </c>
    </row>
    <row r="39054" spans="1:10" x14ac:dyDescent="0.35">
      <c r="A39054" s="1" t="s">
        <v>13906</v>
      </c>
      <c r="B39054" s="1" t="s">
        <v>126612</v>
      </c>
      <c r="C39054" s="1" t="s">
        <v>75</v>
      </c>
      <c r="D39054" s="1" t="s">
        <v>133983</v>
      </c>
      <c r="E39054" s="1" t="s">
        <v>27111</v>
      </c>
      <c r="F39054" s="1" t="s">
        <v>133984</v>
      </c>
      <c r="G39054" s="1" t="s">
        <v>133954</v>
      </c>
      <c r="H39054" s="1" t="s">
        <v>133955</v>
      </c>
      <c r="I39054" s="1" t="s">
        <v>126615</v>
      </c>
      <c r="J39054" s="1" t="s">
        <v>133985</v>
      </c>
    </row>
    <row r="39055" spans="1:10" x14ac:dyDescent="0.35">
      <c r="A39055" s="1" t="s">
        <v>13906</v>
      </c>
      <c r="B39055" s="1" t="s">
        <v>126612</v>
      </c>
      <c r="C39055" s="1" t="s">
        <v>80</v>
      </c>
      <c r="D39055" s="1" t="s">
        <v>133986</v>
      </c>
      <c r="E39055" s="1" t="s">
        <v>60740</v>
      </c>
      <c r="F39055" s="1" t="s">
        <v>133987</v>
      </c>
      <c r="G39055" s="1" t="s">
        <v>133954</v>
      </c>
      <c r="H39055" s="1" t="s">
        <v>133955</v>
      </c>
      <c r="I39055" s="1" t="s">
        <v>126615</v>
      </c>
      <c r="J39055" s="1" t="s">
        <v>133988</v>
      </c>
    </row>
    <row r="39056" spans="1:10" x14ac:dyDescent="0.35">
      <c r="A39056" s="1" t="s">
        <v>13906</v>
      </c>
      <c r="B39056" s="1" t="s">
        <v>126612</v>
      </c>
      <c r="C39056" s="1" t="s">
        <v>85</v>
      </c>
      <c r="D39056" s="1" t="s">
        <v>133989</v>
      </c>
      <c r="E39056" s="1" t="s">
        <v>56923</v>
      </c>
      <c r="F39056" s="1" t="s">
        <v>133990</v>
      </c>
      <c r="G39056" s="1" t="s">
        <v>133954</v>
      </c>
      <c r="H39056" s="1" t="s">
        <v>133955</v>
      </c>
      <c r="I39056" s="1" t="s">
        <v>126615</v>
      </c>
      <c r="J39056" s="1" t="s">
        <v>133991</v>
      </c>
    </row>
    <row r="39057" spans="1:10" x14ac:dyDescent="0.35">
      <c r="A39057" s="1" t="s">
        <v>13906</v>
      </c>
      <c r="B39057" s="1" t="s">
        <v>126612</v>
      </c>
      <c r="C39057" s="1" t="s">
        <v>90</v>
      </c>
      <c r="D39057" s="1" t="s">
        <v>133992</v>
      </c>
      <c r="E39057" s="1" t="s">
        <v>23187</v>
      </c>
      <c r="F39057" s="1" t="s">
        <v>133993</v>
      </c>
      <c r="G39057" s="1" t="s">
        <v>133954</v>
      </c>
      <c r="H39057" s="1" t="s">
        <v>133955</v>
      </c>
      <c r="I39057" s="1" t="s">
        <v>126615</v>
      </c>
      <c r="J39057" s="1" t="s">
        <v>133994</v>
      </c>
    </row>
    <row r="39058" spans="1:10" x14ac:dyDescent="0.35">
      <c r="A39058" s="1" t="s">
        <v>13906</v>
      </c>
      <c r="B39058" s="1" t="s">
        <v>126612</v>
      </c>
      <c r="C39058" s="1" t="s">
        <v>95</v>
      </c>
      <c r="D39058" s="1" t="s">
        <v>133995</v>
      </c>
      <c r="E39058" s="1" t="s">
        <v>26592</v>
      </c>
      <c r="F39058" s="1" t="s">
        <v>133996</v>
      </c>
      <c r="G39058" s="1" t="s">
        <v>133954</v>
      </c>
      <c r="H39058" s="1" t="s">
        <v>133955</v>
      </c>
      <c r="I39058" s="1" t="s">
        <v>126615</v>
      </c>
      <c r="J39058" s="1" t="s">
        <v>133997</v>
      </c>
    </row>
    <row r="39059" spans="1:10" x14ac:dyDescent="0.35">
      <c r="A39059" s="1" t="s">
        <v>13906</v>
      </c>
      <c r="B39059" s="1" t="s">
        <v>126612</v>
      </c>
      <c r="C39059" s="1" t="s">
        <v>100</v>
      </c>
      <c r="D39059" s="1" t="s">
        <v>133998</v>
      </c>
      <c r="E39059" s="1" t="s">
        <v>59709</v>
      </c>
      <c r="F39059" s="1" t="s">
        <v>133999</v>
      </c>
      <c r="G39059" s="1" t="s">
        <v>133954</v>
      </c>
      <c r="H39059" s="1" t="s">
        <v>133955</v>
      </c>
      <c r="I39059" s="1" t="s">
        <v>126615</v>
      </c>
      <c r="J39059" s="1" t="s">
        <v>134000</v>
      </c>
    </row>
    <row r="39060" spans="1:10" x14ac:dyDescent="0.35">
      <c r="A39060" s="1" t="s">
        <v>13906</v>
      </c>
      <c r="B39060" s="1" t="s">
        <v>126612</v>
      </c>
      <c r="C39060" s="1" t="s">
        <v>105</v>
      </c>
      <c r="D39060" s="1" t="s">
        <v>134001</v>
      </c>
      <c r="E39060" s="1" t="s">
        <v>32557</v>
      </c>
      <c r="F39060" s="1" t="s">
        <v>134002</v>
      </c>
      <c r="G39060" s="1" t="s">
        <v>133954</v>
      </c>
      <c r="H39060" s="1" t="s">
        <v>133955</v>
      </c>
      <c r="I39060" s="1" t="s">
        <v>126615</v>
      </c>
      <c r="J39060" s="1" t="s">
        <v>134003</v>
      </c>
    </row>
    <row r="39061" spans="1:10" x14ac:dyDescent="0.35">
      <c r="A39061" s="1" t="s">
        <v>13906</v>
      </c>
      <c r="B39061" s="1" t="s">
        <v>126612</v>
      </c>
      <c r="C39061" s="1" t="s">
        <v>110</v>
      </c>
      <c r="D39061" s="1" t="s">
        <v>134004</v>
      </c>
      <c r="E39061" s="1" t="s">
        <v>32407</v>
      </c>
      <c r="F39061" s="1" t="s">
        <v>134005</v>
      </c>
      <c r="G39061" s="1" t="s">
        <v>133954</v>
      </c>
      <c r="H39061" s="1" t="s">
        <v>133955</v>
      </c>
      <c r="I39061" s="1" t="s">
        <v>126615</v>
      </c>
      <c r="J39061" s="1" t="s">
        <v>134006</v>
      </c>
    </row>
    <row r="39062" spans="1:10" x14ac:dyDescent="0.35">
      <c r="A39062" s="1" t="s">
        <v>13906</v>
      </c>
      <c r="B39062" s="1" t="s">
        <v>126612</v>
      </c>
      <c r="C39062" s="1" t="s">
        <v>115</v>
      </c>
      <c r="D39062" s="1" t="s">
        <v>134007</v>
      </c>
      <c r="E39062" s="1" t="s">
        <v>15407</v>
      </c>
      <c r="F39062" s="1" t="s">
        <v>134008</v>
      </c>
      <c r="G39062" s="1" t="s">
        <v>133954</v>
      </c>
      <c r="H39062" s="1" t="s">
        <v>133955</v>
      </c>
      <c r="I39062" s="1" t="s">
        <v>126615</v>
      </c>
      <c r="J39062" s="1" t="s">
        <v>134009</v>
      </c>
    </row>
    <row r="39063" spans="1:10" x14ac:dyDescent="0.35">
      <c r="A39063" s="1" t="s">
        <v>13906</v>
      </c>
      <c r="B39063" s="1" t="s">
        <v>126612</v>
      </c>
      <c r="C39063" s="1" t="s">
        <v>120</v>
      </c>
      <c r="D39063" s="1" t="s">
        <v>134010</v>
      </c>
      <c r="E39063" s="1" t="s">
        <v>26539</v>
      </c>
      <c r="F39063" s="1" t="s">
        <v>111531</v>
      </c>
      <c r="G39063" s="1" t="s">
        <v>133954</v>
      </c>
      <c r="H39063" s="1" t="s">
        <v>133955</v>
      </c>
      <c r="I39063" s="1" t="s">
        <v>126615</v>
      </c>
      <c r="J39063" s="1" t="s">
        <v>134011</v>
      </c>
    </row>
    <row r="39064" spans="1:10" x14ac:dyDescent="0.35">
      <c r="A39064" s="1" t="s">
        <v>13906</v>
      </c>
      <c r="B39064" s="1" t="s">
        <v>126612</v>
      </c>
      <c r="C39064" s="1" t="s">
        <v>125</v>
      </c>
      <c r="D39064" s="1" t="s">
        <v>131630</v>
      </c>
      <c r="E39064" s="1" t="s">
        <v>26600</v>
      </c>
      <c r="F39064" s="1" t="s">
        <v>134012</v>
      </c>
      <c r="G39064" s="1" t="s">
        <v>133954</v>
      </c>
      <c r="H39064" s="1" t="s">
        <v>133955</v>
      </c>
      <c r="I39064" s="1" t="s">
        <v>126615</v>
      </c>
      <c r="J39064" s="1" t="s">
        <v>134013</v>
      </c>
    </row>
    <row r="39065" spans="1:10" x14ac:dyDescent="0.35">
      <c r="A39065" s="1" t="s">
        <v>13906</v>
      </c>
      <c r="B39065" s="1" t="s">
        <v>126612</v>
      </c>
      <c r="C39065" s="1" t="s">
        <v>130</v>
      </c>
      <c r="D39065" s="1" t="s">
        <v>134014</v>
      </c>
      <c r="E39065" s="1" t="s">
        <v>24209</v>
      </c>
      <c r="F39065" s="1" t="s">
        <v>28132</v>
      </c>
      <c r="G39065" s="1" t="s">
        <v>133954</v>
      </c>
      <c r="H39065" s="1" t="s">
        <v>133955</v>
      </c>
      <c r="I39065" s="1" t="s">
        <v>126615</v>
      </c>
      <c r="J39065" s="1" t="s">
        <v>134015</v>
      </c>
    </row>
    <row r="39066" spans="1:10" x14ac:dyDescent="0.35">
      <c r="A39066" s="1" t="s">
        <v>13906</v>
      </c>
      <c r="B39066" s="1" t="s">
        <v>126612</v>
      </c>
      <c r="C39066" s="1" t="s">
        <v>135</v>
      </c>
      <c r="D39066" s="1" t="s">
        <v>134016</v>
      </c>
      <c r="E39066" s="1" t="s">
        <v>31972</v>
      </c>
      <c r="F39066" s="1" t="s">
        <v>134017</v>
      </c>
      <c r="G39066" s="1" t="s">
        <v>133954</v>
      </c>
      <c r="H39066" s="1" t="s">
        <v>133955</v>
      </c>
      <c r="I39066" s="1" t="s">
        <v>126615</v>
      </c>
      <c r="J39066" s="1" t="s">
        <v>134018</v>
      </c>
    </row>
    <row r="39067" spans="1:10" x14ac:dyDescent="0.35">
      <c r="A39067" s="1" t="s">
        <v>13906</v>
      </c>
      <c r="B39067" s="1" t="s">
        <v>126612</v>
      </c>
      <c r="C39067" s="1" t="s">
        <v>140</v>
      </c>
      <c r="D39067" s="1" t="s">
        <v>87436</v>
      </c>
      <c r="E39067" s="1" t="s">
        <v>31717</v>
      </c>
      <c r="F39067" s="1" t="s">
        <v>134019</v>
      </c>
      <c r="G39067" s="1" t="s">
        <v>133954</v>
      </c>
      <c r="H39067" s="1" t="s">
        <v>133955</v>
      </c>
      <c r="I39067" s="1" t="s">
        <v>126615</v>
      </c>
      <c r="J39067" s="1" t="s">
        <v>134020</v>
      </c>
    </row>
    <row r="39068" spans="1:10" x14ac:dyDescent="0.35">
      <c r="A39068" s="1" t="s">
        <v>13906</v>
      </c>
      <c r="B39068" s="1" t="s">
        <v>126612</v>
      </c>
      <c r="C39068" s="1" t="s">
        <v>145</v>
      </c>
      <c r="D39068" s="1" t="s">
        <v>134021</v>
      </c>
      <c r="E39068" s="1" t="s">
        <v>56472</v>
      </c>
      <c r="F39068" s="1" t="s">
        <v>134022</v>
      </c>
      <c r="G39068" s="1" t="s">
        <v>133954</v>
      </c>
      <c r="H39068" s="1" t="s">
        <v>133955</v>
      </c>
      <c r="I39068" s="1" t="s">
        <v>126615</v>
      </c>
      <c r="J39068" s="1" t="s">
        <v>134023</v>
      </c>
    </row>
    <row r="39069" spans="1:10" x14ac:dyDescent="0.35">
      <c r="A39069" s="1" t="s">
        <v>13906</v>
      </c>
      <c r="B39069" s="1" t="s">
        <v>126612</v>
      </c>
      <c r="C39069" s="1" t="s">
        <v>150</v>
      </c>
      <c r="D39069" s="1" t="s">
        <v>134024</v>
      </c>
      <c r="E39069" s="1" t="s">
        <v>64074</v>
      </c>
      <c r="F39069" s="1" t="s">
        <v>134025</v>
      </c>
      <c r="G39069" s="1" t="s">
        <v>133954</v>
      </c>
      <c r="H39069" s="1" t="s">
        <v>133955</v>
      </c>
      <c r="I39069" s="1" t="s">
        <v>126615</v>
      </c>
      <c r="J39069" s="1" t="s">
        <v>134026</v>
      </c>
    </row>
    <row r="39070" spans="1:10" x14ac:dyDescent="0.35">
      <c r="A39070" s="1" t="s">
        <v>13906</v>
      </c>
      <c r="B39070" s="1" t="s">
        <v>126612</v>
      </c>
      <c r="C39070" s="1" t="s">
        <v>155</v>
      </c>
      <c r="D39070" s="1" t="s">
        <v>134027</v>
      </c>
      <c r="E39070" s="1" t="s">
        <v>32573</v>
      </c>
      <c r="F39070" s="1" t="s">
        <v>134028</v>
      </c>
      <c r="G39070" s="1" t="s">
        <v>133954</v>
      </c>
      <c r="H39070" s="1" t="s">
        <v>133955</v>
      </c>
      <c r="I39070" s="1" t="s">
        <v>126615</v>
      </c>
      <c r="J39070" s="1" t="s">
        <v>134029</v>
      </c>
    </row>
    <row r="39071" spans="1:10" x14ac:dyDescent="0.35">
      <c r="A39071" s="1" t="s">
        <v>13906</v>
      </c>
      <c r="B39071" s="1" t="s">
        <v>126612</v>
      </c>
      <c r="C39071" s="1" t="s">
        <v>160</v>
      </c>
      <c r="D39071" s="1" t="s">
        <v>134030</v>
      </c>
      <c r="E39071" s="1" t="s">
        <v>32919</v>
      </c>
      <c r="F39071" s="1" t="s">
        <v>134031</v>
      </c>
      <c r="G39071" s="1" t="s">
        <v>133954</v>
      </c>
      <c r="H39071" s="1" t="s">
        <v>133955</v>
      </c>
      <c r="I39071" s="1" t="s">
        <v>126615</v>
      </c>
      <c r="J39071" s="1" t="s">
        <v>134032</v>
      </c>
    </row>
    <row r="39072" spans="1:10" x14ac:dyDescent="0.35">
      <c r="A39072" s="1" t="s">
        <v>13906</v>
      </c>
      <c r="B39072" s="1" t="s">
        <v>126612</v>
      </c>
      <c r="C39072" s="1" t="s">
        <v>165</v>
      </c>
      <c r="D39072" s="1" t="s">
        <v>134033</v>
      </c>
      <c r="E39072" s="1" t="s">
        <v>26576</v>
      </c>
      <c r="F39072" s="1" t="s">
        <v>134034</v>
      </c>
      <c r="G39072" s="1" t="s">
        <v>133954</v>
      </c>
      <c r="H39072" s="1" t="s">
        <v>133955</v>
      </c>
      <c r="I39072" s="1" t="s">
        <v>126615</v>
      </c>
      <c r="J39072" s="1" t="s">
        <v>134035</v>
      </c>
    </row>
    <row r="39073" spans="1:10" x14ac:dyDescent="0.35">
      <c r="A39073" s="1" t="s">
        <v>13906</v>
      </c>
      <c r="B39073" s="1" t="s">
        <v>126612</v>
      </c>
      <c r="C39073" s="1" t="s">
        <v>170</v>
      </c>
      <c r="D39073" s="1" t="s">
        <v>134036</v>
      </c>
      <c r="E39073" s="1" t="s">
        <v>26284</v>
      </c>
      <c r="F39073" s="1" t="s">
        <v>134037</v>
      </c>
      <c r="G39073" s="1" t="s">
        <v>133954</v>
      </c>
      <c r="H39073" s="1" t="s">
        <v>133955</v>
      </c>
      <c r="I39073" s="1" t="s">
        <v>126615</v>
      </c>
      <c r="J39073" s="1" t="s">
        <v>134038</v>
      </c>
    </row>
    <row r="39074" spans="1:10" x14ac:dyDescent="0.35">
      <c r="A39074" s="1" t="s">
        <v>47185</v>
      </c>
      <c r="B39074" s="1" t="s">
        <v>126612</v>
      </c>
      <c r="C39074" s="1" t="s">
        <v>8</v>
      </c>
      <c r="D39074" s="1" t="s">
        <v>11151</v>
      </c>
      <c r="E39074" s="1" t="s">
        <v>134039</v>
      </c>
      <c r="F39074" s="1" t="s">
        <v>100913</v>
      </c>
      <c r="G39074" s="1" t="s">
        <v>134040</v>
      </c>
      <c r="H39074" s="1" t="s">
        <v>134041</v>
      </c>
      <c r="I39074" s="1" t="s">
        <v>126615</v>
      </c>
      <c r="J39074" s="1" t="s">
        <v>13</v>
      </c>
    </row>
    <row r="39075" spans="1:10" x14ac:dyDescent="0.35">
      <c r="A39075" s="1" t="s">
        <v>47185</v>
      </c>
      <c r="B39075" s="1" t="s">
        <v>126612</v>
      </c>
      <c r="C39075" s="1" t="s">
        <v>15</v>
      </c>
      <c r="D39075" s="1" t="s">
        <v>84838</v>
      </c>
      <c r="E39075" s="1" t="s">
        <v>65423</v>
      </c>
      <c r="F39075" s="1" t="s">
        <v>134042</v>
      </c>
      <c r="G39075" s="1" t="s">
        <v>134040</v>
      </c>
      <c r="H39075" s="1" t="s">
        <v>134041</v>
      </c>
      <c r="I39075" s="1" t="s">
        <v>126615</v>
      </c>
      <c r="J39075" s="1" t="s">
        <v>134043</v>
      </c>
    </row>
    <row r="39076" spans="1:10" x14ac:dyDescent="0.35">
      <c r="A39076" s="1" t="s">
        <v>47185</v>
      </c>
      <c r="B39076" s="1" t="s">
        <v>126612</v>
      </c>
      <c r="C39076" s="1" t="s">
        <v>20</v>
      </c>
      <c r="D39076" s="1" t="s">
        <v>58841</v>
      </c>
      <c r="E39076" s="1" t="s">
        <v>134044</v>
      </c>
      <c r="F39076" s="1" t="s">
        <v>134045</v>
      </c>
      <c r="G39076" s="1" t="s">
        <v>134040</v>
      </c>
      <c r="H39076" s="1" t="s">
        <v>134041</v>
      </c>
      <c r="I39076" s="1" t="s">
        <v>126615</v>
      </c>
      <c r="J39076" s="1" t="s">
        <v>134046</v>
      </c>
    </row>
    <row r="39077" spans="1:10" x14ac:dyDescent="0.35">
      <c r="A39077" s="1" t="s">
        <v>47185</v>
      </c>
      <c r="B39077" s="1" t="s">
        <v>126612</v>
      </c>
      <c r="C39077" s="1" t="s">
        <v>25</v>
      </c>
      <c r="D39077" s="1" t="s">
        <v>60916</v>
      </c>
      <c r="E39077" s="1" t="s">
        <v>58124</v>
      </c>
      <c r="F39077" s="1" t="s">
        <v>134047</v>
      </c>
      <c r="G39077" s="1" t="s">
        <v>134040</v>
      </c>
      <c r="H39077" s="1" t="s">
        <v>134041</v>
      </c>
      <c r="I39077" s="1" t="s">
        <v>126615</v>
      </c>
      <c r="J39077" s="1" t="s">
        <v>134048</v>
      </c>
    </row>
    <row r="39078" spans="1:10" x14ac:dyDescent="0.35">
      <c r="A39078" s="1" t="s">
        <v>47185</v>
      </c>
      <c r="B39078" s="1" t="s">
        <v>126612</v>
      </c>
      <c r="C39078" s="1" t="s">
        <v>30</v>
      </c>
      <c r="D39078" s="1" t="s">
        <v>132288</v>
      </c>
      <c r="E39078" s="1" t="s">
        <v>15691</v>
      </c>
      <c r="F39078" s="1" t="s">
        <v>134049</v>
      </c>
      <c r="G39078" s="1" t="s">
        <v>134040</v>
      </c>
      <c r="H39078" s="1" t="s">
        <v>134041</v>
      </c>
      <c r="I39078" s="1" t="s">
        <v>126615</v>
      </c>
      <c r="J39078" s="1" t="s">
        <v>134050</v>
      </c>
    </row>
    <row r="39079" spans="1:10" x14ac:dyDescent="0.35">
      <c r="A39079" s="1" t="s">
        <v>47185</v>
      </c>
      <c r="B39079" s="1" t="s">
        <v>126612</v>
      </c>
      <c r="C39079" s="1" t="s">
        <v>35</v>
      </c>
      <c r="D39079" s="1" t="s">
        <v>130054</v>
      </c>
      <c r="E39079" s="1" t="s">
        <v>56468</v>
      </c>
      <c r="F39079" s="1" t="s">
        <v>134051</v>
      </c>
      <c r="G39079" s="1" t="s">
        <v>134040</v>
      </c>
      <c r="H39079" s="1" t="s">
        <v>134041</v>
      </c>
      <c r="I39079" s="1" t="s">
        <v>126615</v>
      </c>
      <c r="J39079" s="1" t="s">
        <v>134052</v>
      </c>
    </row>
    <row r="39080" spans="1:10" x14ac:dyDescent="0.35">
      <c r="A39080" s="1" t="s">
        <v>47185</v>
      </c>
      <c r="B39080" s="1" t="s">
        <v>126612</v>
      </c>
      <c r="C39080" s="1" t="s">
        <v>40</v>
      </c>
      <c r="D39080" s="1" t="s">
        <v>134053</v>
      </c>
      <c r="E39080" s="1" t="s">
        <v>54118</v>
      </c>
      <c r="F39080" s="1" t="s">
        <v>131649</v>
      </c>
      <c r="G39080" s="1" t="s">
        <v>134040</v>
      </c>
      <c r="H39080" s="1" t="s">
        <v>134041</v>
      </c>
      <c r="I39080" s="1" t="s">
        <v>126615</v>
      </c>
      <c r="J39080" s="1" t="s">
        <v>134054</v>
      </c>
    </row>
    <row r="39081" spans="1:10" x14ac:dyDescent="0.35">
      <c r="A39081" s="1" t="s">
        <v>47185</v>
      </c>
      <c r="B39081" s="1" t="s">
        <v>126612</v>
      </c>
      <c r="C39081" s="1" t="s">
        <v>45</v>
      </c>
      <c r="D39081" s="1" t="s">
        <v>134055</v>
      </c>
      <c r="E39081" s="1" t="s">
        <v>100278</v>
      </c>
      <c r="F39081" s="1" t="s">
        <v>134056</v>
      </c>
      <c r="G39081" s="1" t="s">
        <v>134040</v>
      </c>
      <c r="H39081" s="1" t="s">
        <v>134041</v>
      </c>
      <c r="I39081" s="1" t="s">
        <v>126615</v>
      </c>
      <c r="J39081" s="1" t="s">
        <v>134057</v>
      </c>
    </row>
    <row r="39082" spans="1:10" x14ac:dyDescent="0.35">
      <c r="A39082" s="1" t="s">
        <v>47185</v>
      </c>
      <c r="B39082" s="1" t="s">
        <v>126612</v>
      </c>
      <c r="C39082" s="1" t="s">
        <v>50</v>
      </c>
      <c r="D39082" s="1" t="s">
        <v>134058</v>
      </c>
      <c r="E39082" s="1" t="s">
        <v>31514</v>
      </c>
      <c r="F39082" s="1" t="s">
        <v>134059</v>
      </c>
      <c r="G39082" s="1" t="s">
        <v>134040</v>
      </c>
      <c r="H39082" s="1" t="s">
        <v>134041</v>
      </c>
      <c r="I39082" s="1" t="s">
        <v>126615</v>
      </c>
      <c r="J39082" s="1" t="s">
        <v>134060</v>
      </c>
    </row>
    <row r="39083" spans="1:10" x14ac:dyDescent="0.35">
      <c r="A39083" s="1" t="s">
        <v>47185</v>
      </c>
      <c r="B39083" s="1" t="s">
        <v>126612</v>
      </c>
      <c r="C39083" s="1" t="s">
        <v>55</v>
      </c>
      <c r="D39083" s="1" t="s">
        <v>134061</v>
      </c>
      <c r="E39083" s="1" t="s">
        <v>108791</v>
      </c>
      <c r="F39083" s="1" t="s">
        <v>134062</v>
      </c>
      <c r="G39083" s="1" t="s">
        <v>134040</v>
      </c>
      <c r="H39083" s="1" t="s">
        <v>134041</v>
      </c>
      <c r="I39083" s="1" t="s">
        <v>126615</v>
      </c>
      <c r="J39083" s="1" t="s">
        <v>134063</v>
      </c>
    </row>
    <row r="39084" spans="1:10" x14ac:dyDescent="0.35">
      <c r="A39084" s="1" t="s">
        <v>47185</v>
      </c>
      <c r="B39084" s="1" t="s">
        <v>126612</v>
      </c>
      <c r="C39084" s="1" t="s">
        <v>60</v>
      </c>
      <c r="D39084" s="1" t="s">
        <v>22933</v>
      </c>
      <c r="E39084" s="1" t="s">
        <v>134064</v>
      </c>
      <c r="F39084" s="1" t="s">
        <v>134065</v>
      </c>
      <c r="G39084" s="1" t="s">
        <v>134040</v>
      </c>
      <c r="H39084" s="1" t="s">
        <v>134041</v>
      </c>
      <c r="I39084" s="1" t="s">
        <v>126615</v>
      </c>
      <c r="J39084" s="1" t="s">
        <v>134066</v>
      </c>
    </row>
    <row r="39085" spans="1:10" x14ac:dyDescent="0.35">
      <c r="A39085" s="1" t="s">
        <v>47185</v>
      </c>
      <c r="B39085" s="1" t="s">
        <v>126612</v>
      </c>
      <c r="C39085" s="1" t="s">
        <v>65</v>
      </c>
      <c r="D39085" s="1" t="s">
        <v>134067</v>
      </c>
      <c r="E39085" s="1" t="s">
        <v>60831</v>
      </c>
      <c r="F39085" s="1" t="s">
        <v>134068</v>
      </c>
      <c r="G39085" s="1" t="s">
        <v>134040</v>
      </c>
      <c r="H39085" s="1" t="s">
        <v>134041</v>
      </c>
      <c r="I39085" s="1" t="s">
        <v>126615</v>
      </c>
      <c r="J39085" s="1" t="s">
        <v>134069</v>
      </c>
    </row>
    <row r="39086" spans="1:10" x14ac:dyDescent="0.35">
      <c r="A39086" s="1" t="s">
        <v>47185</v>
      </c>
      <c r="B39086" s="1" t="s">
        <v>126612</v>
      </c>
      <c r="C39086" s="1" t="s">
        <v>70</v>
      </c>
      <c r="D39086" s="1" t="s">
        <v>134070</v>
      </c>
      <c r="E39086" s="1" t="s">
        <v>134071</v>
      </c>
      <c r="F39086" s="1" t="s">
        <v>134072</v>
      </c>
      <c r="G39086" s="1" t="s">
        <v>134040</v>
      </c>
      <c r="H39086" s="1" t="s">
        <v>134041</v>
      </c>
      <c r="I39086" s="1" t="s">
        <v>126615</v>
      </c>
      <c r="J39086" s="1" t="s">
        <v>134073</v>
      </c>
    </row>
    <row r="39087" spans="1:10" x14ac:dyDescent="0.35">
      <c r="A39087" s="1" t="s">
        <v>47185</v>
      </c>
      <c r="B39087" s="1" t="s">
        <v>126612</v>
      </c>
      <c r="C39087" s="1" t="s">
        <v>75</v>
      </c>
      <c r="D39087" s="1" t="s">
        <v>79423</v>
      </c>
      <c r="E39087" s="1" t="s">
        <v>26292</v>
      </c>
      <c r="F39087" s="1" t="s">
        <v>134074</v>
      </c>
      <c r="G39087" s="1" t="s">
        <v>134040</v>
      </c>
      <c r="H39087" s="1" t="s">
        <v>134041</v>
      </c>
      <c r="I39087" s="1" t="s">
        <v>126615</v>
      </c>
      <c r="J39087" s="1" t="s">
        <v>134075</v>
      </c>
    </row>
    <row r="39088" spans="1:10" x14ac:dyDescent="0.35">
      <c r="A39088" s="1" t="s">
        <v>47185</v>
      </c>
      <c r="B39088" s="1" t="s">
        <v>126612</v>
      </c>
      <c r="C39088" s="1" t="s">
        <v>80</v>
      </c>
      <c r="D39088" s="1" t="s">
        <v>85033</v>
      </c>
      <c r="E39088" s="1" t="s">
        <v>127013</v>
      </c>
      <c r="F39088" s="1" t="s">
        <v>134076</v>
      </c>
      <c r="G39088" s="1" t="s">
        <v>134040</v>
      </c>
      <c r="H39088" s="1" t="s">
        <v>134041</v>
      </c>
      <c r="I39088" s="1" t="s">
        <v>126615</v>
      </c>
      <c r="J39088" s="1" t="s">
        <v>134077</v>
      </c>
    </row>
    <row r="39089" spans="1:10" x14ac:dyDescent="0.35">
      <c r="A39089" s="1" t="s">
        <v>47185</v>
      </c>
      <c r="B39089" s="1" t="s">
        <v>126612</v>
      </c>
      <c r="C39089" s="1" t="s">
        <v>85</v>
      </c>
      <c r="D39089" s="1" t="s">
        <v>134078</v>
      </c>
      <c r="E39089" s="1" t="s">
        <v>54165</v>
      </c>
      <c r="F39089" s="1" t="s">
        <v>134079</v>
      </c>
      <c r="G39089" s="1" t="s">
        <v>134040</v>
      </c>
      <c r="H39089" s="1" t="s">
        <v>134041</v>
      </c>
      <c r="I39089" s="1" t="s">
        <v>126615</v>
      </c>
      <c r="J39089" s="1" t="s">
        <v>134080</v>
      </c>
    </row>
    <row r="39090" spans="1:10" x14ac:dyDescent="0.35">
      <c r="A39090" s="1" t="s">
        <v>47185</v>
      </c>
      <c r="B39090" s="1" t="s">
        <v>126612</v>
      </c>
      <c r="C39090" s="1" t="s">
        <v>90</v>
      </c>
      <c r="D39090" s="1" t="s">
        <v>134081</v>
      </c>
      <c r="E39090" s="1" t="s">
        <v>134082</v>
      </c>
      <c r="F39090" s="1" t="s">
        <v>134083</v>
      </c>
      <c r="G39090" s="1" t="s">
        <v>134040</v>
      </c>
      <c r="H39090" s="1" t="s">
        <v>134041</v>
      </c>
      <c r="I39090" s="1" t="s">
        <v>126615</v>
      </c>
      <c r="J39090" s="1" t="s">
        <v>134084</v>
      </c>
    </row>
    <row r="39091" spans="1:10" x14ac:dyDescent="0.35">
      <c r="A39091" s="1" t="s">
        <v>47185</v>
      </c>
      <c r="B39091" s="1" t="s">
        <v>126612</v>
      </c>
      <c r="C39091" s="1" t="s">
        <v>95</v>
      </c>
      <c r="D39091" s="1" t="s">
        <v>134085</v>
      </c>
      <c r="E39091" s="1" t="s">
        <v>19900</v>
      </c>
      <c r="F39091" s="1" t="s">
        <v>65674</v>
      </c>
      <c r="G39091" s="1" t="s">
        <v>134040</v>
      </c>
      <c r="H39091" s="1" t="s">
        <v>134041</v>
      </c>
      <c r="I39091" s="1" t="s">
        <v>126615</v>
      </c>
      <c r="J39091" s="1" t="s">
        <v>134086</v>
      </c>
    </row>
    <row r="39092" spans="1:10" x14ac:dyDescent="0.35">
      <c r="A39092" s="1" t="s">
        <v>47185</v>
      </c>
      <c r="B39092" s="1" t="s">
        <v>126612</v>
      </c>
      <c r="C39092" s="1" t="s">
        <v>100</v>
      </c>
      <c r="D39092" s="1" t="s">
        <v>23881</v>
      </c>
      <c r="E39092" s="1" t="s">
        <v>60856</v>
      </c>
      <c r="F39092" s="1" t="s">
        <v>134087</v>
      </c>
      <c r="G39092" s="1" t="s">
        <v>134040</v>
      </c>
      <c r="H39092" s="1" t="s">
        <v>134041</v>
      </c>
      <c r="I39092" s="1" t="s">
        <v>126615</v>
      </c>
      <c r="J39092" s="1" t="s">
        <v>134088</v>
      </c>
    </row>
    <row r="39093" spans="1:10" x14ac:dyDescent="0.35">
      <c r="A39093" s="1" t="s">
        <v>47185</v>
      </c>
      <c r="B39093" s="1" t="s">
        <v>126612</v>
      </c>
      <c r="C39093" s="1" t="s">
        <v>105</v>
      </c>
      <c r="D39093" s="1" t="s">
        <v>134089</v>
      </c>
      <c r="E39093" s="1" t="s">
        <v>100710</v>
      </c>
      <c r="F39093" s="1" t="s">
        <v>134090</v>
      </c>
      <c r="G39093" s="1" t="s">
        <v>134040</v>
      </c>
      <c r="H39093" s="1" t="s">
        <v>134041</v>
      </c>
      <c r="I39093" s="1" t="s">
        <v>126615</v>
      </c>
      <c r="J39093" s="1" t="s">
        <v>134091</v>
      </c>
    </row>
    <row r="39094" spans="1:10" x14ac:dyDescent="0.35">
      <c r="A39094" s="1" t="s">
        <v>47185</v>
      </c>
      <c r="B39094" s="1" t="s">
        <v>126612</v>
      </c>
      <c r="C39094" s="1" t="s">
        <v>110</v>
      </c>
      <c r="D39094" s="1" t="s">
        <v>40510</v>
      </c>
      <c r="E39094" s="1" t="s">
        <v>65423</v>
      </c>
      <c r="F39094" s="1" t="s">
        <v>134092</v>
      </c>
      <c r="G39094" s="1" t="s">
        <v>134040</v>
      </c>
      <c r="H39094" s="1" t="s">
        <v>134041</v>
      </c>
      <c r="I39094" s="1" t="s">
        <v>126615</v>
      </c>
      <c r="J39094" s="1" t="s">
        <v>134093</v>
      </c>
    </row>
    <row r="39095" spans="1:10" x14ac:dyDescent="0.35">
      <c r="A39095" s="1" t="s">
        <v>47185</v>
      </c>
      <c r="B39095" s="1" t="s">
        <v>126612</v>
      </c>
      <c r="C39095" s="1" t="s">
        <v>115</v>
      </c>
      <c r="D39095" s="1" t="s">
        <v>134094</v>
      </c>
      <c r="E39095" s="1" t="s">
        <v>130312</v>
      </c>
      <c r="F39095" s="1" t="s">
        <v>134095</v>
      </c>
      <c r="G39095" s="1" t="s">
        <v>134040</v>
      </c>
      <c r="H39095" s="1" t="s">
        <v>134041</v>
      </c>
      <c r="I39095" s="1" t="s">
        <v>126615</v>
      </c>
      <c r="J39095" s="1" t="s">
        <v>134096</v>
      </c>
    </row>
    <row r="39096" spans="1:10" x14ac:dyDescent="0.35">
      <c r="A39096" s="1" t="s">
        <v>47185</v>
      </c>
      <c r="B39096" s="1" t="s">
        <v>126612</v>
      </c>
      <c r="C39096" s="1" t="s">
        <v>120</v>
      </c>
      <c r="D39096" s="1" t="s">
        <v>134097</v>
      </c>
      <c r="E39096" s="1" t="s">
        <v>105170</v>
      </c>
      <c r="F39096" s="1" t="s">
        <v>110176</v>
      </c>
      <c r="G39096" s="1" t="s">
        <v>134040</v>
      </c>
      <c r="H39096" s="1" t="s">
        <v>134041</v>
      </c>
      <c r="I39096" s="1" t="s">
        <v>126615</v>
      </c>
      <c r="J39096" s="1" t="s">
        <v>134098</v>
      </c>
    </row>
    <row r="39097" spans="1:10" x14ac:dyDescent="0.35">
      <c r="A39097" s="1" t="s">
        <v>47185</v>
      </c>
      <c r="B39097" s="1" t="s">
        <v>126612</v>
      </c>
      <c r="C39097" s="1" t="s">
        <v>125</v>
      </c>
      <c r="D39097" s="1" t="s">
        <v>134099</v>
      </c>
      <c r="E39097" s="1" t="s">
        <v>96591</v>
      </c>
      <c r="F39097" s="1" t="s">
        <v>134100</v>
      </c>
      <c r="G39097" s="1" t="s">
        <v>134040</v>
      </c>
      <c r="H39097" s="1" t="s">
        <v>134041</v>
      </c>
      <c r="I39097" s="1" t="s">
        <v>126615</v>
      </c>
      <c r="J39097" s="1" t="s">
        <v>134101</v>
      </c>
    </row>
    <row r="39098" spans="1:10" x14ac:dyDescent="0.35">
      <c r="A39098" s="1" t="s">
        <v>47185</v>
      </c>
      <c r="B39098" s="1" t="s">
        <v>126612</v>
      </c>
      <c r="C39098" s="1" t="s">
        <v>130</v>
      </c>
      <c r="D39098" s="1" t="s">
        <v>134102</v>
      </c>
      <c r="E39098" s="1" t="s">
        <v>32994</v>
      </c>
      <c r="F39098" s="1" t="s">
        <v>134103</v>
      </c>
      <c r="G39098" s="1" t="s">
        <v>134040</v>
      </c>
      <c r="H39098" s="1" t="s">
        <v>134041</v>
      </c>
      <c r="I39098" s="1" t="s">
        <v>126615</v>
      </c>
      <c r="J39098" s="1" t="s">
        <v>134104</v>
      </c>
    </row>
    <row r="39099" spans="1:10" x14ac:dyDescent="0.35">
      <c r="A39099" s="1" t="s">
        <v>47185</v>
      </c>
      <c r="B39099" s="1" t="s">
        <v>126612</v>
      </c>
      <c r="C39099" s="1" t="s">
        <v>135</v>
      </c>
      <c r="D39099" s="1" t="s">
        <v>134105</v>
      </c>
      <c r="E39099" s="1" t="s">
        <v>134106</v>
      </c>
      <c r="F39099" s="1" t="s">
        <v>134107</v>
      </c>
      <c r="G39099" s="1" t="s">
        <v>134040</v>
      </c>
      <c r="H39099" s="1" t="s">
        <v>134041</v>
      </c>
      <c r="I39099" s="1" t="s">
        <v>126615</v>
      </c>
      <c r="J39099" s="1" t="s">
        <v>134108</v>
      </c>
    </row>
    <row r="39100" spans="1:10" x14ac:dyDescent="0.35">
      <c r="A39100" s="1" t="s">
        <v>47185</v>
      </c>
      <c r="B39100" s="1" t="s">
        <v>126612</v>
      </c>
      <c r="C39100" s="1" t="s">
        <v>140</v>
      </c>
      <c r="D39100" s="1" t="s">
        <v>134109</v>
      </c>
      <c r="E39100" s="1" t="s">
        <v>105190</v>
      </c>
      <c r="F39100" s="1" t="s">
        <v>134110</v>
      </c>
      <c r="G39100" s="1" t="s">
        <v>134040</v>
      </c>
      <c r="H39100" s="1" t="s">
        <v>134041</v>
      </c>
      <c r="I39100" s="1" t="s">
        <v>126615</v>
      </c>
      <c r="J39100" s="1" t="s">
        <v>134111</v>
      </c>
    </row>
    <row r="39101" spans="1:10" x14ac:dyDescent="0.35">
      <c r="A39101" s="1" t="s">
        <v>47185</v>
      </c>
      <c r="B39101" s="1" t="s">
        <v>126612</v>
      </c>
      <c r="C39101" s="1" t="s">
        <v>145</v>
      </c>
      <c r="D39101" s="1" t="s">
        <v>134112</v>
      </c>
      <c r="E39101" s="1" t="s">
        <v>70884</v>
      </c>
      <c r="F39101" s="1" t="s">
        <v>134113</v>
      </c>
      <c r="G39101" s="1" t="s">
        <v>134040</v>
      </c>
      <c r="H39101" s="1" t="s">
        <v>134041</v>
      </c>
      <c r="I39101" s="1" t="s">
        <v>126615</v>
      </c>
      <c r="J39101" s="1" t="s">
        <v>134114</v>
      </c>
    </row>
    <row r="39102" spans="1:10" x14ac:dyDescent="0.35">
      <c r="A39102" s="1" t="s">
        <v>47185</v>
      </c>
      <c r="B39102" s="1" t="s">
        <v>126612</v>
      </c>
      <c r="C39102" s="1" t="s">
        <v>150</v>
      </c>
      <c r="D39102" s="1" t="s">
        <v>134115</v>
      </c>
      <c r="E39102" s="1" t="s">
        <v>58663</v>
      </c>
      <c r="F39102" s="1" t="s">
        <v>134116</v>
      </c>
      <c r="G39102" s="1" t="s">
        <v>134040</v>
      </c>
      <c r="H39102" s="1" t="s">
        <v>134041</v>
      </c>
      <c r="I39102" s="1" t="s">
        <v>126615</v>
      </c>
      <c r="J39102" s="1" t="s">
        <v>134117</v>
      </c>
    </row>
    <row r="39103" spans="1:10" x14ac:dyDescent="0.35">
      <c r="A39103" s="1" t="s">
        <v>47185</v>
      </c>
      <c r="B39103" s="1" t="s">
        <v>126612</v>
      </c>
      <c r="C39103" s="1" t="s">
        <v>155</v>
      </c>
      <c r="D39103" s="1" t="s">
        <v>62716</v>
      </c>
      <c r="E39103" s="1" t="s">
        <v>108683</v>
      </c>
      <c r="F39103" s="1" t="s">
        <v>134118</v>
      </c>
      <c r="G39103" s="1" t="s">
        <v>134040</v>
      </c>
      <c r="H39103" s="1" t="s">
        <v>134041</v>
      </c>
      <c r="I39103" s="1" t="s">
        <v>126615</v>
      </c>
      <c r="J39103" s="1" t="s">
        <v>134119</v>
      </c>
    </row>
    <row r="39104" spans="1:10" x14ac:dyDescent="0.35">
      <c r="A39104" s="1" t="s">
        <v>47185</v>
      </c>
      <c r="B39104" s="1" t="s">
        <v>126612</v>
      </c>
      <c r="C39104" s="1" t="s">
        <v>160</v>
      </c>
      <c r="D39104" s="1" t="s">
        <v>67215</v>
      </c>
      <c r="E39104" s="1" t="s">
        <v>134120</v>
      </c>
      <c r="F39104" s="1" t="s">
        <v>134121</v>
      </c>
      <c r="G39104" s="1" t="s">
        <v>134040</v>
      </c>
      <c r="H39104" s="1" t="s">
        <v>134041</v>
      </c>
      <c r="I39104" s="1" t="s">
        <v>126615</v>
      </c>
      <c r="J39104" s="1" t="s">
        <v>134122</v>
      </c>
    </row>
    <row r="39105" spans="1:10" x14ac:dyDescent="0.35">
      <c r="A39105" s="1" t="s">
        <v>47185</v>
      </c>
      <c r="B39105" s="1" t="s">
        <v>126612</v>
      </c>
      <c r="C39105" s="1" t="s">
        <v>165</v>
      </c>
      <c r="D39105" s="1" t="s">
        <v>134123</v>
      </c>
      <c r="E39105" s="1" t="s">
        <v>31980</v>
      </c>
      <c r="F39105" s="1" t="s">
        <v>134124</v>
      </c>
      <c r="G39105" s="1" t="s">
        <v>134040</v>
      </c>
      <c r="H39105" s="1" t="s">
        <v>134041</v>
      </c>
      <c r="I39105" s="1" t="s">
        <v>126615</v>
      </c>
      <c r="J39105" s="1" t="s">
        <v>134125</v>
      </c>
    </row>
    <row r="39106" spans="1:10" x14ac:dyDescent="0.35">
      <c r="A39106" s="1" t="s">
        <v>47185</v>
      </c>
      <c r="B39106" s="1" t="s">
        <v>126612</v>
      </c>
      <c r="C39106" s="1" t="s">
        <v>170</v>
      </c>
      <c r="D39106" s="1" t="s">
        <v>134126</v>
      </c>
      <c r="E39106" s="1" t="s">
        <v>128959</v>
      </c>
      <c r="F39106" s="1" t="s">
        <v>134127</v>
      </c>
      <c r="G39106" s="1" t="s">
        <v>134040</v>
      </c>
      <c r="H39106" s="1" t="s">
        <v>134041</v>
      </c>
      <c r="I39106" s="1" t="s">
        <v>126615</v>
      </c>
      <c r="J39106" s="1" t="s">
        <v>134128</v>
      </c>
    </row>
    <row r="39107" spans="1:10" x14ac:dyDescent="0.35">
      <c r="A39107" s="1" t="s">
        <v>29263</v>
      </c>
      <c r="B39107" s="1" t="s">
        <v>126612</v>
      </c>
      <c r="C39107" s="1" t="s">
        <v>8</v>
      </c>
      <c r="D39107" s="1" t="s">
        <v>131290</v>
      </c>
      <c r="E39107" s="1" t="s">
        <v>134129</v>
      </c>
      <c r="F39107" s="1" t="s">
        <v>134130</v>
      </c>
      <c r="G39107" s="1" t="s">
        <v>134131</v>
      </c>
      <c r="H39107" s="1" t="s">
        <v>134132</v>
      </c>
      <c r="I39107" s="1" t="s">
        <v>126615</v>
      </c>
      <c r="J39107" s="1" t="s">
        <v>13</v>
      </c>
    </row>
    <row r="39108" spans="1:10" x14ac:dyDescent="0.35">
      <c r="A39108" s="1" t="s">
        <v>29263</v>
      </c>
      <c r="B39108" s="1" t="s">
        <v>126612</v>
      </c>
      <c r="C39108" s="1" t="s">
        <v>15</v>
      </c>
      <c r="D39108" s="1" t="s">
        <v>134133</v>
      </c>
      <c r="E39108" s="1" t="s">
        <v>134134</v>
      </c>
      <c r="F39108" s="1" t="s">
        <v>134135</v>
      </c>
      <c r="G39108" s="1" t="s">
        <v>134131</v>
      </c>
      <c r="H39108" s="1" t="s">
        <v>134132</v>
      </c>
      <c r="I39108" s="1" t="s">
        <v>126615</v>
      </c>
      <c r="J39108" s="1" t="s">
        <v>134136</v>
      </c>
    </row>
    <row r="39109" spans="1:10" x14ac:dyDescent="0.35">
      <c r="A39109" s="1" t="s">
        <v>29263</v>
      </c>
      <c r="B39109" s="1" t="s">
        <v>126612</v>
      </c>
      <c r="C39109" s="1" t="s">
        <v>20</v>
      </c>
      <c r="D39109" s="1" t="s">
        <v>134137</v>
      </c>
      <c r="E39109" s="1" t="s">
        <v>134138</v>
      </c>
      <c r="F39109" s="1" t="s">
        <v>134139</v>
      </c>
      <c r="G39109" s="1" t="s">
        <v>134131</v>
      </c>
      <c r="H39109" s="1" t="s">
        <v>134132</v>
      </c>
      <c r="I39109" s="1" t="s">
        <v>126615</v>
      </c>
      <c r="J39109" s="1" t="s">
        <v>134140</v>
      </c>
    </row>
    <row r="39110" spans="1:10" x14ac:dyDescent="0.35">
      <c r="A39110" s="1" t="s">
        <v>29263</v>
      </c>
      <c r="B39110" s="1" t="s">
        <v>126612</v>
      </c>
      <c r="C39110" s="1" t="s">
        <v>25</v>
      </c>
      <c r="D39110" s="1" t="s">
        <v>22209</v>
      </c>
      <c r="E39110" s="1" t="s">
        <v>134141</v>
      </c>
      <c r="F39110" s="1" t="s">
        <v>134142</v>
      </c>
      <c r="G39110" s="1" t="s">
        <v>134131</v>
      </c>
      <c r="H39110" s="1" t="s">
        <v>134132</v>
      </c>
      <c r="I39110" s="1" t="s">
        <v>126615</v>
      </c>
      <c r="J39110" s="1" t="s">
        <v>134143</v>
      </c>
    </row>
    <row r="39111" spans="1:10" x14ac:dyDescent="0.35">
      <c r="A39111" s="1" t="s">
        <v>29263</v>
      </c>
      <c r="B39111" s="1" t="s">
        <v>126612</v>
      </c>
      <c r="C39111" s="1" t="s">
        <v>30</v>
      </c>
      <c r="D39111" s="1" t="s">
        <v>134144</v>
      </c>
      <c r="E39111" s="1" t="s">
        <v>134145</v>
      </c>
      <c r="F39111" s="1" t="s">
        <v>134146</v>
      </c>
      <c r="G39111" s="1" t="s">
        <v>134131</v>
      </c>
      <c r="H39111" s="1" t="s">
        <v>134132</v>
      </c>
      <c r="I39111" s="1" t="s">
        <v>126615</v>
      </c>
      <c r="J39111" s="1" t="s">
        <v>134147</v>
      </c>
    </row>
    <row r="39112" spans="1:10" x14ac:dyDescent="0.35">
      <c r="A39112" s="1" t="s">
        <v>29263</v>
      </c>
      <c r="B39112" s="1" t="s">
        <v>126612</v>
      </c>
      <c r="C39112" s="1" t="s">
        <v>35</v>
      </c>
      <c r="D39112" s="1" t="s">
        <v>134148</v>
      </c>
      <c r="E39112" s="1" t="s">
        <v>134149</v>
      </c>
      <c r="F39112" s="1" t="s">
        <v>134150</v>
      </c>
      <c r="G39112" s="1" t="s">
        <v>134131</v>
      </c>
      <c r="H39112" s="1" t="s">
        <v>134132</v>
      </c>
      <c r="I39112" s="1" t="s">
        <v>126615</v>
      </c>
      <c r="J39112" s="1" t="s">
        <v>134151</v>
      </c>
    </row>
    <row r="39113" spans="1:10" x14ac:dyDescent="0.35">
      <c r="A39113" s="1" t="s">
        <v>29263</v>
      </c>
      <c r="B39113" s="1" t="s">
        <v>126612</v>
      </c>
      <c r="C39113" s="1" t="s">
        <v>40</v>
      </c>
      <c r="D39113" s="1" t="s">
        <v>134152</v>
      </c>
      <c r="E39113" s="1" t="s">
        <v>134153</v>
      </c>
      <c r="F39113" s="1" t="s">
        <v>134154</v>
      </c>
      <c r="G39113" s="1" t="s">
        <v>134131</v>
      </c>
      <c r="H39113" s="1" t="s">
        <v>134132</v>
      </c>
      <c r="I39113" s="1" t="s">
        <v>126615</v>
      </c>
      <c r="J39113" s="1" t="s">
        <v>134155</v>
      </c>
    </row>
    <row r="39114" spans="1:10" x14ac:dyDescent="0.35">
      <c r="A39114" s="1" t="s">
        <v>29263</v>
      </c>
      <c r="B39114" s="1" t="s">
        <v>126612</v>
      </c>
      <c r="C39114" s="1" t="s">
        <v>45</v>
      </c>
      <c r="D39114" s="1" t="s">
        <v>134156</v>
      </c>
      <c r="E39114" s="1" t="s">
        <v>134157</v>
      </c>
      <c r="F39114" s="1" t="s">
        <v>134158</v>
      </c>
      <c r="G39114" s="1" t="s">
        <v>134131</v>
      </c>
      <c r="H39114" s="1" t="s">
        <v>134132</v>
      </c>
      <c r="I39114" s="1" t="s">
        <v>126615</v>
      </c>
      <c r="J39114" s="1" t="s">
        <v>134159</v>
      </c>
    </row>
    <row r="39115" spans="1:10" x14ac:dyDescent="0.35">
      <c r="A39115" s="1" t="s">
        <v>29263</v>
      </c>
      <c r="B39115" s="1" t="s">
        <v>126612</v>
      </c>
      <c r="C39115" s="1" t="s">
        <v>50</v>
      </c>
      <c r="D39115" s="1" t="s">
        <v>134160</v>
      </c>
      <c r="E39115" s="1" t="s">
        <v>134161</v>
      </c>
      <c r="F39115" s="1" t="s">
        <v>134162</v>
      </c>
      <c r="G39115" s="1" t="s">
        <v>134131</v>
      </c>
      <c r="H39115" s="1" t="s">
        <v>134132</v>
      </c>
      <c r="I39115" s="1" t="s">
        <v>126615</v>
      </c>
      <c r="J39115" s="1" t="s">
        <v>134163</v>
      </c>
    </row>
    <row r="39116" spans="1:10" x14ac:dyDescent="0.35">
      <c r="A39116" s="1" t="s">
        <v>29263</v>
      </c>
      <c r="B39116" s="1" t="s">
        <v>126612</v>
      </c>
      <c r="C39116" s="1" t="s">
        <v>55</v>
      </c>
      <c r="D39116" s="1" t="s">
        <v>134164</v>
      </c>
      <c r="E39116" s="1" t="s">
        <v>134165</v>
      </c>
      <c r="F39116" s="1" t="s">
        <v>134166</v>
      </c>
      <c r="G39116" s="1" t="s">
        <v>134131</v>
      </c>
      <c r="H39116" s="1" t="s">
        <v>134132</v>
      </c>
      <c r="I39116" s="1" t="s">
        <v>126615</v>
      </c>
      <c r="J39116" s="1" t="s">
        <v>134167</v>
      </c>
    </row>
    <row r="39117" spans="1:10" x14ac:dyDescent="0.35">
      <c r="A39117" s="1" t="s">
        <v>29263</v>
      </c>
      <c r="B39117" s="1" t="s">
        <v>126612</v>
      </c>
      <c r="C39117" s="1" t="s">
        <v>60</v>
      </c>
      <c r="D39117" s="1" t="s">
        <v>134168</v>
      </c>
      <c r="E39117" s="1" t="s">
        <v>134169</v>
      </c>
      <c r="F39117" s="1" t="s">
        <v>134170</v>
      </c>
      <c r="G39117" s="1" t="s">
        <v>134131</v>
      </c>
      <c r="H39117" s="1" t="s">
        <v>134132</v>
      </c>
      <c r="I39117" s="1" t="s">
        <v>126615</v>
      </c>
      <c r="J39117" s="1" t="s">
        <v>134171</v>
      </c>
    </row>
    <row r="39118" spans="1:10" x14ac:dyDescent="0.35">
      <c r="A39118" s="1" t="s">
        <v>29263</v>
      </c>
      <c r="B39118" s="1" t="s">
        <v>126612</v>
      </c>
      <c r="C39118" s="1" t="s">
        <v>65</v>
      </c>
      <c r="D39118" s="1" t="s">
        <v>134172</v>
      </c>
      <c r="E39118" s="1" t="s">
        <v>134173</v>
      </c>
      <c r="F39118" s="1" t="s">
        <v>134174</v>
      </c>
      <c r="G39118" s="1" t="s">
        <v>134131</v>
      </c>
      <c r="H39118" s="1" t="s">
        <v>134132</v>
      </c>
      <c r="I39118" s="1" t="s">
        <v>126615</v>
      </c>
      <c r="J39118" s="1" t="s">
        <v>134175</v>
      </c>
    </row>
    <row r="39119" spans="1:10" x14ac:dyDescent="0.35">
      <c r="A39119" s="1" t="s">
        <v>29263</v>
      </c>
      <c r="B39119" s="1" t="s">
        <v>126612</v>
      </c>
      <c r="C39119" s="1" t="s">
        <v>70</v>
      </c>
      <c r="D39119" s="1" t="s">
        <v>69484</v>
      </c>
      <c r="E39119" s="1" t="s">
        <v>134176</v>
      </c>
      <c r="F39119" s="1" t="s">
        <v>134177</v>
      </c>
      <c r="G39119" s="1" t="s">
        <v>134131</v>
      </c>
      <c r="H39119" s="1" t="s">
        <v>134132</v>
      </c>
      <c r="I39119" s="1" t="s">
        <v>126615</v>
      </c>
      <c r="J39119" s="1" t="s">
        <v>134178</v>
      </c>
    </row>
    <row r="39120" spans="1:10" x14ac:dyDescent="0.35">
      <c r="A39120" s="1" t="s">
        <v>29263</v>
      </c>
      <c r="B39120" s="1" t="s">
        <v>126612</v>
      </c>
      <c r="C39120" s="1" t="s">
        <v>75</v>
      </c>
      <c r="D39120" s="1" t="s">
        <v>134179</v>
      </c>
      <c r="E39120" s="1" t="s">
        <v>134180</v>
      </c>
      <c r="F39120" s="1" t="s">
        <v>134181</v>
      </c>
      <c r="G39120" s="1" t="s">
        <v>134131</v>
      </c>
      <c r="H39120" s="1" t="s">
        <v>134132</v>
      </c>
      <c r="I39120" s="1" t="s">
        <v>126615</v>
      </c>
      <c r="J39120" s="1" t="s">
        <v>134182</v>
      </c>
    </row>
    <row r="39121" spans="1:10" x14ac:dyDescent="0.35">
      <c r="A39121" s="1" t="s">
        <v>29263</v>
      </c>
      <c r="B39121" s="1" t="s">
        <v>126612</v>
      </c>
      <c r="C39121" s="1" t="s">
        <v>80</v>
      </c>
      <c r="D39121" s="1" t="s">
        <v>134183</v>
      </c>
      <c r="E39121" s="1" t="s">
        <v>134184</v>
      </c>
      <c r="F39121" s="1" t="s">
        <v>134185</v>
      </c>
      <c r="G39121" s="1" t="s">
        <v>134131</v>
      </c>
      <c r="H39121" s="1" t="s">
        <v>134132</v>
      </c>
      <c r="I39121" s="1" t="s">
        <v>126615</v>
      </c>
      <c r="J39121" s="1" t="s">
        <v>134186</v>
      </c>
    </row>
    <row r="39122" spans="1:10" x14ac:dyDescent="0.35">
      <c r="A39122" s="1" t="s">
        <v>29263</v>
      </c>
      <c r="B39122" s="1" t="s">
        <v>126612</v>
      </c>
      <c r="C39122" s="1" t="s">
        <v>85</v>
      </c>
      <c r="D39122" s="1" t="s">
        <v>134187</v>
      </c>
      <c r="E39122" s="1" t="s">
        <v>134188</v>
      </c>
      <c r="F39122" s="1" t="s">
        <v>134189</v>
      </c>
      <c r="G39122" s="1" t="s">
        <v>134131</v>
      </c>
      <c r="H39122" s="1" t="s">
        <v>134132</v>
      </c>
      <c r="I39122" s="1" t="s">
        <v>126615</v>
      </c>
      <c r="J39122" s="1" t="s">
        <v>134190</v>
      </c>
    </row>
    <row r="39123" spans="1:10" x14ac:dyDescent="0.35">
      <c r="A39123" s="1" t="s">
        <v>29263</v>
      </c>
      <c r="B39123" s="1" t="s">
        <v>126612</v>
      </c>
      <c r="C39123" s="1" t="s">
        <v>90</v>
      </c>
      <c r="D39123" s="1" t="s">
        <v>134191</v>
      </c>
      <c r="E39123" s="1" t="s">
        <v>134192</v>
      </c>
      <c r="F39123" s="1" t="s">
        <v>134193</v>
      </c>
      <c r="G39123" s="1" t="s">
        <v>134131</v>
      </c>
      <c r="H39123" s="1" t="s">
        <v>134132</v>
      </c>
      <c r="I39123" s="1" t="s">
        <v>126615</v>
      </c>
      <c r="J39123" s="1" t="s">
        <v>134194</v>
      </c>
    </row>
    <row r="39124" spans="1:10" x14ac:dyDescent="0.35">
      <c r="A39124" s="1" t="s">
        <v>29263</v>
      </c>
      <c r="B39124" s="1" t="s">
        <v>126612</v>
      </c>
      <c r="C39124" s="1" t="s">
        <v>95</v>
      </c>
      <c r="D39124" s="1" t="s">
        <v>134195</v>
      </c>
      <c r="E39124" s="1" t="s">
        <v>134196</v>
      </c>
      <c r="F39124" s="1" t="s">
        <v>134197</v>
      </c>
      <c r="G39124" s="1" t="s">
        <v>134131</v>
      </c>
      <c r="H39124" s="1" t="s">
        <v>134132</v>
      </c>
      <c r="I39124" s="1" t="s">
        <v>126615</v>
      </c>
      <c r="J39124" s="1" t="s">
        <v>134198</v>
      </c>
    </row>
    <row r="39125" spans="1:10" x14ac:dyDescent="0.35">
      <c r="A39125" s="1" t="s">
        <v>29263</v>
      </c>
      <c r="B39125" s="1" t="s">
        <v>126612</v>
      </c>
      <c r="C39125" s="1" t="s">
        <v>100</v>
      </c>
      <c r="D39125" s="1" t="s">
        <v>97256</v>
      </c>
      <c r="E39125" s="1" t="s">
        <v>134199</v>
      </c>
      <c r="F39125" s="1" t="s">
        <v>134200</v>
      </c>
      <c r="G39125" s="1" t="s">
        <v>134131</v>
      </c>
      <c r="H39125" s="1" t="s">
        <v>134132</v>
      </c>
      <c r="I39125" s="1" t="s">
        <v>126615</v>
      </c>
      <c r="J39125" s="1" t="s">
        <v>134201</v>
      </c>
    </row>
    <row r="39126" spans="1:10" x14ac:dyDescent="0.35">
      <c r="A39126" s="1" t="s">
        <v>29263</v>
      </c>
      <c r="B39126" s="1" t="s">
        <v>126612</v>
      </c>
      <c r="C39126" s="1" t="s">
        <v>105</v>
      </c>
      <c r="D39126" s="1" t="s">
        <v>62720</v>
      </c>
      <c r="E39126" s="1" t="s">
        <v>134202</v>
      </c>
      <c r="F39126" s="1" t="s">
        <v>134203</v>
      </c>
      <c r="G39126" s="1" t="s">
        <v>134131</v>
      </c>
      <c r="H39126" s="1" t="s">
        <v>134132</v>
      </c>
      <c r="I39126" s="1" t="s">
        <v>126615</v>
      </c>
      <c r="J39126" s="1" t="s">
        <v>134204</v>
      </c>
    </row>
    <row r="39127" spans="1:10" x14ac:dyDescent="0.35">
      <c r="A39127" s="1" t="s">
        <v>29263</v>
      </c>
      <c r="B39127" s="1" t="s">
        <v>126612</v>
      </c>
      <c r="C39127" s="1" t="s">
        <v>110</v>
      </c>
      <c r="D39127" s="1" t="s">
        <v>134205</v>
      </c>
      <c r="E39127" s="1" t="s">
        <v>134206</v>
      </c>
      <c r="F39127" s="1" t="s">
        <v>134207</v>
      </c>
      <c r="G39127" s="1" t="s">
        <v>134131</v>
      </c>
      <c r="H39127" s="1" t="s">
        <v>134132</v>
      </c>
      <c r="I39127" s="1" t="s">
        <v>126615</v>
      </c>
      <c r="J39127" s="1" t="s">
        <v>134208</v>
      </c>
    </row>
    <row r="39128" spans="1:10" x14ac:dyDescent="0.35">
      <c r="A39128" s="1" t="s">
        <v>29263</v>
      </c>
      <c r="B39128" s="1" t="s">
        <v>126612</v>
      </c>
      <c r="C39128" s="1" t="s">
        <v>115</v>
      </c>
      <c r="D39128" s="1" t="s">
        <v>134209</v>
      </c>
      <c r="E39128" s="1" t="s">
        <v>134210</v>
      </c>
      <c r="F39128" s="1" t="s">
        <v>134211</v>
      </c>
      <c r="G39128" s="1" t="s">
        <v>134131</v>
      </c>
      <c r="H39128" s="1" t="s">
        <v>134132</v>
      </c>
      <c r="I39128" s="1" t="s">
        <v>126615</v>
      </c>
      <c r="J39128" s="1" t="s">
        <v>134212</v>
      </c>
    </row>
    <row r="39129" spans="1:10" x14ac:dyDescent="0.35">
      <c r="A39129" s="1" t="s">
        <v>29263</v>
      </c>
      <c r="B39129" s="1" t="s">
        <v>126612</v>
      </c>
      <c r="C39129" s="1" t="s">
        <v>120</v>
      </c>
      <c r="D39129" s="1" t="s">
        <v>134213</v>
      </c>
      <c r="E39129" s="1" t="s">
        <v>134214</v>
      </c>
      <c r="F39129" s="1" t="s">
        <v>134215</v>
      </c>
      <c r="G39129" s="1" t="s">
        <v>134131</v>
      </c>
      <c r="H39129" s="1" t="s">
        <v>134132</v>
      </c>
      <c r="I39129" s="1" t="s">
        <v>126615</v>
      </c>
      <c r="J39129" s="1" t="s">
        <v>134216</v>
      </c>
    </row>
    <row r="39130" spans="1:10" x14ac:dyDescent="0.35">
      <c r="A39130" s="1" t="s">
        <v>29263</v>
      </c>
      <c r="B39130" s="1" t="s">
        <v>126612</v>
      </c>
      <c r="C39130" s="1" t="s">
        <v>125</v>
      </c>
      <c r="D39130" s="1" t="s">
        <v>134217</v>
      </c>
      <c r="E39130" s="1" t="s">
        <v>134218</v>
      </c>
      <c r="F39130" s="1" t="s">
        <v>134219</v>
      </c>
      <c r="G39130" s="1" t="s">
        <v>134131</v>
      </c>
      <c r="H39130" s="1" t="s">
        <v>134132</v>
      </c>
      <c r="I39130" s="1" t="s">
        <v>126615</v>
      </c>
      <c r="J39130" s="1" t="s">
        <v>134220</v>
      </c>
    </row>
    <row r="39131" spans="1:10" x14ac:dyDescent="0.35">
      <c r="A39131" s="1" t="s">
        <v>29263</v>
      </c>
      <c r="B39131" s="1" t="s">
        <v>126612</v>
      </c>
      <c r="C39131" s="1" t="s">
        <v>130</v>
      </c>
      <c r="D39131" s="1" t="s">
        <v>134221</v>
      </c>
      <c r="E39131" s="1" t="s">
        <v>134222</v>
      </c>
      <c r="F39131" s="1" t="s">
        <v>134223</v>
      </c>
      <c r="G39131" s="1" t="s">
        <v>134131</v>
      </c>
      <c r="H39131" s="1" t="s">
        <v>134132</v>
      </c>
      <c r="I39131" s="1" t="s">
        <v>126615</v>
      </c>
      <c r="J39131" s="1" t="s">
        <v>134224</v>
      </c>
    </row>
    <row r="39132" spans="1:10" x14ac:dyDescent="0.35">
      <c r="A39132" s="1" t="s">
        <v>29263</v>
      </c>
      <c r="B39132" s="1" t="s">
        <v>126612</v>
      </c>
      <c r="C39132" s="1" t="s">
        <v>135</v>
      </c>
      <c r="D39132" s="1" t="s">
        <v>134225</v>
      </c>
      <c r="E39132" s="1" t="s">
        <v>134226</v>
      </c>
      <c r="F39132" s="1" t="s">
        <v>134227</v>
      </c>
      <c r="G39132" s="1" t="s">
        <v>134131</v>
      </c>
      <c r="H39132" s="1" t="s">
        <v>134132</v>
      </c>
      <c r="I39132" s="1" t="s">
        <v>126615</v>
      </c>
      <c r="J39132" s="1" t="s">
        <v>134228</v>
      </c>
    </row>
    <row r="39133" spans="1:10" x14ac:dyDescent="0.35">
      <c r="A39133" s="1" t="s">
        <v>29263</v>
      </c>
      <c r="B39133" s="1" t="s">
        <v>126612</v>
      </c>
      <c r="C39133" s="1" t="s">
        <v>140</v>
      </c>
      <c r="D39133" s="1" t="s">
        <v>134229</v>
      </c>
      <c r="E39133" s="1" t="s">
        <v>134230</v>
      </c>
      <c r="F39133" s="1" t="s">
        <v>134231</v>
      </c>
      <c r="G39133" s="1" t="s">
        <v>134131</v>
      </c>
      <c r="H39133" s="1" t="s">
        <v>134132</v>
      </c>
      <c r="I39133" s="1" t="s">
        <v>126615</v>
      </c>
      <c r="J39133" s="1" t="s">
        <v>134232</v>
      </c>
    </row>
    <row r="39134" spans="1:10" x14ac:dyDescent="0.35">
      <c r="A39134" s="1" t="s">
        <v>29263</v>
      </c>
      <c r="B39134" s="1" t="s">
        <v>126612</v>
      </c>
      <c r="C39134" s="1" t="s">
        <v>145</v>
      </c>
      <c r="D39134" s="1" t="s">
        <v>134233</v>
      </c>
      <c r="E39134" s="1" t="s">
        <v>134234</v>
      </c>
      <c r="F39134" s="1" t="s">
        <v>134235</v>
      </c>
      <c r="G39134" s="1" t="s">
        <v>134131</v>
      </c>
      <c r="H39134" s="1" t="s">
        <v>134132</v>
      </c>
      <c r="I39134" s="1" t="s">
        <v>126615</v>
      </c>
      <c r="J39134" s="1" t="s">
        <v>134236</v>
      </c>
    </row>
    <row r="39135" spans="1:10" x14ac:dyDescent="0.35">
      <c r="A39135" s="1" t="s">
        <v>29263</v>
      </c>
      <c r="B39135" s="1" t="s">
        <v>126612</v>
      </c>
      <c r="C39135" s="1" t="s">
        <v>150</v>
      </c>
      <c r="D39135" s="1" t="s">
        <v>134237</v>
      </c>
      <c r="E39135" s="1" t="s">
        <v>134238</v>
      </c>
      <c r="F39135" s="1" t="s">
        <v>134239</v>
      </c>
      <c r="G39135" s="1" t="s">
        <v>134131</v>
      </c>
      <c r="H39135" s="1" t="s">
        <v>134132</v>
      </c>
      <c r="I39135" s="1" t="s">
        <v>126615</v>
      </c>
      <c r="J39135" s="1" t="s">
        <v>134240</v>
      </c>
    </row>
    <row r="39136" spans="1:10" x14ac:dyDescent="0.35">
      <c r="A39136" s="1" t="s">
        <v>29263</v>
      </c>
      <c r="B39136" s="1" t="s">
        <v>126612</v>
      </c>
      <c r="C39136" s="1" t="s">
        <v>155</v>
      </c>
      <c r="D39136" s="1" t="s">
        <v>134241</v>
      </c>
      <c r="E39136" s="1" t="s">
        <v>134242</v>
      </c>
      <c r="F39136" s="1" t="s">
        <v>134243</v>
      </c>
      <c r="G39136" s="1" t="s">
        <v>134131</v>
      </c>
      <c r="H39136" s="1" t="s">
        <v>134132</v>
      </c>
      <c r="I39136" s="1" t="s">
        <v>126615</v>
      </c>
      <c r="J39136" s="1" t="s">
        <v>134244</v>
      </c>
    </row>
    <row r="39137" spans="1:10" x14ac:dyDescent="0.35">
      <c r="A39137" s="1" t="s">
        <v>29263</v>
      </c>
      <c r="B39137" s="1" t="s">
        <v>126612</v>
      </c>
      <c r="C39137" s="1" t="s">
        <v>160</v>
      </c>
      <c r="D39137" s="1" t="s">
        <v>13451</v>
      </c>
      <c r="E39137" s="1" t="s">
        <v>134245</v>
      </c>
      <c r="F39137" s="1" t="s">
        <v>134246</v>
      </c>
      <c r="G39137" s="1" t="s">
        <v>134131</v>
      </c>
      <c r="H39137" s="1" t="s">
        <v>134132</v>
      </c>
      <c r="I39137" s="1" t="s">
        <v>126615</v>
      </c>
      <c r="J39137" s="1" t="s">
        <v>134247</v>
      </c>
    </row>
    <row r="39138" spans="1:10" x14ac:dyDescent="0.35">
      <c r="A39138" s="1" t="s">
        <v>29263</v>
      </c>
      <c r="B39138" s="1" t="s">
        <v>126612</v>
      </c>
      <c r="C39138" s="1" t="s">
        <v>165</v>
      </c>
      <c r="D39138" s="1" t="s">
        <v>22722</v>
      </c>
      <c r="E39138" s="1" t="s">
        <v>134248</v>
      </c>
      <c r="F39138" s="1" t="s">
        <v>134249</v>
      </c>
      <c r="G39138" s="1" t="s">
        <v>134131</v>
      </c>
      <c r="H39138" s="1" t="s">
        <v>134132</v>
      </c>
      <c r="I39138" s="1" t="s">
        <v>126615</v>
      </c>
      <c r="J39138" s="1" t="s">
        <v>134250</v>
      </c>
    </row>
    <row r="39139" spans="1:10" x14ac:dyDescent="0.35">
      <c r="A39139" s="1" t="s">
        <v>29263</v>
      </c>
      <c r="B39139" s="1" t="s">
        <v>126612</v>
      </c>
      <c r="C39139" s="1" t="s">
        <v>170</v>
      </c>
      <c r="D39139" s="1" t="s">
        <v>134251</v>
      </c>
      <c r="E39139" s="1" t="s">
        <v>134252</v>
      </c>
      <c r="F39139" s="1" t="s">
        <v>134253</v>
      </c>
      <c r="G39139" s="1" t="s">
        <v>134131</v>
      </c>
      <c r="H39139" s="1" t="s">
        <v>134132</v>
      </c>
      <c r="I39139" s="1" t="s">
        <v>126615</v>
      </c>
      <c r="J39139" s="1" t="s">
        <v>134254</v>
      </c>
    </row>
    <row r="39140" spans="1:10" x14ac:dyDescent="0.35">
      <c r="A39140" s="1" t="s">
        <v>134255</v>
      </c>
      <c r="B39140" s="1" t="s">
        <v>126612</v>
      </c>
      <c r="C39140" s="1" t="s">
        <v>8</v>
      </c>
      <c r="D39140" s="1" t="s">
        <v>60578</v>
      </c>
      <c r="E39140" s="1" t="s">
        <v>134256</v>
      </c>
      <c r="F39140" s="1" t="s">
        <v>134257</v>
      </c>
      <c r="G39140" s="1" t="s">
        <v>134258</v>
      </c>
      <c r="H39140" s="1" t="s">
        <v>134259</v>
      </c>
      <c r="I39140" s="1" t="s">
        <v>126615</v>
      </c>
      <c r="J39140" s="1" t="s">
        <v>13</v>
      </c>
    </row>
    <row r="39141" spans="1:10" x14ac:dyDescent="0.35">
      <c r="A39141" s="1" t="s">
        <v>134255</v>
      </c>
      <c r="B39141" s="1" t="s">
        <v>126612</v>
      </c>
      <c r="C39141" s="1" t="s">
        <v>15</v>
      </c>
      <c r="D39141" s="1" t="s">
        <v>83759</v>
      </c>
      <c r="E39141" s="1" t="s">
        <v>134260</v>
      </c>
      <c r="F39141" s="1" t="s">
        <v>134261</v>
      </c>
      <c r="G39141" s="1" t="s">
        <v>134258</v>
      </c>
      <c r="H39141" s="1" t="s">
        <v>134259</v>
      </c>
      <c r="I39141" s="1" t="s">
        <v>126615</v>
      </c>
      <c r="J39141" s="1" t="s">
        <v>134262</v>
      </c>
    </row>
    <row r="39142" spans="1:10" x14ac:dyDescent="0.35">
      <c r="A39142" s="1" t="s">
        <v>134255</v>
      </c>
      <c r="B39142" s="1" t="s">
        <v>126612</v>
      </c>
      <c r="C39142" s="1" t="s">
        <v>20</v>
      </c>
      <c r="D39142" s="1" t="s">
        <v>134263</v>
      </c>
      <c r="E39142" s="1" t="s">
        <v>134264</v>
      </c>
      <c r="F39142" s="1" t="s">
        <v>131602</v>
      </c>
      <c r="G39142" s="1" t="s">
        <v>134258</v>
      </c>
      <c r="H39142" s="1" t="s">
        <v>134259</v>
      </c>
      <c r="I39142" s="1" t="s">
        <v>126615</v>
      </c>
      <c r="J39142" s="1" t="s">
        <v>134265</v>
      </c>
    </row>
    <row r="39143" spans="1:10" x14ac:dyDescent="0.35">
      <c r="A39143" s="1" t="s">
        <v>134255</v>
      </c>
      <c r="B39143" s="1" t="s">
        <v>126612</v>
      </c>
      <c r="C39143" s="1" t="s">
        <v>25</v>
      </c>
      <c r="D39143" s="1" t="s">
        <v>133415</v>
      </c>
      <c r="E39143" s="1" t="s">
        <v>134266</v>
      </c>
      <c r="F39143" s="1" t="s">
        <v>134267</v>
      </c>
      <c r="G39143" s="1" t="s">
        <v>134258</v>
      </c>
      <c r="H39143" s="1" t="s">
        <v>134259</v>
      </c>
      <c r="I39143" s="1" t="s">
        <v>126615</v>
      </c>
      <c r="J39143" s="1" t="s">
        <v>134268</v>
      </c>
    </row>
    <row r="39144" spans="1:10" x14ac:dyDescent="0.35">
      <c r="A39144" s="1" t="s">
        <v>134255</v>
      </c>
      <c r="B39144" s="1" t="s">
        <v>126612</v>
      </c>
      <c r="C39144" s="1" t="s">
        <v>30</v>
      </c>
      <c r="D39144" s="1" t="s">
        <v>92588</v>
      </c>
      <c r="E39144" s="1" t="s">
        <v>134269</v>
      </c>
      <c r="F39144" s="1" t="s">
        <v>134270</v>
      </c>
      <c r="G39144" s="1" t="s">
        <v>134258</v>
      </c>
      <c r="H39144" s="1" t="s">
        <v>134259</v>
      </c>
      <c r="I39144" s="1" t="s">
        <v>126615</v>
      </c>
      <c r="J39144" s="1" t="s">
        <v>134271</v>
      </c>
    </row>
    <row r="39145" spans="1:10" x14ac:dyDescent="0.35">
      <c r="A39145" s="1" t="s">
        <v>134255</v>
      </c>
      <c r="B39145" s="1" t="s">
        <v>126612</v>
      </c>
      <c r="C39145" s="1" t="s">
        <v>35</v>
      </c>
      <c r="D39145" s="1" t="s">
        <v>134272</v>
      </c>
      <c r="E39145" s="1" t="s">
        <v>133267</v>
      </c>
      <c r="F39145" s="1" t="s">
        <v>134273</v>
      </c>
      <c r="G39145" s="1" t="s">
        <v>134258</v>
      </c>
      <c r="H39145" s="1" t="s">
        <v>134259</v>
      </c>
      <c r="I39145" s="1" t="s">
        <v>126615</v>
      </c>
      <c r="J39145" s="1" t="s">
        <v>134274</v>
      </c>
    </row>
    <row r="39146" spans="1:10" x14ac:dyDescent="0.35">
      <c r="A39146" s="1" t="s">
        <v>134255</v>
      </c>
      <c r="B39146" s="1" t="s">
        <v>126612</v>
      </c>
      <c r="C39146" s="1" t="s">
        <v>40</v>
      </c>
      <c r="D39146" s="1" t="s">
        <v>134275</v>
      </c>
      <c r="E39146" s="1" t="s">
        <v>134276</v>
      </c>
      <c r="F39146" s="1" t="s">
        <v>134277</v>
      </c>
      <c r="G39146" s="1" t="s">
        <v>134258</v>
      </c>
      <c r="H39146" s="1" t="s">
        <v>134259</v>
      </c>
      <c r="I39146" s="1" t="s">
        <v>126615</v>
      </c>
      <c r="J39146" s="1" t="s">
        <v>134278</v>
      </c>
    </row>
    <row r="39147" spans="1:10" x14ac:dyDescent="0.35">
      <c r="A39147" s="1" t="s">
        <v>134255</v>
      </c>
      <c r="B39147" s="1" t="s">
        <v>126612</v>
      </c>
      <c r="C39147" s="1" t="s">
        <v>45</v>
      </c>
      <c r="D39147" s="1" t="s">
        <v>134279</v>
      </c>
      <c r="E39147" s="1" t="s">
        <v>134280</v>
      </c>
      <c r="F39147" s="1" t="s">
        <v>134281</v>
      </c>
      <c r="G39147" s="1" t="s">
        <v>134258</v>
      </c>
      <c r="H39147" s="1" t="s">
        <v>134259</v>
      </c>
      <c r="I39147" s="1" t="s">
        <v>126615</v>
      </c>
      <c r="J39147" s="1" t="s">
        <v>134282</v>
      </c>
    </row>
    <row r="39148" spans="1:10" x14ac:dyDescent="0.35">
      <c r="A39148" s="1" t="s">
        <v>134255</v>
      </c>
      <c r="B39148" s="1" t="s">
        <v>126612</v>
      </c>
      <c r="C39148" s="1" t="s">
        <v>50</v>
      </c>
      <c r="D39148" s="1" t="s">
        <v>99295</v>
      </c>
      <c r="E39148" s="1" t="s">
        <v>133212</v>
      </c>
      <c r="F39148" s="1" t="s">
        <v>134283</v>
      </c>
      <c r="G39148" s="1" t="s">
        <v>134258</v>
      </c>
      <c r="H39148" s="1" t="s">
        <v>134259</v>
      </c>
      <c r="I39148" s="1" t="s">
        <v>126615</v>
      </c>
      <c r="J39148" s="1" t="s">
        <v>134284</v>
      </c>
    </row>
    <row r="39149" spans="1:10" x14ac:dyDescent="0.35">
      <c r="A39149" s="1" t="s">
        <v>134255</v>
      </c>
      <c r="B39149" s="1" t="s">
        <v>126612</v>
      </c>
      <c r="C39149" s="1" t="s">
        <v>55</v>
      </c>
      <c r="D39149" s="1" t="s">
        <v>55799</v>
      </c>
      <c r="E39149" s="1" t="s">
        <v>134285</v>
      </c>
      <c r="F39149" s="1" t="s">
        <v>134286</v>
      </c>
      <c r="G39149" s="1" t="s">
        <v>134258</v>
      </c>
      <c r="H39149" s="1" t="s">
        <v>134259</v>
      </c>
      <c r="I39149" s="1" t="s">
        <v>126615</v>
      </c>
      <c r="J39149" s="1" t="s">
        <v>134287</v>
      </c>
    </row>
    <row r="39150" spans="1:10" x14ac:dyDescent="0.35">
      <c r="A39150" s="1" t="s">
        <v>134255</v>
      </c>
      <c r="B39150" s="1" t="s">
        <v>126612</v>
      </c>
      <c r="C39150" s="1" t="s">
        <v>60</v>
      </c>
      <c r="D39150" s="1" t="s">
        <v>134288</v>
      </c>
      <c r="E39150" s="1" t="s">
        <v>134289</v>
      </c>
      <c r="F39150" s="1" t="s">
        <v>134290</v>
      </c>
      <c r="G39150" s="1" t="s">
        <v>134258</v>
      </c>
      <c r="H39150" s="1" t="s">
        <v>134259</v>
      </c>
      <c r="I39150" s="1" t="s">
        <v>126615</v>
      </c>
      <c r="J39150" s="1" t="s">
        <v>134291</v>
      </c>
    </row>
    <row r="39151" spans="1:10" x14ac:dyDescent="0.35">
      <c r="A39151" s="1" t="s">
        <v>134255</v>
      </c>
      <c r="B39151" s="1" t="s">
        <v>126612</v>
      </c>
      <c r="C39151" s="1" t="s">
        <v>65</v>
      </c>
      <c r="D39151" s="1" t="s">
        <v>97627</v>
      </c>
      <c r="E39151" s="1" t="s">
        <v>134292</v>
      </c>
      <c r="F39151" s="1" t="s">
        <v>134293</v>
      </c>
      <c r="G39151" s="1" t="s">
        <v>134258</v>
      </c>
      <c r="H39151" s="1" t="s">
        <v>134259</v>
      </c>
      <c r="I39151" s="1" t="s">
        <v>126615</v>
      </c>
      <c r="J39151" s="1" t="s">
        <v>134294</v>
      </c>
    </row>
    <row r="39152" spans="1:10" x14ac:dyDescent="0.35">
      <c r="A39152" s="1" t="s">
        <v>134255</v>
      </c>
      <c r="B39152" s="1" t="s">
        <v>126612</v>
      </c>
      <c r="C39152" s="1" t="s">
        <v>70</v>
      </c>
      <c r="D39152" s="1" t="s">
        <v>134295</v>
      </c>
      <c r="E39152" s="1" t="s">
        <v>134296</v>
      </c>
      <c r="F39152" s="1" t="s">
        <v>134297</v>
      </c>
      <c r="G39152" s="1" t="s">
        <v>134258</v>
      </c>
      <c r="H39152" s="1" t="s">
        <v>134259</v>
      </c>
      <c r="I39152" s="1" t="s">
        <v>126615</v>
      </c>
      <c r="J39152" s="1" t="s">
        <v>134298</v>
      </c>
    </row>
    <row r="39153" spans="1:10" x14ac:dyDescent="0.35">
      <c r="A39153" s="1" t="s">
        <v>134255</v>
      </c>
      <c r="B39153" s="1" t="s">
        <v>126612</v>
      </c>
      <c r="C39153" s="1" t="s">
        <v>75</v>
      </c>
      <c r="D39153" s="1" t="s">
        <v>134299</v>
      </c>
      <c r="E39153" s="1" t="s">
        <v>134300</v>
      </c>
      <c r="F39153" s="1" t="s">
        <v>134301</v>
      </c>
      <c r="G39153" s="1" t="s">
        <v>134258</v>
      </c>
      <c r="H39153" s="1" t="s">
        <v>134259</v>
      </c>
      <c r="I39153" s="1" t="s">
        <v>126615</v>
      </c>
      <c r="J39153" s="1" t="s">
        <v>134302</v>
      </c>
    </row>
    <row r="39154" spans="1:10" x14ac:dyDescent="0.35">
      <c r="A39154" s="1" t="s">
        <v>134255</v>
      </c>
      <c r="B39154" s="1" t="s">
        <v>126612</v>
      </c>
      <c r="C39154" s="1" t="s">
        <v>80</v>
      </c>
      <c r="D39154" s="1" t="s">
        <v>128922</v>
      </c>
      <c r="E39154" s="1" t="s">
        <v>134303</v>
      </c>
      <c r="F39154" s="1" t="s">
        <v>134304</v>
      </c>
      <c r="G39154" s="1" t="s">
        <v>134258</v>
      </c>
      <c r="H39154" s="1" t="s">
        <v>134259</v>
      </c>
      <c r="I39154" s="1" t="s">
        <v>126615</v>
      </c>
      <c r="J39154" s="1" t="s">
        <v>134305</v>
      </c>
    </row>
    <row r="39155" spans="1:10" x14ac:dyDescent="0.35">
      <c r="A39155" s="1" t="s">
        <v>134255</v>
      </c>
      <c r="B39155" s="1" t="s">
        <v>126612</v>
      </c>
      <c r="C39155" s="1" t="s">
        <v>85</v>
      </c>
      <c r="D39155" s="1" t="s">
        <v>69132</v>
      </c>
      <c r="E39155" s="1" t="s">
        <v>134306</v>
      </c>
      <c r="F39155" s="1" t="s">
        <v>134307</v>
      </c>
      <c r="G39155" s="1" t="s">
        <v>134258</v>
      </c>
      <c r="H39155" s="1" t="s">
        <v>134259</v>
      </c>
      <c r="I39155" s="1" t="s">
        <v>126615</v>
      </c>
      <c r="J39155" s="1" t="s">
        <v>134308</v>
      </c>
    </row>
    <row r="39156" spans="1:10" x14ac:dyDescent="0.35">
      <c r="A39156" s="1" t="s">
        <v>134255</v>
      </c>
      <c r="B39156" s="1" t="s">
        <v>126612</v>
      </c>
      <c r="C39156" s="1" t="s">
        <v>90</v>
      </c>
      <c r="D39156" s="1" t="s">
        <v>134309</v>
      </c>
      <c r="E39156" s="1" t="s">
        <v>134310</v>
      </c>
      <c r="F39156" s="1" t="s">
        <v>134311</v>
      </c>
      <c r="G39156" s="1" t="s">
        <v>134258</v>
      </c>
      <c r="H39156" s="1" t="s">
        <v>134259</v>
      </c>
      <c r="I39156" s="1" t="s">
        <v>126615</v>
      </c>
      <c r="J39156" s="1" t="s">
        <v>134312</v>
      </c>
    </row>
    <row r="39157" spans="1:10" x14ac:dyDescent="0.35">
      <c r="A39157" s="1" t="s">
        <v>134255</v>
      </c>
      <c r="B39157" s="1" t="s">
        <v>126612</v>
      </c>
      <c r="C39157" s="1" t="s">
        <v>95</v>
      </c>
      <c r="D39157" s="1" t="s">
        <v>79390</v>
      </c>
      <c r="E39157" s="1" t="s">
        <v>134313</v>
      </c>
      <c r="F39157" s="1" t="s">
        <v>134314</v>
      </c>
      <c r="G39157" s="1" t="s">
        <v>134258</v>
      </c>
      <c r="H39157" s="1" t="s">
        <v>134259</v>
      </c>
      <c r="I39157" s="1" t="s">
        <v>126615</v>
      </c>
      <c r="J39157" s="1" t="s">
        <v>134315</v>
      </c>
    </row>
    <row r="39158" spans="1:10" x14ac:dyDescent="0.35">
      <c r="A39158" s="1" t="s">
        <v>134255</v>
      </c>
      <c r="B39158" s="1" t="s">
        <v>126612</v>
      </c>
      <c r="C39158" s="1" t="s">
        <v>100</v>
      </c>
      <c r="D39158" s="1" t="s">
        <v>36389</v>
      </c>
      <c r="E39158" s="1" t="s">
        <v>134316</v>
      </c>
      <c r="F39158" s="1" t="s">
        <v>134317</v>
      </c>
      <c r="G39158" s="1" t="s">
        <v>134258</v>
      </c>
      <c r="H39158" s="1" t="s">
        <v>134259</v>
      </c>
      <c r="I39158" s="1" t="s">
        <v>126615</v>
      </c>
      <c r="J39158" s="1" t="s">
        <v>134318</v>
      </c>
    </row>
    <row r="39159" spans="1:10" x14ac:dyDescent="0.35">
      <c r="A39159" s="1" t="s">
        <v>134255</v>
      </c>
      <c r="B39159" s="1" t="s">
        <v>126612</v>
      </c>
      <c r="C39159" s="1" t="s">
        <v>105</v>
      </c>
      <c r="D39159" s="1" t="s">
        <v>134319</v>
      </c>
      <c r="E39159" s="1" t="s">
        <v>134320</v>
      </c>
      <c r="F39159" s="1" t="s">
        <v>134321</v>
      </c>
      <c r="G39159" s="1" t="s">
        <v>134258</v>
      </c>
      <c r="H39159" s="1" t="s">
        <v>134259</v>
      </c>
      <c r="I39159" s="1" t="s">
        <v>126615</v>
      </c>
      <c r="J39159" s="1" t="s">
        <v>134322</v>
      </c>
    </row>
    <row r="39160" spans="1:10" x14ac:dyDescent="0.35">
      <c r="A39160" s="1" t="s">
        <v>134255</v>
      </c>
      <c r="B39160" s="1" t="s">
        <v>126612</v>
      </c>
      <c r="C39160" s="1" t="s">
        <v>110</v>
      </c>
      <c r="D39160" s="1" t="s">
        <v>134323</v>
      </c>
      <c r="E39160" s="1" t="s">
        <v>134324</v>
      </c>
      <c r="F39160" s="1" t="s">
        <v>134325</v>
      </c>
      <c r="G39160" s="1" t="s">
        <v>134258</v>
      </c>
      <c r="H39160" s="1" t="s">
        <v>134259</v>
      </c>
      <c r="I39160" s="1" t="s">
        <v>126615</v>
      </c>
      <c r="J39160" s="1" t="s">
        <v>134326</v>
      </c>
    </row>
    <row r="39161" spans="1:10" x14ac:dyDescent="0.35">
      <c r="A39161" s="1" t="s">
        <v>134255</v>
      </c>
      <c r="B39161" s="1" t="s">
        <v>126612</v>
      </c>
      <c r="C39161" s="1" t="s">
        <v>115</v>
      </c>
      <c r="D39161" s="1" t="s">
        <v>134327</v>
      </c>
      <c r="E39161" s="1" t="s">
        <v>134328</v>
      </c>
      <c r="F39161" s="1" t="s">
        <v>134329</v>
      </c>
      <c r="G39161" s="1" t="s">
        <v>134258</v>
      </c>
      <c r="H39161" s="1" t="s">
        <v>134259</v>
      </c>
      <c r="I39161" s="1" t="s">
        <v>126615</v>
      </c>
      <c r="J39161" s="1" t="s">
        <v>134330</v>
      </c>
    </row>
    <row r="39162" spans="1:10" x14ac:dyDescent="0.35">
      <c r="A39162" s="1" t="s">
        <v>134255</v>
      </c>
      <c r="B39162" s="1" t="s">
        <v>126612</v>
      </c>
      <c r="C39162" s="1" t="s">
        <v>120</v>
      </c>
      <c r="D39162" s="1" t="s">
        <v>134331</v>
      </c>
      <c r="E39162" s="1" t="s">
        <v>134332</v>
      </c>
      <c r="F39162" s="1" t="s">
        <v>112637</v>
      </c>
      <c r="G39162" s="1" t="s">
        <v>134258</v>
      </c>
      <c r="H39162" s="1" t="s">
        <v>134259</v>
      </c>
      <c r="I39162" s="1" t="s">
        <v>126615</v>
      </c>
      <c r="J39162" s="1" t="s">
        <v>134333</v>
      </c>
    </row>
    <row r="39163" spans="1:10" x14ac:dyDescent="0.35">
      <c r="A39163" s="1" t="s">
        <v>134255</v>
      </c>
      <c r="B39163" s="1" t="s">
        <v>126612</v>
      </c>
      <c r="C39163" s="1" t="s">
        <v>125</v>
      </c>
      <c r="D39163" s="1" t="s">
        <v>134334</v>
      </c>
      <c r="E39163" s="1" t="s">
        <v>134335</v>
      </c>
      <c r="F39163" s="1" t="s">
        <v>134336</v>
      </c>
      <c r="G39163" s="1" t="s">
        <v>134258</v>
      </c>
      <c r="H39163" s="1" t="s">
        <v>134259</v>
      </c>
      <c r="I39163" s="1" t="s">
        <v>126615</v>
      </c>
      <c r="J39163" s="1" t="s">
        <v>134337</v>
      </c>
    </row>
    <row r="39164" spans="1:10" x14ac:dyDescent="0.35">
      <c r="A39164" s="1" t="s">
        <v>134255</v>
      </c>
      <c r="B39164" s="1" t="s">
        <v>126612</v>
      </c>
      <c r="C39164" s="1" t="s">
        <v>130</v>
      </c>
      <c r="D39164" s="1" t="s">
        <v>134338</v>
      </c>
      <c r="E39164" s="1" t="s">
        <v>134339</v>
      </c>
      <c r="F39164" s="1" t="s">
        <v>106167</v>
      </c>
      <c r="G39164" s="1" t="s">
        <v>134258</v>
      </c>
      <c r="H39164" s="1" t="s">
        <v>134259</v>
      </c>
      <c r="I39164" s="1" t="s">
        <v>126615</v>
      </c>
      <c r="J39164" s="1" t="s">
        <v>134340</v>
      </c>
    </row>
    <row r="39165" spans="1:10" x14ac:dyDescent="0.35">
      <c r="A39165" s="1" t="s">
        <v>134255</v>
      </c>
      <c r="B39165" s="1" t="s">
        <v>126612</v>
      </c>
      <c r="C39165" s="1" t="s">
        <v>135</v>
      </c>
      <c r="D39165" s="1" t="s">
        <v>134341</v>
      </c>
      <c r="E39165" s="1" t="s">
        <v>134342</v>
      </c>
      <c r="F39165" s="1" t="s">
        <v>128480</v>
      </c>
      <c r="G39165" s="1" t="s">
        <v>134258</v>
      </c>
      <c r="H39165" s="1" t="s">
        <v>134259</v>
      </c>
      <c r="I39165" s="1" t="s">
        <v>126615</v>
      </c>
      <c r="J39165" s="1" t="s">
        <v>134343</v>
      </c>
    </row>
    <row r="39166" spans="1:10" x14ac:dyDescent="0.35">
      <c r="A39166" s="1" t="s">
        <v>134255</v>
      </c>
      <c r="B39166" s="1" t="s">
        <v>126612</v>
      </c>
      <c r="C39166" s="1" t="s">
        <v>140</v>
      </c>
      <c r="D39166" s="1" t="s">
        <v>53867</v>
      </c>
      <c r="E39166" s="1" t="s">
        <v>134344</v>
      </c>
      <c r="F39166" s="1" t="s">
        <v>134345</v>
      </c>
      <c r="G39166" s="1" t="s">
        <v>134258</v>
      </c>
      <c r="H39166" s="1" t="s">
        <v>134259</v>
      </c>
      <c r="I39166" s="1" t="s">
        <v>126615</v>
      </c>
      <c r="J39166" s="1" t="s">
        <v>134346</v>
      </c>
    </row>
    <row r="39167" spans="1:10" x14ac:dyDescent="0.35">
      <c r="A39167" s="1" t="s">
        <v>134255</v>
      </c>
      <c r="B39167" s="1" t="s">
        <v>126612</v>
      </c>
      <c r="C39167" s="1" t="s">
        <v>145</v>
      </c>
      <c r="D39167" s="1" t="s">
        <v>69428</v>
      </c>
      <c r="E39167" s="1" t="s">
        <v>134347</v>
      </c>
      <c r="F39167" s="1" t="s">
        <v>134348</v>
      </c>
      <c r="G39167" s="1" t="s">
        <v>134258</v>
      </c>
      <c r="H39167" s="1" t="s">
        <v>134259</v>
      </c>
      <c r="I39167" s="1" t="s">
        <v>126615</v>
      </c>
      <c r="J39167" s="1" t="s">
        <v>134349</v>
      </c>
    </row>
    <row r="39168" spans="1:10" x14ac:dyDescent="0.35">
      <c r="A39168" s="1" t="s">
        <v>134255</v>
      </c>
      <c r="B39168" s="1" t="s">
        <v>126612</v>
      </c>
      <c r="C39168" s="1" t="s">
        <v>150</v>
      </c>
      <c r="D39168" s="1" t="s">
        <v>53863</v>
      </c>
      <c r="E39168" s="1" t="s">
        <v>134350</v>
      </c>
      <c r="F39168" s="1" t="s">
        <v>134351</v>
      </c>
      <c r="G39168" s="1" t="s">
        <v>134258</v>
      </c>
      <c r="H39168" s="1" t="s">
        <v>134259</v>
      </c>
      <c r="I39168" s="1" t="s">
        <v>126615</v>
      </c>
      <c r="J39168" s="1" t="s">
        <v>134352</v>
      </c>
    </row>
    <row r="39169" spans="1:10" x14ac:dyDescent="0.35">
      <c r="A39169" s="1" t="s">
        <v>134255</v>
      </c>
      <c r="B39169" s="1" t="s">
        <v>126612</v>
      </c>
      <c r="C39169" s="1" t="s">
        <v>155</v>
      </c>
      <c r="D39169" s="1" t="s">
        <v>80990</v>
      </c>
      <c r="E39169" s="1" t="s">
        <v>134353</v>
      </c>
      <c r="F39169" s="1" t="s">
        <v>134354</v>
      </c>
      <c r="G39169" s="1" t="s">
        <v>134258</v>
      </c>
      <c r="H39169" s="1" t="s">
        <v>134259</v>
      </c>
      <c r="I39169" s="1" t="s">
        <v>126615</v>
      </c>
      <c r="J39169" s="1" t="s">
        <v>134355</v>
      </c>
    </row>
    <row r="39170" spans="1:10" x14ac:dyDescent="0.35">
      <c r="A39170" s="1" t="s">
        <v>134255</v>
      </c>
      <c r="B39170" s="1" t="s">
        <v>126612</v>
      </c>
      <c r="C39170" s="1" t="s">
        <v>160</v>
      </c>
      <c r="D39170" s="1" t="s">
        <v>134356</v>
      </c>
      <c r="E39170" s="1" t="s">
        <v>134357</v>
      </c>
      <c r="F39170" s="1" t="s">
        <v>134358</v>
      </c>
      <c r="G39170" s="1" t="s">
        <v>134258</v>
      </c>
      <c r="H39170" s="1" t="s">
        <v>134259</v>
      </c>
      <c r="I39170" s="1" t="s">
        <v>126615</v>
      </c>
      <c r="J39170" s="1" t="s">
        <v>134359</v>
      </c>
    </row>
    <row r="39171" spans="1:10" x14ac:dyDescent="0.35">
      <c r="A39171" s="1" t="s">
        <v>134255</v>
      </c>
      <c r="B39171" s="1" t="s">
        <v>126612</v>
      </c>
      <c r="C39171" s="1" t="s">
        <v>165</v>
      </c>
      <c r="D39171" s="1" t="s">
        <v>101096</v>
      </c>
      <c r="E39171" s="1" t="s">
        <v>22668</v>
      </c>
      <c r="F39171" s="1" t="s">
        <v>134360</v>
      </c>
      <c r="G39171" s="1" t="s">
        <v>134258</v>
      </c>
      <c r="H39171" s="1" t="s">
        <v>134259</v>
      </c>
      <c r="I39171" s="1" t="s">
        <v>126615</v>
      </c>
      <c r="J39171" s="1" t="s">
        <v>134361</v>
      </c>
    </row>
    <row r="39172" spans="1:10" x14ac:dyDescent="0.35">
      <c r="A39172" s="1" t="s">
        <v>134255</v>
      </c>
      <c r="B39172" s="1" t="s">
        <v>126612</v>
      </c>
      <c r="C39172" s="1" t="s">
        <v>170</v>
      </c>
      <c r="D39172" s="1" t="s">
        <v>134362</v>
      </c>
      <c r="E39172" s="1" t="s">
        <v>134363</v>
      </c>
      <c r="F39172" s="1" t="s">
        <v>134364</v>
      </c>
      <c r="G39172" s="1" t="s">
        <v>134258</v>
      </c>
      <c r="H39172" s="1" t="s">
        <v>134259</v>
      </c>
      <c r="I39172" s="1" t="s">
        <v>126615</v>
      </c>
      <c r="J39172" s="1" t="s">
        <v>134365</v>
      </c>
    </row>
    <row r="39173" spans="1:10" x14ac:dyDescent="0.35">
      <c r="A39173" s="1" t="s">
        <v>28498</v>
      </c>
      <c r="B39173" s="1" t="s">
        <v>126612</v>
      </c>
      <c r="C39173" s="1" t="s">
        <v>8</v>
      </c>
      <c r="D39173" s="1" t="s">
        <v>134327</v>
      </c>
      <c r="E39173" s="1" t="s">
        <v>134366</v>
      </c>
      <c r="F39173" s="1" t="s">
        <v>134367</v>
      </c>
      <c r="G39173" s="1" t="s">
        <v>134368</v>
      </c>
      <c r="H39173" s="1" t="s">
        <v>134369</v>
      </c>
      <c r="I39173" s="1" t="s">
        <v>126615</v>
      </c>
      <c r="J39173" s="1" t="s">
        <v>13</v>
      </c>
    </row>
    <row r="39174" spans="1:10" x14ac:dyDescent="0.35">
      <c r="A39174" s="1" t="s">
        <v>28498</v>
      </c>
      <c r="B39174" s="1" t="s">
        <v>126612</v>
      </c>
      <c r="C39174" s="1" t="s">
        <v>15</v>
      </c>
      <c r="D39174" s="1" t="s">
        <v>134370</v>
      </c>
      <c r="E39174" s="1" t="s">
        <v>134371</v>
      </c>
      <c r="F39174" s="1" t="s">
        <v>134372</v>
      </c>
      <c r="G39174" s="1" t="s">
        <v>134368</v>
      </c>
      <c r="H39174" s="1" t="s">
        <v>134369</v>
      </c>
      <c r="I39174" s="1" t="s">
        <v>126615</v>
      </c>
      <c r="J39174" s="1" t="s">
        <v>134373</v>
      </c>
    </row>
    <row r="39175" spans="1:10" x14ac:dyDescent="0.35">
      <c r="A39175" s="1" t="s">
        <v>28498</v>
      </c>
      <c r="B39175" s="1" t="s">
        <v>126612</v>
      </c>
      <c r="C39175" s="1" t="s">
        <v>20</v>
      </c>
      <c r="D39175" s="1" t="s">
        <v>26470</v>
      </c>
      <c r="E39175" s="1" t="s">
        <v>134374</v>
      </c>
      <c r="F39175" s="1" t="s">
        <v>134375</v>
      </c>
      <c r="G39175" s="1" t="s">
        <v>134368</v>
      </c>
      <c r="H39175" s="1" t="s">
        <v>134369</v>
      </c>
      <c r="I39175" s="1" t="s">
        <v>126615</v>
      </c>
      <c r="J39175" s="1" t="s">
        <v>134376</v>
      </c>
    </row>
    <row r="39176" spans="1:10" x14ac:dyDescent="0.35">
      <c r="A39176" s="1" t="s">
        <v>28498</v>
      </c>
      <c r="B39176" s="1" t="s">
        <v>126612</v>
      </c>
      <c r="C39176" s="1" t="s">
        <v>25</v>
      </c>
      <c r="D39176" s="1" t="s">
        <v>134377</v>
      </c>
      <c r="E39176" s="1" t="s">
        <v>134378</v>
      </c>
      <c r="F39176" s="1" t="s">
        <v>134379</v>
      </c>
      <c r="G39176" s="1" t="s">
        <v>134368</v>
      </c>
      <c r="H39176" s="1" t="s">
        <v>134369</v>
      </c>
      <c r="I39176" s="1" t="s">
        <v>126615</v>
      </c>
      <c r="J39176" s="1" t="s">
        <v>134380</v>
      </c>
    </row>
    <row r="39177" spans="1:10" x14ac:dyDescent="0.35">
      <c r="A39177" s="1" t="s">
        <v>28498</v>
      </c>
      <c r="B39177" s="1" t="s">
        <v>126612</v>
      </c>
      <c r="C39177" s="1" t="s">
        <v>30</v>
      </c>
      <c r="D39177" s="1" t="s">
        <v>134381</v>
      </c>
      <c r="E39177" s="1" t="s">
        <v>134382</v>
      </c>
      <c r="F39177" s="1" t="s">
        <v>134383</v>
      </c>
      <c r="G39177" s="1" t="s">
        <v>134368</v>
      </c>
      <c r="H39177" s="1" t="s">
        <v>134369</v>
      </c>
      <c r="I39177" s="1" t="s">
        <v>126615</v>
      </c>
      <c r="J39177" s="1" t="s">
        <v>134384</v>
      </c>
    </row>
    <row r="39178" spans="1:10" x14ac:dyDescent="0.35">
      <c r="A39178" s="1" t="s">
        <v>28498</v>
      </c>
      <c r="B39178" s="1" t="s">
        <v>126612</v>
      </c>
      <c r="C39178" s="1" t="s">
        <v>35</v>
      </c>
      <c r="D39178" s="1" t="s">
        <v>134385</v>
      </c>
      <c r="E39178" s="1" t="s">
        <v>134386</v>
      </c>
      <c r="F39178" s="1" t="s">
        <v>134387</v>
      </c>
      <c r="G39178" s="1" t="s">
        <v>134368</v>
      </c>
      <c r="H39178" s="1" t="s">
        <v>134369</v>
      </c>
      <c r="I39178" s="1" t="s">
        <v>126615</v>
      </c>
      <c r="J39178" s="1" t="s">
        <v>134388</v>
      </c>
    </row>
    <row r="39179" spans="1:10" x14ac:dyDescent="0.35">
      <c r="A39179" s="1" t="s">
        <v>28498</v>
      </c>
      <c r="B39179" s="1" t="s">
        <v>126612</v>
      </c>
      <c r="C39179" s="1" t="s">
        <v>40</v>
      </c>
      <c r="D39179" s="1" t="s">
        <v>134389</v>
      </c>
      <c r="E39179" s="1" t="s">
        <v>134390</v>
      </c>
      <c r="F39179" s="1" t="s">
        <v>134391</v>
      </c>
      <c r="G39179" s="1" t="s">
        <v>134368</v>
      </c>
      <c r="H39179" s="1" t="s">
        <v>134369</v>
      </c>
      <c r="I39179" s="1" t="s">
        <v>126615</v>
      </c>
      <c r="J39179" s="1" t="s">
        <v>134392</v>
      </c>
    </row>
    <row r="39180" spans="1:10" x14ac:dyDescent="0.35">
      <c r="A39180" s="1" t="s">
        <v>28498</v>
      </c>
      <c r="B39180" s="1" t="s">
        <v>126612</v>
      </c>
      <c r="C39180" s="1" t="s">
        <v>45</v>
      </c>
      <c r="D39180" s="1" t="s">
        <v>81289</v>
      </c>
      <c r="E39180" s="1" t="s">
        <v>134393</v>
      </c>
      <c r="F39180" s="1" t="s">
        <v>134394</v>
      </c>
      <c r="G39180" s="1" t="s">
        <v>134368</v>
      </c>
      <c r="H39180" s="1" t="s">
        <v>134369</v>
      </c>
      <c r="I39180" s="1" t="s">
        <v>126615</v>
      </c>
      <c r="J39180" s="1" t="s">
        <v>134395</v>
      </c>
    </row>
    <row r="39181" spans="1:10" x14ac:dyDescent="0.35">
      <c r="A39181" s="1" t="s">
        <v>28498</v>
      </c>
      <c r="B39181" s="1" t="s">
        <v>126612</v>
      </c>
      <c r="C39181" s="1" t="s">
        <v>50</v>
      </c>
      <c r="D39181" s="1" t="s">
        <v>55823</v>
      </c>
      <c r="E39181" s="1" t="s">
        <v>134396</v>
      </c>
      <c r="F39181" s="1" t="s">
        <v>134397</v>
      </c>
      <c r="G39181" s="1" t="s">
        <v>134368</v>
      </c>
      <c r="H39181" s="1" t="s">
        <v>134369</v>
      </c>
      <c r="I39181" s="1" t="s">
        <v>126615</v>
      </c>
      <c r="J39181" s="1" t="s">
        <v>134398</v>
      </c>
    </row>
    <row r="39182" spans="1:10" x14ac:dyDescent="0.35">
      <c r="A39182" s="1" t="s">
        <v>28498</v>
      </c>
      <c r="B39182" s="1" t="s">
        <v>126612</v>
      </c>
      <c r="C39182" s="1" t="s">
        <v>55</v>
      </c>
      <c r="D39182" s="1" t="s">
        <v>100680</v>
      </c>
      <c r="E39182" s="1" t="s">
        <v>134399</v>
      </c>
      <c r="F39182" s="1" t="s">
        <v>134400</v>
      </c>
      <c r="G39182" s="1" t="s">
        <v>134368</v>
      </c>
      <c r="H39182" s="1" t="s">
        <v>134369</v>
      </c>
      <c r="I39182" s="1" t="s">
        <v>126615</v>
      </c>
      <c r="J39182" s="1" t="s">
        <v>134401</v>
      </c>
    </row>
    <row r="39183" spans="1:10" x14ac:dyDescent="0.35">
      <c r="A39183" s="1" t="s">
        <v>28498</v>
      </c>
      <c r="B39183" s="1" t="s">
        <v>126612</v>
      </c>
      <c r="C39183" s="1" t="s">
        <v>60</v>
      </c>
      <c r="D39183" s="1" t="s">
        <v>134402</v>
      </c>
      <c r="E39183" s="1" t="s">
        <v>134403</v>
      </c>
      <c r="F39183" s="1" t="s">
        <v>134404</v>
      </c>
      <c r="G39183" s="1" t="s">
        <v>134368</v>
      </c>
      <c r="H39183" s="1" t="s">
        <v>134369</v>
      </c>
      <c r="I39183" s="1" t="s">
        <v>126615</v>
      </c>
      <c r="J39183" s="1" t="s">
        <v>134405</v>
      </c>
    </row>
    <row r="39184" spans="1:10" x14ac:dyDescent="0.35">
      <c r="A39184" s="1" t="s">
        <v>28498</v>
      </c>
      <c r="B39184" s="1" t="s">
        <v>126612</v>
      </c>
      <c r="C39184" s="1" t="s">
        <v>65</v>
      </c>
      <c r="D39184" s="1" t="s">
        <v>134406</v>
      </c>
      <c r="E39184" s="1" t="s">
        <v>134407</v>
      </c>
      <c r="F39184" s="1" t="s">
        <v>134408</v>
      </c>
      <c r="G39184" s="1" t="s">
        <v>134368</v>
      </c>
      <c r="H39184" s="1" t="s">
        <v>134369</v>
      </c>
      <c r="I39184" s="1" t="s">
        <v>126615</v>
      </c>
      <c r="J39184" s="1" t="s">
        <v>134409</v>
      </c>
    </row>
    <row r="39185" spans="1:10" x14ac:dyDescent="0.35">
      <c r="A39185" s="1" t="s">
        <v>28498</v>
      </c>
      <c r="B39185" s="1" t="s">
        <v>126612</v>
      </c>
      <c r="C39185" s="1" t="s">
        <v>70</v>
      </c>
      <c r="D39185" s="1" t="s">
        <v>134410</v>
      </c>
      <c r="E39185" s="1" t="s">
        <v>134411</v>
      </c>
      <c r="F39185" s="1" t="s">
        <v>134412</v>
      </c>
      <c r="G39185" s="1" t="s">
        <v>134368</v>
      </c>
      <c r="H39185" s="1" t="s">
        <v>134369</v>
      </c>
      <c r="I39185" s="1" t="s">
        <v>126615</v>
      </c>
      <c r="J39185" s="1" t="s">
        <v>134413</v>
      </c>
    </row>
    <row r="39186" spans="1:10" x14ac:dyDescent="0.35">
      <c r="A39186" s="1" t="s">
        <v>28498</v>
      </c>
      <c r="B39186" s="1" t="s">
        <v>126612</v>
      </c>
      <c r="C39186" s="1" t="s">
        <v>75</v>
      </c>
      <c r="D39186" s="1" t="s">
        <v>134414</v>
      </c>
      <c r="E39186" s="1" t="s">
        <v>134415</v>
      </c>
      <c r="F39186" s="1" t="s">
        <v>134416</v>
      </c>
      <c r="G39186" s="1" t="s">
        <v>134368</v>
      </c>
      <c r="H39186" s="1" t="s">
        <v>134369</v>
      </c>
      <c r="I39186" s="1" t="s">
        <v>126615</v>
      </c>
      <c r="J39186" s="1" t="s">
        <v>134417</v>
      </c>
    </row>
    <row r="39187" spans="1:10" x14ac:dyDescent="0.35">
      <c r="A39187" s="1" t="s">
        <v>28498</v>
      </c>
      <c r="B39187" s="1" t="s">
        <v>126612</v>
      </c>
      <c r="C39187" s="1" t="s">
        <v>80</v>
      </c>
      <c r="D39187" s="1" t="s">
        <v>134418</v>
      </c>
      <c r="E39187" s="1" t="s">
        <v>134419</v>
      </c>
      <c r="F39187" s="1" t="s">
        <v>134420</v>
      </c>
      <c r="G39187" s="1" t="s">
        <v>134368</v>
      </c>
      <c r="H39187" s="1" t="s">
        <v>134369</v>
      </c>
      <c r="I39187" s="1" t="s">
        <v>126615</v>
      </c>
      <c r="J39187" s="1" t="s">
        <v>134421</v>
      </c>
    </row>
    <row r="39188" spans="1:10" x14ac:dyDescent="0.35">
      <c r="A39188" s="1" t="s">
        <v>28498</v>
      </c>
      <c r="B39188" s="1" t="s">
        <v>126612</v>
      </c>
      <c r="C39188" s="1" t="s">
        <v>85</v>
      </c>
      <c r="D39188" s="1" t="s">
        <v>134422</v>
      </c>
      <c r="E39188" s="1" t="s">
        <v>134423</v>
      </c>
      <c r="F39188" s="1" t="s">
        <v>134424</v>
      </c>
      <c r="G39188" s="1" t="s">
        <v>134368</v>
      </c>
      <c r="H39188" s="1" t="s">
        <v>134369</v>
      </c>
      <c r="I39188" s="1" t="s">
        <v>126615</v>
      </c>
      <c r="J39188" s="1" t="s">
        <v>134425</v>
      </c>
    </row>
    <row r="39189" spans="1:10" x14ac:dyDescent="0.35">
      <c r="A39189" s="1" t="s">
        <v>28498</v>
      </c>
      <c r="B39189" s="1" t="s">
        <v>126612</v>
      </c>
      <c r="C39189" s="1" t="s">
        <v>90</v>
      </c>
      <c r="D39189" s="1" t="s">
        <v>134426</v>
      </c>
      <c r="E39189" s="1" t="s">
        <v>134427</v>
      </c>
      <c r="F39189" s="1" t="s">
        <v>134428</v>
      </c>
      <c r="G39189" s="1" t="s">
        <v>134368</v>
      </c>
      <c r="H39189" s="1" t="s">
        <v>134369</v>
      </c>
      <c r="I39189" s="1" t="s">
        <v>126615</v>
      </c>
      <c r="J39189" s="1" t="s">
        <v>134429</v>
      </c>
    </row>
    <row r="39190" spans="1:10" x14ac:dyDescent="0.35">
      <c r="A39190" s="1" t="s">
        <v>28498</v>
      </c>
      <c r="B39190" s="1" t="s">
        <v>126612</v>
      </c>
      <c r="C39190" s="1" t="s">
        <v>95</v>
      </c>
      <c r="D39190" s="1" t="s">
        <v>59065</v>
      </c>
      <c r="E39190" s="1" t="s">
        <v>134430</v>
      </c>
      <c r="F39190" s="1" t="s">
        <v>134431</v>
      </c>
      <c r="G39190" s="1" t="s">
        <v>134368</v>
      </c>
      <c r="H39190" s="1" t="s">
        <v>134369</v>
      </c>
      <c r="I39190" s="1" t="s">
        <v>126615</v>
      </c>
      <c r="J39190" s="1" t="s">
        <v>134432</v>
      </c>
    </row>
    <row r="39191" spans="1:10" x14ac:dyDescent="0.35">
      <c r="A39191" s="1" t="s">
        <v>28498</v>
      </c>
      <c r="B39191" s="1" t="s">
        <v>126612</v>
      </c>
      <c r="C39191" s="1" t="s">
        <v>100</v>
      </c>
      <c r="D39191" s="1" t="s">
        <v>134433</v>
      </c>
      <c r="E39191" s="1" t="s">
        <v>134434</v>
      </c>
      <c r="F39191" s="1" t="s">
        <v>134435</v>
      </c>
      <c r="G39191" s="1" t="s">
        <v>134368</v>
      </c>
      <c r="H39191" s="1" t="s">
        <v>134369</v>
      </c>
      <c r="I39191" s="1" t="s">
        <v>126615</v>
      </c>
      <c r="J39191" s="1" t="s">
        <v>134436</v>
      </c>
    </row>
    <row r="39192" spans="1:10" x14ac:dyDescent="0.35">
      <c r="A39192" s="1" t="s">
        <v>28498</v>
      </c>
      <c r="B39192" s="1" t="s">
        <v>126612</v>
      </c>
      <c r="C39192" s="1" t="s">
        <v>105</v>
      </c>
      <c r="D39192" s="1" t="s">
        <v>134437</v>
      </c>
      <c r="E39192" s="1" t="s">
        <v>134438</v>
      </c>
      <c r="F39192" s="1" t="s">
        <v>134439</v>
      </c>
      <c r="G39192" s="1" t="s">
        <v>134368</v>
      </c>
      <c r="H39192" s="1" t="s">
        <v>134369</v>
      </c>
      <c r="I39192" s="1" t="s">
        <v>126615</v>
      </c>
      <c r="J39192" s="1" t="s">
        <v>134440</v>
      </c>
    </row>
    <row r="39193" spans="1:10" x14ac:dyDescent="0.35">
      <c r="A39193" s="1" t="s">
        <v>28498</v>
      </c>
      <c r="B39193" s="1" t="s">
        <v>126612</v>
      </c>
      <c r="C39193" s="1" t="s">
        <v>110</v>
      </c>
      <c r="D39193" s="1" t="s">
        <v>54578</v>
      </c>
      <c r="E39193" s="1" t="s">
        <v>134441</v>
      </c>
      <c r="F39193" s="1" t="s">
        <v>134442</v>
      </c>
      <c r="G39193" s="1" t="s">
        <v>134368</v>
      </c>
      <c r="H39193" s="1" t="s">
        <v>134369</v>
      </c>
      <c r="I39193" s="1" t="s">
        <v>126615</v>
      </c>
      <c r="J39193" s="1" t="s">
        <v>134443</v>
      </c>
    </row>
    <row r="39194" spans="1:10" x14ac:dyDescent="0.35">
      <c r="A39194" s="1" t="s">
        <v>28498</v>
      </c>
      <c r="B39194" s="1" t="s">
        <v>126612</v>
      </c>
      <c r="C39194" s="1" t="s">
        <v>115</v>
      </c>
      <c r="D39194" s="1" t="s">
        <v>69994</v>
      </c>
      <c r="E39194" s="1" t="s">
        <v>134444</v>
      </c>
      <c r="F39194" s="1" t="s">
        <v>134445</v>
      </c>
      <c r="G39194" s="1" t="s">
        <v>134368</v>
      </c>
      <c r="H39194" s="1" t="s">
        <v>134369</v>
      </c>
      <c r="I39194" s="1" t="s">
        <v>126615</v>
      </c>
      <c r="J39194" s="1" t="s">
        <v>134446</v>
      </c>
    </row>
    <row r="39195" spans="1:10" x14ac:dyDescent="0.35">
      <c r="A39195" s="1" t="s">
        <v>28498</v>
      </c>
      <c r="B39195" s="1" t="s">
        <v>126612</v>
      </c>
      <c r="C39195" s="1" t="s">
        <v>120</v>
      </c>
      <c r="D39195" s="1" t="s">
        <v>134447</v>
      </c>
      <c r="E39195" s="1" t="s">
        <v>134448</v>
      </c>
      <c r="F39195" s="1" t="s">
        <v>134449</v>
      </c>
      <c r="G39195" s="1" t="s">
        <v>134368</v>
      </c>
      <c r="H39195" s="1" t="s">
        <v>134369</v>
      </c>
      <c r="I39195" s="1" t="s">
        <v>126615</v>
      </c>
      <c r="J39195" s="1" t="s">
        <v>134450</v>
      </c>
    </row>
    <row r="39196" spans="1:10" x14ac:dyDescent="0.35">
      <c r="A39196" s="1" t="s">
        <v>28498</v>
      </c>
      <c r="B39196" s="1" t="s">
        <v>126612</v>
      </c>
      <c r="C39196" s="1" t="s">
        <v>125</v>
      </c>
      <c r="D39196" s="1" t="s">
        <v>4972</v>
      </c>
      <c r="E39196" s="1" t="s">
        <v>134451</v>
      </c>
      <c r="F39196" s="1" t="s">
        <v>134452</v>
      </c>
      <c r="G39196" s="1" t="s">
        <v>134368</v>
      </c>
      <c r="H39196" s="1" t="s">
        <v>134369</v>
      </c>
      <c r="I39196" s="1" t="s">
        <v>126615</v>
      </c>
      <c r="J39196" s="1" t="s">
        <v>134453</v>
      </c>
    </row>
    <row r="39197" spans="1:10" x14ac:dyDescent="0.35">
      <c r="A39197" s="1" t="s">
        <v>28498</v>
      </c>
      <c r="B39197" s="1" t="s">
        <v>126612</v>
      </c>
      <c r="C39197" s="1" t="s">
        <v>130</v>
      </c>
      <c r="D39197" s="1" t="s">
        <v>134454</v>
      </c>
      <c r="E39197" s="1" t="s">
        <v>134455</v>
      </c>
      <c r="F39197" s="1" t="s">
        <v>134456</v>
      </c>
      <c r="G39197" s="1" t="s">
        <v>134368</v>
      </c>
      <c r="H39197" s="1" t="s">
        <v>134369</v>
      </c>
      <c r="I39197" s="1" t="s">
        <v>126615</v>
      </c>
      <c r="J39197" s="1" t="s">
        <v>134457</v>
      </c>
    </row>
    <row r="39198" spans="1:10" x14ac:dyDescent="0.35">
      <c r="A39198" s="1" t="s">
        <v>28498</v>
      </c>
      <c r="B39198" s="1" t="s">
        <v>126612</v>
      </c>
      <c r="C39198" s="1" t="s">
        <v>135</v>
      </c>
      <c r="D39198" s="1" t="s">
        <v>134458</v>
      </c>
      <c r="E39198" s="1" t="s">
        <v>134459</v>
      </c>
      <c r="F39198" s="1" t="s">
        <v>134460</v>
      </c>
      <c r="G39198" s="1" t="s">
        <v>134368</v>
      </c>
      <c r="H39198" s="1" t="s">
        <v>134369</v>
      </c>
      <c r="I39198" s="1" t="s">
        <v>126615</v>
      </c>
      <c r="J39198" s="1" t="s">
        <v>134461</v>
      </c>
    </row>
    <row r="39199" spans="1:10" x14ac:dyDescent="0.35">
      <c r="A39199" s="1" t="s">
        <v>28498</v>
      </c>
      <c r="B39199" s="1" t="s">
        <v>126612</v>
      </c>
      <c r="C39199" s="1" t="s">
        <v>140</v>
      </c>
      <c r="D39199" s="1" t="s">
        <v>134462</v>
      </c>
      <c r="E39199" s="1" t="s">
        <v>134463</v>
      </c>
      <c r="F39199" s="1" t="s">
        <v>134464</v>
      </c>
      <c r="G39199" s="1" t="s">
        <v>134368</v>
      </c>
      <c r="H39199" s="1" t="s">
        <v>134369</v>
      </c>
      <c r="I39199" s="1" t="s">
        <v>126615</v>
      </c>
      <c r="J39199" s="1" t="s">
        <v>134465</v>
      </c>
    </row>
    <row r="39200" spans="1:10" x14ac:dyDescent="0.35">
      <c r="A39200" s="1" t="s">
        <v>28498</v>
      </c>
      <c r="B39200" s="1" t="s">
        <v>126612</v>
      </c>
      <c r="C39200" s="1" t="s">
        <v>145</v>
      </c>
      <c r="D39200" s="1" t="s">
        <v>134466</v>
      </c>
      <c r="E39200" s="1" t="s">
        <v>134467</v>
      </c>
      <c r="F39200" s="1" t="s">
        <v>134468</v>
      </c>
      <c r="G39200" s="1" t="s">
        <v>134368</v>
      </c>
      <c r="H39200" s="1" t="s">
        <v>134369</v>
      </c>
      <c r="I39200" s="1" t="s">
        <v>126615</v>
      </c>
      <c r="J39200" s="1" t="s">
        <v>134469</v>
      </c>
    </row>
    <row r="39201" spans="1:10" x14ac:dyDescent="0.35">
      <c r="A39201" s="1" t="s">
        <v>28498</v>
      </c>
      <c r="B39201" s="1" t="s">
        <v>126612</v>
      </c>
      <c r="C39201" s="1" t="s">
        <v>150</v>
      </c>
      <c r="D39201" s="1" t="s">
        <v>134470</v>
      </c>
      <c r="E39201" s="1" t="s">
        <v>134471</v>
      </c>
      <c r="F39201" s="1" t="s">
        <v>134472</v>
      </c>
      <c r="G39201" s="1" t="s">
        <v>134368</v>
      </c>
      <c r="H39201" s="1" t="s">
        <v>134369</v>
      </c>
      <c r="I39201" s="1" t="s">
        <v>126615</v>
      </c>
      <c r="J39201" s="1" t="s">
        <v>134473</v>
      </c>
    </row>
    <row r="39202" spans="1:10" x14ac:dyDescent="0.35">
      <c r="A39202" s="1" t="s">
        <v>28498</v>
      </c>
      <c r="B39202" s="1" t="s">
        <v>126612</v>
      </c>
      <c r="C39202" s="1" t="s">
        <v>155</v>
      </c>
      <c r="D39202" s="1" t="s">
        <v>134474</v>
      </c>
      <c r="E39202" s="1" t="s">
        <v>134475</v>
      </c>
      <c r="F39202" s="1" t="s">
        <v>134476</v>
      </c>
      <c r="G39202" s="1" t="s">
        <v>134368</v>
      </c>
      <c r="H39202" s="1" t="s">
        <v>134369</v>
      </c>
      <c r="I39202" s="1" t="s">
        <v>126615</v>
      </c>
      <c r="J39202" s="1" t="s">
        <v>134477</v>
      </c>
    </row>
    <row r="39203" spans="1:10" x14ac:dyDescent="0.35">
      <c r="A39203" s="1" t="s">
        <v>28498</v>
      </c>
      <c r="B39203" s="1" t="s">
        <v>126612</v>
      </c>
      <c r="C39203" s="1" t="s">
        <v>160</v>
      </c>
      <c r="D39203" s="1" t="s">
        <v>134478</v>
      </c>
      <c r="E39203" s="1" t="s">
        <v>134479</v>
      </c>
      <c r="F39203" s="1" t="s">
        <v>134480</v>
      </c>
      <c r="G39203" s="1" t="s">
        <v>134368</v>
      </c>
      <c r="H39203" s="1" t="s">
        <v>134369</v>
      </c>
      <c r="I39203" s="1" t="s">
        <v>126615</v>
      </c>
      <c r="J39203" s="1" t="s">
        <v>134481</v>
      </c>
    </row>
    <row r="39204" spans="1:10" x14ac:dyDescent="0.35">
      <c r="A39204" s="1" t="s">
        <v>28498</v>
      </c>
      <c r="B39204" s="1" t="s">
        <v>126612</v>
      </c>
      <c r="C39204" s="1" t="s">
        <v>165</v>
      </c>
      <c r="D39204" s="1" t="s">
        <v>134482</v>
      </c>
      <c r="E39204" s="1" t="s">
        <v>134483</v>
      </c>
      <c r="F39204" s="1" t="s">
        <v>134484</v>
      </c>
      <c r="G39204" s="1" t="s">
        <v>134368</v>
      </c>
      <c r="H39204" s="1" t="s">
        <v>134369</v>
      </c>
      <c r="I39204" s="1" t="s">
        <v>126615</v>
      </c>
      <c r="J39204" s="1" t="s">
        <v>134485</v>
      </c>
    </row>
    <row r="39205" spans="1:10" x14ac:dyDescent="0.35">
      <c r="A39205" s="1" t="s">
        <v>28498</v>
      </c>
      <c r="B39205" s="1" t="s">
        <v>126612</v>
      </c>
      <c r="C39205" s="1" t="s">
        <v>170</v>
      </c>
      <c r="D39205" s="1" t="s">
        <v>90048</v>
      </c>
      <c r="E39205" s="1" t="s">
        <v>134486</v>
      </c>
      <c r="F39205" s="1" t="s">
        <v>134487</v>
      </c>
      <c r="G39205" s="1" t="s">
        <v>134368</v>
      </c>
      <c r="H39205" s="1" t="s">
        <v>134369</v>
      </c>
      <c r="I39205" s="1" t="s">
        <v>126615</v>
      </c>
      <c r="J39205" s="1" t="s">
        <v>134488</v>
      </c>
    </row>
    <row r="39206" spans="1:10" x14ac:dyDescent="0.35">
      <c r="A39206" s="1" t="s">
        <v>4309</v>
      </c>
      <c r="B39206" s="1" t="s">
        <v>126612</v>
      </c>
      <c r="C39206" s="1" t="s">
        <v>8</v>
      </c>
      <c r="D39206" s="1" t="s">
        <v>134489</v>
      </c>
      <c r="E39206" s="1" t="s">
        <v>134490</v>
      </c>
      <c r="F39206" s="1" t="s">
        <v>134491</v>
      </c>
      <c r="G39206" s="1" t="s">
        <v>134492</v>
      </c>
      <c r="H39206" s="1" t="s">
        <v>134493</v>
      </c>
      <c r="I39206" s="1" t="s">
        <v>126615</v>
      </c>
      <c r="J39206" s="1" t="s">
        <v>13</v>
      </c>
    </row>
    <row r="39207" spans="1:10" x14ac:dyDescent="0.35">
      <c r="A39207" s="1" t="s">
        <v>4309</v>
      </c>
      <c r="B39207" s="1" t="s">
        <v>126612</v>
      </c>
      <c r="C39207" s="1" t="s">
        <v>15</v>
      </c>
      <c r="D39207" s="1" t="s">
        <v>134494</v>
      </c>
      <c r="E39207" s="1" t="s">
        <v>134495</v>
      </c>
      <c r="F39207" s="1" t="s">
        <v>134496</v>
      </c>
      <c r="G39207" s="1" t="s">
        <v>134492</v>
      </c>
      <c r="H39207" s="1" t="s">
        <v>134493</v>
      </c>
      <c r="I39207" s="1" t="s">
        <v>126615</v>
      </c>
      <c r="J39207" s="1" t="s">
        <v>134497</v>
      </c>
    </row>
    <row r="39208" spans="1:10" x14ac:dyDescent="0.35">
      <c r="A39208" s="1" t="s">
        <v>4309</v>
      </c>
      <c r="B39208" s="1" t="s">
        <v>126612</v>
      </c>
      <c r="C39208" s="1" t="s">
        <v>20</v>
      </c>
      <c r="D39208" s="1" t="s">
        <v>20070</v>
      </c>
      <c r="E39208" s="1" t="s">
        <v>134498</v>
      </c>
      <c r="F39208" s="1" t="s">
        <v>134499</v>
      </c>
      <c r="G39208" s="1" t="s">
        <v>134492</v>
      </c>
      <c r="H39208" s="1" t="s">
        <v>134493</v>
      </c>
      <c r="I39208" s="1" t="s">
        <v>126615</v>
      </c>
      <c r="J39208" s="1" t="s">
        <v>134500</v>
      </c>
    </row>
    <row r="39209" spans="1:10" x14ac:dyDescent="0.35">
      <c r="A39209" s="1" t="s">
        <v>4309</v>
      </c>
      <c r="B39209" s="1" t="s">
        <v>126612</v>
      </c>
      <c r="C39209" s="1" t="s">
        <v>25</v>
      </c>
      <c r="D39209" s="1" t="s">
        <v>134501</v>
      </c>
      <c r="E39209" s="1" t="s">
        <v>134502</v>
      </c>
      <c r="F39209" s="1" t="s">
        <v>134503</v>
      </c>
      <c r="G39209" s="1" t="s">
        <v>134492</v>
      </c>
      <c r="H39209" s="1" t="s">
        <v>134493</v>
      </c>
      <c r="I39209" s="1" t="s">
        <v>126615</v>
      </c>
      <c r="J39209" s="1" t="s">
        <v>134504</v>
      </c>
    </row>
    <row r="39210" spans="1:10" x14ac:dyDescent="0.35">
      <c r="A39210" s="1" t="s">
        <v>4309</v>
      </c>
      <c r="B39210" s="1" t="s">
        <v>126612</v>
      </c>
      <c r="C39210" s="1" t="s">
        <v>30</v>
      </c>
      <c r="D39210" s="1" t="s">
        <v>134505</v>
      </c>
      <c r="E39210" s="1" t="s">
        <v>134506</v>
      </c>
      <c r="F39210" s="1" t="s">
        <v>134507</v>
      </c>
      <c r="G39210" s="1" t="s">
        <v>134492</v>
      </c>
      <c r="H39210" s="1" t="s">
        <v>134493</v>
      </c>
      <c r="I39210" s="1" t="s">
        <v>126615</v>
      </c>
      <c r="J39210" s="1" t="s">
        <v>134508</v>
      </c>
    </row>
    <row r="39211" spans="1:10" x14ac:dyDescent="0.35">
      <c r="A39211" s="1" t="s">
        <v>4309</v>
      </c>
      <c r="B39211" s="1" t="s">
        <v>126612</v>
      </c>
      <c r="C39211" s="1" t="s">
        <v>35</v>
      </c>
      <c r="D39211" s="1" t="s">
        <v>134509</v>
      </c>
      <c r="E39211" s="1" t="s">
        <v>134510</v>
      </c>
      <c r="F39211" s="1" t="s">
        <v>134511</v>
      </c>
      <c r="G39211" s="1" t="s">
        <v>134492</v>
      </c>
      <c r="H39211" s="1" t="s">
        <v>134493</v>
      </c>
      <c r="I39211" s="1" t="s">
        <v>126615</v>
      </c>
      <c r="J39211" s="1" t="s">
        <v>134512</v>
      </c>
    </row>
    <row r="39212" spans="1:10" x14ac:dyDescent="0.35">
      <c r="A39212" s="1" t="s">
        <v>4309</v>
      </c>
      <c r="B39212" s="1" t="s">
        <v>126612</v>
      </c>
      <c r="C39212" s="1" t="s">
        <v>40</v>
      </c>
      <c r="D39212" s="1" t="s">
        <v>126984</v>
      </c>
      <c r="E39212" s="1" t="s">
        <v>134513</v>
      </c>
      <c r="F39212" s="1" t="s">
        <v>134514</v>
      </c>
      <c r="G39212" s="1" t="s">
        <v>134492</v>
      </c>
      <c r="H39212" s="1" t="s">
        <v>134493</v>
      </c>
      <c r="I39212" s="1" t="s">
        <v>126615</v>
      </c>
      <c r="J39212" s="1" t="s">
        <v>134515</v>
      </c>
    </row>
    <row r="39213" spans="1:10" x14ac:dyDescent="0.35">
      <c r="A39213" s="1" t="s">
        <v>4309</v>
      </c>
      <c r="B39213" s="1" t="s">
        <v>126612</v>
      </c>
      <c r="C39213" s="1" t="s">
        <v>45</v>
      </c>
      <c r="D39213" s="1" t="s">
        <v>131599</v>
      </c>
      <c r="E39213" s="1" t="s">
        <v>134516</v>
      </c>
      <c r="F39213" s="1" t="s">
        <v>134517</v>
      </c>
      <c r="G39213" s="1" t="s">
        <v>134492</v>
      </c>
      <c r="H39213" s="1" t="s">
        <v>134493</v>
      </c>
      <c r="I39213" s="1" t="s">
        <v>126615</v>
      </c>
      <c r="J39213" s="1" t="s">
        <v>134518</v>
      </c>
    </row>
    <row r="39214" spans="1:10" x14ac:dyDescent="0.35">
      <c r="A39214" s="1" t="s">
        <v>4309</v>
      </c>
      <c r="B39214" s="1" t="s">
        <v>126612</v>
      </c>
      <c r="C39214" s="1" t="s">
        <v>50</v>
      </c>
      <c r="D39214" s="1" t="s">
        <v>134519</v>
      </c>
      <c r="E39214" s="1" t="s">
        <v>134520</v>
      </c>
      <c r="F39214" s="1" t="s">
        <v>134521</v>
      </c>
      <c r="G39214" s="1" t="s">
        <v>134492</v>
      </c>
      <c r="H39214" s="1" t="s">
        <v>134493</v>
      </c>
      <c r="I39214" s="1" t="s">
        <v>126615</v>
      </c>
      <c r="J39214" s="1" t="s">
        <v>134522</v>
      </c>
    </row>
    <row r="39215" spans="1:10" x14ac:dyDescent="0.35">
      <c r="A39215" s="1" t="s">
        <v>4309</v>
      </c>
      <c r="B39215" s="1" t="s">
        <v>126612</v>
      </c>
      <c r="C39215" s="1" t="s">
        <v>55</v>
      </c>
      <c r="D39215" s="1" t="s">
        <v>134523</v>
      </c>
      <c r="E39215" s="1" t="s">
        <v>134524</v>
      </c>
      <c r="F39215" s="1" t="s">
        <v>134525</v>
      </c>
      <c r="G39215" s="1" t="s">
        <v>134492</v>
      </c>
      <c r="H39215" s="1" t="s">
        <v>134493</v>
      </c>
      <c r="I39215" s="1" t="s">
        <v>126615</v>
      </c>
      <c r="J39215" s="1" t="s">
        <v>134526</v>
      </c>
    </row>
    <row r="39216" spans="1:10" x14ac:dyDescent="0.35">
      <c r="A39216" s="1" t="s">
        <v>4309</v>
      </c>
      <c r="B39216" s="1" t="s">
        <v>126612</v>
      </c>
      <c r="C39216" s="1" t="s">
        <v>60</v>
      </c>
      <c r="D39216" s="1" t="s">
        <v>134527</v>
      </c>
      <c r="E39216" s="1" t="s">
        <v>134528</v>
      </c>
      <c r="F39216" s="1" t="s">
        <v>134529</v>
      </c>
      <c r="G39216" s="1" t="s">
        <v>134492</v>
      </c>
      <c r="H39216" s="1" t="s">
        <v>134493</v>
      </c>
      <c r="I39216" s="1" t="s">
        <v>126615</v>
      </c>
      <c r="J39216" s="1" t="s">
        <v>134530</v>
      </c>
    </row>
    <row r="39217" spans="1:10" x14ac:dyDescent="0.35">
      <c r="A39217" s="1" t="s">
        <v>4309</v>
      </c>
      <c r="B39217" s="1" t="s">
        <v>126612</v>
      </c>
      <c r="C39217" s="1" t="s">
        <v>65</v>
      </c>
      <c r="D39217" s="1" t="s">
        <v>41090</v>
      </c>
      <c r="E39217" s="1" t="s">
        <v>134531</v>
      </c>
      <c r="F39217" s="1" t="s">
        <v>134532</v>
      </c>
      <c r="G39217" s="1" t="s">
        <v>134492</v>
      </c>
      <c r="H39217" s="1" t="s">
        <v>134493</v>
      </c>
      <c r="I39217" s="1" t="s">
        <v>126615</v>
      </c>
      <c r="J39217" s="1" t="s">
        <v>134533</v>
      </c>
    </row>
    <row r="39218" spans="1:10" x14ac:dyDescent="0.35">
      <c r="A39218" s="1" t="s">
        <v>4309</v>
      </c>
      <c r="B39218" s="1" t="s">
        <v>126612</v>
      </c>
      <c r="C39218" s="1" t="s">
        <v>70</v>
      </c>
      <c r="D39218" s="1" t="s">
        <v>134534</v>
      </c>
      <c r="E39218" s="1" t="s">
        <v>134535</v>
      </c>
      <c r="F39218" s="1" t="s">
        <v>134536</v>
      </c>
      <c r="G39218" s="1" t="s">
        <v>134492</v>
      </c>
      <c r="H39218" s="1" t="s">
        <v>134493</v>
      </c>
      <c r="I39218" s="1" t="s">
        <v>126615</v>
      </c>
      <c r="J39218" s="1" t="s">
        <v>134537</v>
      </c>
    </row>
    <row r="39219" spans="1:10" x14ac:dyDescent="0.35">
      <c r="A39219" s="1" t="s">
        <v>4309</v>
      </c>
      <c r="B39219" s="1" t="s">
        <v>126612</v>
      </c>
      <c r="C39219" s="1" t="s">
        <v>75</v>
      </c>
      <c r="D39219" s="1" t="s">
        <v>134538</v>
      </c>
      <c r="E39219" s="1" t="s">
        <v>134539</v>
      </c>
      <c r="F39219" s="1" t="s">
        <v>134540</v>
      </c>
      <c r="G39219" s="1" t="s">
        <v>134492</v>
      </c>
      <c r="H39219" s="1" t="s">
        <v>134493</v>
      </c>
      <c r="I39219" s="1" t="s">
        <v>126615</v>
      </c>
      <c r="J39219" s="1" t="s">
        <v>134541</v>
      </c>
    </row>
    <row r="39220" spans="1:10" x14ac:dyDescent="0.35">
      <c r="A39220" s="1" t="s">
        <v>4309</v>
      </c>
      <c r="B39220" s="1" t="s">
        <v>126612</v>
      </c>
      <c r="C39220" s="1" t="s">
        <v>80</v>
      </c>
      <c r="D39220" s="1" t="s">
        <v>134542</v>
      </c>
      <c r="E39220" s="1" t="s">
        <v>134543</v>
      </c>
      <c r="F39220" s="1" t="s">
        <v>134544</v>
      </c>
      <c r="G39220" s="1" t="s">
        <v>134492</v>
      </c>
      <c r="H39220" s="1" t="s">
        <v>134493</v>
      </c>
      <c r="I39220" s="1" t="s">
        <v>126615</v>
      </c>
      <c r="J39220" s="1" t="s">
        <v>134545</v>
      </c>
    </row>
    <row r="39221" spans="1:10" x14ac:dyDescent="0.35">
      <c r="A39221" s="1" t="s">
        <v>4309</v>
      </c>
      <c r="B39221" s="1" t="s">
        <v>126612</v>
      </c>
      <c r="C39221" s="1" t="s">
        <v>85</v>
      </c>
      <c r="D39221" s="1" t="s">
        <v>134546</v>
      </c>
      <c r="E39221" s="1" t="s">
        <v>134547</v>
      </c>
      <c r="F39221" s="1" t="s">
        <v>134548</v>
      </c>
      <c r="G39221" s="1" t="s">
        <v>134492</v>
      </c>
      <c r="H39221" s="1" t="s">
        <v>134493</v>
      </c>
      <c r="I39221" s="1" t="s">
        <v>126615</v>
      </c>
      <c r="J39221" s="1" t="s">
        <v>134549</v>
      </c>
    </row>
    <row r="39222" spans="1:10" x14ac:dyDescent="0.35">
      <c r="A39222" s="1" t="s">
        <v>4309</v>
      </c>
      <c r="B39222" s="1" t="s">
        <v>126612</v>
      </c>
      <c r="C39222" s="1" t="s">
        <v>90</v>
      </c>
      <c r="D39222" s="1" t="s">
        <v>134550</v>
      </c>
      <c r="E39222" s="1" t="s">
        <v>134551</v>
      </c>
      <c r="F39222" s="1" t="s">
        <v>134552</v>
      </c>
      <c r="G39222" s="1" t="s">
        <v>134492</v>
      </c>
      <c r="H39222" s="1" t="s">
        <v>134493</v>
      </c>
      <c r="I39222" s="1" t="s">
        <v>126615</v>
      </c>
      <c r="J39222" s="1" t="s">
        <v>134553</v>
      </c>
    </row>
    <row r="39223" spans="1:10" x14ac:dyDescent="0.35">
      <c r="A39223" s="1" t="s">
        <v>4309</v>
      </c>
      <c r="B39223" s="1" t="s">
        <v>126612</v>
      </c>
      <c r="C39223" s="1" t="s">
        <v>95</v>
      </c>
      <c r="D39223" s="1" t="s">
        <v>134554</v>
      </c>
      <c r="E39223" s="1" t="s">
        <v>134555</v>
      </c>
      <c r="F39223" s="1" t="s">
        <v>134556</v>
      </c>
      <c r="G39223" s="1" t="s">
        <v>134492</v>
      </c>
      <c r="H39223" s="1" t="s">
        <v>134493</v>
      </c>
      <c r="I39223" s="1" t="s">
        <v>126615</v>
      </c>
      <c r="J39223" s="1" t="s">
        <v>134557</v>
      </c>
    </row>
    <row r="39224" spans="1:10" x14ac:dyDescent="0.35">
      <c r="A39224" s="1" t="s">
        <v>4309</v>
      </c>
      <c r="B39224" s="1" t="s">
        <v>126612</v>
      </c>
      <c r="C39224" s="1" t="s">
        <v>100</v>
      </c>
      <c r="D39224" s="1" t="s">
        <v>134558</v>
      </c>
      <c r="E39224" s="1" t="s">
        <v>134559</v>
      </c>
      <c r="F39224" s="1" t="s">
        <v>134560</v>
      </c>
      <c r="G39224" s="1" t="s">
        <v>134492</v>
      </c>
      <c r="H39224" s="1" t="s">
        <v>134493</v>
      </c>
      <c r="I39224" s="1" t="s">
        <v>126615</v>
      </c>
      <c r="J39224" s="1" t="s">
        <v>134561</v>
      </c>
    </row>
    <row r="39225" spans="1:10" x14ac:dyDescent="0.35">
      <c r="A39225" s="1" t="s">
        <v>4309</v>
      </c>
      <c r="B39225" s="1" t="s">
        <v>126612</v>
      </c>
      <c r="C39225" s="1" t="s">
        <v>105</v>
      </c>
      <c r="D39225" s="1" t="s">
        <v>134562</v>
      </c>
      <c r="E39225" s="1" t="s">
        <v>134563</v>
      </c>
      <c r="F39225" s="1" t="s">
        <v>134564</v>
      </c>
      <c r="G39225" s="1" t="s">
        <v>134492</v>
      </c>
      <c r="H39225" s="1" t="s">
        <v>134493</v>
      </c>
      <c r="I39225" s="1" t="s">
        <v>126615</v>
      </c>
      <c r="J39225" s="1" t="s">
        <v>134565</v>
      </c>
    </row>
    <row r="39226" spans="1:10" x14ac:dyDescent="0.35">
      <c r="A39226" s="1" t="s">
        <v>4309</v>
      </c>
      <c r="B39226" s="1" t="s">
        <v>126612</v>
      </c>
      <c r="C39226" s="1" t="s">
        <v>110</v>
      </c>
      <c r="D39226" s="1" t="s">
        <v>134566</v>
      </c>
      <c r="E39226" s="1" t="s">
        <v>134567</v>
      </c>
      <c r="F39226" s="1" t="s">
        <v>134568</v>
      </c>
      <c r="G39226" s="1" t="s">
        <v>134492</v>
      </c>
      <c r="H39226" s="1" t="s">
        <v>134493</v>
      </c>
      <c r="I39226" s="1" t="s">
        <v>126615</v>
      </c>
      <c r="J39226" s="1" t="s">
        <v>134569</v>
      </c>
    </row>
    <row r="39227" spans="1:10" x14ac:dyDescent="0.35">
      <c r="A39227" s="1" t="s">
        <v>4309</v>
      </c>
      <c r="B39227" s="1" t="s">
        <v>126612</v>
      </c>
      <c r="C39227" s="1" t="s">
        <v>115</v>
      </c>
      <c r="D39227" s="1" t="s">
        <v>134570</v>
      </c>
      <c r="E39227" s="1" t="s">
        <v>134571</v>
      </c>
      <c r="F39227" s="1" t="s">
        <v>134572</v>
      </c>
      <c r="G39227" s="1" t="s">
        <v>134492</v>
      </c>
      <c r="H39227" s="1" t="s">
        <v>134493</v>
      </c>
      <c r="I39227" s="1" t="s">
        <v>126615</v>
      </c>
      <c r="J39227" s="1" t="s">
        <v>134573</v>
      </c>
    </row>
    <row r="39228" spans="1:10" x14ac:dyDescent="0.35">
      <c r="A39228" s="1" t="s">
        <v>4309</v>
      </c>
      <c r="B39228" s="1" t="s">
        <v>126612</v>
      </c>
      <c r="C39228" s="1" t="s">
        <v>120</v>
      </c>
      <c r="D39228" s="1" t="s">
        <v>134574</v>
      </c>
      <c r="E39228" s="1" t="s">
        <v>134575</v>
      </c>
      <c r="F39228" s="1" t="s">
        <v>134576</v>
      </c>
      <c r="G39228" s="1" t="s">
        <v>134492</v>
      </c>
      <c r="H39228" s="1" t="s">
        <v>134493</v>
      </c>
      <c r="I39228" s="1" t="s">
        <v>126615</v>
      </c>
      <c r="J39228" s="1" t="s">
        <v>134577</v>
      </c>
    </row>
    <row r="39229" spans="1:10" x14ac:dyDescent="0.35">
      <c r="A39229" s="1" t="s">
        <v>4309</v>
      </c>
      <c r="B39229" s="1" t="s">
        <v>126612</v>
      </c>
      <c r="C39229" s="1" t="s">
        <v>125</v>
      </c>
      <c r="D39229" s="1" t="s">
        <v>134578</v>
      </c>
      <c r="E39229" s="1" t="s">
        <v>134579</v>
      </c>
      <c r="F39229" s="1" t="s">
        <v>134580</v>
      </c>
      <c r="G39229" s="1" t="s">
        <v>134492</v>
      </c>
      <c r="H39229" s="1" t="s">
        <v>134493</v>
      </c>
      <c r="I39229" s="1" t="s">
        <v>126615</v>
      </c>
      <c r="J39229" s="1" t="s">
        <v>134581</v>
      </c>
    </row>
    <row r="39230" spans="1:10" x14ac:dyDescent="0.35">
      <c r="A39230" s="1" t="s">
        <v>4309</v>
      </c>
      <c r="B39230" s="1" t="s">
        <v>126612</v>
      </c>
      <c r="C39230" s="1" t="s">
        <v>130</v>
      </c>
      <c r="D39230" s="1" t="s">
        <v>134582</v>
      </c>
      <c r="E39230" s="1" t="s">
        <v>134583</v>
      </c>
      <c r="F39230" s="1" t="s">
        <v>134584</v>
      </c>
      <c r="G39230" s="1" t="s">
        <v>134492</v>
      </c>
      <c r="H39230" s="1" t="s">
        <v>134493</v>
      </c>
      <c r="I39230" s="1" t="s">
        <v>126615</v>
      </c>
      <c r="J39230" s="1" t="s">
        <v>134585</v>
      </c>
    </row>
    <row r="39231" spans="1:10" x14ac:dyDescent="0.35">
      <c r="A39231" s="1" t="s">
        <v>4309</v>
      </c>
      <c r="B39231" s="1" t="s">
        <v>126612</v>
      </c>
      <c r="C39231" s="1" t="s">
        <v>135</v>
      </c>
      <c r="D39231" s="1" t="s">
        <v>134586</v>
      </c>
      <c r="E39231" s="1" t="s">
        <v>134587</v>
      </c>
      <c r="F39231" s="1" t="s">
        <v>134588</v>
      </c>
      <c r="G39231" s="1" t="s">
        <v>134492</v>
      </c>
      <c r="H39231" s="1" t="s">
        <v>134493</v>
      </c>
      <c r="I39231" s="1" t="s">
        <v>126615</v>
      </c>
      <c r="J39231" s="1" t="s">
        <v>134589</v>
      </c>
    </row>
    <row r="39232" spans="1:10" x14ac:dyDescent="0.35">
      <c r="A39232" s="1" t="s">
        <v>4309</v>
      </c>
      <c r="B39232" s="1" t="s">
        <v>126612</v>
      </c>
      <c r="C39232" s="1" t="s">
        <v>140</v>
      </c>
      <c r="D39232" s="1" t="s">
        <v>134590</v>
      </c>
      <c r="E39232" s="1" t="s">
        <v>134591</v>
      </c>
      <c r="F39232" s="1" t="s">
        <v>134592</v>
      </c>
      <c r="G39232" s="1" t="s">
        <v>134492</v>
      </c>
      <c r="H39232" s="1" t="s">
        <v>134493</v>
      </c>
      <c r="I39232" s="1" t="s">
        <v>126615</v>
      </c>
      <c r="J39232" s="1" t="s">
        <v>134593</v>
      </c>
    </row>
    <row r="39233" spans="1:10" x14ac:dyDescent="0.35">
      <c r="A39233" s="1" t="s">
        <v>4309</v>
      </c>
      <c r="B39233" s="1" t="s">
        <v>126612</v>
      </c>
      <c r="C39233" s="1" t="s">
        <v>145</v>
      </c>
      <c r="D39233" s="1" t="s">
        <v>41628</v>
      </c>
      <c r="E39233" s="1" t="s">
        <v>134594</v>
      </c>
      <c r="F39233" s="1" t="s">
        <v>134595</v>
      </c>
      <c r="G39233" s="1" t="s">
        <v>134492</v>
      </c>
      <c r="H39233" s="1" t="s">
        <v>134493</v>
      </c>
      <c r="I39233" s="1" t="s">
        <v>126615</v>
      </c>
      <c r="J39233" s="1" t="s">
        <v>134596</v>
      </c>
    </row>
    <row r="39234" spans="1:10" x14ac:dyDescent="0.35">
      <c r="A39234" s="1" t="s">
        <v>4309</v>
      </c>
      <c r="B39234" s="1" t="s">
        <v>126612</v>
      </c>
      <c r="C39234" s="1" t="s">
        <v>150</v>
      </c>
      <c r="D39234" s="1" t="s">
        <v>56061</v>
      </c>
      <c r="E39234" s="1" t="s">
        <v>134597</v>
      </c>
      <c r="F39234" s="1" t="s">
        <v>134598</v>
      </c>
      <c r="G39234" s="1" t="s">
        <v>134492</v>
      </c>
      <c r="H39234" s="1" t="s">
        <v>134493</v>
      </c>
      <c r="I39234" s="1" t="s">
        <v>126615</v>
      </c>
      <c r="J39234" s="1" t="s">
        <v>134599</v>
      </c>
    </row>
    <row r="39235" spans="1:10" x14ac:dyDescent="0.35">
      <c r="A39235" s="1" t="s">
        <v>4309</v>
      </c>
      <c r="B39235" s="1" t="s">
        <v>126612</v>
      </c>
      <c r="C39235" s="1" t="s">
        <v>155</v>
      </c>
      <c r="D39235" s="1" t="s">
        <v>127366</v>
      </c>
      <c r="E39235" s="1" t="s">
        <v>134600</v>
      </c>
      <c r="F39235" s="1" t="s">
        <v>134601</v>
      </c>
      <c r="G39235" s="1" t="s">
        <v>134492</v>
      </c>
      <c r="H39235" s="1" t="s">
        <v>134493</v>
      </c>
      <c r="I39235" s="1" t="s">
        <v>126615</v>
      </c>
      <c r="J39235" s="1" t="s">
        <v>134602</v>
      </c>
    </row>
    <row r="39236" spans="1:10" x14ac:dyDescent="0.35">
      <c r="A39236" s="1" t="s">
        <v>4309</v>
      </c>
      <c r="B39236" s="1" t="s">
        <v>126612</v>
      </c>
      <c r="C39236" s="1" t="s">
        <v>160</v>
      </c>
      <c r="D39236" s="1" t="s">
        <v>134603</v>
      </c>
      <c r="E39236" s="1" t="s">
        <v>134604</v>
      </c>
      <c r="F39236" s="1" t="s">
        <v>134605</v>
      </c>
      <c r="G39236" s="1" t="s">
        <v>134492</v>
      </c>
      <c r="H39236" s="1" t="s">
        <v>134493</v>
      </c>
      <c r="I39236" s="1" t="s">
        <v>126615</v>
      </c>
      <c r="J39236" s="1" t="s">
        <v>134606</v>
      </c>
    </row>
    <row r="39237" spans="1:10" x14ac:dyDescent="0.35">
      <c r="A39237" s="1" t="s">
        <v>4309</v>
      </c>
      <c r="B39237" s="1" t="s">
        <v>126612</v>
      </c>
      <c r="C39237" s="1" t="s">
        <v>165</v>
      </c>
      <c r="D39237" s="1" t="s">
        <v>62276</v>
      </c>
      <c r="E39237" s="1" t="s">
        <v>134607</v>
      </c>
      <c r="F39237" s="1" t="s">
        <v>134608</v>
      </c>
      <c r="G39237" s="1" t="s">
        <v>134492</v>
      </c>
      <c r="H39237" s="1" t="s">
        <v>134493</v>
      </c>
      <c r="I39237" s="1" t="s">
        <v>126615</v>
      </c>
      <c r="J39237" s="1" t="s">
        <v>134609</v>
      </c>
    </row>
    <row r="39238" spans="1:10" x14ac:dyDescent="0.35">
      <c r="A39238" s="1" t="s">
        <v>4309</v>
      </c>
      <c r="B39238" s="1" t="s">
        <v>126612</v>
      </c>
      <c r="C39238" s="1" t="s">
        <v>170</v>
      </c>
      <c r="D39238" s="1" t="s">
        <v>134610</v>
      </c>
      <c r="E39238" s="1" t="s">
        <v>134611</v>
      </c>
      <c r="F39238" s="1" t="s">
        <v>134612</v>
      </c>
      <c r="G39238" s="1" t="s">
        <v>134492</v>
      </c>
      <c r="H39238" s="1" t="s">
        <v>134493</v>
      </c>
      <c r="I39238" s="1" t="s">
        <v>126615</v>
      </c>
      <c r="J39238" s="1" t="s">
        <v>134613</v>
      </c>
    </row>
    <row r="39239" spans="1:10" x14ac:dyDescent="0.35">
      <c r="A39239" s="1" t="s">
        <v>1540</v>
      </c>
      <c r="B39239" s="1" t="s">
        <v>126612</v>
      </c>
      <c r="C39239" s="1" t="s">
        <v>8</v>
      </c>
      <c r="D39239" s="1" t="s">
        <v>76090</v>
      </c>
      <c r="E39239" s="1" t="s">
        <v>105391</v>
      </c>
      <c r="F39239" s="1" t="s">
        <v>58562</v>
      </c>
      <c r="G39239" s="1" t="s">
        <v>134614</v>
      </c>
      <c r="H39239" s="1" t="s">
        <v>134615</v>
      </c>
      <c r="I39239" s="1" t="s">
        <v>126615</v>
      </c>
      <c r="J39239" s="1" t="s">
        <v>13</v>
      </c>
    </row>
    <row r="39240" spans="1:10" x14ac:dyDescent="0.35">
      <c r="A39240" s="1" t="s">
        <v>1540</v>
      </c>
      <c r="B39240" s="1" t="s">
        <v>126612</v>
      </c>
      <c r="C39240" s="1" t="s">
        <v>15</v>
      </c>
      <c r="D39240" s="1" t="s">
        <v>18732</v>
      </c>
      <c r="E39240" s="1" t="s">
        <v>106175</v>
      </c>
      <c r="F39240" s="1" t="s">
        <v>57139</v>
      </c>
      <c r="G39240" s="1" t="s">
        <v>134614</v>
      </c>
      <c r="H39240" s="1" t="s">
        <v>134615</v>
      </c>
      <c r="I39240" s="1" t="s">
        <v>126615</v>
      </c>
      <c r="J39240" s="1" t="s">
        <v>134616</v>
      </c>
    </row>
    <row r="39241" spans="1:10" x14ac:dyDescent="0.35">
      <c r="A39241" s="1" t="s">
        <v>1540</v>
      </c>
      <c r="B39241" s="1" t="s">
        <v>126612</v>
      </c>
      <c r="C39241" s="1" t="s">
        <v>20</v>
      </c>
      <c r="D39241" s="1" t="s">
        <v>134617</v>
      </c>
      <c r="E39241" s="1" t="s">
        <v>134618</v>
      </c>
      <c r="F39241" s="1" t="s">
        <v>82912</v>
      </c>
      <c r="G39241" s="1" t="s">
        <v>134614</v>
      </c>
      <c r="H39241" s="1" t="s">
        <v>134615</v>
      </c>
      <c r="I39241" s="1" t="s">
        <v>126615</v>
      </c>
      <c r="J39241" s="1" t="s">
        <v>134619</v>
      </c>
    </row>
    <row r="39242" spans="1:10" x14ac:dyDescent="0.35">
      <c r="A39242" s="1" t="s">
        <v>1540</v>
      </c>
      <c r="B39242" s="1" t="s">
        <v>126612</v>
      </c>
      <c r="C39242" s="1" t="s">
        <v>25</v>
      </c>
      <c r="D39242" s="1" t="s">
        <v>77197</v>
      </c>
      <c r="E39242" s="1" t="s">
        <v>107592</v>
      </c>
      <c r="F39242" s="1" t="s">
        <v>134620</v>
      </c>
      <c r="G39242" s="1" t="s">
        <v>134614</v>
      </c>
      <c r="H39242" s="1" t="s">
        <v>134615</v>
      </c>
      <c r="I39242" s="1" t="s">
        <v>126615</v>
      </c>
      <c r="J39242" s="1" t="s">
        <v>134621</v>
      </c>
    </row>
    <row r="39243" spans="1:10" x14ac:dyDescent="0.35">
      <c r="A39243" s="1" t="s">
        <v>1540</v>
      </c>
      <c r="B39243" s="1" t="s">
        <v>126612</v>
      </c>
      <c r="C39243" s="1" t="s">
        <v>30</v>
      </c>
      <c r="D39243" s="1" t="s">
        <v>134622</v>
      </c>
      <c r="E39243" s="1" t="s">
        <v>134623</v>
      </c>
      <c r="F39243" s="1" t="s">
        <v>64421</v>
      </c>
      <c r="G39243" s="1" t="s">
        <v>134614</v>
      </c>
      <c r="H39243" s="1" t="s">
        <v>134615</v>
      </c>
      <c r="I39243" s="1" t="s">
        <v>126615</v>
      </c>
      <c r="J39243" s="1" t="s">
        <v>134624</v>
      </c>
    </row>
    <row r="39244" spans="1:10" x14ac:dyDescent="0.35">
      <c r="A39244" s="1" t="s">
        <v>1540</v>
      </c>
      <c r="B39244" s="1" t="s">
        <v>126612</v>
      </c>
      <c r="C39244" s="1" t="s">
        <v>35</v>
      </c>
      <c r="D39244" s="1" t="s">
        <v>113792</v>
      </c>
      <c r="E39244" s="1" t="s">
        <v>106508</v>
      </c>
      <c r="F39244" s="1" t="s">
        <v>130820</v>
      </c>
      <c r="G39244" s="1" t="s">
        <v>134614</v>
      </c>
      <c r="H39244" s="1" t="s">
        <v>134615</v>
      </c>
      <c r="I39244" s="1" t="s">
        <v>126615</v>
      </c>
      <c r="J39244" s="1" t="s">
        <v>134625</v>
      </c>
    </row>
    <row r="39245" spans="1:10" x14ac:dyDescent="0.35">
      <c r="A39245" s="1" t="s">
        <v>1540</v>
      </c>
      <c r="B39245" s="1" t="s">
        <v>126612</v>
      </c>
      <c r="C39245" s="1" t="s">
        <v>40</v>
      </c>
      <c r="D39245" s="1" t="s">
        <v>134626</v>
      </c>
      <c r="E39245" s="1" t="s">
        <v>107583</v>
      </c>
      <c r="F39245" s="1" t="s">
        <v>40721</v>
      </c>
      <c r="G39245" s="1" t="s">
        <v>134614</v>
      </c>
      <c r="H39245" s="1" t="s">
        <v>134615</v>
      </c>
      <c r="I39245" s="1" t="s">
        <v>126615</v>
      </c>
      <c r="J39245" s="1" t="s">
        <v>134627</v>
      </c>
    </row>
    <row r="39246" spans="1:10" x14ac:dyDescent="0.35">
      <c r="A39246" s="1" t="s">
        <v>1540</v>
      </c>
      <c r="B39246" s="1" t="s">
        <v>126612</v>
      </c>
      <c r="C39246" s="1" t="s">
        <v>45</v>
      </c>
      <c r="D39246" s="1" t="s">
        <v>121584</v>
      </c>
      <c r="E39246" s="1" t="s">
        <v>48110</v>
      </c>
      <c r="F39246" s="1" t="s">
        <v>134628</v>
      </c>
      <c r="G39246" s="1" t="s">
        <v>134614</v>
      </c>
      <c r="H39246" s="1" t="s">
        <v>134615</v>
      </c>
      <c r="I39246" s="1" t="s">
        <v>126615</v>
      </c>
      <c r="J39246" s="1" t="s">
        <v>134629</v>
      </c>
    </row>
    <row r="39247" spans="1:10" x14ac:dyDescent="0.35">
      <c r="A39247" s="1" t="s">
        <v>1540</v>
      </c>
      <c r="B39247" s="1" t="s">
        <v>126612</v>
      </c>
      <c r="C39247" s="1" t="s">
        <v>50</v>
      </c>
      <c r="D39247" s="1" t="s">
        <v>134630</v>
      </c>
      <c r="E39247" s="1" t="s">
        <v>134631</v>
      </c>
      <c r="F39247" s="1" t="s">
        <v>32356</v>
      </c>
      <c r="G39247" s="1" t="s">
        <v>134614</v>
      </c>
      <c r="H39247" s="1" t="s">
        <v>134615</v>
      </c>
      <c r="I39247" s="1" t="s">
        <v>126615</v>
      </c>
      <c r="J39247" s="1" t="s">
        <v>134632</v>
      </c>
    </row>
    <row r="39248" spans="1:10" x14ac:dyDescent="0.35">
      <c r="A39248" s="1" t="s">
        <v>1540</v>
      </c>
      <c r="B39248" s="1" t="s">
        <v>126612</v>
      </c>
      <c r="C39248" s="1" t="s">
        <v>55</v>
      </c>
      <c r="D39248" s="1" t="s">
        <v>134633</v>
      </c>
      <c r="E39248" s="1" t="s">
        <v>49753</v>
      </c>
      <c r="F39248" s="1" t="s">
        <v>134634</v>
      </c>
      <c r="G39248" s="1" t="s">
        <v>134614</v>
      </c>
      <c r="H39248" s="1" t="s">
        <v>134615</v>
      </c>
      <c r="I39248" s="1" t="s">
        <v>126615</v>
      </c>
      <c r="J39248" s="1" t="s">
        <v>134635</v>
      </c>
    </row>
    <row r="39249" spans="1:10" x14ac:dyDescent="0.35">
      <c r="A39249" s="1" t="s">
        <v>1540</v>
      </c>
      <c r="B39249" s="1" t="s">
        <v>126612</v>
      </c>
      <c r="C39249" s="1" t="s">
        <v>60</v>
      </c>
      <c r="D39249" s="1" t="s">
        <v>6844</v>
      </c>
      <c r="E39249" s="1" t="s">
        <v>106481</v>
      </c>
      <c r="F39249" s="1" t="s">
        <v>134636</v>
      </c>
      <c r="G39249" s="1" t="s">
        <v>134614</v>
      </c>
      <c r="H39249" s="1" t="s">
        <v>134615</v>
      </c>
      <c r="I39249" s="1" t="s">
        <v>126615</v>
      </c>
      <c r="J39249" s="1" t="s">
        <v>134637</v>
      </c>
    </row>
    <row r="39250" spans="1:10" x14ac:dyDescent="0.35">
      <c r="A39250" s="1" t="s">
        <v>1540</v>
      </c>
      <c r="B39250" s="1" t="s">
        <v>126612</v>
      </c>
      <c r="C39250" s="1" t="s">
        <v>65</v>
      </c>
      <c r="D39250" s="1" t="s">
        <v>107811</v>
      </c>
      <c r="E39250" s="1" t="s">
        <v>107579</v>
      </c>
      <c r="F39250" s="1" t="s">
        <v>134638</v>
      </c>
      <c r="G39250" s="1" t="s">
        <v>134614</v>
      </c>
      <c r="H39250" s="1" t="s">
        <v>134615</v>
      </c>
      <c r="I39250" s="1" t="s">
        <v>126615</v>
      </c>
      <c r="J39250" s="1" t="s">
        <v>134639</v>
      </c>
    </row>
    <row r="39251" spans="1:10" x14ac:dyDescent="0.35">
      <c r="A39251" s="1" t="s">
        <v>1540</v>
      </c>
      <c r="B39251" s="1" t="s">
        <v>126612</v>
      </c>
      <c r="C39251" s="1" t="s">
        <v>70</v>
      </c>
      <c r="D39251" s="1" t="s">
        <v>134640</v>
      </c>
      <c r="E39251" s="1" t="s">
        <v>15536</v>
      </c>
      <c r="F39251" s="1" t="s">
        <v>134641</v>
      </c>
      <c r="G39251" s="1" t="s">
        <v>134614</v>
      </c>
      <c r="H39251" s="1" t="s">
        <v>134615</v>
      </c>
      <c r="I39251" s="1" t="s">
        <v>126615</v>
      </c>
      <c r="J39251" s="1" t="s">
        <v>134642</v>
      </c>
    </row>
    <row r="39252" spans="1:10" x14ac:dyDescent="0.35">
      <c r="A39252" s="1" t="s">
        <v>1540</v>
      </c>
      <c r="B39252" s="1" t="s">
        <v>126612</v>
      </c>
      <c r="C39252" s="1" t="s">
        <v>75</v>
      </c>
      <c r="D39252" s="1" t="s">
        <v>115001</v>
      </c>
      <c r="E39252" s="1" t="s">
        <v>107620</v>
      </c>
      <c r="F39252" s="1" t="s">
        <v>134643</v>
      </c>
      <c r="G39252" s="1" t="s">
        <v>134614</v>
      </c>
      <c r="H39252" s="1" t="s">
        <v>134615</v>
      </c>
      <c r="I39252" s="1" t="s">
        <v>126615</v>
      </c>
      <c r="J39252" s="1" t="s">
        <v>134644</v>
      </c>
    </row>
    <row r="39253" spans="1:10" x14ac:dyDescent="0.35">
      <c r="A39253" s="1" t="s">
        <v>1540</v>
      </c>
      <c r="B39253" s="1" t="s">
        <v>126612</v>
      </c>
      <c r="C39253" s="1" t="s">
        <v>80</v>
      </c>
      <c r="D39253" s="1" t="s">
        <v>134645</v>
      </c>
      <c r="E39253" s="1" t="s">
        <v>111009</v>
      </c>
      <c r="F39253" s="1" t="s">
        <v>134646</v>
      </c>
      <c r="G39253" s="1" t="s">
        <v>134614</v>
      </c>
      <c r="H39253" s="1" t="s">
        <v>134615</v>
      </c>
      <c r="I39253" s="1" t="s">
        <v>126615</v>
      </c>
      <c r="J39253" s="1" t="s">
        <v>134647</v>
      </c>
    </row>
    <row r="39254" spans="1:10" x14ac:dyDescent="0.35">
      <c r="A39254" s="1" t="s">
        <v>1540</v>
      </c>
      <c r="B39254" s="1" t="s">
        <v>126612</v>
      </c>
      <c r="C39254" s="1" t="s">
        <v>85</v>
      </c>
      <c r="D39254" s="1" t="s">
        <v>134648</v>
      </c>
      <c r="E39254" s="1" t="s">
        <v>15485</v>
      </c>
      <c r="F39254" s="1" t="s">
        <v>134649</v>
      </c>
      <c r="G39254" s="1" t="s">
        <v>134614</v>
      </c>
      <c r="H39254" s="1" t="s">
        <v>134615</v>
      </c>
      <c r="I39254" s="1" t="s">
        <v>126615</v>
      </c>
      <c r="J39254" s="1" t="s">
        <v>134650</v>
      </c>
    </row>
    <row r="39255" spans="1:10" x14ac:dyDescent="0.35">
      <c r="A39255" s="1" t="s">
        <v>1540</v>
      </c>
      <c r="B39255" s="1" t="s">
        <v>126612</v>
      </c>
      <c r="C39255" s="1" t="s">
        <v>90</v>
      </c>
      <c r="D39255" s="1" t="s">
        <v>99568</v>
      </c>
      <c r="E39255" s="1" t="s">
        <v>81150</v>
      </c>
      <c r="F39255" s="1" t="s">
        <v>104658</v>
      </c>
      <c r="G39255" s="1" t="s">
        <v>134614</v>
      </c>
      <c r="H39255" s="1" t="s">
        <v>134615</v>
      </c>
      <c r="I39255" s="1" t="s">
        <v>126615</v>
      </c>
      <c r="J39255" s="1" t="s">
        <v>134651</v>
      </c>
    </row>
    <row r="39256" spans="1:10" x14ac:dyDescent="0.35">
      <c r="A39256" s="1" t="s">
        <v>1540</v>
      </c>
      <c r="B39256" s="1" t="s">
        <v>126612</v>
      </c>
      <c r="C39256" s="1" t="s">
        <v>95</v>
      </c>
      <c r="D39256" s="1" t="s">
        <v>83328</v>
      </c>
      <c r="E39256" s="1" t="s">
        <v>107302</v>
      </c>
      <c r="F39256" s="1" t="s">
        <v>67636</v>
      </c>
      <c r="G39256" s="1" t="s">
        <v>134614</v>
      </c>
      <c r="H39256" s="1" t="s">
        <v>134615</v>
      </c>
      <c r="I39256" s="1" t="s">
        <v>126615</v>
      </c>
      <c r="J39256" s="1" t="s">
        <v>134652</v>
      </c>
    </row>
    <row r="39257" spans="1:10" x14ac:dyDescent="0.35">
      <c r="A39257" s="1" t="s">
        <v>1540</v>
      </c>
      <c r="B39257" s="1" t="s">
        <v>126612</v>
      </c>
      <c r="C39257" s="1" t="s">
        <v>100</v>
      </c>
      <c r="D39257" s="1" t="s">
        <v>95619</v>
      </c>
      <c r="E39257" s="1" t="s">
        <v>107366</v>
      </c>
      <c r="F39257" s="1" t="s">
        <v>134653</v>
      </c>
      <c r="G39257" s="1" t="s">
        <v>134614</v>
      </c>
      <c r="H39257" s="1" t="s">
        <v>134615</v>
      </c>
      <c r="I39257" s="1" t="s">
        <v>126615</v>
      </c>
      <c r="J39257" s="1" t="s">
        <v>134654</v>
      </c>
    </row>
    <row r="39258" spans="1:10" x14ac:dyDescent="0.35">
      <c r="A39258" s="1" t="s">
        <v>1540</v>
      </c>
      <c r="B39258" s="1" t="s">
        <v>126612</v>
      </c>
      <c r="C39258" s="1" t="s">
        <v>105</v>
      </c>
      <c r="D39258" s="1" t="s">
        <v>134655</v>
      </c>
      <c r="E39258" s="1" t="s">
        <v>15544</v>
      </c>
      <c r="F39258" s="1" t="s">
        <v>134656</v>
      </c>
      <c r="G39258" s="1" t="s">
        <v>134614</v>
      </c>
      <c r="H39258" s="1" t="s">
        <v>134615</v>
      </c>
      <c r="I39258" s="1" t="s">
        <v>126615</v>
      </c>
      <c r="J39258" s="1" t="s">
        <v>134657</v>
      </c>
    </row>
    <row r="39259" spans="1:10" x14ac:dyDescent="0.35">
      <c r="A39259" s="1" t="s">
        <v>1540</v>
      </c>
      <c r="B39259" s="1" t="s">
        <v>126612</v>
      </c>
      <c r="C39259" s="1" t="s">
        <v>110</v>
      </c>
      <c r="D39259" s="1" t="s">
        <v>40105</v>
      </c>
      <c r="E39259" s="1" t="s">
        <v>108294</v>
      </c>
      <c r="F39259" s="1" t="s">
        <v>780</v>
      </c>
      <c r="G39259" s="1" t="s">
        <v>134614</v>
      </c>
      <c r="H39259" s="1" t="s">
        <v>134615</v>
      </c>
      <c r="I39259" s="1" t="s">
        <v>126615</v>
      </c>
      <c r="J39259" s="1" t="s">
        <v>134658</v>
      </c>
    </row>
    <row r="39260" spans="1:10" x14ac:dyDescent="0.35">
      <c r="A39260" s="1" t="s">
        <v>1540</v>
      </c>
      <c r="B39260" s="1" t="s">
        <v>126612</v>
      </c>
      <c r="C39260" s="1" t="s">
        <v>115</v>
      </c>
      <c r="D39260" s="1" t="s">
        <v>134659</v>
      </c>
      <c r="E39260" s="1" t="s">
        <v>111000</v>
      </c>
      <c r="F39260" s="1" t="s">
        <v>134660</v>
      </c>
      <c r="G39260" s="1" t="s">
        <v>134614</v>
      </c>
      <c r="H39260" s="1" t="s">
        <v>134615</v>
      </c>
      <c r="I39260" s="1" t="s">
        <v>126615</v>
      </c>
      <c r="J39260" s="1" t="s">
        <v>134661</v>
      </c>
    </row>
    <row r="39261" spans="1:10" x14ac:dyDescent="0.35">
      <c r="A39261" s="1" t="s">
        <v>1540</v>
      </c>
      <c r="B39261" s="1" t="s">
        <v>126612</v>
      </c>
      <c r="C39261" s="1" t="s">
        <v>120</v>
      </c>
      <c r="D39261" s="1" t="s">
        <v>134662</v>
      </c>
      <c r="E39261" s="1" t="s">
        <v>15481</v>
      </c>
      <c r="F39261" s="1" t="s">
        <v>134663</v>
      </c>
      <c r="G39261" s="1" t="s">
        <v>134614</v>
      </c>
      <c r="H39261" s="1" t="s">
        <v>134615</v>
      </c>
      <c r="I39261" s="1" t="s">
        <v>126615</v>
      </c>
      <c r="J39261" s="1" t="s">
        <v>134664</v>
      </c>
    </row>
    <row r="39262" spans="1:10" x14ac:dyDescent="0.35">
      <c r="A39262" s="1" t="s">
        <v>1540</v>
      </c>
      <c r="B39262" s="1" t="s">
        <v>126612</v>
      </c>
      <c r="C39262" s="1" t="s">
        <v>125</v>
      </c>
      <c r="D39262" s="1" t="s">
        <v>134665</v>
      </c>
      <c r="E39262" s="1" t="s">
        <v>15489</v>
      </c>
      <c r="F39262" s="1" t="s">
        <v>64539</v>
      </c>
      <c r="G39262" s="1" t="s">
        <v>134614</v>
      </c>
      <c r="H39262" s="1" t="s">
        <v>134615</v>
      </c>
      <c r="I39262" s="1" t="s">
        <v>126615</v>
      </c>
      <c r="J39262" s="1" t="s">
        <v>134666</v>
      </c>
    </row>
    <row r="39263" spans="1:10" x14ac:dyDescent="0.35">
      <c r="A39263" s="1" t="s">
        <v>1540</v>
      </c>
      <c r="B39263" s="1" t="s">
        <v>126612</v>
      </c>
      <c r="C39263" s="1" t="s">
        <v>130</v>
      </c>
      <c r="D39263" s="1" t="s">
        <v>134667</v>
      </c>
      <c r="E39263" s="1" t="s">
        <v>134668</v>
      </c>
      <c r="F39263" s="1" t="s">
        <v>58467</v>
      </c>
      <c r="G39263" s="1" t="s">
        <v>134614</v>
      </c>
      <c r="H39263" s="1" t="s">
        <v>134615</v>
      </c>
      <c r="I39263" s="1" t="s">
        <v>126615</v>
      </c>
      <c r="J39263" s="1" t="s">
        <v>134669</v>
      </c>
    </row>
    <row r="39264" spans="1:10" x14ac:dyDescent="0.35">
      <c r="A39264" s="1" t="s">
        <v>1540</v>
      </c>
      <c r="B39264" s="1" t="s">
        <v>126612</v>
      </c>
      <c r="C39264" s="1" t="s">
        <v>135</v>
      </c>
      <c r="D39264" s="1" t="s">
        <v>134670</v>
      </c>
      <c r="E39264" s="1" t="s">
        <v>81106</v>
      </c>
      <c r="F39264" s="1" t="s">
        <v>27147</v>
      </c>
      <c r="G39264" s="1" t="s">
        <v>134614</v>
      </c>
      <c r="H39264" s="1" t="s">
        <v>134615</v>
      </c>
      <c r="I39264" s="1" t="s">
        <v>126615</v>
      </c>
      <c r="J39264" s="1" t="s">
        <v>134671</v>
      </c>
    </row>
    <row r="39265" spans="1:10" x14ac:dyDescent="0.35">
      <c r="A39265" s="1" t="s">
        <v>1540</v>
      </c>
      <c r="B39265" s="1" t="s">
        <v>126612</v>
      </c>
      <c r="C39265" s="1" t="s">
        <v>140</v>
      </c>
      <c r="D39265" s="1" t="s">
        <v>134672</v>
      </c>
      <c r="E39265" s="1" t="s">
        <v>106512</v>
      </c>
      <c r="F39265" s="1" t="s">
        <v>57374</v>
      </c>
      <c r="G39265" s="1" t="s">
        <v>134614</v>
      </c>
      <c r="H39265" s="1" t="s">
        <v>134615</v>
      </c>
      <c r="I39265" s="1" t="s">
        <v>126615</v>
      </c>
      <c r="J39265" s="1" t="s">
        <v>134673</v>
      </c>
    </row>
    <row r="39266" spans="1:10" x14ac:dyDescent="0.35">
      <c r="A39266" s="1" t="s">
        <v>1540</v>
      </c>
      <c r="B39266" s="1" t="s">
        <v>126612</v>
      </c>
      <c r="C39266" s="1" t="s">
        <v>145</v>
      </c>
      <c r="D39266" s="1" t="s">
        <v>134674</v>
      </c>
      <c r="E39266" s="1" t="s">
        <v>134675</v>
      </c>
      <c r="F39266" s="1" t="s">
        <v>108948</v>
      </c>
      <c r="G39266" s="1" t="s">
        <v>134614</v>
      </c>
      <c r="H39266" s="1" t="s">
        <v>134615</v>
      </c>
      <c r="I39266" s="1" t="s">
        <v>126615</v>
      </c>
      <c r="J39266" s="1" t="s">
        <v>134676</v>
      </c>
    </row>
    <row r="39267" spans="1:10" x14ac:dyDescent="0.35">
      <c r="A39267" s="1" t="s">
        <v>1540</v>
      </c>
      <c r="B39267" s="1" t="s">
        <v>126612</v>
      </c>
      <c r="C39267" s="1" t="s">
        <v>150</v>
      </c>
      <c r="D39267" s="1" t="s">
        <v>108126</v>
      </c>
      <c r="E39267" s="1" t="s">
        <v>16302</v>
      </c>
      <c r="F39267" s="1" t="s">
        <v>108994</v>
      </c>
      <c r="G39267" s="1" t="s">
        <v>134614</v>
      </c>
      <c r="H39267" s="1" t="s">
        <v>134615</v>
      </c>
      <c r="I39267" s="1" t="s">
        <v>126615</v>
      </c>
      <c r="J39267" s="1" t="s">
        <v>134677</v>
      </c>
    </row>
    <row r="39268" spans="1:10" x14ac:dyDescent="0.35">
      <c r="A39268" s="1" t="s">
        <v>1540</v>
      </c>
      <c r="B39268" s="1" t="s">
        <v>126612</v>
      </c>
      <c r="C39268" s="1" t="s">
        <v>155</v>
      </c>
      <c r="D39268" s="1" t="s">
        <v>134678</v>
      </c>
      <c r="E39268" s="1" t="s">
        <v>131970</v>
      </c>
      <c r="F39268" s="1" t="s">
        <v>134679</v>
      </c>
      <c r="G39268" s="1" t="s">
        <v>134614</v>
      </c>
      <c r="H39268" s="1" t="s">
        <v>134615</v>
      </c>
      <c r="I39268" s="1" t="s">
        <v>126615</v>
      </c>
      <c r="J39268" s="1" t="s">
        <v>134680</v>
      </c>
    </row>
    <row r="39269" spans="1:10" x14ac:dyDescent="0.35">
      <c r="A39269" s="1" t="s">
        <v>1540</v>
      </c>
      <c r="B39269" s="1" t="s">
        <v>126612</v>
      </c>
      <c r="C39269" s="1" t="s">
        <v>160</v>
      </c>
      <c r="D39269" s="1" t="s">
        <v>108825</v>
      </c>
      <c r="E39269" s="1" t="s">
        <v>108893</v>
      </c>
      <c r="F39269" s="1" t="s">
        <v>134681</v>
      </c>
      <c r="G39269" s="1" t="s">
        <v>134614</v>
      </c>
      <c r="H39269" s="1" t="s">
        <v>134615</v>
      </c>
      <c r="I39269" s="1" t="s">
        <v>126615</v>
      </c>
      <c r="J39269" s="1" t="s">
        <v>134682</v>
      </c>
    </row>
    <row r="39270" spans="1:10" x14ac:dyDescent="0.35">
      <c r="A39270" s="1" t="s">
        <v>1540</v>
      </c>
      <c r="B39270" s="1" t="s">
        <v>126612</v>
      </c>
      <c r="C39270" s="1" t="s">
        <v>165</v>
      </c>
      <c r="D39270" s="1" t="s">
        <v>134683</v>
      </c>
      <c r="E39270" s="1" t="s">
        <v>134684</v>
      </c>
      <c r="F39270" s="1" t="s">
        <v>134685</v>
      </c>
      <c r="G39270" s="1" t="s">
        <v>134614</v>
      </c>
      <c r="H39270" s="1" t="s">
        <v>134615</v>
      </c>
      <c r="I39270" s="1" t="s">
        <v>126615</v>
      </c>
      <c r="J39270" s="1" t="s">
        <v>134686</v>
      </c>
    </row>
    <row r="39271" spans="1:10" x14ac:dyDescent="0.35">
      <c r="A39271" s="1" t="s">
        <v>1540</v>
      </c>
      <c r="B39271" s="1" t="s">
        <v>126612</v>
      </c>
      <c r="C39271" s="1" t="s">
        <v>170</v>
      </c>
      <c r="D39271" s="1" t="s">
        <v>134687</v>
      </c>
      <c r="E39271" s="1" t="s">
        <v>81143</v>
      </c>
      <c r="F39271" s="1" t="s">
        <v>134688</v>
      </c>
      <c r="G39271" s="1" t="s">
        <v>134614</v>
      </c>
      <c r="H39271" s="1" t="s">
        <v>134615</v>
      </c>
      <c r="I39271" s="1" t="s">
        <v>126615</v>
      </c>
      <c r="J39271" s="1" t="s">
        <v>134689</v>
      </c>
    </row>
    <row r="39272" spans="1:10" x14ac:dyDescent="0.35">
      <c r="A39272" s="1" t="s">
        <v>117134</v>
      </c>
      <c r="B39272" s="1" t="s">
        <v>126612</v>
      </c>
      <c r="C39272" s="1" t="s">
        <v>8</v>
      </c>
      <c r="D39272" s="1" t="s">
        <v>130269</v>
      </c>
      <c r="E39272" s="1" t="s">
        <v>134690</v>
      </c>
      <c r="F39272" s="1" t="s">
        <v>134691</v>
      </c>
      <c r="G39272" s="1" t="s">
        <v>134692</v>
      </c>
      <c r="H39272" s="1" t="s">
        <v>134693</v>
      </c>
      <c r="I39272" s="1" t="s">
        <v>126615</v>
      </c>
      <c r="J39272" s="1" t="s">
        <v>13</v>
      </c>
    </row>
    <row r="39273" spans="1:10" x14ac:dyDescent="0.35">
      <c r="A39273" s="1" t="s">
        <v>117134</v>
      </c>
      <c r="B39273" s="1" t="s">
        <v>126612</v>
      </c>
      <c r="C39273" s="1" t="s">
        <v>15</v>
      </c>
      <c r="D39273" s="1" t="s">
        <v>134694</v>
      </c>
      <c r="E39273" s="1" t="s">
        <v>134695</v>
      </c>
      <c r="F39273" s="1" t="s">
        <v>134696</v>
      </c>
      <c r="G39273" s="1" t="s">
        <v>134692</v>
      </c>
      <c r="H39273" s="1" t="s">
        <v>134693</v>
      </c>
      <c r="I39273" s="1" t="s">
        <v>126615</v>
      </c>
      <c r="J39273" s="1" t="s">
        <v>134697</v>
      </c>
    </row>
    <row r="39274" spans="1:10" x14ac:dyDescent="0.35">
      <c r="A39274" s="1" t="s">
        <v>117134</v>
      </c>
      <c r="B39274" s="1" t="s">
        <v>126612</v>
      </c>
      <c r="C39274" s="1" t="s">
        <v>20</v>
      </c>
      <c r="D39274" s="1" t="s">
        <v>134698</v>
      </c>
      <c r="E39274" s="1" t="s">
        <v>134699</v>
      </c>
      <c r="F39274" s="1" t="s">
        <v>134700</v>
      </c>
      <c r="G39274" s="1" t="s">
        <v>134692</v>
      </c>
      <c r="H39274" s="1" t="s">
        <v>134693</v>
      </c>
      <c r="I39274" s="1" t="s">
        <v>126615</v>
      </c>
      <c r="J39274" s="1" t="s">
        <v>134701</v>
      </c>
    </row>
    <row r="39275" spans="1:10" x14ac:dyDescent="0.35">
      <c r="A39275" s="1" t="s">
        <v>117134</v>
      </c>
      <c r="B39275" s="1" t="s">
        <v>126612</v>
      </c>
      <c r="C39275" s="1" t="s">
        <v>25</v>
      </c>
      <c r="D39275" s="1" t="s">
        <v>134702</v>
      </c>
      <c r="E39275" s="1" t="s">
        <v>134703</v>
      </c>
      <c r="F39275" s="1" t="s">
        <v>134704</v>
      </c>
      <c r="G39275" s="1" t="s">
        <v>134692</v>
      </c>
      <c r="H39275" s="1" t="s">
        <v>134693</v>
      </c>
      <c r="I39275" s="1" t="s">
        <v>126615</v>
      </c>
      <c r="J39275" s="1" t="s">
        <v>134705</v>
      </c>
    </row>
    <row r="39276" spans="1:10" x14ac:dyDescent="0.35">
      <c r="A39276" s="1" t="s">
        <v>117134</v>
      </c>
      <c r="B39276" s="1" t="s">
        <v>126612</v>
      </c>
      <c r="C39276" s="1" t="s">
        <v>30</v>
      </c>
      <c r="D39276" s="1" t="s">
        <v>134706</v>
      </c>
      <c r="E39276" s="1" t="s">
        <v>134707</v>
      </c>
      <c r="F39276" s="1" t="s">
        <v>134708</v>
      </c>
      <c r="G39276" s="1" t="s">
        <v>134692</v>
      </c>
      <c r="H39276" s="1" t="s">
        <v>134693</v>
      </c>
      <c r="I39276" s="1" t="s">
        <v>126615</v>
      </c>
      <c r="J39276" s="1" t="s">
        <v>32433</v>
      </c>
    </row>
    <row r="39277" spans="1:10" x14ac:dyDescent="0.35">
      <c r="A39277" s="1" t="s">
        <v>117134</v>
      </c>
      <c r="B39277" s="1" t="s">
        <v>126612</v>
      </c>
      <c r="C39277" s="1" t="s">
        <v>35</v>
      </c>
      <c r="D39277" s="1" t="s">
        <v>134709</v>
      </c>
      <c r="E39277" s="1" t="s">
        <v>134710</v>
      </c>
      <c r="F39277" s="1" t="s">
        <v>134711</v>
      </c>
      <c r="G39277" s="1" t="s">
        <v>134692</v>
      </c>
      <c r="H39277" s="1" t="s">
        <v>134693</v>
      </c>
      <c r="I39277" s="1" t="s">
        <v>126615</v>
      </c>
      <c r="J39277" s="1" t="s">
        <v>134712</v>
      </c>
    </row>
    <row r="39278" spans="1:10" x14ac:dyDescent="0.35">
      <c r="A39278" s="1" t="s">
        <v>117134</v>
      </c>
      <c r="B39278" s="1" t="s">
        <v>126612</v>
      </c>
      <c r="C39278" s="1" t="s">
        <v>40</v>
      </c>
      <c r="D39278" s="1" t="s">
        <v>134713</v>
      </c>
      <c r="E39278" s="1" t="s">
        <v>134714</v>
      </c>
      <c r="F39278" s="1" t="s">
        <v>134715</v>
      </c>
      <c r="G39278" s="1" t="s">
        <v>134692</v>
      </c>
      <c r="H39278" s="1" t="s">
        <v>134693</v>
      </c>
      <c r="I39278" s="1" t="s">
        <v>126615</v>
      </c>
      <c r="J39278" s="1" t="s">
        <v>134716</v>
      </c>
    </row>
    <row r="39279" spans="1:10" x14ac:dyDescent="0.35">
      <c r="A39279" s="1" t="s">
        <v>117134</v>
      </c>
      <c r="B39279" s="1" t="s">
        <v>126612</v>
      </c>
      <c r="C39279" s="1" t="s">
        <v>45</v>
      </c>
      <c r="D39279" s="1" t="s">
        <v>134717</v>
      </c>
      <c r="E39279" s="1" t="s">
        <v>134718</v>
      </c>
      <c r="F39279" s="1" t="s">
        <v>134719</v>
      </c>
      <c r="G39279" s="1" t="s">
        <v>134692</v>
      </c>
      <c r="H39279" s="1" t="s">
        <v>134693</v>
      </c>
      <c r="I39279" s="1" t="s">
        <v>126615</v>
      </c>
      <c r="J39279" s="1" t="s">
        <v>134720</v>
      </c>
    </row>
    <row r="39280" spans="1:10" x14ac:dyDescent="0.35">
      <c r="A39280" s="1" t="s">
        <v>117134</v>
      </c>
      <c r="B39280" s="1" t="s">
        <v>126612</v>
      </c>
      <c r="C39280" s="1" t="s">
        <v>50</v>
      </c>
      <c r="D39280" s="1" t="s">
        <v>90353</v>
      </c>
      <c r="E39280" s="1" t="s">
        <v>134721</v>
      </c>
      <c r="F39280" s="1" t="s">
        <v>134722</v>
      </c>
      <c r="G39280" s="1" t="s">
        <v>134692</v>
      </c>
      <c r="H39280" s="1" t="s">
        <v>134693</v>
      </c>
      <c r="I39280" s="1" t="s">
        <v>126615</v>
      </c>
      <c r="J39280" s="1" t="s">
        <v>134723</v>
      </c>
    </row>
    <row r="39281" spans="1:10" x14ac:dyDescent="0.35">
      <c r="A39281" s="1" t="s">
        <v>117134</v>
      </c>
      <c r="B39281" s="1" t="s">
        <v>126612</v>
      </c>
      <c r="C39281" s="1" t="s">
        <v>55</v>
      </c>
      <c r="D39281" s="1" t="s">
        <v>56647</v>
      </c>
      <c r="E39281" s="1" t="s">
        <v>134724</v>
      </c>
      <c r="F39281" s="1" t="s">
        <v>134725</v>
      </c>
      <c r="G39281" s="1" t="s">
        <v>134692</v>
      </c>
      <c r="H39281" s="1" t="s">
        <v>134693</v>
      </c>
      <c r="I39281" s="1" t="s">
        <v>126615</v>
      </c>
      <c r="J39281" s="1" t="s">
        <v>134726</v>
      </c>
    </row>
    <row r="39282" spans="1:10" x14ac:dyDescent="0.35">
      <c r="A39282" s="1" t="s">
        <v>117134</v>
      </c>
      <c r="B39282" s="1" t="s">
        <v>126612</v>
      </c>
      <c r="C39282" s="1" t="s">
        <v>60</v>
      </c>
      <c r="D39282" s="1" t="s">
        <v>134727</v>
      </c>
      <c r="E39282" s="1" t="s">
        <v>134728</v>
      </c>
      <c r="F39282" s="1" t="s">
        <v>134729</v>
      </c>
      <c r="G39282" s="1" t="s">
        <v>134692</v>
      </c>
      <c r="H39282" s="1" t="s">
        <v>134693</v>
      </c>
      <c r="I39282" s="1" t="s">
        <v>126615</v>
      </c>
      <c r="J39282" s="1" t="s">
        <v>134730</v>
      </c>
    </row>
    <row r="39283" spans="1:10" x14ac:dyDescent="0.35">
      <c r="A39283" s="1" t="s">
        <v>117134</v>
      </c>
      <c r="B39283" s="1" t="s">
        <v>126612</v>
      </c>
      <c r="C39283" s="1" t="s">
        <v>65</v>
      </c>
      <c r="D39283" s="1" t="s">
        <v>134731</v>
      </c>
      <c r="E39283" s="1" t="s">
        <v>134732</v>
      </c>
      <c r="F39283" s="1" t="s">
        <v>134733</v>
      </c>
      <c r="G39283" s="1" t="s">
        <v>134692</v>
      </c>
      <c r="H39283" s="1" t="s">
        <v>134693</v>
      </c>
      <c r="I39283" s="1" t="s">
        <v>126615</v>
      </c>
      <c r="J39283" s="1" t="s">
        <v>134734</v>
      </c>
    </row>
    <row r="39284" spans="1:10" x14ac:dyDescent="0.35">
      <c r="A39284" s="1" t="s">
        <v>117134</v>
      </c>
      <c r="B39284" s="1" t="s">
        <v>126612</v>
      </c>
      <c r="C39284" s="1" t="s">
        <v>70</v>
      </c>
      <c r="D39284" s="1" t="s">
        <v>134735</v>
      </c>
      <c r="E39284" s="1" t="s">
        <v>134736</v>
      </c>
      <c r="F39284" s="1" t="s">
        <v>134737</v>
      </c>
      <c r="G39284" s="1" t="s">
        <v>134692</v>
      </c>
      <c r="H39284" s="1" t="s">
        <v>134693</v>
      </c>
      <c r="I39284" s="1" t="s">
        <v>126615</v>
      </c>
      <c r="J39284" s="1" t="s">
        <v>134738</v>
      </c>
    </row>
    <row r="39285" spans="1:10" x14ac:dyDescent="0.35">
      <c r="A39285" s="1" t="s">
        <v>117134</v>
      </c>
      <c r="B39285" s="1" t="s">
        <v>126612</v>
      </c>
      <c r="C39285" s="1" t="s">
        <v>75</v>
      </c>
      <c r="D39285" s="1" t="s">
        <v>134739</v>
      </c>
      <c r="E39285" s="1" t="s">
        <v>134740</v>
      </c>
      <c r="F39285" s="1" t="s">
        <v>134741</v>
      </c>
      <c r="G39285" s="1" t="s">
        <v>134692</v>
      </c>
      <c r="H39285" s="1" t="s">
        <v>134693</v>
      </c>
      <c r="I39285" s="1" t="s">
        <v>126615</v>
      </c>
      <c r="J39285" s="1" t="s">
        <v>134742</v>
      </c>
    </row>
    <row r="39286" spans="1:10" x14ac:dyDescent="0.35">
      <c r="A39286" s="1" t="s">
        <v>117134</v>
      </c>
      <c r="B39286" s="1" t="s">
        <v>126612</v>
      </c>
      <c r="C39286" s="1" t="s">
        <v>80</v>
      </c>
      <c r="D39286" s="1" t="s">
        <v>134743</v>
      </c>
      <c r="E39286" s="1" t="s">
        <v>134744</v>
      </c>
      <c r="F39286" s="1" t="s">
        <v>134745</v>
      </c>
      <c r="G39286" s="1" t="s">
        <v>134692</v>
      </c>
      <c r="H39286" s="1" t="s">
        <v>134693</v>
      </c>
      <c r="I39286" s="1" t="s">
        <v>126615</v>
      </c>
      <c r="J39286" s="1" t="s">
        <v>134746</v>
      </c>
    </row>
    <row r="39287" spans="1:10" x14ac:dyDescent="0.35">
      <c r="A39287" s="1" t="s">
        <v>117134</v>
      </c>
      <c r="B39287" s="1" t="s">
        <v>126612</v>
      </c>
      <c r="C39287" s="1" t="s">
        <v>85</v>
      </c>
      <c r="D39287" s="1" t="s">
        <v>134747</v>
      </c>
      <c r="E39287" s="1" t="s">
        <v>134748</v>
      </c>
      <c r="F39287" s="1" t="s">
        <v>134749</v>
      </c>
      <c r="G39287" s="1" t="s">
        <v>134692</v>
      </c>
      <c r="H39287" s="1" t="s">
        <v>134693</v>
      </c>
      <c r="I39287" s="1" t="s">
        <v>126615</v>
      </c>
      <c r="J39287" s="1" t="s">
        <v>134750</v>
      </c>
    </row>
    <row r="39288" spans="1:10" x14ac:dyDescent="0.35">
      <c r="A39288" s="1" t="s">
        <v>117134</v>
      </c>
      <c r="B39288" s="1" t="s">
        <v>126612</v>
      </c>
      <c r="C39288" s="1" t="s">
        <v>90</v>
      </c>
      <c r="D39288" s="1" t="s">
        <v>134751</v>
      </c>
      <c r="E39288" s="1" t="s">
        <v>134752</v>
      </c>
      <c r="F39288" s="1" t="s">
        <v>134753</v>
      </c>
      <c r="G39288" s="1" t="s">
        <v>134692</v>
      </c>
      <c r="H39288" s="1" t="s">
        <v>134693</v>
      </c>
      <c r="I39288" s="1" t="s">
        <v>126615</v>
      </c>
      <c r="J39288" s="1" t="s">
        <v>134754</v>
      </c>
    </row>
    <row r="39289" spans="1:10" x14ac:dyDescent="0.35">
      <c r="A39289" s="1" t="s">
        <v>117134</v>
      </c>
      <c r="B39289" s="1" t="s">
        <v>126612</v>
      </c>
      <c r="C39289" s="1" t="s">
        <v>95</v>
      </c>
      <c r="D39289" s="1" t="s">
        <v>134755</v>
      </c>
      <c r="E39289" s="1" t="s">
        <v>134756</v>
      </c>
      <c r="F39289" s="1" t="s">
        <v>134757</v>
      </c>
      <c r="G39289" s="1" t="s">
        <v>134692</v>
      </c>
      <c r="H39289" s="1" t="s">
        <v>134693</v>
      </c>
      <c r="I39289" s="1" t="s">
        <v>126615</v>
      </c>
      <c r="J39289" s="1" t="s">
        <v>134758</v>
      </c>
    </row>
    <row r="39290" spans="1:10" x14ac:dyDescent="0.35">
      <c r="A39290" s="1" t="s">
        <v>117134</v>
      </c>
      <c r="B39290" s="1" t="s">
        <v>126612</v>
      </c>
      <c r="C39290" s="1" t="s">
        <v>100</v>
      </c>
      <c r="D39290" s="1" t="s">
        <v>130406</v>
      </c>
      <c r="E39290" s="1" t="s">
        <v>134759</v>
      </c>
      <c r="F39290" s="1" t="s">
        <v>134760</v>
      </c>
      <c r="G39290" s="1" t="s">
        <v>134692</v>
      </c>
      <c r="H39290" s="1" t="s">
        <v>134693</v>
      </c>
      <c r="I39290" s="1" t="s">
        <v>126615</v>
      </c>
      <c r="J39290" s="1" t="s">
        <v>134761</v>
      </c>
    </row>
    <row r="39291" spans="1:10" x14ac:dyDescent="0.35">
      <c r="A39291" s="1" t="s">
        <v>117134</v>
      </c>
      <c r="B39291" s="1" t="s">
        <v>126612</v>
      </c>
      <c r="C39291" s="1" t="s">
        <v>105</v>
      </c>
      <c r="D39291" s="1" t="s">
        <v>134762</v>
      </c>
      <c r="E39291" s="1" t="s">
        <v>134763</v>
      </c>
      <c r="F39291" s="1" t="s">
        <v>134764</v>
      </c>
      <c r="G39291" s="1" t="s">
        <v>134692</v>
      </c>
      <c r="H39291" s="1" t="s">
        <v>134693</v>
      </c>
      <c r="I39291" s="1" t="s">
        <v>126615</v>
      </c>
      <c r="J39291" s="1" t="s">
        <v>134765</v>
      </c>
    </row>
    <row r="39292" spans="1:10" x14ac:dyDescent="0.35">
      <c r="A39292" s="1" t="s">
        <v>117134</v>
      </c>
      <c r="B39292" s="1" t="s">
        <v>126612</v>
      </c>
      <c r="C39292" s="1" t="s">
        <v>110</v>
      </c>
      <c r="D39292" s="1" t="s">
        <v>77477</v>
      </c>
      <c r="E39292" s="1" t="s">
        <v>134766</v>
      </c>
      <c r="F39292" s="1" t="s">
        <v>134767</v>
      </c>
      <c r="G39292" s="1" t="s">
        <v>134692</v>
      </c>
      <c r="H39292" s="1" t="s">
        <v>134693</v>
      </c>
      <c r="I39292" s="1" t="s">
        <v>126615</v>
      </c>
      <c r="J39292" s="1" t="s">
        <v>134768</v>
      </c>
    </row>
    <row r="39293" spans="1:10" x14ac:dyDescent="0.35">
      <c r="A39293" s="1" t="s">
        <v>117134</v>
      </c>
      <c r="B39293" s="1" t="s">
        <v>126612</v>
      </c>
      <c r="C39293" s="1" t="s">
        <v>115</v>
      </c>
      <c r="D39293" s="1" t="s">
        <v>134769</v>
      </c>
      <c r="E39293" s="1" t="s">
        <v>134770</v>
      </c>
      <c r="F39293" s="1" t="s">
        <v>134771</v>
      </c>
      <c r="G39293" s="1" t="s">
        <v>134692</v>
      </c>
      <c r="H39293" s="1" t="s">
        <v>134693</v>
      </c>
      <c r="I39293" s="1" t="s">
        <v>126615</v>
      </c>
      <c r="J39293" s="1" t="s">
        <v>134772</v>
      </c>
    </row>
    <row r="39294" spans="1:10" x14ac:dyDescent="0.35">
      <c r="A39294" s="1" t="s">
        <v>117134</v>
      </c>
      <c r="B39294" s="1" t="s">
        <v>126612</v>
      </c>
      <c r="C39294" s="1" t="s">
        <v>120</v>
      </c>
      <c r="D39294" s="1" t="s">
        <v>77772</v>
      </c>
      <c r="E39294" s="1" t="s">
        <v>134773</v>
      </c>
      <c r="F39294" s="1" t="s">
        <v>134774</v>
      </c>
      <c r="G39294" s="1" t="s">
        <v>134692</v>
      </c>
      <c r="H39294" s="1" t="s">
        <v>134693</v>
      </c>
      <c r="I39294" s="1" t="s">
        <v>126615</v>
      </c>
      <c r="J39294" s="1" t="s">
        <v>134775</v>
      </c>
    </row>
    <row r="39295" spans="1:10" x14ac:dyDescent="0.35">
      <c r="A39295" s="1" t="s">
        <v>117134</v>
      </c>
      <c r="B39295" s="1" t="s">
        <v>126612</v>
      </c>
      <c r="C39295" s="1" t="s">
        <v>125</v>
      </c>
      <c r="D39295" s="1" t="s">
        <v>26194</v>
      </c>
      <c r="E39295" s="1" t="s">
        <v>134776</v>
      </c>
      <c r="F39295" s="1" t="s">
        <v>134777</v>
      </c>
      <c r="G39295" s="1" t="s">
        <v>134692</v>
      </c>
      <c r="H39295" s="1" t="s">
        <v>134693</v>
      </c>
      <c r="I39295" s="1" t="s">
        <v>126615</v>
      </c>
      <c r="J39295" s="1" t="s">
        <v>134778</v>
      </c>
    </row>
    <row r="39296" spans="1:10" x14ac:dyDescent="0.35">
      <c r="A39296" s="1" t="s">
        <v>117134</v>
      </c>
      <c r="B39296" s="1" t="s">
        <v>126612</v>
      </c>
      <c r="C39296" s="1" t="s">
        <v>130</v>
      </c>
      <c r="D39296" s="1" t="s">
        <v>134779</v>
      </c>
      <c r="E39296" s="1" t="s">
        <v>134780</v>
      </c>
      <c r="F39296" s="1" t="s">
        <v>134781</v>
      </c>
      <c r="G39296" s="1" t="s">
        <v>134692</v>
      </c>
      <c r="H39296" s="1" t="s">
        <v>134693</v>
      </c>
      <c r="I39296" s="1" t="s">
        <v>126615</v>
      </c>
      <c r="J39296" s="1" t="s">
        <v>134782</v>
      </c>
    </row>
    <row r="39297" spans="1:10" x14ac:dyDescent="0.35">
      <c r="A39297" s="1" t="s">
        <v>117134</v>
      </c>
      <c r="B39297" s="1" t="s">
        <v>126612</v>
      </c>
      <c r="C39297" s="1" t="s">
        <v>135</v>
      </c>
      <c r="D39297" s="1" t="s">
        <v>134783</v>
      </c>
      <c r="E39297" s="1" t="s">
        <v>134784</v>
      </c>
      <c r="F39297" s="1" t="s">
        <v>134785</v>
      </c>
      <c r="G39297" s="1" t="s">
        <v>134692</v>
      </c>
      <c r="H39297" s="1" t="s">
        <v>134693</v>
      </c>
      <c r="I39297" s="1" t="s">
        <v>126615</v>
      </c>
      <c r="J39297" s="1" t="s">
        <v>134786</v>
      </c>
    </row>
    <row r="39298" spans="1:10" x14ac:dyDescent="0.35">
      <c r="A39298" s="1" t="s">
        <v>117134</v>
      </c>
      <c r="B39298" s="1" t="s">
        <v>126612</v>
      </c>
      <c r="C39298" s="1" t="s">
        <v>140</v>
      </c>
      <c r="D39298" s="1" t="s">
        <v>134787</v>
      </c>
      <c r="E39298" s="1" t="s">
        <v>134788</v>
      </c>
      <c r="F39298" s="1" t="s">
        <v>134789</v>
      </c>
      <c r="G39298" s="1" t="s">
        <v>134692</v>
      </c>
      <c r="H39298" s="1" t="s">
        <v>134693</v>
      </c>
      <c r="I39298" s="1" t="s">
        <v>126615</v>
      </c>
      <c r="J39298" s="1" t="s">
        <v>134790</v>
      </c>
    </row>
    <row r="39299" spans="1:10" x14ac:dyDescent="0.35">
      <c r="A39299" s="1" t="s">
        <v>117134</v>
      </c>
      <c r="B39299" s="1" t="s">
        <v>126612</v>
      </c>
      <c r="C39299" s="1" t="s">
        <v>145</v>
      </c>
      <c r="D39299" s="1" t="s">
        <v>134791</v>
      </c>
      <c r="E39299" s="1" t="s">
        <v>134792</v>
      </c>
      <c r="F39299" s="1" t="s">
        <v>134793</v>
      </c>
      <c r="G39299" s="1" t="s">
        <v>134692</v>
      </c>
      <c r="H39299" s="1" t="s">
        <v>134693</v>
      </c>
      <c r="I39299" s="1" t="s">
        <v>126615</v>
      </c>
      <c r="J39299" s="1" t="s">
        <v>134794</v>
      </c>
    </row>
    <row r="39300" spans="1:10" x14ac:dyDescent="0.35">
      <c r="A39300" s="1" t="s">
        <v>117134</v>
      </c>
      <c r="B39300" s="1" t="s">
        <v>126612</v>
      </c>
      <c r="C39300" s="1" t="s">
        <v>150</v>
      </c>
      <c r="D39300" s="1" t="s">
        <v>79978</v>
      </c>
      <c r="E39300" s="1" t="s">
        <v>134795</v>
      </c>
      <c r="F39300" s="1" t="s">
        <v>134796</v>
      </c>
      <c r="G39300" s="1" t="s">
        <v>134692</v>
      </c>
      <c r="H39300" s="1" t="s">
        <v>134693</v>
      </c>
      <c r="I39300" s="1" t="s">
        <v>126615</v>
      </c>
      <c r="J39300" s="1" t="s">
        <v>134797</v>
      </c>
    </row>
    <row r="39301" spans="1:10" x14ac:dyDescent="0.35">
      <c r="A39301" s="1" t="s">
        <v>117134</v>
      </c>
      <c r="B39301" s="1" t="s">
        <v>126612</v>
      </c>
      <c r="C39301" s="1" t="s">
        <v>155</v>
      </c>
      <c r="D39301" s="1" t="s">
        <v>134798</v>
      </c>
      <c r="E39301" s="1" t="s">
        <v>134799</v>
      </c>
      <c r="F39301" s="1" t="s">
        <v>134800</v>
      </c>
      <c r="G39301" s="1" t="s">
        <v>134692</v>
      </c>
      <c r="H39301" s="1" t="s">
        <v>134693</v>
      </c>
      <c r="I39301" s="1" t="s">
        <v>126615</v>
      </c>
      <c r="J39301" s="1" t="s">
        <v>134801</v>
      </c>
    </row>
    <row r="39302" spans="1:10" x14ac:dyDescent="0.35">
      <c r="A39302" s="1" t="s">
        <v>117134</v>
      </c>
      <c r="B39302" s="1" t="s">
        <v>126612</v>
      </c>
      <c r="C39302" s="1" t="s">
        <v>160</v>
      </c>
      <c r="D39302" s="1" t="s">
        <v>134802</v>
      </c>
      <c r="E39302" s="1" t="s">
        <v>134803</v>
      </c>
      <c r="F39302" s="1" t="s">
        <v>134804</v>
      </c>
      <c r="G39302" s="1" t="s">
        <v>134692</v>
      </c>
      <c r="H39302" s="1" t="s">
        <v>134693</v>
      </c>
      <c r="I39302" s="1" t="s">
        <v>126615</v>
      </c>
      <c r="J39302" s="1" t="s">
        <v>134805</v>
      </c>
    </row>
    <row r="39303" spans="1:10" x14ac:dyDescent="0.35">
      <c r="A39303" s="1" t="s">
        <v>117134</v>
      </c>
      <c r="B39303" s="1" t="s">
        <v>126612</v>
      </c>
      <c r="C39303" s="1" t="s">
        <v>165</v>
      </c>
      <c r="D39303" s="1" t="s">
        <v>134806</v>
      </c>
      <c r="E39303" s="1" t="s">
        <v>134807</v>
      </c>
      <c r="F39303" s="1" t="s">
        <v>134808</v>
      </c>
      <c r="G39303" s="1" t="s">
        <v>134692</v>
      </c>
      <c r="H39303" s="1" t="s">
        <v>134693</v>
      </c>
      <c r="I39303" s="1" t="s">
        <v>126615</v>
      </c>
      <c r="J39303" s="1" t="s">
        <v>134809</v>
      </c>
    </row>
    <row r="39304" spans="1:10" x14ac:dyDescent="0.35">
      <c r="A39304" s="1" t="s">
        <v>117134</v>
      </c>
      <c r="B39304" s="1" t="s">
        <v>126612</v>
      </c>
      <c r="C39304" s="1" t="s">
        <v>170</v>
      </c>
      <c r="D39304" s="1" t="s">
        <v>19682</v>
      </c>
      <c r="E39304" s="1" t="s">
        <v>134810</v>
      </c>
      <c r="F39304" s="1" t="s">
        <v>134811</v>
      </c>
      <c r="G39304" s="1" t="s">
        <v>134692</v>
      </c>
      <c r="H39304" s="1" t="s">
        <v>134693</v>
      </c>
      <c r="I39304" s="1" t="s">
        <v>126615</v>
      </c>
      <c r="J39304" s="1" t="s">
        <v>134812</v>
      </c>
    </row>
    <row r="39305" spans="1:10" x14ac:dyDescent="0.35">
      <c r="A39305" s="1" t="s">
        <v>119401</v>
      </c>
      <c r="B39305" s="1" t="s">
        <v>126612</v>
      </c>
      <c r="C39305" s="1" t="s">
        <v>8</v>
      </c>
      <c r="D39305" s="1" t="s">
        <v>23955</v>
      </c>
      <c r="E39305" s="1" t="s">
        <v>134813</v>
      </c>
      <c r="F39305" s="1" t="s">
        <v>134814</v>
      </c>
      <c r="G39305" s="1" t="s">
        <v>134815</v>
      </c>
      <c r="H39305" s="1" t="s">
        <v>134816</v>
      </c>
      <c r="I39305" s="1" t="s">
        <v>126615</v>
      </c>
      <c r="J39305" s="1" t="s">
        <v>13</v>
      </c>
    </row>
    <row r="39306" spans="1:10" x14ac:dyDescent="0.35">
      <c r="A39306" s="1" t="s">
        <v>119401</v>
      </c>
      <c r="B39306" s="1" t="s">
        <v>126612</v>
      </c>
      <c r="C39306" s="1" t="s">
        <v>15</v>
      </c>
      <c r="D39306" s="1" t="s">
        <v>134817</v>
      </c>
      <c r="E39306" s="1" t="s">
        <v>134818</v>
      </c>
      <c r="F39306" s="1" t="s">
        <v>134819</v>
      </c>
      <c r="G39306" s="1" t="s">
        <v>134815</v>
      </c>
      <c r="H39306" s="1" t="s">
        <v>134816</v>
      </c>
      <c r="I39306" s="1" t="s">
        <v>126615</v>
      </c>
      <c r="J39306" s="1" t="s">
        <v>134820</v>
      </c>
    </row>
    <row r="39307" spans="1:10" x14ac:dyDescent="0.35">
      <c r="A39307" s="1" t="s">
        <v>119401</v>
      </c>
      <c r="B39307" s="1" t="s">
        <v>126612</v>
      </c>
      <c r="C39307" s="1" t="s">
        <v>20</v>
      </c>
      <c r="D39307" s="1" t="s">
        <v>102540</v>
      </c>
      <c r="E39307" s="1" t="s">
        <v>134821</v>
      </c>
      <c r="F39307" s="1" t="s">
        <v>134822</v>
      </c>
      <c r="G39307" s="1" t="s">
        <v>134815</v>
      </c>
      <c r="H39307" s="1" t="s">
        <v>134816</v>
      </c>
      <c r="I39307" s="1" t="s">
        <v>126615</v>
      </c>
      <c r="J39307" s="1" t="s">
        <v>134823</v>
      </c>
    </row>
    <row r="39308" spans="1:10" x14ac:dyDescent="0.35">
      <c r="A39308" s="1" t="s">
        <v>119401</v>
      </c>
      <c r="B39308" s="1" t="s">
        <v>126612</v>
      </c>
      <c r="C39308" s="1" t="s">
        <v>25</v>
      </c>
      <c r="D39308" s="1" t="s">
        <v>63690</v>
      </c>
      <c r="E39308" s="1" t="s">
        <v>134824</v>
      </c>
      <c r="F39308" s="1" t="s">
        <v>134825</v>
      </c>
      <c r="G39308" s="1" t="s">
        <v>134815</v>
      </c>
      <c r="H39308" s="1" t="s">
        <v>134816</v>
      </c>
      <c r="I39308" s="1" t="s">
        <v>126615</v>
      </c>
      <c r="J39308" s="1" t="s">
        <v>134826</v>
      </c>
    </row>
    <row r="39309" spans="1:10" x14ac:dyDescent="0.35">
      <c r="A39309" s="1" t="s">
        <v>119401</v>
      </c>
      <c r="B39309" s="1" t="s">
        <v>126612</v>
      </c>
      <c r="C39309" s="1" t="s">
        <v>30</v>
      </c>
      <c r="D39309" s="1" t="s">
        <v>116704</v>
      </c>
      <c r="E39309" s="1" t="s">
        <v>134827</v>
      </c>
      <c r="F39309" s="1" t="s">
        <v>134828</v>
      </c>
      <c r="G39309" s="1" t="s">
        <v>134815</v>
      </c>
      <c r="H39309" s="1" t="s">
        <v>134816</v>
      </c>
      <c r="I39309" s="1" t="s">
        <v>126615</v>
      </c>
      <c r="J39309" s="1" t="s">
        <v>134829</v>
      </c>
    </row>
    <row r="39310" spans="1:10" x14ac:dyDescent="0.35">
      <c r="A39310" s="1" t="s">
        <v>119401</v>
      </c>
      <c r="B39310" s="1" t="s">
        <v>126612</v>
      </c>
      <c r="C39310" s="1" t="s">
        <v>35</v>
      </c>
      <c r="D39310" s="1" t="s">
        <v>134830</v>
      </c>
      <c r="E39310" s="1" t="s">
        <v>134831</v>
      </c>
      <c r="F39310" s="1" t="s">
        <v>134832</v>
      </c>
      <c r="G39310" s="1" t="s">
        <v>134815</v>
      </c>
      <c r="H39310" s="1" t="s">
        <v>134816</v>
      </c>
      <c r="I39310" s="1" t="s">
        <v>126615</v>
      </c>
      <c r="J39310" s="1" t="s">
        <v>134833</v>
      </c>
    </row>
    <row r="39311" spans="1:10" x14ac:dyDescent="0.35">
      <c r="A39311" s="1" t="s">
        <v>119401</v>
      </c>
      <c r="B39311" s="1" t="s">
        <v>126612</v>
      </c>
      <c r="C39311" s="1" t="s">
        <v>40</v>
      </c>
      <c r="D39311" s="1" t="s">
        <v>134834</v>
      </c>
      <c r="E39311" s="1" t="s">
        <v>134835</v>
      </c>
      <c r="F39311" s="1" t="s">
        <v>134836</v>
      </c>
      <c r="G39311" s="1" t="s">
        <v>134815</v>
      </c>
      <c r="H39311" s="1" t="s">
        <v>134816</v>
      </c>
      <c r="I39311" s="1" t="s">
        <v>126615</v>
      </c>
      <c r="J39311" s="1" t="s">
        <v>134837</v>
      </c>
    </row>
    <row r="39312" spans="1:10" x14ac:dyDescent="0.35">
      <c r="A39312" s="1" t="s">
        <v>119401</v>
      </c>
      <c r="B39312" s="1" t="s">
        <v>126612</v>
      </c>
      <c r="C39312" s="1" t="s">
        <v>45</v>
      </c>
      <c r="D39312" s="1" t="s">
        <v>57251</v>
      </c>
      <c r="E39312" s="1" t="s">
        <v>134838</v>
      </c>
      <c r="F39312" s="1" t="s">
        <v>134839</v>
      </c>
      <c r="G39312" s="1" t="s">
        <v>134815</v>
      </c>
      <c r="H39312" s="1" t="s">
        <v>134816</v>
      </c>
      <c r="I39312" s="1" t="s">
        <v>126615</v>
      </c>
      <c r="J39312" s="1" t="s">
        <v>134840</v>
      </c>
    </row>
    <row r="39313" spans="1:10" x14ac:dyDescent="0.35">
      <c r="A39313" s="1" t="s">
        <v>119401</v>
      </c>
      <c r="B39313" s="1" t="s">
        <v>126612</v>
      </c>
      <c r="C39313" s="1" t="s">
        <v>50</v>
      </c>
      <c r="D39313" s="1" t="s">
        <v>7712</v>
      </c>
      <c r="E39313" s="1" t="s">
        <v>134841</v>
      </c>
      <c r="F39313" s="1" t="s">
        <v>134842</v>
      </c>
      <c r="G39313" s="1" t="s">
        <v>134815</v>
      </c>
      <c r="H39313" s="1" t="s">
        <v>134816</v>
      </c>
      <c r="I39313" s="1" t="s">
        <v>126615</v>
      </c>
      <c r="J39313" s="1" t="s">
        <v>134843</v>
      </c>
    </row>
    <row r="39314" spans="1:10" x14ac:dyDescent="0.35">
      <c r="A39314" s="1" t="s">
        <v>119401</v>
      </c>
      <c r="B39314" s="1" t="s">
        <v>126612</v>
      </c>
      <c r="C39314" s="1" t="s">
        <v>55</v>
      </c>
      <c r="D39314" s="1" t="s">
        <v>134844</v>
      </c>
      <c r="E39314" s="1" t="s">
        <v>134845</v>
      </c>
      <c r="F39314" s="1" t="s">
        <v>134846</v>
      </c>
      <c r="G39314" s="1" t="s">
        <v>134815</v>
      </c>
      <c r="H39314" s="1" t="s">
        <v>134816</v>
      </c>
      <c r="I39314" s="1" t="s">
        <v>126615</v>
      </c>
      <c r="J39314" s="1" t="s">
        <v>134847</v>
      </c>
    </row>
    <row r="39315" spans="1:10" x14ac:dyDescent="0.35">
      <c r="A39315" s="1" t="s">
        <v>119401</v>
      </c>
      <c r="B39315" s="1" t="s">
        <v>126612</v>
      </c>
      <c r="C39315" s="1" t="s">
        <v>60</v>
      </c>
      <c r="D39315" s="1" t="s">
        <v>56137</v>
      </c>
      <c r="E39315" s="1" t="s">
        <v>134848</v>
      </c>
      <c r="F39315" s="1" t="s">
        <v>134849</v>
      </c>
      <c r="G39315" s="1" t="s">
        <v>134815</v>
      </c>
      <c r="H39315" s="1" t="s">
        <v>134816</v>
      </c>
      <c r="I39315" s="1" t="s">
        <v>126615</v>
      </c>
      <c r="J39315" s="1" t="s">
        <v>134850</v>
      </c>
    </row>
    <row r="39316" spans="1:10" x14ac:dyDescent="0.35">
      <c r="A39316" s="1" t="s">
        <v>119401</v>
      </c>
      <c r="B39316" s="1" t="s">
        <v>126612</v>
      </c>
      <c r="C39316" s="1" t="s">
        <v>65</v>
      </c>
      <c r="D39316" s="1" t="s">
        <v>134851</v>
      </c>
      <c r="E39316" s="1" t="s">
        <v>134852</v>
      </c>
      <c r="F39316" s="1" t="s">
        <v>134853</v>
      </c>
      <c r="G39316" s="1" t="s">
        <v>134815</v>
      </c>
      <c r="H39316" s="1" t="s">
        <v>134816</v>
      </c>
      <c r="I39316" s="1" t="s">
        <v>126615</v>
      </c>
      <c r="J39316" s="1" t="s">
        <v>134854</v>
      </c>
    </row>
    <row r="39317" spans="1:10" x14ac:dyDescent="0.35">
      <c r="A39317" s="1" t="s">
        <v>119401</v>
      </c>
      <c r="B39317" s="1" t="s">
        <v>126612</v>
      </c>
      <c r="C39317" s="1" t="s">
        <v>70</v>
      </c>
      <c r="D39317" s="1" t="s">
        <v>134855</v>
      </c>
      <c r="E39317" s="1" t="s">
        <v>134856</v>
      </c>
      <c r="F39317" s="1" t="s">
        <v>134857</v>
      </c>
      <c r="G39317" s="1" t="s">
        <v>134815</v>
      </c>
      <c r="H39317" s="1" t="s">
        <v>134816</v>
      </c>
      <c r="I39317" s="1" t="s">
        <v>126615</v>
      </c>
      <c r="J39317" s="1" t="s">
        <v>134858</v>
      </c>
    </row>
    <row r="39318" spans="1:10" x14ac:dyDescent="0.35">
      <c r="A39318" s="1" t="s">
        <v>119401</v>
      </c>
      <c r="B39318" s="1" t="s">
        <v>126612</v>
      </c>
      <c r="C39318" s="1" t="s">
        <v>75</v>
      </c>
      <c r="D39318" s="1" t="s">
        <v>36393</v>
      </c>
      <c r="E39318" s="1" t="s">
        <v>134859</v>
      </c>
      <c r="F39318" s="1" t="s">
        <v>134860</v>
      </c>
      <c r="G39318" s="1" t="s">
        <v>134815</v>
      </c>
      <c r="H39318" s="1" t="s">
        <v>134816</v>
      </c>
      <c r="I39318" s="1" t="s">
        <v>126615</v>
      </c>
      <c r="J39318" s="1" t="s">
        <v>134861</v>
      </c>
    </row>
    <row r="39319" spans="1:10" x14ac:dyDescent="0.35">
      <c r="A39319" s="1" t="s">
        <v>119401</v>
      </c>
      <c r="B39319" s="1" t="s">
        <v>126612</v>
      </c>
      <c r="C39319" s="1" t="s">
        <v>80</v>
      </c>
      <c r="D39319" s="1" t="s">
        <v>134862</v>
      </c>
      <c r="E39319" s="1" t="s">
        <v>134863</v>
      </c>
      <c r="F39319" s="1" t="s">
        <v>134864</v>
      </c>
      <c r="G39319" s="1" t="s">
        <v>134815</v>
      </c>
      <c r="H39319" s="1" t="s">
        <v>134816</v>
      </c>
      <c r="I39319" s="1" t="s">
        <v>126615</v>
      </c>
      <c r="J39319" s="1" t="s">
        <v>134865</v>
      </c>
    </row>
    <row r="39320" spans="1:10" x14ac:dyDescent="0.35">
      <c r="A39320" s="1" t="s">
        <v>119401</v>
      </c>
      <c r="B39320" s="1" t="s">
        <v>126612</v>
      </c>
      <c r="C39320" s="1" t="s">
        <v>85</v>
      </c>
      <c r="D39320" s="1" t="s">
        <v>22441</v>
      </c>
      <c r="E39320" s="1" t="s">
        <v>134866</v>
      </c>
      <c r="F39320" s="1" t="s">
        <v>134867</v>
      </c>
      <c r="G39320" s="1" t="s">
        <v>134815</v>
      </c>
      <c r="H39320" s="1" t="s">
        <v>134816</v>
      </c>
      <c r="I39320" s="1" t="s">
        <v>126615</v>
      </c>
      <c r="J39320" s="1" t="s">
        <v>134868</v>
      </c>
    </row>
    <row r="39321" spans="1:10" x14ac:dyDescent="0.35">
      <c r="A39321" s="1" t="s">
        <v>119401</v>
      </c>
      <c r="B39321" s="1" t="s">
        <v>126612</v>
      </c>
      <c r="C39321" s="1" t="s">
        <v>90</v>
      </c>
      <c r="D39321" s="1" t="s">
        <v>98090</v>
      </c>
      <c r="E39321" s="1" t="s">
        <v>134869</v>
      </c>
      <c r="F39321" s="1" t="s">
        <v>134870</v>
      </c>
      <c r="G39321" s="1" t="s">
        <v>134815</v>
      </c>
      <c r="H39321" s="1" t="s">
        <v>134816</v>
      </c>
      <c r="I39321" s="1" t="s">
        <v>126615</v>
      </c>
      <c r="J39321" s="1" t="s">
        <v>134871</v>
      </c>
    </row>
    <row r="39322" spans="1:10" x14ac:dyDescent="0.35">
      <c r="A39322" s="1" t="s">
        <v>119401</v>
      </c>
      <c r="B39322" s="1" t="s">
        <v>126612</v>
      </c>
      <c r="C39322" s="1" t="s">
        <v>95</v>
      </c>
      <c r="D39322" s="1" t="s">
        <v>22474</v>
      </c>
      <c r="E39322" s="1" t="s">
        <v>134872</v>
      </c>
      <c r="F39322" s="1" t="s">
        <v>134873</v>
      </c>
      <c r="G39322" s="1" t="s">
        <v>134815</v>
      </c>
      <c r="H39322" s="1" t="s">
        <v>134816</v>
      </c>
      <c r="I39322" s="1" t="s">
        <v>126615</v>
      </c>
      <c r="J39322" s="1" t="s">
        <v>134874</v>
      </c>
    </row>
    <row r="39323" spans="1:10" x14ac:dyDescent="0.35">
      <c r="A39323" s="1" t="s">
        <v>119401</v>
      </c>
      <c r="B39323" s="1" t="s">
        <v>126612</v>
      </c>
      <c r="C39323" s="1" t="s">
        <v>100</v>
      </c>
      <c r="D39323" s="1" t="s">
        <v>53867</v>
      </c>
      <c r="E39323" s="1" t="s">
        <v>134875</v>
      </c>
      <c r="F39323" s="1" t="s">
        <v>134876</v>
      </c>
      <c r="G39323" s="1" t="s">
        <v>134815</v>
      </c>
      <c r="H39323" s="1" t="s">
        <v>134816</v>
      </c>
      <c r="I39323" s="1" t="s">
        <v>126615</v>
      </c>
      <c r="J39323" s="1" t="s">
        <v>134877</v>
      </c>
    </row>
    <row r="39324" spans="1:10" x14ac:dyDescent="0.35">
      <c r="A39324" s="1" t="s">
        <v>119401</v>
      </c>
      <c r="B39324" s="1" t="s">
        <v>126612</v>
      </c>
      <c r="C39324" s="1" t="s">
        <v>105</v>
      </c>
      <c r="D39324" s="1" t="s">
        <v>134878</v>
      </c>
      <c r="E39324" s="1" t="s">
        <v>134879</v>
      </c>
      <c r="F39324" s="1" t="s">
        <v>134880</v>
      </c>
      <c r="G39324" s="1" t="s">
        <v>134815</v>
      </c>
      <c r="H39324" s="1" t="s">
        <v>134816</v>
      </c>
      <c r="I39324" s="1" t="s">
        <v>126615</v>
      </c>
      <c r="J39324" s="1" t="s">
        <v>134881</v>
      </c>
    </row>
    <row r="39325" spans="1:10" x14ac:dyDescent="0.35">
      <c r="A39325" s="1" t="s">
        <v>119401</v>
      </c>
      <c r="B39325" s="1" t="s">
        <v>126612</v>
      </c>
      <c r="C39325" s="1" t="s">
        <v>110</v>
      </c>
      <c r="D39325" s="1" t="s">
        <v>23494</v>
      </c>
      <c r="E39325" s="1" t="s">
        <v>134882</v>
      </c>
      <c r="F39325" s="1" t="s">
        <v>134883</v>
      </c>
      <c r="G39325" s="1" t="s">
        <v>134815</v>
      </c>
      <c r="H39325" s="1" t="s">
        <v>134816</v>
      </c>
      <c r="I39325" s="1" t="s">
        <v>126615</v>
      </c>
      <c r="J39325" s="1" t="s">
        <v>134884</v>
      </c>
    </row>
    <row r="39326" spans="1:10" x14ac:dyDescent="0.35">
      <c r="A39326" s="1" t="s">
        <v>119401</v>
      </c>
      <c r="B39326" s="1" t="s">
        <v>126612</v>
      </c>
      <c r="C39326" s="1" t="s">
        <v>115</v>
      </c>
      <c r="D39326" s="1" t="s">
        <v>134885</v>
      </c>
      <c r="E39326" s="1" t="s">
        <v>134886</v>
      </c>
      <c r="F39326" s="1" t="s">
        <v>134887</v>
      </c>
      <c r="G39326" s="1" t="s">
        <v>134815</v>
      </c>
      <c r="H39326" s="1" t="s">
        <v>134816</v>
      </c>
      <c r="I39326" s="1" t="s">
        <v>126615</v>
      </c>
      <c r="J39326" s="1" t="s">
        <v>134888</v>
      </c>
    </row>
    <row r="39327" spans="1:10" x14ac:dyDescent="0.35">
      <c r="A39327" s="1" t="s">
        <v>119401</v>
      </c>
      <c r="B39327" s="1" t="s">
        <v>126612</v>
      </c>
      <c r="C39327" s="1" t="s">
        <v>120</v>
      </c>
      <c r="D39327" s="1" t="s">
        <v>77889</v>
      </c>
      <c r="E39327" s="1" t="s">
        <v>134889</v>
      </c>
      <c r="F39327" s="1" t="s">
        <v>134890</v>
      </c>
      <c r="G39327" s="1" t="s">
        <v>134815</v>
      </c>
      <c r="H39327" s="1" t="s">
        <v>134816</v>
      </c>
      <c r="I39327" s="1" t="s">
        <v>126615</v>
      </c>
      <c r="J39327" s="1" t="s">
        <v>134891</v>
      </c>
    </row>
    <row r="39328" spans="1:10" x14ac:dyDescent="0.35">
      <c r="A39328" s="1" t="s">
        <v>119401</v>
      </c>
      <c r="B39328" s="1" t="s">
        <v>126612</v>
      </c>
      <c r="C39328" s="1" t="s">
        <v>125</v>
      </c>
      <c r="D39328" s="1" t="s">
        <v>21879</v>
      </c>
      <c r="E39328" s="1" t="s">
        <v>134892</v>
      </c>
      <c r="F39328" s="1" t="s">
        <v>134893</v>
      </c>
      <c r="G39328" s="1" t="s">
        <v>134815</v>
      </c>
      <c r="H39328" s="1" t="s">
        <v>134816</v>
      </c>
      <c r="I39328" s="1" t="s">
        <v>126615</v>
      </c>
      <c r="J39328" s="1" t="s">
        <v>134894</v>
      </c>
    </row>
    <row r="39329" spans="1:10" x14ac:dyDescent="0.35">
      <c r="A39329" s="1" t="s">
        <v>119401</v>
      </c>
      <c r="B39329" s="1" t="s">
        <v>126612</v>
      </c>
      <c r="C39329" s="1" t="s">
        <v>130</v>
      </c>
      <c r="D39329" s="1" t="s">
        <v>58074</v>
      </c>
      <c r="E39329" s="1" t="s">
        <v>134895</v>
      </c>
      <c r="F39329" s="1" t="s">
        <v>134896</v>
      </c>
      <c r="G39329" s="1" t="s">
        <v>134815</v>
      </c>
      <c r="H39329" s="1" t="s">
        <v>134816</v>
      </c>
      <c r="I39329" s="1" t="s">
        <v>126615</v>
      </c>
      <c r="J39329" s="1" t="s">
        <v>134897</v>
      </c>
    </row>
    <row r="39330" spans="1:10" x14ac:dyDescent="0.35">
      <c r="A39330" s="1" t="s">
        <v>119401</v>
      </c>
      <c r="B39330" s="1" t="s">
        <v>126612</v>
      </c>
      <c r="C39330" s="1" t="s">
        <v>135</v>
      </c>
      <c r="D39330" s="1" t="s">
        <v>62613</v>
      </c>
      <c r="E39330" s="1" t="s">
        <v>134898</v>
      </c>
      <c r="F39330" s="1" t="s">
        <v>134899</v>
      </c>
      <c r="G39330" s="1" t="s">
        <v>134815</v>
      </c>
      <c r="H39330" s="1" t="s">
        <v>134816</v>
      </c>
      <c r="I39330" s="1" t="s">
        <v>126615</v>
      </c>
      <c r="J39330" s="1" t="s">
        <v>134900</v>
      </c>
    </row>
    <row r="39331" spans="1:10" x14ac:dyDescent="0.35">
      <c r="A39331" s="1" t="s">
        <v>119401</v>
      </c>
      <c r="B39331" s="1" t="s">
        <v>126612</v>
      </c>
      <c r="C39331" s="1" t="s">
        <v>140</v>
      </c>
      <c r="D39331" s="1" t="s">
        <v>134901</v>
      </c>
      <c r="E39331" s="1" t="s">
        <v>134902</v>
      </c>
      <c r="F39331" s="1" t="s">
        <v>134903</v>
      </c>
      <c r="G39331" s="1" t="s">
        <v>134815</v>
      </c>
      <c r="H39331" s="1" t="s">
        <v>134816</v>
      </c>
      <c r="I39331" s="1" t="s">
        <v>126615</v>
      </c>
      <c r="J39331" s="1" t="s">
        <v>134904</v>
      </c>
    </row>
    <row r="39332" spans="1:10" x14ac:dyDescent="0.35">
      <c r="A39332" s="1" t="s">
        <v>119401</v>
      </c>
      <c r="B39332" s="1" t="s">
        <v>126612</v>
      </c>
      <c r="C39332" s="1" t="s">
        <v>145</v>
      </c>
      <c r="D39332" s="1" t="s">
        <v>134905</v>
      </c>
      <c r="E39332" s="1" t="s">
        <v>134906</v>
      </c>
      <c r="F39332" s="1" t="s">
        <v>134907</v>
      </c>
      <c r="G39332" s="1" t="s">
        <v>134815</v>
      </c>
      <c r="H39332" s="1" t="s">
        <v>134816</v>
      </c>
      <c r="I39332" s="1" t="s">
        <v>126615</v>
      </c>
      <c r="J39332" s="1" t="s">
        <v>134908</v>
      </c>
    </row>
    <row r="39333" spans="1:10" x14ac:dyDescent="0.35">
      <c r="A39333" s="1" t="s">
        <v>119401</v>
      </c>
      <c r="B39333" s="1" t="s">
        <v>126612</v>
      </c>
      <c r="C39333" s="1" t="s">
        <v>150</v>
      </c>
      <c r="D39333" s="1" t="s">
        <v>101297</v>
      </c>
      <c r="E39333" s="1" t="s">
        <v>134909</v>
      </c>
      <c r="F39333" s="1" t="s">
        <v>134910</v>
      </c>
      <c r="G39333" s="1" t="s">
        <v>134815</v>
      </c>
      <c r="H39333" s="1" t="s">
        <v>134816</v>
      </c>
      <c r="I39333" s="1" t="s">
        <v>126615</v>
      </c>
      <c r="J39333" s="1" t="s">
        <v>134911</v>
      </c>
    </row>
    <row r="39334" spans="1:10" x14ac:dyDescent="0.35">
      <c r="A39334" s="1" t="s">
        <v>119401</v>
      </c>
      <c r="B39334" s="1" t="s">
        <v>126612</v>
      </c>
      <c r="C39334" s="1" t="s">
        <v>155</v>
      </c>
      <c r="D39334" s="1" t="s">
        <v>86695</v>
      </c>
      <c r="E39334" s="1" t="s">
        <v>134912</v>
      </c>
      <c r="F39334" s="1" t="s">
        <v>134913</v>
      </c>
      <c r="G39334" s="1" t="s">
        <v>134815</v>
      </c>
      <c r="H39334" s="1" t="s">
        <v>134816</v>
      </c>
      <c r="I39334" s="1" t="s">
        <v>126615</v>
      </c>
      <c r="J39334" s="1" t="s">
        <v>134914</v>
      </c>
    </row>
    <row r="39335" spans="1:10" x14ac:dyDescent="0.35">
      <c r="A39335" s="1" t="s">
        <v>119401</v>
      </c>
      <c r="B39335" s="1" t="s">
        <v>126612</v>
      </c>
      <c r="C39335" s="1" t="s">
        <v>160</v>
      </c>
      <c r="D39335" s="1" t="s">
        <v>134915</v>
      </c>
      <c r="E39335" s="1" t="s">
        <v>134916</v>
      </c>
      <c r="F39335" s="1" t="s">
        <v>134917</v>
      </c>
      <c r="G39335" s="1" t="s">
        <v>134815</v>
      </c>
      <c r="H39335" s="1" t="s">
        <v>134816</v>
      </c>
      <c r="I39335" s="1" t="s">
        <v>126615</v>
      </c>
      <c r="J39335" s="1" t="s">
        <v>134918</v>
      </c>
    </row>
    <row r="39336" spans="1:10" x14ac:dyDescent="0.35">
      <c r="A39336" s="1" t="s">
        <v>119401</v>
      </c>
      <c r="B39336" s="1" t="s">
        <v>126612</v>
      </c>
      <c r="C39336" s="1" t="s">
        <v>165</v>
      </c>
      <c r="D39336" s="1" t="s">
        <v>134919</v>
      </c>
      <c r="E39336" s="1" t="s">
        <v>134920</v>
      </c>
      <c r="F39336" s="1" t="s">
        <v>134921</v>
      </c>
      <c r="G39336" s="1" t="s">
        <v>134815</v>
      </c>
      <c r="H39336" s="1" t="s">
        <v>134816</v>
      </c>
      <c r="I39336" s="1" t="s">
        <v>126615</v>
      </c>
      <c r="J39336" s="1" t="s">
        <v>134922</v>
      </c>
    </row>
    <row r="39337" spans="1:10" x14ac:dyDescent="0.35">
      <c r="A39337" s="1" t="s">
        <v>119401</v>
      </c>
      <c r="B39337" s="1" t="s">
        <v>126612</v>
      </c>
      <c r="C39337" s="1" t="s">
        <v>170</v>
      </c>
      <c r="D39337" s="1" t="s">
        <v>134923</v>
      </c>
      <c r="E39337" s="1" t="s">
        <v>134924</v>
      </c>
      <c r="F39337" s="1" t="s">
        <v>134925</v>
      </c>
      <c r="G39337" s="1" t="s">
        <v>134815</v>
      </c>
      <c r="H39337" s="1" t="s">
        <v>134816</v>
      </c>
      <c r="I39337" s="1" t="s">
        <v>126615</v>
      </c>
      <c r="J39337" s="1" t="s">
        <v>134926</v>
      </c>
    </row>
    <row r="39338" spans="1:10" x14ac:dyDescent="0.35">
      <c r="A39338" s="1" t="s">
        <v>8522</v>
      </c>
      <c r="B39338" s="1" t="s">
        <v>134927</v>
      </c>
      <c r="C39338" s="1" t="s">
        <v>8</v>
      </c>
      <c r="D39338" s="1" t="s">
        <v>74428</v>
      </c>
      <c r="E39338" s="1" t="s">
        <v>110817</v>
      </c>
      <c r="F39338" s="1" t="s">
        <v>134928</v>
      </c>
      <c r="G39338" s="1" t="s">
        <v>134929</v>
      </c>
      <c r="H39338" s="1" t="s">
        <v>134930</v>
      </c>
      <c r="I39338" s="1" t="s">
        <v>134931</v>
      </c>
      <c r="J39338" s="1" t="s">
        <v>13</v>
      </c>
    </row>
    <row r="39339" spans="1:10" x14ac:dyDescent="0.35">
      <c r="A39339" s="1" t="s">
        <v>8522</v>
      </c>
      <c r="B39339" s="1" t="s">
        <v>134927</v>
      </c>
      <c r="C39339" s="1" t="s">
        <v>15</v>
      </c>
      <c r="D39339" s="1" t="s">
        <v>10899</v>
      </c>
      <c r="E39339" s="1" t="s">
        <v>133127</v>
      </c>
      <c r="F39339" s="1" t="s">
        <v>134932</v>
      </c>
      <c r="G39339" s="1" t="s">
        <v>134929</v>
      </c>
      <c r="H39339" s="1" t="s">
        <v>134930</v>
      </c>
      <c r="I39339" s="1" t="s">
        <v>134931</v>
      </c>
      <c r="J39339" s="1" t="s">
        <v>134933</v>
      </c>
    </row>
    <row r="39340" spans="1:10" x14ac:dyDescent="0.35">
      <c r="A39340" s="1" t="s">
        <v>8522</v>
      </c>
      <c r="B39340" s="1" t="s">
        <v>134927</v>
      </c>
      <c r="C39340" s="1" t="s">
        <v>20</v>
      </c>
      <c r="D39340" s="1" t="s">
        <v>134934</v>
      </c>
      <c r="E39340" s="1" t="s">
        <v>106556</v>
      </c>
      <c r="F39340" s="1" t="s">
        <v>64997</v>
      </c>
      <c r="G39340" s="1" t="s">
        <v>134929</v>
      </c>
      <c r="H39340" s="1" t="s">
        <v>134930</v>
      </c>
      <c r="I39340" s="1" t="s">
        <v>134931</v>
      </c>
      <c r="J39340" s="1" t="s">
        <v>134935</v>
      </c>
    </row>
    <row r="39341" spans="1:10" x14ac:dyDescent="0.35">
      <c r="A39341" s="1" t="s">
        <v>8522</v>
      </c>
      <c r="B39341" s="1" t="s">
        <v>134927</v>
      </c>
      <c r="C39341" s="1" t="s">
        <v>25</v>
      </c>
      <c r="D39341" s="1" t="s">
        <v>134936</v>
      </c>
      <c r="E39341" s="1" t="s">
        <v>78711</v>
      </c>
      <c r="F39341" s="1" t="s">
        <v>134937</v>
      </c>
      <c r="G39341" s="1" t="s">
        <v>134929</v>
      </c>
      <c r="H39341" s="1" t="s">
        <v>134930</v>
      </c>
      <c r="I39341" s="1" t="s">
        <v>134931</v>
      </c>
      <c r="J39341" s="1" t="s">
        <v>134938</v>
      </c>
    </row>
    <row r="39342" spans="1:10" x14ac:dyDescent="0.35">
      <c r="A39342" s="1" t="s">
        <v>8522</v>
      </c>
      <c r="B39342" s="1" t="s">
        <v>134927</v>
      </c>
      <c r="C39342" s="1" t="s">
        <v>30</v>
      </c>
      <c r="D39342" s="1" t="s">
        <v>29725</v>
      </c>
      <c r="E39342" s="1" t="s">
        <v>134939</v>
      </c>
      <c r="F39342" s="1" t="s">
        <v>134940</v>
      </c>
      <c r="G39342" s="1" t="s">
        <v>134929</v>
      </c>
      <c r="H39342" s="1" t="s">
        <v>134930</v>
      </c>
      <c r="I39342" s="1" t="s">
        <v>134931</v>
      </c>
      <c r="J39342" s="1" t="s">
        <v>134941</v>
      </c>
    </row>
    <row r="39343" spans="1:10" x14ac:dyDescent="0.35">
      <c r="A39343" s="1" t="s">
        <v>8522</v>
      </c>
      <c r="B39343" s="1" t="s">
        <v>134927</v>
      </c>
      <c r="C39343" s="1" t="s">
        <v>35</v>
      </c>
      <c r="D39343" s="1" t="s">
        <v>118410</v>
      </c>
      <c r="E39343" s="1" t="s">
        <v>134942</v>
      </c>
      <c r="F39343" s="1" t="s">
        <v>134943</v>
      </c>
      <c r="G39343" s="1" t="s">
        <v>134929</v>
      </c>
      <c r="H39343" s="1" t="s">
        <v>134930</v>
      </c>
      <c r="I39343" s="1" t="s">
        <v>134931</v>
      </c>
      <c r="J39343" s="1" t="s">
        <v>134944</v>
      </c>
    </row>
    <row r="39344" spans="1:10" x14ac:dyDescent="0.35">
      <c r="A39344" s="1" t="s">
        <v>8522</v>
      </c>
      <c r="B39344" s="1" t="s">
        <v>134927</v>
      </c>
      <c r="C39344" s="1" t="s">
        <v>40</v>
      </c>
      <c r="D39344" s="1" t="s">
        <v>37569</v>
      </c>
      <c r="E39344" s="1" t="s">
        <v>78680</v>
      </c>
      <c r="F39344" s="1" t="s">
        <v>134945</v>
      </c>
      <c r="G39344" s="1" t="s">
        <v>134929</v>
      </c>
      <c r="H39344" s="1" t="s">
        <v>134930</v>
      </c>
      <c r="I39344" s="1" t="s">
        <v>134931</v>
      </c>
      <c r="J39344" s="1" t="s">
        <v>134946</v>
      </c>
    </row>
    <row r="39345" spans="1:10" x14ac:dyDescent="0.35">
      <c r="A39345" s="1" t="s">
        <v>8522</v>
      </c>
      <c r="B39345" s="1" t="s">
        <v>134927</v>
      </c>
      <c r="C39345" s="1" t="s">
        <v>45</v>
      </c>
      <c r="D39345" s="1" t="s">
        <v>134947</v>
      </c>
      <c r="E39345" s="1" t="s">
        <v>134948</v>
      </c>
      <c r="F39345" s="1" t="s">
        <v>134949</v>
      </c>
      <c r="G39345" s="1" t="s">
        <v>134929</v>
      </c>
      <c r="H39345" s="1" t="s">
        <v>134930</v>
      </c>
      <c r="I39345" s="1" t="s">
        <v>134931</v>
      </c>
      <c r="J39345" s="1" t="s">
        <v>134950</v>
      </c>
    </row>
    <row r="39346" spans="1:10" x14ac:dyDescent="0.35">
      <c r="A39346" s="1" t="s">
        <v>8522</v>
      </c>
      <c r="B39346" s="1" t="s">
        <v>134927</v>
      </c>
      <c r="C39346" s="1" t="s">
        <v>50</v>
      </c>
      <c r="D39346" s="1" t="s">
        <v>42878</v>
      </c>
      <c r="E39346" s="1" t="s">
        <v>134951</v>
      </c>
      <c r="F39346" s="1" t="s">
        <v>134952</v>
      </c>
      <c r="G39346" s="1" t="s">
        <v>134929</v>
      </c>
      <c r="H39346" s="1" t="s">
        <v>134930</v>
      </c>
      <c r="I39346" s="1" t="s">
        <v>134931</v>
      </c>
      <c r="J39346" s="1" t="s">
        <v>134953</v>
      </c>
    </row>
    <row r="39347" spans="1:10" x14ac:dyDescent="0.35">
      <c r="A39347" s="1" t="s">
        <v>8522</v>
      </c>
      <c r="B39347" s="1" t="s">
        <v>134927</v>
      </c>
      <c r="C39347" s="1" t="s">
        <v>55</v>
      </c>
      <c r="D39347" s="1" t="s">
        <v>15488</v>
      </c>
      <c r="E39347" s="1" t="s">
        <v>110857</v>
      </c>
      <c r="F39347" s="1" t="s">
        <v>134937</v>
      </c>
      <c r="G39347" s="1" t="s">
        <v>134929</v>
      </c>
      <c r="H39347" s="1" t="s">
        <v>134930</v>
      </c>
      <c r="I39347" s="1" t="s">
        <v>134931</v>
      </c>
      <c r="J39347" s="1" t="s">
        <v>134954</v>
      </c>
    </row>
    <row r="39348" spans="1:10" x14ac:dyDescent="0.35">
      <c r="A39348" s="1" t="s">
        <v>8522</v>
      </c>
      <c r="B39348" s="1" t="s">
        <v>134927</v>
      </c>
      <c r="C39348" s="1" t="s">
        <v>60</v>
      </c>
      <c r="D39348" s="1" t="s">
        <v>34992</v>
      </c>
      <c r="E39348" s="1" t="s">
        <v>77784</v>
      </c>
      <c r="F39348" s="1" t="s">
        <v>134955</v>
      </c>
      <c r="G39348" s="1" t="s">
        <v>134929</v>
      </c>
      <c r="H39348" s="1" t="s">
        <v>134930</v>
      </c>
      <c r="I39348" s="1" t="s">
        <v>134931</v>
      </c>
      <c r="J39348" s="1" t="s">
        <v>134956</v>
      </c>
    </row>
    <row r="39349" spans="1:10" x14ac:dyDescent="0.35">
      <c r="A39349" s="1" t="s">
        <v>8522</v>
      </c>
      <c r="B39349" s="1" t="s">
        <v>134927</v>
      </c>
      <c r="C39349" s="1" t="s">
        <v>65</v>
      </c>
      <c r="D39349" s="1" t="s">
        <v>134957</v>
      </c>
      <c r="E39349" s="1" t="s">
        <v>134958</v>
      </c>
      <c r="F39349" s="1" t="s">
        <v>134959</v>
      </c>
      <c r="G39349" s="1" t="s">
        <v>134929</v>
      </c>
      <c r="H39349" s="1" t="s">
        <v>134930</v>
      </c>
      <c r="I39349" s="1" t="s">
        <v>134931</v>
      </c>
      <c r="J39349" s="1" t="s">
        <v>134960</v>
      </c>
    </row>
    <row r="39350" spans="1:10" x14ac:dyDescent="0.35">
      <c r="A39350" s="1" t="s">
        <v>8522</v>
      </c>
      <c r="B39350" s="1" t="s">
        <v>134927</v>
      </c>
      <c r="C39350" s="1" t="s">
        <v>70</v>
      </c>
      <c r="D39350" s="1" t="s">
        <v>134961</v>
      </c>
      <c r="E39350" s="1" t="s">
        <v>134962</v>
      </c>
      <c r="F39350" s="1" t="s">
        <v>134963</v>
      </c>
      <c r="G39350" s="1" t="s">
        <v>134929</v>
      </c>
      <c r="H39350" s="1" t="s">
        <v>134930</v>
      </c>
      <c r="I39350" s="1" t="s">
        <v>134931</v>
      </c>
      <c r="J39350" s="1" t="s">
        <v>134964</v>
      </c>
    </row>
    <row r="39351" spans="1:10" x14ac:dyDescent="0.35">
      <c r="A39351" s="1" t="s">
        <v>8522</v>
      </c>
      <c r="B39351" s="1" t="s">
        <v>134927</v>
      </c>
      <c r="C39351" s="1" t="s">
        <v>75</v>
      </c>
      <c r="D39351" s="1" t="s">
        <v>50536</v>
      </c>
      <c r="E39351" s="1" t="s">
        <v>134965</v>
      </c>
      <c r="F39351" s="1" t="s">
        <v>24233</v>
      </c>
      <c r="G39351" s="1" t="s">
        <v>134929</v>
      </c>
      <c r="H39351" s="1" t="s">
        <v>134930</v>
      </c>
      <c r="I39351" s="1" t="s">
        <v>134931</v>
      </c>
      <c r="J39351" s="1" t="s">
        <v>134966</v>
      </c>
    </row>
    <row r="39352" spans="1:10" x14ac:dyDescent="0.35">
      <c r="A39352" s="1" t="s">
        <v>8522</v>
      </c>
      <c r="B39352" s="1" t="s">
        <v>134927</v>
      </c>
      <c r="C39352" s="1" t="s">
        <v>80</v>
      </c>
      <c r="D39352" s="1" t="s">
        <v>49912</v>
      </c>
      <c r="E39352" s="1" t="s">
        <v>134967</v>
      </c>
      <c r="F39352" s="1" t="s">
        <v>134968</v>
      </c>
      <c r="G39352" s="1" t="s">
        <v>134929</v>
      </c>
      <c r="H39352" s="1" t="s">
        <v>134930</v>
      </c>
      <c r="I39352" s="1" t="s">
        <v>134931</v>
      </c>
      <c r="J39352" s="1" t="s">
        <v>134969</v>
      </c>
    </row>
    <row r="39353" spans="1:10" x14ac:dyDescent="0.35">
      <c r="A39353" s="1" t="s">
        <v>8522</v>
      </c>
      <c r="B39353" s="1" t="s">
        <v>134927</v>
      </c>
      <c r="C39353" s="1" t="s">
        <v>85</v>
      </c>
      <c r="D39353" s="1" t="s">
        <v>110431</v>
      </c>
      <c r="E39353" s="1" t="s">
        <v>78698</v>
      </c>
      <c r="F39353" s="1" t="s">
        <v>134970</v>
      </c>
      <c r="G39353" s="1" t="s">
        <v>134929</v>
      </c>
      <c r="H39353" s="1" t="s">
        <v>134930</v>
      </c>
      <c r="I39353" s="1" t="s">
        <v>134931</v>
      </c>
      <c r="J39353" s="1" t="s">
        <v>134971</v>
      </c>
    </row>
    <row r="39354" spans="1:10" x14ac:dyDescent="0.35">
      <c r="A39354" s="1" t="s">
        <v>8522</v>
      </c>
      <c r="B39354" s="1" t="s">
        <v>134927</v>
      </c>
      <c r="C39354" s="1" t="s">
        <v>90</v>
      </c>
      <c r="D39354" s="1" t="s">
        <v>120426</v>
      </c>
      <c r="E39354" s="1" t="s">
        <v>78725</v>
      </c>
      <c r="F39354" s="1" t="s">
        <v>134972</v>
      </c>
      <c r="G39354" s="1" t="s">
        <v>134929</v>
      </c>
      <c r="H39354" s="1" t="s">
        <v>134930</v>
      </c>
      <c r="I39354" s="1" t="s">
        <v>134931</v>
      </c>
      <c r="J39354" s="1" t="s">
        <v>134973</v>
      </c>
    </row>
    <row r="39355" spans="1:10" x14ac:dyDescent="0.35">
      <c r="A39355" s="1" t="s">
        <v>8522</v>
      </c>
      <c r="B39355" s="1" t="s">
        <v>134927</v>
      </c>
      <c r="C39355" s="1" t="s">
        <v>95</v>
      </c>
      <c r="D39355" s="1" t="s">
        <v>134974</v>
      </c>
      <c r="E39355" s="1" t="s">
        <v>134975</v>
      </c>
      <c r="F39355" s="1" t="s">
        <v>134976</v>
      </c>
      <c r="G39355" s="1" t="s">
        <v>134929</v>
      </c>
      <c r="H39355" s="1" t="s">
        <v>134930</v>
      </c>
      <c r="I39355" s="1" t="s">
        <v>134931</v>
      </c>
      <c r="J39355" s="1" t="s">
        <v>134977</v>
      </c>
    </row>
    <row r="39356" spans="1:10" x14ac:dyDescent="0.35">
      <c r="A39356" s="1" t="s">
        <v>8522</v>
      </c>
      <c r="B39356" s="1" t="s">
        <v>134927</v>
      </c>
      <c r="C39356" s="1" t="s">
        <v>100</v>
      </c>
      <c r="D39356" s="1" t="s">
        <v>104397</v>
      </c>
      <c r="E39356" s="1" t="s">
        <v>134978</v>
      </c>
      <c r="F39356" s="1" t="s">
        <v>134979</v>
      </c>
      <c r="G39356" s="1" t="s">
        <v>134929</v>
      </c>
      <c r="H39356" s="1" t="s">
        <v>134930</v>
      </c>
      <c r="I39356" s="1" t="s">
        <v>134931</v>
      </c>
      <c r="J39356" s="1" t="s">
        <v>134980</v>
      </c>
    </row>
    <row r="39357" spans="1:10" x14ac:dyDescent="0.35">
      <c r="A39357" s="1" t="s">
        <v>8522</v>
      </c>
      <c r="B39357" s="1" t="s">
        <v>134927</v>
      </c>
      <c r="C39357" s="1" t="s">
        <v>105</v>
      </c>
      <c r="D39357" s="1" t="s">
        <v>134981</v>
      </c>
      <c r="E39357" s="1" t="s">
        <v>134982</v>
      </c>
      <c r="F39357" s="1" t="s">
        <v>134983</v>
      </c>
      <c r="G39357" s="1" t="s">
        <v>134929</v>
      </c>
      <c r="H39357" s="1" t="s">
        <v>134930</v>
      </c>
      <c r="I39357" s="1" t="s">
        <v>134931</v>
      </c>
      <c r="J39357" s="1" t="s">
        <v>134984</v>
      </c>
    </row>
    <row r="39358" spans="1:10" x14ac:dyDescent="0.35">
      <c r="A39358" s="1" t="s">
        <v>8522</v>
      </c>
      <c r="B39358" s="1" t="s">
        <v>134927</v>
      </c>
      <c r="C39358" s="1" t="s">
        <v>110</v>
      </c>
      <c r="D39358" s="1" t="s">
        <v>134985</v>
      </c>
      <c r="E39358" s="1" t="s">
        <v>112202</v>
      </c>
      <c r="F39358" s="1" t="s">
        <v>134986</v>
      </c>
      <c r="G39358" s="1" t="s">
        <v>134929</v>
      </c>
      <c r="H39358" s="1" t="s">
        <v>134930</v>
      </c>
      <c r="I39358" s="1" t="s">
        <v>134931</v>
      </c>
      <c r="J39358" s="1" t="s">
        <v>134987</v>
      </c>
    </row>
    <row r="39359" spans="1:10" x14ac:dyDescent="0.35">
      <c r="A39359" s="1" t="s">
        <v>8522</v>
      </c>
      <c r="B39359" s="1" t="s">
        <v>134927</v>
      </c>
      <c r="C39359" s="1" t="s">
        <v>115</v>
      </c>
      <c r="D39359" s="1" t="s">
        <v>134988</v>
      </c>
      <c r="E39359" s="1" t="s">
        <v>134989</v>
      </c>
      <c r="F39359" s="1" t="s">
        <v>134990</v>
      </c>
      <c r="G39359" s="1" t="s">
        <v>134929</v>
      </c>
      <c r="H39359" s="1" t="s">
        <v>134930</v>
      </c>
      <c r="I39359" s="1" t="s">
        <v>134931</v>
      </c>
      <c r="J39359" s="1" t="s">
        <v>134991</v>
      </c>
    </row>
    <row r="39360" spans="1:10" x14ac:dyDescent="0.35">
      <c r="A39360" s="1" t="s">
        <v>8522</v>
      </c>
      <c r="B39360" s="1" t="s">
        <v>134927</v>
      </c>
      <c r="C39360" s="1" t="s">
        <v>120</v>
      </c>
      <c r="D39360" s="1" t="s">
        <v>134992</v>
      </c>
      <c r="E39360" s="1" t="s">
        <v>134993</v>
      </c>
      <c r="F39360" s="1" t="s">
        <v>134994</v>
      </c>
      <c r="G39360" s="1" t="s">
        <v>134929</v>
      </c>
      <c r="H39360" s="1" t="s">
        <v>134930</v>
      </c>
      <c r="I39360" s="1" t="s">
        <v>134931</v>
      </c>
      <c r="J39360" s="1" t="s">
        <v>134995</v>
      </c>
    </row>
    <row r="39361" spans="1:10" x14ac:dyDescent="0.35">
      <c r="A39361" s="1" t="s">
        <v>8522</v>
      </c>
      <c r="B39361" s="1" t="s">
        <v>134927</v>
      </c>
      <c r="C39361" s="1" t="s">
        <v>125</v>
      </c>
      <c r="D39361" s="1" t="s">
        <v>134996</v>
      </c>
      <c r="E39361" s="1" t="s">
        <v>134997</v>
      </c>
      <c r="F39361" s="1" t="s">
        <v>134998</v>
      </c>
      <c r="G39361" s="1" t="s">
        <v>134929</v>
      </c>
      <c r="H39361" s="1" t="s">
        <v>134930</v>
      </c>
      <c r="I39361" s="1" t="s">
        <v>134931</v>
      </c>
      <c r="J39361" s="1" t="s">
        <v>134999</v>
      </c>
    </row>
    <row r="39362" spans="1:10" x14ac:dyDescent="0.35">
      <c r="A39362" s="1" t="s">
        <v>8522</v>
      </c>
      <c r="B39362" s="1" t="s">
        <v>134927</v>
      </c>
      <c r="C39362" s="1" t="s">
        <v>130</v>
      </c>
      <c r="D39362" s="1" t="s">
        <v>135000</v>
      </c>
      <c r="E39362" s="1" t="s">
        <v>135001</v>
      </c>
      <c r="F39362" s="1" t="s">
        <v>108610</v>
      </c>
      <c r="G39362" s="1" t="s">
        <v>134929</v>
      </c>
      <c r="H39362" s="1" t="s">
        <v>134930</v>
      </c>
      <c r="I39362" s="1" t="s">
        <v>134931</v>
      </c>
      <c r="J39362" s="1" t="s">
        <v>135002</v>
      </c>
    </row>
    <row r="39363" spans="1:10" x14ac:dyDescent="0.35">
      <c r="A39363" s="1" t="s">
        <v>8522</v>
      </c>
      <c r="B39363" s="1" t="s">
        <v>134927</v>
      </c>
      <c r="C39363" s="1" t="s">
        <v>135</v>
      </c>
      <c r="D39363" s="1" t="s">
        <v>115550</v>
      </c>
      <c r="E39363" s="1" t="s">
        <v>135003</v>
      </c>
      <c r="F39363" s="1" t="s">
        <v>135004</v>
      </c>
      <c r="G39363" s="1" t="s">
        <v>134929</v>
      </c>
      <c r="H39363" s="1" t="s">
        <v>134930</v>
      </c>
      <c r="I39363" s="1" t="s">
        <v>134931</v>
      </c>
      <c r="J39363" s="1" t="s">
        <v>135005</v>
      </c>
    </row>
    <row r="39364" spans="1:10" x14ac:dyDescent="0.35">
      <c r="A39364" s="1" t="s">
        <v>8522</v>
      </c>
      <c r="B39364" s="1" t="s">
        <v>134927</v>
      </c>
      <c r="C39364" s="1" t="s">
        <v>140</v>
      </c>
      <c r="D39364" s="1" t="s">
        <v>3675</v>
      </c>
      <c r="E39364" s="1" t="s">
        <v>135006</v>
      </c>
      <c r="F39364" s="1" t="s">
        <v>135007</v>
      </c>
      <c r="G39364" s="1" t="s">
        <v>134929</v>
      </c>
      <c r="H39364" s="1" t="s">
        <v>134930</v>
      </c>
      <c r="I39364" s="1" t="s">
        <v>134931</v>
      </c>
      <c r="J39364" s="1" t="s">
        <v>135008</v>
      </c>
    </row>
    <row r="39365" spans="1:10" x14ac:dyDescent="0.35">
      <c r="A39365" s="1" t="s">
        <v>8522</v>
      </c>
      <c r="B39365" s="1" t="s">
        <v>134927</v>
      </c>
      <c r="C39365" s="1" t="s">
        <v>145</v>
      </c>
      <c r="D39365" s="1" t="s">
        <v>135009</v>
      </c>
      <c r="E39365" s="1" t="s">
        <v>135010</v>
      </c>
      <c r="F39365" s="1" t="s">
        <v>135011</v>
      </c>
      <c r="G39365" s="1" t="s">
        <v>134929</v>
      </c>
      <c r="H39365" s="1" t="s">
        <v>134930</v>
      </c>
      <c r="I39365" s="1" t="s">
        <v>134931</v>
      </c>
      <c r="J39365" s="1" t="s">
        <v>135012</v>
      </c>
    </row>
    <row r="39366" spans="1:10" x14ac:dyDescent="0.35">
      <c r="A39366" s="1" t="s">
        <v>8522</v>
      </c>
      <c r="B39366" s="1" t="s">
        <v>134927</v>
      </c>
      <c r="C39366" s="1" t="s">
        <v>150</v>
      </c>
      <c r="D39366" s="1" t="s">
        <v>18841</v>
      </c>
      <c r="E39366" s="1" t="s">
        <v>135013</v>
      </c>
      <c r="F39366" s="1" t="s">
        <v>135014</v>
      </c>
      <c r="G39366" s="1" t="s">
        <v>134929</v>
      </c>
      <c r="H39366" s="1" t="s">
        <v>134930</v>
      </c>
      <c r="I39366" s="1" t="s">
        <v>134931</v>
      </c>
      <c r="J39366" s="1" t="s">
        <v>135015</v>
      </c>
    </row>
    <row r="39367" spans="1:10" x14ac:dyDescent="0.35">
      <c r="A39367" s="1" t="s">
        <v>8522</v>
      </c>
      <c r="B39367" s="1" t="s">
        <v>134927</v>
      </c>
      <c r="C39367" s="1" t="s">
        <v>155</v>
      </c>
      <c r="D39367" s="1" t="s">
        <v>135016</v>
      </c>
      <c r="E39367" s="1" t="s">
        <v>135017</v>
      </c>
      <c r="F39367" s="1" t="s">
        <v>135018</v>
      </c>
      <c r="G39367" s="1" t="s">
        <v>134929</v>
      </c>
      <c r="H39367" s="1" t="s">
        <v>134930</v>
      </c>
      <c r="I39367" s="1" t="s">
        <v>134931</v>
      </c>
      <c r="J39367" s="1" t="s">
        <v>135019</v>
      </c>
    </row>
    <row r="39368" spans="1:10" x14ac:dyDescent="0.35">
      <c r="A39368" s="1" t="s">
        <v>8522</v>
      </c>
      <c r="B39368" s="1" t="s">
        <v>134927</v>
      </c>
      <c r="C39368" s="1" t="s">
        <v>160</v>
      </c>
      <c r="D39368" s="1" t="s">
        <v>32945</v>
      </c>
      <c r="E39368" s="1" t="s">
        <v>109676</v>
      </c>
      <c r="F39368" s="1" t="s">
        <v>135020</v>
      </c>
      <c r="G39368" s="1" t="s">
        <v>134929</v>
      </c>
      <c r="H39368" s="1" t="s">
        <v>134930</v>
      </c>
      <c r="I39368" s="1" t="s">
        <v>134931</v>
      </c>
      <c r="J39368" s="1" t="s">
        <v>135021</v>
      </c>
    </row>
    <row r="39369" spans="1:10" x14ac:dyDescent="0.35">
      <c r="A39369" s="1" t="s">
        <v>8522</v>
      </c>
      <c r="B39369" s="1" t="s">
        <v>134927</v>
      </c>
      <c r="C39369" s="1" t="s">
        <v>165</v>
      </c>
      <c r="D39369" s="1" t="s">
        <v>16177</v>
      </c>
      <c r="E39369" s="1" t="s">
        <v>135022</v>
      </c>
      <c r="F39369" s="1" t="s">
        <v>135023</v>
      </c>
      <c r="G39369" s="1" t="s">
        <v>134929</v>
      </c>
      <c r="H39369" s="1" t="s">
        <v>134930</v>
      </c>
      <c r="I39369" s="1" t="s">
        <v>134931</v>
      </c>
      <c r="J39369" s="1" t="s">
        <v>135024</v>
      </c>
    </row>
    <row r="39370" spans="1:10" x14ac:dyDescent="0.35">
      <c r="A39370" s="1" t="s">
        <v>8522</v>
      </c>
      <c r="B39370" s="1" t="s">
        <v>134927</v>
      </c>
      <c r="C39370" s="1" t="s">
        <v>170</v>
      </c>
      <c r="D39370" s="1" t="s">
        <v>123141</v>
      </c>
      <c r="E39370" s="1" t="s">
        <v>135025</v>
      </c>
      <c r="F39370" s="1" t="s">
        <v>135026</v>
      </c>
      <c r="G39370" s="1" t="s">
        <v>134929</v>
      </c>
      <c r="H39370" s="1" t="s">
        <v>134930</v>
      </c>
      <c r="I39370" s="1" t="s">
        <v>134931</v>
      </c>
      <c r="J39370" s="1" t="s">
        <v>135027</v>
      </c>
    </row>
    <row r="39371" spans="1:10" x14ac:dyDescent="0.35">
      <c r="A39371" s="1" t="s">
        <v>10235</v>
      </c>
      <c r="B39371" s="1" t="s">
        <v>134927</v>
      </c>
      <c r="C39371" s="1" t="s">
        <v>8</v>
      </c>
      <c r="D39371" s="1" t="s">
        <v>135028</v>
      </c>
      <c r="E39371" s="1" t="s">
        <v>135029</v>
      </c>
      <c r="F39371" s="1" t="s">
        <v>135030</v>
      </c>
      <c r="G39371" s="1" t="s">
        <v>135031</v>
      </c>
      <c r="H39371" s="1" t="s">
        <v>135032</v>
      </c>
      <c r="I39371" s="1" t="s">
        <v>134931</v>
      </c>
      <c r="J39371" s="1" t="s">
        <v>13</v>
      </c>
    </row>
    <row r="39372" spans="1:10" x14ac:dyDescent="0.35">
      <c r="A39372" s="1" t="s">
        <v>10235</v>
      </c>
      <c r="B39372" s="1" t="s">
        <v>134927</v>
      </c>
      <c r="C39372" s="1" t="s">
        <v>15</v>
      </c>
      <c r="D39372" s="1" t="s">
        <v>135033</v>
      </c>
      <c r="E39372" s="1" t="s">
        <v>135034</v>
      </c>
      <c r="F39372" s="1" t="s">
        <v>135035</v>
      </c>
      <c r="G39372" s="1" t="s">
        <v>135031</v>
      </c>
      <c r="H39372" s="1" t="s">
        <v>135032</v>
      </c>
      <c r="I39372" s="1" t="s">
        <v>134931</v>
      </c>
      <c r="J39372" s="1" t="s">
        <v>135036</v>
      </c>
    </row>
    <row r="39373" spans="1:10" x14ac:dyDescent="0.35">
      <c r="A39373" s="1" t="s">
        <v>10235</v>
      </c>
      <c r="B39373" s="1" t="s">
        <v>134927</v>
      </c>
      <c r="C39373" s="1" t="s">
        <v>20</v>
      </c>
      <c r="D39373" s="1" t="s">
        <v>135037</v>
      </c>
      <c r="E39373" s="1" t="s">
        <v>135038</v>
      </c>
      <c r="F39373" s="1" t="s">
        <v>135039</v>
      </c>
      <c r="G39373" s="1" t="s">
        <v>135031</v>
      </c>
      <c r="H39373" s="1" t="s">
        <v>135032</v>
      </c>
      <c r="I39373" s="1" t="s">
        <v>134931</v>
      </c>
      <c r="J39373" s="1" t="s">
        <v>135040</v>
      </c>
    </row>
    <row r="39374" spans="1:10" x14ac:dyDescent="0.35">
      <c r="A39374" s="1" t="s">
        <v>10235</v>
      </c>
      <c r="B39374" s="1" t="s">
        <v>134927</v>
      </c>
      <c r="C39374" s="1" t="s">
        <v>25</v>
      </c>
      <c r="D39374" s="1" t="s">
        <v>74045</v>
      </c>
      <c r="E39374" s="1" t="s">
        <v>135041</v>
      </c>
      <c r="F39374" s="1" t="s">
        <v>135042</v>
      </c>
      <c r="G39374" s="1" t="s">
        <v>135031</v>
      </c>
      <c r="H39374" s="1" t="s">
        <v>135032</v>
      </c>
      <c r="I39374" s="1" t="s">
        <v>134931</v>
      </c>
      <c r="J39374" s="1" t="s">
        <v>135043</v>
      </c>
    </row>
    <row r="39375" spans="1:10" x14ac:dyDescent="0.35">
      <c r="A39375" s="1" t="s">
        <v>10235</v>
      </c>
      <c r="B39375" s="1" t="s">
        <v>134927</v>
      </c>
      <c r="C39375" s="1" t="s">
        <v>30</v>
      </c>
      <c r="D39375" s="1" t="s">
        <v>412</v>
      </c>
      <c r="E39375" s="1" t="s">
        <v>135044</v>
      </c>
      <c r="F39375" s="1" t="s">
        <v>135045</v>
      </c>
      <c r="G39375" s="1" t="s">
        <v>135031</v>
      </c>
      <c r="H39375" s="1" t="s">
        <v>135032</v>
      </c>
      <c r="I39375" s="1" t="s">
        <v>134931</v>
      </c>
      <c r="J39375" s="1" t="s">
        <v>135046</v>
      </c>
    </row>
    <row r="39376" spans="1:10" x14ac:dyDescent="0.35">
      <c r="A39376" s="1" t="s">
        <v>10235</v>
      </c>
      <c r="B39376" s="1" t="s">
        <v>134927</v>
      </c>
      <c r="C39376" s="1" t="s">
        <v>35</v>
      </c>
      <c r="D39376" s="1" t="s">
        <v>135047</v>
      </c>
      <c r="E39376" s="1" t="s">
        <v>135048</v>
      </c>
      <c r="F39376" s="1" t="s">
        <v>135049</v>
      </c>
      <c r="G39376" s="1" t="s">
        <v>135031</v>
      </c>
      <c r="H39376" s="1" t="s">
        <v>135032</v>
      </c>
      <c r="I39376" s="1" t="s">
        <v>134931</v>
      </c>
      <c r="J39376" s="1" t="s">
        <v>135050</v>
      </c>
    </row>
    <row r="39377" spans="1:10" x14ac:dyDescent="0.35">
      <c r="A39377" s="1" t="s">
        <v>10235</v>
      </c>
      <c r="B39377" s="1" t="s">
        <v>134927</v>
      </c>
      <c r="C39377" s="1" t="s">
        <v>40</v>
      </c>
      <c r="D39377" s="1" t="s">
        <v>135051</v>
      </c>
      <c r="E39377" s="1" t="s">
        <v>135052</v>
      </c>
      <c r="F39377" s="1" t="s">
        <v>135053</v>
      </c>
      <c r="G39377" s="1" t="s">
        <v>135031</v>
      </c>
      <c r="H39377" s="1" t="s">
        <v>135032</v>
      </c>
      <c r="I39377" s="1" t="s">
        <v>134931</v>
      </c>
      <c r="J39377" s="1" t="s">
        <v>135054</v>
      </c>
    </row>
    <row r="39378" spans="1:10" x14ac:dyDescent="0.35">
      <c r="A39378" s="1" t="s">
        <v>10235</v>
      </c>
      <c r="B39378" s="1" t="s">
        <v>134927</v>
      </c>
      <c r="C39378" s="1" t="s">
        <v>45</v>
      </c>
      <c r="D39378" s="1" t="s">
        <v>48750</v>
      </c>
      <c r="E39378" s="1" t="s">
        <v>135055</v>
      </c>
      <c r="F39378" s="1" t="s">
        <v>135056</v>
      </c>
      <c r="G39378" s="1" t="s">
        <v>135031</v>
      </c>
      <c r="H39378" s="1" t="s">
        <v>135032</v>
      </c>
      <c r="I39378" s="1" t="s">
        <v>134931</v>
      </c>
      <c r="J39378" s="1" t="s">
        <v>135057</v>
      </c>
    </row>
    <row r="39379" spans="1:10" x14ac:dyDescent="0.35">
      <c r="A39379" s="1" t="s">
        <v>10235</v>
      </c>
      <c r="B39379" s="1" t="s">
        <v>134927</v>
      </c>
      <c r="C39379" s="1" t="s">
        <v>50</v>
      </c>
      <c r="D39379" s="1" t="s">
        <v>13259</v>
      </c>
      <c r="E39379" s="1" t="s">
        <v>135058</v>
      </c>
      <c r="F39379" s="1" t="s">
        <v>135059</v>
      </c>
      <c r="G39379" s="1" t="s">
        <v>135031</v>
      </c>
      <c r="H39379" s="1" t="s">
        <v>135032</v>
      </c>
      <c r="I39379" s="1" t="s">
        <v>134931</v>
      </c>
      <c r="J39379" s="1" t="s">
        <v>135060</v>
      </c>
    </row>
    <row r="39380" spans="1:10" x14ac:dyDescent="0.35">
      <c r="A39380" s="1" t="s">
        <v>10235</v>
      </c>
      <c r="B39380" s="1" t="s">
        <v>134927</v>
      </c>
      <c r="C39380" s="1" t="s">
        <v>55</v>
      </c>
      <c r="D39380" s="1" t="s">
        <v>124016</v>
      </c>
      <c r="E39380" s="1" t="s">
        <v>135061</v>
      </c>
      <c r="F39380" s="1" t="s">
        <v>135062</v>
      </c>
      <c r="G39380" s="1" t="s">
        <v>135031</v>
      </c>
      <c r="H39380" s="1" t="s">
        <v>135032</v>
      </c>
      <c r="I39380" s="1" t="s">
        <v>134931</v>
      </c>
      <c r="J39380" s="1" t="s">
        <v>135063</v>
      </c>
    </row>
    <row r="39381" spans="1:10" x14ac:dyDescent="0.35">
      <c r="A39381" s="1" t="s">
        <v>10235</v>
      </c>
      <c r="B39381" s="1" t="s">
        <v>134927</v>
      </c>
      <c r="C39381" s="1" t="s">
        <v>60</v>
      </c>
      <c r="D39381" s="1" t="s">
        <v>135064</v>
      </c>
      <c r="E39381" s="1" t="s">
        <v>135065</v>
      </c>
      <c r="F39381" s="1" t="s">
        <v>135066</v>
      </c>
      <c r="G39381" s="1" t="s">
        <v>135031</v>
      </c>
      <c r="H39381" s="1" t="s">
        <v>135032</v>
      </c>
      <c r="I39381" s="1" t="s">
        <v>134931</v>
      </c>
      <c r="J39381" s="1" t="s">
        <v>135067</v>
      </c>
    </row>
    <row r="39382" spans="1:10" x14ac:dyDescent="0.35">
      <c r="A39382" s="1" t="s">
        <v>10235</v>
      </c>
      <c r="B39382" s="1" t="s">
        <v>134927</v>
      </c>
      <c r="C39382" s="1" t="s">
        <v>65</v>
      </c>
      <c r="D39382" s="1" t="s">
        <v>135068</v>
      </c>
      <c r="E39382" s="1" t="s">
        <v>135069</v>
      </c>
      <c r="F39382" s="1" t="s">
        <v>135070</v>
      </c>
      <c r="G39382" s="1" t="s">
        <v>135031</v>
      </c>
      <c r="H39382" s="1" t="s">
        <v>135032</v>
      </c>
      <c r="I39382" s="1" t="s">
        <v>134931</v>
      </c>
      <c r="J39382" s="1" t="s">
        <v>135071</v>
      </c>
    </row>
    <row r="39383" spans="1:10" x14ac:dyDescent="0.35">
      <c r="A39383" s="1" t="s">
        <v>10235</v>
      </c>
      <c r="B39383" s="1" t="s">
        <v>134927</v>
      </c>
      <c r="C39383" s="1" t="s">
        <v>70</v>
      </c>
      <c r="D39383" s="1" t="s">
        <v>42550</v>
      </c>
      <c r="E39383" s="1" t="s">
        <v>135072</v>
      </c>
      <c r="F39383" s="1" t="s">
        <v>135073</v>
      </c>
      <c r="G39383" s="1" t="s">
        <v>135031</v>
      </c>
      <c r="H39383" s="1" t="s">
        <v>135032</v>
      </c>
      <c r="I39383" s="1" t="s">
        <v>134931</v>
      </c>
      <c r="J39383" s="1" t="s">
        <v>135074</v>
      </c>
    </row>
    <row r="39384" spans="1:10" x14ac:dyDescent="0.35">
      <c r="A39384" s="1" t="s">
        <v>10235</v>
      </c>
      <c r="B39384" s="1" t="s">
        <v>134927</v>
      </c>
      <c r="C39384" s="1" t="s">
        <v>75</v>
      </c>
      <c r="D39384" s="1" t="s">
        <v>135075</v>
      </c>
      <c r="E39384" s="1" t="s">
        <v>135076</v>
      </c>
      <c r="F39384" s="1" t="s">
        <v>135077</v>
      </c>
      <c r="G39384" s="1" t="s">
        <v>135031</v>
      </c>
      <c r="H39384" s="1" t="s">
        <v>135032</v>
      </c>
      <c r="I39384" s="1" t="s">
        <v>134931</v>
      </c>
      <c r="J39384" s="1" t="s">
        <v>135078</v>
      </c>
    </row>
    <row r="39385" spans="1:10" x14ac:dyDescent="0.35">
      <c r="A39385" s="1" t="s">
        <v>10235</v>
      </c>
      <c r="B39385" s="1" t="s">
        <v>134927</v>
      </c>
      <c r="C39385" s="1" t="s">
        <v>80</v>
      </c>
      <c r="D39385" s="1" t="s">
        <v>135079</v>
      </c>
      <c r="E39385" s="1" t="s">
        <v>135080</v>
      </c>
      <c r="F39385" s="1" t="s">
        <v>135081</v>
      </c>
      <c r="G39385" s="1" t="s">
        <v>135031</v>
      </c>
      <c r="H39385" s="1" t="s">
        <v>135032</v>
      </c>
      <c r="I39385" s="1" t="s">
        <v>134931</v>
      </c>
      <c r="J39385" s="1" t="s">
        <v>135082</v>
      </c>
    </row>
    <row r="39386" spans="1:10" x14ac:dyDescent="0.35">
      <c r="A39386" s="1" t="s">
        <v>10235</v>
      </c>
      <c r="B39386" s="1" t="s">
        <v>134927</v>
      </c>
      <c r="C39386" s="1" t="s">
        <v>85</v>
      </c>
      <c r="D39386" s="1" t="s">
        <v>135083</v>
      </c>
      <c r="E39386" s="1" t="s">
        <v>135084</v>
      </c>
      <c r="F39386" s="1" t="s">
        <v>135085</v>
      </c>
      <c r="G39386" s="1" t="s">
        <v>135031</v>
      </c>
      <c r="H39386" s="1" t="s">
        <v>135032</v>
      </c>
      <c r="I39386" s="1" t="s">
        <v>134931</v>
      </c>
      <c r="J39386" s="1" t="s">
        <v>135086</v>
      </c>
    </row>
    <row r="39387" spans="1:10" x14ac:dyDescent="0.35">
      <c r="A39387" s="1" t="s">
        <v>10235</v>
      </c>
      <c r="B39387" s="1" t="s">
        <v>134927</v>
      </c>
      <c r="C39387" s="1" t="s">
        <v>90</v>
      </c>
      <c r="D39387" s="1" t="s">
        <v>49298</v>
      </c>
      <c r="E39387" s="1" t="s">
        <v>135087</v>
      </c>
      <c r="F39387" s="1" t="s">
        <v>135088</v>
      </c>
      <c r="G39387" s="1" t="s">
        <v>135031</v>
      </c>
      <c r="H39387" s="1" t="s">
        <v>135032</v>
      </c>
      <c r="I39387" s="1" t="s">
        <v>134931</v>
      </c>
      <c r="J39387" s="1" t="s">
        <v>135089</v>
      </c>
    </row>
    <row r="39388" spans="1:10" x14ac:dyDescent="0.35">
      <c r="A39388" s="1" t="s">
        <v>10235</v>
      </c>
      <c r="B39388" s="1" t="s">
        <v>134927</v>
      </c>
      <c r="C39388" s="1" t="s">
        <v>95</v>
      </c>
      <c r="D39388" s="1" t="s">
        <v>135090</v>
      </c>
      <c r="E39388" s="1" t="s">
        <v>135091</v>
      </c>
      <c r="F39388" s="1" t="s">
        <v>135092</v>
      </c>
      <c r="G39388" s="1" t="s">
        <v>135031</v>
      </c>
      <c r="H39388" s="1" t="s">
        <v>135032</v>
      </c>
      <c r="I39388" s="1" t="s">
        <v>134931</v>
      </c>
      <c r="J39388" s="1" t="s">
        <v>135093</v>
      </c>
    </row>
    <row r="39389" spans="1:10" x14ac:dyDescent="0.35">
      <c r="A39389" s="1" t="s">
        <v>10235</v>
      </c>
      <c r="B39389" s="1" t="s">
        <v>134927</v>
      </c>
      <c r="C39389" s="1" t="s">
        <v>100</v>
      </c>
      <c r="D39389" s="1" t="s">
        <v>135094</v>
      </c>
      <c r="E39389" s="1" t="s">
        <v>135095</v>
      </c>
      <c r="F39389" s="1" t="s">
        <v>135096</v>
      </c>
      <c r="G39389" s="1" t="s">
        <v>135031</v>
      </c>
      <c r="H39389" s="1" t="s">
        <v>135032</v>
      </c>
      <c r="I39389" s="1" t="s">
        <v>134931</v>
      </c>
      <c r="J39389" s="1" t="s">
        <v>135097</v>
      </c>
    </row>
    <row r="39390" spans="1:10" x14ac:dyDescent="0.35">
      <c r="A39390" s="1" t="s">
        <v>10235</v>
      </c>
      <c r="B39390" s="1" t="s">
        <v>134927</v>
      </c>
      <c r="C39390" s="1" t="s">
        <v>105</v>
      </c>
      <c r="D39390" s="1" t="s">
        <v>135098</v>
      </c>
      <c r="E39390" s="1" t="s">
        <v>135099</v>
      </c>
      <c r="F39390" s="1" t="s">
        <v>135100</v>
      </c>
      <c r="G39390" s="1" t="s">
        <v>135031</v>
      </c>
      <c r="H39390" s="1" t="s">
        <v>135032</v>
      </c>
      <c r="I39390" s="1" t="s">
        <v>134931</v>
      </c>
      <c r="J39390" s="1" t="s">
        <v>135101</v>
      </c>
    </row>
    <row r="39391" spans="1:10" x14ac:dyDescent="0.35">
      <c r="A39391" s="1" t="s">
        <v>10235</v>
      </c>
      <c r="B39391" s="1" t="s">
        <v>134927</v>
      </c>
      <c r="C39391" s="1" t="s">
        <v>110</v>
      </c>
      <c r="D39391" s="1" t="s">
        <v>135102</v>
      </c>
      <c r="E39391" s="1" t="s">
        <v>135103</v>
      </c>
      <c r="F39391" s="1" t="s">
        <v>135104</v>
      </c>
      <c r="G39391" s="1" t="s">
        <v>135031</v>
      </c>
      <c r="H39391" s="1" t="s">
        <v>135032</v>
      </c>
      <c r="I39391" s="1" t="s">
        <v>134931</v>
      </c>
      <c r="J39391" s="1" t="s">
        <v>135105</v>
      </c>
    </row>
    <row r="39392" spans="1:10" x14ac:dyDescent="0.35">
      <c r="A39392" s="1" t="s">
        <v>10235</v>
      </c>
      <c r="B39392" s="1" t="s">
        <v>134927</v>
      </c>
      <c r="C39392" s="1" t="s">
        <v>115</v>
      </c>
      <c r="D39392" s="1" t="s">
        <v>135106</v>
      </c>
      <c r="E39392" s="1" t="s">
        <v>135107</v>
      </c>
      <c r="F39392" s="1" t="s">
        <v>135108</v>
      </c>
      <c r="G39392" s="1" t="s">
        <v>135031</v>
      </c>
      <c r="H39392" s="1" t="s">
        <v>135032</v>
      </c>
      <c r="I39392" s="1" t="s">
        <v>134931</v>
      </c>
      <c r="J39392" s="1" t="s">
        <v>135109</v>
      </c>
    </row>
    <row r="39393" spans="1:10" x14ac:dyDescent="0.35">
      <c r="A39393" s="1" t="s">
        <v>10235</v>
      </c>
      <c r="B39393" s="1" t="s">
        <v>134927</v>
      </c>
      <c r="C39393" s="1" t="s">
        <v>120</v>
      </c>
      <c r="D39393" s="1" t="s">
        <v>117814</v>
      </c>
      <c r="E39393" s="1" t="s">
        <v>135110</v>
      </c>
      <c r="F39393" s="1" t="s">
        <v>135111</v>
      </c>
      <c r="G39393" s="1" t="s">
        <v>135031</v>
      </c>
      <c r="H39393" s="1" t="s">
        <v>135032</v>
      </c>
      <c r="I39393" s="1" t="s">
        <v>134931</v>
      </c>
      <c r="J39393" s="1" t="s">
        <v>135112</v>
      </c>
    </row>
    <row r="39394" spans="1:10" x14ac:dyDescent="0.35">
      <c r="A39394" s="1" t="s">
        <v>10235</v>
      </c>
      <c r="B39394" s="1" t="s">
        <v>134927</v>
      </c>
      <c r="C39394" s="1" t="s">
        <v>125</v>
      </c>
      <c r="D39394" s="1" t="s">
        <v>13686</v>
      </c>
      <c r="E39394" s="1" t="s">
        <v>135113</v>
      </c>
      <c r="F39394" s="1" t="s">
        <v>135114</v>
      </c>
      <c r="G39394" s="1" t="s">
        <v>135031</v>
      </c>
      <c r="H39394" s="1" t="s">
        <v>135032</v>
      </c>
      <c r="I39394" s="1" t="s">
        <v>134931</v>
      </c>
      <c r="J39394" s="1" t="s">
        <v>135115</v>
      </c>
    </row>
    <row r="39395" spans="1:10" x14ac:dyDescent="0.35">
      <c r="A39395" s="1" t="s">
        <v>10235</v>
      </c>
      <c r="B39395" s="1" t="s">
        <v>134927</v>
      </c>
      <c r="C39395" s="1" t="s">
        <v>130</v>
      </c>
      <c r="D39395" s="1" t="s">
        <v>3176</v>
      </c>
      <c r="E39395" s="1" t="s">
        <v>135116</v>
      </c>
      <c r="F39395" s="1" t="s">
        <v>135117</v>
      </c>
      <c r="G39395" s="1" t="s">
        <v>135031</v>
      </c>
      <c r="H39395" s="1" t="s">
        <v>135032</v>
      </c>
      <c r="I39395" s="1" t="s">
        <v>134931</v>
      </c>
      <c r="J39395" s="1" t="s">
        <v>135118</v>
      </c>
    </row>
    <row r="39396" spans="1:10" x14ac:dyDescent="0.35">
      <c r="A39396" s="1" t="s">
        <v>10235</v>
      </c>
      <c r="B39396" s="1" t="s">
        <v>134927</v>
      </c>
      <c r="C39396" s="1" t="s">
        <v>135</v>
      </c>
      <c r="D39396" s="1" t="s">
        <v>135119</v>
      </c>
      <c r="E39396" s="1" t="s">
        <v>135120</v>
      </c>
      <c r="F39396" s="1" t="s">
        <v>135121</v>
      </c>
      <c r="G39396" s="1" t="s">
        <v>135031</v>
      </c>
      <c r="H39396" s="1" t="s">
        <v>135032</v>
      </c>
      <c r="I39396" s="1" t="s">
        <v>134931</v>
      </c>
      <c r="J39396" s="1" t="s">
        <v>135122</v>
      </c>
    </row>
    <row r="39397" spans="1:10" x14ac:dyDescent="0.35">
      <c r="A39397" s="1" t="s">
        <v>10235</v>
      </c>
      <c r="B39397" s="1" t="s">
        <v>134927</v>
      </c>
      <c r="C39397" s="1" t="s">
        <v>140</v>
      </c>
      <c r="D39397" s="1" t="s">
        <v>135123</v>
      </c>
      <c r="E39397" s="1" t="s">
        <v>135124</v>
      </c>
      <c r="F39397" s="1" t="s">
        <v>135125</v>
      </c>
      <c r="G39397" s="1" t="s">
        <v>135031</v>
      </c>
      <c r="H39397" s="1" t="s">
        <v>135032</v>
      </c>
      <c r="I39397" s="1" t="s">
        <v>134931</v>
      </c>
      <c r="J39397" s="1" t="s">
        <v>135126</v>
      </c>
    </row>
    <row r="39398" spans="1:10" x14ac:dyDescent="0.35">
      <c r="A39398" s="1" t="s">
        <v>10235</v>
      </c>
      <c r="B39398" s="1" t="s">
        <v>134927</v>
      </c>
      <c r="C39398" s="1" t="s">
        <v>145</v>
      </c>
      <c r="D39398" s="1" t="s">
        <v>135127</v>
      </c>
      <c r="E39398" s="1" t="s">
        <v>135128</v>
      </c>
      <c r="F39398" s="1" t="s">
        <v>135129</v>
      </c>
      <c r="G39398" s="1" t="s">
        <v>135031</v>
      </c>
      <c r="H39398" s="1" t="s">
        <v>135032</v>
      </c>
      <c r="I39398" s="1" t="s">
        <v>134931</v>
      </c>
      <c r="J39398" s="1" t="s">
        <v>135130</v>
      </c>
    </row>
    <row r="39399" spans="1:10" x14ac:dyDescent="0.35">
      <c r="A39399" s="1" t="s">
        <v>10235</v>
      </c>
      <c r="B39399" s="1" t="s">
        <v>134927</v>
      </c>
      <c r="C39399" s="1" t="s">
        <v>150</v>
      </c>
      <c r="D39399" s="1" t="s">
        <v>135131</v>
      </c>
      <c r="E39399" s="1" t="s">
        <v>135132</v>
      </c>
      <c r="F39399" s="1" t="s">
        <v>135133</v>
      </c>
      <c r="G39399" s="1" t="s">
        <v>135031</v>
      </c>
      <c r="H39399" s="1" t="s">
        <v>135032</v>
      </c>
      <c r="I39399" s="1" t="s">
        <v>134931</v>
      </c>
      <c r="J39399" s="1" t="s">
        <v>135134</v>
      </c>
    </row>
    <row r="39400" spans="1:10" x14ac:dyDescent="0.35">
      <c r="A39400" s="1" t="s">
        <v>10235</v>
      </c>
      <c r="B39400" s="1" t="s">
        <v>134927</v>
      </c>
      <c r="C39400" s="1" t="s">
        <v>155</v>
      </c>
      <c r="D39400" s="1" t="s">
        <v>117591</v>
      </c>
      <c r="E39400" s="1" t="s">
        <v>135135</v>
      </c>
      <c r="F39400" s="1" t="s">
        <v>135136</v>
      </c>
      <c r="G39400" s="1" t="s">
        <v>135031</v>
      </c>
      <c r="H39400" s="1" t="s">
        <v>135032</v>
      </c>
      <c r="I39400" s="1" t="s">
        <v>134931</v>
      </c>
      <c r="J39400" s="1" t="s">
        <v>135137</v>
      </c>
    </row>
    <row r="39401" spans="1:10" x14ac:dyDescent="0.35">
      <c r="A39401" s="1" t="s">
        <v>10235</v>
      </c>
      <c r="B39401" s="1" t="s">
        <v>134927</v>
      </c>
      <c r="C39401" s="1" t="s">
        <v>160</v>
      </c>
      <c r="D39401" s="1" t="s">
        <v>135138</v>
      </c>
      <c r="E39401" s="1" t="s">
        <v>135139</v>
      </c>
      <c r="F39401" s="1" t="s">
        <v>135140</v>
      </c>
      <c r="G39401" s="1" t="s">
        <v>135031</v>
      </c>
      <c r="H39401" s="1" t="s">
        <v>135032</v>
      </c>
      <c r="I39401" s="1" t="s">
        <v>134931</v>
      </c>
      <c r="J39401" s="1" t="s">
        <v>135141</v>
      </c>
    </row>
    <row r="39402" spans="1:10" x14ac:dyDescent="0.35">
      <c r="A39402" s="1" t="s">
        <v>10235</v>
      </c>
      <c r="B39402" s="1" t="s">
        <v>134927</v>
      </c>
      <c r="C39402" s="1" t="s">
        <v>165</v>
      </c>
      <c r="D39402" s="1" t="s">
        <v>135142</v>
      </c>
      <c r="E39402" s="1" t="s">
        <v>135143</v>
      </c>
      <c r="F39402" s="1" t="s">
        <v>135144</v>
      </c>
      <c r="G39402" s="1" t="s">
        <v>135031</v>
      </c>
      <c r="H39402" s="1" t="s">
        <v>135032</v>
      </c>
      <c r="I39402" s="1" t="s">
        <v>134931</v>
      </c>
      <c r="J39402" s="1" t="s">
        <v>135145</v>
      </c>
    </row>
    <row r="39403" spans="1:10" x14ac:dyDescent="0.35">
      <c r="A39403" s="1" t="s">
        <v>10235</v>
      </c>
      <c r="B39403" s="1" t="s">
        <v>134927</v>
      </c>
      <c r="C39403" s="1" t="s">
        <v>170</v>
      </c>
      <c r="D39403" s="1" t="s">
        <v>117562</v>
      </c>
      <c r="E39403" s="1" t="s">
        <v>135146</v>
      </c>
      <c r="F39403" s="1" t="s">
        <v>135147</v>
      </c>
      <c r="G39403" s="1" t="s">
        <v>135031</v>
      </c>
      <c r="H39403" s="1" t="s">
        <v>135032</v>
      </c>
      <c r="I39403" s="1" t="s">
        <v>134931</v>
      </c>
      <c r="J39403" s="1" t="s">
        <v>135148</v>
      </c>
    </row>
    <row r="39404" spans="1:10" x14ac:dyDescent="0.35">
      <c r="A39404" s="1" t="s">
        <v>6151</v>
      </c>
      <c r="B39404" s="1" t="s">
        <v>134927</v>
      </c>
      <c r="C39404" s="1" t="s">
        <v>8</v>
      </c>
      <c r="D39404" s="1" t="s">
        <v>35442</v>
      </c>
      <c r="E39404" s="1" t="s">
        <v>135149</v>
      </c>
      <c r="F39404" s="1" t="s">
        <v>135150</v>
      </c>
      <c r="G39404" s="1" t="s">
        <v>135151</v>
      </c>
      <c r="H39404" s="1" t="s">
        <v>135152</v>
      </c>
      <c r="I39404" s="1" t="s">
        <v>134931</v>
      </c>
      <c r="J39404" s="1" t="s">
        <v>13</v>
      </c>
    </row>
    <row r="39405" spans="1:10" x14ac:dyDescent="0.35">
      <c r="A39405" s="1" t="s">
        <v>6151</v>
      </c>
      <c r="B39405" s="1" t="s">
        <v>134927</v>
      </c>
      <c r="C39405" s="1" t="s">
        <v>15</v>
      </c>
      <c r="D39405" s="1" t="s">
        <v>10745</v>
      </c>
      <c r="E39405" s="1" t="s">
        <v>135153</v>
      </c>
      <c r="F39405" s="1" t="s">
        <v>135154</v>
      </c>
      <c r="G39405" s="1" t="s">
        <v>135151</v>
      </c>
      <c r="H39405" s="1" t="s">
        <v>135152</v>
      </c>
      <c r="I39405" s="1" t="s">
        <v>134931</v>
      </c>
      <c r="J39405" s="1" t="s">
        <v>135155</v>
      </c>
    </row>
    <row r="39406" spans="1:10" x14ac:dyDescent="0.35">
      <c r="A39406" s="1" t="s">
        <v>6151</v>
      </c>
      <c r="B39406" s="1" t="s">
        <v>134927</v>
      </c>
      <c r="C39406" s="1" t="s">
        <v>20</v>
      </c>
      <c r="D39406" s="1" t="s">
        <v>135156</v>
      </c>
      <c r="E39406" s="1" t="s">
        <v>135157</v>
      </c>
      <c r="F39406" s="1" t="s">
        <v>135158</v>
      </c>
      <c r="G39406" s="1" t="s">
        <v>135151</v>
      </c>
      <c r="H39406" s="1" t="s">
        <v>135152</v>
      </c>
      <c r="I39406" s="1" t="s">
        <v>134931</v>
      </c>
      <c r="J39406" s="1" t="s">
        <v>135159</v>
      </c>
    </row>
    <row r="39407" spans="1:10" x14ac:dyDescent="0.35">
      <c r="A39407" s="1" t="s">
        <v>6151</v>
      </c>
      <c r="B39407" s="1" t="s">
        <v>134927</v>
      </c>
      <c r="C39407" s="1" t="s">
        <v>25</v>
      </c>
      <c r="D39407" s="1" t="s">
        <v>32072</v>
      </c>
      <c r="E39407" s="1" t="s">
        <v>135160</v>
      </c>
      <c r="F39407" s="1" t="s">
        <v>135161</v>
      </c>
      <c r="G39407" s="1" t="s">
        <v>135151</v>
      </c>
      <c r="H39407" s="1" t="s">
        <v>135152</v>
      </c>
      <c r="I39407" s="1" t="s">
        <v>134931</v>
      </c>
      <c r="J39407" s="1" t="s">
        <v>135162</v>
      </c>
    </row>
    <row r="39408" spans="1:10" x14ac:dyDescent="0.35">
      <c r="A39408" s="1" t="s">
        <v>6151</v>
      </c>
      <c r="B39408" s="1" t="s">
        <v>134927</v>
      </c>
      <c r="C39408" s="1" t="s">
        <v>30</v>
      </c>
      <c r="D39408" s="1" t="s">
        <v>135163</v>
      </c>
      <c r="E39408" s="1" t="s">
        <v>135164</v>
      </c>
      <c r="F39408" s="1" t="s">
        <v>135165</v>
      </c>
      <c r="G39408" s="1" t="s">
        <v>135151</v>
      </c>
      <c r="H39408" s="1" t="s">
        <v>135152</v>
      </c>
      <c r="I39408" s="1" t="s">
        <v>134931</v>
      </c>
      <c r="J39408" s="1" t="s">
        <v>135166</v>
      </c>
    </row>
    <row r="39409" spans="1:10" x14ac:dyDescent="0.35">
      <c r="A39409" s="1" t="s">
        <v>6151</v>
      </c>
      <c r="B39409" s="1" t="s">
        <v>134927</v>
      </c>
      <c r="C39409" s="1" t="s">
        <v>35</v>
      </c>
      <c r="D39409" s="1" t="s">
        <v>48036</v>
      </c>
      <c r="E39409" s="1" t="s">
        <v>135167</v>
      </c>
      <c r="F39409" s="1" t="s">
        <v>135168</v>
      </c>
      <c r="G39409" s="1" t="s">
        <v>135151</v>
      </c>
      <c r="H39409" s="1" t="s">
        <v>135152</v>
      </c>
      <c r="I39409" s="1" t="s">
        <v>134931</v>
      </c>
      <c r="J39409" s="1" t="s">
        <v>135169</v>
      </c>
    </row>
    <row r="39410" spans="1:10" x14ac:dyDescent="0.35">
      <c r="A39410" s="1" t="s">
        <v>6151</v>
      </c>
      <c r="B39410" s="1" t="s">
        <v>134927</v>
      </c>
      <c r="C39410" s="1" t="s">
        <v>40</v>
      </c>
      <c r="D39410" s="1" t="s">
        <v>120999</v>
      </c>
      <c r="E39410" s="1" t="s">
        <v>135170</v>
      </c>
      <c r="F39410" s="1" t="s">
        <v>135171</v>
      </c>
      <c r="G39410" s="1" t="s">
        <v>135151</v>
      </c>
      <c r="H39410" s="1" t="s">
        <v>135152</v>
      </c>
      <c r="I39410" s="1" t="s">
        <v>134931</v>
      </c>
      <c r="J39410" s="1" t="s">
        <v>135172</v>
      </c>
    </row>
    <row r="39411" spans="1:10" x14ac:dyDescent="0.35">
      <c r="A39411" s="1" t="s">
        <v>6151</v>
      </c>
      <c r="B39411" s="1" t="s">
        <v>134927</v>
      </c>
      <c r="C39411" s="1" t="s">
        <v>45</v>
      </c>
      <c r="D39411" s="1" t="s">
        <v>135173</v>
      </c>
      <c r="E39411" s="1" t="s">
        <v>135174</v>
      </c>
      <c r="F39411" s="1" t="s">
        <v>135175</v>
      </c>
      <c r="G39411" s="1" t="s">
        <v>135151</v>
      </c>
      <c r="H39411" s="1" t="s">
        <v>135152</v>
      </c>
      <c r="I39411" s="1" t="s">
        <v>134931</v>
      </c>
      <c r="J39411" s="1" t="s">
        <v>135176</v>
      </c>
    </row>
    <row r="39412" spans="1:10" x14ac:dyDescent="0.35">
      <c r="A39412" s="1" t="s">
        <v>6151</v>
      </c>
      <c r="B39412" s="1" t="s">
        <v>134927</v>
      </c>
      <c r="C39412" s="1" t="s">
        <v>50</v>
      </c>
      <c r="D39412" s="1" t="s">
        <v>135177</v>
      </c>
      <c r="E39412" s="1" t="s">
        <v>135178</v>
      </c>
      <c r="F39412" s="1" t="s">
        <v>135179</v>
      </c>
      <c r="G39412" s="1" t="s">
        <v>135151</v>
      </c>
      <c r="H39412" s="1" t="s">
        <v>135152</v>
      </c>
      <c r="I39412" s="1" t="s">
        <v>134931</v>
      </c>
      <c r="J39412" s="1" t="s">
        <v>135180</v>
      </c>
    </row>
    <row r="39413" spans="1:10" x14ac:dyDescent="0.35">
      <c r="A39413" s="1" t="s">
        <v>6151</v>
      </c>
      <c r="B39413" s="1" t="s">
        <v>134927</v>
      </c>
      <c r="C39413" s="1" t="s">
        <v>55</v>
      </c>
      <c r="D39413" s="1" t="s">
        <v>135177</v>
      </c>
      <c r="E39413" s="1" t="s">
        <v>135181</v>
      </c>
      <c r="F39413" s="1" t="s">
        <v>135182</v>
      </c>
      <c r="G39413" s="1" t="s">
        <v>135151</v>
      </c>
      <c r="H39413" s="1" t="s">
        <v>135152</v>
      </c>
      <c r="I39413" s="1" t="s">
        <v>134931</v>
      </c>
      <c r="J39413" s="1" t="s">
        <v>1180</v>
      </c>
    </row>
    <row r="39414" spans="1:10" x14ac:dyDescent="0.35">
      <c r="A39414" s="1" t="s">
        <v>6151</v>
      </c>
      <c r="B39414" s="1" t="s">
        <v>134927</v>
      </c>
      <c r="C39414" s="1" t="s">
        <v>60</v>
      </c>
      <c r="D39414" s="1" t="s">
        <v>135183</v>
      </c>
      <c r="E39414" s="1" t="s">
        <v>135184</v>
      </c>
      <c r="F39414" s="1" t="s">
        <v>135185</v>
      </c>
      <c r="G39414" s="1" t="s">
        <v>135151</v>
      </c>
      <c r="H39414" s="1" t="s">
        <v>135152</v>
      </c>
      <c r="I39414" s="1" t="s">
        <v>134931</v>
      </c>
      <c r="J39414" s="1" t="s">
        <v>135186</v>
      </c>
    </row>
    <row r="39415" spans="1:10" x14ac:dyDescent="0.35">
      <c r="A39415" s="1" t="s">
        <v>6151</v>
      </c>
      <c r="B39415" s="1" t="s">
        <v>134927</v>
      </c>
      <c r="C39415" s="1" t="s">
        <v>65</v>
      </c>
      <c r="D39415" s="1" t="s">
        <v>37833</v>
      </c>
      <c r="E39415" s="1" t="s">
        <v>135187</v>
      </c>
      <c r="F39415" s="1" t="s">
        <v>135188</v>
      </c>
      <c r="G39415" s="1" t="s">
        <v>135151</v>
      </c>
      <c r="H39415" s="1" t="s">
        <v>135152</v>
      </c>
      <c r="I39415" s="1" t="s">
        <v>134931</v>
      </c>
      <c r="J39415" s="1" t="s">
        <v>135189</v>
      </c>
    </row>
    <row r="39416" spans="1:10" x14ac:dyDescent="0.35">
      <c r="A39416" s="1" t="s">
        <v>6151</v>
      </c>
      <c r="B39416" s="1" t="s">
        <v>134927</v>
      </c>
      <c r="C39416" s="1" t="s">
        <v>70</v>
      </c>
      <c r="D39416" s="1" t="s">
        <v>135190</v>
      </c>
      <c r="E39416" s="1" t="s">
        <v>135191</v>
      </c>
      <c r="F39416" s="1" t="s">
        <v>135192</v>
      </c>
      <c r="G39416" s="1" t="s">
        <v>135151</v>
      </c>
      <c r="H39416" s="1" t="s">
        <v>135152</v>
      </c>
      <c r="I39416" s="1" t="s">
        <v>134931</v>
      </c>
      <c r="J39416" s="1" t="s">
        <v>135193</v>
      </c>
    </row>
    <row r="39417" spans="1:10" x14ac:dyDescent="0.35">
      <c r="A39417" s="1" t="s">
        <v>6151</v>
      </c>
      <c r="B39417" s="1" t="s">
        <v>134927</v>
      </c>
      <c r="C39417" s="1" t="s">
        <v>75</v>
      </c>
      <c r="D39417" s="1" t="s">
        <v>135194</v>
      </c>
      <c r="E39417" s="1" t="s">
        <v>135195</v>
      </c>
      <c r="F39417" s="1" t="s">
        <v>135196</v>
      </c>
      <c r="G39417" s="1" t="s">
        <v>135151</v>
      </c>
      <c r="H39417" s="1" t="s">
        <v>135152</v>
      </c>
      <c r="I39417" s="1" t="s">
        <v>134931</v>
      </c>
      <c r="J39417" s="1" t="s">
        <v>135197</v>
      </c>
    </row>
    <row r="39418" spans="1:10" x14ac:dyDescent="0.35">
      <c r="A39418" s="1" t="s">
        <v>6151</v>
      </c>
      <c r="B39418" s="1" t="s">
        <v>134927</v>
      </c>
      <c r="C39418" s="1" t="s">
        <v>80</v>
      </c>
      <c r="D39418" s="1" t="s">
        <v>135198</v>
      </c>
      <c r="E39418" s="1" t="s">
        <v>135199</v>
      </c>
      <c r="F39418" s="1" t="s">
        <v>135200</v>
      </c>
      <c r="G39418" s="1" t="s">
        <v>135151</v>
      </c>
      <c r="H39418" s="1" t="s">
        <v>135152</v>
      </c>
      <c r="I39418" s="1" t="s">
        <v>134931</v>
      </c>
      <c r="J39418" s="1" t="s">
        <v>135201</v>
      </c>
    </row>
    <row r="39419" spans="1:10" x14ac:dyDescent="0.35">
      <c r="A39419" s="1" t="s">
        <v>6151</v>
      </c>
      <c r="B39419" s="1" t="s">
        <v>134927</v>
      </c>
      <c r="C39419" s="1" t="s">
        <v>85</v>
      </c>
      <c r="D39419" s="1" t="s">
        <v>36921</v>
      </c>
      <c r="E39419" s="1" t="s">
        <v>135202</v>
      </c>
      <c r="F39419" s="1" t="s">
        <v>135203</v>
      </c>
      <c r="G39419" s="1" t="s">
        <v>135151</v>
      </c>
      <c r="H39419" s="1" t="s">
        <v>135152</v>
      </c>
      <c r="I39419" s="1" t="s">
        <v>134931</v>
      </c>
      <c r="J39419" s="1" t="s">
        <v>135204</v>
      </c>
    </row>
    <row r="39420" spans="1:10" x14ac:dyDescent="0.35">
      <c r="A39420" s="1" t="s">
        <v>6151</v>
      </c>
      <c r="B39420" s="1" t="s">
        <v>134927</v>
      </c>
      <c r="C39420" s="1" t="s">
        <v>90</v>
      </c>
      <c r="D39420" s="1" t="s">
        <v>135205</v>
      </c>
      <c r="E39420" s="1" t="s">
        <v>135206</v>
      </c>
      <c r="F39420" s="1" t="s">
        <v>135207</v>
      </c>
      <c r="G39420" s="1" t="s">
        <v>135151</v>
      </c>
      <c r="H39420" s="1" t="s">
        <v>135152</v>
      </c>
      <c r="I39420" s="1" t="s">
        <v>134931</v>
      </c>
      <c r="J39420" s="1" t="s">
        <v>135208</v>
      </c>
    </row>
    <row r="39421" spans="1:10" x14ac:dyDescent="0.35">
      <c r="A39421" s="1" t="s">
        <v>6151</v>
      </c>
      <c r="B39421" s="1" t="s">
        <v>134927</v>
      </c>
      <c r="C39421" s="1" t="s">
        <v>95</v>
      </c>
      <c r="D39421" s="1" t="s">
        <v>36562</v>
      </c>
      <c r="E39421" s="1" t="s">
        <v>135209</v>
      </c>
      <c r="F39421" s="1" t="s">
        <v>135210</v>
      </c>
      <c r="G39421" s="1" t="s">
        <v>135151</v>
      </c>
      <c r="H39421" s="1" t="s">
        <v>135152</v>
      </c>
      <c r="I39421" s="1" t="s">
        <v>134931</v>
      </c>
      <c r="J39421" s="1" t="s">
        <v>135211</v>
      </c>
    </row>
    <row r="39422" spans="1:10" x14ac:dyDescent="0.35">
      <c r="A39422" s="1" t="s">
        <v>6151</v>
      </c>
      <c r="B39422" s="1" t="s">
        <v>134927</v>
      </c>
      <c r="C39422" s="1" t="s">
        <v>100</v>
      </c>
      <c r="D39422" s="1" t="s">
        <v>17642</v>
      </c>
      <c r="E39422" s="1" t="s">
        <v>135212</v>
      </c>
      <c r="F39422" s="1" t="s">
        <v>135213</v>
      </c>
      <c r="G39422" s="1" t="s">
        <v>135151</v>
      </c>
      <c r="H39422" s="1" t="s">
        <v>135152</v>
      </c>
      <c r="I39422" s="1" t="s">
        <v>134931</v>
      </c>
      <c r="J39422" s="1" t="s">
        <v>135214</v>
      </c>
    </row>
    <row r="39423" spans="1:10" x14ac:dyDescent="0.35">
      <c r="A39423" s="1" t="s">
        <v>6151</v>
      </c>
      <c r="B39423" s="1" t="s">
        <v>134927</v>
      </c>
      <c r="C39423" s="1" t="s">
        <v>105</v>
      </c>
      <c r="D39423" s="1" t="s">
        <v>135215</v>
      </c>
      <c r="E39423" s="1" t="s">
        <v>135216</v>
      </c>
      <c r="F39423" s="1" t="s">
        <v>135217</v>
      </c>
      <c r="G39423" s="1" t="s">
        <v>135151</v>
      </c>
      <c r="H39423" s="1" t="s">
        <v>135152</v>
      </c>
      <c r="I39423" s="1" t="s">
        <v>134931</v>
      </c>
      <c r="J39423" s="1" t="s">
        <v>135218</v>
      </c>
    </row>
    <row r="39424" spans="1:10" x14ac:dyDescent="0.35">
      <c r="A39424" s="1" t="s">
        <v>6151</v>
      </c>
      <c r="B39424" s="1" t="s">
        <v>134927</v>
      </c>
      <c r="C39424" s="1" t="s">
        <v>110</v>
      </c>
      <c r="D39424" s="1" t="s">
        <v>113060</v>
      </c>
      <c r="E39424" s="1" t="s">
        <v>135219</v>
      </c>
      <c r="F39424" s="1" t="s">
        <v>135220</v>
      </c>
      <c r="G39424" s="1" t="s">
        <v>135151</v>
      </c>
      <c r="H39424" s="1" t="s">
        <v>135152</v>
      </c>
      <c r="I39424" s="1" t="s">
        <v>134931</v>
      </c>
      <c r="J39424" s="1" t="s">
        <v>135221</v>
      </c>
    </row>
    <row r="39425" spans="1:10" x14ac:dyDescent="0.35">
      <c r="A39425" s="1" t="s">
        <v>6151</v>
      </c>
      <c r="B39425" s="1" t="s">
        <v>134927</v>
      </c>
      <c r="C39425" s="1" t="s">
        <v>115</v>
      </c>
      <c r="D39425" s="1" t="s">
        <v>135222</v>
      </c>
      <c r="E39425" s="1" t="s">
        <v>135223</v>
      </c>
      <c r="F39425" s="1" t="s">
        <v>135224</v>
      </c>
      <c r="G39425" s="1" t="s">
        <v>135151</v>
      </c>
      <c r="H39425" s="1" t="s">
        <v>135152</v>
      </c>
      <c r="I39425" s="1" t="s">
        <v>134931</v>
      </c>
      <c r="J39425" s="1" t="s">
        <v>135225</v>
      </c>
    </row>
    <row r="39426" spans="1:10" x14ac:dyDescent="0.35">
      <c r="A39426" s="1" t="s">
        <v>6151</v>
      </c>
      <c r="B39426" s="1" t="s">
        <v>134927</v>
      </c>
      <c r="C39426" s="1" t="s">
        <v>120</v>
      </c>
      <c r="D39426" s="1" t="s">
        <v>135226</v>
      </c>
      <c r="E39426" s="1" t="s">
        <v>135227</v>
      </c>
      <c r="F39426" s="1" t="s">
        <v>135228</v>
      </c>
      <c r="G39426" s="1" t="s">
        <v>135151</v>
      </c>
      <c r="H39426" s="1" t="s">
        <v>135152</v>
      </c>
      <c r="I39426" s="1" t="s">
        <v>134931</v>
      </c>
      <c r="J39426" s="1" t="s">
        <v>135229</v>
      </c>
    </row>
    <row r="39427" spans="1:10" x14ac:dyDescent="0.35">
      <c r="A39427" s="1" t="s">
        <v>6151</v>
      </c>
      <c r="B39427" s="1" t="s">
        <v>134927</v>
      </c>
      <c r="C39427" s="1" t="s">
        <v>125</v>
      </c>
      <c r="D39427" s="1" t="s">
        <v>33961</v>
      </c>
      <c r="E39427" s="1" t="s">
        <v>135230</v>
      </c>
      <c r="F39427" s="1" t="s">
        <v>135231</v>
      </c>
      <c r="G39427" s="1" t="s">
        <v>135151</v>
      </c>
      <c r="H39427" s="1" t="s">
        <v>135152</v>
      </c>
      <c r="I39427" s="1" t="s">
        <v>134931</v>
      </c>
      <c r="J39427" s="1" t="s">
        <v>135232</v>
      </c>
    </row>
    <row r="39428" spans="1:10" x14ac:dyDescent="0.35">
      <c r="A39428" s="1" t="s">
        <v>6151</v>
      </c>
      <c r="B39428" s="1" t="s">
        <v>134927</v>
      </c>
      <c r="C39428" s="1" t="s">
        <v>130</v>
      </c>
      <c r="D39428" s="1" t="s">
        <v>49845</v>
      </c>
      <c r="E39428" s="1" t="s">
        <v>135233</v>
      </c>
      <c r="F39428" s="1" t="s">
        <v>135234</v>
      </c>
      <c r="G39428" s="1" t="s">
        <v>135151</v>
      </c>
      <c r="H39428" s="1" t="s">
        <v>135152</v>
      </c>
      <c r="I39428" s="1" t="s">
        <v>134931</v>
      </c>
      <c r="J39428" s="1" t="s">
        <v>135235</v>
      </c>
    </row>
    <row r="39429" spans="1:10" x14ac:dyDescent="0.35">
      <c r="A39429" s="1" t="s">
        <v>6151</v>
      </c>
      <c r="B39429" s="1" t="s">
        <v>134927</v>
      </c>
      <c r="C39429" s="1" t="s">
        <v>135</v>
      </c>
      <c r="D39429" s="1" t="s">
        <v>135236</v>
      </c>
      <c r="E39429" s="1" t="s">
        <v>135237</v>
      </c>
      <c r="F39429" s="1" t="s">
        <v>135238</v>
      </c>
      <c r="G39429" s="1" t="s">
        <v>135151</v>
      </c>
      <c r="H39429" s="1" t="s">
        <v>135152</v>
      </c>
      <c r="I39429" s="1" t="s">
        <v>134931</v>
      </c>
      <c r="J39429" s="1" t="s">
        <v>135239</v>
      </c>
    </row>
    <row r="39430" spans="1:10" x14ac:dyDescent="0.35">
      <c r="A39430" s="1" t="s">
        <v>6151</v>
      </c>
      <c r="B39430" s="1" t="s">
        <v>134927</v>
      </c>
      <c r="C39430" s="1" t="s">
        <v>140</v>
      </c>
      <c r="D39430" s="1" t="s">
        <v>135240</v>
      </c>
      <c r="E39430" s="1" t="s">
        <v>135241</v>
      </c>
      <c r="F39430" s="1" t="s">
        <v>135242</v>
      </c>
      <c r="G39430" s="1" t="s">
        <v>135151</v>
      </c>
      <c r="H39430" s="1" t="s">
        <v>135152</v>
      </c>
      <c r="I39430" s="1" t="s">
        <v>134931</v>
      </c>
      <c r="J39430" s="1" t="s">
        <v>135243</v>
      </c>
    </row>
    <row r="39431" spans="1:10" x14ac:dyDescent="0.35">
      <c r="A39431" s="1" t="s">
        <v>6151</v>
      </c>
      <c r="B39431" s="1" t="s">
        <v>134927</v>
      </c>
      <c r="C39431" s="1" t="s">
        <v>145</v>
      </c>
      <c r="D39431" s="1" t="s">
        <v>135244</v>
      </c>
      <c r="E39431" s="1" t="s">
        <v>135245</v>
      </c>
      <c r="F39431" s="1" t="s">
        <v>135246</v>
      </c>
      <c r="G39431" s="1" t="s">
        <v>135151</v>
      </c>
      <c r="H39431" s="1" t="s">
        <v>135152</v>
      </c>
      <c r="I39431" s="1" t="s">
        <v>134931</v>
      </c>
      <c r="J39431" s="1" t="s">
        <v>135247</v>
      </c>
    </row>
    <row r="39432" spans="1:10" x14ac:dyDescent="0.35">
      <c r="A39432" s="1" t="s">
        <v>6151</v>
      </c>
      <c r="B39432" s="1" t="s">
        <v>134927</v>
      </c>
      <c r="C39432" s="1" t="s">
        <v>150</v>
      </c>
      <c r="D39432" s="1" t="s">
        <v>6727</v>
      </c>
      <c r="E39432" s="1" t="s">
        <v>135248</v>
      </c>
      <c r="F39432" s="1" t="s">
        <v>135249</v>
      </c>
      <c r="G39432" s="1" t="s">
        <v>135151</v>
      </c>
      <c r="H39432" s="1" t="s">
        <v>135152</v>
      </c>
      <c r="I39432" s="1" t="s">
        <v>134931</v>
      </c>
      <c r="J39432" s="1" t="s">
        <v>135250</v>
      </c>
    </row>
    <row r="39433" spans="1:10" x14ac:dyDescent="0.35">
      <c r="A39433" s="1" t="s">
        <v>6151</v>
      </c>
      <c r="B39433" s="1" t="s">
        <v>134927</v>
      </c>
      <c r="C39433" s="1" t="s">
        <v>155</v>
      </c>
      <c r="D39433" s="1" t="s">
        <v>10764</v>
      </c>
      <c r="E39433" s="1" t="s">
        <v>135251</v>
      </c>
      <c r="F39433" s="1" t="s">
        <v>135252</v>
      </c>
      <c r="G39433" s="1" t="s">
        <v>135151</v>
      </c>
      <c r="H39433" s="1" t="s">
        <v>135152</v>
      </c>
      <c r="I39433" s="1" t="s">
        <v>134931</v>
      </c>
      <c r="J39433" s="1" t="s">
        <v>135253</v>
      </c>
    </row>
    <row r="39434" spans="1:10" x14ac:dyDescent="0.35">
      <c r="A39434" s="1" t="s">
        <v>6151</v>
      </c>
      <c r="B39434" s="1" t="s">
        <v>134927</v>
      </c>
      <c r="C39434" s="1" t="s">
        <v>160</v>
      </c>
      <c r="D39434" s="1" t="s">
        <v>135254</v>
      </c>
      <c r="E39434" s="1" t="s">
        <v>135255</v>
      </c>
      <c r="F39434" s="1" t="s">
        <v>135256</v>
      </c>
      <c r="G39434" s="1" t="s">
        <v>135151</v>
      </c>
      <c r="H39434" s="1" t="s">
        <v>135152</v>
      </c>
      <c r="I39434" s="1" t="s">
        <v>134931</v>
      </c>
      <c r="J39434" s="1" t="s">
        <v>135257</v>
      </c>
    </row>
    <row r="39435" spans="1:10" x14ac:dyDescent="0.35">
      <c r="A39435" s="1" t="s">
        <v>6151</v>
      </c>
      <c r="B39435" s="1" t="s">
        <v>134927</v>
      </c>
      <c r="C39435" s="1" t="s">
        <v>165</v>
      </c>
      <c r="D39435" s="1" t="s">
        <v>135258</v>
      </c>
      <c r="E39435" s="1" t="s">
        <v>135259</v>
      </c>
      <c r="F39435" s="1" t="s">
        <v>135260</v>
      </c>
      <c r="G39435" s="1" t="s">
        <v>135151</v>
      </c>
      <c r="H39435" s="1" t="s">
        <v>135152</v>
      </c>
      <c r="I39435" s="1" t="s">
        <v>134931</v>
      </c>
      <c r="J39435" s="1" t="s">
        <v>135261</v>
      </c>
    </row>
    <row r="39436" spans="1:10" x14ac:dyDescent="0.35">
      <c r="A39436" s="1" t="s">
        <v>6151</v>
      </c>
      <c r="B39436" s="1" t="s">
        <v>134927</v>
      </c>
      <c r="C39436" s="1" t="s">
        <v>170</v>
      </c>
      <c r="D39436" s="1" t="s">
        <v>38285</v>
      </c>
      <c r="E39436" s="1" t="s">
        <v>135262</v>
      </c>
      <c r="F39436" s="1" t="s">
        <v>135263</v>
      </c>
      <c r="G39436" s="1" t="s">
        <v>135151</v>
      </c>
      <c r="H39436" s="1" t="s">
        <v>135152</v>
      </c>
      <c r="I39436" s="1" t="s">
        <v>134931</v>
      </c>
      <c r="J39436" s="1" t="s">
        <v>135264</v>
      </c>
    </row>
    <row r="39437" spans="1:10" x14ac:dyDescent="0.35">
      <c r="A39437" s="1" t="s">
        <v>28148</v>
      </c>
      <c r="B39437" s="1" t="s">
        <v>134927</v>
      </c>
      <c r="C39437" s="1" t="s">
        <v>8</v>
      </c>
      <c r="D39437" s="1" t="s">
        <v>135265</v>
      </c>
      <c r="E39437" s="1" t="s">
        <v>110781</v>
      </c>
      <c r="F39437" s="1" t="s">
        <v>135266</v>
      </c>
      <c r="G39437" s="1" t="s">
        <v>135267</v>
      </c>
      <c r="H39437" s="1" t="s">
        <v>135268</v>
      </c>
      <c r="I39437" s="1" t="s">
        <v>134931</v>
      </c>
      <c r="J39437" s="1" t="s">
        <v>13</v>
      </c>
    </row>
    <row r="39438" spans="1:10" x14ac:dyDescent="0.35">
      <c r="A39438" s="1" t="s">
        <v>28148</v>
      </c>
      <c r="B39438" s="1" t="s">
        <v>134927</v>
      </c>
      <c r="C39438" s="1" t="s">
        <v>15</v>
      </c>
      <c r="D39438" s="1" t="s">
        <v>51232</v>
      </c>
      <c r="E39438" s="1" t="s">
        <v>73415</v>
      </c>
      <c r="F39438" s="1" t="s">
        <v>135269</v>
      </c>
      <c r="G39438" s="1" t="s">
        <v>135267</v>
      </c>
      <c r="H39438" s="1" t="s">
        <v>135268</v>
      </c>
      <c r="I39438" s="1" t="s">
        <v>134931</v>
      </c>
      <c r="J39438" s="1" t="s">
        <v>135270</v>
      </c>
    </row>
    <row r="39439" spans="1:10" x14ac:dyDescent="0.35">
      <c r="A39439" s="1" t="s">
        <v>28148</v>
      </c>
      <c r="B39439" s="1" t="s">
        <v>134927</v>
      </c>
      <c r="C39439" s="1" t="s">
        <v>20</v>
      </c>
      <c r="D39439" s="1" t="s">
        <v>135271</v>
      </c>
      <c r="E39439" s="1" t="s">
        <v>131775</v>
      </c>
      <c r="F39439" s="1" t="s">
        <v>135272</v>
      </c>
      <c r="G39439" s="1" t="s">
        <v>135267</v>
      </c>
      <c r="H39439" s="1" t="s">
        <v>135268</v>
      </c>
      <c r="I39439" s="1" t="s">
        <v>134931</v>
      </c>
      <c r="J39439" s="1" t="s">
        <v>135273</v>
      </c>
    </row>
    <row r="39440" spans="1:10" x14ac:dyDescent="0.35">
      <c r="A39440" s="1" t="s">
        <v>28148</v>
      </c>
      <c r="B39440" s="1" t="s">
        <v>134927</v>
      </c>
      <c r="C39440" s="1" t="s">
        <v>25</v>
      </c>
      <c r="D39440" s="1" t="s">
        <v>47821</v>
      </c>
      <c r="E39440" s="1" t="s">
        <v>135274</v>
      </c>
      <c r="F39440" s="1" t="s">
        <v>135275</v>
      </c>
      <c r="G39440" s="1" t="s">
        <v>135267</v>
      </c>
      <c r="H39440" s="1" t="s">
        <v>135268</v>
      </c>
      <c r="I39440" s="1" t="s">
        <v>134931</v>
      </c>
      <c r="J39440" s="1" t="s">
        <v>135276</v>
      </c>
    </row>
    <row r="39441" spans="1:10" x14ac:dyDescent="0.35">
      <c r="A39441" s="1" t="s">
        <v>28148</v>
      </c>
      <c r="B39441" s="1" t="s">
        <v>134927</v>
      </c>
      <c r="C39441" s="1" t="s">
        <v>30</v>
      </c>
      <c r="D39441" s="1" t="s">
        <v>135277</v>
      </c>
      <c r="E39441" s="1" t="s">
        <v>135278</v>
      </c>
      <c r="F39441" s="1" t="s">
        <v>78657</v>
      </c>
      <c r="G39441" s="1" t="s">
        <v>135267</v>
      </c>
      <c r="H39441" s="1" t="s">
        <v>135268</v>
      </c>
      <c r="I39441" s="1" t="s">
        <v>134931</v>
      </c>
      <c r="J39441" s="1" t="s">
        <v>135279</v>
      </c>
    </row>
    <row r="39442" spans="1:10" x14ac:dyDescent="0.35">
      <c r="A39442" s="1" t="s">
        <v>28148</v>
      </c>
      <c r="B39442" s="1" t="s">
        <v>134927</v>
      </c>
      <c r="C39442" s="1" t="s">
        <v>35</v>
      </c>
      <c r="D39442" s="1" t="s">
        <v>31728</v>
      </c>
      <c r="E39442" s="1" t="s">
        <v>78715</v>
      </c>
      <c r="F39442" s="1" t="s">
        <v>135280</v>
      </c>
      <c r="G39442" s="1" t="s">
        <v>135267</v>
      </c>
      <c r="H39442" s="1" t="s">
        <v>135268</v>
      </c>
      <c r="I39442" s="1" t="s">
        <v>134931</v>
      </c>
      <c r="J39442" s="1" t="s">
        <v>135281</v>
      </c>
    </row>
    <row r="39443" spans="1:10" x14ac:dyDescent="0.35">
      <c r="A39443" s="1" t="s">
        <v>28148</v>
      </c>
      <c r="B39443" s="1" t="s">
        <v>134927</v>
      </c>
      <c r="C39443" s="1" t="s">
        <v>40</v>
      </c>
      <c r="D39443" s="1" t="s">
        <v>135282</v>
      </c>
      <c r="E39443" s="1" t="s">
        <v>135283</v>
      </c>
      <c r="F39443" s="1" t="s">
        <v>135284</v>
      </c>
      <c r="G39443" s="1" t="s">
        <v>135267</v>
      </c>
      <c r="H39443" s="1" t="s">
        <v>135268</v>
      </c>
      <c r="I39443" s="1" t="s">
        <v>134931</v>
      </c>
      <c r="J39443" s="1" t="s">
        <v>135285</v>
      </c>
    </row>
    <row r="39444" spans="1:10" x14ac:dyDescent="0.35">
      <c r="A39444" s="1" t="s">
        <v>28148</v>
      </c>
      <c r="B39444" s="1" t="s">
        <v>134927</v>
      </c>
      <c r="C39444" s="1" t="s">
        <v>45</v>
      </c>
      <c r="D39444" s="1" t="s">
        <v>135286</v>
      </c>
      <c r="E39444" s="1" t="s">
        <v>109806</v>
      </c>
      <c r="F39444" s="1" t="s">
        <v>135287</v>
      </c>
      <c r="G39444" s="1" t="s">
        <v>135267</v>
      </c>
      <c r="H39444" s="1" t="s">
        <v>135268</v>
      </c>
      <c r="I39444" s="1" t="s">
        <v>134931</v>
      </c>
      <c r="J39444" s="1" t="s">
        <v>135288</v>
      </c>
    </row>
    <row r="39445" spans="1:10" x14ac:dyDescent="0.35">
      <c r="A39445" s="1" t="s">
        <v>28148</v>
      </c>
      <c r="B39445" s="1" t="s">
        <v>134927</v>
      </c>
      <c r="C39445" s="1" t="s">
        <v>50</v>
      </c>
      <c r="D39445" s="1" t="s">
        <v>17198</v>
      </c>
      <c r="E39445" s="1" t="s">
        <v>135289</v>
      </c>
      <c r="F39445" s="1" t="s">
        <v>135290</v>
      </c>
      <c r="G39445" s="1" t="s">
        <v>135267</v>
      </c>
      <c r="H39445" s="1" t="s">
        <v>135268</v>
      </c>
      <c r="I39445" s="1" t="s">
        <v>134931</v>
      </c>
      <c r="J39445" s="1" t="s">
        <v>135291</v>
      </c>
    </row>
    <row r="39446" spans="1:10" x14ac:dyDescent="0.35">
      <c r="A39446" s="1" t="s">
        <v>28148</v>
      </c>
      <c r="B39446" s="1" t="s">
        <v>134927</v>
      </c>
      <c r="C39446" s="1" t="s">
        <v>55</v>
      </c>
      <c r="D39446" s="1" t="s">
        <v>70990</v>
      </c>
      <c r="E39446" s="1" t="s">
        <v>135292</v>
      </c>
      <c r="F39446" s="1" t="s">
        <v>135293</v>
      </c>
      <c r="G39446" s="1" t="s">
        <v>135267</v>
      </c>
      <c r="H39446" s="1" t="s">
        <v>135268</v>
      </c>
      <c r="I39446" s="1" t="s">
        <v>134931</v>
      </c>
      <c r="J39446" s="1" t="s">
        <v>135294</v>
      </c>
    </row>
    <row r="39447" spans="1:10" x14ac:dyDescent="0.35">
      <c r="A39447" s="1" t="s">
        <v>28148</v>
      </c>
      <c r="B39447" s="1" t="s">
        <v>134927</v>
      </c>
      <c r="C39447" s="1" t="s">
        <v>60</v>
      </c>
      <c r="D39447" s="1" t="s">
        <v>35880</v>
      </c>
      <c r="E39447" s="1" t="s">
        <v>135295</v>
      </c>
      <c r="F39447" s="1" t="s">
        <v>135296</v>
      </c>
      <c r="G39447" s="1" t="s">
        <v>135267</v>
      </c>
      <c r="H39447" s="1" t="s">
        <v>135268</v>
      </c>
      <c r="I39447" s="1" t="s">
        <v>134931</v>
      </c>
      <c r="J39447" s="1" t="s">
        <v>135297</v>
      </c>
    </row>
    <row r="39448" spans="1:10" x14ac:dyDescent="0.35">
      <c r="A39448" s="1" t="s">
        <v>28148</v>
      </c>
      <c r="B39448" s="1" t="s">
        <v>134927</v>
      </c>
      <c r="C39448" s="1" t="s">
        <v>65</v>
      </c>
      <c r="D39448" s="1" t="s">
        <v>123948</v>
      </c>
      <c r="E39448" s="1" t="s">
        <v>70788</v>
      </c>
      <c r="F39448" s="1" t="s">
        <v>135298</v>
      </c>
      <c r="G39448" s="1" t="s">
        <v>135267</v>
      </c>
      <c r="H39448" s="1" t="s">
        <v>135268</v>
      </c>
      <c r="I39448" s="1" t="s">
        <v>134931</v>
      </c>
      <c r="J39448" s="1" t="s">
        <v>135299</v>
      </c>
    </row>
    <row r="39449" spans="1:10" x14ac:dyDescent="0.35">
      <c r="A39449" s="1" t="s">
        <v>28148</v>
      </c>
      <c r="B39449" s="1" t="s">
        <v>134927</v>
      </c>
      <c r="C39449" s="1" t="s">
        <v>70</v>
      </c>
      <c r="D39449" s="1" t="s">
        <v>135300</v>
      </c>
      <c r="E39449" s="1" t="s">
        <v>109718</v>
      </c>
      <c r="F39449" s="1" t="s">
        <v>135301</v>
      </c>
      <c r="G39449" s="1" t="s">
        <v>135267</v>
      </c>
      <c r="H39449" s="1" t="s">
        <v>135268</v>
      </c>
      <c r="I39449" s="1" t="s">
        <v>134931</v>
      </c>
      <c r="J39449" s="1" t="s">
        <v>135302</v>
      </c>
    </row>
    <row r="39450" spans="1:10" x14ac:dyDescent="0.35">
      <c r="A39450" s="1" t="s">
        <v>28148</v>
      </c>
      <c r="B39450" s="1" t="s">
        <v>134927</v>
      </c>
      <c r="C39450" s="1" t="s">
        <v>75</v>
      </c>
      <c r="D39450" s="1" t="s">
        <v>32121</v>
      </c>
      <c r="E39450" s="1" t="s">
        <v>135303</v>
      </c>
      <c r="F39450" s="1" t="s">
        <v>135304</v>
      </c>
      <c r="G39450" s="1" t="s">
        <v>135267</v>
      </c>
      <c r="H39450" s="1" t="s">
        <v>135268</v>
      </c>
      <c r="I39450" s="1" t="s">
        <v>134931</v>
      </c>
      <c r="J39450" s="1" t="s">
        <v>135305</v>
      </c>
    </row>
    <row r="39451" spans="1:10" x14ac:dyDescent="0.35">
      <c r="A39451" s="1" t="s">
        <v>28148</v>
      </c>
      <c r="B39451" s="1" t="s">
        <v>134927</v>
      </c>
      <c r="C39451" s="1" t="s">
        <v>80</v>
      </c>
      <c r="D39451" s="1" t="s">
        <v>135306</v>
      </c>
      <c r="E39451" s="1" t="s">
        <v>135307</v>
      </c>
      <c r="F39451" s="1" t="s">
        <v>135308</v>
      </c>
      <c r="G39451" s="1" t="s">
        <v>135267</v>
      </c>
      <c r="H39451" s="1" t="s">
        <v>135268</v>
      </c>
      <c r="I39451" s="1" t="s">
        <v>134931</v>
      </c>
      <c r="J39451" s="1" t="s">
        <v>135309</v>
      </c>
    </row>
    <row r="39452" spans="1:10" x14ac:dyDescent="0.35">
      <c r="A39452" s="1" t="s">
        <v>28148</v>
      </c>
      <c r="B39452" s="1" t="s">
        <v>134927</v>
      </c>
      <c r="C39452" s="1" t="s">
        <v>85</v>
      </c>
      <c r="D39452" s="1" t="s">
        <v>115977</v>
      </c>
      <c r="E39452" s="1" t="s">
        <v>135310</v>
      </c>
      <c r="F39452" s="1" t="s">
        <v>135311</v>
      </c>
      <c r="G39452" s="1" t="s">
        <v>135267</v>
      </c>
      <c r="H39452" s="1" t="s">
        <v>135268</v>
      </c>
      <c r="I39452" s="1" t="s">
        <v>134931</v>
      </c>
      <c r="J39452" s="1" t="s">
        <v>135312</v>
      </c>
    </row>
    <row r="39453" spans="1:10" x14ac:dyDescent="0.35">
      <c r="A39453" s="1" t="s">
        <v>28148</v>
      </c>
      <c r="B39453" s="1" t="s">
        <v>134927</v>
      </c>
      <c r="C39453" s="1" t="s">
        <v>90</v>
      </c>
      <c r="D39453" s="1" t="s">
        <v>135313</v>
      </c>
      <c r="E39453" s="1" t="s">
        <v>135314</v>
      </c>
      <c r="F39453" s="1" t="s">
        <v>135315</v>
      </c>
      <c r="G39453" s="1" t="s">
        <v>135267</v>
      </c>
      <c r="H39453" s="1" t="s">
        <v>135268</v>
      </c>
      <c r="I39453" s="1" t="s">
        <v>134931</v>
      </c>
      <c r="J39453" s="1" t="s">
        <v>135316</v>
      </c>
    </row>
    <row r="39454" spans="1:10" x14ac:dyDescent="0.35">
      <c r="A39454" s="1" t="s">
        <v>28148</v>
      </c>
      <c r="B39454" s="1" t="s">
        <v>134927</v>
      </c>
      <c r="C39454" s="1" t="s">
        <v>95</v>
      </c>
      <c r="D39454" s="1" t="s">
        <v>70656</v>
      </c>
      <c r="E39454" s="1" t="s">
        <v>77784</v>
      </c>
      <c r="F39454" s="1" t="s">
        <v>135317</v>
      </c>
      <c r="G39454" s="1" t="s">
        <v>135267</v>
      </c>
      <c r="H39454" s="1" t="s">
        <v>135268</v>
      </c>
      <c r="I39454" s="1" t="s">
        <v>134931</v>
      </c>
      <c r="J39454" s="1" t="s">
        <v>135318</v>
      </c>
    </row>
    <row r="39455" spans="1:10" x14ac:dyDescent="0.35">
      <c r="A39455" s="1" t="s">
        <v>28148</v>
      </c>
      <c r="B39455" s="1" t="s">
        <v>134927</v>
      </c>
      <c r="C39455" s="1" t="s">
        <v>100</v>
      </c>
      <c r="D39455" s="1" t="s">
        <v>18958</v>
      </c>
      <c r="E39455" s="1" t="s">
        <v>135319</v>
      </c>
      <c r="F39455" s="1" t="s">
        <v>135320</v>
      </c>
      <c r="G39455" s="1" t="s">
        <v>135267</v>
      </c>
      <c r="H39455" s="1" t="s">
        <v>135268</v>
      </c>
      <c r="I39455" s="1" t="s">
        <v>134931</v>
      </c>
      <c r="J39455" s="1" t="s">
        <v>135321</v>
      </c>
    </row>
    <row r="39456" spans="1:10" x14ac:dyDescent="0.35">
      <c r="A39456" s="1" t="s">
        <v>28148</v>
      </c>
      <c r="B39456" s="1" t="s">
        <v>134927</v>
      </c>
      <c r="C39456" s="1" t="s">
        <v>105</v>
      </c>
      <c r="D39456" s="1" t="s">
        <v>12409</v>
      </c>
      <c r="E39456" s="1" t="s">
        <v>135322</v>
      </c>
      <c r="F39456" s="1" t="s">
        <v>135323</v>
      </c>
      <c r="G39456" s="1" t="s">
        <v>135267</v>
      </c>
      <c r="H39456" s="1" t="s">
        <v>135268</v>
      </c>
      <c r="I39456" s="1" t="s">
        <v>134931</v>
      </c>
      <c r="J39456" s="1" t="s">
        <v>135324</v>
      </c>
    </row>
    <row r="39457" spans="1:10" x14ac:dyDescent="0.35">
      <c r="A39457" s="1" t="s">
        <v>28148</v>
      </c>
      <c r="B39457" s="1" t="s">
        <v>134927</v>
      </c>
      <c r="C39457" s="1" t="s">
        <v>110</v>
      </c>
      <c r="D39457" s="1" t="s">
        <v>135325</v>
      </c>
      <c r="E39457" s="1" t="s">
        <v>135326</v>
      </c>
      <c r="F39457" s="1" t="s">
        <v>135327</v>
      </c>
      <c r="G39457" s="1" t="s">
        <v>135267</v>
      </c>
      <c r="H39457" s="1" t="s">
        <v>135268</v>
      </c>
      <c r="I39457" s="1" t="s">
        <v>134931</v>
      </c>
      <c r="J39457" s="1" t="s">
        <v>135328</v>
      </c>
    </row>
    <row r="39458" spans="1:10" x14ac:dyDescent="0.35">
      <c r="A39458" s="1" t="s">
        <v>28148</v>
      </c>
      <c r="B39458" s="1" t="s">
        <v>134927</v>
      </c>
      <c r="C39458" s="1" t="s">
        <v>115</v>
      </c>
      <c r="D39458" s="1" t="s">
        <v>15651</v>
      </c>
      <c r="E39458" s="1" t="s">
        <v>135329</v>
      </c>
      <c r="F39458" s="1" t="s">
        <v>135330</v>
      </c>
      <c r="G39458" s="1" t="s">
        <v>135267</v>
      </c>
      <c r="H39458" s="1" t="s">
        <v>135268</v>
      </c>
      <c r="I39458" s="1" t="s">
        <v>134931</v>
      </c>
      <c r="J39458" s="1" t="s">
        <v>135331</v>
      </c>
    </row>
    <row r="39459" spans="1:10" x14ac:dyDescent="0.35">
      <c r="A39459" s="1" t="s">
        <v>28148</v>
      </c>
      <c r="B39459" s="1" t="s">
        <v>134927</v>
      </c>
      <c r="C39459" s="1" t="s">
        <v>120</v>
      </c>
      <c r="D39459" s="1" t="s">
        <v>73707</v>
      </c>
      <c r="E39459" s="1" t="s">
        <v>109718</v>
      </c>
      <c r="F39459" s="1" t="s">
        <v>135332</v>
      </c>
      <c r="G39459" s="1" t="s">
        <v>135267</v>
      </c>
      <c r="H39459" s="1" t="s">
        <v>135268</v>
      </c>
      <c r="I39459" s="1" t="s">
        <v>134931</v>
      </c>
      <c r="J39459" s="1" t="s">
        <v>135333</v>
      </c>
    </row>
    <row r="39460" spans="1:10" x14ac:dyDescent="0.35">
      <c r="A39460" s="1" t="s">
        <v>28148</v>
      </c>
      <c r="B39460" s="1" t="s">
        <v>134927</v>
      </c>
      <c r="C39460" s="1" t="s">
        <v>125</v>
      </c>
      <c r="D39460" s="1" t="s">
        <v>16408</v>
      </c>
      <c r="E39460" s="1" t="s">
        <v>77869</v>
      </c>
      <c r="F39460" s="1" t="s">
        <v>135334</v>
      </c>
      <c r="G39460" s="1" t="s">
        <v>135267</v>
      </c>
      <c r="H39460" s="1" t="s">
        <v>135268</v>
      </c>
      <c r="I39460" s="1" t="s">
        <v>134931</v>
      </c>
      <c r="J39460" s="1" t="s">
        <v>135335</v>
      </c>
    </row>
    <row r="39461" spans="1:10" x14ac:dyDescent="0.35">
      <c r="A39461" s="1" t="s">
        <v>28148</v>
      </c>
      <c r="B39461" s="1" t="s">
        <v>134927</v>
      </c>
      <c r="C39461" s="1" t="s">
        <v>130</v>
      </c>
      <c r="D39461" s="1" t="s">
        <v>17149</v>
      </c>
      <c r="E39461" s="1" t="s">
        <v>135336</v>
      </c>
      <c r="F39461" s="1" t="s">
        <v>135337</v>
      </c>
      <c r="G39461" s="1" t="s">
        <v>135267</v>
      </c>
      <c r="H39461" s="1" t="s">
        <v>135268</v>
      </c>
      <c r="I39461" s="1" t="s">
        <v>134931</v>
      </c>
      <c r="J39461" s="1" t="s">
        <v>135338</v>
      </c>
    </row>
    <row r="39462" spans="1:10" x14ac:dyDescent="0.35">
      <c r="A39462" s="1" t="s">
        <v>28148</v>
      </c>
      <c r="B39462" s="1" t="s">
        <v>134927</v>
      </c>
      <c r="C39462" s="1" t="s">
        <v>135</v>
      </c>
      <c r="D39462" s="1" t="s">
        <v>135339</v>
      </c>
      <c r="E39462" s="1" t="s">
        <v>134958</v>
      </c>
      <c r="F39462" s="1" t="s">
        <v>135340</v>
      </c>
      <c r="G39462" s="1" t="s">
        <v>135267</v>
      </c>
      <c r="H39462" s="1" t="s">
        <v>135268</v>
      </c>
      <c r="I39462" s="1" t="s">
        <v>134931</v>
      </c>
      <c r="J39462" s="1" t="s">
        <v>135341</v>
      </c>
    </row>
    <row r="39463" spans="1:10" x14ac:dyDescent="0.35">
      <c r="A39463" s="1" t="s">
        <v>28148</v>
      </c>
      <c r="B39463" s="1" t="s">
        <v>134927</v>
      </c>
      <c r="C39463" s="1" t="s">
        <v>140</v>
      </c>
      <c r="D39463" s="1" t="s">
        <v>50561</v>
      </c>
      <c r="E39463" s="1" t="s">
        <v>135342</v>
      </c>
      <c r="F39463" s="1" t="s">
        <v>135343</v>
      </c>
      <c r="G39463" s="1" t="s">
        <v>135267</v>
      </c>
      <c r="H39463" s="1" t="s">
        <v>135268</v>
      </c>
      <c r="I39463" s="1" t="s">
        <v>134931</v>
      </c>
      <c r="J39463" s="1" t="s">
        <v>135344</v>
      </c>
    </row>
    <row r="39464" spans="1:10" x14ac:dyDescent="0.35">
      <c r="A39464" s="1" t="s">
        <v>28148</v>
      </c>
      <c r="B39464" s="1" t="s">
        <v>134927</v>
      </c>
      <c r="C39464" s="1" t="s">
        <v>145</v>
      </c>
      <c r="D39464" s="1" t="s">
        <v>135345</v>
      </c>
      <c r="E39464" s="1" t="s">
        <v>70801</v>
      </c>
      <c r="F39464" s="1" t="s">
        <v>135346</v>
      </c>
      <c r="G39464" s="1" t="s">
        <v>135267</v>
      </c>
      <c r="H39464" s="1" t="s">
        <v>135268</v>
      </c>
      <c r="I39464" s="1" t="s">
        <v>134931</v>
      </c>
      <c r="J39464" s="1" t="s">
        <v>135347</v>
      </c>
    </row>
    <row r="39465" spans="1:10" x14ac:dyDescent="0.35">
      <c r="A39465" s="1" t="s">
        <v>28148</v>
      </c>
      <c r="B39465" s="1" t="s">
        <v>134927</v>
      </c>
      <c r="C39465" s="1" t="s">
        <v>150</v>
      </c>
      <c r="D39465" s="1" t="s">
        <v>135348</v>
      </c>
      <c r="E39465" s="1" t="s">
        <v>70756</v>
      </c>
      <c r="F39465" s="1" t="s">
        <v>135349</v>
      </c>
      <c r="G39465" s="1" t="s">
        <v>135267</v>
      </c>
      <c r="H39465" s="1" t="s">
        <v>135268</v>
      </c>
      <c r="I39465" s="1" t="s">
        <v>134931</v>
      </c>
      <c r="J39465" s="1" t="s">
        <v>135350</v>
      </c>
    </row>
    <row r="39466" spans="1:10" x14ac:dyDescent="0.35">
      <c r="A39466" s="1" t="s">
        <v>28148</v>
      </c>
      <c r="B39466" s="1" t="s">
        <v>134927</v>
      </c>
      <c r="C39466" s="1" t="s">
        <v>155</v>
      </c>
      <c r="D39466" s="1" t="s">
        <v>135351</v>
      </c>
      <c r="E39466" s="1" t="s">
        <v>135352</v>
      </c>
      <c r="F39466" s="1" t="s">
        <v>135353</v>
      </c>
      <c r="G39466" s="1" t="s">
        <v>135267</v>
      </c>
      <c r="H39466" s="1" t="s">
        <v>135268</v>
      </c>
      <c r="I39466" s="1" t="s">
        <v>134931</v>
      </c>
      <c r="J39466" s="1" t="s">
        <v>135354</v>
      </c>
    </row>
    <row r="39467" spans="1:10" x14ac:dyDescent="0.35">
      <c r="A39467" s="1" t="s">
        <v>28148</v>
      </c>
      <c r="B39467" s="1" t="s">
        <v>134927</v>
      </c>
      <c r="C39467" s="1" t="s">
        <v>160</v>
      </c>
      <c r="D39467" s="1" t="s">
        <v>48077</v>
      </c>
      <c r="E39467" s="1" t="s">
        <v>135355</v>
      </c>
      <c r="F39467" s="1" t="s">
        <v>135356</v>
      </c>
      <c r="G39467" s="1" t="s">
        <v>135267</v>
      </c>
      <c r="H39467" s="1" t="s">
        <v>135268</v>
      </c>
      <c r="I39467" s="1" t="s">
        <v>134931</v>
      </c>
      <c r="J39467" s="1" t="s">
        <v>135357</v>
      </c>
    </row>
    <row r="39468" spans="1:10" x14ac:dyDescent="0.35">
      <c r="A39468" s="1" t="s">
        <v>28148</v>
      </c>
      <c r="B39468" s="1" t="s">
        <v>134927</v>
      </c>
      <c r="C39468" s="1" t="s">
        <v>165</v>
      </c>
      <c r="D39468" s="1" t="s">
        <v>135358</v>
      </c>
      <c r="E39468" s="1" t="s">
        <v>135359</v>
      </c>
      <c r="F39468" s="1" t="s">
        <v>135360</v>
      </c>
      <c r="G39468" s="1" t="s">
        <v>135267</v>
      </c>
      <c r="H39468" s="1" t="s">
        <v>135268</v>
      </c>
      <c r="I39468" s="1" t="s">
        <v>134931</v>
      </c>
      <c r="J39468" s="1" t="s">
        <v>135361</v>
      </c>
    </row>
    <row r="39469" spans="1:10" x14ac:dyDescent="0.35">
      <c r="A39469" s="1" t="s">
        <v>28148</v>
      </c>
      <c r="B39469" s="1" t="s">
        <v>134927</v>
      </c>
      <c r="C39469" s="1" t="s">
        <v>170</v>
      </c>
      <c r="D39469" s="1" t="s">
        <v>135362</v>
      </c>
      <c r="E39469" s="1" t="s">
        <v>135363</v>
      </c>
      <c r="F39469" s="1" t="s">
        <v>135364</v>
      </c>
      <c r="G39469" s="1" t="s">
        <v>135267</v>
      </c>
      <c r="H39469" s="1" t="s">
        <v>135268</v>
      </c>
      <c r="I39469" s="1" t="s">
        <v>134931</v>
      </c>
      <c r="J39469" s="1" t="s">
        <v>135365</v>
      </c>
    </row>
    <row r="39470" spans="1:10" x14ac:dyDescent="0.35">
      <c r="A39470" s="1" t="s">
        <v>1181</v>
      </c>
      <c r="B39470" s="1" t="s">
        <v>134927</v>
      </c>
      <c r="C39470" s="1" t="s">
        <v>8</v>
      </c>
      <c r="D39470" s="1" t="s">
        <v>104985</v>
      </c>
      <c r="E39470" s="1" t="s">
        <v>133107</v>
      </c>
      <c r="F39470" s="1" t="s">
        <v>135366</v>
      </c>
      <c r="G39470" s="1" t="s">
        <v>135367</v>
      </c>
      <c r="H39470" s="1" t="s">
        <v>135368</v>
      </c>
      <c r="I39470" s="1" t="s">
        <v>134931</v>
      </c>
      <c r="J39470" s="1" t="s">
        <v>13</v>
      </c>
    </row>
    <row r="39471" spans="1:10" x14ac:dyDescent="0.35">
      <c r="A39471" s="1" t="s">
        <v>1181</v>
      </c>
      <c r="B39471" s="1" t="s">
        <v>134927</v>
      </c>
      <c r="C39471" s="1" t="s">
        <v>15</v>
      </c>
      <c r="D39471" s="1" t="s">
        <v>135369</v>
      </c>
      <c r="E39471" s="1" t="s">
        <v>109820</v>
      </c>
      <c r="F39471" s="1" t="s">
        <v>135370</v>
      </c>
      <c r="G39471" s="1" t="s">
        <v>135367</v>
      </c>
      <c r="H39471" s="1" t="s">
        <v>135368</v>
      </c>
      <c r="I39471" s="1" t="s">
        <v>134931</v>
      </c>
      <c r="J39471" s="1" t="s">
        <v>135371</v>
      </c>
    </row>
    <row r="39472" spans="1:10" x14ac:dyDescent="0.35">
      <c r="A39472" s="1" t="s">
        <v>1181</v>
      </c>
      <c r="B39472" s="1" t="s">
        <v>134927</v>
      </c>
      <c r="C39472" s="1" t="s">
        <v>20</v>
      </c>
      <c r="D39472" s="1" t="s">
        <v>44947</v>
      </c>
      <c r="E39472" s="1" t="s">
        <v>135372</v>
      </c>
      <c r="F39472" s="1" t="s">
        <v>135373</v>
      </c>
      <c r="G39472" s="1" t="s">
        <v>135367</v>
      </c>
      <c r="H39472" s="1" t="s">
        <v>135368</v>
      </c>
      <c r="I39472" s="1" t="s">
        <v>134931</v>
      </c>
      <c r="J39472" s="1" t="s">
        <v>135374</v>
      </c>
    </row>
    <row r="39473" spans="1:10" x14ac:dyDescent="0.35">
      <c r="A39473" s="1" t="s">
        <v>1181</v>
      </c>
      <c r="B39473" s="1" t="s">
        <v>134927</v>
      </c>
      <c r="C39473" s="1" t="s">
        <v>25</v>
      </c>
      <c r="D39473" s="1" t="s">
        <v>72822</v>
      </c>
      <c r="E39473" s="1" t="s">
        <v>109806</v>
      </c>
      <c r="F39473" s="1" t="s">
        <v>135375</v>
      </c>
      <c r="G39473" s="1" t="s">
        <v>135367</v>
      </c>
      <c r="H39473" s="1" t="s">
        <v>135368</v>
      </c>
      <c r="I39473" s="1" t="s">
        <v>134931</v>
      </c>
      <c r="J39473" s="1" t="s">
        <v>135376</v>
      </c>
    </row>
    <row r="39474" spans="1:10" x14ac:dyDescent="0.35">
      <c r="A39474" s="1" t="s">
        <v>1181</v>
      </c>
      <c r="B39474" s="1" t="s">
        <v>134927</v>
      </c>
      <c r="C39474" s="1" t="s">
        <v>30</v>
      </c>
      <c r="D39474" s="1" t="s">
        <v>135377</v>
      </c>
      <c r="E39474" s="1" t="s">
        <v>135378</v>
      </c>
      <c r="F39474" s="1" t="s">
        <v>135379</v>
      </c>
      <c r="G39474" s="1" t="s">
        <v>135367</v>
      </c>
      <c r="H39474" s="1" t="s">
        <v>135368</v>
      </c>
      <c r="I39474" s="1" t="s">
        <v>134931</v>
      </c>
      <c r="J39474" s="1" t="s">
        <v>135380</v>
      </c>
    </row>
    <row r="39475" spans="1:10" x14ac:dyDescent="0.35">
      <c r="A39475" s="1" t="s">
        <v>1181</v>
      </c>
      <c r="B39475" s="1" t="s">
        <v>134927</v>
      </c>
      <c r="C39475" s="1" t="s">
        <v>35</v>
      </c>
      <c r="D39475" s="1" t="s">
        <v>34196</v>
      </c>
      <c r="E39475" s="1" t="s">
        <v>135381</v>
      </c>
      <c r="F39475" s="1" t="s">
        <v>135382</v>
      </c>
      <c r="G39475" s="1" t="s">
        <v>135367</v>
      </c>
      <c r="H39475" s="1" t="s">
        <v>135368</v>
      </c>
      <c r="I39475" s="1" t="s">
        <v>134931</v>
      </c>
      <c r="J39475" s="1" t="s">
        <v>135383</v>
      </c>
    </row>
    <row r="39476" spans="1:10" x14ac:dyDescent="0.35">
      <c r="A39476" s="1" t="s">
        <v>1181</v>
      </c>
      <c r="B39476" s="1" t="s">
        <v>134927</v>
      </c>
      <c r="C39476" s="1" t="s">
        <v>40</v>
      </c>
      <c r="D39476" s="1" t="s">
        <v>32788</v>
      </c>
      <c r="E39476" s="1" t="s">
        <v>135384</v>
      </c>
      <c r="F39476" s="1" t="s">
        <v>73014</v>
      </c>
      <c r="G39476" s="1" t="s">
        <v>135367</v>
      </c>
      <c r="H39476" s="1" t="s">
        <v>135368</v>
      </c>
      <c r="I39476" s="1" t="s">
        <v>134931</v>
      </c>
      <c r="J39476" s="1" t="s">
        <v>135385</v>
      </c>
    </row>
    <row r="39477" spans="1:10" x14ac:dyDescent="0.35">
      <c r="A39477" s="1" t="s">
        <v>1181</v>
      </c>
      <c r="B39477" s="1" t="s">
        <v>134927</v>
      </c>
      <c r="C39477" s="1" t="s">
        <v>45</v>
      </c>
      <c r="D39477" s="1" t="s">
        <v>135386</v>
      </c>
      <c r="E39477" s="1" t="s">
        <v>17563</v>
      </c>
      <c r="F39477" s="1" t="s">
        <v>135387</v>
      </c>
      <c r="G39477" s="1" t="s">
        <v>135367</v>
      </c>
      <c r="H39477" s="1" t="s">
        <v>135368</v>
      </c>
      <c r="I39477" s="1" t="s">
        <v>134931</v>
      </c>
      <c r="J39477" s="1" t="s">
        <v>135388</v>
      </c>
    </row>
    <row r="39478" spans="1:10" x14ac:dyDescent="0.35">
      <c r="A39478" s="1" t="s">
        <v>1181</v>
      </c>
      <c r="B39478" s="1" t="s">
        <v>134927</v>
      </c>
      <c r="C39478" s="1" t="s">
        <v>50</v>
      </c>
      <c r="D39478" s="1" t="s">
        <v>135389</v>
      </c>
      <c r="E39478" s="1" t="s">
        <v>135390</v>
      </c>
      <c r="F39478" s="1" t="s">
        <v>135391</v>
      </c>
      <c r="G39478" s="1" t="s">
        <v>135367</v>
      </c>
      <c r="H39478" s="1" t="s">
        <v>135368</v>
      </c>
      <c r="I39478" s="1" t="s">
        <v>134931</v>
      </c>
      <c r="J39478" s="1" t="s">
        <v>135392</v>
      </c>
    </row>
    <row r="39479" spans="1:10" x14ac:dyDescent="0.35">
      <c r="A39479" s="1" t="s">
        <v>1181</v>
      </c>
      <c r="B39479" s="1" t="s">
        <v>134927</v>
      </c>
      <c r="C39479" s="1" t="s">
        <v>55</v>
      </c>
      <c r="D39479" s="1" t="s">
        <v>31837</v>
      </c>
      <c r="E39479" s="1" t="s">
        <v>135393</v>
      </c>
      <c r="F39479" s="1" t="s">
        <v>135394</v>
      </c>
      <c r="G39479" s="1" t="s">
        <v>135367</v>
      </c>
      <c r="H39479" s="1" t="s">
        <v>135368</v>
      </c>
      <c r="I39479" s="1" t="s">
        <v>134931</v>
      </c>
      <c r="J39479" s="1" t="s">
        <v>135395</v>
      </c>
    </row>
    <row r="39480" spans="1:10" x14ac:dyDescent="0.35">
      <c r="A39480" s="1" t="s">
        <v>1181</v>
      </c>
      <c r="B39480" s="1" t="s">
        <v>134927</v>
      </c>
      <c r="C39480" s="1" t="s">
        <v>60</v>
      </c>
      <c r="D39480" s="1" t="s">
        <v>135377</v>
      </c>
      <c r="E39480" s="1" t="s">
        <v>110781</v>
      </c>
      <c r="F39480" s="1" t="s">
        <v>135396</v>
      </c>
      <c r="G39480" s="1" t="s">
        <v>135367</v>
      </c>
      <c r="H39480" s="1" t="s">
        <v>135368</v>
      </c>
      <c r="I39480" s="1" t="s">
        <v>134931</v>
      </c>
      <c r="J39480" s="1" t="s">
        <v>135397</v>
      </c>
    </row>
    <row r="39481" spans="1:10" x14ac:dyDescent="0.35">
      <c r="A39481" s="1" t="s">
        <v>1181</v>
      </c>
      <c r="B39481" s="1" t="s">
        <v>134927</v>
      </c>
      <c r="C39481" s="1" t="s">
        <v>65</v>
      </c>
      <c r="D39481" s="1" t="s">
        <v>135398</v>
      </c>
      <c r="E39481" s="1" t="s">
        <v>135399</v>
      </c>
      <c r="F39481" s="1" t="s">
        <v>135400</v>
      </c>
      <c r="G39481" s="1" t="s">
        <v>135367</v>
      </c>
      <c r="H39481" s="1" t="s">
        <v>135368</v>
      </c>
      <c r="I39481" s="1" t="s">
        <v>134931</v>
      </c>
      <c r="J39481" s="1" t="s">
        <v>135401</v>
      </c>
    </row>
    <row r="39482" spans="1:10" x14ac:dyDescent="0.35">
      <c r="A39482" s="1" t="s">
        <v>1181</v>
      </c>
      <c r="B39482" s="1" t="s">
        <v>134927</v>
      </c>
      <c r="C39482" s="1" t="s">
        <v>70</v>
      </c>
      <c r="D39482" s="1" t="s">
        <v>119752</v>
      </c>
      <c r="E39482" s="1" t="s">
        <v>70788</v>
      </c>
      <c r="F39482" s="1" t="s">
        <v>135402</v>
      </c>
      <c r="G39482" s="1" t="s">
        <v>135367</v>
      </c>
      <c r="H39482" s="1" t="s">
        <v>135368</v>
      </c>
      <c r="I39482" s="1" t="s">
        <v>134931</v>
      </c>
      <c r="J39482" s="1" t="s">
        <v>135403</v>
      </c>
    </row>
    <row r="39483" spans="1:10" x14ac:dyDescent="0.35">
      <c r="A39483" s="1" t="s">
        <v>1181</v>
      </c>
      <c r="B39483" s="1" t="s">
        <v>134927</v>
      </c>
      <c r="C39483" s="1" t="s">
        <v>75</v>
      </c>
      <c r="D39483" s="1" t="s">
        <v>36942</v>
      </c>
      <c r="E39483" s="1" t="s">
        <v>135295</v>
      </c>
      <c r="F39483" s="1" t="s">
        <v>135404</v>
      </c>
      <c r="G39483" s="1" t="s">
        <v>135367</v>
      </c>
      <c r="H39483" s="1" t="s">
        <v>135368</v>
      </c>
      <c r="I39483" s="1" t="s">
        <v>134931</v>
      </c>
      <c r="J39483" s="1" t="s">
        <v>135405</v>
      </c>
    </row>
    <row r="39484" spans="1:10" x14ac:dyDescent="0.35">
      <c r="A39484" s="1" t="s">
        <v>1181</v>
      </c>
      <c r="B39484" s="1" t="s">
        <v>134927</v>
      </c>
      <c r="C39484" s="1" t="s">
        <v>80</v>
      </c>
      <c r="D39484" s="1" t="s">
        <v>135406</v>
      </c>
      <c r="E39484" s="1" t="s">
        <v>135314</v>
      </c>
      <c r="F39484" s="1" t="s">
        <v>135407</v>
      </c>
      <c r="G39484" s="1" t="s">
        <v>135367</v>
      </c>
      <c r="H39484" s="1" t="s">
        <v>135368</v>
      </c>
      <c r="I39484" s="1" t="s">
        <v>134931</v>
      </c>
      <c r="J39484" s="1" t="s">
        <v>135408</v>
      </c>
    </row>
    <row r="39485" spans="1:10" x14ac:dyDescent="0.35">
      <c r="A39485" s="1" t="s">
        <v>1181</v>
      </c>
      <c r="B39485" s="1" t="s">
        <v>134927</v>
      </c>
      <c r="C39485" s="1" t="s">
        <v>85</v>
      </c>
      <c r="D39485" s="1" t="s">
        <v>6759</v>
      </c>
      <c r="E39485" s="1" t="s">
        <v>135409</v>
      </c>
      <c r="F39485" s="1" t="s">
        <v>135410</v>
      </c>
      <c r="G39485" s="1" t="s">
        <v>135367</v>
      </c>
      <c r="H39485" s="1" t="s">
        <v>135368</v>
      </c>
      <c r="I39485" s="1" t="s">
        <v>134931</v>
      </c>
      <c r="J39485" s="1" t="s">
        <v>135411</v>
      </c>
    </row>
    <row r="39486" spans="1:10" x14ac:dyDescent="0.35">
      <c r="A39486" s="1" t="s">
        <v>1181</v>
      </c>
      <c r="B39486" s="1" t="s">
        <v>134927</v>
      </c>
      <c r="C39486" s="1" t="s">
        <v>90</v>
      </c>
      <c r="D39486" s="1" t="s">
        <v>31553</v>
      </c>
      <c r="E39486" s="1" t="s">
        <v>133146</v>
      </c>
      <c r="F39486" s="1" t="s">
        <v>135412</v>
      </c>
      <c r="G39486" s="1" t="s">
        <v>135367</v>
      </c>
      <c r="H39486" s="1" t="s">
        <v>135368</v>
      </c>
      <c r="I39486" s="1" t="s">
        <v>134931</v>
      </c>
      <c r="J39486" s="1" t="s">
        <v>135413</v>
      </c>
    </row>
    <row r="39487" spans="1:10" x14ac:dyDescent="0.35">
      <c r="A39487" s="1" t="s">
        <v>1181</v>
      </c>
      <c r="B39487" s="1" t="s">
        <v>134927</v>
      </c>
      <c r="C39487" s="1" t="s">
        <v>95</v>
      </c>
      <c r="D39487" s="1" t="s">
        <v>135414</v>
      </c>
      <c r="E39487" s="1" t="s">
        <v>110781</v>
      </c>
      <c r="F39487" s="1" t="s">
        <v>135415</v>
      </c>
      <c r="G39487" s="1" t="s">
        <v>135367</v>
      </c>
      <c r="H39487" s="1" t="s">
        <v>135368</v>
      </c>
      <c r="I39487" s="1" t="s">
        <v>134931</v>
      </c>
      <c r="J39487" s="1" t="s">
        <v>135416</v>
      </c>
    </row>
    <row r="39488" spans="1:10" x14ac:dyDescent="0.35">
      <c r="A39488" s="1" t="s">
        <v>1181</v>
      </c>
      <c r="B39488" s="1" t="s">
        <v>134927</v>
      </c>
      <c r="C39488" s="1" t="s">
        <v>100</v>
      </c>
      <c r="D39488" s="1" t="s">
        <v>135417</v>
      </c>
      <c r="E39488" s="1" t="s">
        <v>77882</v>
      </c>
      <c r="F39488" s="1" t="s">
        <v>135418</v>
      </c>
      <c r="G39488" s="1" t="s">
        <v>135367</v>
      </c>
      <c r="H39488" s="1" t="s">
        <v>135368</v>
      </c>
      <c r="I39488" s="1" t="s">
        <v>134931</v>
      </c>
      <c r="J39488" s="1" t="s">
        <v>135419</v>
      </c>
    </row>
    <row r="39489" spans="1:10" x14ac:dyDescent="0.35">
      <c r="A39489" s="1" t="s">
        <v>1181</v>
      </c>
      <c r="B39489" s="1" t="s">
        <v>134927</v>
      </c>
      <c r="C39489" s="1" t="s">
        <v>105</v>
      </c>
      <c r="D39489" s="1" t="s">
        <v>38428</v>
      </c>
      <c r="E39489" s="1" t="s">
        <v>135420</v>
      </c>
      <c r="F39489" s="1" t="s">
        <v>135421</v>
      </c>
      <c r="G39489" s="1" t="s">
        <v>135367</v>
      </c>
      <c r="H39489" s="1" t="s">
        <v>135368</v>
      </c>
      <c r="I39489" s="1" t="s">
        <v>134931</v>
      </c>
      <c r="J39489" s="1" t="s">
        <v>135422</v>
      </c>
    </row>
    <row r="39490" spans="1:10" x14ac:dyDescent="0.35">
      <c r="A39490" s="1" t="s">
        <v>1181</v>
      </c>
      <c r="B39490" s="1" t="s">
        <v>134927</v>
      </c>
      <c r="C39490" s="1" t="s">
        <v>110</v>
      </c>
      <c r="D39490" s="1" t="s">
        <v>135423</v>
      </c>
      <c r="E39490" s="1" t="s">
        <v>135424</v>
      </c>
      <c r="F39490" s="1" t="s">
        <v>135425</v>
      </c>
      <c r="G39490" s="1" t="s">
        <v>135367</v>
      </c>
      <c r="H39490" s="1" t="s">
        <v>135368</v>
      </c>
      <c r="I39490" s="1" t="s">
        <v>134931</v>
      </c>
      <c r="J39490" s="1" t="s">
        <v>135426</v>
      </c>
    </row>
    <row r="39491" spans="1:10" x14ac:dyDescent="0.35">
      <c r="A39491" s="1" t="s">
        <v>1181</v>
      </c>
      <c r="B39491" s="1" t="s">
        <v>134927</v>
      </c>
      <c r="C39491" s="1" t="s">
        <v>115</v>
      </c>
      <c r="D39491" s="1" t="s">
        <v>135427</v>
      </c>
      <c r="E39491" s="1" t="s">
        <v>109537</v>
      </c>
      <c r="F39491" s="1" t="s">
        <v>135428</v>
      </c>
      <c r="G39491" s="1" t="s">
        <v>135367</v>
      </c>
      <c r="H39491" s="1" t="s">
        <v>135368</v>
      </c>
      <c r="I39491" s="1" t="s">
        <v>134931</v>
      </c>
      <c r="J39491" s="1" t="s">
        <v>135429</v>
      </c>
    </row>
    <row r="39492" spans="1:10" x14ac:dyDescent="0.35">
      <c r="A39492" s="1" t="s">
        <v>1181</v>
      </c>
      <c r="B39492" s="1" t="s">
        <v>134927</v>
      </c>
      <c r="C39492" s="1" t="s">
        <v>120</v>
      </c>
      <c r="D39492" s="1" t="s">
        <v>13564</v>
      </c>
      <c r="E39492" s="1" t="s">
        <v>72976</v>
      </c>
      <c r="F39492" s="1" t="s">
        <v>135430</v>
      </c>
      <c r="G39492" s="1" t="s">
        <v>135367</v>
      </c>
      <c r="H39492" s="1" t="s">
        <v>135368</v>
      </c>
      <c r="I39492" s="1" t="s">
        <v>134931</v>
      </c>
      <c r="J39492" s="1" t="s">
        <v>135431</v>
      </c>
    </row>
    <row r="39493" spans="1:10" x14ac:dyDescent="0.35">
      <c r="A39493" s="1" t="s">
        <v>1181</v>
      </c>
      <c r="B39493" s="1" t="s">
        <v>134927</v>
      </c>
      <c r="C39493" s="1" t="s">
        <v>125</v>
      </c>
      <c r="D39493" s="1" t="s">
        <v>114176</v>
      </c>
      <c r="E39493" s="1" t="s">
        <v>135432</v>
      </c>
      <c r="F39493" s="1" t="s">
        <v>135433</v>
      </c>
      <c r="G39493" s="1" t="s">
        <v>135367</v>
      </c>
      <c r="H39493" s="1" t="s">
        <v>135368</v>
      </c>
      <c r="I39493" s="1" t="s">
        <v>134931</v>
      </c>
      <c r="J39493" s="1" t="s">
        <v>135434</v>
      </c>
    </row>
    <row r="39494" spans="1:10" x14ac:dyDescent="0.35">
      <c r="A39494" s="1" t="s">
        <v>1181</v>
      </c>
      <c r="B39494" s="1" t="s">
        <v>134927</v>
      </c>
      <c r="C39494" s="1" t="s">
        <v>130</v>
      </c>
      <c r="D39494" s="1" t="s">
        <v>135435</v>
      </c>
      <c r="E39494" s="1" t="s">
        <v>135436</v>
      </c>
      <c r="F39494" s="1" t="s">
        <v>135437</v>
      </c>
      <c r="G39494" s="1" t="s">
        <v>135367</v>
      </c>
      <c r="H39494" s="1" t="s">
        <v>135368</v>
      </c>
      <c r="I39494" s="1" t="s">
        <v>134931</v>
      </c>
      <c r="J39494" s="1" t="s">
        <v>135438</v>
      </c>
    </row>
    <row r="39495" spans="1:10" x14ac:dyDescent="0.35">
      <c r="A39495" s="1" t="s">
        <v>1181</v>
      </c>
      <c r="B39495" s="1" t="s">
        <v>134927</v>
      </c>
      <c r="C39495" s="1" t="s">
        <v>135</v>
      </c>
      <c r="D39495" s="1" t="s">
        <v>16420</v>
      </c>
      <c r="E39495" s="1" t="s">
        <v>77829</v>
      </c>
      <c r="F39495" s="1" t="s">
        <v>135439</v>
      </c>
      <c r="G39495" s="1" t="s">
        <v>135367</v>
      </c>
      <c r="H39495" s="1" t="s">
        <v>135368</v>
      </c>
      <c r="I39495" s="1" t="s">
        <v>134931</v>
      </c>
      <c r="J39495" s="1" t="s">
        <v>135440</v>
      </c>
    </row>
    <row r="39496" spans="1:10" x14ac:dyDescent="0.35">
      <c r="A39496" s="1" t="s">
        <v>1181</v>
      </c>
      <c r="B39496" s="1" t="s">
        <v>134927</v>
      </c>
      <c r="C39496" s="1" t="s">
        <v>140</v>
      </c>
      <c r="D39496" s="1" t="s">
        <v>71330</v>
      </c>
      <c r="E39496" s="1" t="s">
        <v>135441</v>
      </c>
      <c r="F39496" s="1" t="s">
        <v>135442</v>
      </c>
      <c r="G39496" s="1" t="s">
        <v>135367</v>
      </c>
      <c r="H39496" s="1" t="s">
        <v>135368</v>
      </c>
      <c r="I39496" s="1" t="s">
        <v>134931</v>
      </c>
      <c r="J39496" s="1" t="s">
        <v>135443</v>
      </c>
    </row>
    <row r="39497" spans="1:10" x14ac:dyDescent="0.35">
      <c r="A39497" s="1" t="s">
        <v>1181</v>
      </c>
      <c r="B39497" s="1" t="s">
        <v>134927</v>
      </c>
      <c r="C39497" s="1" t="s">
        <v>145</v>
      </c>
      <c r="D39497" s="1" t="s">
        <v>36952</v>
      </c>
      <c r="E39497" s="1" t="s">
        <v>135444</v>
      </c>
      <c r="F39497" s="1" t="s">
        <v>135445</v>
      </c>
      <c r="G39497" s="1" t="s">
        <v>135367</v>
      </c>
      <c r="H39497" s="1" t="s">
        <v>135368</v>
      </c>
      <c r="I39497" s="1" t="s">
        <v>134931</v>
      </c>
      <c r="J39497" s="1" t="s">
        <v>135446</v>
      </c>
    </row>
    <row r="39498" spans="1:10" x14ac:dyDescent="0.35">
      <c r="A39498" s="1" t="s">
        <v>1181</v>
      </c>
      <c r="B39498" s="1" t="s">
        <v>134927</v>
      </c>
      <c r="C39498" s="1" t="s">
        <v>150</v>
      </c>
      <c r="D39498" s="1" t="s">
        <v>135447</v>
      </c>
      <c r="E39498" s="1" t="s">
        <v>135448</v>
      </c>
      <c r="F39498" s="1" t="s">
        <v>135449</v>
      </c>
      <c r="G39498" s="1" t="s">
        <v>135367</v>
      </c>
      <c r="H39498" s="1" t="s">
        <v>135368</v>
      </c>
      <c r="I39498" s="1" t="s">
        <v>134931</v>
      </c>
      <c r="J39498" s="1" t="s">
        <v>135450</v>
      </c>
    </row>
    <row r="39499" spans="1:10" x14ac:dyDescent="0.35">
      <c r="A39499" s="1" t="s">
        <v>1181</v>
      </c>
      <c r="B39499" s="1" t="s">
        <v>134927</v>
      </c>
      <c r="C39499" s="1" t="s">
        <v>155</v>
      </c>
      <c r="D39499" s="1" t="s">
        <v>117574</v>
      </c>
      <c r="E39499" s="1" t="s">
        <v>78731</v>
      </c>
      <c r="F39499" s="1" t="s">
        <v>135451</v>
      </c>
      <c r="G39499" s="1" t="s">
        <v>135367</v>
      </c>
      <c r="H39499" s="1" t="s">
        <v>135368</v>
      </c>
      <c r="I39499" s="1" t="s">
        <v>134931</v>
      </c>
      <c r="J39499" s="1" t="s">
        <v>135452</v>
      </c>
    </row>
    <row r="39500" spans="1:10" x14ac:dyDescent="0.35">
      <c r="A39500" s="1" t="s">
        <v>1181</v>
      </c>
      <c r="B39500" s="1" t="s">
        <v>134927</v>
      </c>
      <c r="C39500" s="1" t="s">
        <v>160</v>
      </c>
      <c r="D39500" s="1" t="s">
        <v>126561</v>
      </c>
      <c r="E39500" s="1" t="s">
        <v>135453</v>
      </c>
      <c r="F39500" s="1" t="s">
        <v>135454</v>
      </c>
      <c r="G39500" s="1" t="s">
        <v>135367</v>
      </c>
      <c r="H39500" s="1" t="s">
        <v>135368</v>
      </c>
      <c r="I39500" s="1" t="s">
        <v>134931</v>
      </c>
      <c r="J39500" s="1" t="s">
        <v>135455</v>
      </c>
    </row>
    <row r="39501" spans="1:10" x14ac:dyDescent="0.35">
      <c r="A39501" s="1" t="s">
        <v>1181</v>
      </c>
      <c r="B39501" s="1" t="s">
        <v>134927</v>
      </c>
      <c r="C39501" s="1" t="s">
        <v>165</v>
      </c>
      <c r="D39501" s="1" t="s">
        <v>135456</v>
      </c>
      <c r="E39501" s="1" t="s">
        <v>135457</v>
      </c>
      <c r="F39501" s="1" t="s">
        <v>135458</v>
      </c>
      <c r="G39501" s="1" t="s">
        <v>135367</v>
      </c>
      <c r="H39501" s="1" t="s">
        <v>135368</v>
      </c>
      <c r="I39501" s="1" t="s">
        <v>134931</v>
      </c>
      <c r="J39501" s="1" t="s">
        <v>135459</v>
      </c>
    </row>
    <row r="39502" spans="1:10" x14ac:dyDescent="0.35">
      <c r="A39502" s="1" t="s">
        <v>1181</v>
      </c>
      <c r="B39502" s="1" t="s">
        <v>134927</v>
      </c>
      <c r="C39502" s="1" t="s">
        <v>170</v>
      </c>
      <c r="D39502" s="1" t="s">
        <v>135460</v>
      </c>
      <c r="E39502" s="1" t="s">
        <v>135461</v>
      </c>
      <c r="F39502" s="1" t="s">
        <v>135462</v>
      </c>
      <c r="G39502" s="1" t="s">
        <v>135367</v>
      </c>
      <c r="H39502" s="1" t="s">
        <v>135368</v>
      </c>
      <c r="I39502" s="1" t="s">
        <v>134931</v>
      </c>
      <c r="J39502" s="1" t="s">
        <v>135463</v>
      </c>
    </row>
    <row r="39503" spans="1:10" x14ac:dyDescent="0.35">
      <c r="A39503" s="1" t="s">
        <v>45963</v>
      </c>
      <c r="B39503" s="1" t="s">
        <v>134927</v>
      </c>
      <c r="C39503" s="1" t="s">
        <v>8</v>
      </c>
      <c r="D39503" s="1" t="s">
        <v>2584</v>
      </c>
      <c r="E39503" s="1" t="s">
        <v>135464</v>
      </c>
      <c r="F39503" s="1" t="s">
        <v>135465</v>
      </c>
      <c r="G39503" s="1" t="s">
        <v>135466</v>
      </c>
      <c r="H39503" s="1" t="s">
        <v>135467</v>
      </c>
      <c r="I39503" s="1" t="s">
        <v>134931</v>
      </c>
      <c r="J39503" s="1" t="s">
        <v>13</v>
      </c>
    </row>
    <row r="39504" spans="1:10" x14ac:dyDescent="0.35">
      <c r="A39504" s="1" t="s">
        <v>45963</v>
      </c>
      <c r="B39504" s="1" t="s">
        <v>134927</v>
      </c>
      <c r="C39504" s="1" t="s">
        <v>15</v>
      </c>
      <c r="D39504" s="1" t="s">
        <v>135468</v>
      </c>
      <c r="E39504" s="1" t="s">
        <v>135469</v>
      </c>
      <c r="F39504" s="1" t="s">
        <v>135470</v>
      </c>
      <c r="G39504" s="1" t="s">
        <v>135466</v>
      </c>
      <c r="H39504" s="1" t="s">
        <v>135467</v>
      </c>
      <c r="I39504" s="1" t="s">
        <v>134931</v>
      </c>
      <c r="J39504" s="1" t="s">
        <v>135471</v>
      </c>
    </row>
    <row r="39505" spans="1:10" x14ac:dyDescent="0.35">
      <c r="A39505" s="1" t="s">
        <v>45963</v>
      </c>
      <c r="B39505" s="1" t="s">
        <v>134927</v>
      </c>
      <c r="C39505" s="1" t="s">
        <v>20</v>
      </c>
      <c r="D39505" s="1" t="s">
        <v>52004</v>
      </c>
      <c r="E39505" s="1" t="s">
        <v>135472</v>
      </c>
      <c r="F39505" s="1" t="s">
        <v>135473</v>
      </c>
      <c r="G39505" s="1" t="s">
        <v>135466</v>
      </c>
      <c r="H39505" s="1" t="s">
        <v>135467</v>
      </c>
      <c r="I39505" s="1" t="s">
        <v>134931</v>
      </c>
      <c r="J39505" s="1" t="s">
        <v>135474</v>
      </c>
    </row>
    <row r="39506" spans="1:10" x14ac:dyDescent="0.35">
      <c r="A39506" s="1" t="s">
        <v>45963</v>
      </c>
      <c r="B39506" s="1" t="s">
        <v>134927</v>
      </c>
      <c r="C39506" s="1" t="s">
        <v>25</v>
      </c>
      <c r="D39506" s="1" t="s">
        <v>135475</v>
      </c>
      <c r="E39506" s="1" t="s">
        <v>135476</v>
      </c>
      <c r="F39506" s="1" t="s">
        <v>135477</v>
      </c>
      <c r="G39506" s="1" t="s">
        <v>135466</v>
      </c>
      <c r="H39506" s="1" t="s">
        <v>135467</v>
      </c>
      <c r="I39506" s="1" t="s">
        <v>134931</v>
      </c>
      <c r="J39506" s="1" t="s">
        <v>135478</v>
      </c>
    </row>
    <row r="39507" spans="1:10" x14ac:dyDescent="0.35">
      <c r="A39507" s="1" t="s">
        <v>45963</v>
      </c>
      <c r="B39507" s="1" t="s">
        <v>134927</v>
      </c>
      <c r="C39507" s="1" t="s">
        <v>30</v>
      </c>
      <c r="D39507" s="1" t="s">
        <v>45492</v>
      </c>
      <c r="E39507" s="1" t="s">
        <v>135479</v>
      </c>
      <c r="F39507" s="1" t="s">
        <v>135480</v>
      </c>
      <c r="G39507" s="1" t="s">
        <v>135466</v>
      </c>
      <c r="H39507" s="1" t="s">
        <v>135467</v>
      </c>
      <c r="I39507" s="1" t="s">
        <v>134931</v>
      </c>
      <c r="J39507" s="1" t="s">
        <v>135481</v>
      </c>
    </row>
    <row r="39508" spans="1:10" x14ac:dyDescent="0.35">
      <c r="A39508" s="1" t="s">
        <v>45963</v>
      </c>
      <c r="B39508" s="1" t="s">
        <v>134927</v>
      </c>
      <c r="C39508" s="1" t="s">
        <v>35</v>
      </c>
      <c r="D39508" s="1" t="s">
        <v>135482</v>
      </c>
      <c r="E39508" s="1" t="s">
        <v>135483</v>
      </c>
      <c r="F39508" s="1" t="s">
        <v>135484</v>
      </c>
      <c r="G39508" s="1" t="s">
        <v>135466</v>
      </c>
      <c r="H39508" s="1" t="s">
        <v>135467</v>
      </c>
      <c r="I39508" s="1" t="s">
        <v>134931</v>
      </c>
      <c r="J39508" s="1" t="s">
        <v>135485</v>
      </c>
    </row>
    <row r="39509" spans="1:10" x14ac:dyDescent="0.35">
      <c r="A39509" s="1" t="s">
        <v>45963</v>
      </c>
      <c r="B39509" s="1" t="s">
        <v>134927</v>
      </c>
      <c r="C39509" s="1" t="s">
        <v>40</v>
      </c>
      <c r="D39509" s="1" t="s">
        <v>135486</v>
      </c>
      <c r="E39509" s="1" t="s">
        <v>135487</v>
      </c>
      <c r="F39509" s="1" t="s">
        <v>135488</v>
      </c>
      <c r="G39509" s="1" t="s">
        <v>135466</v>
      </c>
      <c r="H39509" s="1" t="s">
        <v>135467</v>
      </c>
      <c r="I39509" s="1" t="s">
        <v>134931</v>
      </c>
      <c r="J39509" s="1" t="s">
        <v>135489</v>
      </c>
    </row>
    <row r="39510" spans="1:10" x14ac:dyDescent="0.35">
      <c r="A39510" s="1" t="s">
        <v>45963</v>
      </c>
      <c r="B39510" s="1" t="s">
        <v>134927</v>
      </c>
      <c r="C39510" s="1" t="s">
        <v>45</v>
      </c>
      <c r="D39510" s="1" t="s">
        <v>135490</v>
      </c>
      <c r="E39510" s="1" t="s">
        <v>135491</v>
      </c>
      <c r="F39510" s="1" t="s">
        <v>135492</v>
      </c>
      <c r="G39510" s="1" t="s">
        <v>135466</v>
      </c>
      <c r="H39510" s="1" t="s">
        <v>135467</v>
      </c>
      <c r="I39510" s="1" t="s">
        <v>134931</v>
      </c>
      <c r="J39510" s="1" t="s">
        <v>135493</v>
      </c>
    </row>
    <row r="39511" spans="1:10" x14ac:dyDescent="0.35">
      <c r="A39511" s="1" t="s">
        <v>45963</v>
      </c>
      <c r="B39511" s="1" t="s">
        <v>134927</v>
      </c>
      <c r="C39511" s="1" t="s">
        <v>50</v>
      </c>
      <c r="D39511" s="1" t="s">
        <v>51111</v>
      </c>
      <c r="E39511" s="1" t="s">
        <v>135494</v>
      </c>
      <c r="F39511" s="1" t="s">
        <v>135495</v>
      </c>
      <c r="G39511" s="1" t="s">
        <v>135466</v>
      </c>
      <c r="H39511" s="1" t="s">
        <v>135467</v>
      </c>
      <c r="I39511" s="1" t="s">
        <v>134931</v>
      </c>
      <c r="J39511" s="1" t="s">
        <v>135496</v>
      </c>
    </row>
    <row r="39512" spans="1:10" x14ac:dyDescent="0.35">
      <c r="A39512" s="1" t="s">
        <v>45963</v>
      </c>
      <c r="B39512" s="1" t="s">
        <v>134927</v>
      </c>
      <c r="C39512" s="1" t="s">
        <v>55</v>
      </c>
      <c r="D39512" s="1" t="s">
        <v>34452</v>
      </c>
      <c r="E39512" s="1" t="s">
        <v>135497</v>
      </c>
      <c r="F39512" s="1" t="s">
        <v>135498</v>
      </c>
      <c r="G39512" s="1" t="s">
        <v>135466</v>
      </c>
      <c r="H39512" s="1" t="s">
        <v>135467</v>
      </c>
      <c r="I39512" s="1" t="s">
        <v>134931</v>
      </c>
      <c r="J39512" s="1" t="s">
        <v>135499</v>
      </c>
    </row>
    <row r="39513" spans="1:10" x14ac:dyDescent="0.35">
      <c r="A39513" s="1" t="s">
        <v>45963</v>
      </c>
      <c r="B39513" s="1" t="s">
        <v>134927</v>
      </c>
      <c r="C39513" s="1" t="s">
        <v>60</v>
      </c>
      <c r="D39513" s="1" t="s">
        <v>35239</v>
      </c>
      <c r="E39513" s="1" t="s">
        <v>135500</v>
      </c>
      <c r="F39513" s="1" t="s">
        <v>135501</v>
      </c>
      <c r="G39513" s="1" t="s">
        <v>135466</v>
      </c>
      <c r="H39513" s="1" t="s">
        <v>135467</v>
      </c>
      <c r="I39513" s="1" t="s">
        <v>134931</v>
      </c>
      <c r="J39513" s="1" t="s">
        <v>135502</v>
      </c>
    </row>
    <row r="39514" spans="1:10" x14ac:dyDescent="0.35">
      <c r="A39514" s="1" t="s">
        <v>45963</v>
      </c>
      <c r="B39514" s="1" t="s">
        <v>134927</v>
      </c>
      <c r="C39514" s="1" t="s">
        <v>65</v>
      </c>
      <c r="D39514" s="1" t="s">
        <v>118502</v>
      </c>
      <c r="E39514" s="1" t="s">
        <v>135503</v>
      </c>
      <c r="F39514" s="1" t="s">
        <v>135504</v>
      </c>
      <c r="G39514" s="1" t="s">
        <v>135466</v>
      </c>
      <c r="H39514" s="1" t="s">
        <v>135467</v>
      </c>
      <c r="I39514" s="1" t="s">
        <v>134931</v>
      </c>
      <c r="J39514" s="1" t="s">
        <v>135505</v>
      </c>
    </row>
    <row r="39515" spans="1:10" x14ac:dyDescent="0.35">
      <c r="A39515" s="1" t="s">
        <v>45963</v>
      </c>
      <c r="B39515" s="1" t="s">
        <v>134927</v>
      </c>
      <c r="C39515" s="1" t="s">
        <v>70</v>
      </c>
      <c r="D39515" s="1" t="s">
        <v>37423</v>
      </c>
      <c r="E39515" s="1" t="s">
        <v>135506</v>
      </c>
      <c r="F39515" s="1" t="s">
        <v>135507</v>
      </c>
      <c r="G39515" s="1" t="s">
        <v>135466</v>
      </c>
      <c r="H39515" s="1" t="s">
        <v>135467</v>
      </c>
      <c r="I39515" s="1" t="s">
        <v>134931</v>
      </c>
      <c r="J39515" s="1" t="s">
        <v>135508</v>
      </c>
    </row>
    <row r="39516" spans="1:10" x14ac:dyDescent="0.35">
      <c r="A39516" s="1" t="s">
        <v>45963</v>
      </c>
      <c r="B39516" s="1" t="s">
        <v>134927</v>
      </c>
      <c r="C39516" s="1" t="s">
        <v>75</v>
      </c>
      <c r="D39516" s="1" t="s">
        <v>116522</v>
      </c>
      <c r="E39516" s="1" t="s">
        <v>135509</v>
      </c>
      <c r="F39516" s="1" t="s">
        <v>135510</v>
      </c>
      <c r="G39516" s="1" t="s">
        <v>135466</v>
      </c>
      <c r="H39516" s="1" t="s">
        <v>135467</v>
      </c>
      <c r="I39516" s="1" t="s">
        <v>134931</v>
      </c>
      <c r="J39516" s="1" t="s">
        <v>135511</v>
      </c>
    </row>
    <row r="39517" spans="1:10" x14ac:dyDescent="0.35">
      <c r="A39517" s="1" t="s">
        <v>45963</v>
      </c>
      <c r="B39517" s="1" t="s">
        <v>134927</v>
      </c>
      <c r="C39517" s="1" t="s">
        <v>80</v>
      </c>
      <c r="D39517" s="1" t="s">
        <v>126303</v>
      </c>
      <c r="E39517" s="1" t="s">
        <v>135512</v>
      </c>
      <c r="F39517" s="1" t="s">
        <v>135513</v>
      </c>
      <c r="G39517" s="1" t="s">
        <v>135466</v>
      </c>
      <c r="H39517" s="1" t="s">
        <v>135467</v>
      </c>
      <c r="I39517" s="1" t="s">
        <v>134931</v>
      </c>
      <c r="J39517" s="1" t="s">
        <v>135514</v>
      </c>
    </row>
    <row r="39518" spans="1:10" x14ac:dyDescent="0.35">
      <c r="A39518" s="1" t="s">
        <v>45963</v>
      </c>
      <c r="B39518" s="1" t="s">
        <v>134927</v>
      </c>
      <c r="C39518" s="1" t="s">
        <v>85</v>
      </c>
      <c r="D39518" s="1" t="s">
        <v>72516</v>
      </c>
      <c r="E39518" s="1" t="s">
        <v>135515</v>
      </c>
      <c r="F39518" s="1" t="s">
        <v>135516</v>
      </c>
      <c r="G39518" s="1" t="s">
        <v>135466</v>
      </c>
      <c r="H39518" s="1" t="s">
        <v>135467</v>
      </c>
      <c r="I39518" s="1" t="s">
        <v>134931</v>
      </c>
      <c r="J39518" s="1" t="s">
        <v>135517</v>
      </c>
    </row>
    <row r="39519" spans="1:10" x14ac:dyDescent="0.35">
      <c r="A39519" s="1" t="s">
        <v>45963</v>
      </c>
      <c r="B39519" s="1" t="s">
        <v>134927</v>
      </c>
      <c r="C39519" s="1" t="s">
        <v>90</v>
      </c>
      <c r="D39519" s="1" t="s">
        <v>33655</v>
      </c>
      <c r="E39519" s="1" t="s">
        <v>135518</v>
      </c>
      <c r="F39519" s="1" t="s">
        <v>135519</v>
      </c>
      <c r="G39519" s="1" t="s">
        <v>135466</v>
      </c>
      <c r="H39519" s="1" t="s">
        <v>135467</v>
      </c>
      <c r="I39519" s="1" t="s">
        <v>134931</v>
      </c>
      <c r="J39519" s="1" t="s">
        <v>135520</v>
      </c>
    </row>
    <row r="39520" spans="1:10" x14ac:dyDescent="0.35">
      <c r="A39520" s="1" t="s">
        <v>45963</v>
      </c>
      <c r="B39520" s="1" t="s">
        <v>134927</v>
      </c>
      <c r="C39520" s="1" t="s">
        <v>95</v>
      </c>
      <c r="D39520" s="1" t="s">
        <v>10366</v>
      </c>
      <c r="E39520" s="1" t="s">
        <v>135521</v>
      </c>
      <c r="F39520" s="1" t="s">
        <v>135522</v>
      </c>
      <c r="G39520" s="1" t="s">
        <v>135466</v>
      </c>
      <c r="H39520" s="1" t="s">
        <v>135467</v>
      </c>
      <c r="I39520" s="1" t="s">
        <v>134931</v>
      </c>
      <c r="J39520" s="1" t="s">
        <v>135523</v>
      </c>
    </row>
    <row r="39521" spans="1:10" x14ac:dyDescent="0.35">
      <c r="A39521" s="1" t="s">
        <v>45963</v>
      </c>
      <c r="B39521" s="1" t="s">
        <v>134927</v>
      </c>
      <c r="C39521" s="1" t="s">
        <v>100</v>
      </c>
      <c r="D39521" s="1" t="s">
        <v>135524</v>
      </c>
      <c r="E39521" s="1" t="s">
        <v>135525</v>
      </c>
      <c r="F39521" s="1" t="s">
        <v>135526</v>
      </c>
      <c r="G39521" s="1" t="s">
        <v>135466</v>
      </c>
      <c r="H39521" s="1" t="s">
        <v>135467</v>
      </c>
      <c r="I39521" s="1" t="s">
        <v>134931</v>
      </c>
      <c r="J39521" s="1" t="s">
        <v>135527</v>
      </c>
    </row>
    <row r="39522" spans="1:10" x14ac:dyDescent="0.35">
      <c r="A39522" s="1" t="s">
        <v>45963</v>
      </c>
      <c r="B39522" s="1" t="s">
        <v>134927</v>
      </c>
      <c r="C39522" s="1" t="s">
        <v>105</v>
      </c>
      <c r="D39522" s="1" t="s">
        <v>15631</v>
      </c>
      <c r="E39522" s="1" t="s">
        <v>135528</v>
      </c>
      <c r="F39522" s="1" t="s">
        <v>135529</v>
      </c>
      <c r="G39522" s="1" t="s">
        <v>135466</v>
      </c>
      <c r="H39522" s="1" t="s">
        <v>135467</v>
      </c>
      <c r="I39522" s="1" t="s">
        <v>134931</v>
      </c>
      <c r="J39522" s="1" t="s">
        <v>135530</v>
      </c>
    </row>
    <row r="39523" spans="1:10" x14ac:dyDescent="0.35">
      <c r="A39523" s="1" t="s">
        <v>45963</v>
      </c>
      <c r="B39523" s="1" t="s">
        <v>134927</v>
      </c>
      <c r="C39523" s="1" t="s">
        <v>110</v>
      </c>
      <c r="D39523" s="1" t="s">
        <v>135531</v>
      </c>
      <c r="E39523" s="1" t="s">
        <v>135532</v>
      </c>
      <c r="F39523" s="1" t="s">
        <v>135533</v>
      </c>
      <c r="G39523" s="1" t="s">
        <v>135466</v>
      </c>
      <c r="H39523" s="1" t="s">
        <v>135467</v>
      </c>
      <c r="I39523" s="1" t="s">
        <v>134931</v>
      </c>
      <c r="J39523" s="1" t="s">
        <v>135534</v>
      </c>
    </row>
    <row r="39524" spans="1:10" x14ac:dyDescent="0.35">
      <c r="A39524" s="1" t="s">
        <v>45963</v>
      </c>
      <c r="B39524" s="1" t="s">
        <v>134927</v>
      </c>
      <c r="C39524" s="1" t="s">
        <v>115</v>
      </c>
      <c r="D39524" s="1" t="s">
        <v>50242</v>
      </c>
      <c r="E39524" s="1" t="s">
        <v>135535</v>
      </c>
      <c r="F39524" s="1" t="s">
        <v>135536</v>
      </c>
      <c r="G39524" s="1" t="s">
        <v>135466</v>
      </c>
      <c r="H39524" s="1" t="s">
        <v>135467</v>
      </c>
      <c r="I39524" s="1" t="s">
        <v>134931</v>
      </c>
      <c r="J39524" s="1" t="s">
        <v>135537</v>
      </c>
    </row>
    <row r="39525" spans="1:10" x14ac:dyDescent="0.35">
      <c r="A39525" s="1" t="s">
        <v>45963</v>
      </c>
      <c r="B39525" s="1" t="s">
        <v>134927</v>
      </c>
      <c r="C39525" s="1" t="s">
        <v>120</v>
      </c>
      <c r="D39525" s="1" t="s">
        <v>119744</v>
      </c>
      <c r="E39525" s="1" t="s">
        <v>135538</v>
      </c>
      <c r="F39525" s="1" t="s">
        <v>135539</v>
      </c>
      <c r="G39525" s="1" t="s">
        <v>135466</v>
      </c>
      <c r="H39525" s="1" t="s">
        <v>135467</v>
      </c>
      <c r="I39525" s="1" t="s">
        <v>134931</v>
      </c>
      <c r="J39525" s="1" t="s">
        <v>135540</v>
      </c>
    </row>
    <row r="39526" spans="1:10" x14ac:dyDescent="0.35">
      <c r="A39526" s="1" t="s">
        <v>45963</v>
      </c>
      <c r="B39526" s="1" t="s">
        <v>134927</v>
      </c>
      <c r="C39526" s="1" t="s">
        <v>125</v>
      </c>
      <c r="D39526" s="1" t="s">
        <v>35797</v>
      </c>
      <c r="E39526" s="1" t="s">
        <v>135541</v>
      </c>
      <c r="F39526" s="1" t="s">
        <v>135542</v>
      </c>
      <c r="G39526" s="1" t="s">
        <v>135466</v>
      </c>
      <c r="H39526" s="1" t="s">
        <v>135467</v>
      </c>
      <c r="I39526" s="1" t="s">
        <v>134931</v>
      </c>
      <c r="J39526" s="1" t="s">
        <v>135543</v>
      </c>
    </row>
    <row r="39527" spans="1:10" x14ac:dyDescent="0.35">
      <c r="A39527" s="1" t="s">
        <v>45963</v>
      </c>
      <c r="B39527" s="1" t="s">
        <v>134927</v>
      </c>
      <c r="C39527" s="1" t="s">
        <v>130</v>
      </c>
      <c r="D39527" s="1" t="s">
        <v>123277</v>
      </c>
      <c r="E39527" s="1" t="s">
        <v>135544</v>
      </c>
      <c r="F39527" s="1" t="s">
        <v>135545</v>
      </c>
      <c r="G39527" s="1" t="s">
        <v>135466</v>
      </c>
      <c r="H39527" s="1" t="s">
        <v>135467</v>
      </c>
      <c r="I39527" s="1" t="s">
        <v>134931</v>
      </c>
      <c r="J39527" s="1" t="s">
        <v>135235</v>
      </c>
    </row>
    <row r="39528" spans="1:10" x14ac:dyDescent="0.35">
      <c r="A39528" s="1" t="s">
        <v>45963</v>
      </c>
      <c r="B39528" s="1" t="s">
        <v>134927</v>
      </c>
      <c r="C39528" s="1" t="s">
        <v>135</v>
      </c>
      <c r="D39528" s="1" t="s">
        <v>46954</v>
      </c>
      <c r="E39528" s="1" t="s">
        <v>135546</v>
      </c>
      <c r="F39528" s="1" t="s">
        <v>135547</v>
      </c>
      <c r="G39528" s="1" t="s">
        <v>135466</v>
      </c>
      <c r="H39528" s="1" t="s">
        <v>135467</v>
      </c>
      <c r="I39528" s="1" t="s">
        <v>134931</v>
      </c>
      <c r="J39528" s="1" t="s">
        <v>135548</v>
      </c>
    </row>
    <row r="39529" spans="1:10" x14ac:dyDescent="0.35">
      <c r="A39529" s="1" t="s">
        <v>45963</v>
      </c>
      <c r="B39529" s="1" t="s">
        <v>134927</v>
      </c>
      <c r="C39529" s="1" t="s">
        <v>140</v>
      </c>
      <c r="D39529" s="1" t="s">
        <v>135549</v>
      </c>
      <c r="E39529" s="1" t="s">
        <v>135550</v>
      </c>
      <c r="F39529" s="1" t="s">
        <v>135551</v>
      </c>
      <c r="G39529" s="1" t="s">
        <v>135466</v>
      </c>
      <c r="H39529" s="1" t="s">
        <v>135467</v>
      </c>
      <c r="I39529" s="1" t="s">
        <v>134931</v>
      </c>
      <c r="J39529" s="1" t="s">
        <v>135552</v>
      </c>
    </row>
    <row r="39530" spans="1:10" x14ac:dyDescent="0.35">
      <c r="A39530" s="1" t="s">
        <v>45963</v>
      </c>
      <c r="B39530" s="1" t="s">
        <v>134927</v>
      </c>
      <c r="C39530" s="1" t="s">
        <v>145</v>
      </c>
      <c r="D39530" s="1" t="s">
        <v>117074</v>
      </c>
      <c r="E39530" s="1" t="s">
        <v>135553</v>
      </c>
      <c r="F39530" s="1" t="s">
        <v>135554</v>
      </c>
      <c r="G39530" s="1" t="s">
        <v>135466</v>
      </c>
      <c r="H39530" s="1" t="s">
        <v>135467</v>
      </c>
      <c r="I39530" s="1" t="s">
        <v>134931</v>
      </c>
      <c r="J39530" s="1" t="s">
        <v>135555</v>
      </c>
    </row>
    <row r="39531" spans="1:10" x14ac:dyDescent="0.35">
      <c r="A39531" s="1" t="s">
        <v>45963</v>
      </c>
      <c r="B39531" s="1" t="s">
        <v>134927</v>
      </c>
      <c r="C39531" s="1" t="s">
        <v>150</v>
      </c>
      <c r="D39531" s="1" t="s">
        <v>1448</v>
      </c>
      <c r="E39531" s="1" t="s">
        <v>135556</v>
      </c>
      <c r="F39531" s="1" t="s">
        <v>135557</v>
      </c>
      <c r="G39531" s="1" t="s">
        <v>135466</v>
      </c>
      <c r="H39531" s="1" t="s">
        <v>135467</v>
      </c>
      <c r="I39531" s="1" t="s">
        <v>134931</v>
      </c>
      <c r="J39531" s="1" t="s">
        <v>135558</v>
      </c>
    </row>
    <row r="39532" spans="1:10" x14ac:dyDescent="0.35">
      <c r="A39532" s="1" t="s">
        <v>45963</v>
      </c>
      <c r="B39532" s="1" t="s">
        <v>134927</v>
      </c>
      <c r="C39532" s="1" t="s">
        <v>155</v>
      </c>
      <c r="D39532" s="1" t="s">
        <v>135559</v>
      </c>
      <c r="E39532" s="1" t="s">
        <v>135560</v>
      </c>
      <c r="F39532" s="1" t="s">
        <v>135561</v>
      </c>
      <c r="G39532" s="1" t="s">
        <v>135466</v>
      </c>
      <c r="H39532" s="1" t="s">
        <v>135467</v>
      </c>
      <c r="I39532" s="1" t="s">
        <v>134931</v>
      </c>
      <c r="J39532" s="1" t="s">
        <v>135562</v>
      </c>
    </row>
    <row r="39533" spans="1:10" x14ac:dyDescent="0.35">
      <c r="A39533" s="1" t="s">
        <v>45963</v>
      </c>
      <c r="B39533" s="1" t="s">
        <v>134927</v>
      </c>
      <c r="C39533" s="1" t="s">
        <v>160</v>
      </c>
      <c r="D39533" s="1" t="s">
        <v>16223</v>
      </c>
      <c r="E39533" s="1" t="s">
        <v>135563</v>
      </c>
      <c r="F39533" s="1" t="s">
        <v>135564</v>
      </c>
      <c r="G39533" s="1" t="s">
        <v>135466</v>
      </c>
      <c r="H39533" s="1" t="s">
        <v>135467</v>
      </c>
      <c r="I39533" s="1" t="s">
        <v>134931</v>
      </c>
      <c r="J39533" s="1" t="s">
        <v>135565</v>
      </c>
    </row>
    <row r="39534" spans="1:10" x14ac:dyDescent="0.35">
      <c r="A39534" s="1" t="s">
        <v>45963</v>
      </c>
      <c r="B39534" s="1" t="s">
        <v>134927</v>
      </c>
      <c r="C39534" s="1" t="s">
        <v>165</v>
      </c>
      <c r="D39534" s="1" t="s">
        <v>135566</v>
      </c>
      <c r="E39534" s="1" t="s">
        <v>135567</v>
      </c>
      <c r="F39534" s="1" t="s">
        <v>135568</v>
      </c>
      <c r="G39534" s="1" t="s">
        <v>135466</v>
      </c>
      <c r="H39534" s="1" t="s">
        <v>135467</v>
      </c>
      <c r="I39534" s="1" t="s">
        <v>134931</v>
      </c>
      <c r="J39534" s="1" t="s">
        <v>135569</v>
      </c>
    </row>
    <row r="39535" spans="1:10" x14ac:dyDescent="0.35">
      <c r="A39535" s="1" t="s">
        <v>45963</v>
      </c>
      <c r="B39535" s="1" t="s">
        <v>134927</v>
      </c>
      <c r="C39535" s="1" t="s">
        <v>170</v>
      </c>
      <c r="D39535" s="1" t="s">
        <v>135570</v>
      </c>
      <c r="E39535" s="1" t="s">
        <v>135571</v>
      </c>
      <c r="F39535" s="1" t="s">
        <v>135572</v>
      </c>
      <c r="G39535" s="1" t="s">
        <v>135466</v>
      </c>
      <c r="H39535" s="1" t="s">
        <v>135467</v>
      </c>
      <c r="I39535" s="1" t="s">
        <v>134931</v>
      </c>
      <c r="J39535" s="1" t="s">
        <v>135573</v>
      </c>
    </row>
    <row r="39536" spans="1:10" x14ac:dyDescent="0.35">
      <c r="A39536" s="1" t="s">
        <v>4480</v>
      </c>
      <c r="B39536" s="1" t="s">
        <v>134927</v>
      </c>
      <c r="C39536" s="1" t="s">
        <v>8</v>
      </c>
      <c r="D39536" s="1" t="s">
        <v>8010</v>
      </c>
      <c r="E39536" s="1" t="s">
        <v>135574</v>
      </c>
      <c r="F39536" s="1" t="s">
        <v>135575</v>
      </c>
      <c r="G39536" s="1" t="s">
        <v>135576</v>
      </c>
      <c r="H39536" s="1" t="s">
        <v>135577</v>
      </c>
      <c r="I39536" s="1" t="s">
        <v>134931</v>
      </c>
      <c r="J39536" s="1" t="s">
        <v>13</v>
      </c>
    </row>
    <row r="39537" spans="1:10" x14ac:dyDescent="0.35">
      <c r="A39537" s="1" t="s">
        <v>4480</v>
      </c>
      <c r="B39537" s="1" t="s">
        <v>134927</v>
      </c>
      <c r="C39537" s="1" t="s">
        <v>15</v>
      </c>
      <c r="D39537" s="1" t="s">
        <v>135578</v>
      </c>
      <c r="E39537" s="1" t="s">
        <v>135579</v>
      </c>
      <c r="F39537" s="1" t="s">
        <v>135580</v>
      </c>
      <c r="G39537" s="1" t="s">
        <v>135576</v>
      </c>
      <c r="H39537" s="1" t="s">
        <v>135577</v>
      </c>
      <c r="I39537" s="1" t="s">
        <v>134931</v>
      </c>
      <c r="J39537" s="1" t="s">
        <v>135581</v>
      </c>
    </row>
    <row r="39538" spans="1:10" x14ac:dyDescent="0.35">
      <c r="A39538" s="1" t="s">
        <v>4480</v>
      </c>
      <c r="B39538" s="1" t="s">
        <v>134927</v>
      </c>
      <c r="C39538" s="1" t="s">
        <v>20</v>
      </c>
      <c r="D39538" s="1" t="s">
        <v>135582</v>
      </c>
      <c r="E39538" s="1" t="s">
        <v>135583</v>
      </c>
      <c r="F39538" s="1" t="s">
        <v>135584</v>
      </c>
      <c r="G39538" s="1" t="s">
        <v>135576</v>
      </c>
      <c r="H39538" s="1" t="s">
        <v>135577</v>
      </c>
      <c r="I39538" s="1" t="s">
        <v>134931</v>
      </c>
      <c r="J39538" s="1" t="s">
        <v>135585</v>
      </c>
    </row>
    <row r="39539" spans="1:10" x14ac:dyDescent="0.35">
      <c r="A39539" s="1" t="s">
        <v>4480</v>
      </c>
      <c r="B39539" s="1" t="s">
        <v>134927</v>
      </c>
      <c r="C39539" s="1" t="s">
        <v>25</v>
      </c>
      <c r="D39539" s="1" t="s">
        <v>135586</v>
      </c>
      <c r="E39539" s="1" t="s">
        <v>135587</v>
      </c>
      <c r="F39539" s="1" t="s">
        <v>135588</v>
      </c>
      <c r="G39539" s="1" t="s">
        <v>135576</v>
      </c>
      <c r="H39539" s="1" t="s">
        <v>135577</v>
      </c>
      <c r="I39539" s="1" t="s">
        <v>134931</v>
      </c>
      <c r="J39539" s="1" t="s">
        <v>135589</v>
      </c>
    </row>
    <row r="39540" spans="1:10" x14ac:dyDescent="0.35">
      <c r="A39540" s="1" t="s">
        <v>4480</v>
      </c>
      <c r="B39540" s="1" t="s">
        <v>134927</v>
      </c>
      <c r="C39540" s="1" t="s">
        <v>30</v>
      </c>
      <c r="D39540" s="1" t="s">
        <v>126022</v>
      </c>
      <c r="E39540" s="1" t="s">
        <v>135590</v>
      </c>
      <c r="F39540" s="1" t="s">
        <v>135591</v>
      </c>
      <c r="G39540" s="1" t="s">
        <v>135576</v>
      </c>
      <c r="H39540" s="1" t="s">
        <v>135577</v>
      </c>
      <c r="I39540" s="1" t="s">
        <v>134931</v>
      </c>
      <c r="J39540" s="1" t="s">
        <v>135592</v>
      </c>
    </row>
    <row r="39541" spans="1:10" x14ac:dyDescent="0.35">
      <c r="A39541" s="1" t="s">
        <v>4480</v>
      </c>
      <c r="B39541" s="1" t="s">
        <v>134927</v>
      </c>
      <c r="C39541" s="1" t="s">
        <v>35</v>
      </c>
      <c r="D39541" s="1" t="s">
        <v>48701</v>
      </c>
      <c r="E39541" s="1" t="s">
        <v>135593</v>
      </c>
      <c r="F39541" s="1" t="s">
        <v>135594</v>
      </c>
      <c r="G39541" s="1" t="s">
        <v>135576</v>
      </c>
      <c r="H39541" s="1" t="s">
        <v>135577</v>
      </c>
      <c r="I39541" s="1" t="s">
        <v>134931</v>
      </c>
      <c r="J39541" s="1" t="s">
        <v>135595</v>
      </c>
    </row>
    <row r="39542" spans="1:10" x14ac:dyDescent="0.35">
      <c r="A39542" s="1" t="s">
        <v>4480</v>
      </c>
      <c r="B39542" s="1" t="s">
        <v>134927</v>
      </c>
      <c r="C39542" s="1" t="s">
        <v>40</v>
      </c>
      <c r="D39542" s="1" t="s">
        <v>135596</v>
      </c>
      <c r="E39542" s="1" t="s">
        <v>135597</v>
      </c>
      <c r="F39542" s="1" t="s">
        <v>135598</v>
      </c>
      <c r="G39542" s="1" t="s">
        <v>135576</v>
      </c>
      <c r="H39542" s="1" t="s">
        <v>135577</v>
      </c>
      <c r="I39542" s="1" t="s">
        <v>134931</v>
      </c>
      <c r="J39542" s="1" t="s">
        <v>135599</v>
      </c>
    </row>
    <row r="39543" spans="1:10" x14ac:dyDescent="0.35">
      <c r="A39543" s="1" t="s">
        <v>4480</v>
      </c>
      <c r="B39543" s="1" t="s">
        <v>134927</v>
      </c>
      <c r="C39543" s="1" t="s">
        <v>45</v>
      </c>
      <c r="D39543" s="1" t="s">
        <v>135600</v>
      </c>
      <c r="E39543" s="1" t="s">
        <v>135601</v>
      </c>
      <c r="F39543" s="1" t="s">
        <v>135602</v>
      </c>
      <c r="G39543" s="1" t="s">
        <v>135576</v>
      </c>
      <c r="H39543" s="1" t="s">
        <v>135577</v>
      </c>
      <c r="I39543" s="1" t="s">
        <v>134931</v>
      </c>
      <c r="J39543" s="1" t="s">
        <v>135603</v>
      </c>
    </row>
    <row r="39544" spans="1:10" x14ac:dyDescent="0.35">
      <c r="A39544" s="1" t="s">
        <v>4480</v>
      </c>
      <c r="B39544" s="1" t="s">
        <v>134927</v>
      </c>
      <c r="C39544" s="1" t="s">
        <v>50</v>
      </c>
      <c r="D39544" s="1" t="s">
        <v>33929</v>
      </c>
      <c r="E39544" s="1" t="s">
        <v>135604</v>
      </c>
      <c r="F39544" s="1" t="s">
        <v>135605</v>
      </c>
      <c r="G39544" s="1" t="s">
        <v>135576</v>
      </c>
      <c r="H39544" s="1" t="s">
        <v>135577</v>
      </c>
      <c r="I39544" s="1" t="s">
        <v>134931</v>
      </c>
      <c r="J39544" s="1" t="s">
        <v>135606</v>
      </c>
    </row>
    <row r="39545" spans="1:10" x14ac:dyDescent="0.35">
      <c r="A39545" s="1" t="s">
        <v>4480</v>
      </c>
      <c r="B39545" s="1" t="s">
        <v>134927</v>
      </c>
      <c r="C39545" s="1" t="s">
        <v>55</v>
      </c>
      <c r="D39545" s="1" t="s">
        <v>47793</v>
      </c>
      <c r="E39545" s="1" t="s">
        <v>135607</v>
      </c>
      <c r="F39545" s="1" t="s">
        <v>135608</v>
      </c>
      <c r="G39545" s="1" t="s">
        <v>135576</v>
      </c>
      <c r="H39545" s="1" t="s">
        <v>135577</v>
      </c>
      <c r="I39545" s="1" t="s">
        <v>134931</v>
      </c>
      <c r="J39545" s="1" t="s">
        <v>135609</v>
      </c>
    </row>
    <row r="39546" spans="1:10" x14ac:dyDescent="0.35">
      <c r="A39546" s="1" t="s">
        <v>4480</v>
      </c>
      <c r="B39546" s="1" t="s">
        <v>134927</v>
      </c>
      <c r="C39546" s="1" t="s">
        <v>60</v>
      </c>
      <c r="D39546" s="1" t="s">
        <v>135610</v>
      </c>
      <c r="E39546" s="1" t="s">
        <v>135611</v>
      </c>
      <c r="F39546" s="1" t="s">
        <v>135612</v>
      </c>
      <c r="G39546" s="1" t="s">
        <v>135576</v>
      </c>
      <c r="H39546" s="1" t="s">
        <v>135577</v>
      </c>
      <c r="I39546" s="1" t="s">
        <v>134931</v>
      </c>
      <c r="J39546" s="1" t="s">
        <v>135613</v>
      </c>
    </row>
    <row r="39547" spans="1:10" x14ac:dyDescent="0.35">
      <c r="A39547" s="1" t="s">
        <v>4480</v>
      </c>
      <c r="B39547" s="1" t="s">
        <v>134927</v>
      </c>
      <c r="C39547" s="1" t="s">
        <v>65</v>
      </c>
      <c r="D39547" s="1" t="s">
        <v>118194</v>
      </c>
      <c r="E39547" s="1" t="s">
        <v>135614</v>
      </c>
      <c r="F39547" s="1" t="s">
        <v>135615</v>
      </c>
      <c r="G39547" s="1" t="s">
        <v>135576</v>
      </c>
      <c r="H39547" s="1" t="s">
        <v>135577</v>
      </c>
      <c r="I39547" s="1" t="s">
        <v>134931</v>
      </c>
      <c r="J39547" s="1" t="s">
        <v>135616</v>
      </c>
    </row>
    <row r="39548" spans="1:10" x14ac:dyDescent="0.35">
      <c r="A39548" s="1" t="s">
        <v>4480</v>
      </c>
      <c r="B39548" s="1" t="s">
        <v>134927</v>
      </c>
      <c r="C39548" s="1" t="s">
        <v>70</v>
      </c>
      <c r="D39548" s="1" t="s">
        <v>1436</v>
      </c>
      <c r="E39548" s="1" t="s">
        <v>135617</v>
      </c>
      <c r="F39548" s="1" t="s">
        <v>135618</v>
      </c>
      <c r="G39548" s="1" t="s">
        <v>135576</v>
      </c>
      <c r="H39548" s="1" t="s">
        <v>135577</v>
      </c>
      <c r="I39548" s="1" t="s">
        <v>134931</v>
      </c>
      <c r="J39548" s="1" t="s">
        <v>135619</v>
      </c>
    </row>
    <row r="39549" spans="1:10" x14ac:dyDescent="0.35">
      <c r="A39549" s="1" t="s">
        <v>4480</v>
      </c>
      <c r="B39549" s="1" t="s">
        <v>134927</v>
      </c>
      <c r="C39549" s="1" t="s">
        <v>75</v>
      </c>
      <c r="D39549" s="1" t="s">
        <v>72218</v>
      </c>
      <c r="E39549" s="1" t="s">
        <v>135620</v>
      </c>
      <c r="F39549" s="1" t="s">
        <v>135621</v>
      </c>
      <c r="G39549" s="1" t="s">
        <v>135576</v>
      </c>
      <c r="H39549" s="1" t="s">
        <v>135577</v>
      </c>
      <c r="I39549" s="1" t="s">
        <v>134931</v>
      </c>
      <c r="J39549" s="1" t="s">
        <v>135622</v>
      </c>
    </row>
    <row r="39550" spans="1:10" x14ac:dyDescent="0.35">
      <c r="A39550" s="1" t="s">
        <v>4480</v>
      </c>
      <c r="B39550" s="1" t="s">
        <v>134927</v>
      </c>
      <c r="C39550" s="1" t="s">
        <v>80</v>
      </c>
      <c r="D39550" s="1" t="s">
        <v>72888</v>
      </c>
      <c r="E39550" s="1" t="s">
        <v>135623</v>
      </c>
      <c r="F39550" s="1" t="s">
        <v>135624</v>
      </c>
      <c r="G39550" s="1" t="s">
        <v>135576</v>
      </c>
      <c r="H39550" s="1" t="s">
        <v>135577</v>
      </c>
      <c r="I39550" s="1" t="s">
        <v>134931</v>
      </c>
      <c r="J39550" s="1" t="s">
        <v>135625</v>
      </c>
    </row>
    <row r="39551" spans="1:10" x14ac:dyDescent="0.35">
      <c r="A39551" s="1" t="s">
        <v>4480</v>
      </c>
      <c r="B39551" s="1" t="s">
        <v>134927</v>
      </c>
      <c r="C39551" s="1" t="s">
        <v>85</v>
      </c>
      <c r="D39551" s="1" t="s">
        <v>15395</v>
      </c>
      <c r="E39551" s="1" t="s">
        <v>135626</v>
      </c>
      <c r="F39551" s="1" t="s">
        <v>135627</v>
      </c>
      <c r="G39551" s="1" t="s">
        <v>135576</v>
      </c>
      <c r="H39551" s="1" t="s">
        <v>135577</v>
      </c>
      <c r="I39551" s="1" t="s">
        <v>134931</v>
      </c>
      <c r="J39551" s="1" t="s">
        <v>135628</v>
      </c>
    </row>
    <row r="39552" spans="1:10" x14ac:dyDescent="0.35">
      <c r="A39552" s="1" t="s">
        <v>4480</v>
      </c>
      <c r="B39552" s="1" t="s">
        <v>134927</v>
      </c>
      <c r="C39552" s="1" t="s">
        <v>90</v>
      </c>
      <c r="D39552" s="1" t="s">
        <v>135629</v>
      </c>
      <c r="E39552" s="1" t="s">
        <v>135630</v>
      </c>
      <c r="F39552" s="1" t="s">
        <v>135631</v>
      </c>
      <c r="G39552" s="1" t="s">
        <v>135576</v>
      </c>
      <c r="H39552" s="1" t="s">
        <v>135577</v>
      </c>
      <c r="I39552" s="1" t="s">
        <v>134931</v>
      </c>
      <c r="J39552" s="1" t="s">
        <v>135632</v>
      </c>
    </row>
    <row r="39553" spans="1:10" x14ac:dyDescent="0.35">
      <c r="A39553" s="1" t="s">
        <v>4480</v>
      </c>
      <c r="B39553" s="1" t="s">
        <v>134927</v>
      </c>
      <c r="C39553" s="1" t="s">
        <v>95</v>
      </c>
      <c r="D39553" s="1" t="s">
        <v>135633</v>
      </c>
      <c r="E39553" s="1" t="s">
        <v>135634</v>
      </c>
      <c r="F39553" s="1" t="s">
        <v>135635</v>
      </c>
      <c r="G39553" s="1" t="s">
        <v>135576</v>
      </c>
      <c r="H39553" s="1" t="s">
        <v>135577</v>
      </c>
      <c r="I39553" s="1" t="s">
        <v>134931</v>
      </c>
      <c r="J39553" s="1" t="s">
        <v>135636</v>
      </c>
    </row>
    <row r="39554" spans="1:10" x14ac:dyDescent="0.35">
      <c r="A39554" s="1" t="s">
        <v>4480</v>
      </c>
      <c r="B39554" s="1" t="s">
        <v>134927</v>
      </c>
      <c r="C39554" s="1" t="s">
        <v>100</v>
      </c>
      <c r="D39554" s="1" t="s">
        <v>135637</v>
      </c>
      <c r="E39554" s="1" t="s">
        <v>135638</v>
      </c>
      <c r="F39554" s="1" t="s">
        <v>135639</v>
      </c>
      <c r="G39554" s="1" t="s">
        <v>135576</v>
      </c>
      <c r="H39554" s="1" t="s">
        <v>135577</v>
      </c>
      <c r="I39554" s="1" t="s">
        <v>134931</v>
      </c>
      <c r="J39554" s="1" t="s">
        <v>135640</v>
      </c>
    </row>
    <row r="39555" spans="1:10" x14ac:dyDescent="0.35">
      <c r="A39555" s="1" t="s">
        <v>4480</v>
      </c>
      <c r="B39555" s="1" t="s">
        <v>134927</v>
      </c>
      <c r="C39555" s="1" t="s">
        <v>105</v>
      </c>
      <c r="D39555" s="1" t="s">
        <v>135641</v>
      </c>
      <c r="E39555" s="1" t="s">
        <v>135642</v>
      </c>
      <c r="F39555" s="1" t="s">
        <v>135643</v>
      </c>
      <c r="G39555" s="1" t="s">
        <v>135576</v>
      </c>
      <c r="H39555" s="1" t="s">
        <v>135577</v>
      </c>
      <c r="I39555" s="1" t="s">
        <v>134931</v>
      </c>
      <c r="J39555" s="1" t="s">
        <v>135644</v>
      </c>
    </row>
    <row r="39556" spans="1:10" x14ac:dyDescent="0.35">
      <c r="A39556" s="1" t="s">
        <v>4480</v>
      </c>
      <c r="B39556" s="1" t="s">
        <v>134927</v>
      </c>
      <c r="C39556" s="1" t="s">
        <v>110</v>
      </c>
      <c r="D39556" s="1" t="s">
        <v>135645</v>
      </c>
      <c r="E39556" s="1" t="s">
        <v>135646</v>
      </c>
      <c r="F39556" s="1" t="s">
        <v>135647</v>
      </c>
      <c r="G39556" s="1" t="s">
        <v>135576</v>
      </c>
      <c r="H39556" s="1" t="s">
        <v>135577</v>
      </c>
      <c r="I39556" s="1" t="s">
        <v>134931</v>
      </c>
      <c r="J39556" s="1" t="s">
        <v>135648</v>
      </c>
    </row>
    <row r="39557" spans="1:10" x14ac:dyDescent="0.35">
      <c r="A39557" s="1" t="s">
        <v>4480</v>
      </c>
      <c r="B39557" s="1" t="s">
        <v>134927</v>
      </c>
      <c r="C39557" s="1" t="s">
        <v>115</v>
      </c>
      <c r="D39557" s="1" t="s">
        <v>46780</v>
      </c>
      <c r="E39557" s="1" t="s">
        <v>135649</v>
      </c>
      <c r="F39557" s="1" t="s">
        <v>135650</v>
      </c>
      <c r="G39557" s="1" t="s">
        <v>135576</v>
      </c>
      <c r="H39557" s="1" t="s">
        <v>135577</v>
      </c>
      <c r="I39557" s="1" t="s">
        <v>134931</v>
      </c>
      <c r="J39557" s="1" t="s">
        <v>135651</v>
      </c>
    </row>
    <row r="39558" spans="1:10" x14ac:dyDescent="0.35">
      <c r="A39558" s="1" t="s">
        <v>4480</v>
      </c>
      <c r="B39558" s="1" t="s">
        <v>134927</v>
      </c>
      <c r="C39558" s="1" t="s">
        <v>120</v>
      </c>
      <c r="D39558" s="1" t="s">
        <v>71319</v>
      </c>
      <c r="E39558" s="1" t="s">
        <v>135652</v>
      </c>
      <c r="F39558" s="1" t="s">
        <v>135653</v>
      </c>
      <c r="G39558" s="1" t="s">
        <v>135576</v>
      </c>
      <c r="H39558" s="1" t="s">
        <v>135577</v>
      </c>
      <c r="I39558" s="1" t="s">
        <v>134931</v>
      </c>
      <c r="J39558" s="1" t="s">
        <v>135654</v>
      </c>
    </row>
    <row r="39559" spans="1:10" x14ac:dyDescent="0.35">
      <c r="A39559" s="1" t="s">
        <v>4480</v>
      </c>
      <c r="B39559" s="1" t="s">
        <v>134927</v>
      </c>
      <c r="C39559" s="1" t="s">
        <v>125</v>
      </c>
      <c r="D39559" s="1" t="s">
        <v>35362</v>
      </c>
      <c r="E39559" s="1" t="s">
        <v>135655</v>
      </c>
      <c r="F39559" s="1" t="s">
        <v>135656</v>
      </c>
      <c r="G39559" s="1" t="s">
        <v>135576</v>
      </c>
      <c r="H39559" s="1" t="s">
        <v>135577</v>
      </c>
      <c r="I39559" s="1" t="s">
        <v>134931</v>
      </c>
      <c r="J39559" s="1" t="s">
        <v>135657</v>
      </c>
    </row>
    <row r="39560" spans="1:10" x14ac:dyDescent="0.35">
      <c r="A39560" s="1" t="s">
        <v>4480</v>
      </c>
      <c r="B39560" s="1" t="s">
        <v>134927</v>
      </c>
      <c r="C39560" s="1" t="s">
        <v>130</v>
      </c>
      <c r="D39560" s="1" t="s">
        <v>71308</v>
      </c>
      <c r="E39560" s="1" t="s">
        <v>135658</v>
      </c>
      <c r="F39560" s="1" t="s">
        <v>135659</v>
      </c>
      <c r="G39560" s="1" t="s">
        <v>135576</v>
      </c>
      <c r="H39560" s="1" t="s">
        <v>135577</v>
      </c>
      <c r="I39560" s="1" t="s">
        <v>134931</v>
      </c>
      <c r="J39560" s="1" t="s">
        <v>135660</v>
      </c>
    </row>
    <row r="39561" spans="1:10" x14ac:dyDescent="0.35">
      <c r="A39561" s="1" t="s">
        <v>4480</v>
      </c>
      <c r="B39561" s="1" t="s">
        <v>134927</v>
      </c>
      <c r="C39561" s="1" t="s">
        <v>135</v>
      </c>
      <c r="D39561" s="1" t="s">
        <v>135369</v>
      </c>
      <c r="E39561" s="1" t="s">
        <v>135661</v>
      </c>
      <c r="F39561" s="1" t="s">
        <v>135662</v>
      </c>
      <c r="G39561" s="1" t="s">
        <v>135576</v>
      </c>
      <c r="H39561" s="1" t="s">
        <v>135577</v>
      </c>
      <c r="I39561" s="1" t="s">
        <v>134931</v>
      </c>
      <c r="J39561" s="1" t="s">
        <v>135663</v>
      </c>
    </row>
    <row r="39562" spans="1:10" x14ac:dyDescent="0.35">
      <c r="A39562" s="1" t="s">
        <v>4480</v>
      </c>
      <c r="B39562" s="1" t="s">
        <v>134927</v>
      </c>
      <c r="C39562" s="1" t="s">
        <v>140</v>
      </c>
      <c r="D39562" s="1" t="s">
        <v>135664</v>
      </c>
      <c r="E39562" s="1" t="s">
        <v>135665</v>
      </c>
      <c r="F39562" s="1" t="s">
        <v>135666</v>
      </c>
      <c r="G39562" s="1" t="s">
        <v>135576</v>
      </c>
      <c r="H39562" s="1" t="s">
        <v>135577</v>
      </c>
      <c r="I39562" s="1" t="s">
        <v>134931</v>
      </c>
      <c r="J39562" s="1" t="s">
        <v>135667</v>
      </c>
    </row>
    <row r="39563" spans="1:10" x14ac:dyDescent="0.35">
      <c r="A39563" s="1" t="s">
        <v>4480</v>
      </c>
      <c r="B39563" s="1" t="s">
        <v>134927</v>
      </c>
      <c r="C39563" s="1" t="s">
        <v>145</v>
      </c>
      <c r="D39563" s="1" t="s">
        <v>73344</v>
      </c>
      <c r="E39563" s="1" t="s">
        <v>135668</v>
      </c>
      <c r="F39563" s="1" t="s">
        <v>135669</v>
      </c>
      <c r="G39563" s="1" t="s">
        <v>135576</v>
      </c>
      <c r="H39563" s="1" t="s">
        <v>135577</v>
      </c>
      <c r="I39563" s="1" t="s">
        <v>134931</v>
      </c>
      <c r="J39563" s="1" t="s">
        <v>135670</v>
      </c>
    </row>
    <row r="39564" spans="1:10" x14ac:dyDescent="0.35">
      <c r="A39564" s="1" t="s">
        <v>4480</v>
      </c>
      <c r="B39564" s="1" t="s">
        <v>134927</v>
      </c>
      <c r="C39564" s="1" t="s">
        <v>150</v>
      </c>
      <c r="D39564" s="1" t="s">
        <v>124099</v>
      </c>
      <c r="E39564" s="1" t="s">
        <v>135671</v>
      </c>
      <c r="F39564" s="1" t="s">
        <v>135672</v>
      </c>
      <c r="G39564" s="1" t="s">
        <v>135576</v>
      </c>
      <c r="H39564" s="1" t="s">
        <v>135577</v>
      </c>
      <c r="I39564" s="1" t="s">
        <v>134931</v>
      </c>
      <c r="J39564" s="1" t="s">
        <v>135673</v>
      </c>
    </row>
    <row r="39565" spans="1:10" x14ac:dyDescent="0.35">
      <c r="A39565" s="1" t="s">
        <v>4480</v>
      </c>
      <c r="B39565" s="1" t="s">
        <v>134927</v>
      </c>
      <c r="C39565" s="1" t="s">
        <v>155</v>
      </c>
      <c r="D39565" s="1" t="s">
        <v>135674</v>
      </c>
      <c r="E39565" s="1" t="s">
        <v>135675</v>
      </c>
      <c r="F39565" s="1" t="s">
        <v>135676</v>
      </c>
      <c r="G39565" s="1" t="s">
        <v>135576</v>
      </c>
      <c r="H39565" s="1" t="s">
        <v>135577</v>
      </c>
      <c r="I39565" s="1" t="s">
        <v>134931</v>
      </c>
      <c r="J39565" s="1" t="s">
        <v>135677</v>
      </c>
    </row>
    <row r="39566" spans="1:10" x14ac:dyDescent="0.35">
      <c r="A39566" s="1" t="s">
        <v>4480</v>
      </c>
      <c r="B39566" s="1" t="s">
        <v>134927</v>
      </c>
      <c r="C39566" s="1" t="s">
        <v>160</v>
      </c>
      <c r="D39566" s="1" t="s">
        <v>3449</v>
      </c>
      <c r="E39566" s="1" t="s">
        <v>135678</v>
      </c>
      <c r="F39566" s="1" t="s">
        <v>135679</v>
      </c>
      <c r="G39566" s="1" t="s">
        <v>135576</v>
      </c>
      <c r="H39566" s="1" t="s">
        <v>135577</v>
      </c>
      <c r="I39566" s="1" t="s">
        <v>134931</v>
      </c>
      <c r="J39566" s="1" t="s">
        <v>135680</v>
      </c>
    </row>
    <row r="39567" spans="1:10" x14ac:dyDescent="0.35">
      <c r="A39567" s="1" t="s">
        <v>4480</v>
      </c>
      <c r="B39567" s="1" t="s">
        <v>134927</v>
      </c>
      <c r="C39567" s="1" t="s">
        <v>165</v>
      </c>
      <c r="D39567" s="1" t="s">
        <v>135681</v>
      </c>
      <c r="E39567" s="1" t="s">
        <v>135682</v>
      </c>
      <c r="F39567" s="1" t="s">
        <v>135683</v>
      </c>
      <c r="G39567" s="1" t="s">
        <v>135576</v>
      </c>
      <c r="H39567" s="1" t="s">
        <v>135577</v>
      </c>
      <c r="I39567" s="1" t="s">
        <v>134931</v>
      </c>
      <c r="J39567" s="1" t="s">
        <v>135684</v>
      </c>
    </row>
    <row r="39568" spans="1:10" x14ac:dyDescent="0.35">
      <c r="A39568" s="1" t="s">
        <v>4480</v>
      </c>
      <c r="B39568" s="1" t="s">
        <v>134927</v>
      </c>
      <c r="C39568" s="1" t="s">
        <v>170</v>
      </c>
      <c r="D39568" s="1" t="s">
        <v>35813</v>
      </c>
      <c r="E39568" s="1" t="s">
        <v>135685</v>
      </c>
      <c r="F39568" s="1" t="s">
        <v>135686</v>
      </c>
      <c r="G39568" s="1" t="s">
        <v>135576</v>
      </c>
      <c r="H39568" s="1" t="s">
        <v>135577</v>
      </c>
      <c r="I39568" s="1" t="s">
        <v>134931</v>
      </c>
      <c r="J39568" s="1" t="s">
        <v>135687</v>
      </c>
    </row>
    <row r="39569" spans="1:10" x14ac:dyDescent="0.35">
      <c r="A39569" s="1" t="s">
        <v>25849</v>
      </c>
      <c r="B39569" s="1" t="s">
        <v>134927</v>
      </c>
      <c r="C39569" s="1" t="s">
        <v>8</v>
      </c>
      <c r="D39569" s="1" t="s">
        <v>50453</v>
      </c>
      <c r="E39569" s="1" t="s">
        <v>78786</v>
      </c>
      <c r="F39569" s="1" t="s">
        <v>135688</v>
      </c>
      <c r="G39569" s="1" t="s">
        <v>135689</v>
      </c>
      <c r="H39569" s="1" t="s">
        <v>135690</v>
      </c>
      <c r="I39569" s="1" t="s">
        <v>134931</v>
      </c>
      <c r="J39569" s="1" t="s">
        <v>13</v>
      </c>
    </row>
    <row r="39570" spans="1:10" x14ac:dyDescent="0.35">
      <c r="A39570" s="1" t="s">
        <v>25849</v>
      </c>
      <c r="B39570" s="1" t="s">
        <v>134927</v>
      </c>
      <c r="C39570" s="1" t="s">
        <v>15</v>
      </c>
      <c r="D39570" s="1" t="s">
        <v>111673</v>
      </c>
      <c r="E39570" s="1" t="s">
        <v>132853</v>
      </c>
      <c r="F39570" s="1" t="s">
        <v>135691</v>
      </c>
      <c r="G39570" s="1" t="s">
        <v>135689</v>
      </c>
      <c r="H39570" s="1" t="s">
        <v>135690</v>
      </c>
      <c r="I39570" s="1" t="s">
        <v>134931</v>
      </c>
      <c r="J39570" s="1" t="s">
        <v>135692</v>
      </c>
    </row>
    <row r="39571" spans="1:10" x14ac:dyDescent="0.35">
      <c r="A39571" s="1" t="s">
        <v>25849</v>
      </c>
      <c r="B39571" s="1" t="s">
        <v>134927</v>
      </c>
      <c r="C39571" s="1" t="s">
        <v>20</v>
      </c>
      <c r="D39571" s="1" t="s">
        <v>135693</v>
      </c>
      <c r="E39571" s="1" t="s">
        <v>49733</v>
      </c>
      <c r="F39571" s="1" t="s">
        <v>135694</v>
      </c>
      <c r="G39571" s="1" t="s">
        <v>135689</v>
      </c>
      <c r="H39571" s="1" t="s">
        <v>135690</v>
      </c>
      <c r="I39571" s="1" t="s">
        <v>134931</v>
      </c>
      <c r="J39571" s="1" t="s">
        <v>135695</v>
      </c>
    </row>
    <row r="39572" spans="1:10" x14ac:dyDescent="0.35">
      <c r="A39572" s="1" t="s">
        <v>25849</v>
      </c>
      <c r="B39572" s="1" t="s">
        <v>134927</v>
      </c>
      <c r="C39572" s="1" t="s">
        <v>25</v>
      </c>
      <c r="D39572" s="1" t="s">
        <v>2374</v>
      </c>
      <c r="E39572" s="1" t="s">
        <v>111200</v>
      </c>
      <c r="F39572" s="1" t="s">
        <v>135696</v>
      </c>
      <c r="G39572" s="1" t="s">
        <v>135689</v>
      </c>
      <c r="H39572" s="1" t="s">
        <v>135690</v>
      </c>
      <c r="I39572" s="1" t="s">
        <v>134931</v>
      </c>
      <c r="J39572" s="1" t="s">
        <v>135697</v>
      </c>
    </row>
    <row r="39573" spans="1:10" x14ac:dyDescent="0.35">
      <c r="A39573" s="1" t="s">
        <v>25849</v>
      </c>
      <c r="B39573" s="1" t="s">
        <v>134927</v>
      </c>
      <c r="C39573" s="1" t="s">
        <v>30</v>
      </c>
      <c r="D39573" s="1" t="s">
        <v>135698</v>
      </c>
      <c r="E39573" s="1" t="s">
        <v>109465</v>
      </c>
      <c r="F39573" s="1" t="s">
        <v>135699</v>
      </c>
      <c r="G39573" s="1" t="s">
        <v>135689</v>
      </c>
      <c r="H39573" s="1" t="s">
        <v>135690</v>
      </c>
      <c r="I39573" s="1" t="s">
        <v>134931</v>
      </c>
      <c r="J39573" s="1" t="s">
        <v>135700</v>
      </c>
    </row>
    <row r="39574" spans="1:10" x14ac:dyDescent="0.35">
      <c r="A39574" s="1" t="s">
        <v>25849</v>
      </c>
      <c r="B39574" s="1" t="s">
        <v>134927</v>
      </c>
      <c r="C39574" s="1" t="s">
        <v>35</v>
      </c>
      <c r="D39574" s="1" t="s">
        <v>135701</v>
      </c>
      <c r="E39574" s="1" t="s">
        <v>135702</v>
      </c>
      <c r="F39574" s="1" t="s">
        <v>135703</v>
      </c>
      <c r="G39574" s="1" t="s">
        <v>135689</v>
      </c>
      <c r="H39574" s="1" t="s">
        <v>135690</v>
      </c>
      <c r="I39574" s="1" t="s">
        <v>134931</v>
      </c>
      <c r="J39574" s="1" t="s">
        <v>135704</v>
      </c>
    </row>
    <row r="39575" spans="1:10" x14ac:dyDescent="0.35">
      <c r="A39575" s="1" t="s">
        <v>25849</v>
      </c>
      <c r="B39575" s="1" t="s">
        <v>134927</v>
      </c>
      <c r="C39575" s="1" t="s">
        <v>40</v>
      </c>
      <c r="D39575" s="1" t="s">
        <v>34492</v>
      </c>
      <c r="E39575" s="1" t="s">
        <v>109487</v>
      </c>
      <c r="F39575" s="1" t="s">
        <v>135705</v>
      </c>
      <c r="G39575" s="1" t="s">
        <v>135689</v>
      </c>
      <c r="H39575" s="1" t="s">
        <v>135690</v>
      </c>
      <c r="I39575" s="1" t="s">
        <v>134931</v>
      </c>
      <c r="J39575" s="1" t="s">
        <v>135706</v>
      </c>
    </row>
    <row r="39576" spans="1:10" x14ac:dyDescent="0.35">
      <c r="A39576" s="1" t="s">
        <v>25849</v>
      </c>
      <c r="B39576" s="1" t="s">
        <v>134927</v>
      </c>
      <c r="C39576" s="1" t="s">
        <v>45</v>
      </c>
      <c r="D39576" s="1" t="s">
        <v>6697</v>
      </c>
      <c r="E39576" s="1" t="s">
        <v>105428</v>
      </c>
      <c r="F39576" s="1" t="s">
        <v>135707</v>
      </c>
      <c r="G39576" s="1" t="s">
        <v>135689</v>
      </c>
      <c r="H39576" s="1" t="s">
        <v>135690</v>
      </c>
      <c r="I39576" s="1" t="s">
        <v>134931</v>
      </c>
      <c r="J39576" s="1" t="s">
        <v>135708</v>
      </c>
    </row>
    <row r="39577" spans="1:10" x14ac:dyDescent="0.35">
      <c r="A39577" s="1" t="s">
        <v>25849</v>
      </c>
      <c r="B39577" s="1" t="s">
        <v>134927</v>
      </c>
      <c r="C39577" s="1" t="s">
        <v>50</v>
      </c>
      <c r="D39577" s="1" t="s">
        <v>72491</v>
      </c>
      <c r="E39577" s="1" t="s">
        <v>109518</v>
      </c>
      <c r="F39577" s="1" t="s">
        <v>135709</v>
      </c>
      <c r="G39577" s="1" t="s">
        <v>135689</v>
      </c>
      <c r="H39577" s="1" t="s">
        <v>135690</v>
      </c>
      <c r="I39577" s="1" t="s">
        <v>134931</v>
      </c>
      <c r="J39577" s="1" t="s">
        <v>135710</v>
      </c>
    </row>
    <row r="39578" spans="1:10" x14ac:dyDescent="0.35">
      <c r="A39578" s="1" t="s">
        <v>25849</v>
      </c>
      <c r="B39578" s="1" t="s">
        <v>134927</v>
      </c>
      <c r="C39578" s="1" t="s">
        <v>55</v>
      </c>
      <c r="D39578" s="1" t="s">
        <v>74992</v>
      </c>
      <c r="E39578" s="1" t="s">
        <v>131784</v>
      </c>
      <c r="F39578" s="1" t="s">
        <v>477</v>
      </c>
      <c r="G39578" s="1" t="s">
        <v>135689</v>
      </c>
      <c r="H39578" s="1" t="s">
        <v>135690</v>
      </c>
      <c r="I39578" s="1" t="s">
        <v>134931</v>
      </c>
      <c r="J39578" s="1" t="s">
        <v>135711</v>
      </c>
    </row>
    <row r="39579" spans="1:10" x14ac:dyDescent="0.35">
      <c r="A39579" s="1" t="s">
        <v>25849</v>
      </c>
      <c r="B39579" s="1" t="s">
        <v>134927</v>
      </c>
      <c r="C39579" s="1" t="s">
        <v>60</v>
      </c>
      <c r="D39579" s="1" t="s">
        <v>1485</v>
      </c>
      <c r="E39579" s="1" t="s">
        <v>135712</v>
      </c>
      <c r="F39579" s="1" t="s">
        <v>135713</v>
      </c>
      <c r="G39579" s="1" t="s">
        <v>135689</v>
      </c>
      <c r="H39579" s="1" t="s">
        <v>135690</v>
      </c>
      <c r="I39579" s="1" t="s">
        <v>134931</v>
      </c>
      <c r="J39579" s="1" t="s">
        <v>135714</v>
      </c>
    </row>
    <row r="39580" spans="1:10" x14ac:dyDescent="0.35">
      <c r="A39580" s="1" t="s">
        <v>25849</v>
      </c>
      <c r="B39580" s="1" t="s">
        <v>134927</v>
      </c>
      <c r="C39580" s="1" t="s">
        <v>65</v>
      </c>
      <c r="D39580" s="1" t="s">
        <v>38545</v>
      </c>
      <c r="E39580" s="1" t="s">
        <v>109798</v>
      </c>
      <c r="F39580" s="1" t="s">
        <v>135715</v>
      </c>
      <c r="G39580" s="1" t="s">
        <v>135689</v>
      </c>
      <c r="H39580" s="1" t="s">
        <v>135690</v>
      </c>
      <c r="I39580" s="1" t="s">
        <v>134931</v>
      </c>
      <c r="J39580" s="1" t="s">
        <v>135716</v>
      </c>
    </row>
    <row r="39581" spans="1:10" x14ac:dyDescent="0.35">
      <c r="A39581" s="1" t="s">
        <v>25849</v>
      </c>
      <c r="B39581" s="1" t="s">
        <v>134927</v>
      </c>
      <c r="C39581" s="1" t="s">
        <v>70</v>
      </c>
      <c r="D39581" s="1" t="s">
        <v>135717</v>
      </c>
      <c r="E39581" s="1" t="s">
        <v>135718</v>
      </c>
      <c r="F39581" s="1" t="s">
        <v>135719</v>
      </c>
      <c r="G39581" s="1" t="s">
        <v>135689</v>
      </c>
      <c r="H39581" s="1" t="s">
        <v>135690</v>
      </c>
      <c r="I39581" s="1" t="s">
        <v>134931</v>
      </c>
      <c r="J39581" s="1" t="s">
        <v>135720</v>
      </c>
    </row>
    <row r="39582" spans="1:10" x14ac:dyDescent="0.35">
      <c r="A39582" s="1" t="s">
        <v>25849</v>
      </c>
      <c r="B39582" s="1" t="s">
        <v>134927</v>
      </c>
      <c r="C39582" s="1" t="s">
        <v>75</v>
      </c>
      <c r="D39582" s="1" t="s">
        <v>135721</v>
      </c>
      <c r="E39582" s="1" t="s">
        <v>135722</v>
      </c>
      <c r="F39582" s="1" t="s">
        <v>135723</v>
      </c>
      <c r="G39582" s="1" t="s">
        <v>135689</v>
      </c>
      <c r="H39582" s="1" t="s">
        <v>135690</v>
      </c>
      <c r="I39582" s="1" t="s">
        <v>134931</v>
      </c>
      <c r="J39582" s="1" t="s">
        <v>135724</v>
      </c>
    </row>
    <row r="39583" spans="1:10" x14ac:dyDescent="0.35">
      <c r="A39583" s="1" t="s">
        <v>25849</v>
      </c>
      <c r="B39583" s="1" t="s">
        <v>134927</v>
      </c>
      <c r="C39583" s="1" t="s">
        <v>80</v>
      </c>
      <c r="D39583" s="1" t="s">
        <v>135674</v>
      </c>
      <c r="E39583" s="1" t="s">
        <v>135725</v>
      </c>
      <c r="F39583" s="1" t="s">
        <v>135726</v>
      </c>
      <c r="G39583" s="1" t="s">
        <v>135689</v>
      </c>
      <c r="H39583" s="1" t="s">
        <v>135690</v>
      </c>
      <c r="I39583" s="1" t="s">
        <v>134931</v>
      </c>
      <c r="J39583" s="1" t="s">
        <v>135727</v>
      </c>
    </row>
    <row r="39584" spans="1:10" x14ac:dyDescent="0.35">
      <c r="A39584" s="1" t="s">
        <v>25849</v>
      </c>
      <c r="B39584" s="1" t="s">
        <v>134927</v>
      </c>
      <c r="C39584" s="1" t="s">
        <v>85</v>
      </c>
      <c r="D39584" s="1" t="s">
        <v>135728</v>
      </c>
      <c r="E39584" s="1" t="s">
        <v>106561</v>
      </c>
      <c r="F39584" s="1" t="s">
        <v>135729</v>
      </c>
      <c r="G39584" s="1" t="s">
        <v>135689</v>
      </c>
      <c r="H39584" s="1" t="s">
        <v>135690</v>
      </c>
      <c r="I39584" s="1" t="s">
        <v>134931</v>
      </c>
      <c r="J39584" s="1" t="s">
        <v>135730</v>
      </c>
    </row>
    <row r="39585" spans="1:10" x14ac:dyDescent="0.35">
      <c r="A39585" s="1" t="s">
        <v>25849</v>
      </c>
      <c r="B39585" s="1" t="s">
        <v>134927</v>
      </c>
      <c r="C39585" s="1" t="s">
        <v>90</v>
      </c>
      <c r="D39585" s="1" t="s">
        <v>18435</v>
      </c>
      <c r="E39585" s="1" t="s">
        <v>111220</v>
      </c>
      <c r="F39585" s="1" t="s">
        <v>135731</v>
      </c>
      <c r="G39585" s="1" t="s">
        <v>135689</v>
      </c>
      <c r="H39585" s="1" t="s">
        <v>135690</v>
      </c>
      <c r="I39585" s="1" t="s">
        <v>134931</v>
      </c>
      <c r="J39585" s="1" t="s">
        <v>135732</v>
      </c>
    </row>
    <row r="39586" spans="1:10" x14ac:dyDescent="0.35">
      <c r="A39586" s="1" t="s">
        <v>25849</v>
      </c>
      <c r="B39586" s="1" t="s">
        <v>134927</v>
      </c>
      <c r="C39586" s="1" t="s">
        <v>95</v>
      </c>
      <c r="D39586" s="1" t="s">
        <v>135733</v>
      </c>
      <c r="E39586" s="1" t="s">
        <v>133349</v>
      </c>
      <c r="F39586" s="1" t="s">
        <v>135734</v>
      </c>
      <c r="G39586" s="1" t="s">
        <v>135689</v>
      </c>
      <c r="H39586" s="1" t="s">
        <v>135690</v>
      </c>
      <c r="I39586" s="1" t="s">
        <v>134931</v>
      </c>
      <c r="J39586" s="1" t="s">
        <v>135735</v>
      </c>
    </row>
    <row r="39587" spans="1:10" x14ac:dyDescent="0.35">
      <c r="A39587" s="1" t="s">
        <v>25849</v>
      </c>
      <c r="B39587" s="1" t="s">
        <v>134927</v>
      </c>
      <c r="C39587" s="1" t="s">
        <v>100</v>
      </c>
      <c r="D39587" s="1" t="s">
        <v>115550</v>
      </c>
      <c r="E39587" s="1" t="s">
        <v>130214</v>
      </c>
      <c r="F39587" s="1" t="s">
        <v>135736</v>
      </c>
      <c r="G39587" s="1" t="s">
        <v>135689</v>
      </c>
      <c r="H39587" s="1" t="s">
        <v>135690</v>
      </c>
      <c r="I39587" s="1" t="s">
        <v>134931</v>
      </c>
      <c r="J39587" s="1" t="s">
        <v>135737</v>
      </c>
    </row>
    <row r="39588" spans="1:10" x14ac:dyDescent="0.35">
      <c r="A39588" s="1" t="s">
        <v>25849</v>
      </c>
      <c r="B39588" s="1" t="s">
        <v>134927</v>
      </c>
      <c r="C39588" s="1" t="s">
        <v>105</v>
      </c>
      <c r="D39588" s="1" t="s">
        <v>161</v>
      </c>
      <c r="E39588" s="1" t="s">
        <v>109518</v>
      </c>
      <c r="F39588" s="1" t="s">
        <v>135738</v>
      </c>
      <c r="G39588" s="1" t="s">
        <v>135689</v>
      </c>
      <c r="H39588" s="1" t="s">
        <v>135690</v>
      </c>
      <c r="I39588" s="1" t="s">
        <v>134931</v>
      </c>
      <c r="J39588" s="1" t="s">
        <v>135739</v>
      </c>
    </row>
    <row r="39589" spans="1:10" x14ac:dyDescent="0.35">
      <c r="A39589" s="1" t="s">
        <v>25849</v>
      </c>
      <c r="B39589" s="1" t="s">
        <v>134927</v>
      </c>
      <c r="C39589" s="1" t="s">
        <v>110</v>
      </c>
      <c r="D39589" s="1" t="s">
        <v>135740</v>
      </c>
      <c r="E39589" s="1" t="s">
        <v>135741</v>
      </c>
      <c r="F39589" s="1" t="s">
        <v>135742</v>
      </c>
      <c r="G39589" s="1" t="s">
        <v>135689</v>
      </c>
      <c r="H39589" s="1" t="s">
        <v>135690</v>
      </c>
      <c r="I39589" s="1" t="s">
        <v>134931</v>
      </c>
      <c r="J39589" s="1" t="s">
        <v>135743</v>
      </c>
    </row>
    <row r="39590" spans="1:10" x14ac:dyDescent="0.35">
      <c r="A39590" s="1" t="s">
        <v>25849</v>
      </c>
      <c r="B39590" s="1" t="s">
        <v>134927</v>
      </c>
      <c r="C39590" s="1" t="s">
        <v>115</v>
      </c>
      <c r="D39590" s="1" t="s">
        <v>30483</v>
      </c>
      <c r="E39590" s="1" t="s">
        <v>135744</v>
      </c>
      <c r="F39590" s="1" t="s">
        <v>135745</v>
      </c>
      <c r="G39590" s="1" t="s">
        <v>135689</v>
      </c>
      <c r="H39590" s="1" t="s">
        <v>135690</v>
      </c>
      <c r="I39590" s="1" t="s">
        <v>134931</v>
      </c>
      <c r="J39590" s="1" t="s">
        <v>135746</v>
      </c>
    </row>
    <row r="39591" spans="1:10" x14ac:dyDescent="0.35">
      <c r="A39591" s="1" t="s">
        <v>25849</v>
      </c>
      <c r="B39591" s="1" t="s">
        <v>134927</v>
      </c>
      <c r="C39591" s="1" t="s">
        <v>120</v>
      </c>
      <c r="D39591" s="1" t="s">
        <v>118988</v>
      </c>
      <c r="E39591" s="1" t="s">
        <v>109809</v>
      </c>
      <c r="F39591" s="1" t="s">
        <v>135747</v>
      </c>
      <c r="G39591" s="1" t="s">
        <v>135689</v>
      </c>
      <c r="H39591" s="1" t="s">
        <v>135690</v>
      </c>
      <c r="I39591" s="1" t="s">
        <v>134931</v>
      </c>
      <c r="J39591" s="1" t="s">
        <v>135748</v>
      </c>
    </row>
    <row r="39592" spans="1:10" x14ac:dyDescent="0.35">
      <c r="A39592" s="1" t="s">
        <v>25849</v>
      </c>
      <c r="B39592" s="1" t="s">
        <v>134927</v>
      </c>
      <c r="C39592" s="1" t="s">
        <v>125</v>
      </c>
      <c r="D39592" s="1" t="s">
        <v>73493</v>
      </c>
      <c r="E39592" s="1" t="s">
        <v>130015</v>
      </c>
      <c r="F39592" s="1" t="s">
        <v>135749</v>
      </c>
      <c r="G39592" s="1" t="s">
        <v>135689</v>
      </c>
      <c r="H39592" s="1" t="s">
        <v>135690</v>
      </c>
      <c r="I39592" s="1" t="s">
        <v>134931</v>
      </c>
      <c r="J39592" s="1" t="s">
        <v>135750</v>
      </c>
    </row>
    <row r="39593" spans="1:10" x14ac:dyDescent="0.35">
      <c r="A39593" s="1" t="s">
        <v>25849</v>
      </c>
      <c r="B39593" s="1" t="s">
        <v>134927</v>
      </c>
      <c r="C39593" s="1" t="s">
        <v>130</v>
      </c>
      <c r="D39593" s="1" t="s">
        <v>3683</v>
      </c>
      <c r="E39593" s="1" t="s">
        <v>135751</v>
      </c>
      <c r="F39593" s="1" t="s">
        <v>135752</v>
      </c>
      <c r="G39593" s="1" t="s">
        <v>135689</v>
      </c>
      <c r="H39593" s="1" t="s">
        <v>135690</v>
      </c>
      <c r="I39593" s="1" t="s">
        <v>134931</v>
      </c>
      <c r="J39593" s="1" t="s">
        <v>135753</v>
      </c>
    </row>
    <row r="39594" spans="1:10" x14ac:dyDescent="0.35">
      <c r="A39594" s="1" t="s">
        <v>25849</v>
      </c>
      <c r="B39594" s="1" t="s">
        <v>134927</v>
      </c>
      <c r="C39594" s="1" t="s">
        <v>135</v>
      </c>
      <c r="D39594" s="1" t="s">
        <v>16388</v>
      </c>
      <c r="E39594" s="1" t="s">
        <v>135754</v>
      </c>
      <c r="F39594" s="1" t="s">
        <v>135755</v>
      </c>
      <c r="G39594" s="1" t="s">
        <v>135689</v>
      </c>
      <c r="H39594" s="1" t="s">
        <v>135690</v>
      </c>
      <c r="I39594" s="1" t="s">
        <v>134931</v>
      </c>
      <c r="J39594" s="1" t="s">
        <v>135756</v>
      </c>
    </row>
    <row r="39595" spans="1:10" x14ac:dyDescent="0.35">
      <c r="A39595" s="1" t="s">
        <v>25849</v>
      </c>
      <c r="B39595" s="1" t="s">
        <v>134927</v>
      </c>
      <c r="C39595" s="1" t="s">
        <v>140</v>
      </c>
      <c r="D39595" s="1" t="s">
        <v>135757</v>
      </c>
      <c r="E39595" s="1" t="s">
        <v>135758</v>
      </c>
      <c r="F39595" s="1" t="s">
        <v>135759</v>
      </c>
      <c r="G39595" s="1" t="s">
        <v>135689</v>
      </c>
      <c r="H39595" s="1" t="s">
        <v>135690</v>
      </c>
      <c r="I39595" s="1" t="s">
        <v>134931</v>
      </c>
      <c r="J39595" s="1" t="s">
        <v>135760</v>
      </c>
    </row>
    <row r="39596" spans="1:10" x14ac:dyDescent="0.35">
      <c r="A39596" s="1" t="s">
        <v>25849</v>
      </c>
      <c r="B39596" s="1" t="s">
        <v>134927</v>
      </c>
      <c r="C39596" s="1" t="s">
        <v>145</v>
      </c>
      <c r="D39596" s="1" t="s">
        <v>15943</v>
      </c>
      <c r="E39596" s="1" t="s">
        <v>135761</v>
      </c>
      <c r="F39596" s="1" t="s">
        <v>135762</v>
      </c>
      <c r="G39596" s="1" t="s">
        <v>135689</v>
      </c>
      <c r="H39596" s="1" t="s">
        <v>135690</v>
      </c>
      <c r="I39596" s="1" t="s">
        <v>134931</v>
      </c>
      <c r="J39596" s="1" t="s">
        <v>135763</v>
      </c>
    </row>
    <row r="39597" spans="1:10" x14ac:dyDescent="0.35">
      <c r="A39597" s="1" t="s">
        <v>25849</v>
      </c>
      <c r="B39597" s="1" t="s">
        <v>134927</v>
      </c>
      <c r="C39597" s="1" t="s">
        <v>150</v>
      </c>
      <c r="D39597" s="1" t="s">
        <v>135764</v>
      </c>
      <c r="E39597" s="1" t="s">
        <v>135765</v>
      </c>
      <c r="F39597" s="1" t="s">
        <v>135766</v>
      </c>
      <c r="G39597" s="1" t="s">
        <v>135689</v>
      </c>
      <c r="H39597" s="1" t="s">
        <v>135690</v>
      </c>
      <c r="I39597" s="1" t="s">
        <v>134931</v>
      </c>
      <c r="J39597" s="1" t="s">
        <v>135767</v>
      </c>
    </row>
    <row r="39598" spans="1:10" x14ac:dyDescent="0.35">
      <c r="A39598" s="1" t="s">
        <v>25849</v>
      </c>
      <c r="B39598" s="1" t="s">
        <v>134927</v>
      </c>
      <c r="C39598" s="1" t="s">
        <v>155</v>
      </c>
      <c r="D39598" s="1" t="s">
        <v>135768</v>
      </c>
      <c r="E39598" s="1" t="s">
        <v>135769</v>
      </c>
      <c r="F39598" s="1" t="s">
        <v>135770</v>
      </c>
      <c r="G39598" s="1" t="s">
        <v>135689</v>
      </c>
      <c r="H39598" s="1" t="s">
        <v>135690</v>
      </c>
      <c r="I39598" s="1" t="s">
        <v>134931</v>
      </c>
      <c r="J39598" s="1" t="s">
        <v>135771</v>
      </c>
    </row>
    <row r="39599" spans="1:10" x14ac:dyDescent="0.35">
      <c r="A39599" s="1" t="s">
        <v>25849</v>
      </c>
      <c r="B39599" s="1" t="s">
        <v>134927</v>
      </c>
      <c r="C39599" s="1" t="s">
        <v>160</v>
      </c>
      <c r="D39599" s="1" t="s">
        <v>19548</v>
      </c>
      <c r="E39599" s="1" t="s">
        <v>135772</v>
      </c>
      <c r="F39599" s="1" t="s">
        <v>135773</v>
      </c>
      <c r="G39599" s="1" t="s">
        <v>135689</v>
      </c>
      <c r="H39599" s="1" t="s">
        <v>135690</v>
      </c>
      <c r="I39599" s="1" t="s">
        <v>134931</v>
      </c>
      <c r="J39599" s="1" t="s">
        <v>135774</v>
      </c>
    </row>
    <row r="39600" spans="1:10" x14ac:dyDescent="0.35">
      <c r="A39600" s="1" t="s">
        <v>25849</v>
      </c>
      <c r="B39600" s="1" t="s">
        <v>134927</v>
      </c>
      <c r="C39600" s="1" t="s">
        <v>165</v>
      </c>
      <c r="D39600" s="1" t="s">
        <v>45519</v>
      </c>
      <c r="E39600" s="1" t="s">
        <v>78656</v>
      </c>
      <c r="F39600" s="1" t="s">
        <v>135775</v>
      </c>
      <c r="G39600" s="1" t="s">
        <v>135689</v>
      </c>
      <c r="H39600" s="1" t="s">
        <v>135690</v>
      </c>
      <c r="I39600" s="1" t="s">
        <v>134931</v>
      </c>
      <c r="J39600" s="1" t="s">
        <v>135776</v>
      </c>
    </row>
    <row r="39601" spans="1:10" x14ac:dyDescent="0.35">
      <c r="A39601" s="1" t="s">
        <v>25849</v>
      </c>
      <c r="B39601" s="1" t="s">
        <v>134927</v>
      </c>
      <c r="C39601" s="1" t="s">
        <v>170</v>
      </c>
      <c r="D39601" s="1" t="s">
        <v>135777</v>
      </c>
      <c r="E39601" s="1" t="s">
        <v>135778</v>
      </c>
      <c r="F39601" s="1" t="s">
        <v>135779</v>
      </c>
      <c r="G39601" s="1" t="s">
        <v>135689</v>
      </c>
      <c r="H39601" s="1" t="s">
        <v>135690</v>
      </c>
      <c r="I39601" s="1" t="s">
        <v>134931</v>
      </c>
      <c r="J39601" s="1" t="s">
        <v>135780</v>
      </c>
    </row>
    <row r="39602" spans="1:10" x14ac:dyDescent="0.35">
      <c r="A39602" s="1" t="s">
        <v>10444</v>
      </c>
      <c r="B39602" s="1" t="s">
        <v>134927</v>
      </c>
      <c r="C39602" s="1" t="s">
        <v>8</v>
      </c>
      <c r="D39602" s="1" t="s">
        <v>37554</v>
      </c>
      <c r="E39602" s="1" t="s">
        <v>135781</v>
      </c>
      <c r="F39602" s="1" t="s">
        <v>135782</v>
      </c>
      <c r="G39602" s="1" t="s">
        <v>135783</v>
      </c>
      <c r="H39602" s="1" t="s">
        <v>135784</v>
      </c>
      <c r="I39602" s="1" t="s">
        <v>134931</v>
      </c>
      <c r="J39602" s="1" t="s">
        <v>13</v>
      </c>
    </row>
    <row r="39603" spans="1:10" x14ac:dyDescent="0.35">
      <c r="A39603" s="1" t="s">
        <v>10444</v>
      </c>
      <c r="B39603" s="1" t="s">
        <v>134927</v>
      </c>
      <c r="C39603" s="1" t="s">
        <v>15</v>
      </c>
      <c r="D39603" s="1" t="s">
        <v>7984</v>
      </c>
      <c r="E39603" s="1" t="s">
        <v>135785</v>
      </c>
      <c r="F39603" s="1" t="s">
        <v>135786</v>
      </c>
      <c r="G39603" s="1" t="s">
        <v>135783</v>
      </c>
      <c r="H39603" s="1" t="s">
        <v>135784</v>
      </c>
      <c r="I39603" s="1" t="s">
        <v>134931</v>
      </c>
      <c r="J39603" s="1" t="s">
        <v>135787</v>
      </c>
    </row>
    <row r="39604" spans="1:10" x14ac:dyDescent="0.35">
      <c r="A39604" s="1" t="s">
        <v>10444</v>
      </c>
      <c r="B39604" s="1" t="s">
        <v>134927</v>
      </c>
      <c r="C39604" s="1" t="s">
        <v>20</v>
      </c>
      <c r="D39604" s="1" t="s">
        <v>42878</v>
      </c>
      <c r="E39604" s="1" t="s">
        <v>135788</v>
      </c>
      <c r="F39604" s="1" t="s">
        <v>135789</v>
      </c>
      <c r="G39604" s="1" t="s">
        <v>135783</v>
      </c>
      <c r="H39604" s="1" t="s">
        <v>135784</v>
      </c>
      <c r="I39604" s="1" t="s">
        <v>134931</v>
      </c>
      <c r="J39604" s="1" t="s">
        <v>135790</v>
      </c>
    </row>
    <row r="39605" spans="1:10" x14ac:dyDescent="0.35">
      <c r="A39605" s="1" t="s">
        <v>10444</v>
      </c>
      <c r="B39605" s="1" t="s">
        <v>134927</v>
      </c>
      <c r="C39605" s="1" t="s">
        <v>25</v>
      </c>
      <c r="D39605" s="1" t="s">
        <v>36761</v>
      </c>
      <c r="E39605" s="1" t="s">
        <v>135791</v>
      </c>
      <c r="F39605" s="1" t="s">
        <v>135792</v>
      </c>
      <c r="G39605" s="1" t="s">
        <v>135783</v>
      </c>
      <c r="H39605" s="1" t="s">
        <v>135784</v>
      </c>
      <c r="I39605" s="1" t="s">
        <v>134931</v>
      </c>
      <c r="J39605" s="1" t="s">
        <v>135793</v>
      </c>
    </row>
    <row r="39606" spans="1:10" x14ac:dyDescent="0.35">
      <c r="A39606" s="1" t="s">
        <v>10444</v>
      </c>
      <c r="B39606" s="1" t="s">
        <v>134927</v>
      </c>
      <c r="C39606" s="1" t="s">
        <v>30</v>
      </c>
      <c r="D39606" s="1" t="s">
        <v>37747</v>
      </c>
      <c r="E39606" s="1" t="s">
        <v>135794</v>
      </c>
      <c r="F39606" s="1" t="s">
        <v>135795</v>
      </c>
      <c r="G39606" s="1" t="s">
        <v>135783</v>
      </c>
      <c r="H39606" s="1" t="s">
        <v>135784</v>
      </c>
      <c r="I39606" s="1" t="s">
        <v>134931</v>
      </c>
      <c r="J39606" s="1" t="s">
        <v>135796</v>
      </c>
    </row>
    <row r="39607" spans="1:10" x14ac:dyDescent="0.35">
      <c r="A39607" s="1" t="s">
        <v>10444</v>
      </c>
      <c r="B39607" s="1" t="s">
        <v>134927</v>
      </c>
      <c r="C39607" s="1" t="s">
        <v>35</v>
      </c>
      <c r="D39607" s="1" t="s">
        <v>47354</v>
      </c>
      <c r="E39607" s="1" t="s">
        <v>135797</v>
      </c>
      <c r="F39607" s="1" t="s">
        <v>135798</v>
      </c>
      <c r="G39607" s="1" t="s">
        <v>135783</v>
      </c>
      <c r="H39607" s="1" t="s">
        <v>135784</v>
      </c>
      <c r="I39607" s="1" t="s">
        <v>134931</v>
      </c>
      <c r="J39607" s="1" t="s">
        <v>135799</v>
      </c>
    </row>
    <row r="39608" spans="1:10" x14ac:dyDescent="0.35">
      <c r="A39608" s="1" t="s">
        <v>10444</v>
      </c>
      <c r="B39608" s="1" t="s">
        <v>134927</v>
      </c>
      <c r="C39608" s="1" t="s">
        <v>40</v>
      </c>
      <c r="D39608" s="1" t="s">
        <v>5774</v>
      </c>
      <c r="E39608" s="1" t="s">
        <v>135800</v>
      </c>
      <c r="F39608" s="1" t="s">
        <v>135801</v>
      </c>
      <c r="G39608" s="1" t="s">
        <v>135783</v>
      </c>
      <c r="H39608" s="1" t="s">
        <v>135784</v>
      </c>
      <c r="I39608" s="1" t="s">
        <v>134931</v>
      </c>
      <c r="J39608" s="1" t="s">
        <v>135802</v>
      </c>
    </row>
    <row r="39609" spans="1:10" x14ac:dyDescent="0.35">
      <c r="A39609" s="1" t="s">
        <v>10444</v>
      </c>
      <c r="B39609" s="1" t="s">
        <v>134927</v>
      </c>
      <c r="C39609" s="1" t="s">
        <v>45</v>
      </c>
      <c r="D39609" s="1" t="s">
        <v>135803</v>
      </c>
      <c r="E39609" s="1" t="s">
        <v>135804</v>
      </c>
      <c r="F39609" s="1" t="s">
        <v>135805</v>
      </c>
      <c r="G39609" s="1" t="s">
        <v>135783</v>
      </c>
      <c r="H39609" s="1" t="s">
        <v>135784</v>
      </c>
      <c r="I39609" s="1" t="s">
        <v>134931</v>
      </c>
      <c r="J39609" s="1" t="s">
        <v>135806</v>
      </c>
    </row>
    <row r="39610" spans="1:10" x14ac:dyDescent="0.35">
      <c r="A39610" s="1" t="s">
        <v>10444</v>
      </c>
      <c r="B39610" s="1" t="s">
        <v>134927</v>
      </c>
      <c r="C39610" s="1" t="s">
        <v>50</v>
      </c>
      <c r="D39610" s="1" t="s">
        <v>74988</v>
      </c>
      <c r="E39610" s="1" t="s">
        <v>135807</v>
      </c>
      <c r="F39610" s="1" t="s">
        <v>135808</v>
      </c>
      <c r="G39610" s="1" t="s">
        <v>135783</v>
      </c>
      <c r="H39610" s="1" t="s">
        <v>135784</v>
      </c>
      <c r="I39610" s="1" t="s">
        <v>134931</v>
      </c>
      <c r="J39610" s="1" t="s">
        <v>135809</v>
      </c>
    </row>
    <row r="39611" spans="1:10" x14ac:dyDescent="0.35">
      <c r="A39611" s="1" t="s">
        <v>10444</v>
      </c>
      <c r="B39611" s="1" t="s">
        <v>134927</v>
      </c>
      <c r="C39611" s="1" t="s">
        <v>55</v>
      </c>
      <c r="D39611" s="1" t="s">
        <v>70777</v>
      </c>
      <c r="E39611" s="1" t="s">
        <v>135810</v>
      </c>
      <c r="F39611" s="1" t="s">
        <v>135811</v>
      </c>
      <c r="G39611" s="1" t="s">
        <v>135783</v>
      </c>
      <c r="H39611" s="1" t="s">
        <v>135784</v>
      </c>
      <c r="I39611" s="1" t="s">
        <v>134931</v>
      </c>
      <c r="J39611" s="1" t="s">
        <v>135812</v>
      </c>
    </row>
    <row r="39612" spans="1:10" x14ac:dyDescent="0.35">
      <c r="A39612" s="1" t="s">
        <v>10444</v>
      </c>
      <c r="B39612" s="1" t="s">
        <v>134927</v>
      </c>
      <c r="C39612" s="1" t="s">
        <v>60</v>
      </c>
      <c r="D39612" s="1" t="s">
        <v>111776</v>
      </c>
      <c r="E39612" s="1" t="s">
        <v>135813</v>
      </c>
      <c r="F39612" s="1" t="s">
        <v>135814</v>
      </c>
      <c r="G39612" s="1" t="s">
        <v>135783</v>
      </c>
      <c r="H39612" s="1" t="s">
        <v>135784</v>
      </c>
      <c r="I39612" s="1" t="s">
        <v>134931</v>
      </c>
      <c r="J39612" s="1" t="s">
        <v>135815</v>
      </c>
    </row>
    <row r="39613" spans="1:10" x14ac:dyDescent="0.35">
      <c r="A39613" s="1" t="s">
        <v>10444</v>
      </c>
      <c r="B39613" s="1" t="s">
        <v>134927</v>
      </c>
      <c r="C39613" s="1" t="s">
        <v>65</v>
      </c>
      <c r="D39613" s="1" t="s">
        <v>83404</v>
      </c>
      <c r="E39613" s="1" t="s">
        <v>135816</v>
      </c>
      <c r="F39613" s="1" t="s">
        <v>135817</v>
      </c>
      <c r="G39613" s="1" t="s">
        <v>135783</v>
      </c>
      <c r="H39613" s="1" t="s">
        <v>135784</v>
      </c>
      <c r="I39613" s="1" t="s">
        <v>134931</v>
      </c>
      <c r="J39613" s="1" t="s">
        <v>135818</v>
      </c>
    </row>
    <row r="39614" spans="1:10" x14ac:dyDescent="0.35">
      <c r="A39614" s="1" t="s">
        <v>10444</v>
      </c>
      <c r="B39614" s="1" t="s">
        <v>134927</v>
      </c>
      <c r="C39614" s="1" t="s">
        <v>70</v>
      </c>
      <c r="D39614" s="1" t="s">
        <v>118730</v>
      </c>
      <c r="E39614" s="1" t="s">
        <v>135819</v>
      </c>
      <c r="F39614" s="1" t="s">
        <v>135820</v>
      </c>
      <c r="G39614" s="1" t="s">
        <v>135783</v>
      </c>
      <c r="H39614" s="1" t="s">
        <v>135784</v>
      </c>
      <c r="I39614" s="1" t="s">
        <v>134931</v>
      </c>
      <c r="J39614" s="1" t="s">
        <v>135821</v>
      </c>
    </row>
    <row r="39615" spans="1:10" x14ac:dyDescent="0.35">
      <c r="A39615" s="1" t="s">
        <v>10444</v>
      </c>
      <c r="B39615" s="1" t="s">
        <v>134927</v>
      </c>
      <c r="C39615" s="1" t="s">
        <v>75</v>
      </c>
      <c r="D39615" s="1" t="s">
        <v>135822</v>
      </c>
      <c r="E39615" s="1" t="s">
        <v>135823</v>
      </c>
      <c r="F39615" s="1" t="s">
        <v>135824</v>
      </c>
      <c r="G39615" s="1" t="s">
        <v>135783</v>
      </c>
      <c r="H39615" s="1" t="s">
        <v>135784</v>
      </c>
      <c r="I39615" s="1" t="s">
        <v>134931</v>
      </c>
      <c r="J39615" s="1" t="s">
        <v>135825</v>
      </c>
    </row>
    <row r="39616" spans="1:10" x14ac:dyDescent="0.35">
      <c r="A39616" s="1" t="s">
        <v>10444</v>
      </c>
      <c r="B39616" s="1" t="s">
        <v>134927</v>
      </c>
      <c r="C39616" s="1" t="s">
        <v>80</v>
      </c>
      <c r="D39616" s="1" t="s">
        <v>135826</v>
      </c>
      <c r="E39616" s="1" t="s">
        <v>135827</v>
      </c>
      <c r="F39616" s="1" t="s">
        <v>135828</v>
      </c>
      <c r="G39616" s="1" t="s">
        <v>135783</v>
      </c>
      <c r="H39616" s="1" t="s">
        <v>135784</v>
      </c>
      <c r="I39616" s="1" t="s">
        <v>134931</v>
      </c>
      <c r="J39616" s="1" t="s">
        <v>135829</v>
      </c>
    </row>
    <row r="39617" spans="1:10" x14ac:dyDescent="0.35">
      <c r="A39617" s="1" t="s">
        <v>10444</v>
      </c>
      <c r="B39617" s="1" t="s">
        <v>134927</v>
      </c>
      <c r="C39617" s="1" t="s">
        <v>85</v>
      </c>
      <c r="D39617" s="1" t="s">
        <v>35055</v>
      </c>
      <c r="E39617" s="1" t="s">
        <v>135830</v>
      </c>
      <c r="F39617" s="1" t="s">
        <v>135831</v>
      </c>
      <c r="G39617" s="1" t="s">
        <v>135783</v>
      </c>
      <c r="H39617" s="1" t="s">
        <v>135784</v>
      </c>
      <c r="I39617" s="1" t="s">
        <v>134931</v>
      </c>
      <c r="J39617" s="1" t="s">
        <v>135832</v>
      </c>
    </row>
    <row r="39618" spans="1:10" x14ac:dyDescent="0.35">
      <c r="A39618" s="1" t="s">
        <v>10444</v>
      </c>
      <c r="B39618" s="1" t="s">
        <v>134927</v>
      </c>
      <c r="C39618" s="1" t="s">
        <v>90</v>
      </c>
      <c r="D39618" s="1" t="s">
        <v>135833</v>
      </c>
      <c r="E39618" s="1" t="s">
        <v>135834</v>
      </c>
      <c r="F39618" s="1" t="s">
        <v>135835</v>
      </c>
      <c r="G39618" s="1" t="s">
        <v>135783</v>
      </c>
      <c r="H39618" s="1" t="s">
        <v>135784</v>
      </c>
      <c r="I39618" s="1" t="s">
        <v>134931</v>
      </c>
      <c r="J39618" s="1" t="s">
        <v>135836</v>
      </c>
    </row>
    <row r="39619" spans="1:10" x14ac:dyDescent="0.35">
      <c r="A39619" s="1" t="s">
        <v>10444</v>
      </c>
      <c r="B39619" s="1" t="s">
        <v>134927</v>
      </c>
      <c r="C39619" s="1" t="s">
        <v>95</v>
      </c>
      <c r="D39619" s="1" t="s">
        <v>116098</v>
      </c>
      <c r="E39619" s="1" t="s">
        <v>135837</v>
      </c>
      <c r="F39619" s="1" t="s">
        <v>135838</v>
      </c>
      <c r="G39619" s="1" t="s">
        <v>135783</v>
      </c>
      <c r="H39619" s="1" t="s">
        <v>135784</v>
      </c>
      <c r="I39619" s="1" t="s">
        <v>134931</v>
      </c>
      <c r="J39619" s="1" t="s">
        <v>135839</v>
      </c>
    </row>
    <row r="39620" spans="1:10" x14ac:dyDescent="0.35">
      <c r="A39620" s="1" t="s">
        <v>10444</v>
      </c>
      <c r="B39620" s="1" t="s">
        <v>134927</v>
      </c>
      <c r="C39620" s="1" t="s">
        <v>100</v>
      </c>
      <c r="D39620" s="1" t="s">
        <v>135840</v>
      </c>
      <c r="E39620" s="1" t="s">
        <v>135841</v>
      </c>
      <c r="F39620" s="1" t="s">
        <v>135842</v>
      </c>
      <c r="G39620" s="1" t="s">
        <v>135783</v>
      </c>
      <c r="H39620" s="1" t="s">
        <v>135784</v>
      </c>
      <c r="I39620" s="1" t="s">
        <v>134931</v>
      </c>
      <c r="J39620" s="1" t="s">
        <v>135843</v>
      </c>
    </row>
    <row r="39621" spans="1:10" x14ac:dyDescent="0.35">
      <c r="A39621" s="1" t="s">
        <v>10444</v>
      </c>
      <c r="B39621" s="1" t="s">
        <v>134927</v>
      </c>
      <c r="C39621" s="1" t="s">
        <v>105</v>
      </c>
      <c r="D39621" s="1" t="s">
        <v>135844</v>
      </c>
      <c r="E39621" s="1" t="s">
        <v>135845</v>
      </c>
      <c r="F39621" s="1" t="s">
        <v>135846</v>
      </c>
      <c r="G39621" s="1" t="s">
        <v>135783</v>
      </c>
      <c r="H39621" s="1" t="s">
        <v>135784</v>
      </c>
      <c r="I39621" s="1" t="s">
        <v>134931</v>
      </c>
      <c r="J39621" s="1" t="s">
        <v>135847</v>
      </c>
    </row>
    <row r="39622" spans="1:10" x14ac:dyDescent="0.35">
      <c r="A39622" s="1" t="s">
        <v>10444</v>
      </c>
      <c r="B39622" s="1" t="s">
        <v>134927</v>
      </c>
      <c r="C39622" s="1" t="s">
        <v>110</v>
      </c>
      <c r="D39622" s="1" t="s">
        <v>17809</v>
      </c>
      <c r="E39622" s="1" t="s">
        <v>135848</v>
      </c>
      <c r="F39622" s="1" t="s">
        <v>135849</v>
      </c>
      <c r="G39622" s="1" t="s">
        <v>135783</v>
      </c>
      <c r="H39622" s="1" t="s">
        <v>135784</v>
      </c>
      <c r="I39622" s="1" t="s">
        <v>134931</v>
      </c>
      <c r="J39622" s="1" t="s">
        <v>135850</v>
      </c>
    </row>
    <row r="39623" spans="1:10" x14ac:dyDescent="0.35">
      <c r="A39623" s="1" t="s">
        <v>10444</v>
      </c>
      <c r="B39623" s="1" t="s">
        <v>134927</v>
      </c>
      <c r="C39623" s="1" t="s">
        <v>115</v>
      </c>
      <c r="D39623" s="1" t="s">
        <v>135851</v>
      </c>
      <c r="E39623" s="1" t="s">
        <v>135852</v>
      </c>
      <c r="F39623" s="1" t="s">
        <v>135853</v>
      </c>
      <c r="G39623" s="1" t="s">
        <v>135783</v>
      </c>
      <c r="H39623" s="1" t="s">
        <v>135784</v>
      </c>
      <c r="I39623" s="1" t="s">
        <v>134931</v>
      </c>
      <c r="J39623" s="1" t="s">
        <v>135854</v>
      </c>
    </row>
    <row r="39624" spans="1:10" x14ac:dyDescent="0.35">
      <c r="A39624" s="1" t="s">
        <v>10444</v>
      </c>
      <c r="B39624" s="1" t="s">
        <v>134927</v>
      </c>
      <c r="C39624" s="1" t="s">
        <v>120</v>
      </c>
      <c r="D39624" s="1" t="s">
        <v>126126</v>
      </c>
      <c r="E39624" s="1" t="s">
        <v>135855</v>
      </c>
      <c r="F39624" s="1" t="s">
        <v>135856</v>
      </c>
      <c r="G39624" s="1" t="s">
        <v>135783</v>
      </c>
      <c r="H39624" s="1" t="s">
        <v>135784</v>
      </c>
      <c r="I39624" s="1" t="s">
        <v>134931</v>
      </c>
      <c r="J39624" s="1" t="s">
        <v>135857</v>
      </c>
    </row>
    <row r="39625" spans="1:10" x14ac:dyDescent="0.35">
      <c r="A39625" s="1" t="s">
        <v>10444</v>
      </c>
      <c r="B39625" s="1" t="s">
        <v>134927</v>
      </c>
      <c r="C39625" s="1" t="s">
        <v>125</v>
      </c>
      <c r="D39625" s="1" t="s">
        <v>135858</v>
      </c>
      <c r="E39625" s="1" t="s">
        <v>135859</v>
      </c>
      <c r="F39625" s="1" t="s">
        <v>135860</v>
      </c>
      <c r="G39625" s="1" t="s">
        <v>135783</v>
      </c>
      <c r="H39625" s="1" t="s">
        <v>135784</v>
      </c>
      <c r="I39625" s="1" t="s">
        <v>134931</v>
      </c>
      <c r="J39625" s="1" t="s">
        <v>135861</v>
      </c>
    </row>
    <row r="39626" spans="1:10" x14ac:dyDescent="0.35">
      <c r="A39626" s="1" t="s">
        <v>10444</v>
      </c>
      <c r="B39626" s="1" t="s">
        <v>134927</v>
      </c>
      <c r="C39626" s="1" t="s">
        <v>130</v>
      </c>
      <c r="D39626" s="1" t="s">
        <v>135862</v>
      </c>
      <c r="E39626" s="1" t="s">
        <v>135863</v>
      </c>
      <c r="F39626" s="1" t="s">
        <v>135864</v>
      </c>
      <c r="G39626" s="1" t="s">
        <v>135783</v>
      </c>
      <c r="H39626" s="1" t="s">
        <v>135784</v>
      </c>
      <c r="I39626" s="1" t="s">
        <v>134931</v>
      </c>
      <c r="J39626" s="1" t="s">
        <v>135865</v>
      </c>
    </row>
    <row r="39627" spans="1:10" x14ac:dyDescent="0.35">
      <c r="A39627" s="1" t="s">
        <v>10444</v>
      </c>
      <c r="B39627" s="1" t="s">
        <v>134927</v>
      </c>
      <c r="C39627" s="1" t="s">
        <v>135</v>
      </c>
      <c r="D39627" s="1" t="s">
        <v>135866</v>
      </c>
      <c r="E39627" s="1" t="s">
        <v>135867</v>
      </c>
      <c r="F39627" s="1" t="s">
        <v>135868</v>
      </c>
      <c r="G39627" s="1" t="s">
        <v>135783</v>
      </c>
      <c r="H39627" s="1" t="s">
        <v>135784</v>
      </c>
      <c r="I39627" s="1" t="s">
        <v>134931</v>
      </c>
      <c r="J39627" s="1" t="s">
        <v>135869</v>
      </c>
    </row>
    <row r="39628" spans="1:10" x14ac:dyDescent="0.35">
      <c r="A39628" s="1" t="s">
        <v>10444</v>
      </c>
      <c r="B39628" s="1" t="s">
        <v>134927</v>
      </c>
      <c r="C39628" s="1" t="s">
        <v>140</v>
      </c>
      <c r="D39628" s="1" t="s">
        <v>48724</v>
      </c>
      <c r="E39628" s="1" t="s">
        <v>135870</v>
      </c>
      <c r="F39628" s="1" t="s">
        <v>135871</v>
      </c>
      <c r="G39628" s="1" t="s">
        <v>135783</v>
      </c>
      <c r="H39628" s="1" t="s">
        <v>135784</v>
      </c>
      <c r="I39628" s="1" t="s">
        <v>134931</v>
      </c>
      <c r="J39628" s="1" t="s">
        <v>135872</v>
      </c>
    </row>
    <row r="39629" spans="1:10" x14ac:dyDescent="0.35">
      <c r="A39629" s="1" t="s">
        <v>10444</v>
      </c>
      <c r="B39629" s="1" t="s">
        <v>134927</v>
      </c>
      <c r="C39629" s="1" t="s">
        <v>145</v>
      </c>
      <c r="D39629" s="1" t="s">
        <v>135873</v>
      </c>
      <c r="E39629" s="1" t="s">
        <v>135874</v>
      </c>
      <c r="F39629" s="1" t="s">
        <v>135875</v>
      </c>
      <c r="G39629" s="1" t="s">
        <v>135783</v>
      </c>
      <c r="H39629" s="1" t="s">
        <v>135784</v>
      </c>
      <c r="I39629" s="1" t="s">
        <v>134931</v>
      </c>
      <c r="J39629" s="1" t="s">
        <v>135876</v>
      </c>
    </row>
    <row r="39630" spans="1:10" x14ac:dyDescent="0.35">
      <c r="A39630" s="1" t="s">
        <v>10444</v>
      </c>
      <c r="B39630" s="1" t="s">
        <v>134927</v>
      </c>
      <c r="C39630" s="1" t="s">
        <v>150</v>
      </c>
      <c r="D39630" s="1" t="s">
        <v>34965</v>
      </c>
      <c r="E39630" s="1" t="s">
        <v>135877</v>
      </c>
      <c r="F39630" s="1" t="s">
        <v>135878</v>
      </c>
      <c r="G39630" s="1" t="s">
        <v>135783</v>
      </c>
      <c r="H39630" s="1" t="s">
        <v>135784</v>
      </c>
      <c r="I39630" s="1" t="s">
        <v>134931</v>
      </c>
      <c r="J39630" s="1" t="s">
        <v>135879</v>
      </c>
    </row>
    <row r="39631" spans="1:10" x14ac:dyDescent="0.35">
      <c r="A39631" s="1" t="s">
        <v>10444</v>
      </c>
      <c r="B39631" s="1" t="s">
        <v>134927</v>
      </c>
      <c r="C39631" s="1" t="s">
        <v>155</v>
      </c>
      <c r="D39631" s="1" t="s">
        <v>135880</v>
      </c>
      <c r="E39631" s="1" t="s">
        <v>135881</v>
      </c>
      <c r="F39631" s="1" t="s">
        <v>135882</v>
      </c>
      <c r="G39631" s="1" t="s">
        <v>135783</v>
      </c>
      <c r="H39631" s="1" t="s">
        <v>135784</v>
      </c>
      <c r="I39631" s="1" t="s">
        <v>134931</v>
      </c>
      <c r="J39631" s="1" t="s">
        <v>135883</v>
      </c>
    </row>
    <row r="39632" spans="1:10" x14ac:dyDescent="0.35">
      <c r="A39632" s="1" t="s">
        <v>10444</v>
      </c>
      <c r="B39632" s="1" t="s">
        <v>134927</v>
      </c>
      <c r="C39632" s="1" t="s">
        <v>160</v>
      </c>
      <c r="D39632" s="1" t="s">
        <v>135884</v>
      </c>
      <c r="E39632" s="1" t="s">
        <v>135885</v>
      </c>
      <c r="F39632" s="1" t="s">
        <v>135886</v>
      </c>
      <c r="G39632" s="1" t="s">
        <v>135783</v>
      </c>
      <c r="H39632" s="1" t="s">
        <v>135784</v>
      </c>
      <c r="I39632" s="1" t="s">
        <v>134931</v>
      </c>
      <c r="J39632" s="1" t="s">
        <v>135887</v>
      </c>
    </row>
    <row r="39633" spans="1:10" x14ac:dyDescent="0.35">
      <c r="A39633" s="1" t="s">
        <v>10444</v>
      </c>
      <c r="B39633" s="1" t="s">
        <v>134927</v>
      </c>
      <c r="C39633" s="1" t="s">
        <v>165</v>
      </c>
      <c r="D39633" s="1" t="s">
        <v>38838</v>
      </c>
      <c r="E39633" s="1" t="s">
        <v>135888</v>
      </c>
      <c r="F39633" s="1" t="s">
        <v>135889</v>
      </c>
      <c r="G39633" s="1" t="s">
        <v>135783</v>
      </c>
      <c r="H39633" s="1" t="s">
        <v>135784</v>
      </c>
      <c r="I39633" s="1" t="s">
        <v>134931</v>
      </c>
      <c r="J39633" s="1" t="s">
        <v>135890</v>
      </c>
    </row>
    <row r="39634" spans="1:10" x14ac:dyDescent="0.35">
      <c r="A39634" s="1" t="s">
        <v>10444</v>
      </c>
      <c r="B39634" s="1" t="s">
        <v>134927</v>
      </c>
      <c r="C39634" s="1" t="s">
        <v>170</v>
      </c>
      <c r="D39634" s="1" t="s">
        <v>35322</v>
      </c>
      <c r="E39634" s="1" t="s">
        <v>135891</v>
      </c>
      <c r="F39634" s="1" t="s">
        <v>135892</v>
      </c>
      <c r="G39634" s="1" t="s">
        <v>135783</v>
      </c>
      <c r="H39634" s="1" t="s">
        <v>135784</v>
      </c>
      <c r="I39634" s="1" t="s">
        <v>134931</v>
      </c>
      <c r="J39634" s="1" t="s">
        <v>135893</v>
      </c>
    </row>
    <row r="39635" spans="1:10" x14ac:dyDescent="0.35">
      <c r="A39635" s="1" t="s">
        <v>24961</v>
      </c>
      <c r="B39635" s="1" t="s">
        <v>135894</v>
      </c>
      <c r="C39635" s="1" t="s">
        <v>8</v>
      </c>
      <c r="D39635" s="1" t="s">
        <v>135895</v>
      </c>
      <c r="E39635" s="1" t="s">
        <v>135896</v>
      </c>
      <c r="F39635" s="1" t="s">
        <v>135897</v>
      </c>
      <c r="G39635" s="1" t="s">
        <v>135898</v>
      </c>
      <c r="H39635" s="1" t="s">
        <v>135899</v>
      </c>
      <c r="I39635" s="1" t="s">
        <v>135900</v>
      </c>
      <c r="J39635" s="1" t="s">
        <v>13</v>
      </c>
    </row>
    <row r="39636" spans="1:10" x14ac:dyDescent="0.35">
      <c r="A39636" s="1" t="s">
        <v>24961</v>
      </c>
      <c r="B39636" s="1" t="s">
        <v>135894</v>
      </c>
      <c r="C39636" s="1" t="s">
        <v>15</v>
      </c>
      <c r="D39636" s="1" t="s">
        <v>135901</v>
      </c>
      <c r="E39636" s="1" t="s">
        <v>135902</v>
      </c>
      <c r="F39636" s="1" t="s">
        <v>135903</v>
      </c>
      <c r="G39636" s="1" t="s">
        <v>135898</v>
      </c>
      <c r="H39636" s="1" t="s">
        <v>135899</v>
      </c>
      <c r="I39636" s="1" t="s">
        <v>135900</v>
      </c>
      <c r="J39636" s="1" t="s">
        <v>135904</v>
      </c>
    </row>
    <row r="39637" spans="1:10" x14ac:dyDescent="0.35">
      <c r="A39637" s="1" t="s">
        <v>24961</v>
      </c>
      <c r="B39637" s="1" t="s">
        <v>135894</v>
      </c>
      <c r="C39637" s="1" t="s">
        <v>20</v>
      </c>
      <c r="D39637" s="1" t="s">
        <v>135905</v>
      </c>
      <c r="E39637" s="1" t="s">
        <v>135906</v>
      </c>
      <c r="F39637" s="1" t="s">
        <v>135907</v>
      </c>
      <c r="G39637" s="1" t="s">
        <v>135898</v>
      </c>
      <c r="H39637" s="1" t="s">
        <v>135899</v>
      </c>
      <c r="I39637" s="1" t="s">
        <v>135900</v>
      </c>
      <c r="J39637" s="1" t="s">
        <v>135908</v>
      </c>
    </row>
    <row r="39638" spans="1:10" x14ac:dyDescent="0.35">
      <c r="A39638" s="1" t="s">
        <v>24961</v>
      </c>
      <c r="B39638" s="1" t="s">
        <v>135894</v>
      </c>
      <c r="C39638" s="1" t="s">
        <v>25</v>
      </c>
      <c r="D39638" s="1" t="s">
        <v>135909</v>
      </c>
      <c r="E39638" s="1" t="s">
        <v>135910</v>
      </c>
      <c r="F39638" s="1" t="s">
        <v>135911</v>
      </c>
      <c r="G39638" s="1" t="s">
        <v>135898</v>
      </c>
      <c r="H39638" s="1" t="s">
        <v>135899</v>
      </c>
      <c r="I39638" s="1" t="s">
        <v>135900</v>
      </c>
      <c r="J39638" s="1" t="s">
        <v>135912</v>
      </c>
    </row>
    <row r="39639" spans="1:10" x14ac:dyDescent="0.35">
      <c r="A39639" s="1" t="s">
        <v>24961</v>
      </c>
      <c r="B39639" s="1" t="s">
        <v>135894</v>
      </c>
      <c r="C39639" s="1" t="s">
        <v>30</v>
      </c>
      <c r="D39639" s="1" t="s">
        <v>135913</v>
      </c>
      <c r="E39639" s="1" t="s">
        <v>135914</v>
      </c>
      <c r="F39639" s="1" t="s">
        <v>135915</v>
      </c>
      <c r="G39639" s="1" t="s">
        <v>135898</v>
      </c>
      <c r="H39639" s="1" t="s">
        <v>135899</v>
      </c>
      <c r="I39639" s="1" t="s">
        <v>135900</v>
      </c>
      <c r="J39639" s="1" t="s">
        <v>135916</v>
      </c>
    </row>
    <row r="39640" spans="1:10" x14ac:dyDescent="0.35">
      <c r="A39640" s="1" t="s">
        <v>24961</v>
      </c>
      <c r="B39640" s="1" t="s">
        <v>135894</v>
      </c>
      <c r="C39640" s="1" t="s">
        <v>35</v>
      </c>
      <c r="D39640" s="1" t="s">
        <v>135917</v>
      </c>
      <c r="E39640" s="1" t="s">
        <v>135918</v>
      </c>
      <c r="F39640" s="1" t="s">
        <v>135919</v>
      </c>
      <c r="G39640" s="1" t="s">
        <v>135898</v>
      </c>
      <c r="H39640" s="1" t="s">
        <v>135899</v>
      </c>
      <c r="I39640" s="1" t="s">
        <v>135900</v>
      </c>
      <c r="J39640" s="1" t="s">
        <v>135920</v>
      </c>
    </row>
    <row r="39641" spans="1:10" x14ac:dyDescent="0.35">
      <c r="A39641" s="1" t="s">
        <v>24961</v>
      </c>
      <c r="B39641" s="1" t="s">
        <v>135894</v>
      </c>
      <c r="C39641" s="1" t="s">
        <v>40</v>
      </c>
      <c r="D39641" s="1" t="s">
        <v>135921</v>
      </c>
      <c r="E39641" s="1" t="s">
        <v>135922</v>
      </c>
      <c r="F39641" s="1" t="s">
        <v>135923</v>
      </c>
      <c r="G39641" s="1" t="s">
        <v>135898</v>
      </c>
      <c r="H39641" s="1" t="s">
        <v>135899</v>
      </c>
      <c r="I39641" s="1" t="s">
        <v>135900</v>
      </c>
      <c r="J39641" s="1" t="s">
        <v>135924</v>
      </c>
    </row>
    <row r="39642" spans="1:10" x14ac:dyDescent="0.35">
      <c r="A39642" s="1" t="s">
        <v>24961</v>
      </c>
      <c r="B39642" s="1" t="s">
        <v>135894</v>
      </c>
      <c r="C39642" s="1" t="s">
        <v>45</v>
      </c>
      <c r="D39642" s="1" t="s">
        <v>135925</v>
      </c>
      <c r="E39642" s="1" t="s">
        <v>135926</v>
      </c>
      <c r="F39642" s="1" t="s">
        <v>135927</v>
      </c>
      <c r="G39642" s="1" t="s">
        <v>135898</v>
      </c>
      <c r="H39642" s="1" t="s">
        <v>135899</v>
      </c>
      <c r="I39642" s="1" t="s">
        <v>135900</v>
      </c>
      <c r="J39642" s="1" t="s">
        <v>135928</v>
      </c>
    </row>
    <row r="39643" spans="1:10" x14ac:dyDescent="0.35">
      <c r="A39643" s="1" t="s">
        <v>24961</v>
      </c>
      <c r="B39643" s="1" t="s">
        <v>135894</v>
      </c>
      <c r="C39643" s="1" t="s">
        <v>50</v>
      </c>
      <c r="D39643" s="1" t="s">
        <v>92445</v>
      </c>
      <c r="E39643" s="1" t="s">
        <v>135929</v>
      </c>
      <c r="F39643" s="1" t="s">
        <v>135930</v>
      </c>
      <c r="G39643" s="1" t="s">
        <v>135898</v>
      </c>
      <c r="H39643" s="1" t="s">
        <v>135899</v>
      </c>
      <c r="I39643" s="1" t="s">
        <v>135900</v>
      </c>
      <c r="J39643" s="1" t="s">
        <v>135931</v>
      </c>
    </row>
    <row r="39644" spans="1:10" x14ac:dyDescent="0.35">
      <c r="A39644" s="1" t="s">
        <v>24961</v>
      </c>
      <c r="B39644" s="1" t="s">
        <v>135894</v>
      </c>
      <c r="C39644" s="1" t="s">
        <v>55</v>
      </c>
      <c r="D39644" s="1" t="s">
        <v>130452</v>
      </c>
      <c r="E39644" s="1" t="s">
        <v>135932</v>
      </c>
      <c r="F39644" s="1" t="s">
        <v>135933</v>
      </c>
      <c r="G39644" s="1" t="s">
        <v>135898</v>
      </c>
      <c r="H39644" s="1" t="s">
        <v>135899</v>
      </c>
      <c r="I39644" s="1" t="s">
        <v>135900</v>
      </c>
      <c r="J39644" s="1" t="s">
        <v>135934</v>
      </c>
    </row>
    <row r="39645" spans="1:10" x14ac:dyDescent="0.35">
      <c r="A39645" s="1" t="s">
        <v>24961</v>
      </c>
      <c r="B39645" s="1" t="s">
        <v>135894</v>
      </c>
      <c r="C39645" s="1" t="s">
        <v>60</v>
      </c>
      <c r="D39645" s="1" t="s">
        <v>135935</v>
      </c>
      <c r="E39645" s="1" t="s">
        <v>135936</v>
      </c>
      <c r="F39645" s="1" t="s">
        <v>135937</v>
      </c>
      <c r="G39645" s="1" t="s">
        <v>135898</v>
      </c>
      <c r="H39645" s="1" t="s">
        <v>135899</v>
      </c>
      <c r="I39645" s="1" t="s">
        <v>135900</v>
      </c>
      <c r="J39645" s="1" t="s">
        <v>135938</v>
      </c>
    </row>
    <row r="39646" spans="1:10" x14ac:dyDescent="0.35">
      <c r="A39646" s="1" t="s">
        <v>24961</v>
      </c>
      <c r="B39646" s="1" t="s">
        <v>135894</v>
      </c>
      <c r="C39646" s="1" t="s">
        <v>65</v>
      </c>
      <c r="D39646" s="1" t="s">
        <v>61033</v>
      </c>
      <c r="E39646" s="1" t="s">
        <v>135939</v>
      </c>
      <c r="F39646" s="1" t="s">
        <v>135940</v>
      </c>
      <c r="G39646" s="1" t="s">
        <v>135898</v>
      </c>
      <c r="H39646" s="1" t="s">
        <v>135899</v>
      </c>
      <c r="I39646" s="1" t="s">
        <v>135900</v>
      </c>
      <c r="J39646" s="1" t="s">
        <v>135941</v>
      </c>
    </row>
    <row r="39647" spans="1:10" x14ac:dyDescent="0.35">
      <c r="A39647" s="1" t="s">
        <v>24961</v>
      </c>
      <c r="B39647" s="1" t="s">
        <v>135894</v>
      </c>
      <c r="C39647" s="1" t="s">
        <v>70</v>
      </c>
      <c r="D39647" s="1" t="s">
        <v>58829</v>
      </c>
      <c r="E39647" s="1" t="s">
        <v>135942</v>
      </c>
      <c r="F39647" s="1" t="s">
        <v>135943</v>
      </c>
      <c r="G39647" s="1" t="s">
        <v>135898</v>
      </c>
      <c r="H39647" s="1" t="s">
        <v>135899</v>
      </c>
      <c r="I39647" s="1" t="s">
        <v>135900</v>
      </c>
      <c r="J39647" s="1" t="s">
        <v>135944</v>
      </c>
    </row>
    <row r="39648" spans="1:10" x14ac:dyDescent="0.35">
      <c r="A39648" s="1" t="s">
        <v>24961</v>
      </c>
      <c r="B39648" s="1" t="s">
        <v>135894</v>
      </c>
      <c r="C39648" s="1" t="s">
        <v>75</v>
      </c>
      <c r="D39648" s="1" t="s">
        <v>135945</v>
      </c>
      <c r="E39648" s="1" t="s">
        <v>135946</v>
      </c>
      <c r="F39648" s="1" t="s">
        <v>135947</v>
      </c>
      <c r="G39648" s="1" t="s">
        <v>135898</v>
      </c>
      <c r="H39648" s="1" t="s">
        <v>135899</v>
      </c>
      <c r="I39648" s="1" t="s">
        <v>135900</v>
      </c>
      <c r="J39648" s="1" t="s">
        <v>135948</v>
      </c>
    </row>
    <row r="39649" spans="1:10" x14ac:dyDescent="0.35">
      <c r="A39649" s="1" t="s">
        <v>24961</v>
      </c>
      <c r="B39649" s="1" t="s">
        <v>135894</v>
      </c>
      <c r="C39649" s="1" t="s">
        <v>80</v>
      </c>
      <c r="D39649" s="1" t="s">
        <v>135949</v>
      </c>
      <c r="E39649" s="1" t="s">
        <v>135950</v>
      </c>
      <c r="F39649" s="1" t="s">
        <v>135951</v>
      </c>
      <c r="G39649" s="1" t="s">
        <v>135898</v>
      </c>
      <c r="H39649" s="1" t="s">
        <v>135899</v>
      </c>
      <c r="I39649" s="1" t="s">
        <v>135900</v>
      </c>
      <c r="J39649" s="1" t="s">
        <v>135952</v>
      </c>
    </row>
    <row r="39650" spans="1:10" x14ac:dyDescent="0.35">
      <c r="A39650" s="1" t="s">
        <v>24961</v>
      </c>
      <c r="B39650" s="1" t="s">
        <v>135894</v>
      </c>
      <c r="C39650" s="1" t="s">
        <v>85</v>
      </c>
      <c r="D39650" s="1" t="s">
        <v>27254</v>
      </c>
      <c r="E39650" s="1" t="s">
        <v>135953</v>
      </c>
      <c r="F39650" s="1" t="s">
        <v>135954</v>
      </c>
      <c r="G39650" s="1" t="s">
        <v>135898</v>
      </c>
      <c r="H39650" s="1" t="s">
        <v>135899</v>
      </c>
      <c r="I39650" s="1" t="s">
        <v>135900</v>
      </c>
      <c r="J39650" s="1" t="s">
        <v>135955</v>
      </c>
    </row>
    <row r="39651" spans="1:10" x14ac:dyDescent="0.35">
      <c r="A39651" s="1" t="s">
        <v>24961</v>
      </c>
      <c r="B39651" s="1" t="s">
        <v>135894</v>
      </c>
      <c r="C39651" s="1" t="s">
        <v>90</v>
      </c>
      <c r="D39651" s="1" t="s">
        <v>135956</v>
      </c>
      <c r="E39651" s="1" t="s">
        <v>135957</v>
      </c>
      <c r="F39651" s="1" t="s">
        <v>135958</v>
      </c>
      <c r="G39651" s="1" t="s">
        <v>135898</v>
      </c>
      <c r="H39651" s="1" t="s">
        <v>135899</v>
      </c>
      <c r="I39651" s="1" t="s">
        <v>135900</v>
      </c>
      <c r="J39651" s="1" t="s">
        <v>135959</v>
      </c>
    </row>
    <row r="39652" spans="1:10" x14ac:dyDescent="0.35">
      <c r="A39652" s="1" t="s">
        <v>24961</v>
      </c>
      <c r="B39652" s="1" t="s">
        <v>135894</v>
      </c>
      <c r="C39652" s="1" t="s">
        <v>95</v>
      </c>
      <c r="D39652" s="1" t="s">
        <v>135960</v>
      </c>
      <c r="E39652" s="1" t="s">
        <v>135961</v>
      </c>
      <c r="F39652" s="1" t="s">
        <v>135962</v>
      </c>
      <c r="G39652" s="1" t="s">
        <v>135898</v>
      </c>
      <c r="H39652" s="1" t="s">
        <v>135899</v>
      </c>
      <c r="I39652" s="1" t="s">
        <v>135900</v>
      </c>
      <c r="J39652" s="1" t="s">
        <v>135963</v>
      </c>
    </row>
    <row r="39653" spans="1:10" x14ac:dyDescent="0.35">
      <c r="A39653" s="1" t="s">
        <v>24961</v>
      </c>
      <c r="B39653" s="1" t="s">
        <v>135894</v>
      </c>
      <c r="C39653" s="1" t="s">
        <v>100</v>
      </c>
      <c r="D39653" s="1" t="s">
        <v>70079</v>
      </c>
      <c r="E39653" s="1" t="s">
        <v>135964</v>
      </c>
      <c r="F39653" s="1" t="s">
        <v>135965</v>
      </c>
      <c r="G39653" s="1" t="s">
        <v>135898</v>
      </c>
      <c r="H39653" s="1" t="s">
        <v>135899</v>
      </c>
      <c r="I39653" s="1" t="s">
        <v>135900</v>
      </c>
      <c r="J39653" s="1" t="s">
        <v>135966</v>
      </c>
    </row>
    <row r="39654" spans="1:10" x14ac:dyDescent="0.35">
      <c r="A39654" s="1" t="s">
        <v>24961</v>
      </c>
      <c r="B39654" s="1" t="s">
        <v>135894</v>
      </c>
      <c r="C39654" s="1" t="s">
        <v>105</v>
      </c>
      <c r="D39654" s="1" t="s">
        <v>135967</v>
      </c>
      <c r="E39654" s="1" t="s">
        <v>135968</v>
      </c>
      <c r="F39654" s="1" t="s">
        <v>135969</v>
      </c>
      <c r="G39654" s="1" t="s">
        <v>135898</v>
      </c>
      <c r="H39654" s="1" t="s">
        <v>135899</v>
      </c>
      <c r="I39654" s="1" t="s">
        <v>135900</v>
      </c>
      <c r="J39654" s="1" t="s">
        <v>135970</v>
      </c>
    </row>
    <row r="39655" spans="1:10" x14ac:dyDescent="0.35">
      <c r="A39655" s="1" t="s">
        <v>24961</v>
      </c>
      <c r="B39655" s="1" t="s">
        <v>135894</v>
      </c>
      <c r="C39655" s="1" t="s">
        <v>110</v>
      </c>
      <c r="D39655" s="1" t="s">
        <v>65267</v>
      </c>
      <c r="E39655" s="1" t="s">
        <v>135971</v>
      </c>
      <c r="F39655" s="1" t="s">
        <v>135972</v>
      </c>
      <c r="G39655" s="1" t="s">
        <v>135898</v>
      </c>
      <c r="H39655" s="1" t="s">
        <v>135899</v>
      </c>
      <c r="I39655" s="1" t="s">
        <v>135900</v>
      </c>
      <c r="J39655" s="1" t="s">
        <v>135973</v>
      </c>
    </row>
    <row r="39656" spans="1:10" x14ac:dyDescent="0.35">
      <c r="A39656" s="1" t="s">
        <v>24961</v>
      </c>
      <c r="B39656" s="1" t="s">
        <v>135894</v>
      </c>
      <c r="C39656" s="1" t="s">
        <v>115</v>
      </c>
      <c r="D39656" s="1" t="s">
        <v>83959</v>
      </c>
      <c r="E39656" s="1" t="s">
        <v>135974</v>
      </c>
      <c r="F39656" s="1" t="s">
        <v>135975</v>
      </c>
      <c r="G39656" s="1" t="s">
        <v>135898</v>
      </c>
      <c r="H39656" s="1" t="s">
        <v>135899</v>
      </c>
      <c r="I39656" s="1" t="s">
        <v>135900</v>
      </c>
      <c r="J39656" s="1" t="s">
        <v>135976</v>
      </c>
    </row>
    <row r="39657" spans="1:10" x14ac:dyDescent="0.35">
      <c r="A39657" s="1" t="s">
        <v>24961</v>
      </c>
      <c r="B39657" s="1" t="s">
        <v>135894</v>
      </c>
      <c r="C39657" s="1" t="s">
        <v>120</v>
      </c>
      <c r="D39657" s="1" t="s">
        <v>135977</v>
      </c>
      <c r="E39657" s="1" t="s">
        <v>135978</v>
      </c>
      <c r="F39657" s="1" t="s">
        <v>135979</v>
      </c>
      <c r="G39657" s="1" t="s">
        <v>135898</v>
      </c>
      <c r="H39657" s="1" t="s">
        <v>135899</v>
      </c>
      <c r="I39657" s="1" t="s">
        <v>135900</v>
      </c>
      <c r="J39657" s="1" t="s">
        <v>135980</v>
      </c>
    </row>
    <row r="39658" spans="1:10" x14ac:dyDescent="0.35">
      <c r="A39658" s="1" t="s">
        <v>24961</v>
      </c>
      <c r="B39658" s="1" t="s">
        <v>135894</v>
      </c>
      <c r="C39658" s="1" t="s">
        <v>125</v>
      </c>
      <c r="D39658" s="1" t="s">
        <v>132089</v>
      </c>
      <c r="E39658" s="1" t="s">
        <v>135981</v>
      </c>
      <c r="F39658" s="1" t="s">
        <v>135982</v>
      </c>
      <c r="G39658" s="1" t="s">
        <v>135898</v>
      </c>
      <c r="H39658" s="1" t="s">
        <v>135899</v>
      </c>
      <c r="I39658" s="1" t="s">
        <v>135900</v>
      </c>
      <c r="J39658" s="1" t="s">
        <v>135983</v>
      </c>
    </row>
    <row r="39659" spans="1:10" x14ac:dyDescent="0.35">
      <c r="A39659" s="1" t="s">
        <v>24961</v>
      </c>
      <c r="B39659" s="1" t="s">
        <v>135894</v>
      </c>
      <c r="C39659" s="1" t="s">
        <v>130</v>
      </c>
      <c r="D39659" s="1" t="s">
        <v>135984</v>
      </c>
      <c r="E39659" s="1" t="s">
        <v>135985</v>
      </c>
      <c r="F39659" s="1" t="s">
        <v>135986</v>
      </c>
      <c r="G39659" s="1" t="s">
        <v>135898</v>
      </c>
      <c r="H39659" s="1" t="s">
        <v>135899</v>
      </c>
      <c r="I39659" s="1" t="s">
        <v>135900</v>
      </c>
      <c r="J39659" s="1" t="s">
        <v>135987</v>
      </c>
    </row>
    <row r="39660" spans="1:10" x14ac:dyDescent="0.35">
      <c r="A39660" s="1" t="s">
        <v>24961</v>
      </c>
      <c r="B39660" s="1" t="s">
        <v>135894</v>
      </c>
      <c r="C39660" s="1" t="s">
        <v>135</v>
      </c>
      <c r="D39660" s="1" t="s">
        <v>55465</v>
      </c>
      <c r="E39660" s="1" t="s">
        <v>135988</v>
      </c>
      <c r="F39660" s="1" t="s">
        <v>135989</v>
      </c>
      <c r="G39660" s="1" t="s">
        <v>135898</v>
      </c>
      <c r="H39660" s="1" t="s">
        <v>135899</v>
      </c>
      <c r="I39660" s="1" t="s">
        <v>135900</v>
      </c>
      <c r="J39660" s="1" t="s">
        <v>135990</v>
      </c>
    </row>
    <row r="39661" spans="1:10" x14ac:dyDescent="0.35">
      <c r="A39661" s="1" t="s">
        <v>24961</v>
      </c>
      <c r="B39661" s="1" t="s">
        <v>135894</v>
      </c>
      <c r="C39661" s="1" t="s">
        <v>140</v>
      </c>
      <c r="D39661" s="1" t="s">
        <v>135991</v>
      </c>
      <c r="E39661" s="1" t="s">
        <v>135992</v>
      </c>
      <c r="F39661" s="1" t="s">
        <v>135993</v>
      </c>
      <c r="G39661" s="1" t="s">
        <v>135898</v>
      </c>
      <c r="H39661" s="1" t="s">
        <v>135899</v>
      </c>
      <c r="I39661" s="1" t="s">
        <v>135900</v>
      </c>
      <c r="J39661" s="1" t="s">
        <v>135994</v>
      </c>
    </row>
    <row r="39662" spans="1:10" x14ac:dyDescent="0.35">
      <c r="A39662" s="1" t="s">
        <v>24961</v>
      </c>
      <c r="B39662" s="1" t="s">
        <v>135894</v>
      </c>
      <c r="C39662" s="1" t="s">
        <v>145</v>
      </c>
      <c r="D39662" s="1" t="s">
        <v>135995</v>
      </c>
      <c r="E39662" s="1" t="s">
        <v>135996</v>
      </c>
      <c r="F39662" s="1" t="s">
        <v>135997</v>
      </c>
      <c r="G39662" s="1" t="s">
        <v>135898</v>
      </c>
      <c r="H39662" s="1" t="s">
        <v>135899</v>
      </c>
      <c r="I39662" s="1" t="s">
        <v>135900</v>
      </c>
      <c r="J39662" s="1" t="s">
        <v>135998</v>
      </c>
    </row>
    <row r="39663" spans="1:10" x14ac:dyDescent="0.35">
      <c r="A39663" s="1" t="s">
        <v>24961</v>
      </c>
      <c r="B39663" s="1" t="s">
        <v>135894</v>
      </c>
      <c r="C39663" s="1" t="s">
        <v>150</v>
      </c>
      <c r="D39663" s="1" t="s">
        <v>135999</v>
      </c>
      <c r="E39663" s="1" t="s">
        <v>136000</v>
      </c>
      <c r="F39663" s="1" t="s">
        <v>136001</v>
      </c>
      <c r="G39663" s="1" t="s">
        <v>135898</v>
      </c>
      <c r="H39663" s="1" t="s">
        <v>135899</v>
      </c>
      <c r="I39663" s="1" t="s">
        <v>135900</v>
      </c>
      <c r="J39663" s="1" t="s">
        <v>136002</v>
      </c>
    </row>
    <row r="39664" spans="1:10" x14ac:dyDescent="0.35">
      <c r="A39664" s="1" t="s">
        <v>24961</v>
      </c>
      <c r="B39664" s="1" t="s">
        <v>135894</v>
      </c>
      <c r="C39664" s="1" t="s">
        <v>155</v>
      </c>
      <c r="D39664" s="1" t="s">
        <v>136003</v>
      </c>
      <c r="E39664" s="1" t="s">
        <v>136004</v>
      </c>
      <c r="F39664" s="1" t="s">
        <v>136005</v>
      </c>
      <c r="G39664" s="1" t="s">
        <v>135898</v>
      </c>
      <c r="H39664" s="1" t="s">
        <v>135899</v>
      </c>
      <c r="I39664" s="1" t="s">
        <v>135900</v>
      </c>
      <c r="J39664" s="1" t="s">
        <v>136006</v>
      </c>
    </row>
    <row r="39665" spans="1:10" x14ac:dyDescent="0.35">
      <c r="A39665" s="1" t="s">
        <v>24961</v>
      </c>
      <c r="B39665" s="1" t="s">
        <v>135894</v>
      </c>
      <c r="C39665" s="1" t="s">
        <v>160</v>
      </c>
      <c r="D39665" s="1" t="s">
        <v>136007</v>
      </c>
      <c r="E39665" s="1" t="s">
        <v>136008</v>
      </c>
      <c r="F39665" s="1" t="s">
        <v>136009</v>
      </c>
      <c r="G39665" s="1" t="s">
        <v>135898</v>
      </c>
      <c r="H39665" s="1" t="s">
        <v>135899</v>
      </c>
      <c r="I39665" s="1" t="s">
        <v>135900</v>
      </c>
      <c r="J39665" s="1" t="s">
        <v>136010</v>
      </c>
    </row>
    <row r="39666" spans="1:10" x14ac:dyDescent="0.35">
      <c r="A39666" s="1" t="s">
        <v>24961</v>
      </c>
      <c r="B39666" s="1" t="s">
        <v>135894</v>
      </c>
      <c r="C39666" s="1" t="s">
        <v>165</v>
      </c>
      <c r="D39666" s="1" t="s">
        <v>136011</v>
      </c>
      <c r="E39666" s="1" t="s">
        <v>136012</v>
      </c>
      <c r="F39666" s="1" t="s">
        <v>136013</v>
      </c>
      <c r="G39666" s="1" t="s">
        <v>135898</v>
      </c>
      <c r="H39666" s="1" t="s">
        <v>135899</v>
      </c>
      <c r="I39666" s="1" t="s">
        <v>135900</v>
      </c>
      <c r="J39666" s="1" t="s">
        <v>136014</v>
      </c>
    </row>
    <row r="39667" spans="1:10" x14ac:dyDescent="0.35">
      <c r="A39667" s="1" t="s">
        <v>24961</v>
      </c>
      <c r="B39667" s="1" t="s">
        <v>135894</v>
      </c>
      <c r="C39667" s="1" t="s">
        <v>170</v>
      </c>
      <c r="D39667" s="1" t="s">
        <v>96575</v>
      </c>
      <c r="E39667" s="1" t="s">
        <v>136015</v>
      </c>
      <c r="F39667" s="1" t="s">
        <v>136016</v>
      </c>
      <c r="G39667" s="1" t="s">
        <v>135898</v>
      </c>
      <c r="H39667" s="1" t="s">
        <v>135899</v>
      </c>
      <c r="I39667" s="1" t="s">
        <v>135900</v>
      </c>
      <c r="J39667" s="1" t="s">
        <v>136017</v>
      </c>
    </row>
    <row r="39668" spans="1:10" x14ac:dyDescent="0.35">
      <c r="A39668" s="1" t="s">
        <v>136018</v>
      </c>
      <c r="B39668" s="1" t="s">
        <v>135894</v>
      </c>
      <c r="C39668" s="1" t="s">
        <v>8</v>
      </c>
      <c r="D39668" s="1" t="s">
        <v>79622</v>
      </c>
      <c r="E39668" s="1" t="s">
        <v>136019</v>
      </c>
      <c r="F39668" s="1" t="s">
        <v>136020</v>
      </c>
      <c r="G39668" s="1" t="s">
        <v>136021</v>
      </c>
      <c r="H39668" s="1" t="s">
        <v>136022</v>
      </c>
      <c r="I39668" s="1" t="s">
        <v>135900</v>
      </c>
      <c r="J39668" s="1" t="s">
        <v>13</v>
      </c>
    </row>
    <row r="39669" spans="1:10" x14ac:dyDescent="0.35">
      <c r="A39669" s="1" t="s">
        <v>136018</v>
      </c>
      <c r="B39669" s="1" t="s">
        <v>135894</v>
      </c>
      <c r="C39669" s="1" t="s">
        <v>15</v>
      </c>
      <c r="D39669" s="1" t="s">
        <v>136023</v>
      </c>
      <c r="E39669" s="1" t="s">
        <v>136024</v>
      </c>
      <c r="F39669" s="1" t="s">
        <v>136025</v>
      </c>
      <c r="G39669" s="1" t="s">
        <v>136021</v>
      </c>
      <c r="H39669" s="1" t="s">
        <v>136022</v>
      </c>
      <c r="I39669" s="1" t="s">
        <v>135900</v>
      </c>
      <c r="J39669" s="1" t="s">
        <v>136026</v>
      </c>
    </row>
    <row r="39670" spans="1:10" x14ac:dyDescent="0.35">
      <c r="A39670" s="1" t="s">
        <v>136018</v>
      </c>
      <c r="B39670" s="1" t="s">
        <v>135894</v>
      </c>
      <c r="C39670" s="1" t="s">
        <v>20</v>
      </c>
      <c r="D39670" s="1" t="s">
        <v>136027</v>
      </c>
      <c r="E39670" s="1" t="s">
        <v>136028</v>
      </c>
      <c r="F39670" s="1" t="s">
        <v>136029</v>
      </c>
      <c r="G39670" s="1" t="s">
        <v>136021</v>
      </c>
      <c r="H39670" s="1" t="s">
        <v>136022</v>
      </c>
      <c r="I39670" s="1" t="s">
        <v>135900</v>
      </c>
      <c r="J39670" s="1" t="s">
        <v>136030</v>
      </c>
    </row>
    <row r="39671" spans="1:10" x14ac:dyDescent="0.35">
      <c r="A39671" s="1" t="s">
        <v>136018</v>
      </c>
      <c r="B39671" s="1" t="s">
        <v>135894</v>
      </c>
      <c r="C39671" s="1" t="s">
        <v>25</v>
      </c>
      <c r="D39671" s="1" t="s">
        <v>136031</v>
      </c>
      <c r="E39671" s="1" t="s">
        <v>136032</v>
      </c>
      <c r="F39671" s="1" t="s">
        <v>136033</v>
      </c>
      <c r="G39671" s="1" t="s">
        <v>136021</v>
      </c>
      <c r="H39671" s="1" t="s">
        <v>136022</v>
      </c>
      <c r="I39671" s="1" t="s">
        <v>135900</v>
      </c>
      <c r="J39671" s="1" t="s">
        <v>136034</v>
      </c>
    </row>
    <row r="39672" spans="1:10" x14ac:dyDescent="0.35">
      <c r="A39672" s="1" t="s">
        <v>136018</v>
      </c>
      <c r="B39672" s="1" t="s">
        <v>135894</v>
      </c>
      <c r="C39672" s="1" t="s">
        <v>30</v>
      </c>
      <c r="D39672" s="1" t="s">
        <v>136035</v>
      </c>
      <c r="E39672" s="1" t="s">
        <v>136036</v>
      </c>
      <c r="F39672" s="1" t="s">
        <v>136037</v>
      </c>
      <c r="G39672" s="1" t="s">
        <v>136021</v>
      </c>
      <c r="H39672" s="1" t="s">
        <v>136022</v>
      </c>
      <c r="I39672" s="1" t="s">
        <v>135900</v>
      </c>
      <c r="J39672" s="1" t="s">
        <v>136038</v>
      </c>
    </row>
    <row r="39673" spans="1:10" x14ac:dyDescent="0.35">
      <c r="A39673" s="1" t="s">
        <v>136018</v>
      </c>
      <c r="B39673" s="1" t="s">
        <v>135894</v>
      </c>
      <c r="C39673" s="1" t="s">
        <v>35</v>
      </c>
      <c r="D39673" s="1" t="s">
        <v>136039</v>
      </c>
      <c r="E39673" s="1" t="s">
        <v>136040</v>
      </c>
      <c r="F39673" s="1" t="s">
        <v>136041</v>
      </c>
      <c r="G39673" s="1" t="s">
        <v>136021</v>
      </c>
      <c r="H39673" s="1" t="s">
        <v>136022</v>
      </c>
      <c r="I39673" s="1" t="s">
        <v>135900</v>
      </c>
      <c r="J39673" s="1" t="s">
        <v>136042</v>
      </c>
    </row>
    <row r="39674" spans="1:10" x14ac:dyDescent="0.35">
      <c r="A39674" s="1" t="s">
        <v>136018</v>
      </c>
      <c r="B39674" s="1" t="s">
        <v>135894</v>
      </c>
      <c r="C39674" s="1" t="s">
        <v>40</v>
      </c>
      <c r="D39674" s="1" t="s">
        <v>69698</v>
      </c>
      <c r="E39674" s="1" t="s">
        <v>136043</v>
      </c>
      <c r="F39674" s="1" t="s">
        <v>136044</v>
      </c>
      <c r="G39674" s="1" t="s">
        <v>136021</v>
      </c>
      <c r="H39674" s="1" t="s">
        <v>136022</v>
      </c>
      <c r="I39674" s="1" t="s">
        <v>135900</v>
      </c>
      <c r="J39674" s="1" t="s">
        <v>136045</v>
      </c>
    </row>
    <row r="39675" spans="1:10" x14ac:dyDescent="0.35">
      <c r="A39675" s="1" t="s">
        <v>136018</v>
      </c>
      <c r="B39675" s="1" t="s">
        <v>135894</v>
      </c>
      <c r="C39675" s="1" t="s">
        <v>45</v>
      </c>
      <c r="D39675" s="1" t="s">
        <v>66723</v>
      </c>
      <c r="E39675" s="1" t="s">
        <v>136046</v>
      </c>
      <c r="F39675" s="1" t="s">
        <v>136047</v>
      </c>
      <c r="G39675" s="1" t="s">
        <v>136021</v>
      </c>
      <c r="H39675" s="1" t="s">
        <v>136022</v>
      </c>
      <c r="I39675" s="1" t="s">
        <v>135900</v>
      </c>
      <c r="J39675" s="1" t="s">
        <v>136048</v>
      </c>
    </row>
    <row r="39676" spans="1:10" x14ac:dyDescent="0.35">
      <c r="A39676" s="1" t="s">
        <v>136018</v>
      </c>
      <c r="B39676" s="1" t="s">
        <v>135894</v>
      </c>
      <c r="C39676" s="1" t="s">
        <v>50</v>
      </c>
      <c r="D39676" s="1" t="s">
        <v>86259</v>
      </c>
      <c r="E39676" s="1" t="s">
        <v>136049</v>
      </c>
      <c r="F39676" s="1" t="s">
        <v>136050</v>
      </c>
      <c r="G39676" s="1" t="s">
        <v>136021</v>
      </c>
      <c r="H39676" s="1" t="s">
        <v>136022</v>
      </c>
      <c r="I39676" s="1" t="s">
        <v>135900</v>
      </c>
      <c r="J39676" s="1" t="s">
        <v>136051</v>
      </c>
    </row>
    <row r="39677" spans="1:10" x14ac:dyDescent="0.35">
      <c r="A39677" s="1" t="s">
        <v>136018</v>
      </c>
      <c r="B39677" s="1" t="s">
        <v>135894</v>
      </c>
      <c r="C39677" s="1" t="s">
        <v>55</v>
      </c>
      <c r="D39677" s="1" t="s">
        <v>136052</v>
      </c>
      <c r="E39677" s="1" t="s">
        <v>136053</v>
      </c>
      <c r="F39677" s="1" t="s">
        <v>136054</v>
      </c>
      <c r="G39677" s="1" t="s">
        <v>136021</v>
      </c>
      <c r="H39677" s="1" t="s">
        <v>136022</v>
      </c>
      <c r="I39677" s="1" t="s">
        <v>135900</v>
      </c>
      <c r="J39677" s="1" t="s">
        <v>136055</v>
      </c>
    </row>
    <row r="39678" spans="1:10" x14ac:dyDescent="0.35">
      <c r="A39678" s="1" t="s">
        <v>136018</v>
      </c>
      <c r="B39678" s="1" t="s">
        <v>135894</v>
      </c>
      <c r="C39678" s="1" t="s">
        <v>60</v>
      </c>
      <c r="D39678" s="1" t="s">
        <v>107712</v>
      </c>
      <c r="E39678" s="1" t="s">
        <v>136056</v>
      </c>
      <c r="F39678" s="1" t="s">
        <v>136057</v>
      </c>
      <c r="G39678" s="1" t="s">
        <v>136021</v>
      </c>
      <c r="H39678" s="1" t="s">
        <v>136022</v>
      </c>
      <c r="I39678" s="1" t="s">
        <v>135900</v>
      </c>
      <c r="J39678" s="1" t="s">
        <v>136058</v>
      </c>
    </row>
    <row r="39679" spans="1:10" x14ac:dyDescent="0.35">
      <c r="A39679" s="1" t="s">
        <v>136018</v>
      </c>
      <c r="B39679" s="1" t="s">
        <v>135894</v>
      </c>
      <c r="C39679" s="1" t="s">
        <v>65</v>
      </c>
      <c r="D39679" s="1" t="s">
        <v>128022</v>
      </c>
      <c r="E39679" s="1" t="s">
        <v>136059</v>
      </c>
      <c r="F39679" s="1" t="s">
        <v>136060</v>
      </c>
      <c r="G39679" s="1" t="s">
        <v>136021</v>
      </c>
      <c r="H39679" s="1" t="s">
        <v>136022</v>
      </c>
      <c r="I39679" s="1" t="s">
        <v>135900</v>
      </c>
      <c r="J39679" s="1" t="s">
        <v>136061</v>
      </c>
    </row>
    <row r="39680" spans="1:10" x14ac:dyDescent="0.35">
      <c r="A39680" s="1" t="s">
        <v>136018</v>
      </c>
      <c r="B39680" s="1" t="s">
        <v>135894</v>
      </c>
      <c r="C39680" s="1" t="s">
        <v>70</v>
      </c>
      <c r="D39680" s="1" t="s">
        <v>136062</v>
      </c>
      <c r="E39680" s="1" t="s">
        <v>136063</v>
      </c>
      <c r="F39680" s="1" t="s">
        <v>136064</v>
      </c>
      <c r="G39680" s="1" t="s">
        <v>136021</v>
      </c>
      <c r="H39680" s="1" t="s">
        <v>136022</v>
      </c>
      <c r="I39680" s="1" t="s">
        <v>135900</v>
      </c>
      <c r="J39680" s="1" t="s">
        <v>136065</v>
      </c>
    </row>
    <row r="39681" spans="1:10" x14ac:dyDescent="0.35">
      <c r="A39681" s="1" t="s">
        <v>136018</v>
      </c>
      <c r="B39681" s="1" t="s">
        <v>135894</v>
      </c>
      <c r="C39681" s="1" t="s">
        <v>75</v>
      </c>
      <c r="D39681" s="1" t="s">
        <v>91858</v>
      </c>
      <c r="E39681" s="1" t="s">
        <v>136066</v>
      </c>
      <c r="F39681" s="1" t="s">
        <v>136067</v>
      </c>
      <c r="G39681" s="1" t="s">
        <v>136021</v>
      </c>
      <c r="H39681" s="1" t="s">
        <v>136022</v>
      </c>
      <c r="I39681" s="1" t="s">
        <v>135900</v>
      </c>
      <c r="J39681" s="1" t="s">
        <v>136068</v>
      </c>
    </row>
    <row r="39682" spans="1:10" x14ac:dyDescent="0.35">
      <c r="A39682" s="1" t="s">
        <v>136018</v>
      </c>
      <c r="B39682" s="1" t="s">
        <v>135894</v>
      </c>
      <c r="C39682" s="1" t="s">
        <v>80</v>
      </c>
      <c r="D39682" s="1" t="s">
        <v>136069</v>
      </c>
      <c r="E39682" s="1" t="s">
        <v>136070</v>
      </c>
      <c r="F39682" s="1" t="s">
        <v>136071</v>
      </c>
      <c r="G39682" s="1" t="s">
        <v>136021</v>
      </c>
      <c r="H39682" s="1" t="s">
        <v>136022</v>
      </c>
      <c r="I39682" s="1" t="s">
        <v>135900</v>
      </c>
      <c r="J39682" s="1" t="s">
        <v>136072</v>
      </c>
    </row>
    <row r="39683" spans="1:10" x14ac:dyDescent="0.35">
      <c r="A39683" s="1" t="s">
        <v>136018</v>
      </c>
      <c r="B39683" s="1" t="s">
        <v>135894</v>
      </c>
      <c r="C39683" s="1" t="s">
        <v>85</v>
      </c>
      <c r="D39683" s="1" t="s">
        <v>136073</v>
      </c>
      <c r="E39683" s="1" t="s">
        <v>136074</v>
      </c>
      <c r="F39683" s="1" t="s">
        <v>136075</v>
      </c>
      <c r="G39683" s="1" t="s">
        <v>136021</v>
      </c>
      <c r="H39683" s="1" t="s">
        <v>136022</v>
      </c>
      <c r="I39683" s="1" t="s">
        <v>135900</v>
      </c>
      <c r="J39683" s="1" t="s">
        <v>136076</v>
      </c>
    </row>
    <row r="39684" spans="1:10" x14ac:dyDescent="0.35">
      <c r="A39684" s="1" t="s">
        <v>136018</v>
      </c>
      <c r="B39684" s="1" t="s">
        <v>135894</v>
      </c>
      <c r="C39684" s="1" t="s">
        <v>90</v>
      </c>
      <c r="D39684" s="1" t="s">
        <v>136077</v>
      </c>
      <c r="E39684" s="1" t="s">
        <v>136078</v>
      </c>
      <c r="F39684" s="1" t="s">
        <v>136079</v>
      </c>
      <c r="G39684" s="1" t="s">
        <v>136021</v>
      </c>
      <c r="H39684" s="1" t="s">
        <v>136022</v>
      </c>
      <c r="I39684" s="1" t="s">
        <v>135900</v>
      </c>
      <c r="J39684" s="1" t="s">
        <v>136080</v>
      </c>
    </row>
    <row r="39685" spans="1:10" x14ac:dyDescent="0.35">
      <c r="A39685" s="1" t="s">
        <v>136018</v>
      </c>
      <c r="B39685" s="1" t="s">
        <v>135894</v>
      </c>
      <c r="C39685" s="1" t="s">
        <v>95</v>
      </c>
      <c r="D39685" s="1" t="s">
        <v>136081</v>
      </c>
      <c r="E39685" s="1" t="s">
        <v>136082</v>
      </c>
      <c r="F39685" s="1" t="s">
        <v>136083</v>
      </c>
      <c r="G39685" s="1" t="s">
        <v>136021</v>
      </c>
      <c r="H39685" s="1" t="s">
        <v>136022</v>
      </c>
      <c r="I39685" s="1" t="s">
        <v>135900</v>
      </c>
      <c r="J39685" s="1" t="s">
        <v>136084</v>
      </c>
    </row>
    <row r="39686" spans="1:10" x14ac:dyDescent="0.35">
      <c r="A39686" s="1" t="s">
        <v>136018</v>
      </c>
      <c r="B39686" s="1" t="s">
        <v>135894</v>
      </c>
      <c r="C39686" s="1" t="s">
        <v>100</v>
      </c>
      <c r="D39686" s="1" t="s">
        <v>136085</v>
      </c>
      <c r="E39686" s="1" t="s">
        <v>136086</v>
      </c>
      <c r="F39686" s="1" t="s">
        <v>136087</v>
      </c>
      <c r="G39686" s="1" t="s">
        <v>136021</v>
      </c>
      <c r="H39686" s="1" t="s">
        <v>136022</v>
      </c>
      <c r="I39686" s="1" t="s">
        <v>135900</v>
      </c>
      <c r="J39686" s="1" t="s">
        <v>136088</v>
      </c>
    </row>
    <row r="39687" spans="1:10" x14ac:dyDescent="0.35">
      <c r="A39687" s="1" t="s">
        <v>136018</v>
      </c>
      <c r="B39687" s="1" t="s">
        <v>135894</v>
      </c>
      <c r="C39687" s="1" t="s">
        <v>105</v>
      </c>
      <c r="D39687" s="1" t="s">
        <v>106062</v>
      </c>
      <c r="E39687" s="1" t="s">
        <v>136089</v>
      </c>
      <c r="F39687" s="1" t="s">
        <v>136090</v>
      </c>
      <c r="G39687" s="1" t="s">
        <v>136021</v>
      </c>
      <c r="H39687" s="1" t="s">
        <v>136022</v>
      </c>
      <c r="I39687" s="1" t="s">
        <v>135900</v>
      </c>
      <c r="J39687" s="1" t="s">
        <v>136091</v>
      </c>
    </row>
    <row r="39688" spans="1:10" x14ac:dyDescent="0.35">
      <c r="A39688" s="1" t="s">
        <v>136018</v>
      </c>
      <c r="B39688" s="1" t="s">
        <v>135894</v>
      </c>
      <c r="C39688" s="1" t="s">
        <v>110</v>
      </c>
      <c r="D39688" s="1" t="s">
        <v>21358</v>
      </c>
      <c r="E39688" s="1" t="s">
        <v>136092</v>
      </c>
      <c r="F39688" s="1" t="s">
        <v>136093</v>
      </c>
      <c r="G39688" s="1" t="s">
        <v>136021</v>
      </c>
      <c r="H39688" s="1" t="s">
        <v>136022</v>
      </c>
      <c r="I39688" s="1" t="s">
        <v>135900</v>
      </c>
      <c r="J39688" s="1" t="s">
        <v>136094</v>
      </c>
    </row>
    <row r="39689" spans="1:10" x14ac:dyDescent="0.35">
      <c r="A39689" s="1" t="s">
        <v>136018</v>
      </c>
      <c r="B39689" s="1" t="s">
        <v>135894</v>
      </c>
      <c r="C39689" s="1" t="s">
        <v>115</v>
      </c>
      <c r="D39689" s="1" t="s">
        <v>136095</v>
      </c>
      <c r="E39689" s="1" t="s">
        <v>136096</v>
      </c>
      <c r="F39689" s="1" t="s">
        <v>136097</v>
      </c>
      <c r="G39689" s="1" t="s">
        <v>136021</v>
      </c>
      <c r="H39689" s="1" t="s">
        <v>136022</v>
      </c>
      <c r="I39689" s="1" t="s">
        <v>135900</v>
      </c>
      <c r="J39689" s="1" t="s">
        <v>136098</v>
      </c>
    </row>
    <row r="39690" spans="1:10" x14ac:dyDescent="0.35">
      <c r="A39690" s="1" t="s">
        <v>136018</v>
      </c>
      <c r="B39690" s="1" t="s">
        <v>135894</v>
      </c>
      <c r="C39690" s="1" t="s">
        <v>120</v>
      </c>
      <c r="D39690" s="1" t="s">
        <v>83892</v>
      </c>
      <c r="E39690" s="1" t="s">
        <v>136099</v>
      </c>
      <c r="F39690" s="1" t="s">
        <v>136100</v>
      </c>
      <c r="G39690" s="1" t="s">
        <v>136021</v>
      </c>
      <c r="H39690" s="1" t="s">
        <v>136022</v>
      </c>
      <c r="I39690" s="1" t="s">
        <v>135900</v>
      </c>
      <c r="J39690" s="1" t="s">
        <v>136101</v>
      </c>
    </row>
    <row r="39691" spans="1:10" x14ac:dyDescent="0.35">
      <c r="A39691" s="1" t="s">
        <v>136018</v>
      </c>
      <c r="B39691" s="1" t="s">
        <v>135894</v>
      </c>
      <c r="C39691" s="1" t="s">
        <v>125</v>
      </c>
      <c r="D39691" s="1" t="s">
        <v>102980</v>
      </c>
      <c r="E39691" s="1" t="s">
        <v>136102</v>
      </c>
      <c r="F39691" s="1" t="s">
        <v>136103</v>
      </c>
      <c r="G39691" s="1" t="s">
        <v>136021</v>
      </c>
      <c r="H39691" s="1" t="s">
        <v>136022</v>
      </c>
      <c r="I39691" s="1" t="s">
        <v>135900</v>
      </c>
      <c r="J39691" s="1" t="s">
        <v>136104</v>
      </c>
    </row>
    <row r="39692" spans="1:10" x14ac:dyDescent="0.35">
      <c r="A39692" s="1" t="s">
        <v>136018</v>
      </c>
      <c r="B39692" s="1" t="s">
        <v>135894</v>
      </c>
      <c r="C39692" s="1" t="s">
        <v>130</v>
      </c>
      <c r="D39692" s="1" t="s">
        <v>136105</v>
      </c>
      <c r="E39692" s="1" t="s">
        <v>136106</v>
      </c>
      <c r="F39692" s="1" t="s">
        <v>136107</v>
      </c>
      <c r="G39692" s="1" t="s">
        <v>136021</v>
      </c>
      <c r="H39692" s="1" t="s">
        <v>136022</v>
      </c>
      <c r="I39692" s="1" t="s">
        <v>135900</v>
      </c>
      <c r="J39692" s="1" t="s">
        <v>136108</v>
      </c>
    </row>
    <row r="39693" spans="1:10" x14ac:dyDescent="0.35">
      <c r="A39693" s="1" t="s">
        <v>136018</v>
      </c>
      <c r="B39693" s="1" t="s">
        <v>135894</v>
      </c>
      <c r="C39693" s="1" t="s">
        <v>135</v>
      </c>
      <c r="D39693" s="1" t="s">
        <v>136109</v>
      </c>
      <c r="E39693" s="1" t="s">
        <v>136110</v>
      </c>
      <c r="F39693" s="1" t="s">
        <v>136111</v>
      </c>
      <c r="G39693" s="1" t="s">
        <v>136021</v>
      </c>
      <c r="H39693" s="1" t="s">
        <v>136022</v>
      </c>
      <c r="I39693" s="1" t="s">
        <v>135900</v>
      </c>
      <c r="J39693" s="1" t="s">
        <v>136112</v>
      </c>
    </row>
    <row r="39694" spans="1:10" x14ac:dyDescent="0.35">
      <c r="A39694" s="1" t="s">
        <v>136018</v>
      </c>
      <c r="B39694" s="1" t="s">
        <v>135894</v>
      </c>
      <c r="C39694" s="1" t="s">
        <v>140</v>
      </c>
      <c r="D39694" s="1" t="s">
        <v>107217</v>
      </c>
      <c r="E39694" s="1" t="s">
        <v>136113</v>
      </c>
      <c r="F39694" s="1" t="s">
        <v>136114</v>
      </c>
      <c r="G39694" s="1" t="s">
        <v>136021</v>
      </c>
      <c r="H39694" s="1" t="s">
        <v>136022</v>
      </c>
      <c r="I39694" s="1" t="s">
        <v>135900</v>
      </c>
      <c r="J39694" s="1" t="s">
        <v>136115</v>
      </c>
    </row>
    <row r="39695" spans="1:10" x14ac:dyDescent="0.35">
      <c r="A39695" s="1" t="s">
        <v>136018</v>
      </c>
      <c r="B39695" s="1" t="s">
        <v>135894</v>
      </c>
      <c r="C39695" s="1" t="s">
        <v>145</v>
      </c>
      <c r="D39695" s="1" t="s">
        <v>100513</v>
      </c>
      <c r="E39695" s="1" t="s">
        <v>136116</v>
      </c>
      <c r="F39695" s="1" t="s">
        <v>136117</v>
      </c>
      <c r="G39695" s="1" t="s">
        <v>136021</v>
      </c>
      <c r="H39695" s="1" t="s">
        <v>136022</v>
      </c>
      <c r="I39695" s="1" t="s">
        <v>135900</v>
      </c>
      <c r="J39695" s="1" t="s">
        <v>136118</v>
      </c>
    </row>
    <row r="39696" spans="1:10" x14ac:dyDescent="0.35">
      <c r="A39696" s="1" t="s">
        <v>136018</v>
      </c>
      <c r="B39696" s="1" t="s">
        <v>135894</v>
      </c>
      <c r="C39696" s="1" t="s">
        <v>150</v>
      </c>
      <c r="D39696" s="1" t="s">
        <v>95409</v>
      </c>
      <c r="E39696" s="1" t="s">
        <v>136119</v>
      </c>
      <c r="F39696" s="1" t="s">
        <v>136120</v>
      </c>
      <c r="G39696" s="1" t="s">
        <v>136021</v>
      </c>
      <c r="H39696" s="1" t="s">
        <v>136022</v>
      </c>
      <c r="I39696" s="1" t="s">
        <v>135900</v>
      </c>
      <c r="J39696" s="1" t="s">
        <v>136121</v>
      </c>
    </row>
    <row r="39697" spans="1:10" x14ac:dyDescent="0.35">
      <c r="A39697" s="1" t="s">
        <v>136018</v>
      </c>
      <c r="B39697" s="1" t="s">
        <v>135894</v>
      </c>
      <c r="C39697" s="1" t="s">
        <v>155</v>
      </c>
      <c r="D39697" s="1" t="s">
        <v>63961</v>
      </c>
      <c r="E39697" s="1" t="s">
        <v>136122</v>
      </c>
      <c r="F39697" s="1" t="s">
        <v>136123</v>
      </c>
      <c r="G39697" s="1" t="s">
        <v>136021</v>
      </c>
      <c r="H39697" s="1" t="s">
        <v>136022</v>
      </c>
      <c r="I39697" s="1" t="s">
        <v>135900</v>
      </c>
      <c r="J39697" s="1" t="s">
        <v>136124</v>
      </c>
    </row>
    <row r="39698" spans="1:10" x14ac:dyDescent="0.35">
      <c r="A39698" s="1" t="s">
        <v>136018</v>
      </c>
      <c r="B39698" s="1" t="s">
        <v>135894</v>
      </c>
      <c r="C39698" s="1" t="s">
        <v>160</v>
      </c>
      <c r="D39698" s="1" t="s">
        <v>60605</v>
      </c>
      <c r="E39698" s="1" t="s">
        <v>136125</v>
      </c>
      <c r="F39698" s="1" t="s">
        <v>136126</v>
      </c>
      <c r="G39698" s="1" t="s">
        <v>136021</v>
      </c>
      <c r="H39698" s="1" t="s">
        <v>136022</v>
      </c>
      <c r="I39698" s="1" t="s">
        <v>135900</v>
      </c>
      <c r="J39698" s="1" t="s">
        <v>136127</v>
      </c>
    </row>
    <row r="39699" spans="1:10" x14ac:dyDescent="0.35">
      <c r="A39699" s="1" t="s">
        <v>136018</v>
      </c>
      <c r="B39699" s="1" t="s">
        <v>135894</v>
      </c>
      <c r="C39699" s="1" t="s">
        <v>165</v>
      </c>
      <c r="D39699" s="1" t="s">
        <v>94009</v>
      </c>
      <c r="E39699" s="1" t="s">
        <v>136128</v>
      </c>
      <c r="F39699" s="1" t="s">
        <v>136129</v>
      </c>
      <c r="G39699" s="1" t="s">
        <v>136021</v>
      </c>
      <c r="H39699" s="1" t="s">
        <v>136022</v>
      </c>
      <c r="I39699" s="1" t="s">
        <v>135900</v>
      </c>
      <c r="J39699" s="1" t="s">
        <v>136130</v>
      </c>
    </row>
    <row r="39700" spans="1:10" x14ac:dyDescent="0.35">
      <c r="A39700" s="1" t="s">
        <v>136018</v>
      </c>
      <c r="B39700" s="1" t="s">
        <v>135894</v>
      </c>
      <c r="C39700" s="1" t="s">
        <v>170</v>
      </c>
      <c r="D39700" s="1" t="s">
        <v>129711</v>
      </c>
      <c r="E39700" s="1" t="s">
        <v>136131</v>
      </c>
      <c r="F39700" s="1" t="s">
        <v>136132</v>
      </c>
      <c r="G39700" s="1" t="s">
        <v>136021</v>
      </c>
      <c r="H39700" s="1" t="s">
        <v>136022</v>
      </c>
      <c r="I39700" s="1" t="s">
        <v>135900</v>
      </c>
      <c r="J39700" s="1" t="s">
        <v>136133</v>
      </c>
    </row>
    <row r="39701" spans="1:10" x14ac:dyDescent="0.35">
      <c r="A39701" s="1" t="s">
        <v>28478</v>
      </c>
      <c r="B39701" s="1" t="s">
        <v>135894</v>
      </c>
      <c r="C39701" s="1" t="s">
        <v>8</v>
      </c>
      <c r="D39701" s="1" t="s">
        <v>78545</v>
      </c>
      <c r="E39701" s="1" t="s">
        <v>136134</v>
      </c>
      <c r="F39701" s="1" t="s">
        <v>136135</v>
      </c>
      <c r="G39701" s="1" t="s">
        <v>136136</v>
      </c>
      <c r="H39701" s="1" t="s">
        <v>136137</v>
      </c>
      <c r="I39701" s="1" t="s">
        <v>135900</v>
      </c>
      <c r="J39701" s="1" t="s">
        <v>13</v>
      </c>
    </row>
    <row r="39702" spans="1:10" x14ac:dyDescent="0.35">
      <c r="A39702" s="1" t="s">
        <v>28478</v>
      </c>
      <c r="B39702" s="1" t="s">
        <v>135894</v>
      </c>
      <c r="C39702" s="1" t="s">
        <v>15</v>
      </c>
      <c r="D39702" s="1" t="s">
        <v>94327</v>
      </c>
      <c r="E39702" s="1" t="s">
        <v>136138</v>
      </c>
      <c r="F39702" s="1" t="s">
        <v>136139</v>
      </c>
      <c r="G39702" s="1" t="s">
        <v>136136</v>
      </c>
      <c r="H39702" s="1" t="s">
        <v>136137</v>
      </c>
      <c r="I39702" s="1" t="s">
        <v>135900</v>
      </c>
      <c r="J39702" s="1" t="s">
        <v>136140</v>
      </c>
    </row>
    <row r="39703" spans="1:10" x14ac:dyDescent="0.35">
      <c r="A39703" s="1" t="s">
        <v>28478</v>
      </c>
      <c r="B39703" s="1" t="s">
        <v>135894</v>
      </c>
      <c r="C39703" s="1" t="s">
        <v>20</v>
      </c>
      <c r="D39703" s="1" t="s">
        <v>95623</v>
      </c>
      <c r="E39703" s="1" t="s">
        <v>136141</v>
      </c>
      <c r="F39703" s="1" t="s">
        <v>136142</v>
      </c>
      <c r="G39703" s="1" t="s">
        <v>136136</v>
      </c>
      <c r="H39703" s="1" t="s">
        <v>136137</v>
      </c>
      <c r="I39703" s="1" t="s">
        <v>135900</v>
      </c>
      <c r="J39703" s="1" t="s">
        <v>136143</v>
      </c>
    </row>
    <row r="39704" spans="1:10" x14ac:dyDescent="0.35">
      <c r="A39704" s="1" t="s">
        <v>28478</v>
      </c>
      <c r="B39704" s="1" t="s">
        <v>135894</v>
      </c>
      <c r="C39704" s="1" t="s">
        <v>25</v>
      </c>
      <c r="D39704" s="1" t="s">
        <v>136144</v>
      </c>
      <c r="E39704" s="1" t="s">
        <v>136145</v>
      </c>
      <c r="F39704" s="1" t="s">
        <v>136146</v>
      </c>
      <c r="G39704" s="1" t="s">
        <v>136136</v>
      </c>
      <c r="H39704" s="1" t="s">
        <v>136137</v>
      </c>
      <c r="I39704" s="1" t="s">
        <v>135900</v>
      </c>
      <c r="J39704" s="1" t="s">
        <v>136147</v>
      </c>
    </row>
    <row r="39705" spans="1:10" x14ac:dyDescent="0.35">
      <c r="A39705" s="1" t="s">
        <v>28478</v>
      </c>
      <c r="B39705" s="1" t="s">
        <v>135894</v>
      </c>
      <c r="C39705" s="1" t="s">
        <v>30</v>
      </c>
      <c r="D39705" s="1" t="s">
        <v>131730</v>
      </c>
      <c r="E39705" s="1" t="s">
        <v>136148</v>
      </c>
      <c r="F39705" s="1" t="s">
        <v>136149</v>
      </c>
      <c r="G39705" s="1" t="s">
        <v>136136</v>
      </c>
      <c r="H39705" s="1" t="s">
        <v>136137</v>
      </c>
      <c r="I39705" s="1" t="s">
        <v>135900</v>
      </c>
      <c r="J39705" s="1" t="s">
        <v>136150</v>
      </c>
    </row>
    <row r="39706" spans="1:10" x14ac:dyDescent="0.35">
      <c r="A39706" s="1" t="s">
        <v>28478</v>
      </c>
      <c r="B39706" s="1" t="s">
        <v>135894</v>
      </c>
      <c r="C39706" s="1" t="s">
        <v>35</v>
      </c>
      <c r="D39706" s="1" t="s">
        <v>103023</v>
      </c>
      <c r="E39706" s="1" t="s">
        <v>136151</v>
      </c>
      <c r="F39706" s="1" t="s">
        <v>136152</v>
      </c>
      <c r="G39706" s="1" t="s">
        <v>136136</v>
      </c>
      <c r="H39706" s="1" t="s">
        <v>136137</v>
      </c>
      <c r="I39706" s="1" t="s">
        <v>135900</v>
      </c>
      <c r="J39706" s="1" t="s">
        <v>136153</v>
      </c>
    </row>
    <row r="39707" spans="1:10" x14ac:dyDescent="0.35">
      <c r="A39707" s="1" t="s">
        <v>28478</v>
      </c>
      <c r="B39707" s="1" t="s">
        <v>135894</v>
      </c>
      <c r="C39707" s="1" t="s">
        <v>40</v>
      </c>
      <c r="D39707" s="1" t="s">
        <v>64983</v>
      </c>
      <c r="E39707" s="1" t="s">
        <v>136154</v>
      </c>
      <c r="F39707" s="1" t="s">
        <v>136155</v>
      </c>
      <c r="G39707" s="1" t="s">
        <v>136136</v>
      </c>
      <c r="H39707" s="1" t="s">
        <v>136137</v>
      </c>
      <c r="I39707" s="1" t="s">
        <v>135900</v>
      </c>
      <c r="J39707" s="1" t="s">
        <v>136156</v>
      </c>
    </row>
    <row r="39708" spans="1:10" x14ac:dyDescent="0.35">
      <c r="A39708" s="1" t="s">
        <v>28478</v>
      </c>
      <c r="B39708" s="1" t="s">
        <v>135894</v>
      </c>
      <c r="C39708" s="1" t="s">
        <v>45</v>
      </c>
      <c r="D39708" s="1" t="s">
        <v>61707</v>
      </c>
      <c r="E39708" s="1" t="s">
        <v>136157</v>
      </c>
      <c r="F39708" s="1" t="s">
        <v>136158</v>
      </c>
      <c r="G39708" s="1" t="s">
        <v>136136</v>
      </c>
      <c r="H39708" s="1" t="s">
        <v>136137</v>
      </c>
      <c r="I39708" s="1" t="s">
        <v>135900</v>
      </c>
      <c r="J39708" s="1" t="s">
        <v>136159</v>
      </c>
    </row>
    <row r="39709" spans="1:10" x14ac:dyDescent="0.35">
      <c r="A39709" s="1" t="s">
        <v>28478</v>
      </c>
      <c r="B39709" s="1" t="s">
        <v>135894</v>
      </c>
      <c r="C39709" s="1" t="s">
        <v>50</v>
      </c>
      <c r="D39709" s="1" t="s">
        <v>100966</v>
      </c>
      <c r="E39709" s="1" t="s">
        <v>136160</v>
      </c>
      <c r="F39709" s="1" t="s">
        <v>136161</v>
      </c>
      <c r="G39709" s="1" t="s">
        <v>136136</v>
      </c>
      <c r="H39709" s="1" t="s">
        <v>136137</v>
      </c>
      <c r="I39709" s="1" t="s">
        <v>135900</v>
      </c>
      <c r="J39709" s="1" t="s">
        <v>136162</v>
      </c>
    </row>
    <row r="39710" spans="1:10" x14ac:dyDescent="0.35">
      <c r="A39710" s="1" t="s">
        <v>28478</v>
      </c>
      <c r="B39710" s="1" t="s">
        <v>135894</v>
      </c>
      <c r="C39710" s="1" t="s">
        <v>55</v>
      </c>
      <c r="D39710" s="1" t="s">
        <v>136163</v>
      </c>
      <c r="E39710" s="1" t="s">
        <v>136164</v>
      </c>
      <c r="F39710" s="1" t="s">
        <v>136165</v>
      </c>
      <c r="G39710" s="1" t="s">
        <v>136136</v>
      </c>
      <c r="H39710" s="1" t="s">
        <v>136137</v>
      </c>
      <c r="I39710" s="1" t="s">
        <v>135900</v>
      </c>
      <c r="J39710" s="1" t="s">
        <v>136166</v>
      </c>
    </row>
    <row r="39711" spans="1:10" x14ac:dyDescent="0.35">
      <c r="A39711" s="1" t="s">
        <v>28478</v>
      </c>
      <c r="B39711" s="1" t="s">
        <v>135894</v>
      </c>
      <c r="C39711" s="1" t="s">
        <v>60</v>
      </c>
      <c r="D39711" s="1" t="s">
        <v>107740</v>
      </c>
      <c r="E39711" s="1" t="s">
        <v>136167</v>
      </c>
      <c r="F39711" s="1" t="s">
        <v>136168</v>
      </c>
      <c r="G39711" s="1" t="s">
        <v>136136</v>
      </c>
      <c r="H39711" s="1" t="s">
        <v>136137</v>
      </c>
      <c r="I39711" s="1" t="s">
        <v>135900</v>
      </c>
      <c r="J39711" s="1" t="s">
        <v>136169</v>
      </c>
    </row>
    <row r="39712" spans="1:10" x14ac:dyDescent="0.35">
      <c r="A39712" s="1" t="s">
        <v>28478</v>
      </c>
      <c r="B39712" s="1" t="s">
        <v>135894</v>
      </c>
      <c r="C39712" s="1" t="s">
        <v>65</v>
      </c>
      <c r="D39712" s="1" t="s">
        <v>90878</v>
      </c>
      <c r="E39712" s="1" t="s">
        <v>136170</v>
      </c>
      <c r="F39712" s="1" t="s">
        <v>136171</v>
      </c>
      <c r="G39712" s="1" t="s">
        <v>136136</v>
      </c>
      <c r="H39712" s="1" t="s">
        <v>136137</v>
      </c>
      <c r="I39712" s="1" t="s">
        <v>135900</v>
      </c>
      <c r="J39712" s="1" t="s">
        <v>136172</v>
      </c>
    </row>
    <row r="39713" spans="1:10" x14ac:dyDescent="0.35">
      <c r="A39713" s="1" t="s">
        <v>28478</v>
      </c>
      <c r="B39713" s="1" t="s">
        <v>135894</v>
      </c>
      <c r="C39713" s="1" t="s">
        <v>70</v>
      </c>
      <c r="D39713" s="1" t="s">
        <v>136173</v>
      </c>
      <c r="E39713" s="1" t="s">
        <v>136174</v>
      </c>
      <c r="F39713" s="1" t="s">
        <v>136175</v>
      </c>
      <c r="G39713" s="1" t="s">
        <v>136136</v>
      </c>
      <c r="H39713" s="1" t="s">
        <v>136137</v>
      </c>
      <c r="I39713" s="1" t="s">
        <v>135900</v>
      </c>
      <c r="J39713" s="1" t="s">
        <v>136176</v>
      </c>
    </row>
    <row r="39714" spans="1:10" x14ac:dyDescent="0.35">
      <c r="A39714" s="1" t="s">
        <v>28478</v>
      </c>
      <c r="B39714" s="1" t="s">
        <v>135894</v>
      </c>
      <c r="C39714" s="1" t="s">
        <v>75</v>
      </c>
      <c r="D39714" s="1" t="s">
        <v>136177</v>
      </c>
      <c r="E39714" s="1" t="s">
        <v>136178</v>
      </c>
      <c r="F39714" s="1" t="s">
        <v>136179</v>
      </c>
      <c r="G39714" s="1" t="s">
        <v>136136</v>
      </c>
      <c r="H39714" s="1" t="s">
        <v>136137</v>
      </c>
      <c r="I39714" s="1" t="s">
        <v>135900</v>
      </c>
      <c r="J39714" s="1" t="s">
        <v>136180</v>
      </c>
    </row>
    <row r="39715" spans="1:10" x14ac:dyDescent="0.35">
      <c r="A39715" s="1" t="s">
        <v>28478</v>
      </c>
      <c r="B39715" s="1" t="s">
        <v>135894</v>
      </c>
      <c r="C39715" s="1" t="s">
        <v>80</v>
      </c>
      <c r="D39715" s="1" t="s">
        <v>136181</v>
      </c>
      <c r="E39715" s="1" t="s">
        <v>136182</v>
      </c>
      <c r="F39715" s="1" t="s">
        <v>136183</v>
      </c>
      <c r="G39715" s="1" t="s">
        <v>136136</v>
      </c>
      <c r="H39715" s="1" t="s">
        <v>136137</v>
      </c>
      <c r="I39715" s="1" t="s">
        <v>135900</v>
      </c>
      <c r="J39715" s="1" t="s">
        <v>136184</v>
      </c>
    </row>
    <row r="39716" spans="1:10" x14ac:dyDescent="0.35">
      <c r="A39716" s="1" t="s">
        <v>28478</v>
      </c>
      <c r="B39716" s="1" t="s">
        <v>135894</v>
      </c>
      <c r="C39716" s="1" t="s">
        <v>85</v>
      </c>
      <c r="D39716" s="1" t="s">
        <v>62454</v>
      </c>
      <c r="E39716" s="1" t="s">
        <v>136185</v>
      </c>
      <c r="F39716" s="1" t="s">
        <v>136186</v>
      </c>
      <c r="G39716" s="1" t="s">
        <v>136136</v>
      </c>
      <c r="H39716" s="1" t="s">
        <v>136137</v>
      </c>
      <c r="I39716" s="1" t="s">
        <v>135900</v>
      </c>
      <c r="J39716" s="1" t="s">
        <v>136187</v>
      </c>
    </row>
    <row r="39717" spans="1:10" x14ac:dyDescent="0.35">
      <c r="A39717" s="1" t="s">
        <v>28478</v>
      </c>
      <c r="B39717" s="1" t="s">
        <v>135894</v>
      </c>
      <c r="C39717" s="1" t="s">
        <v>90</v>
      </c>
      <c r="D39717" s="1" t="s">
        <v>136188</v>
      </c>
      <c r="E39717" s="1" t="s">
        <v>136189</v>
      </c>
      <c r="F39717" s="1" t="s">
        <v>136190</v>
      </c>
      <c r="G39717" s="1" t="s">
        <v>136136</v>
      </c>
      <c r="H39717" s="1" t="s">
        <v>136137</v>
      </c>
      <c r="I39717" s="1" t="s">
        <v>135900</v>
      </c>
      <c r="J39717" s="1" t="s">
        <v>136191</v>
      </c>
    </row>
    <row r="39718" spans="1:10" x14ac:dyDescent="0.35">
      <c r="A39718" s="1" t="s">
        <v>28478</v>
      </c>
      <c r="B39718" s="1" t="s">
        <v>135894</v>
      </c>
      <c r="C39718" s="1" t="s">
        <v>95</v>
      </c>
      <c r="D39718" s="1" t="s">
        <v>81243</v>
      </c>
      <c r="E39718" s="1" t="s">
        <v>136192</v>
      </c>
      <c r="F39718" s="1" t="s">
        <v>136193</v>
      </c>
      <c r="G39718" s="1" t="s">
        <v>136136</v>
      </c>
      <c r="H39718" s="1" t="s">
        <v>136137</v>
      </c>
      <c r="I39718" s="1" t="s">
        <v>135900</v>
      </c>
      <c r="J39718" s="1" t="s">
        <v>136194</v>
      </c>
    </row>
    <row r="39719" spans="1:10" x14ac:dyDescent="0.35">
      <c r="A39719" s="1" t="s">
        <v>28478</v>
      </c>
      <c r="B39719" s="1" t="s">
        <v>135894</v>
      </c>
      <c r="C39719" s="1" t="s">
        <v>100</v>
      </c>
      <c r="D39719" s="1" t="s">
        <v>136195</v>
      </c>
      <c r="E39719" s="1" t="s">
        <v>136196</v>
      </c>
      <c r="F39719" s="1" t="s">
        <v>136197</v>
      </c>
      <c r="G39719" s="1" t="s">
        <v>136136</v>
      </c>
      <c r="H39719" s="1" t="s">
        <v>136137</v>
      </c>
      <c r="I39719" s="1" t="s">
        <v>135900</v>
      </c>
      <c r="J39719" s="1" t="s">
        <v>136198</v>
      </c>
    </row>
    <row r="39720" spans="1:10" x14ac:dyDescent="0.35">
      <c r="A39720" s="1" t="s">
        <v>28478</v>
      </c>
      <c r="B39720" s="1" t="s">
        <v>135894</v>
      </c>
      <c r="C39720" s="1" t="s">
        <v>105</v>
      </c>
      <c r="D39720" s="1" t="s">
        <v>53483</v>
      </c>
      <c r="E39720" s="1" t="s">
        <v>136199</v>
      </c>
      <c r="F39720" s="1" t="s">
        <v>136200</v>
      </c>
      <c r="G39720" s="1" t="s">
        <v>136136</v>
      </c>
      <c r="H39720" s="1" t="s">
        <v>136137</v>
      </c>
      <c r="I39720" s="1" t="s">
        <v>135900</v>
      </c>
      <c r="J39720" s="1" t="s">
        <v>136201</v>
      </c>
    </row>
    <row r="39721" spans="1:10" x14ac:dyDescent="0.35">
      <c r="A39721" s="1" t="s">
        <v>28478</v>
      </c>
      <c r="B39721" s="1" t="s">
        <v>135894</v>
      </c>
      <c r="C39721" s="1" t="s">
        <v>110</v>
      </c>
      <c r="D39721" s="1" t="s">
        <v>80436</v>
      </c>
      <c r="E39721" s="1" t="s">
        <v>136202</v>
      </c>
      <c r="F39721" s="1" t="s">
        <v>136203</v>
      </c>
      <c r="G39721" s="1" t="s">
        <v>136136</v>
      </c>
      <c r="H39721" s="1" t="s">
        <v>136137</v>
      </c>
      <c r="I39721" s="1" t="s">
        <v>135900</v>
      </c>
      <c r="J39721" s="1" t="s">
        <v>136204</v>
      </c>
    </row>
    <row r="39722" spans="1:10" x14ac:dyDescent="0.35">
      <c r="A39722" s="1" t="s">
        <v>28478</v>
      </c>
      <c r="B39722" s="1" t="s">
        <v>135894</v>
      </c>
      <c r="C39722" s="1" t="s">
        <v>115</v>
      </c>
      <c r="D39722" s="1" t="s">
        <v>43535</v>
      </c>
      <c r="E39722" s="1" t="s">
        <v>136205</v>
      </c>
      <c r="F39722" s="1" t="s">
        <v>136206</v>
      </c>
      <c r="G39722" s="1" t="s">
        <v>136136</v>
      </c>
      <c r="H39722" s="1" t="s">
        <v>136137</v>
      </c>
      <c r="I39722" s="1" t="s">
        <v>135900</v>
      </c>
      <c r="J39722" s="1" t="s">
        <v>136207</v>
      </c>
    </row>
    <row r="39723" spans="1:10" x14ac:dyDescent="0.35">
      <c r="A39723" s="1" t="s">
        <v>28478</v>
      </c>
      <c r="B39723" s="1" t="s">
        <v>135894</v>
      </c>
      <c r="C39723" s="1" t="s">
        <v>120</v>
      </c>
      <c r="D39723" s="1" t="s">
        <v>58797</v>
      </c>
      <c r="E39723" s="1" t="s">
        <v>136208</v>
      </c>
      <c r="F39723" s="1" t="s">
        <v>136209</v>
      </c>
      <c r="G39723" s="1" t="s">
        <v>136136</v>
      </c>
      <c r="H39723" s="1" t="s">
        <v>136137</v>
      </c>
      <c r="I39723" s="1" t="s">
        <v>135900</v>
      </c>
      <c r="J39723" s="1" t="s">
        <v>136210</v>
      </c>
    </row>
    <row r="39724" spans="1:10" x14ac:dyDescent="0.35">
      <c r="A39724" s="1" t="s">
        <v>28478</v>
      </c>
      <c r="B39724" s="1" t="s">
        <v>135894</v>
      </c>
      <c r="C39724" s="1" t="s">
        <v>125</v>
      </c>
      <c r="D39724" s="1" t="s">
        <v>13603</v>
      </c>
      <c r="E39724" s="1" t="s">
        <v>136211</v>
      </c>
      <c r="F39724" s="1" t="s">
        <v>136212</v>
      </c>
      <c r="G39724" s="1" t="s">
        <v>136136</v>
      </c>
      <c r="H39724" s="1" t="s">
        <v>136137</v>
      </c>
      <c r="I39724" s="1" t="s">
        <v>135900</v>
      </c>
      <c r="J39724" s="1" t="s">
        <v>136213</v>
      </c>
    </row>
    <row r="39725" spans="1:10" x14ac:dyDescent="0.35">
      <c r="A39725" s="1" t="s">
        <v>28478</v>
      </c>
      <c r="B39725" s="1" t="s">
        <v>135894</v>
      </c>
      <c r="C39725" s="1" t="s">
        <v>130</v>
      </c>
      <c r="D39725" s="1" t="s">
        <v>61945</v>
      </c>
      <c r="E39725" s="1" t="s">
        <v>136214</v>
      </c>
      <c r="F39725" s="1" t="s">
        <v>136215</v>
      </c>
      <c r="G39725" s="1" t="s">
        <v>136136</v>
      </c>
      <c r="H39725" s="1" t="s">
        <v>136137</v>
      </c>
      <c r="I39725" s="1" t="s">
        <v>135900</v>
      </c>
      <c r="J39725" s="1" t="s">
        <v>136216</v>
      </c>
    </row>
    <row r="39726" spans="1:10" x14ac:dyDescent="0.35">
      <c r="A39726" s="1" t="s">
        <v>28478</v>
      </c>
      <c r="B39726" s="1" t="s">
        <v>135894</v>
      </c>
      <c r="C39726" s="1" t="s">
        <v>135</v>
      </c>
      <c r="D39726" s="1" t="s">
        <v>26736</v>
      </c>
      <c r="E39726" s="1" t="s">
        <v>136217</v>
      </c>
      <c r="F39726" s="1" t="s">
        <v>136218</v>
      </c>
      <c r="G39726" s="1" t="s">
        <v>136136</v>
      </c>
      <c r="H39726" s="1" t="s">
        <v>136137</v>
      </c>
      <c r="I39726" s="1" t="s">
        <v>135900</v>
      </c>
      <c r="J39726" s="1" t="s">
        <v>136219</v>
      </c>
    </row>
    <row r="39727" spans="1:10" x14ac:dyDescent="0.35">
      <c r="A39727" s="1" t="s">
        <v>28478</v>
      </c>
      <c r="B39727" s="1" t="s">
        <v>135894</v>
      </c>
      <c r="C39727" s="1" t="s">
        <v>140</v>
      </c>
      <c r="D39727" s="1" t="s">
        <v>136220</v>
      </c>
      <c r="E39727" s="1" t="s">
        <v>136221</v>
      </c>
      <c r="F39727" s="1" t="s">
        <v>136222</v>
      </c>
      <c r="G39727" s="1" t="s">
        <v>136136</v>
      </c>
      <c r="H39727" s="1" t="s">
        <v>136137</v>
      </c>
      <c r="I39727" s="1" t="s">
        <v>135900</v>
      </c>
      <c r="J39727" s="1" t="s">
        <v>136223</v>
      </c>
    </row>
    <row r="39728" spans="1:10" x14ac:dyDescent="0.35">
      <c r="A39728" s="1" t="s">
        <v>28478</v>
      </c>
      <c r="B39728" s="1" t="s">
        <v>135894</v>
      </c>
      <c r="C39728" s="1" t="s">
        <v>145</v>
      </c>
      <c r="D39728" s="1" t="s">
        <v>57346</v>
      </c>
      <c r="E39728" s="1" t="s">
        <v>136224</v>
      </c>
      <c r="F39728" s="1" t="s">
        <v>136225</v>
      </c>
      <c r="G39728" s="1" t="s">
        <v>136136</v>
      </c>
      <c r="H39728" s="1" t="s">
        <v>136137</v>
      </c>
      <c r="I39728" s="1" t="s">
        <v>135900</v>
      </c>
      <c r="J39728" s="1" t="s">
        <v>136226</v>
      </c>
    </row>
    <row r="39729" spans="1:10" x14ac:dyDescent="0.35">
      <c r="A39729" s="1" t="s">
        <v>28478</v>
      </c>
      <c r="B39729" s="1" t="s">
        <v>135894</v>
      </c>
      <c r="C39729" s="1" t="s">
        <v>150</v>
      </c>
      <c r="D39729" s="1" t="s">
        <v>59011</v>
      </c>
      <c r="E39729" s="1" t="s">
        <v>136227</v>
      </c>
      <c r="F39729" s="1" t="s">
        <v>136228</v>
      </c>
      <c r="G39729" s="1" t="s">
        <v>136136</v>
      </c>
      <c r="H39729" s="1" t="s">
        <v>136137</v>
      </c>
      <c r="I39729" s="1" t="s">
        <v>135900</v>
      </c>
      <c r="J39729" s="1" t="s">
        <v>136229</v>
      </c>
    </row>
    <row r="39730" spans="1:10" x14ac:dyDescent="0.35">
      <c r="A39730" s="1" t="s">
        <v>28478</v>
      </c>
      <c r="B39730" s="1" t="s">
        <v>135894</v>
      </c>
      <c r="C39730" s="1" t="s">
        <v>155</v>
      </c>
      <c r="D39730" s="1" t="s">
        <v>136230</v>
      </c>
      <c r="E39730" s="1" t="s">
        <v>136231</v>
      </c>
      <c r="F39730" s="1" t="s">
        <v>136232</v>
      </c>
      <c r="G39730" s="1" t="s">
        <v>136136</v>
      </c>
      <c r="H39730" s="1" t="s">
        <v>136137</v>
      </c>
      <c r="I39730" s="1" t="s">
        <v>135900</v>
      </c>
      <c r="J39730" s="1" t="s">
        <v>136233</v>
      </c>
    </row>
    <row r="39731" spans="1:10" x14ac:dyDescent="0.35">
      <c r="A39731" s="1" t="s">
        <v>28478</v>
      </c>
      <c r="B39731" s="1" t="s">
        <v>135894</v>
      </c>
      <c r="C39731" s="1" t="s">
        <v>160</v>
      </c>
      <c r="D39731" s="1" t="s">
        <v>24591</v>
      </c>
      <c r="E39731" s="1" t="s">
        <v>136234</v>
      </c>
      <c r="F39731" s="1" t="s">
        <v>136235</v>
      </c>
      <c r="G39731" s="1" t="s">
        <v>136136</v>
      </c>
      <c r="H39731" s="1" t="s">
        <v>136137</v>
      </c>
      <c r="I39731" s="1" t="s">
        <v>135900</v>
      </c>
      <c r="J39731" s="1" t="s">
        <v>136236</v>
      </c>
    </row>
    <row r="39732" spans="1:10" x14ac:dyDescent="0.35">
      <c r="A39732" s="1" t="s">
        <v>28478</v>
      </c>
      <c r="B39732" s="1" t="s">
        <v>135894</v>
      </c>
      <c r="C39732" s="1" t="s">
        <v>165</v>
      </c>
      <c r="D39732" s="1" t="s">
        <v>136237</v>
      </c>
      <c r="E39732" s="1" t="s">
        <v>136238</v>
      </c>
      <c r="F39732" s="1" t="s">
        <v>136239</v>
      </c>
      <c r="G39732" s="1" t="s">
        <v>136136</v>
      </c>
      <c r="H39732" s="1" t="s">
        <v>136137</v>
      </c>
      <c r="I39732" s="1" t="s">
        <v>135900</v>
      </c>
      <c r="J39732" s="1" t="s">
        <v>136240</v>
      </c>
    </row>
    <row r="39733" spans="1:10" x14ac:dyDescent="0.35">
      <c r="A39733" s="1" t="s">
        <v>28478</v>
      </c>
      <c r="B39733" s="1" t="s">
        <v>135894</v>
      </c>
      <c r="C39733" s="1" t="s">
        <v>170</v>
      </c>
      <c r="D39733" s="1" t="s">
        <v>136241</v>
      </c>
      <c r="E39733" s="1" t="s">
        <v>136242</v>
      </c>
      <c r="F39733" s="1" t="s">
        <v>136243</v>
      </c>
      <c r="G39733" s="1" t="s">
        <v>136136</v>
      </c>
      <c r="H39733" s="1" t="s">
        <v>136137</v>
      </c>
      <c r="I39733" s="1" t="s">
        <v>135900</v>
      </c>
      <c r="J39733" s="1" t="s">
        <v>136244</v>
      </c>
    </row>
    <row r="39734" spans="1:10" x14ac:dyDescent="0.35">
      <c r="A39734" s="1" t="s">
        <v>136245</v>
      </c>
      <c r="B39734" s="1" t="s">
        <v>135894</v>
      </c>
      <c r="C39734" s="1" t="s">
        <v>8</v>
      </c>
      <c r="D39734" s="1" t="s">
        <v>11590</v>
      </c>
      <c r="E39734" s="1" t="s">
        <v>136246</v>
      </c>
      <c r="F39734" s="1" t="s">
        <v>136247</v>
      </c>
      <c r="G39734" s="1" t="s">
        <v>136248</v>
      </c>
      <c r="H39734" s="1" t="s">
        <v>136249</v>
      </c>
      <c r="I39734" s="1" t="s">
        <v>135900</v>
      </c>
      <c r="J39734" s="1" t="s">
        <v>13</v>
      </c>
    </row>
    <row r="39735" spans="1:10" x14ac:dyDescent="0.35">
      <c r="A39735" s="1" t="s">
        <v>136245</v>
      </c>
      <c r="B39735" s="1" t="s">
        <v>135894</v>
      </c>
      <c r="C39735" s="1" t="s">
        <v>15</v>
      </c>
      <c r="D39735" s="1" t="s">
        <v>136250</v>
      </c>
      <c r="E39735" s="1" t="s">
        <v>136251</v>
      </c>
      <c r="F39735" s="1" t="s">
        <v>136252</v>
      </c>
      <c r="G39735" s="1" t="s">
        <v>136248</v>
      </c>
      <c r="H39735" s="1" t="s">
        <v>136249</v>
      </c>
      <c r="I39735" s="1" t="s">
        <v>135900</v>
      </c>
      <c r="J39735" s="1" t="s">
        <v>136253</v>
      </c>
    </row>
    <row r="39736" spans="1:10" x14ac:dyDescent="0.35">
      <c r="A39736" s="1" t="s">
        <v>136245</v>
      </c>
      <c r="B39736" s="1" t="s">
        <v>135894</v>
      </c>
      <c r="C39736" s="1" t="s">
        <v>20</v>
      </c>
      <c r="D39736" s="1" t="s">
        <v>98029</v>
      </c>
      <c r="E39736" s="1" t="s">
        <v>136254</v>
      </c>
      <c r="F39736" s="1" t="s">
        <v>136255</v>
      </c>
      <c r="G39736" s="1" t="s">
        <v>136248</v>
      </c>
      <c r="H39736" s="1" t="s">
        <v>136249</v>
      </c>
      <c r="I39736" s="1" t="s">
        <v>135900</v>
      </c>
      <c r="J39736" s="1" t="s">
        <v>136256</v>
      </c>
    </row>
    <row r="39737" spans="1:10" x14ac:dyDescent="0.35">
      <c r="A39737" s="1" t="s">
        <v>136245</v>
      </c>
      <c r="B39737" s="1" t="s">
        <v>135894</v>
      </c>
      <c r="C39737" s="1" t="s">
        <v>25</v>
      </c>
      <c r="D39737" s="1" t="s">
        <v>108979</v>
      </c>
      <c r="E39737" s="1" t="s">
        <v>136257</v>
      </c>
      <c r="F39737" s="1" t="s">
        <v>136258</v>
      </c>
      <c r="G39737" s="1" t="s">
        <v>136248</v>
      </c>
      <c r="H39737" s="1" t="s">
        <v>136249</v>
      </c>
      <c r="I39737" s="1" t="s">
        <v>135900</v>
      </c>
      <c r="J39737" s="1" t="s">
        <v>136259</v>
      </c>
    </row>
    <row r="39738" spans="1:10" x14ac:dyDescent="0.35">
      <c r="A39738" s="1" t="s">
        <v>136245</v>
      </c>
      <c r="B39738" s="1" t="s">
        <v>135894</v>
      </c>
      <c r="C39738" s="1" t="s">
        <v>30</v>
      </c>
      <c r="D39738" s="1" t="s">
        <v>136260</v>
      </c>
      <c r="E39738" s="1" t="s">
        <v>136261</v>
      </c>
      <c r="F39738" s="1" t="s">
        <v>136262</v>
      </c>
      <c r="G39738" s="1" t="s">
        <v>136248</v>
      </c>
      <c r="H39738" s="1" t="s">
        <v>136249</v>
      </c>
      <c r="I39738" s="1" t="s">
        <v>135900</v>
      </c>
      <c r="J39738" s="1" t="s">
        <v>136263</v>
      </c>
    </row>
    <row r="39739" spans="1:10" x14ac:dyDescent="0.35">
      <c r="A39739" s="1" t="s">
        <v>136245</v>
      </c>
      <c r="B39739" s="1" t="s">
        <v>135894</v>
      </c>
      <c r="C39739" s="1" t="s">
        <v>35</v>
      </c>
      <c r="D39739" s="1" t="s">
        <v>62325</v>
      </c>
      <c r="E39739" s="1" t="s">
        <v>136264</v>
      </c>
      <c r="F39739" s="1" t="s">
        <v>136265</v>
      </c>
      <c r="G39739" s="1" t="s">
        <v>136248</v>
      </c>
      <c r="H39739" s="1" t="s">
        <v>136249</v>
      </c>
      <c r="I39739" s="1" t="s">
        <v>135900</v>
      </c>
      <c r="J39739" s="1" t="s">
        <v>136266</v>
      </c>
    </row>
    <row r="39740" spans="1:10" x14ac:dyDescent="0.35">
      <c r="A39740" s="1" t="s">
        <v>136245</v>
      </c>
      <c r="B39740" s="1" t="s">
        <v>135894</v>
      </c>
      <c r="C39740" s="1" t="s">
        <v>40</v>
      </c>
      <c r="D39740" s="1" t="s">
        <v>80447</v>
      </c>
      <c r="E39740" s="1" t="s">
        <v>136267</v>
      </c>
      <c r="F39740" s="1" t="s">
        <v>136268</v>
      </c>
      <c r="G39740" s="1" t="s">
        <v>136248</v>
      </c>
      <c r="H39740" s="1" t="s">
        <v>136249</v>
      </c>
      <c r="I39740" s="1" t="s">
        <v>135900</v>
      </c>
      <c r="J39740" s="1" t="s">
        <v>136269</v>
      </c>
    </row>
    <row r="39741" spans="1:10" x14ac:dyDescent="0.35">
      <c r="A39741" s="1" t="s">
        <v>136245</v>
      </c>
      <c r="B39741" s="1" t="s">
        <v>135894</v>
      </c>
      <c r="C39741" s="1" t="s">
        <v>45</v>
      </c>
      <c r="D39741" s="1" t="s">
        <v>22262</v>
      </c>
      <c r="E39741" s="1" t="s">
        <v>136270</v>
      </c>
      <c r="F39741" s="1" t="s">
        <v>136271</v>
      </c>
      <c r="G39741" s="1" t="s">
        <v>136248</v>
      </c>
      <c r="H39741" s="1" t="s">
        <v>136249</v>
      </c>
      <c r="I39741" s="1" t="s">
        <v>135900</v>
      </c>
      <c r="J39741" s="1" t="s">
        <v>136272</v>
      </c>
    </row>
    <row r="39742" spans="1:10" x14ac:dyDescent="0.35">
      <c r="A39742" s="1" t="s">
        <v>136245</v>
      </c>
      <c r="B39742" s="1" t="s">
        <v>135894</v>
      </c>
      <c r="C39742" s="1" t="s">
        <v>50</v>
      </c>
      <c r="D39742" s="1" t="s">
        <v>66681</v>
      </c>
      <c r="E39742" s="1" t="s">
        <v>136273</v>
      </c>
      <c r="F39742" s="1" t="s">
        <v>136274</v>
      </c>
      <c r="G39742" s="1" t="s">
        <v>136248</v>
      </c>
      <c r="H39742" s="1" t="s">
        <v>136249</v>
      </c>
      <c r="I39742" s="1" t="s">
        <v>135900</v>
      </c>
      <c r="J39742" s="1" t="s">
        <v>132466</v>
      </c>
    </row>
    <row r="39743" spans="1:10" x14ac:dyDescent="0.35">
      <c r="A39743" s="1" t="s">
        <v>136245</v>
      </c>
      <c r="B39743" s="1" t="s">
        <v>135894</v>
      </c>
      <c r="C39743" s="1" t="s">
        <v>55</v>
      </c>
      <c r="D39743" s="1" t="s">
        <v>62829</v>
      </c>
      <c r="E39743" s="1" t="s">
        <v>136275</v>
      </c>
      <c r="F39743" s="1" t="s">
        <v>136276</v>
      </c>
      <c r="G39743" s="1" t="s">
        <v>136248</v>
      </c>
      <c r="H39743" s="1" t="s">
        <v>136249</v>
      </c>
      <c r="I39743" s="1" t="s">
        <v>135900</v>
      </c>
      <c r="J39743" s="1" t="s">
        <v>136277</v>
      </c>
    </row>
    <row r="39744" spans="1:10" x14ac:dyDescent="0.35">
      <c r="A39744" s="1" t="s">
        <v>136245</v>
      </c>
      <c r="B39744" s="1" t="s">
        <v>135894</v>
      </c>
      <c r="C39744" s="1" t="s">
        <v>60</v>
      </c>
      <c r="D39744" s="1" t="s">
        <v>14673</v>
      </c>
      <c r="E39744" s="1" t="s">
        <v>136278</v>
      </c>
      <c r="F39744" s="1" t="s">
        <v>136279</v>
      </c>
      <c r="G39744" s="1" t="s">
        <v>136248</v>
      </c>
      <c r="H39744" s="1" t="s">
        <v>136249</v>
      </c>
      <c r="I39744" s="1" t="s">
        <v>135900</v>
      </c>
      <c r="J39744" s="1" t="s">
        <v>136280</v>
      </c>
    </row>
    <row r="39745" spans="1:10" x14ac:dyDescent="0.35">
      <c r="A39745" s="1" t="s">
        <v>136245</v>
      </c>
      <c r="B39745" s="1" t="s">
        <v>135894</v>
      </c>
      <c r="C39745" s="1" t="s">
        <v>65</v>
      </c>
      <c r="D39745" s="1" t="s">
        <v>136281</v>
      </c>
      <c r="E39745" s="1" t="s">
        <v>136282</v>
      </c>
      <c r="F39745" s="1" t="s">
        <v>136283</v>
      </c>
      <c r="G39745" s="1" t="s">
        <v>136248</v>
      </c>
      <c r="H39745" s="1" t="s">
        <v>136249</v>
      </c>
      <c r="I39745" s="1" t="s">
        <v>135900</v>
      </c>
      <c r="J39745" s="1" t="s">
        <v>136284</v>
      </c>
    </row>
    <row r="39746" spans="1:10" x14ac:dyDescent="0.35">
      <c r="A39746" s="1" t="s">
        <v>136245</v>
      </c>
      <c r="B39746" s="1" t="s">
        <v>135894</v>
      </c>
      <c r="C39746" s="1" t="s">
        <v>70</v>
      </c>
      <c r="D39746" s="1" t="s">
        <v>15131</v>
      </c>
      <c r="E39746" s="1" t="s">
        <v>136285</v>
      </c>
      <c r="F39746" s="1" t="s">
        <v>136286</v>
      </c>
      <c r="G39746" s="1" t="s">
        <v>136248</v>
      </c>
      <c r="H39746" s="1" t="s">
        <v>136249</v>
      </c>
      <c r="I39746" s="1" t="s">
        <v>135900</v>
      </c>
      <c r="J39746" s="1" t="s">
        <v>136287</v>
      </c>
    </row>
    <row r="39747" spans="1:10" x14ac:dyDescent="0.35">
      <c r="A39747" s="1" t="s">
        <v>136245</v>
      </c>
      <c r="B39747" s="1" t="s">
        <v>135894</v>
      </c>
      <c r="C39747" s="1" t="s">
        <v>75</v>
      </c>
      <c r="D39747" s="1" t="s">
        <v>108881</v>
      </c>
      <c r="E39747" s="1" t="s">
        <v>136288</v>
      </c>
      <c r="F39747" s="1" t="s">
        <v>136289</v>
      </c>
      <c r="G39747" s="1" t="s">
        <v>136248</v>
      </c>
      <c r="H39747" s="1" t="s">
        <v>136249</v>
      </c>
      <c r="I39747" s="1" t="s">
        <v>135900</v>
      </c>
      <c r="J39747" s="1" t="s">
        <v>136290</v>
      </c>
    </row>
    <row r="39748" spans="1:10" x14ac:dyDescent="0.35">
      <c r="A39748" s="1" t="s">
        <v>136245</v>
      </c>
      <c r="B39748" s="1" t="s">
        <v>135894</v>
      </c>
      <c r="C39748" s="1" t="s">
        <v>80</v>
      </c>
      <c r="D39748" s="1" t="s">
        <v>136291</v>
      </c>
      <c r="E39748" s="1" t="s">
        <v>136292</v>
      </c>
      <c r="F39748" s="1" t="s">
        <v>136293</v>
      </c>
      <c r="G39748" s="1" t="s">
        <v>136248</v>
      </c>
      <c r="H39748" s="1" t="s">
        <v>136249</v>
      </c>
      <c r="I39748" s="1" t="s">
        <v>135900</v>
      </c>
      <c r="J39748" s="1" t="s">
        <v>136294</v>
      </c>
    </row>
    <row r="39749" spans="1:10" x14ac:dyDescent="0.35">
      <c r="A39749" s="1" t="s">
        <v>136245</v>
      </c>
      <c r="B39749" s="1" t="s">
        <v>135894</v>
      </c>
      <c r="C39749" s="1" t="s">
        <v>85</v>
      </c>
      <c r="D39749" s="1" t="s">
        <v>96447</v>
      </c>
      <c r="E39749" s="1" t="s">
        <v>136295</v>
      </c>
      <c r="F39749" s="1" t="s">
        <v>136296</v>
      </c>
      <c r="G39749" s="1" t="s">
        <v>136248</v>
      </c>
      <c r="H39749" s="1" t="s">
        <v>136249</v>
      </c>
      <c r="I39749" s="1" t="s">
        <v>135900</v>
      </c>
      <c r="J39749" s="1" t="s">
        <v>136297</v>
      </c>
    </row>
    <row r="39750" spans="1:10" x14ac:dyDescent="0.35">
      <c r="A39750" s="1" t="s">
        <v>136245</v>
      </c>
      <c r="B39750" s="1" t="s">
        <v>135894</v>
      </c>
      <c r="C39750" s="1" t="s">
        <v>90</v>
      </c>
      <c r="D39750" s="1" t="s">
        <v>134905</v>
      </c>
      <c r="E39750" s="1" t="s">
        <v>136298</v>
      </c>
      <c r="F39750" s="1" t="s">
        <v>136299</v>
      </c>
      <c r="G39750" s="1" t="s">
        <v>136248</v>
      </c>
      <c r="H39750" s="1" t="s">
        <v>136249</v>
      </c>
      <c r="I39750" s="1" t="s">
        <v>135900</v>
      </c>
      <c r="J39750" s="1" t="s">
        <v>136300</v>
      </c>
    </row>
    <row r="39751" spans="1:10" x14ac:dyDescent="0.35">
      <c r="A39751" s="1" t="s">
        <v>136245</v>
      </c>
      <c r="B39751" s="1" t="s">
        <v>135894</v>
      </c>
      <c r="C39751" s="1" t="s">
        <v>95</v>
      </c>
      <c r="D39751" s="1" t="s">
        <v>16755</v>
      </c>
      <c r="E39751" s="1" t="s">
        <v>136301</v>
      </c>
      <c r="F39751" s="1" t="s">
        <v>136302</v>
      </c>
      <c r="G39751" s="1" t="s">
        <v>136248</v>
      </c>
      <c r="H39751" s="1" t="s">
        <v>136249</v>
      </c>
      <c r="I39751" s="1" t="s">
        <v>135900</v>
      </c>
      <c r="J39751" s="1" t="s">
        <v>136303</v>
      </c>
    </row>
    <row r="39752" spans="1:10" x14ac:dyDescent="0.35">
      <c r="A39752" s="1" t="s">
        <v>136245</v>
      </c>
      <c r="B39752" s="1" t="s">
        <v>135894</v>
      </c>
      <c r="C39752" s="1" t="s">
        <v>100</v>
      </c>
      <c r="D39752" s="1" t="s">
        <v>24695</v>
      </c>
      <c r="E39752" s="1" t="s">
        <v>136304</v>
      </c>
      <c r="F39752" s="1" t="s">
        <v>136305</v>
      </c>
      <c r="G39752" s="1" t="s">
        <v>136248</v>
      </c>
      <c r="H39752" s="1" t="s">
        <v>136249</v>
      </c>
      <c r="I39752" s="1" t="s">
        <v>135900</v>
      </c>
      <c r="J39752" s="1" t="s">
        <v>136306</v>
      </c>
    </row>
    <row r="39753" spans="1:10" x14ac:dyDescent="0.35">
      <c r="A39753" s="1" t="s">
        <v>136245</v>
      </c>
      <c r="B39753" s="1" t="s">
        <v>135894</v>
      </c>
      <c r="C39753" s="1" t="s">
        <v>105</v>
      </c>
      <c r="D39753" s="1" t="s">
        <v>136307</v>
      </c>
      <c r="E39753" s="1" t="s">
        <v>136308</v>
      </c>
      <c r="F39753" s="1" t="s">
        <v>136309</v>
      </c>
      <c r="G39753" s="1" t="s">
        <v>136248</v>
      </c>
      <c r="H39753" s="1" t="s">
        <v>136249</v>
      </c>
      <c r="I39753" s="1" t="s">
        <v>135900</v>
      </c>
      <c r="J39753" s="1" t="s">
        <v>136310</v>
      </c>
    </row>
    <row r="39754" spans="1:10" x14ac:dyDescent="0.35">
      <c r="A39754" s="1" t="s">
        <v>136245</v>
      </c>
      <c r="B39754" s="1" t="s">
        <v>135894</v>
      </c>
      <c r="C39754" s="1" t="s">
        <v>110</v>
      </c>
      <c r="D39754" s="1" t="s">
        <v>136311</v>
      </c>
      <c r="E39754" s="1" t="s">
        <v>136312</v>
      </c>
      <c r="F39754" s="1" t="s">
        <v>136313</v>
      </c>
      <c r="G39754" s="1" t="s">
        <v>136248</v>
      </c>
      <c r="H39754" s="1" t="s">
        <v>136249</v>
      </c>
      <c r="I39754" s="1" t="s">
        <v>135900</v>
      </c>
      <c r="J39754" s="1" t="s">
        <v>136314</v>
      </c>
    </row>
    <row r="39755" spans="1:10" x14ac:dyDescent="0.35">
      <c r="A39755" s="1" t="s">
        <v>136245</v>
      </c>
      <c r="B39755" s="1" t="s">
        <v>135894</v>
      </c>
      <c r="C39755" s="1" t="s">
        <v>115</v>
      </c>
      <c r="D39755" s="1" t="s">
        <v>136315</v>
      </c>
      <c r="E39755" s="1" t="s">
        <v>136316</v>
      </c>
      <c r="F39755" s="1" t="s">
        <v>136317</v>
      </c>
      <c r="G39755" s="1" t="s">
        <v>136248</v>
      </c>
      <c r="H39755" s="1" t="s">
        <v>136249</v>
      </c>
      <c r="I39755" s="1" t="s">
        <v>135900</v>
      </c>
      <c r="J39755" s="1" t="s">
        <v>136318</v>
      </c>
    </row>
    <row r="39756" spans="1:10" x14ac:dyDescent="0.35">
      <c r="A39756" s="1" t="s">
        <v>136245</v>
      </c>
      <c r="B39756" s="1" t="s">
        <v>135894</v>
      </c>
      <c r="C39756" s="1" t="s">
        <v>120</v>
      </c>
      <c r="D39756" s="1" t="s">
        <v>136319</v>
      </c>
      <c r="E39756" s="1" t="s">
        <v>136320</v>
      </c>
      <c r="F39756" s="1" t="s">
        <v>136321</v>
      </c>
      <c r="G39756" s="1" t="s">
        <v>136248</v>
      </c>
      <c r="H39756" s="1" t="s">
        <v>136249</v>
      </c>
      <c r="I39756" s="1" t="s">
        <v>135900</v>
      </c>
      <c r="J39756" s="1" t="s">
        <v>136322</v>
      </c>
    </row>
    <row r="39757" spans="1:10" x14ac:dyDescent="0.35">
      <c r="A39757" s="1" t="s">
        <v>136245</v>
      </c>
      <c r="B39757" s="1" t="s">
        <v>135894</v>
      </c>
      <c r="C39757" s="1" t="s">
        <v>125</v>
      </c>
      <c r="D39757" s="1" t="s">
        <v>93644</v>
      </c>
      <c r="E39757" s="1" t="s">
        <v>136323</v>
      </c>
      <c r="F39757" s="1" t="s">
        <v>136324</v>
      </c>
      <c r="G39757" s="1" t="s">
        <v>136248</v>
      </c>
      <c r="H39757" s="1" t="s">
        <v>136249</v>
      </c>
      <c r="I39757" s="1" t="s">
        <v>135900</v>
      </c>
      <c r="J39757" s="1" t="s">
        <v>136325</v>
      </c>
    </row>
    <row r="39758" spans="1:10" x14ac:dyDescent="0.35">
      <c r="A39758" s="1" t="s">
        <v>136245</v>
      </c>
      <c r="B39758" s="1" t="s">
        <v>135894</v>
      </c>
      <c r="C39758" s="1" t="s">
        <v>130</v>
      </c>
      <c r="D39758" s="1" t="s">
        <v>97073</v>
      </c>
      <c r="E39758" s="1" t="s">
        <v>136326</v>
      </c>
      <c r="F39758" s="1" t="s">
        <v>136327</v>
      </c>
      <c r="G39758" s="1" t="s">
        <v>136248</v>
      </c>
      <c r="H39758" s="1" t="s">
        <v>136249</v>
      </c>
      <c r="I39758" s="1" t="s">
        <v>135900</v>
      </c>
      <c r="J39758" s="1" t="s">
        <v>136328</v>
      </c>
    </row>
    <row r="39759" spans="1:10" x14ac:dyDescent="0.35">
      <c r="A39759" s="1" t="s">
        <v>136245</v>
      </c>
      <c r="B39759" s="1" t="s">
        <v>135894</v>
      </c>
      <c r="C39759" s="1" t="s">
        <v>135</v>
      </c>
      <c r="D39759" s="1" t="s">
        <v>39480</v>
      </c>
      <c r="E39759" s="1" t="s">
        <v>136329</v>
      </c>
      <c r="F39759" s="1" t="s">
        <v>136330</v>
      </c>
      <c r="G39759" s="1" t="s">
        <v>136248</v>
      </c>
      <c r="H39759" s="1" t="s">
        <v>136249</v>
      </c>
      <c r="I39759" s="1" t="s">
        <v>135900</v>
      </c>
      <c r="J39759" s="1" t="s">
        <v>136331</v>
      </c>
    </row>
    <row r="39760" spans="1:10" x14ac:dyDescent="0.35">
      <c r="A39760" s="1" t="s">
        <v>136245</v>
      </c>
      <c r="B39760" s="1" t="s">
        <v>135894</v>
      </c>
      <c r="C39760" s="1" t="s">
        <v>140</v>
      </c>
      <c r="D39760" s="1" t="s">
        <v>77514</v>
      </c>
      <c r="E39760" s="1" t="s">
        <v>136332</v>
      </c>
      <c r="F39760" s="1" t="s">
        <v>136333</v>
      </c>
      <c r="G39760" s="1" t="s">
        <v>136248</v>
      </c>
      <c r="H39760" s="1" t="s">
        <v>136249</v>
      </c>
      <c r="I39760" s="1" t="s">
        <v>135900</v>
      </c>
      <c r="J39760" s="1" t="s">
        <v>136334</v>
      </c>
    </row>
    <row r="39761" spans="1:10" x14ac:dyDescent="0.35">
      <c r="A39761" s="1" t="s">
        <v>136245</v>
      </c>
      <c r="B39761" s="1" t="s">
        <v>135894</v>
      </c>
      <c r="C39761" s="1" t="s">
        <v>145</v>
      </c>
      <c r="D39761" s="1" t="s">
        <v>136335</v>
      </c>
      <c r="E39761" s="1" t="s">
        <v>136336</v>
      </c>
      <c r="F39761" s="1" t="s">
        <v>136337</v>
      </c>
      <c r="G39761" s="1" t="s">
        <v>136248</v>
      </c>
      <c r="H39761" s="1" t="s">
        <v>136249</v>
      </c>
      <c r="I39761" s="1" t="s">
        <v>135900</v>
      </c>
      <c r="J39761" s="1" t="s">
        <v>136338</v>
      </c>
    </row>
    <row r="39762" spans="1:10" x14ac:dyDescent="0.35">
      <c r="A39762" s="1" t="s">
        <v>136245</v>
      </c>
      <c r="B39762" s="1" t="s">
        <v>135894</v>
      </c>
      <c r="C39762" s="1" t="s">
        <v>150</v>
      </c>
      <c r="D39762" s="1" t="s">
        <v>20598</v>
      </c>
      <c r="E39762" s="1" t="s">
        <v>136339</v>
      </c>
      <c r="F39762" s="1" t="s">
        <v>136340</v>
      </c>
      <c r="G39762" s="1" t="s">
        <v>136248</v>
      </c>
      <c r="H39762" s="1" t="s">
        <v>136249</v>
      </c>
      <c r="I39762" s="1" t="s">
        <v>135900</v>
      </c>
      <c r="J39762" s="1" t="s">
        <v>136341</v>
      </c>
    </row>
    <row r="39763" spans="1:10" x14ac:dyDescent="0.35">
      <c r="A39763" s="1" t="s">
        <v>136245</v>
      </c>
      <c r="B39763" s="1" t="s">
        <v>135894</v>
      </c>
      <c r="C39763" s="1" t="s">
        <v>155</v>
      </c>
      <c r="D39763" s="1" t="s">
        <v>53760</v>
      </c>
      <c r="E39763" s="1" t="s">
        <v>136342</v>
      </c>
      <c r="F39763" s="1" t="s">
        <v>136343</v>
      </c>
      <c r="G39763" s="1" t="s">
        <v>136248</v>
      </c>
      <c r="H39763" s="1" t="s">
        <v>136249</v>
      </c>
      <c r="I39763" s="1" t="s">
        <v>135900</v>
      </c>
      <c r="J39763" s="1" t="s">
        <v>136344</v>
      </c>
    </row>
    <row r="39764" spans="1:10" x14ac:dyDescent="0.35">
      <c r="A39764" s="1" t="s">
        <v>136245</v>
      </c>
      <c r="B39764" s="1" t="s">
        <v>135894</v>
      </c>
      <c r="C39764" s="1" t="s">
        <v>160</v>
      </c>
      <c r="D39764" s="1" t="s">
        <v>20432</v>
      </c>
      <c r="E39764" s="1" t="s">
        <v>136345</v>
      </c>
      <c r="F39764" s="1" t="s">
        <v>136346</v>
      </c>
      <c r="G39764" s="1" t="s">
        <v>136248</v>
      </c>
      <c r="H39764" s="1" t="s">
        <v>136249</v>
      </c>
      <c r="I39764" s="1" t="s">
        <v>135900</v>
      </c>
      <c r="J39764" s="1" t="s">
        <v>136347</v>
      </c>
    </row>
    <row r="39765" spans="1:10" x14ac:dyDescent="0.35">
      <c r="A39765" s="1" t="s">
        <v>136245</v>
      </c>
      <c r="B39765" s="1" t="s">
        <v>135894</v>
      </c>
      <c r="C39765" s="1" t="s">
        <v>165</v>
      </c>
      <c r="D39765" s="1" t="s">
        <v>89790</v>
      </c>
      <c r="E39765" s="1" t="s">
        <v>136348</v>
      </c>
      <c r="F39765" s="1" t="s">
        <v>136349</v>
      </c>
      <c r="G39765" s="1" t="s">
        <v>136248</v>
      </c>
      <c r="H39765" s="1" t="s">
        <v>136249</v>
      </c>
      <c r="I39765" s="1" t="s">
        <v>135900</v>
      </c>
      <c r="J39765" s="1" t="s">
        <v>136350</v>
      </c>
    </row>
    <row r="39766" spans="1:10" x14ac:dyDescent="0.35">
      <c r="A39766" s="1" t="s">
        <v>136245</v>
      </c>
      <c r="B39766" s="1" t="s">
        <v>135894</v>
      </c>
      <c r="C39766" s="1" t="s">
        <v>170</v>
      </c>
      <c r="D39766" s="1" t="s">
        <v>136351</v>
      </c>
      <c r="E39766" s="1" t="s">
        <v>136352</v>
      </c>
      <c r="F39766" s="1" t="s">
        <v>136353</v>
      </c>
      <c r="G39766" s="1" t="s">
        <v>136248</v>
      </c>
      <c r="H39766" s="1" t="s">
        <v>136249</v>
      </c>
      <c r="I39766" s="1" t="s">
        <v>135900</v>
      </c>
      <c r="J39766" s="1" t="s">
        <v>136354</v>
      </c>
    </row>
    <row r="39767" spans="1:10" x14ac:dyDescent="0.35">
      <c r="A39767" s="1" t="s">
        <v>9868</v>
      </c>
      <c r="B39767" s="1" t="s">
        <v>135894</v>
      </c>
      <c r="C39767" s="1" t="s">
        <v>8</v>
      </c>
      <c r="D39767" s="1" t="s">
        <v>136355</v>
      </c>
      <c r="E39767" s="1" t="s">
        <v>136356</v>
      </c>
      <c r="F39767" s="1" t="s">
        <v>136357</v>
      </c>
      <c r="G39767" s="1" t="s">
        <v>136358</v>
      </c>
      <c r="H39767" s="1" t="s">
        <v>136359</v>
      </c>
      <c r="I39767" s="1" t="s">
        <v>135900</v>
      </c>
      <c r="J39767" s="1" t="s">
        <v>13</v>
      </c>
    </row>
    <row r="39768" spans="1:10" x14ac:dyDescent="0.35">
      <c r="A39768" s="1" t="s">
        <v>9868</v>
      </c>
      <c r="B39768" s="1" t="s">
        <v>135894</v>
      </c>
      <c r="C39768" s="1" t="s">
        <v>15</v>
      </c>
      <c r="D39768" s="1" t="s">
        <v>136360</v>
      </c>
      <c r="E39768" s="1" t="s">
        <v>136361</v>
      </c>
      <c r="F39768" s="1" t="s">
        <v>136362</v>
      </c>
      <c r="G39768" s="1" t="s">
        <v>136358</v>
      </c>
      <c r="H39768" s="1" t="s">
        <v>136359</v>
      </c>
      <c r="I39768" s="1" t="s">
        <v>135900</v>
      </c>
      <c r="J39768" s="1" t="s">
        <v>136363</v>
      </c>
    </row>
    <row r="39769" spans="1:10" x14ac:dyDescent="0.35">
      <c r="A39769" s="1" t="s">
        <v>9868</v>
      </c>
      <c r="B39769" s="1" t="s">
        <v>135894</v>
      </c>
      <c r="C39769" s="1" t="s">
        <v>20</v>
      </c>
      <c r="D39769" s="1" t="s">
        <v>130549</v>
      </c>
      <c r="E39769" s="1" t="s">
        <v>136364</v>
      </c>
      <c r="F39769" s="1" t="s">
        <v>136365</v>
      </c>
      <c r="G39769" s="1" t="s">
        <v>136358</v>
      </c>
      <c r="H39769" s="1" t="s">
        <v>136359</v>
      </c>
      <c r="I39769" s="1" t="s">
        <v>135900</v>
      </c>
      <c r="J39769" s="1" t="s">
        <v>136366</v>
      </c>
    </row>
    <row r="39770" spans="1:10" x14ac:dyDescent="0.35">
      <c r="A39770" s="1" t="s">
        <v>9868</v>
      </c>
      <c r="B39770" s="1" t="s">
        <v>135894</v>
      </c>
      <c r="C39770" s="1" t="s">
        <v>25</v>
      </c>
      <c r="D39770" s="1" t="s">
        <v>136367</v>
      </c>
      <c r="E39770" s="1" t="s">
        <v>136368</v>
      </c>
      <c r="F39770" s="1" t="s">
        <v>136369</v>
      </c>
      <c r="G39770" s="1" t="s">
        <v>136358</v>
      </c>
      <c r="H39770" s="1" t="s">
        <v>136359</v>
      </c>
      <c r="I39770" s="1" t="s">
        <v>135900</v>
      </c>
      <c r="J39770" s="1" t="s">
        <v>136370</v>
      </c>
    </row>
    <row r="39771" spans="1:10" x14ac:dyDescent="0.35">
      <c r="A39771" s="1" t="s">
        <v>9868</v>
      </c>
      <c r="B39771" s="1" t="s">
        <v>135894</v>
      </c>
      <c r="C39771" s="1" t="s">
        <v>30</v>
      </c>
      <c r="D39771" s="1" t="s">
        <v>136371</v>
      </c>
      <c r="E39771" s="1" t="s">
        <v>136372</v>
      </c>
      <c r="F39771" s="1" t="s">
        <v>136373</v>
      </c>
      <c r="G39771" s="1" t="s">
        <v>136358</v>
      </c>
      <c r="H39771" s="1" t="s">
        <v>136359</v>
      </c>
      <c r="I39771" s="1" t="s">
        <v>135900</v>
      </c>
      <c r="J39771" s="1" t="s">
        <v>136374</v>
      </c>
    </row>
    <row r="39772" spans="1:10" x14ac:dyDescent="0.35">
      <c r="A39772" s="1" t="s">
        <v>9868</v>
      </c>
      <c r="B39772" s="1" t="s">
        <v>135894</v>
      </c>
      <c r="C39772" s="1" t="s">
        <v>35</v>
      </c>
      <c r="D39772" s="1" t="s">
        <v>64027</v>
      </c>
      <c r="E39772" s="1" t="s">
        <v>136375</v>
      </c>
      <c r="F39772" s="1" t="s">
        <v>136376</v>
      </c>
      <c r="G39772" s="1" t="s">
        <v>136358</v>
      </c>
      <c r="H39772" s="1" t="s">
        <v>136359</v>
      </c>
      <c r="I39772" s="1" t="s">
        <v>135900</v>
      </c>
      <c r="J39772" s="1" t="s">
        <v>136377</v>
      </c>
    </row>
    <row r="39773" spans="1:10" x14ac:dyDescent="0.35">
      <c r="A39773" s="1" t="s">
        <v>9868</v>
      </c>
      <c r="B39773" s="1" t="s">
        <v>135894</v>
      </c>
      <c r="C39773" s="1" t="s">
        <v>40</v>
      </c>
      <c r="D39773" s="1" t="s">
        <v>67991</v>
      </c>
      <c r="E39773" s="1" t="s">
        <v>136378</v>
      </c>
      <c r="F39773" s="1" t="s">
        <v>136379</v>
      </c>
      <c r="G39773" s="1" t="s">
        <v>136358</v>
      </c>
      <c r="H39773" s="1" t="s">
        <v>136359</v>
      </c>
      <c r="I39773" s="1" t="s">
        <v>135900</v>
      </c>
      <c r="J39773" s="1" t="s">
        <v>136380</v>
      </c>
    </row>
    <row r="39774" spans="1:10" x14ac:dyDescent="0.35">
      <c r="A39774" s="1" t="s">
        <v>9868</v>
      </c>
      <c r="B39774" s="1" t="s">
        <v>135894</v>
      </c>
      <c r="C39774" s="1" t="s">
        <v>45</v>
      </c>
      <c r="D39774" s="1" t="s">
        <v>133123</v>
      </c>
      <c r="E39774" s="1" t="s">
        <v>136381</v>
      </c>
      <c r="F39774" s="1" t="s">
        <v>136382</v>
      </c>
      <c r="G39774" s="1" t="s">
        <v>136358</v>
      </c>
      <c r="H39774" s="1" t="s">
        <v>136359</v>
      </c>
      <c r="I39774" s="1" t="s">
        <v>135900</v>
      </c>
      <c r="J39774" s="1" t="s">
        <v>136383</v>
      </c>
    </row>
    <row r="39775" spans="1:10" x14ac:dyDescent="0.35">
      <c r="A39775" s="1" t="s">
        <v>9868</v>
      </c>
      <c r="B39775" s="1" t="s">
        <v>135894</v>
      </c>
      <c r="C39775" s="1" t="s">
        <v>50</v>
      </c>
      <c r="D39775" s="1" t="s">
        <v>20696</v>
      </c>
      <c r="E39775" s="1" t="s">
        <v>136384</v>
      </c>
      <c r="F39775" s="1" t="s">
        <v>136385</v>
      </c>
      <c r="G39775" s="1" t="s">
        <v>136358</v>
      </c>
      <c r="H39775" s="1" t="s">
        <v>136359</v>
      </c>
      <c r="I39775" s="1" t="s">
        <v>135900</v>
      </c>
      <c r="J39775" s="1" t="s">
        <v>136386</v>
      </c>
    </row>
    <row r="39776" spans="1:10" x14ac:dyDescent="0.35">
      <c r="A39776" s="1" t="s">
        <v>9868</v>
      </c>
      <c r="B39776" s="1" t="s">
        <v>135894</v>
      </c>
      <c r="C39776" s="1" t="s">
        <v>55</v>
      </c>
      <c r="D39776" s="1" t="s">
        <v>136387</v>
      </c>
      <c r="E39776" s="1" t="s">
        <v>136388</v>
      </c>
      <c r="F39776" s="1" t="s">
        <v>136389</v>
      </c>
      <c r="G39776" s="1" t="s">
        <v>136358</v>
      </c>
      <c r="H39776" s="1" t="s">
        <v>136359</v>
      </c>
      <c r="I39776" s="1" t="s">
        <v>135900</v>
      </c>
      <c r="J39776" s="1" t="s">
        <v>136390</v>
      </c>
    </row>
    <row r="39777" spans="1:10" x14ac:dyDescent="0.35">
      <c r="A39777" s="1" t="s">
        <v>9868</v>
      </c>
      <c r="B39777" s="1" t="s">
        <v>135894</v>
      </c>
      <c r="C39777" s="1" t="s">
        <v>60</v>
      </c>
      <c r="D39777" s="1" t="s">
        <v>136391</v>
      </c>
      <c r="E39777" s="1" t="s">
        <v>136392</v>
      </c>
      <c r="F39777" s="1" t="s">
        <v>136393</v>
      </c>
      <c r="G39777" s="1" t="s">
        <v>136358</v>
      </c>
      <c r="H39777" s="1" t="s">
        <v>136359</v>
      </c>
      <c r="I39777" s="1" t="s">
        <v>135900</v>
      </c>
      <c r="J39777" s="1" t="s">
        <v>136394</v>
      </c>
    </row>
    <row r="39778" spans="1:10" x14ac:dyDescent="0.35">
      <c r="A39778" s="1" t="s">
        <v>9868</v>
      </c>
      <c r="B39778" s="1" t="s">
        <v>135894</v>
      </c>
      <c r="C39778" s="1" t="s">
        <v>65</v>
      </c>
      <c r="D39778" s="1" t="s">
        <v>80436</v>
      </c>
      <c r="E39778" s="1" t="s">
        <v>136395</v>
      </c>
      <c r="F39778" s="1" t="s">
        <v>136396</v>
      </c>
      <c r="G39778" s="1" t="s">
        <v>136358</v>
      </c>
      <c r="H39778" s="1" t="s">
        <v>136359</v>
      </c>
      <c r="I39778" s="1" t="s">
        <v>135900</v>
      </c>
      <c r="J39778" s="1" t="s">
        <v>136397</v>
      </c>
    </row>
    <row r="39779" spans="1:10" x14ac:dyDescent="0.35">
      <c r="A39779" s="1" t="s">
        <v>9868</v>
      </c>
      <c r="B39779" s="1" t="s">
        <v>135894</v>
      </c>
      <c r="C39779" s="1" t="s">
        <v>70</v>
      </c>
      <c r="D39779" s="1" t="s">
        <v>136398</v>
      </c>
      <c r="E39779" s="1" t="s">
        <v>136399</v>
      </c>
      <c r="F39779" s="1" t="s">
        <v>136400</v>
      </c>
      <c r="G39779" s="1" t="s">
        <v>136358</v>
      </c>
      <c r="H39779" s="1" t="s">
        <v>136359</v>
      </c>
      <c r="I39779" s="1" t="s">
        <v>135900</v>
      </c>
      <c r="J39779" s="1" t="s">
        <v>136401</v>
      </c>
    </row>
    <row r="39780" spans="1:10" x14ac:dyDescent="0.35">
      <c r="A39780" s="1" t="s">
        <v>9868</v>
      </c>
      <c r="B39780" s="1" t="s">
        <v>135894</v>
      </c>
      <c r="C39780" s="1" t="s">
        <v>75</v>
      </c>
      <c r="D39780" s="1" t="s">
        <v>136402</v>
      </c>
      <c r="E39780" s="1" t="s">
        <v>136403</v>
      </c>
      <c r="F39780" s="1" t="s">
        <v>136404</v>
      </c>
      <c r="G39780" s="1" t="s">
        <v>136358</v>
      </c>
      <c r="H39780" s="1" t="s">
        <v>136359</v>
      </c>
      <c r="I39780" s="1" t="s">
        <v>135900</v>
      </c>
      <c r="J39780" s="1" t="s">
        <v>136405</v>
      </c>
    </row>
    <row r="39781" spans="1:10" x14ac:dyDescent="0.35">
      <c r="A39781" s="1" t="s">
        <v>9868</v>
      </c>
      <c r="B39781" s="1" t="s">
        <v>135894</v>
      </c>
      <c r="C39781" s="1" t="s">
        <v>80</v>
      </c>
      <c r="D39781" s="1" t="s">
        <v>64240</v>
      </c>
      <c r="E39781" s="1" t="s">
        <v>136406</v>
      </c>
      <c r="F39781" s="1" t="s">
        <v>136407</v>
      </c>
      <c r="G39781" s="1" t="s">
        <v>136358</v>
      </c>
      <c r="H39781" s="1" t="s">
        <v>136359</v>
      </c>
      <c r="I39781" s="1" t="s">
        <v>135900</v>
      </c>
      <c r="J39781" s="1" t="s">
        <v>136408</v>
      </c>
    </row>
    <row r="39782" spans="1:10" x14ac:dyDescent="0.35">
      <c r="A39782" s="1" t="s">
        <v>9868</v>
      </c>
      <c r="B39782" s="1" t="s">
        <v>135894</v>
      </c>
      <c r="C39782" s="1" t="s">
        <v>85</v>
      </c>
      <c r="D39782" s="1" t="s">
        <v>59306</v>
      </c>
      <c r="E39782" s="1" t="s">
        <v>136409</v>
      </c>
      <c r="F39782" s="1" t="s">
        <v>136410</v>
      </c>
      <c r="G39782" s="1" t="s">
        <v>136358</v>
      </c>
      <c r="H39782" s="1" t="s">
        <v>136359</v>
      </c>
      <c r="I39782" s="1" t="s">
        <v>135900</v>
      </c>
      <c r="J39782" s="1" t="s">
        <v>136411</v>
      </c>
    </row>
    <row r="39783" spans="1:10" x14ac:dyDescent="0.35">
      <c r="A39783" s="1" t="s">
        <v>9868</v>
      </c>
      <c r="B39783" s="1" t="s">
        <v>135894</v>
      </c>
      <c r="C39783" s="1" t="s">
        <v>90</v>
      </c>
      <c r="D39783" s="1" t="s">
        <v>76461</v>
      </c>
      <c r="E39783" s="1" t="s">
        <v>136412</v>
      </c>
      <c r="F39783" s="1" t="s">
        <v>136413</v>
      </c>
      <c r="G39783" s="1" t="s">
        <v>136358</v>
      </c>
      <c r="H39783" s="1" t="s">
        <v>136359</v>
      </c>
      <c r="I39783" s="1" t="s">
        <v>135900</v>
      </c>
      <c r="J39783" s="1" t="s">
        <v>136414</v>
      </c>
    </row>
    <row r="39784" spans="1:10" x14ac:dyDescent="0.35">
      <c r="A39784" s="1" t="s">
        <v>9868</v>
      </c>
      <c r="B39784" s="1" t="s">
        <v>135894</v>
      </c>
      <c r="C39784" s="1" t="s">
        <v>95</v>
      </c>
      <c r="D39784" s="1" t="s">
        <v>136415</v>
      </c>
      <c r="E39784" s="1" t="s">
        <v>136416</v>
      </c>
      <c r="F39784" s="1" t="s">
        <v>136417</v>
      </c>
      <c r="G39784" s="1" t="s">
        <v>136358</v>
      </c>
      <c r="H39784" s="1" t="s">
        <v>136359</v>
      </c>
      <c r="I39784" s="1" t="s">
        <v>135900</v>
      </c>
      <c r="J39784" s="1" t="s">
        <v>136418</v>
      </c>
    </row>
    <row r="39785" spans="1:10" x14ac:dyDescent="0.35">
      <c r="A39785" s="1" t="s">
        <v>9868</v>
      </c>
      <c r="B39785" s="1" t="s">
        <v>135894</v>
      </c>
      <c r="C39785" s="1" t="s">
        <v>100</v>
      </c>
      <c r="D39785" s="1" t="s">
        <v>33359</v>
      </c>
      <c r="E39785" s="1" t="s">
        <v>136419</v>
      </c>
      <c r="F39785" s="1" t="s">
        <v>136420</v>
      </c>
      <c r="G39785" s="1" t="s">
        <v>136358</v>
      </c>
      <c r="H39785" s="1" t="s">
        <v>136359</v>
      </c>
      <c r="I39785" s="1" t="s">
        <v>135900</v>
      </c>
      <c r="J39785" s="1" t="s">
        <v>136421</v>
      </c>
    </row>
    <row r="39786" spans="1:10" x14ac:dyDescent="0.35">
      <c r="A39786" s="1" t="s">
        <v>9868</v>
      </c>
      <c r="B39786" s="1" t="s">
        <v>135894</v>
      </c>
      <c r="C39786" s="1" t="s">
        <v>105</v>
      </c>
      <c r="D39786" s="1" t="s">
        <v>102763</v>
      </c>
      <c r="E39786" s="1" t="s">
        <v>136422</v>
      </c>
      <c r="F39786" s="1" t="s">
        <v>136423</v>
      </c>
      <c r="G39786" s="1" t="s">
        <v>136358</v>
      </c>
      <c r="H39786" s="1" t="s">
        <v>136359</v>
      </c>
      <c r="I39786" s="1" t="s">
        <v>135900</v>
      </c>
      <c r="J39786" s="1" t="s">
        <v>136424</v>
      </c>
    </row>
    <row r="39787" spans="1:10" x14ac:dyDescent="0.35">
      <c r="A39787" s="1" t="s">
        <v>9868</v>
      </c>
      <c r="B39787" s="1" t="s">
        <v>135894</v>
      </c>
      <c r="C39787" s="1" t="s">
        <v>110</v>
      </c>
      <c r="D39787" s="1" t="s">
        <v>88812</v>
      </c>
      <c r="E39787" s="1" t="s">
        <v>136425</v>
      </c>
      <c r="F39787" s="1" t="s">
        <v>136426</v>
      </c>
      <c r="G39787" s="1" t="s">
        <v>136358</v>
      </c>
      <c r="H39787" s="1" t="s">
        <v>136359</v>
      </c>
      <c r="I39787" s="1" t="s">
        <v>135900</v>
      </c>
      <c r="J39787" s="1" t="s">
        <v>136427</v>
      </c>
    </row>
    <row r="39788" spans="1:10" x14ac:dyDescent="0.35">
      <c r="A39788" s="1" t="s">
        <v>9868</v>
      </c>
      <c r="B39788" s="1" t="s">
        <v>135894</v>
      </c>
      <c r="C39788" s="1" t="s">
        <v>115</v>
      </c>
      <c r="D39788" s="1" t="s">
        <v>136428</v>
      </c>
      <c r="E39788" s="1" t="s">
        <v>136429</v>
      </c>
      <c r="F39788" s="1" t="s">
        <v>136430</v>
      </c>
      <c r="G39788" s="1" t="s">
        <v>136358</v>
      </c>
      <c r="H39788" s="1" t="s">
        <v>136359</v>
      </c>
      <c r="I39788" s="1" t="s">
        <v>135900</v>
      </c>
      <c r="J39788" s="1" t="s">
        <v>136431</v>
      </c>
    </row>
    <row r="39789" spans="1:10" x14ac:dyDescent="0.35">
      <c r="A39789" s="1" t="s">
        <v>9868</v>
      </c>
      <c r="B39789" s="1" t="s">
        <v>135894</v>
      </c>
      <c r="C39789" s="1" t="s">
        <v>120</v>
      </c>
      <c r="D39789" s="1" t="s">
        <v>96208</v>
      </c>
      <c r="E39789" s="1" t="s">
        <v>136432</v>
      </c>
      <c r="F39789" s="1" t="s">
        <v>136433</v>
      </c>
      <c r="G39789" s="1" t="s">
        <v>136358</v>
      </c>
      <c r="H39789" s="1" t="s">
        <v>136359</v>
      </c>
      <c r="I39789" s="1" t="s">
        <v>135900</v>
      </c>
      <c r="J39789" s="1" t="s">
        <v>136434</v>
      </c>
    </row>
    <row r="39790" spans="1:10" x14ac:dyDescent="0.35">
      <c r="A39790" s="1" t="s">
        <v>9868</v>
      </c>
      <c r="B39790" s="1" t="s">
        <v>135894</v>
      </c>
      <c r="C39790" s="1" t="s">
        <v>125</v>
      </c>
      <c r="D39790" s="1" t="s">
        <v>24599</v>
      </c>
      <c r="E39790" s="1" t="s">
        <v>136435</v>
      </c>
      <c r="F39790" s="1" t="s">
        <v>136436</v>
      </c>
      <c r="G39790" s="1" t="s">
        <v>136358</v>
      </c>
      <c r="H39790" s="1" t="s">
        <v>136359</v>
      </c>
      <c r="I39790" s="1" t="s">
        <v>135900</v>
      </c>
      <c r="J39790" s="1" t="s">
        <v>136437</v>
      </c>
    </row>
    <row r="39791" spans="1:10" x14ac:dyDescent="0.35">
      <c r="A39791" s="1" t="s">
        <v>9868</v>
      </c>
      <c r="B39791" s="1" t="s">
        <v>135894</v>
      </c>
      <c r="C39791" s="1" t="s">
        <v>130</v>
      </c>
      <c r="D39791" s="1" t="s">
        <v>26364</v>
      </c>
      <c r="E39791" s="1" t="s">
        <v>136438</v>
      </c>
      <c r="F39791" s="1" t="s">
        <v>136439</v>
      </c>
      <c r="G39791" s="1" t="s">
        <v>136358</v>
      </c>
      <c r="H39791" s="1" t="s">
        <v>136359</v>
      </c>
      <c r="I39791" s="1" t="s">
        <v>135900</v>
      </c>
      <c r="J39791" s="1" t="s">
        <v>136440</v>
      </c>
    </row>
    <row r="39792" spans="1:10" x14ac:dyDescent="0.35">
      <c r="A39792" s="1" t="s">
        <v>9868</v>
      </c>
      <c r="B39792" s="1" t="s">
        <v>135894</v>
      </c>
      <c r="C39792" s="1" t="s">
        <v>135</v>
      </c>
      <c r="D39792" s="1" t="s">
        <v>136441</v>
      </c>
      <c r="E39792" s="1" t="s">
        <v>136442</v>
      </c>
      <c r="F39792" s="1" t="s">
        <v>136443</v>
      </c>
      <c r="G39792" s="1" t="s">
        <v>136358</v>
      </c>
      <c r="H39792" s="1" t="s">
        <v>136359</v>
      </c>
      <c r="I39792" s="1" t="s">
        <v>135900</v>
      </c>
      <c r="J39792" s="1" t="s">
        <v>136444</v>
      </c>
    </row>
    <row r="39793" spans="1:10" x14ac:dyDescent="0.35">
      <c r="A39793" s="1" t="s">
        <v>9868</v>
      </c>
      <c r="B39793" s="1" t="s">
        <v>135894</v>
      </c>
      <c r="C39793" s="1" t="s">
        <v>140</v>
      </c>
      <c r="D39793" s="1" t="s">
        <v>56001</v>
      </c>
      <c r="E39793" s="1" t="s">
        <v>136445</v>
      </c>
      <c r="F39793" s="1" t="s">
        <v>136446</v>
      </c>
      <c r="G39793" s="1" t="s">
        <v>136358</v>
      </c>
      <c r="H39793" s="1" t="s">
        <v>136359</v>
      </c>
      <c r="I39793" s="1" t="s">
        <v>135900</v>
      </c>
      <c r="J39793" s="1" t="s">
        <v>136447</v>
      </c>
    </row>
    <row r="39794" spans="1:10" x14ac:dyDescent="0.35">
      <c r="A39794" s="1" t="s">
        <v>9868</v>
      </c>
      <c r="B39794" s="1" t="s">
        <v>135894</v>
      </c>
      <c r="C39794" s="1" t="s">
        <v>145</v>
      </c>
      <c r="D39794" s="1" t="s">
        <v>136448</v>
      </c>
      <c r="E39794" s="1" t="s">
        <v>136449</v>
      </c>
      <c r="F39794" s="1" t="s">
        <v>136450</v>
      </c>
      <c r="G39794" s="1" t="s">
        <v>136358</v>
      </c>
      <c r="H39794" s="1" t="s">
        <v>136359</v>
      </c>
      <c r="I39794" s="1" t="s">
        <v>135900</v>
      </c>
      <c r="J39794" s="1" t="s">
        <v>136451</v>
      </c>
    </row>
    <row r="39795" spans="1:10" x14ac:dyDescent="0.35">
      <c r="A39795" s="1" t="s">
        <v>9868</v>
      </c>
      <c r="B39795" s="1" t="s">
        <v>135894</v>
      </c>
      <c r="C39795" s="1" t="s">
        <v>150</v>
      </c>
      <c r="D39795" s="1" t="s">
        <v>134844</v>
      </c>
      <c r="E39795" s="1" t="s">
        <v>136452</v>
      </c>
      <c r="F39795" s="1" t="s">
        <v>136453</v>
      </c>
      <c r="G39795" s="1" t="s">
        <v>136358</v>
      </c>
      <c r="H39795" s="1" t="s">
        <v>136359</v>
      </c>
      <c r="I39795" s="1" t="s">
        <v>135900</v>
      </c>
      <c r="J39795" s="1" t="s">
        <v>136454</v>
      </c>
    </row>
    <row r="39796" spans="1:10" x14ac:dyDescent="0.35">
      <c r="A39796" s="1" t="s">
        <v>9868</v>
      </c>
      <c r="B39796" s="1" t="s">
        <v>135894</v>
      </c>
      <c r="C39796" s="1" t="s">
        <v>155</v>
      </c>
      <c r="D39796" s="1" t="s">
        <v>96251</v>
      </c>
      <c r="E39796" s="1" t="s">
        <v>136455</v>
      </c>
      <c r="F39796" s="1" t="s">
        <v>136456</v>
      </c>
      <c r="G39796" s="1" t="s">
        <v>136358</v>
      </c>
      <c r="H39796" s="1" t="s">
        <v>136359</v>
      </c>
      <c r="I39796" s="1" t="s">
        <v>135900</v>
      </c>
      <c r="J39796" s="1" t="s">
        <v>136457</v>
      </c>
    </row>
    <row r="39797" spans="1:10" x14ac:dyDescent="0.35">
      <c r="A39797" s="1" t="s">
        <v>9868</v>
      </c>
      <c r="B39797" s="1" t="s">
        <v>135894</v>
      </c>
      <c r="C39797" s="1" t="s">
        <v>160</v>
      </c>
      <c r="D39797" s="1" t="s">
        <v>24449</v>
      </c>
      <c r="E39797" s="1" t="s">
        <v>136458</v>
      </c>
      <c r="F39797" s="1" t="s">
        <v>136459</v>
      </c>
      <c r="G39797" s="1" t="s">
        <v>136358</v>
      </c>
      <c r="H39797" s="1" t="s">
        <v>136359</v>
      </c>
      <c r="I39797" s="1" t="s">
        <v>135900</v>
      </c>
      <c r="J39797" s="1" t="s">
        <v>136460</v>
      </c>
    </row>
    <row r="39798" spans="1:10" x14ac:dyDescent="0.35">
      <c r="A39798" s="1" t="s">
        <v>9868</v>
      </c>
      <c r="B39798" s="1" t="s">
        <v>135894</v>
      </c>
      <c r="C39798" s="1" t="s">
        <v>165</v>
      </c>
      <c r="D39798" s="1" t="s">
        <v>136461</v>
      </c>
      <c r="E39798" s="1" t="s">
        <v>136462</v>
      </c>
      <c r="F39798" s="1" t="s">
        <v>136463</v>
      </c>
      <c r="G39798" s="1" t="s">
        <v>136358</v>
      </c>
      <c r="H39798" s="1" t="s">
        <v>136359</v>
      </c>
      <c r="I39798" s="1" t="s">
        <v>135900</v>
      </c>
      <c r="J39798" s="1" t="s">
        <v>136464</v>
      </c>
    </row>
    <row r="39799" spans="1:10" x14ac:dyDescent="0.35">
      <c r="A39799" s="1" t="s">
        <v>9868</v>
      </c>
      <c r="B39799" s="1" t="s">
        <v>135894</v>
      </c>
      <c r="C39799" s="1" t="s">
        <v>170</v>
      </c>
      <c r="D39799" s="1" t="s">
        <v>104005</v>
      </c>
      <c r="E39799" s="1" t="s">
        <v>136465</v>
      </c>
      <c r="F39799" s="1" t="s">
        <v>136466</v>
      </c>
      <c r="G39799" s="1" t="s">
        <v>136358</v>
      </c>
      <c r="H39799" s="1" t="s">
        <v>136359</v>
      </c>
      <c r="I39799" s="1" t="s">
        <v>135900</v>
      </c>
      <c r="J39799" s="1" t="s">
        <v>136467</v>
      </c>
    </row>
    <row r="39800" spans="1:10" x14ac:dyDescent="0.35">
      <c r="A39800" s="1" t="s">
        <v>29268</v>
      </c>
      <c r="B39800" s="1" t="s">
        <v>135894</v>
      </c>
      <c r="C39800" s="1" t="s">
        <v>8</v>
      </c>
      <c r="D39800" s="1" t="s">
        <v>57487</v>
      </c>
      <c r="E39800" s="1" t="s">
        <v>136468</v>
      </c>
      <c r="F39800" s="1" t="s">
        <v>136469</v>
      </c>
      <c r="G39800" s="1" t="s">
        <v>136470</v>
      </c>
      <c r="H39800" s="1" t="s">
        <v>136471</v>
      </c>
      <c r="I39800" s="1" t="s">
        <v>135900</v>
      </c>
      <c r="J39800" s="1" t="s">
        <v>13</v>
      </c>
    </row>
    <row r="39801" spans="1:10" x14ac:dyDescent="0.35">
      <c r="A39801" s="1" t="s">
        <v>29268</v>
      </c>
      <c r="B39801" s="1" t="s">
        <v>135894</v>
      </c>
      <c r="C39801" s="1" t="s">
        <v>15</v>
      </c>
      <c r="D39801" s="1" t="s">
        <v>136472</v>
      </c>
      <c r="E39801" s="1" t="s">
        <v>136473</v>
      </c>
      <c r="F39801" s="1" t="s">
        <v>136474</v>
      </c>
      <c r="G39801" s="1" t="s">
        <v>136470</v>
      </c>
      <c r="H39801" s="1" t="s">
        <v>136471</v>
      </c>
      <c r="I39801" s="1" t="s">
        <v>135900</v>
      </c>
      <c r="J39801" s="1" t="s">
        <v>136475</v>
      </c>
    </row>
    <row r="39802" spans="1:10" x14ac:dyDescent="0.35">
      <c r="A39802" s="1" t="s">
        <v>29268</v>
      </c>
      <c r="B39802" s="1" t="s">
        <v>135894</v>
      </c>
      <c r="C39802" s="1" t="s">
        <v>20</v>
      </c>
      <c r="D39802" s="1" t="s">
        <v>130515</v>
      </c>
      <c r="E39802" s="1" t="s">
        <v>136476</v>
      </c>
      <c r="F39802" s="1" t="s">
        <v>136477</v>
      </c>
      <c r="G39802" s="1" t="s">
        <v>136470</v>
      </c>
      <c r="H39802" s="1" t="s">
        <v>136471</v>
      </c>
      <c r="I39802" s="1" t="s">
        <v>135900</v>
      </c>
      <c r="J39802" s="1" t="s">
        <v>136478</v>
      </c>
    </row>
    <row r="39803" spans="1:10" x14ac:dyDescent="0.35">
      <c r="A39803" s="1" t="s">
        <v>29268</v>
      </c>
      <c r="B39803" s="1" t="s">
        <v>135894</v>
      </c>
      <c r="C39803" s="1" t="s">
        <v>25</v>
      </c>
      <c r="D39803" s="1" t="s">
        <v>136479</v>
      </c>
      <c r="E39803" s="1" t="s">
        <v>136480</v>
      </c>
      <c r="F39803" s="1" t="s">
        <v>136481</v>
      </c>
      <c r="G39803" s="1" t="s">
        <v>136470</v>
      </c>
      <c r="H39803" s="1" t="s">
        <v>136471</v>
      </c>
      <c r="I39803" s="1" t="s">
        <v>135900</v>
      </c>
      <c r="J39803" s="1" t="s">
        <v>136482</v>
      </c>
    </row>
    <row r="39804" spans="1:10" x14ac:dyDescent="0.35">
      <c r="A39804" s="1" t="s">
        <v>29268</v>
      </c>
      <c r="B39804" s="1" t="s">
        <v>135894</v>
      </c>
      <c r="C39804" s="1" t="s">
        <v>30</v>
      </c>
      <c r="D39804" s="1" t="s">
        <v>136483</v>
      </c>
      <c r="E39804" s="1" t="s">
        <v>136484</v>
      </c>
      <c r="F39804" s="1" t="s">
        <v>136485</v>
      </c>
      <c r="G39804" s="1" t="s">
        <v>136470</v>
      </c>
      <c r="H39804" s="1" t="s">
        <v>136471</v>
      </c>
      <c r="I39804" s="1" t="s">
        <v>135900</v>
      </c>
      <c r="J39804" s="1" t="s">
        <v>136486</v>
      </c>
    </row>
    <row r="39805" spans="1:10" x14ac:dyDescent="0.35">
      <c r="A39805" s="1" t="s">
        <v>29268</v>
      </c>
      <c r="B39805" s="1" t="s">
        <v>135894</v>
      </c>
      <c r="C39805" s="1" t="s">
        <v>35</v>
      </c>
      <c r="D39805" s="1" t="s">
        <v>60958</v>
      </c>
      <c r="E39805" s="1" t="s">
        <v>136487</v>
      </c>
      <c r="F39805" s="1" t="s">
        <v>136488</v>
      </c>
      <c r="G39805" s="1" t="s">
        <v>136470</v>
      </c>
      <c r="H39805" s="1" t="s">
        <v>136471</v>
      </c>
      <c r="I39805" s="1" t="s">
        <v>135900</v>
      </c>
      <c r="J39805" s="1" t="s">
        <v>136489</v>
      </c>
    </row>
    <row r="39806" spans="1:10" x14ac:dyDescent="0.35">
      <c r="A39806" s="1" t="s">
        <v>29268</v>
      </c>
      <c r="B39806" s="1" t="s">
        <v>135894</v>
      </c>
      <c r="C39806" s="1" t="s">
        <v>40</v>
      </c>
      <c r="D39806" s="1" t="s">
        <v>136490</v>
      </c>
      <c r="E39806" s="1" t="s">
        <v>136491</v>
      </c>
      <c r="F39806" s="1" t="s">
        <v>136492</v>
      </c>
      <c r="G39806" s="1" t="s">
        <v>136470</v>
      </c>
      <c r="H39806" s="1" t="s">
        <v>136471</v>
      </c>
      <c r="I39806" s="1" t="s">
        <v>135900</v>
      </c>
      <c r="J39806" s="1" t="s">
        <v>136493</v>
      </c>
    </row>
    <row r="39807" spans="1:10" x14ac:dyDescent="0.35">
      <c r="A39807" s="1" t="s">
        <v>29268</v>
      </c>
      <c r="B39807" s="1" t="s">
        <v>135894</v>
      </c>
      <c r="C39807" s="1" t="s">
        <v>45</v>
      </c>
      <c r="D39807" s="1" t="s">
        <v>101517</v>
      </c>
      <c r="E39807" s="1" t="s">
        <v>136494</v>
      </c>
      <c r="F39807" s="1" t="s">
        <v>136495</v>
      </c>
      <c r="G39807" s="1" t="s">
        <v>136470</v>
      </c>
      <c r="H39807" s="1" t="s">
        <v>136471</v>
      </c>
      <c r="I39807" s="1" t="s">
        <v>135900</v>
      </c>
      <c r="J39807" s="1" t="s">
        <v>136496</v>
      </c>
    </row>
    <row r="39808" spans="1:10" x14ac:dyDescent="0.35">
      <c r="A39808" s="1" t="s">
        <v>29268</v>
      </c>
      <c r="B39808" s="1" t="s">
        <v>135894</v>
      </c>
      <c r="C39808" s="1" t="s">
        <v>50</v>
      </c>
      <c r="D39808" s="1" t="s">
        <v>88253</v>
      </c>
      <c r="E39808" s="1" t="s">
        <v>136497</v>
      </c>
      <c r="F39808" s="1" t="s">
        <v>136498</v>
      </c>
      <c r="G39808" s="1" t="s">
        <v>136470</v>
      </c>
      <c r="H39808" s="1" t="s">
        <v>136471</v>
      </c>
      <c r="I39808" s="1" t="s">
        <v>135900</v>
      </c>
      <c r="J39808" s="1" t="s">
        <v>136499</v>
      </c>
    </row>
    <row r="39809" spans="1:10" x14ac:dyDescent="0.35">
      <c r="A39809" s="1" t="s">
        <v>29268</v>
      </c>
      <c r="B39809" s="1" t="s">
        <v>135894</v>
      </c>
      <c r="C39809" s="1" t="s">
        <v>55</v>
      </c>
      <c r="D39809" s="1" t="s">
        <v>99698</v>
      </c>
      <c r="E39809" s="1" t="s">
        <v>136500</v>
      </c>
      <c r="F39809" s="1" t="s">
        <v>136501</v>
      </c>
      <c r="G39809" s="1" t="s">
        <v>136470</v>
      </c>
      <c r="H39809" s="1" t="s">
        <v>136471</v>
      </c>
      <c r="I39809" s="1" t="s">
        <v>135900</v>
      </c>
      <c r="J39809" s="1" t="s">
        <v>136502</v>
      </c>
    </row>
    <row r="39810" spans="1:10" x14ac:dyDescent="0.35">
      <c r="A39810" s="1" t="s">
        <v>29268</v>
      </c>
      <c r="B39810" s="1" t="s">
        <v>135894</v>
      </c>
      <c r="C39810" s="1" t="s">
        <v>60</v>
      </c>
      <c r="D39810" s="1" t="s">
        <v>90128</v>
      </c>
      <c r="E39810" s="1" t="s">
        <v>136503</v>
      </c>
      <c r="F39810" s="1" t="s">
        <v>136504</v>
      </c>
      <c r="G39810" s="1" t="s">
        <v>136470</v>
      </c>
      <c r="H39810" s="1" t="s">
        <v>136471</v>
      </c>
      <c r="I39810" s="1" t="s">
        <v>135900</v>
      </c>
      <c r="J39810" s="1" t="s">
        <v>136505</v>
      </c>
    </row>
    <row r="39811" spans="1:10" x14ac:dyDescent="0.35">
      <c r="A39811" s="1" t="s">
        <v>29268</v>
      </c>
      <c r="B39811" s="1" t="s">
        <v>135894</v>
      </c>
      <c r="C39811" s="1" t="s">
        <v>65</v>
      </c>
      <c r="D39811" s="1" t="s">
        <v>131178</v>
      </c>
      <c r="E39811" s="1" t="s">
        <v>136506</v>
      </c>
      <c r="F39811" s="1" t="s">
        <v>136507</v>
      </c>
      <c r="G39811" s="1" t="s">
        <v>136470</v>
      </c>
      <c r="H39811" s="1" t="s">
        <v>136471</v>
      </c>
      <c r="I39811" s="1" t="s">
        <v>135900</v>
      </c>
      <c r="J39811" s="1" t="s">
        <v>136508</v>
      </c>
    </row>
    <row r="39812" spans="1:10" x14ac:dyDescent="0.35">
      <c r="A39812" s="1" t="s">
        <v>29268</v>
      </c>
      <c r="B39812" s="1" t="s">
        <v>135894</v>
      </c>
      <c r="C39812" s="1" t="s">
        <v>70</v>
      </c>
      <c r="D39812" s="1" t="s">
        <v>85178</v>
      </c>
      <c r="E39812" s="1" t="s">
        <v>136509</v>
      </c>
      <c r="F39812" s="1" t="s">
        <v>136510</v>
      </c>
      <c r="G39812" s="1" t="s">
        <v>136470</v>
      </c>
      <c r="H39812" s="1" t="s">
        <v>136471</v>
      </c>
      <c r="I39812" s="1" t="s">
        <v>135900</v>
      </c>
      <c r="J39812" s="1" t="s">
        <v>136511</v>
      </c>
    </row>
    <row r="39813" spans="1:10" x14ac:dyDescent="0.35">
      <c r="A39813" s="1" t="s">
        <v>29268</v>
      </c>
      <c r="B39813" s="1" t="s">
        <v>135894</v>
      </c>
      <c r="C39813" s="1" t="s">
        <v>75</v>
      </c>
      <c r="D39813" s="1" t="s">
        <v>136512</v>
      </c>
      <c r="E39813" s="1" t="s">
        <v>136513</v>
      </c>
      <c r="F39813" s="1" t="s">
        <v>136514</v>
      </c>
      <c r="G39813" s="1" t="s">
        <v>136470</v>
      </c>
      <c r="H39813" s="1" t="s">
        <v>136471</v>
      </c>
      <c r="I39813" s="1" t="s">
        <v>135900</v>
      </c>
      <c r="J39813" s="1" t="s">
        <v>136515</v>
      </c>
    </row>
    <row r="39814" spans="1:10" x14ac:dyDescent="0.35">
      <c r="A39814" s="1" t="s">
        <v>29268</v>
      </c>
      <c r="B39814" s="1" t="s">
        <v>135894</v>
      </c>
      <c r="C39814" s="1" t="s">
        <v>80</v>
      </c>
      <c r="D39814" s="1" t="s">
        <v>136516</v>
      </c>
      <c r="E39814" s="1" t="s">
        <v>136517</v>
      </c>
      <c r="F39814" s="1" t="s">
        <v>136518</v>
      </c>
      <c r="G39814" s="1" t="s">
        <v>136470</v>
      </c>
      <c r="H39814" s="1" t="s">
        <v>136471</v>
      </c>
      <c r="I39814" s="1" t="s">
        <v>135900</v>
      </c>
      <c r="J39814" s="1" t="s">
        <v>136519</v>
      </c>
    </row>
    <row r="39815" spans="1:10" x14ac:dyDescent="0.35">
      <c r="A39815" s="1" t="s">
        <v>29268</v>
      </c>
      <c r="B39815" s="1" t="s">
        <v>135894</v>
      </c>
      <c r="C39815" s="1" t="s">
        <v>85</v>
      </c>
      <c r="D39815" s="1" t="s">
        <v>136520</v>
      </c>
      <c r="E39815" s="1" t="s">
        <v>136521</v>
      </c>
      <c r="F39815" s="1" t="s">
        <v>136522</v>
      </c>
      <c r="G39815" s="1" t="s">
        <v>136470</v>
      </c>
      <c r="H39815" s="1" t="s">
        <v>136471</v>
      </c>
      <c r="I39815" s="1" t="s">
        <v>135900</v>
      </c>
      <c r="J39815" s="1" t="s">
        <v>136523</v>
      </c>
    </row>
    <row r="39816" spans="1:10" x14ac:dyDescent="0.35">
      <c r="A39816" s="1" t="s">
        <v>29268</v>
      </c>
      <c r="B39816" s="1" t="s">
        <v>135894</v>
      </c>
      <c r="C39816" s="1" t="s">
        <v>90</v>
      </c>
      <c r="D39816" s="1" t="s">
        <v>136524</v>
      </c>
      <c r="E39816" s="1" t="s">
        <v>136525</v>
      </c>
      <c r="F39816" s="1" t="s">
        <v>136526</v>
      </c>
      <c r="G39816" s="1" t="s">
        <v>136470</v>
      </c>
      <c r="H39816" s="1" t="s">
        <v>136471</v>
      </c>
      <c r="I39816" s="1" t="s">
        <v>135900</v>
      </c>
      <c r="J39816" s="1" t="s">
        <v>136527</v>
      </c>
    </row>
    <row r="39817" spans="1:10" x14ac:dyDescent="0.35">
      <c r="A39817" s="1" t="s">
        <v>29268</v>
      </c>
      <c r="B39817" s="1" t="s">
        <v>135894</v>
      </c>
      <c r="C39817" s="1" t="s">
        <v>95</v>
      </c>
      <c r="D39817" s="1" t="s">
        <v>136528</v>
      </c>
      <c r="E39817" s="1" t="s">
        <v>136529</v>
      </c>
      <c r="F39817" s="1" t="s">
        <v>136530</v>
      </c>
      <c r="G39817" s="1" t="s">
        <v>136470</v>
      </c>
      <c r="H39817" s="1" t="s">
        <v>136471</v>
      </c>
      <c r="I39817" s="1" t="s">
        <v>135900</v>
      </c>
      <c r="J39817" s="1" t="s">
        <v>136531</v>
      </c>
    </row>
    <row r="39818" spans="1:10" x14ac:dyDescent="0.35">
      <c r="A39818" s="1" t="s">
        <v>29268</v>
      </c>
      <c r="B39818" s="1" t="s">
        <v>135894</v>
      </c>
      <c r="C39818" s="1" t="s">
        <v>100</v>
      </c>
      <c r="D39818" s="1" t="s">
        <v>136532</v>
      </c>
      <c r="E39818" s="1" t="s">
        <v>136533</v>
      </c>
      <c r="F39818" s="1" t="s">
        <v>136534</v>
      </c>
      <c r="G39818" s="1" t="s">
        <v>136470</v>
      </c>
      <c r="H39818" s="1" t="s">
        <v>136471</v>
      </c>
      <c r="I39818" s="1" t="s">
        <v>135900</v>
      </c>
      <c r="J39818" s="1" t="s">
        <v>136535</v>
      </c>
    </row>
    <row r="39819" spans="1:10" x14ac:dyDescent="0.35">
      <c r="A39819" s="1" t="s">
        <v>29268</v>
      </c>
      <c r="B39819" s="1" t="s">
        <v>135894</v>
      </c>
      <c r="C39819" s="1" t="s">
        <v>105</v>
      </c>
      <c r="D39819" s="1" t="s">
        <v>40208</v>
      </c>
      <c r="E39819" s="1" t="s">
        <v>136536</v>
      </c>
      <c r="F39819" s="1" t="s">
        <v>136537</v>
      </c>
      <c r="G39819" s="1" t="s">
        <v>136470</v>
      </c>
      <c r="H39819" s="1" t="s">
        <v>136471</v>
      </c>
      <c r="I39819" s="1" t="s">
        <v>135900</v>
      </c>
      <c r="J39819" s="1" t="s">
        <v>136538</v>
      </c>
    </row>
    <row r="39820" spans="1:10" x14ac:dyDescent="0.35">
      <c r="A39820" s="1" t="s">
        <v>29268</v>
      </c>
      <c r="B39820" s="1" t="s">
        <v>135894</v>
      </c>
      <c r="C39820" s="1" t="s">
        <v>110</v>
      </c>
      <c r="D39820" s="1" t="s">
        <v>85677</v>
      </c>
      <c r="E39820" s="1" t="s">
        <v>136539</v>
      </c>
      <c r="F39820" s="1" t="s">
        <v>136540</v>
      </c>
      <c r="G39820" s="1" t="s">
        <v>136470</v>
      </c>
      <c r="H39820" s="1" t="s">
        <v>136471</v>
      </c>
      <c r="I39820" s="1" t="s">
        <v>135900</v>
      </c>
      <c r="J39820" s="1" t="s">
        <v>136541</v>
      </c>
    </row>
    <row r="39821" spans="1:10" x14ac:dyDescent="0.35">
      <c r="A39821" s="1" t="s">
        <v>29268</v>
      </c>
      <c r="B39821" s="1" t="s">
        <v>135894</v>
      </c>
      <c r="C39821" s="1" t="s">
        <v>115</v>
      </c>
      <c r="D39821" s="1" t="s">
        <v>26498</v>
      </c>
      <c r="E39821" s="1" t="s">
        <v>136542</v>
      </c>
      <c r="F39821" s="1" t="s">
        <v>136543</v>
      </c>
      <c r="G39821" s="1" t="s">
        <v>136470</v>
      </c>
      <c r="H39821" s="1" t="s">
        <v>136471</v>
      </c>
      <c r="I39821" s="1" t="s">
        <v>135900</v>
      </c>
      <c r="J39821" s="1" t="s">
        <v>136544</v>
      </c>
    </row>
    <row r="39822" spans="1:10" x14ac:dyDescent="0.35">
      <c r="A39822" s="1" t="s">
        <v>29268</v>
      </c>
      <c r="B39822" s="1" t="s">
        <v>135894</v>
      </c>
      <c r="C39822" s="1" t="s">
        <v>120</v>
      </c>
      <c r="D39822" s="1" t="s">
        <v>130163</v>
      </c>
      <c r="E39822" s="1" t="s">
        <v>136545</v>
      </c>
      <c r="F39822" s="1" t="s">
        <v>136546</v>
      </c>
      <c r="G39822" s="1" t="s">
        <v>136470</v>
      </c>
      <c r="H39822" s="1" t="s">
        <v>136471</v>
      </c>
      <c r="I39822" s="1" t="s">
        <v>135900</v>
      </c>
      <c r="J39822" s="1" t="s">
        <v>136547</v>
      </c>
    </row>
    <row r="39823" spans="1:10" x14ac:dyDescent="0.35">
      <c r="A39823" s="1" t="s">
        <v>29268</v>
      </c>
      <c r="B39823" s="1" t="s">
        <v>135894</v>
      </c>
      <c r="C39823" s="1" t="s">
        <v>125</v>
      </c>
      <c r="D39823" s="1" t="s">
        <v>52408</v>
      </c>
      <c r="E39823" s="1" t="s">
        <v>136548</v>
      </c>
      <c r="F39823" s="1" t="s">
        <v>136549</v>
      </c>
      <c r="G39823" s="1" t="s">
        <v>136470</v>
      </c>
      <c r="H39823" s="1" t="s">
        <v>136471</v>
      </c>
      <c r="I39823" s="1" t="s">
        <v>135900</v>
      </c>
      <c r="J39823" s="1" t="s">
        <v>136550</v>
      </c>
    </row>
    <row r="39824" spans="1:10" x14ac:dyDescent="0.35">
      <c r="A39824" s="1" t="s">
        <v>29268</v>
      </c>
      <c r="B39824" s="1" t="s">
        <v>135894</v>
      </c>
      <c r="C39824" s="1" t="s">
        <v>130</v>
      </c>
      <c r="D39824" s="1" t="s">
        <v>60354</v>
      </c>
      <c r="E39824" s="1" t="s">
        <v>136551</v>
      </c>
      <c r="F39824" s="1" t="s">
        <v>136552</v>
      </c>
      <c r="G39824" s="1" t="s">
        <v>136470</v>
      </c>
      <c r="H39824" s="1" t="s">
        <v>136471</v>
      </c>
      <c r="I39824" s="1" t="s">
        <v>135900</v>
      </c>
      <c r="J39824" s="1" t="s">
        <v>136553</v>
      </c>
    </row>
    <row r="39825" spans="1:10" x14ac:dyDescent="0.35">
      <c r="A39825" s="1" t="s">
        <v>29268</v>
      </c>
      <c r="B39825" s="1" t="s">
        <v>135894</v>
      </c>
      <c r="C39825" s="1" t="s">
        <v>135</v>
      </c>
      <c r="D39825" s="1" t="s">
        <v>2750</v>
      </c>
      <c r="E39825" s="1" t="s">
        <v>136554</v>
      </c>
      <c r="F39825" s="1" t="s">
        <v>136555</v>
      </c>
      <c r="G39825" s="1" t="s">
        <v>136470</v>
      </c>
      <c r="H39825" s="1" t="s">
        <v>136471</v>
      </c>
      <c r="I39825" s="1" t="s">
        <v>135900</v>
      </c>
      <c r="J39825" s="1" t="s">
        <v>136556</v>
      </c>
    </row>
    <row r="39826" spans="1:10" x14ac:dyDescent="0.35">
      <c r="A39826" s="1" t="s">
        <v>29268</v>
      </c>
      <c r="B39826" s="1" t="s">
        <v>135894</v>
      </c>
      <c r="C39826" s="1" t="s">
        <v>140</v>
      </c>
      <c r="D39826" s="1" t="s">
        <v>76475</v>
      </c>
      <c r="E39826" s="1" t="s">
        <v>136557</v>
      </c>
      <c r="F39826" s="1" t="s">
        <v>136558</v>
      </c>
      <c r="G39826" s="1" t="s">
        <v>136470</v>
      </c>
      <c r="H39826" s="1" t="s">
        <v>136471</v>
      </c>
      <c r="I39826" s="1" t="s">
        <v>135900</v>
      </c>
      <c r="J39826" s="1" t="s">
        <v>136559</v>
      </c>
    </row>
    <row r="39827" spans="1:10" x14ac:dyDescent="0.35">
      <c r="A39827" s="1" t="s">
        <v>29268</v>
      </c>
      <c r="B39827" s="1" t="s">
        <v>135894</v>
      </c>
      <c r="C39827" s="1" t="s">
        <v>145</v>
      </c>
      <c r="D39827" s="1" t="s">
        <v>136560</v>
      </c>
      <c r="E39827" s="1" t="s">
        <v>136561</v>
      </c>
      <c r="F39827" s="1" t="s">
        <v>136562</v>
      </c>
      <c r="G39827" s="1" t="s">
        <v>136470</v>
      </c>
      <c r="H39827" s="1" t="s">
        <v>136471</v>
      </c>
      <c r="I39827" s="1" t="s">
        <v>135900</v>
      </c>
      <c r="J39827" s="1" t="s">
        <v>136563</v>
      </c>
    </row>
    <row r="39828" spans="1:10" x14ac:dyDescent="0.35">
      <c r="A39828" s="1" t="s">
        <v>29268</v>
      </c>
      <c r="B39828" s="1" t="s">
        <v>135894</v>
      </c>
      <c r="C39828" s="1" t="s">
        <v>150</v>
      </c>
      <c r="D39828" s="1" t="s">
        <v>67136</v>
      </c>
      <c r="E39828" s="1" t="s">
        <v>136564</v>
      </c>
      <c r="F39828" s="1" t="s">
        <v>136565</v>
      </c>
      <c r="G39828" s="1" t="s">
        <v>136470</v>
      </c>
      <c r="H39828" s="1" t="s">
        <v>136471</v>
      </c>
      <c r="I39828" s="1" t="s">
        <v>135900</v>
      </c>
      <c r="J39828" s="1" t="s">
        <v>136566</v>
      </c>
    </row>
    <row r="39829" spans="1:10" x14ac:dyDescent="0.35">
      <c r="A39829" s="1" t="s">
        <v>29268</v>
      </c>
      <c r="B39829" s="1" t="s">
        <v>135894</v>
      </c>
      <c r="C39829" s="1" t="s">
        <v>155</v>
      </c>
      <c r="D39829" s="1" t="s">
        <v>136567</v>
      </c>
      <c r="E39829" s="1" t="s">
        <v>136568</v>
      </c>
      <c r="F39829" s="1" t="s">
        <v>136569</v>
      </c>
      <c r="G39829" s="1" t="s">
        <v>136470</v>
      </c>
      <c r="H39829" s="1" t="s">
        <v>136471</v>
      </c>
      <c r="I39829" s="1" t="s">
        <v>135900</v>
      </c>
      <c r="J39829" s="1" t="s">
        <v>136570</v>
      </c>
    </row>
    <row r="39830" spans="1:10" x14ac:dyDescent="0.35">
      <c r="A39830" s="1" t="s">
        <v>29268</v>
      </c>
      <c r="B39830" s="1" t="s">
        <v>135894</v>
      </c>
      <c r="C39830" s="1" t="s">
        <v>160</v>
      </c>
      <c r="D39830" s="1" t="s">
        <v>136571</v>
      </c>
      <c r="E39830" s="1" t="s">
        <v>136572</v>
      </c>
      <c r="F39830" s="1" t="s">
        <v>136573</v>
      </c>
      <c r="G39830" s="1" t="s">
        <v>136470</v>
      </c>
      <c r="H39830" s="1" t="s">
        <v>136471</v>
      </c>
      <c r="I39830" s="1" t="s">
        <v>135900</v>
      </c>
      <c r="J39830" s="1" t="s">
        <v>136574</v>
      </c>
    </row>
    <row r="39831" spans="1:10" x14ac:dyDescent="0.35">
      <c r="A39831" s="1" t="s">
        <v>29268</v>
      </c>
      <c r="B39831" s="1" t="s">
        <v>135894</v>
      </c>
      <c r="C39831" s="1" t="s">
        <v>165</v>
      </c>
      <c r="D39831" s="1" t="s">
        <v>136575</v>
      </c>
      <c r="E39831" s="1" t="s">
        <v>136576</v>
      </c>
      <c r="F39831" s="1" t="s">
        <v>136577</v>
      </c>
      <c r="G39831" s="1" t="s">
        <v>136470</v>
      </c>
      <c r="H39831" s="1" t="s">
        <v>136471</v>
      </c>
      <c r="I39831" s="1" t="s">
        <v>135900</v>
      </c>
      <c r="J39831" s="1" t="s">
        <v>136578</v>
      </c>
    </row>
    <row r="39832" spans="1:10" x14ac:dyDescent="0.35">
      <c r="A39832" s="1" t="s">
        <v>29268</v>
      </c>
      <c r="B39832" s="1" t="s">
        <v>135894</v>
      </c>
      <c r="C39832" s="1" t="s">
        <v>170</v>
      </c>
      <c r="D39832" s="1" t="s">
        <v>70068</v>
      </c>
      <c r="E39832" s="1" t="s">
        <v>136579</v>
      </c>
      <c r="F39832" s="1" t="s">
        <v>136580</v>
      </c>
      <c r="G39832" s="1" t="s">
        <v>136470</v>
      </c>
      <c r="H39832" s="1" t="s">
        <v>136471</v>
      </c>
      <c r="I39832" s="1" t="s">
        <v>135900</v>
      </c>
      <c r="J39832" s="1" t="s">
        <v>136581</v>
      </c>
    </row>
    <row r="39833" spans="1:10" x14ac:dyDescent="0.35">
      <c r="A39833" s="1" t="s">
        <v>25975</v>
      </c>
      <c r="B39833" s="1" t="s">
        <v>135894</v>
      </c>
      <c r="C39833" s="1" t="s">
        <v>8</v>
      </c>
      <c r="D39833" s="1" t="s">
        <v>136582</v>
      </c>
      <c r="E39833" s="1" t="s">
        <v>136583</v>
      </c>
      <c r="F39833" s="1" t="s">
        <v>136584</v>
      </c>
      <c r="G39833" s="1" t="s">
        <v>136585</v>
      </c>
      <c r="H39833" s="1" t="s">
        <v>136586</v>
      </c>
      <c r="I39833" s="1" t="s">
        <v>135900</v>
      </c>
      <c r="J39833" s="1" t="s">
        <v>13</v>
      </c>
    </row>
    <row r="39834" spans="1:10" x14ac:dyDescent="0.35">
      <c r="A39834" s="1" t="s">
        <v>25975</v>
      </c>
      <c r="B39834" s="1" t="s">
        <v>135894</v>
      </c>
      <c r="C39834" s="1" t="s">
        <v>15</v>
      </c>
      <c r="D39834" s="1" t="s">
        <v>86753</v>
      </c>
      <c r="E39834" s="1" t="s">
        <v>136587</v>
      </c>
      <c r="F39834" s="1" t="s">
        <v>136588</v>
      </c>
      <c r="G39834" s="1" t="s">
        <v>136585</v>
      </c>
      <c r="H39834" s="1" t="s">
        <v>136586</v>
      </c>
      <c r="I39834" s="1" t="s">
        <v>135900</v>
      </c>
      <c r="J39834" s="1" t="s">
        <v>136589</v>
      </c>
    </row>
    <row r="39835" spans="1:10" x14ac:dyDescent="0.35">
      <c r="A39835" s="1" t="s">
        <v>25975</v>
      </c>
      <c r="B39835" s="1" t="s">
        <v>135894</v>
      </c>
      <c r="C39835" s="1" t="s">
        <v>20</v>
      </c>
      <c r="D39835" s="1" t="s">
        <v>63941</v>
      </c>
      <c r="E39835" s="1" t="s">
        <v>136590</v>
      </c>
      <c r="F39835" s="1" t="s">
        <v>136591</v>
      </c>
      <c r="G39835" s="1" t="s">
        <v>136585</v>
      </c>
      <c r="H39835" s="1" t="s">
        <v>136586</v>
      </c>
      <c r="I39835" s="1" t="s">
        <v>135900</v>
      </c>
      <c r="J39835" s="1" t="s">
        <v>136592</v>
      </c>
    </row>
    <row r="39836" spans="1:10" x14ac:dyDescent="0.35">
      <c r="A39836" s="1" t="s">
        <v>25975</v>
      </c>
      <c r="B39836" s="1" t="s">
        <v>135894</v>
      </c>
      <c r="C39836" s="1" t="s">
        <v>25</v>
      </c>
      <c r="D39836" s="1" t="s">
        <v>136593</v>
      </c>
      <c r="E39836" s="1" t="s">
        <v>136594</v>
      </c>
      <c r="F39836" s="1" t="s">
        <v>136595</v>
      </c>
      <c r="G39836" s="1" t="s">
        <v>136585</v>
      </c>
      <c r="H39836" s="1" t="s">
        <v>136586</v>
      </c>
      <c r="I39836" s="1" t="s">
        <v>135900</v>
      </c>
      <c r="J39836" s="1" t="s">
        <v>136596</v>
      </c>
    </row>
    <row r="39837" spans="1:10" x14ac:dyDescent="0.35">
      <c r="A39837" s="1" t="s">
        <v>25975</v>
      </c>
      <c r="B39837" s="1" t="s">
        <v>135894</v>
      </c>
      <c r="C39837" s="1" t="s">
        <v>30</v>
      </c>
      <c r="D39837" s="1" t="s">
        <v>136597</v>
      </c>
      <c r="E39837" s="1" t="s">
        <v>136598</v>
      </c>
      <c r="F39837" s="1" t="s">
        <v>136599</v>
      </c>
      <c r="G39837" s="1" t="s">
        <v>136585</v>
      </c>
      <c r="H39837" s="1" t="s">
        <v>136586</v>
      </c>
      <c r="I39837" s="1" t="s">
        <v>135900</v>
      </c>
      <c r="J39837" s="1" t="s">
        <v>136600</v>
      </c>
    </row>
    <row r="39838" spans="1:10" x14ac:dyDescent="0.35">
      <c r="A39838" s="1" t="s">
        <v>25975</v>
      </c>
      <c r="B39838" s="1" t="s">
        <v>135894</v>
      </c>
      <c r="C39838" s="1" t="s">
        <v>35</v>
      </c>
      <c r="D39838" s="1" t="s">
        <v>64034</v>
      </c>
      <c r="E39838" s="1" t="s">
        <v>136601</v>
      </c>
      <c r="F39838" s="1" t="s">
        <v>136602</v>
      </c>
      <c r="G39838" s="1" t="s">
        <v>136585</v>
      </c>
      <c r="H39838" s="1" t="s">
        <v>136586</v>
      </c>
      <c r="I39838" s="1" t="s">
        <v>135900</v>
      </c>
      <c r="J39838" s="1" t="s">
        <v>136603</v>
      </c>
    </row>
    <row r="39839" spans="1:10" x14ac:dyDescent="0.35">
      <c r="A39839" s="1" t="s">
        <v>25975</v>
      </c>
      <c r="B39839" s="1" t="s">
        <v>135894</v>
      </c>
      <c r="C39839" s="1" t="s">
        <v>40</v>
      </c>
      <c r="D39839" s="1" t="s">
        <v>24279</v>
      </c>
      <c r="E39839" s="1" t="s">
        <v>136604</v>
      </c>
      <c r="F39839" s="1" t="s">
        <v>136605</v>
      </c>
      <c r="G39839" s="1" t="s">
        <v>136585</v>
      </c>
      <c r="H39839" s="1" t="s">
        <v>136586</v>
      </c>
      <c r="I39839" s="1" t="s">
        <v>135900</v>
      </c>
      <c r="J39839" s="1" t="s">
        <v>136606</v>
      </c>
    </row>
    <row r="39840" spans="1:10" x14ac:dyDescent="0.35">
      <c r="A39840" s="1" t="s">
        <v>25975</v>
      </c>
      <c r="B39840" s="1" t="s">
        <v>135894</v>
      </c>
      <c r="C39840" s="1" t="s">
        <v>45</v>
      </c>
      <c r="D39840" s="1" t="s">
        <v>136607</v>
      </c>
      <c r="E39840" s="1" t="s">
        <v>136608</v>
      </c>
      <c r="F39840" s="1" t="s">
        <v>136609</v>
      </c>
      <c r="G39840" s="1" t="s">
        <v>136585</v>
      </c>
      <c r="H39840" s="1" t="s">
        <v>136586</v>
      </c>
      <c r="I39840" s="1" t="s">
        <v>135900</v>
      </c>
      <c r="J39840" s="1" t="s">
        <v>136610</v>
      </c>
    </row>
    <row r="39841" spans="1:10" x14ac:dyDescent="0.35">
      <c r="A39841" s="1" t="s">
        <v>25975</v>
      </c>
      <c r="B39841" s="1" t="s">
        <v>135894</v>
      </c>
      <c r="C39841" s="1" t="s">
        <v>50</v>
      </c>
      <c r="D39841" s="1" t="s">
        <v>136611</v>
      </c>
      <c r="E39841" s="1" t="s">
        <v>136612</v>
      </c>
      <c r="F39841" s="1" t="s">
        <v>136613</v>
      </c>
      <c r="G39841" s="1" t="s">
        <v>136585</v>
      </c>
      <c r="H39841" s="1" t="s">
        <v>136586</v>
      </c>
      <c r="I39841" s="1" t="s">
        <v>135900</v>
      </c>
      <c r="J39841" s="1" t="s">
        <v>136614</v>
      </c>
    </row>
    <row r="39842" spans="1:10" x14ac:dyDescent="0.35">
      <c r="A39842" s="1" t="s">
        <v>25975</v>
      </c>
      <c r="B39842" s="1" t="s">
        <v>135894</v>
      </c>
      <c r="C39842" s="1" t="s">
        <v>55</v>
      </c>
      <c r="D39842" s="1" t="s">
        <v>100309</v>
      </c>
      <c r="E39842" s="1" t="s">
        <v>136615</v>
      </c>
      <c r="F39842" s="1" t="s">
        <v>136616</v>
      </c>
      <c r="G39842" s="1" t="s">
        <v>136585</v>
      </c>
      <c r="H39842" s="1" t="s">
        <v>136586</v>
      </c>
      <c r="I39842" s="1" t="s">
        <v>135900</v>
      </c>
      <c r="J39842" s="1" t="s">
        <v>136617</v>
      </c>
    </row>
    <row r="39843" spans="1:10" x14ac:dyDescent="0.35">
      <c r="A39843" s="1" t="s">
        <v>25975</v>
      </c>
      <c r="B39843" s="1" t="s">
        <v>135894</v>
      </c>
      <c r="C39843" s="1" t="s">
        <v>60</v>
      </c>
      <c r="D39843" s="1" t="s">
        <v>91865</v>
      </c>
      <c r="E39843" s="1" t="s">
        <v>136618</v>
      </c>
      <c r="F39843" s="1" t="s">
        <v>136619</v>
      </c>
      <c r="G39843" s="1" t="s">
        <v>136585</v>
      </c>
      <c r="H39843" s="1" t="s">
        <v>136586</v>
      </c>
      <c r="I39843" s="1" t="s">
        <v>135900</v>
      </c>
      <c r="J39843" s="1" t="s">
        <v>136620</v>
      </c>
    </row>
    <row r="39844" spans="1:10" x14ac:dyDescent="0.35">
      <c r="A39844" s="1" t="s">
        <v>25975</v>
      </c>
      <c r="B39844" s="1" t="s">
        <v>135894</v>
      </c>
      <c r="C39844" s="1" t="s">
        <v>65</v>
      </c>
      <c r="D39844" s="1" t="s">
        <v>59838</v>
      </c>
      <c r="E39844" s="1" t="s">
        <v>136621</v>
      </c>
      <c r="F39844" s="1" t="s">
        <v>136622</v>
      </c>
      <c r="G39844" s="1" t="s">
        <v>136585</v>
      </c>
      <c r="H39844" s="1" t="s">
        <v>136586</v>
      </c>
      <c r="I39844" s="1" t="s">
        <v>135900</v>
      </c>
      <c r="J39844" s="1" t="s">
        <v>136623</v>
      </c>
    </row>
    <row r="39845" spans="1:10" x14ac:dyDescent="0.35">
      <c r="A39845" s="1" t="s">
        <v>25975</v>
      </c>
      <c r="B39845" s="1" t="s">
        <v>135894</v>
      </c>
      <c r="C39845" s="1" t="s">
        <v>70</v>
      </c>
      <c r="D39845" s="1" t="s">
        <v>136624</v>
      </c>
      <c r="E39845" s="1" t="s">
        <v>136625</v>
      </c>
      <c r="F39845" s="1" t="s">
        <v>136626</v>
      </c>
      <c r="G39845" s="1" t="s">
        <v>136585</v>
      </c>
      <c r="H39845" s="1" t="s">
        <v>136586</v>
      </c>
      <c r="I39845" s="1" t="s">
        <v>135900</v>
      </c>
      <c r="J39845" s="1" t="s">
        <v>136627</v>
      </c>
    </row>
    <row r="39846" spans="1:10" x14ac:dyDescent="0.35">
      <c r="A39846" s="1" t="s">
        <v>25975</v>
      </c>
      <c r="B39846" s="1" t="s">
        <v>135894</v>
      </c>
      <c r="C39846" s="1" t="s">
        <v>75</v>
      </c>
      <c r="D39846" s="1" t="s">
        <v>86620</v>
      </c>
      <c r="E39846" s="1" t="s">
        <v>136628</v>
      </c>
      <c r="F39846" s="1" t="s">
        <v>136629</v>
      </c>
      <c r="G39846" s="1" t="s">
        <v>136585</v>
      </c>
      <c r="H39846" s="1" t="s">
        <v>136586</v>
      </c>
      <c r="I39846" s="1" t="s">
        <v>135900</v>
      </c>
      <c r="J39846" s="1" t="s">
        <v>136630</v>
      </c>
    </row>
    <row r="39847" spans="1:10" x14ac:dyDescent="0.35">
      <c r="A39847" s="1" t="s">
        <v>25975</v>
      </c>
      <c r="B39847" s="1" t="s">
        <v>135894</v>
      </c>
      <c r="C39847" s="1" t="s">
        <v>80</v>
      </c>
      <c r="D39847" s="1" t="s">
        <v>133405</v>
      </c>
      <c r="E39847" s="1" t="s">
        <v>136631</v>
      </c>
      <c r="F39847" s="1" t="s">
        <v>136632</v>
      </c>
      <c r="G39847" s="1" t="s">
        <v>136585</v>
      </c>
      <c r="H39847" s="1" t="s">
        <v>136586</v>
      </c>
      <c r="I39847" s="1" t="s">
        <v>135900</v>
      </c>
      <c r="J39847" s="1" t="s">
        <v>136633</v>
      </c>
    </row>
    <row r="39848" spans="1:10" x14ac:dyDescent="0.35">
      <c r="A39848" s="1" t="s">
        <v>25975</v>
      </c>
      <c r="B39848" s="1" t="s">
        <v>135894</v>
      </c>
      <c r="C39848" s="1" t="s">
        <v>85</v>
      </c>
      <c r="D39848" s="1" t="s">
        <v>56821</v>
      </c>
      <c r="E39848" s="1" t="s">
        <v>136634</v>
      </c>
      <c r="F39848" s="1" t="s">
        <v>136635</v>
      </c>
      <c r="G39848" s="1" t="s">
        <v>136585</v>
      </c>
      <c r="H39848" s="1" t="s">
        <v>136586</v>
      </c>
      <c r="I39848" s="1" t="s">
        <v>135900</v>
      </c>
      <c r="J39848" s="1" t="s">
        <v>136636</v>
      </c>
    </row>
    <row r="39849" spans="1:10" x14ac:dyDescent="0.35">
      <c r="A39849" s="1" t="s">
        <v>25975</v>
      </c>
      <c r="B39849" s="1" t="s">
        <v>135894</v>
      </c>
      <c r="C39849" s="1" t="s">
        <v>90</v>
      </c>
      <c r="D39849" s="1" t="s">
        <v>17359</v>
      </c>
      <c r="E39849" s="1" t="s">
        <v>136637</v>
      </c>
      <c r="F39849" s="1" t="s">
        <v>136638</v>
      </c>
      <c r="G39849" s="1" t="s">
        <v>136585</v>
      </c>
      <c r="H39849" s="1" t="s">
        <v>136586</v>
      </c>
      <c r="I39849" s="1" t="s">
        <v>135900</v>
      </c>
      <c r="J39849" s="1" t="s">
        <v>136639</v>
      </c>
    </row>
    <row r="39850" spans="1:10" x14ac:dyDescent="0.35">
      <c r="A39850" s="1" t="s">
        <v>25975</v>
      </c>
      <c r="B39850" s="1" t="s">
        <v>135894</v>
      </c>
      <c r="C39850" s="1" t="s">
        <v>95</v>
      </c>
      <c r="D39850" s="1" t="s">
        <v>90661</v>
      </c>
      <c r="E39850" s="1" t="s">
        <v>136640</v>
      </c>
      <c r="F39850" s="1" t="s">
        <v>136641</v>
      </c>
      <c r="G39850" s="1" t="s">
        <v>136585</v>
      </c>
      <c r="H39850" s="1" t="s">
        <v>136586</v>
      </c>
      <c r="I39850" s="1" t="s">
        <v>135900</v>
      </c>
      <c r="J39850" s="1" t="s">
        <v>136642</v>
      </c>
    </row>
    <row r="39851" spans="1:10" x14ac:dyDescent="0.35">
      <c r="A39851" s="1" t="s">
        <v>25975</v>
      </c>
      <c r="B39851" s="1" t="s">
        <v>135894</v>
      </c>
      <c r="C39851" s="1" t="s">
        <v>100</v>
      </c>
      <c r="D39851" s="1" t="s">
        <v>136643</v>
      </c>
      <c r="E39851" s="1" t="s">
        <v>136644</v>
      </c>
      <c r="F39851" s="1" t="s">
        <v>136645</v>
      </c>
      <c r="G39851" s="1" t="s">
        <v>136585</v>
      </c>
      <c r="H39851" s="1" t="s">
        <v>136586</v>
      </c>
      <c r="I39851" s="1" t="s">
        <v>135900</v>
      </c>
      <c r="J39851" s="1" t="s">
        <v>136646</v>
      </c>
    </row>
    <row r="39852" spans="1:10" x14ac:dyDescent="0.35">
      <c r="A39852" s="1" t="s">
        <v>25975</v>
      </c>
      <c r="B39852" s="1" t="s">
        <v>135894</v>
      </c>
      <c r="C39852" s="1" t="s">
        <v>105</v>
      </c>
      <c r="D39852" s="1" t="s">
        <v>84677</v>
      </c>
      <c r="E39852" s="1" t="s">
        <v>136647</v>
      </c>
      <c r="F39852" s="1" t="s">
        <v>136648</v>
      </c>
      <c r="G39852" s="1" t="s">
        <v>136585</v>
      </c>
      <c r="H39852" s="1" t="s">
        <v>136586</v>
      </c>
      <c r="I39852" s="1" t="s">
        <v>135900</v>
      </c>
      <c r="J39852" s="1" t="s">
        <v>136649</v>
      </c>
    </row>
    <row r="39853" spans="1:10" x14ac:dyDescent="0.35">
      <c r="A39853" s="1" t="s">
        <v>25975</v>
      </c>
      <c r="B39853" s="1" t="s">
        <v>135894</v>
      </c>
      <c r="C39853" s="1" t="s">
        <v>110</v>
      </c>
      <c r="D39853" s="1" t="s">
        <v>136650</v>
      </c>
      <c r="E39853" s="1" t="s">
        <v>136651</v>
      </c>
      <c r="F39853" s="1" t="s">
        <v>136652</v>
      </c>
      <c r="G39853" s="1" t="s">
        <v>136585</v>
      </c>
      <c r="H39853" s="1" t="s">
        <v>136586</v>
      </c>
      <c r="I39853" s="1" t="s">
        <v>135900</v>
      </c>
      <c r="J39853" s="1" t="s">
        <v>136653</v>
      </c>
    </row>
    <row r="39854" spans="1:10" x14ac:dyDescent="0.35">
      <c r="A39854" s="1" t="s">
        <v>25975</v>
      </c>
      <c r="B39854" s="1" t="s">
        <v>135894</v>
      </c>
      <c r="C39854" s="1" t="s">
        <v>115</v>
      </c>
      <c r="D39854" s="1" t="s">
        <v>136654</v>
      </c>
      <c r="E39854" s="1" t="s">
        <v>136655</v>
      </c>
      <c r="F39854" s="1" t="s">
        <v>136656</v>
      </c>
      <c r="G39854" s="1" t="s">
        <v>136585</v>
      </c>
      <c r="H39854" s="1" t="s">
        <v>136586</v>
      </c>
      <c r="I39854" s="1" t="s">
        <v>135900</v>
      </c>
      <c r="J39854" s="1" t="s">
        <v>136657</v>
      </c>
    </row>
    <row r="39855" spans="1:10" x14ac:dyDescent="0.35">
      <c r="A39855" s="1" t="s">
        <v>25975</v>
      </c>
      <c r="B39855" s="1" t="s">
        <v>135894</v>
      </c>
      <c r="C39855" s="1" t="s">
        <v>120</v>
      </c>
      <c r="D39855" s="1" t="s">
        <v>60456</v>
      </c>
      <c r="E39855" s="1" t="s">
        <v>136658</v>
      </c>
      <c r="F39855" s="1" t="s">
        <v>136659</v>
      </c>
      <c r="G39855" s="1" t="s">
        <v>136585</v>
      </c>
      <c r="H39855" s="1" t="s">
        <v>136586</v>
      </c>
      <c r="I39855" s="1" t="s">
        <v>135900</v>
      </c>
      <c r="J39855" s="1" t="s">
        <v>136660</v>
      </c>
    </row>
    <row r="39856" spans="1:10" x14ac:dyDescent="0.35">
      <c r="A39856" s="1" t="s">
        <v>25975</v>
      </c>
      <c r="B39856" s="1" t="s">
        <v>135894</v>
      </c>
      <c r="C39856" s="1" t="s">
        <v>125</v>
      </c>
      <c r="D39856" s="1" t="s">
        <v>88260</v>
      </c>
      <c r="E39856" s="1" t="s">
        <v>136661</v>
      </c>
      <c r="F39856" s="1" t="s">
        <v>136662</v>
      </c>
      <c r="G39856" s="1" t="s">
        <v>136585</v>
      </c>
      <c r="H39856" s="1" t="s">
        <v>136586</v>
      </c>
      <c r="I39856" s="1" t="s">
        <v>135900</v>
      </c>
      <c r="J39856" s="1" t="s">
        <v>136663</v>
      </c>
    </row>
    <row r="39857" spans="1:10" x14ac:dyDescent="0.35">
      <c r="A39857" s="1" t="s">
        <v>25975</v>
      </c>
      <c r="B39857" s="1" t="s">
        <v>135894</v>
      </c>
      <c r="C39857" s="1" t="s">
        <v>130</v>
      </c>
      <c r="D39857" s="1" t="s">
        <v>69087</v>
      </c>
      <c r="E39857" s="1" t="s">
        <v>136664</v>
      </c>
      <c r="F39857" s="1" t="s">
        <v>136665</v>
      </c>
      <c r="G39857" s="1" t="s">
        <v>136585</v>
      </c>
      <c r="H39857" s="1" t="s">
        <v>136586</v>
      </c>
      <c r="I39857" s="1" t="s">
        <v>135900</v>
      </c>
      <c r="J39857" s="1" t="s">
        <v>136666</v>
      </c>
    </row>
    <row r="39858" spans="1:10" x14ac:dyDescent="0.35">
      <c r="A39858" s="1" t="s">
        <v>25975</v>
      </c>
      <c r="B39858" s="1" t="s">
        <v>135894</v>
      </c>
      <c r="C39858" s="1" t="s">
        <v>135</v>
      </c>
      <c r="D39858" s="1" t="s">
        <v>136667</v>
      </c>
      <c r="E39858" s="1" t="s">
        <v>136668</v>
      </c>
      <c r="F39858" s="1" t="s">
        <v>136669</v>
      </c>
      <c r="G39858" s="1" t="s">
        <v>136585</v>
      </c>
      <c r="H39858" s="1" t="s">
        <v>136586</v>
      </c>
      <c r="I39858" s="1" t="s">
        <v>135900</v>
      </c>
      <c r="J39858" s="1" t="s">
        <v>136670</v>
      </c>
    </row>
    <row r="39859" spans="1:10" x14ac:dyDescent="0.35">
      <c r="A39859" s="1" t="s">
        <v>25975</v>
      </c>
      <c r="B39859" s="1" t="s">
        <v>135894</v>
      </c>
      <c r="C39859" s="1" t="s">
        <v>140</v>
      </c>
      <c r="D39859" s="1" t="s">
        <v>65851</v>
      </c>
      <c r="E39859" s="1" t="s">
        <v>136671</v>
      </c>
      <c r="F39859" s="1" t="s">
        <v>136672</v>
      </c>
      <c r="G39859" s="1" t="s">
        <v>136585</v>
      </c>
      <c r="H39859" s="1" t="s">
        <v>136586</v>
      </c>
      <c r="I39859" s="1" t="s">
        <v>135900</v>
      </c>
      <c r="J39859" s="1" t="s">
        <v>136673</v>
      </c>
    </row>
    <row r="39860" spans="1:10" x14ac:dyDescent="0.35">
      <c r="A39860" s="1" t="s">
        <v>25975</v>
      </c>
      <c r="B39860" s="1" t="s">
        <v>135894</v>
      </c>
      <c r="C39860" s="1" t="s">
        <v>145</v>
      </c>
      <c r="D39860" s="1" t="s">
        <v>104023</v>
      </c>
      <c r="E39860" s="1" t="s">
        <v>136674</v>
      </c>
      <c r="F39860" s="1" t="s">
        <v>136675</v>
      </c>
      <c r="G39860" s="1" t="s">
        <v>136585</v>
      </c>
      <c r="H39860" s="1" t="s">
        <v>136586</v>
      </c>
      <c r="I39860" s="1" t="s">
        <v>135900</v>
      </c>
      <c r="J39860" s="1" t="s">
        <v>136676</v>
      </c>
    </row>
    <row r="39861" spans="1:10" x14ac:dyDescent="0.35">
      <c r="A39861" s="1" t="s">
        <v>25975</v>
      </c>
      <c r="B39861" s="1" t="s">
        <v>135894</v>
      </c>
      <c r="C39861" s="1" t="s">
        <v>150</v>
      </c>
      <c r="D39861" s="1" t="s">
        <v>99701</v>
      </c>
      <c r="E39861" s="1" t="s">
        <v>136677</v>
      </c>
      <c r="F39861" s="1" t="s">
        <v>136678</v>
      </c>
      <c r="G39861" s="1" t="s">
        <v>136585</v>
      </c>
      <c r="H39861" s="1" t="s">
        <v>136586</v>
      </c>
      <c r="I39861" s="1" t="s">
        <v>135900</v>
      </c>
      <c r="J39861" s="1" t="s">
        <v>136679</v>
      </c>
    </row>
    <row r="39862" spans="1:10" x14ac:dyDescent="0.35">
      <c r="A39862" s="1" t="s">
        <v>25975</v>
      </c>
      <c r="B39862" s="1" t="s">
        <v>135894</v>
      </c>
      <c r="C39862" s="1" t="s">
        <v>155</v>
      </c>
      <c r="D39862" s="1" t="s">
        <v>136680</v>
      </c>
      <c r="E39862" s="1" t="s">
        <v>136681</v>
      </c>
      <c r="F39862" s="1" t="s">
        <v>136682</v>
      </c>
      <c r="G39862" s="1" t="s">
        <v>136585</v>
      </c>
      <c r="H39862" s="1" t="s">
        <v>136586</v>
      </c>
      <c r="I39862" s="1" t="s">
        <v>135900</v>
      </c>
      <c r="J39862" s="1" t="s">
        <v>136683</v>
      </c>
    </row>
    <row r="39863" spans="1:10" x14ac:dyDescent="0.35">
      <c r="A39863" s="1" t="s">
        <v>25975</v>
      </c>
      <c r="B39863" s="1" t="s">
        <v>135894</v>
      </c>
      <c r="C39863" s="1" t="s">
        <v>160</v>
      </c>
      <c r="D39863" s="1" t="s">
        <v>99012</v>
      </c>
      <c r="E39863" s="1" t="s">
        <v>136684</v>
      </c>
      <c r="F39863" s="1" t="s">
        <v>136685</v>
      </c>
      <c r="G39863" s="1" t="s">
        <v>136585</v>
      </c>
      <c r="H39863" s="1" t="s">
        <v>136586</v>
      </c>
      <c r="I39863" s="1" t="s">
        <v>135900</v>
      </c>
      <c r="J39863" s="1" t="s">
        <v>136686</v>
      </c>
    </row>
    <row r="39864" spans="1:10" x14ac:dyDescent="0.35">
      <c r="A39864" s="1" t="s">
        <v>25975</v>
      </c>
      <c r="B39864" s="1" t="s">
        <v>135894</v>
      </c>
      <c r="C39864" s="1" t="s">
        <v>165</v>
      </c>
      <c r="D39864" s="1" t="s">
        <v>136687</v>
      </c>
      <c r="E39864" s="1" t="s">
        <v>136688</v>
      </c>
      <c r="F39864" s="1" t="s">
        <v>136689</v>
      </c>
      <c r="G39864" s="1" t="s">
        <v>136585</v>
      </c>
      <c r="H39864" s="1" t="s">
        <v>136586</v>
      </c>
      <c r="I39864" s="1" t="s">
        <v>135900</v>
      </c>
      <c r="J39864" s="1" t="s">
        <v>136690</v>
      </c>
    </row>
    <row r="39865" spans="1:10" x14ac:dyDescent="0.35">
      <c r="A39865" s="1" t="s">
        <v>25975</v>
      </c>
      <c r="B39865" s="1" t="s">
        <v>135894</v>
      </c>
      <c r="C39865" s="1" t="s">
        <v>170</v>
      </c>
      <c r="D39865" s="1" t="s">
        <v>61152</v>
      </c>
      <c r="E39865" s="1" t="s">
        <v>136691</v>
      </c>
      <c r="F39865" s="1" t="s">
        <v>136692</v>
      </c>
      <c r="G39865" s="1" t="s">
        <v>136585</v>
      </c>
      <c r="H39865" s="1" t="s">
        <v>136586</v>
      </c>
      <c r="I39865" s="1" t="s">
        <v>135900</v>
      </c>
      <c r="J39865" s="1" t="s">
        <v>136693</v>
      </c>
    </row>
    <row r="39866" spans="1:10" x14ac:dyDescent="0.35">
      <c r="A39866" s="1" t="s">
        <v>136694</v>
      </c>
      <c r="B39866" s="1" t="s">
        <v>135894</v>
      </c>
      <c r="C39866" s="1" t="s">
        <v>8</v>
      </c>
      <c r="D39866" s="1" t="s">
        <v>20428</v>
      </c>
      <c r="E39866" s="1" t="s">
        <v>136695</v>
      </c>
      <c r="F39866" s="1" t="s">
        <v>136696</v>
      </c>
      <c r="G39866" s="1" t="s">
        <v>136697</v>
      </c>
      <c r="H39866" s="1" t="s">
        <v>136698</v>
      </c>
      <c r="I39866" s="1" t="s">
        <v>135900</v>
      </c>
      <c r="J39866" s="1" t="s">
        <v>13</v>
      </c>
    </row>
    <row r="39867" spans="1:10" x14ac:dyDescent="0.35">
      <c r="A39867" s="1" t="s">
        <v>136694</v>
      </c>
      <c r="B39867" s="1" t="s">
        <v>135894</v>
      </c>
      <c r="C39867" s="1" t="s">
        <v>15</v>
      </c>
      <c r="D39867" s="1" t="s">
        <v>56509</v>
      </c>
      <c r="E39867" s="1" t="s">
        <v>136699</v>
      </c>
      <c r="F39867" s="1" t="s">
        <v>136700</v>
      </c>
      <c r="G39867" s="1" t="s">
        <v>136697</v>
      </c>
      <c r="H39867" s="1" t="s">
        <v>136698</v>
      </c>
      <c r="I39867" s="1" t="s">
        <v>135900</v>
      </c>
      <c r="J39867" s="1" t="s">
        <v>136701</v>
      </c>
    </row>
    <row r="39868" spans="1:10" x14ac:dyDescent="0.35">
      <c r="A39868" s="1" t="s">
        <v>136694</v>
      </c>
      <c r="B39868" s="1" t="s">
        <v>135894</v>
      </c>
      <c r="C39868" s="1" t="s">
        <v>20</v>
      </c>
      <c r="D39868" s="1" t="s">
        <v>57483</v>
      </c>
      <c r="E39868" s="1" t="s">
        <v>136702</v>
      </c>
      <c r="F39868" s="1" t="s">
        <v>136703</v>
      </c>
      <c r="G39868" s="1" t="s">
        <v>136697</v>
      </c>
      <c r="H39868" s="1" t="s">
        <v>136698</v>
      </c>
      <c r="I39868" s="1" t="s">
        <v>135900</v>
      </c>
      <c r="J39868" s="1" t="s">
        <v>136704</v>
      </c>
    </row>
    <row r="39869" spans="1:10" x14ac:dyDescent="0.35">
      <c r="A39869" s="1" t="s">
        <v>136694</v>
      </c>
      <c r="B39869" s="1" t="s">
        <v>135894</v>
      </c>
      <c r="C39869" s="1" t="s">
        <v>25</v>
      </c>
      <c r="D39869" s="1" t="s">
        <v>132132</v>
      </c>
      <c r="E39869" s="1" t="s">
        <v>136705</v>
      </c>
      <c r="F39869" s="1" t="s">
        <v>136706</v>
      </c>
      <c r="G39869" s="1" t="s">
        <v>136697</v>
      </c>
      <c r="H39869" s="1" t="s">
        <v>136698</v>
      </c>
      <c r="I39869" s="1" t="s">
        <v>135900</v>
      </c>
      <c r="J39869" s="1" t="s">
        <v>136707</v>
      </c>
    </row>
    <row r="39870" spans="1:10" x14ac:dyDescent="0.35">
      <c r="A39870" s="1" t="s">
        <v>136694</v>
      </c>
      <c r="B39870" s="1" t="s">
        <v>135894</v>
      </c>
      <c r="C39870" s="1" t="s">
        <v>30</v>
      </c>
      <c r="D39870" s="1" t="s">
        <v>113980</v>
      </c>
      <c r="E39870" s="1" t="s">
        <v>136708</v>
      </c>
      <c r="F39870" s="1" t="s">
        <v>136709</v>
      </c>
      <c r="G39870" s="1" t="s">
        <v>136697</v>
      </c>
      <c r="H39870" s="1" t="s">
        <v>136698</v>
      </c>
      <c r="I39870" s="1" t="s">
        <v>135900</v>
      </c>
      <c r="J39870" s="1" t="s">
        <v>136710</v>
      </c>
    </row>
    <row r="39871" spans="1:10" x14ac:dyDescent="0.35">
      <c r="A39871" s="1" t="s">
        <v>136694</v>
      </c>
      <c r="B39871" s="1" t="s">
        <v>135894</v>
      </c>
      <c r="C39871" s="1" t="s">
        <v>35</v>
      </c>
      <c r="D39871" s="1" t="s">
        <v>20023</v>
      </c>
      <c r="E39871" s="1" t="s">
        <v>136711</v>
      </c>
      <c r="F39871" s="1" t="s">
        <v>136712</v>
      </c>
      <c r="G39871" s="1" t="s">
        <v>136697</v>
      </c>
      <c r="H39871" s="1" t="s">
        <v>136698</v>
      </c>
      <c r="I39871" s="1" t="s">
        <v>135900</v>
      </c>
      <c r="J39871" s="1" t="s">
        <v>136713</v>
      </c>
    </row>
    <row r="39872" spans="1:10" x14ac:dyDescent="0.35">
      <c r="A39872" s="1" t="s">
        <v>136694</v>
      </c>
      <c r="B39872" s="1" t="s">
        <v>135894</v>
      </c>
      <c r="C39872" s="1" t="s">
        <v>40</v>
      </c>
      <c r="D39872" s="1" t="s">
        <v>136714</v>
      </c>
      <c r="E39872" s="1" t="s">
        <v>136715</v>
      </c>
      <c r="F39872" s="1" t="s">
        <v>136716</v>
      </c>
      <c r="G39872" s="1" t="s">
        <v>136697</v>
      </c>
      <c r="H39872" s="1" t="s">
        <v>136698</v>
      </c>
      <c r="I39872" s="1" t="s">
        <v>135900</v>
      </c>
      <c r="J39872" s="1" t="s">
        <v>136717</v>
      </c>
    </row>
    <row r="39873" spans="1:10" x14ac:dyDescent="0.35">
      <c r="A39873" s="1" t="s">
        <v>136694</v>
      </c>
      <c r="B39873" s="1" t="s">
        <v>135894</v>
      </c>
      <c r="C39873" s="1" t="s">
        <v>45</v>
      </c>
      <c r="D39873" s="1" t="s">
        <v>136718</v>
      </c>
      <c r="E39873" s="1" t="s">
        <v>136719</v>
      </c>
      <c r="F39873" s="1" t="s">
        <v>136720</v>
      </c>
      <c r="G39873" s="1" t="s">
        <v>136697</v>
      </c>
      <c r="H39873" s="1" t="s">
        <v>136698</v>
      </c>
      <c r="I39873" s="1" t="s">
        <v>135900</v>
      </c>
      <c r="J39873" s="1" t="s">
        <v>136721</v>
      </c>
    </row>
    <row r="39874" spans="1:10" x14ac:dyDescent="0.35">
      <c r="A39874" s="1" t="s">
        <v>136694</v>
      </c>
      <c r="B39874" s="1" t="s">
        <v>135894</v>
      </c>
      <c r="C39874" s="1" t="s">
        <v>50</v>
      </c>
      <c r="D39874" s="1" t="s">
        <v>136722</v>
      </c>
      <c r="E39874" s="1" t="s">
        <v>136723</v>
      </c>
      <c r="F39874" s="1" t="s">
        <v>136724</v>
      </c>
      <c r="G39874" s="1" t="s">
        <v>136697</v>
      </c>
      <c r="H39874" s="1" t="s">
        <v>136698</v>
      </c>
      <c r="I39874" s="1" t="s">
        <v>135900</v>
      </c>
      <c r="J39874" s="1" t="s">
        <v>136725</v>
      </c>
    </row>
    <row r="39875" spans="1:10" x14ac:dyDescent="0.35">
      <c r="A39875" s="1" t="s">
        <v>136694</v>
      </c>
      <c r="B39875" s="1" t="s">
        <v>135894</v>
      </c>
      <c r="C39875" s="1" t="s">
        <v>55</v>
      </c>
      <c r="D39875" s="1" t="s">
        <v>136726</v>
      </c>
      <c r="E39875" s="1" t="s">
        <v>136727</v>
      </c>
      <c r="F39875" s="1" t="s">
        <v>136728</v>
      </c>
      <c r="G39875" s="1" t="s">
        <v>136697</v>
      </c>
      <c r="H39875" s="1" t="s">
        <v>136698</v>
      </c>
      <c r="I39875" s="1" t="s">
        <v>135900</v>
      </c>
      <c r="J39875" s="1" t="s">
        <v>136729</v>
      </c>
    </row>
    <row r="39876" spans="1:10" x14ac:dyDescent="0.35">
      <c r="A39876" s="1" t="s">
        <v>136694</v>
      </c>
      <c r="B39876" s="1" t="s">
        <v>135894</v>
      </c>
      <c r="C39876" s="1" t="s">
        <v>60</v>
      </c>
      <c r="D39876" s="1" t="s">
        <v>136730</v>
      </c>
      <c r="E39876" s="1" t="s">
        <v>136731</v>
      </c>
      <c r="F39876" s="1" t="s">
        <v>136732</v>
      </c>
      <c r="G39876" s="1" t="s">
        <v>136697</v>
      </c>
      <c r="H39876" s="1" t="s">
        <v>136698</v>
      </c>
      <c r="I39876" s="1" t="s">
        <v>135900</v>
      </c>
      <c r="J39876" s="1" t="s">
        <v>136733</v>
      </c>
    </row>
    <row r="39877" spans="1:10" x14ac:dyDescent="0.35">
      <c r="A39877" s="1" t="s">
        <v>136694</v>
      </c>
      <c r="B39877" s="1" t="s">
        <v>135894</v>
      </c>
      <c r="C39877" s="1" t="s">
        <v>65</v>
      </c>
      <c r="D39877" s="1" t="s">
        <v>136734</v>
      </c>
      <c r="E39877" s="1" t="s">
        <v>136735</v>
      </c>
      <c r="F39877" s="1" t="s">
        <v>136736</v>
      </c>
      <c r="G39877" s="1" t="s">
        <v>136697</v>
      </c>
      <c r="H39877" s="1" t="s">
        <v>136698</v>
      </c>
      <c r="I39877" s="1" t="s">
        <v>135900</v>
      </c>
      <c r="J39877" s="1" t="s">
        <v>136737</v>
      </c>
    </row>
    <row r="39878" spans="1:10" x14ac:dyDescent="0.35">
      <c r="A39878" s="1" t="s">
        <v>136694</v>
      </c>
      <c r="B39878" s="1" t="s">
        <v>135894</v>
      </c>
      <c r="C39878" s="1" t="s">
        <v>70</v>
      </c>
      <c r="D39878" s="1" t="s">
        <v>7381</v>
      </c>
      <c r="E39878" s="1" t="s">
        <v>136738</v>
      </c>
      <c r="F39878" s="1" t="s">
        <v>136739</v>
      </c>
      <c r="G39878" s="1" t="s">
        <v>136697</v>
      </c>
      <c r="H39878" s="1" t="s">
        <v>136698</v>
      </c>
      <c r="I39878" s="1" t="s">
        <v>135900</v>
      </c>
      <c r="J39878" s="1" t="s">
        <v>136740</v>
      </c>
    </row>
    <row r="39879" spans="1:10" x14ac:dyDescent="0.35">
      <c r="A39879" s="1" t="s">
        <v>136694</v>
      </c>
      <c r="B39879" s="1" t="s">
        <v>135894</v>
      </c>
      <c r="C39879" s="1" t="s">
        <v>75</v>
      </c>
      <c r="D39879" s="1" t="s">
        <v>24707</v>
      </c>
      <c r="E39879" s="1" t="s">
        <v>136741</v>
      </c>
      <c r="F39879" s="1" t="s">
        <v>136742</v>
      </c>
      <c r="G39879" s="1" t="s">
        <v>136697</v>
      </c>
      <c r="H39879" s="1" t="s">
        <v>136698</v>
      </c>
      <c r="I39879" s="1" t="s">
        <v>135900</v>
      </c>
      <c r="J39879" s="1" t="s">
        <v>136743</v>
      </c>
    </row>
    <row r="39880" spans="1:10" x14ac:dyDescent="0.35">
      <c r="A39880" s="1" t="s">
        <v>136694</v>
      </c>
      <c r="B39880" s="1" t="s">
        <v>135894</v>
      </c>
      <c r="C39880" s="1" t="s">
        <v>80</v>
      </c>
      <c r="D39880" s="1" t="s">
        <v>61373</v>
      </c>
      <c r="E39880" s="1" t="s">
        <v>136744</v>
      </c>
      <c r="F39880" s="1" t="s">
        <v>136745</v>
      </c>
      <c r="G39880" s="1" t="s">
        <v>136697</v>
      </c>
      <c r="H39880" s="1" t="s">
        <v>136698</v>
      </c>
      <c r="I39880" s="1" t="s">
        <v>135900</v>
      </c>
      <c r="J39880" s="1" t="s">
        <v>136746</v>
      </c>
    </row>
    <row r="39881" spans="1:10" x14ac:dyDescent="0.35">
      <c r="A39881" s="1" t="s">
        <v>136694</v>
      </c>
      <c r="B39881" s="1" t="s">
        <v>135894</v>
      </c>
      <c r="C39881" s="1" t="s">
        <v>85</v>
      </c>
      <c r="D39881" s="1" t="s">
        <v>54935</v>
      </c>
      <c r="E39881" s="1" t="s">
        <v>136747</v>
      </c>
      <c r="F39881" s="1" t="s">
        <v>136748</v>
      </c>
      <c r="G39881" s="1" t="s">
        <v>136697</v>
      </c>
      <c r="H39881" s="1" t="s">
        <v>136698</v>
      </c>
      <c r="I39881" s="1" t="s">
        <v>135900</v>
      </c>
      <c r="J39881" s="1" t="s">
        <v>136749</v>
      </c>
    </row>
    <row r="39882" spans="1:10" x14ac:dyDescent="0.35">
      <c r="A39882" s="1" t="s">
        <v>136694</v>
      </c>
      <c r="B39882" s="1" t="s">
        <v>135894</v>
      </c>
      <c r="C39882" s="1" t="s">
        <v>90</v>
      </c>
      <c r="D39882" s="1" t="s">
        <v>81661</v>
      </c>
      <c r="E39882" s="1" t="s">
        <v>136750</v>
      </c>
      <c r="F39882" s="1" t="s">
        <v>136751</v>
      </c>
      <c r="G39882" s="1" t="s">
        <v>136697</v>
      </c>
      <c r="H39882" s="1" t="s">
        <v>136698</v>
      </c>
      <c r="I39882" s="1" t="s">
        <v>135900</v>
      </c>
      <c r="J39882" s="1" t="s">
        <v>136752</v>
      </c>
    </row>
    <row r="39883" spans="1:10" x14ac:dyDescent="0.35">
      <c r="A39883" s="1" t="s">
        <v>136694</v>
      </c>
      <c r="B39883" s="1" t="s">
        <v>135894</v>
      </c>
      <c r="C39883" s="1" t="s">
        <v>95</v>
      </c>
      <c r="D39883" s="1" t="s">
        <v>67440</v>
      </c>
      <c r="E39883" s="1" t="s">
        <v>136753</v>
      </c>
      <c r="F39883" s="1" t="s">
        <v>136754</v>
      </c>
      <c r="G39883" s="1" t="s">
        <v>136697</v>
      </c>
      <c r="H39883" s="1" t="s">
        <v>136698</v>
      </c>
      <c r="I39883" s="1" t="s">
        <v>135900</v>
      </c>
      <c r="J39883" s="1" t="s">
        <v>136755</v>
      </c>
    </row>
    <row r="39884" spans="1:10" x14ac:dyDescent="0.35">
      <c r="A39884" s="1" t="s">
        <v>136694</v>
      </c>
      <c r="B39884" s="1" t="s">
        <v>135894</v>
      </c>
      <c r="C39884" s="1" t="s">
        <v>100</v>
      </c>
      <c r="D39884" s="1" t="s">
        <v>136756</v>
      </c>
      <c r="E39884" s="1" t="s">
        <v>136757</v>
      </c>
      <c r="F39884" s="1" t="s">
        <v>136758</v>
      </c>
      <c r="G39884" s="1" t="s">
        <v>136697</v>
      </c>
      <c r="H39884" s="1" t="s">
        <v>136698</v>
      </c>
      <c r="I39884" s="1" t="s">
        <v>135900</v>
      </c>
      <c r="J39884" s="1" t="s">
        <v>136759</v>
      </c>
    </row>
    <row r="39885" spans="1:10" x14ac:dyDescent="0.35">
      <c r="A39885" s="1" t="s">
        <v>136694</v>
      </c>
      <c r="B39885" s="1" t="s">
        <v>135894</v>
      </c>
      <c r="C39885" s="1" t="s">
        <v>105</v>
      </c>
      <c r="D39885" s="1" t="s">
        <v>136760</v>
      </c>
      <c r="E39885" s="1" t="s">
        <v>136761</v>
      </c>
      <c r="F39885" s="1" t="s">
        <v>136762</v>
      </c>
      <c r="G39885" s="1" t="s">
        <v>136697</v>
      </c>
      <c r="H39885" s="1" t="s">
        <v>136698</v>
      </c>
      <c r="I39885" s="1" t="s">
        <v>135900</v>
      </c>
      <c r="J39885" s="1" t="s">
        <v>136763</v>
      </c>
    </row>
    <row r="39886" spans="1:10" x14ac:dyDescent="0.35">
      <c r="A39886" s="1" t="s">
        <v>136694</v>
      </c>
      <c r="B39886" s="1" t="s">
        <v>135894</v>
      </c>
      <c r="C39886" s="1" t="s">
        <v>110</v>
      </c>
      <c r="D39886" s="1" t="s">
        <v>136764</v>
      </c>
      <c r="E39886" s="1" t="s">
        <v>136765</v>
      </c>
      <c r="F39886" s="1" t="s">
        <v>136766</v>
      </c>
      <c r="G39886" s="1" t="s">
        <v>136697</v>
      </c>
      <c r="H39886" s="1" t="s">
        <v>136698</v>
      </c>
      <c r="I39886" s="1" t="s">
        <v>135900</v>
      </c>
      <c r="J39886" s="1" t="s">
        <v>136767</v>
      </c>
    </row>
    <row r="39887" spans="1:10" x14ac:dyDescent="0.35">
      <c r="A39887" s="1" t="s">
        <v>136694</v>
      </c>
      <c r="B39887" s="1" t="s">
        <v>135894</v>
      </c>
      <c r="C39887" s="1" t="s">
        <v>115</v>
      </c>
      <c r="D39887" s="1" t="s">
        <v>136768</v>
      </c>
      <c r="E39887" s="1" t="s">
        <v>136769</v>
      </c>
      <c r="F39887" s="1" t="s">
        <v>136770</v>
      </c>
      <c r="G39887" s="1" t="s">
        <v>136697</v>
      </c>
      <c r="H39887" s="1" t="s">
        <v>136698</v>
      </c>
      <c r="I39887" s="1" t="s">
        <v>135900</v>
      </c>
      <c r="J39887" s="1" t="s">
        <v>136771</v>
      </c>
    </row>
    <row r="39888" spans="1:10" x14ac:dyDescent="0.35">
      <c r="A39888" s="1" t="s">
        <v>136694</v>
      </c>
      <c r="B39888" s="1" t="s">
        <v>135894</v>
      </c>
      <c r="C39888" s="1" t="s">
        <v>120</v>
      </c>
      <c r="D39888" s="1" t="s">
        <v>136772</v>
      </c>
      <c r="E39888" s="1" t="s">
        <v>136773</v>
      </c>
      <c r="F39888" s="1" t="s">
        <v>136774</v>
      </c>
      <c r="G39888" s="1" t="s">
        <v>136697</v>
      </c>
      <c r="H39888" s="1" t="s">
        <v>136698</v>
      </c>
      <c r="I39888" s="1" t="s">
        <v>135900</v>
      </c>
      <c r="J39888" s="1" t="s">
        <v>136775</v>
      </c>
    </row>
    <row r="39889" spans="1:10" x14ac:dyDescent="0.35">
      <c r="A39889" s="1" t="s">
        <v>136694</v>
      </c>
      <c r="B39889" s="1" t="s">
        <v>135894</v>
      </c>
      <c r="C39889" s="1" t="s">
        <v>125</v>
      </c>
      <c r="D39889" s="1" t="s">
        <v>136776</v>
      </c>
      <c r="E39889" s="1" t="s">
        <v>136777</v>
      </c>
      <c r="F39889" s="1" t="s">
        <v>136778</v>
      </c>
      <c r="G39889" s="1" t="s">
        <v>136697</v>
      </c>
      <c r="H39889" s="1" t="s">
        <v>136698</v>
      </c>
      <c r="I39889" s="1" t="s">
        <v>135900</v>
      </c>
      <c r="J39889" s="1" t="s">
        <v>136779</v>
      </c>
    </row>
    <row r="39890" spans="1:10" x14ac:dyDescent="0.35">
      <c r="A39890" s="1" t="s">
        <v>136694</v>
      </c>
      <c r="B39890" s="1" t="s">
        <v>135894</v>
      </c>
      <c r="C39890" s="1" t="s">
        <v>130</v>
      </c>
      <c r="D39890" s="1" t="s">
        <v>136780</v>
      </c>
      <c r="E39890" s="1" t="s">
        <v>136781</v>
      </c>
      <c r="F39890" s="1" t="s">
        <v>136782</v>
      </c>
      <c r="G39890" s="1" t="s">
        <v>136697</v>
      </c>
      <c r="H39890" s="1" t="s">
        <v>136698</v>
      </c>
      <c r="I39890" s="1" t="s">
        <v>135900</v>
      </c>
      <c r="J39890" s="1" t="s">
        <v>136783</v>
      </c>
    </row>
    <row r="39891" spans="1:10" x14ac:dyDescent="0.35">
      <c r="A39891" s="1" t="s">
        <v>136694</v>
      </c>
      <c r="B39891" s="1" t="s">
        <v>135894</v>
      </c>
      <c r="C39891" s="1" t="s">
        <v>135</v>
      </c>
      <c r="D39891" s="1" t="s">
        <v>136784</v>
      </c>
      <c r="E39891" s="1" t="s">
        <v>136785</v>
      </c>
      <c r="F39891" s="1" t="s">
        <v>136786</v>
      </c>
      <c r="G39891" s="1" t="s">
        <v>136697</v>
      </c>
      <c r="H39891" s="1" t="s">
        <v>136698</v>
      </c>
      <c r="I39891" s="1" t="s">
        <v>135900</v>
      </c>
      <c r="J39891" s="1" t="s">
        <v>136787</v>
      </c>
    </row>
    <row r="39892" spans="1:10" x14ac:dyDescent="0.35">
      <c r="A39892" s="1" t="s">
        <v>136694</v>
      </c>
      <c r="B39892" s="1" t="s">
        <v>135894</v>
      </c>
      <c r="C39892" s="1" t="s">
        <v>140</v>
      </c>
      <c r="D39892" s="1" t="s">
        <v>130251</v>
      </c>
      <c r="E39892" s="1" t="s">
        <v>136788</v>
      </c>
      <c r="F39892" s="1" t="s">
        <v>136789</v>
      </c>
      <c r="G39892" s="1" t="s">
        <v>136697</v>
      </c>
      <c r="H39892" s="1" t="s">
        <v>136698</v>
      </c>
      <c r="I39892" s="1" t="s">
        <v>135900</v>
      </c>
      <c r="J39892" s="1" t="s">
        <v>136790</v>
      </c>
    </row>
    <row r="39893" spans="1:10" x14ac:dyDescent="0.35">
      <c r="A39893" s="1" t="s">
        <v>136694</v>
      </c>
      <c r="B39893" s="1" t="s">
        <v>135894</v>
      </c>
      <c r="C39893" s="1" t="s">
        <v>145</v>
      </c>
      <c r="D39893" s="1" t="s">
        <v>136791</v>
      </c>
      <c r="E39893" s="1" t="s">
        <v>136792</v>
      </c>
      <c r="F39893" s="1" t="s">
        <v>136793</v>
      </c>
      <c r="G39893" s="1" t="s">
        <v>136697</v>
      </c>
      <c r="H39893" s="1" t="s">
        <v>136698</v>
      </c>
      <c r="I39893" s="1" t="s">
        <v>135900</v>
      </c>
      <c r="J39893" s="1" t="s">
        <v>136794</v>
      </c>
    </row>
    <row r="39894" spans="1:10" x14ac:dyDescent="0.35">
      <c r="A39894" s="1" t="s">
        <v>136694</v>
      </c>
      <c r="B39894" s="1" t="s">
        <v>135894</v>
      </c>
      <c r="C39894" s="1" t="s">
        <v>150</v>
      </c>
      <c r="D39894" s="1" t="s">
        <v>78333</v>
      </c>
      <c r="E39894" s="1" t="s">
        <v>136795</v>
      </c>
      <c r="F39894" s="1" t="s">
        <v>136796</v>
      </c>
      <c r="G39894" s="1" t="s">
        <v>136697</v>
      </c>
      <c r="H39894" s="1" t="s">
        <v>136698</v>
      </c>
      <c r="I39894" s="1" t="s">
        <v>135900</v>
      </c>
      <c r="J39894" s="1" t="s">
        <v>136797</v>
      </c>
    </row>
    <row r="39895" spans="1:10" x14ac:dyDescent="0.35">
      <c r="A39895" s="1" t="s">
        <v>136694</v>
      </c>
      <c r="B39895" s="1" t="s">
        <v>135894</v>
      </c>
      <c r="C39895" s="1" t="s">
        <v>155</v>
      </c>
      <c r="D39895" s="1" t="s">
        <v>22213</v>
      </c>
      <c r="E39895" s="1" t="s">
        <v>136798</v>
      </c>
      <c r="F39895" s="1" t="s">
        <v>136799</v>
      </c>
      <c r="G39895" s="1" t="s">
        <v>136697</v>
      </c>
      <c r="H39895" s="1" t="s">
        <v>136698</v>
      </c>
      <c r="I39895" s="1" t="s">
        <v>135900</v>
      </c>
      <c r="J39895" s="1" t="s">
        <v>136800</v>
      </c>
    </row>
    <row r="39896" spans="1:10" x14ac:dyDescent="0.35">
      <c r="A39896" s="1" t="s">
        <v>136694</v>
      </c>
      <c r="B39896" s="1" t="s">
        <v>135894</v>
      </c>
      <c r="C39896" s="1" t="s">
        <v>160</v>
      </c>
      <c r="D39896" s="1" t="s">
        <v>64331</v>
      </c>
      <c r="E39896" s="1" t="s">
        <v>136801</v>
      </c>
      <c r="F39896" s="1" t="s">
        <v>136802</v>
      </c>
      <c r="G39896" s="1" t="s">
        <v>136697</v>
      </c>
      <c r="H39896" s="1" t="s">
        <v>136698</v>
      </c>
      <c r="I39896" s="1" t="s">
        <v>135900</v>
      </c>
      <c r="J39896" s="1" t="s">
        <v>136803</v>
      </c>
    </row>
    <row r="39897" spans="1:10" x14ac:dyDescent="0.35">
      <c r="A39897" s="1" t="s">
        <v>136694</v>
      </c>
      <c r="B39897" s="1" t="s">
        <v>135894</v>
      </c>
      <c r="C39897" s="1" t="s">
        <v>165</v>
      </c>
      <c r="D39897" s="1" t="s">
        <v>136804</v>
      </c>
      <c r="E39897" s="1" t="s">
        <v>136805</v>
      </c>
      <c r="F39897" s="1" t="s">
        <v>136806</v>
      </c>
      <c r="G39897" s="1" t="s">
        <v>136697</v>
      </c>
      <c r="H39897" s="1" t="s">
        <v>136698</v>
      </c>
      <c r="I39897" s="1" t="s">
        <v>135900</v>
      </c>
      <c r="J39897" s="1" t="s">
        <v>136807</v>
      </c>
    </row>
    <row r="39898" spans="1:10" x14ac:dyDescent="0.35">
      <c r="A39898" s="1" t="s">
        <v>136694</v>
      </c>
      <c r="B39898" s="1" t="s">
        <v>135894</v>
      </c>
      <c r="C39898" s="1" t="s">
        <v>170</v>
      </c>
      <c r="D39898" s="1" t="s">
        <v>136808</v>
      </c>
      <c r="E39898" s="1" t="s">
        <v>136809</v>
      </c>
      <c r="F39898" s="1" t="s">
        <v>136810</v>
      </c>
      <c r="G39898" s="1" t="s">
        <v>136697</v>
      </c>
      <c r="H39898" s="1" t="s">
        <v>136698</v>
      </c>
      <c r="I39898" s="1" t="s">
        <v>135900</v>
      </c>
      <c r="J39898" s="1" t="s">
        <v>136811</v>
      </c>
    </row>
    <row r="39899" spans="1:10" x14ac:dyDescent="0.35">
      <c r="A39899" s="1" t="s">
        <v>136812</v>
      </c>
      <c r="B39899" s="1" t="s">
        <v>135894</v>
      </c>
      <c r="C39899" s="1" t="s">
        <v>8</v>
      </c>
      <c r="D39899" s="1" t="s">
        <v>136813</v>
      </c>
      <c r="E39899" s="1" t="s">
        <v>136814</v>
      </c>
      <c r="F39899" s="1" t="s">
        <v>136815</v>
      </c>
      <c r="G39899" s="1" t="s">
        <v>136816</v>
      </c>
      <c r="H39899" s="1" t="s">
        <v>136817</v>
      </c>
      <c r="I39899" s="1" t="s">
        <v>135900</v>
      </c>
      <c r="J39899" s="1" t="s">
        <v>13</v>
      </c>
    </row>
    <row r="39900" spans="1:10" x14ac:dyDescent="0.35">
      <c r="A39900" s="1" t="s">
        <v>136812</v>
      </c>
      <c r="B39900" s="1" t="s">
        <v>135894</v>
      </c>
      <c r="C39900" s="1" t="s">
        <v>15</v>
      </c>
      <c r="D39900" s="1" t="s">
        <v>136818</v>
      </c>
      <c r="E39900" s="1" t="s">
        <v>136819</v>
      </c>
      <c r="F39900" s="1" t="s">
        <v>136820</v>
      </c>
      <c r="G39900" s="1" t="s">
        <v>136816</v>
      </c>
      <c r="H39900" s="1" t="s">
        <v>136817</v>
      </c>
      <c r="I39900" s="1" t="s">
        <v>135900</v>
      </c>
      <c r="J39900" s="1" t="s">
        <v>136821</v>
      </c>
    </row>
    <row r="39901" spans="1:10" x14ac:dyDescent="0.35">
      <c r="A39901" s="1" t="s">
        <v>136812</v>
      </c>
      <c r="B39901" s="1" t="s">
        <v>135894</v>
      </c>
      <c r="C39901" s="1" t="s">
        <v>20</v>
      </c>
      <c r="D39901" s="1" t="s">
        <v>136822</v>
      </c>
      <c r="E39901" s="1" t="s">
        <v>136823</v>
      </c>
      <c r="F39901" s="1" t="s">
        <v>136824</v>
      </c>
      <c r="G39901" s="1" t="s">
        <v>136816</v>
      </c>
      <c r="H39901" s="1" t="s">
        <v>136817</v>
      </c>
      <c r="I39901" s="1" t="s">
        <v>135900</v>
      </c>
      <c r="J39901" s="1" t="s">
        <v>136825</v>
      </c>
    </row>
    <row r="39902" spans="1:10" x14ac:dyDescent="0.35">
      <c r="A39902" s="1" t="s">
        <v>136812</v>
      </c>
      <c r="B39902" s="1" t="s">
        <v>135894</v>
      </c>
      <c r="C39902" s="1" t="s">
        <v>25</v>
      </c>
      <c r="D39902" s="1" t="s">
        <v>136826</v>
      </c>
      <c r="E39902" s="1" t="s">
        <v>136827</v>
      </c>
      <c r="F39902" s="1" t="s">
        <v>136828</v>
      </c>
      <c r="G39902" s="1" t="s">
        <v>136816</v>
      </c>
      <c r="H39902" s="1" t="s">
        <v>136817</v>
      </c>
      <c r="I39902" s="1" t="s">
        <v>135900</v>
      </c>
      <c r="J39902" s="1" t="s">
        <v>136829</v>
      </c>
    </row>
    <row r="39903" spans="1:10" x14ac:dyDescent="0.35">
      <c r="A39903" s="1" t="s">
        <v>136812</v>
      </c>
      <c r="B39903" s="1" t="s">
        <v>135894</v>
      </c>
      <c r="C39903" s="1" t="s">
        <v>30</v>
      </c>
      <c r="D39903" s="1" t="s">
        <v>101216</v>
      </c>
      <c r="E39903" s="1" t="s">
        <v>136830</v>
      </c>
      <c r="F39903" s="1" t="s">
        <v>136831</v>
      </c>
      <c r="G39903" s="1" t="s">
        <v>136816</v>
      </c>
      <c r="H39903" s="1" t="s">
        <v>136817</v>
      </c>
      <c r="I39903" s="1" t="s">
        <v>135900</v>
      </c>
      <c r="J39903" s="1" t="s">
        <v>136832</v>
      </c>
    </row>
    <row r="39904" spans="1:10" x14ac:dyDescent="0.35">
      <c r="A39904" s="1" t="s">
        <v>136812</v>
      </c>
      <c r="B39904" s="1" t="s">
        <v>135894</v>
      </c>
      <c r="C39904" s="1" t="s">
        <v>35</v>
      </c>
      <c r="D39904" s="1" t="s">
        <v>68790</v>
      </c>
      <c r="E39904" s="1" t="s">
        <v>136833</v>
      </c>
      <c r="F39904" s="1" t="s">
        <v>136834</v>
      </c>
      <c r="G39904" s="1" t="s">
        <v>136816</v>
      </c>
      <c r="H39904" s="1" t="s">
        <v>136817</v>
      </c>
      <c r="I39904" s="1" t="s">
        <v>135900</v>
      </c>
      <c r="J39904" s="1" t="s">
        <v>136835</v>
      </c>
    </row>
    <row r="39905" spans="1:10" x14ac:dyDescent="0.35">
      <c r="A39905" s="1" t="s">
        <v>136812</v>
      </c>
      <c r="B39905" s="1" t="s">
        <v>135894</v>
      </c>
      <c r="C39905" s="1" t="s">
        <v>40</v>
      </c>
      <c r="D39905" s="1" t="s">
        <v>136836</v>
      </c>
      <c r="E39905" s="1" t="s">
        <v>136837</v>
      </c>
      <c r="F39905" s="1" t="s">
        <v>136838</v>
      </c>
      <c r="G39905" s="1" t="s">
        <v>136816</v>
      </c>
      <c r="H39905" s="1" t="s">
        <v>136817</v>
      </c>
      <c r="I39905" s="1" t="s">
        <v>135900</v>
      </c>
      <c r="J39905" s="1" t="s">
        <v>136839</v>
      </c>
    </row>
    <row r="39906" spans="1:10" x14ac:dyDescent="0.35">
      <c r="A39906" s="1" t="s">
        <v>136812</v>
      </c>
      <c r="B39906" s="1" t="s">
        <v>135894</v>
      </c>
      <c r="C39906" s="1" t="s">
        <v>45</v>
      </c>
      <c r="D39906" s="1" t="s">
        <v>136840</v>
      </c>
      <c r="E39906" s="1" t="s">
        <v>136841</v>
      </c>
      <c r="F39906" s="1" t="s">
        <v>136842</v>
      </c>
      <c r="G39906" s="1" t="s">
        <v>136816</v>
      </c>
      <c r="H39906" s="1" t="s">
        <v>136817</v>
      </c>
      <c r="I39906" s="1" t="s">
        <v>135900</v>
      </c>
      <c r="J39906" s="1" t="s">
        <v>136843</v>
      </c>
    </row>
    <row r="39907" spans="1:10" x14ac:dyDescent="0.35">
      <c r="A39907" s="1" t="s">
        <v>136812</v>
      </c>
      <c r="B39907" s="1" t="s">
        <v>135894</v>
      </c>
      <c r="C39907" s="1" t="s">
        <v>50</v>
      </c>
      <c r="D39907" s="1" t="s">
        <v>63335</v>
      </c>
      <c r="E39907" s="1" t="s">
        <v>136844</v>
      </c>
      <c r="F39907" s="1" t="s">
        <v>136845</v>
      </c>
      <c r="G39907" s="1" t="s">
        <v>136816</v>
      </c>
      <c r="H39907" s="1" t="s">
        <v>136817</v>
      </c>
      <c r="I39907" s="1" t="s">
        <v>135900</v>
      </c>
      <c r="J39907" s="1" t="s">
        <v>136846</v>
      </c>
    </row>
    <row r="39908" spans="1:10" x14ac:dyDescent="0.35">
      <c r="A39908" s="1" t="s">
        <v>136812</v>
      </c>
      <c r="B39908" s="1" t="s">
        <v>135894</v>
      </c>
      <c r="C39908" s="1" t="s">
        <v>55</v>
      </c>
      <c r="D39908" s="1" t="s">
        <v>92003</v>
      </c>
      <c r="E39908" s="1" t="s">
        <v>136847</v>
      </c>
      <c r="F39908" s="1" t="s">
        <v>136848</v>
      </c>
      <c r="G39908" s="1" t="s">
        <v>136816</v>
      </c>
      <c r="H39908" s="1" t="s">
        <v>136817</v>
      </c>
      <c r="I39908" s="1" t="s">
        <v>135900</v>
      </c>
      <c r="J39908" s="1" t="s">
        <v>136849</v>
      </c>
    </row>
    <row r="39909" spans="1:10" x14ac:dyDescent="0.35">
      <c r="A39909" s="1" t="s">
        <v>136812</v>
      </c>
      <c r="B39909" s="1" t="s">
        <v>135894</v>
      </c>
      <c r="C39909" s="1" t="s">
        <v>60</v>
      </c>
      <c r="D39909" s="1" t="s">
        <v>43609</v>
      </c>
      <c r="E39909" s="1" t="s">
        <v>136850</v>
      </c>
      <c r="F39909" s="1" t="s">
        <v>136851</v>
      </c>
      <c r="G39909" s="1" t="s">
        <v>136816</v>
      </c>
      <c r="H39909" s="1" t="s">
        <v>136817</v>
      </c>
      <c r="I39909" s="1" t="s">
        <v>135900</v>
      </c>
      <c r="J39909" s="1" t="s">
        <v>136852</v>
      </c>
    </row>
    <row r="39910" spans="1:10" x14ac:dyDescent="0.35">
      <c r="A39910" s="1" t="s">
        <v>136812</v>
      </c>
      <c r="B39910" s="1" t="s">
        <v>135894</v>
      </c>
      <c r="C39910" s="1" t="s">
        <v>65</v>
      </c>
      <c r="D39910" s="1" t="s">
        <v>91595</v>
      </c>
      <c r="E39910" s="1" t="s">
        <v>136853</v>
      </c>
      <c r="F39910" s="1" t="s">
        <v>136854</v>
      </c>
      <c r="G39910" s="1" t="s">
        <v>136816</v>
      </c>
      <c r="H39910" s="1" t="s">
        <v>136817</v>
      </c>
      <c r="I39910" s="1" t="s">
        <v>135900</v>
      </c>
      <c r="J39910" s="1" t="s">
        <v>136855</v>
      </c>
    </row>
    <row r="39911" spans="1:10" x14ac:dyDescent="0.35">
      <c r="A39911" s="1" t="s">
        <v>136812</v>
      </c>
      <c r="B39911" s="1" t="s">
        <v>135894</v>
      </c>
      <c r="C39911" s="1" t="s">
        <v>70</v>
      </c>
      <c r="D39911" s="1" t="s">
        <v>68507</v>
      </c>
      <c r="E39911" s="1" t="s">
        <v>136856</v>
      </c>
      <c r="F39911" s="1" t="s">
        <v>136857</v>
      </c>
      <c r="G39911" s="1" t="s">
        <v>136816</v>
      </c>
      <c r="H39911" s="1" t="s">
        <v>136817</v>
      </c>
      <c r="I39911" s="1" t="s">
        <v>135900</v>
      </c>
      <c r="J39911" s="1" t="s">
        <v>136858</v>
      </c>
    </row>
    <row r="39912" spans="1:10" x14ac:dyDescent="0.35">
      <c r="A39912" s="1" t="s">
        <v>136812</v>
      </c>
      <c r="B39912" s="1" t="s">
        <v>135894</v>
      </c>
      <c r="C39912" s="1" t="s">
        <v>75</v>
      </c>
      <c r="D39912" s="1" t="s">
        <v>136859</v>
      </c>
      <c r="E39912" s="1" t="s">
        <v>136860</v>
      </c>
      <c r="F39912" s="1" t="s">
        <v>136861</v>
      </c>
      <c r="G39912" s="1" t="s">
        <v>136816</v>
      </c>
      <c r="H39912" s="1" t="s">
        <v>136817</v>
      </c>
      <c r="I39912" s="1" t="s">
        <v>135900</v>
      </c>
      <c r="J39912" s="1" t="s">
        <v>136862</v>
      </c>
    </row>
    <row r="39913" spans="1:10" x14ac:dyDescent="0.35">
      <c r="A39913" s="1" t="s">
        <v>136812</v>
      </c>
      <c r="B39913" s="1" t="s">
        <v>135894</v>
      </c>
      <c r="C39913" s="1" t="s">
        <v>80</v>
      </c>
      <c r="D39913" s="1" t="s">
        <v>52912</v>
      </c>
      <c r="E39913" s="1" t="s">
        <v>136863</v>
      </c>
      <c r="F39913" s="1" t="s">
        <v>136864</v>
      </c>
      <c r="G39913" s="1" t="s">
        <v>136816</v>
      </c>
      <c r="H39913" s="1" t="s">
        <v>136817</v>
      </c>
      <c r="I39913" s="1" t="s">
        <v>135900</v>
      </c>
      <c r="J39913" s="1" t="s">
        <v>136865</v>
      </c>
    </row>
    <row r="39914" spans="1:10" x14ac:dyDescent="0.35">
      <c r="A39914" s="1" t="s">
        <v>136812</v>
      </c>
      <c r="B39914" s="1" t="s">
        <v>135894</v>
      </c>
      <c r="C39914" s="1" t="s">
        <v>85</v>
      </c>
      <c r="D39914" s="1" t="s">
        <v>136866</v>
      </c>
      <c r="E39914" s="1" t="s">
        <v>136867</v>
      </c>
      <c r="F39914" s="1" t="s">
        <v>136868</v>
      </c>
      <c r="G39914" s="1" t="s">
        <v>136816</v>
      </c>
      <c r="H39914" s="1" t="s">
        <v>136817</v>
      </c>
      <c r="I39914" s="1" t="s">
        <v>135900</v>
      </c>
      <c r="J39914" s="1" t="s">
        <v>136869</v>
      </c>
    </row>
    <row r="39915" spans="1:10" x14ac:dyDescent="0.35">
      <c r="A39915" s="1" t="s">
        <v>136812</v>
      </c>
      <c r="B39915" s="1" t="s">
        <v>135894</v>
      </c>
      <c r="C39915" s="1" t="s">
        <v>90</v>
      </c>
      <c r="D39915" s="1" t="s">
        <v>136870</v>
      </c>
      <c r="E39915" s="1" t="s">
        <v>136871</v>
      </c>
      <c r="F39915" s="1" t="s">
        <v>136872</v>
      </c>
      <c r="G39915" s="1" t="s">
        <v>136816</v>
      </c>
      <c r="H39915" s="1" t="s">
        <v>136817</v>
      </c>
      <c r="I39915" s="1" t="s">
        <v>135900</v>
      </c>
      <c r="J39915" s="1" t="s">
        <v>136873</v>
      </c>
    </row>
    <row r="39916" spans="1:10" x14ac:dyDescent="0.35">
      <c r="A39916" s="1" t="s">
        <v>136812</v>
      </c>
      <c r="B39916" s="1" t="s">
        <v>135894</v>
      </c>
      <c r="C39916" s="1" t="s">
        <v>95</v>
      </c>
      <c r="D39916" s="1" t="s">
        <v>107186</v>
      </c>
      <c r="E39916" s="1" t="s">
        <v>136874</v>
      </c>
      <c r="F39916" s="1" t="s">
        <v>136875</v>
      </c>
      <c r="G39916" s="1" t="s">
        <v>136816</v>
      </c>
      <c r="H39916" s="1" t="s">
        <v>136817</v>
      </c>
      <c r="I39916" s="1" t="s">
        <v>135900</v>
      </c>
      <c r="J39916" s="1" t="s">
        <v>136876</v>
      </c>
    </row>
    <row r="39917" spans="1:10" x14ac:dyDescent="0.35">
      <c r="A39917" s="1" t="s">
        <v>136812</v>
      </c>
      <c r="B39917" s="1" t="s">
        <v>135894</v>
      </c>
      <c r="C39917" s="1" t="s">
        <v>100</v>
      </c>
      <c r="D39917" s="1" t="s">
        <v>58473</v>
      </c>
      <c r="E39917" s="1" t="s">
        <v>136877</v>
      </c>
      <c r="F39917" s="1" t="s">
        <v>136878</v>
      </c>
      <c r="G39917" s="1" t="s">
        <v>136816</v>
      </c>
      <c r="H39917" s="1" t="s">
        <v>136817</v>
      </c>
      <c r="I39917" s="1" t="s">
        <v>135900</v>
      </c>
      <c r="J39917" s="1" t="s">
        <v>136879</v>
      </c>
    </row>
    <row r="39918" spans="1:10" x14ac:dyDescent="0.35">
      <c r="A39918" s="1" t="s">
        <v>136812</v>
      </c>
      <c r="B39918" s="1" t="s">
        <v>135894</v>
      </c>
      <c r="C39918" s="1" t="s">
        <v>105</v>
      </c>
      <c r="D39918" s="1" t="s">
        <v>91215</v>
      </c>
      <c r="E39918" s="1" t="s">
        <v>136880</v>
      </c>
      <c r="F39918" s="1" t="s">
        <v>136881</v>
      </c>
      <c r="G39918" s="1" t="s">
        <v>136816</v>
      </c>
      <c r="H39918" s="1" t="s">
        <v>136817</v>
      </c>
      <c r="I39918" s="1" t="s">
        <v>135900</v>
      </c>
      <c r="J39918" s="1" t="s">
        <v>136882</v>
      </c>
    </row>
    <row r="39919" spans="1:10" x14ac:dyDescent="0.35">
      <c r="A39919" s="1" t="s">
        <v>136812</v>
      </c>
      <c r="B39919" s="1" t="s">
        <v>135894</v>
      </c>
      <c r="C39919" s="1" t="s">
        <v>110</v>
      </c>
      <c r="D39919" s="1" t="s">
        <v>136883</v>
      </c>
      <c r="E39919" s="1" t="s">
        <v>136884</v>
      </c>
      <c r="F39919" s="1" t="s">
        <v>136885</v>
      </c>
      <c r="G39919" s="1" t="s">
        <v>136816</v>
      </c>
      <c r="H39919" s="1" t="s">
        <v>136817</v>
      </c>
      <c r="I39919" s="1" t="s">
        <v>135900</v>
      </c>
      <c r="J39919" s="1" t="s">
        <v>136886</v>
      </c>
    </row>
    <row r="39920" spans="1:10" x14ac:dyDescent="0.35">
      <c r="A39920" s="1" t="s">
        <v>136812</v>
      </c>
      <c r="B39920" s="1" t="s">
        <v>135894</v>
      </c>
      <c r="C39920" s="1" t="s">
        <v>115</v>
      </c>
      <c r="D39920" s="1" t="s">
        <v>136887</v>
      </c>
      <c r="E39920" s="1" t="s">
        <v>136888</v>
      </c>
      <c r="F39920" s="1" t="s">
        <v>136889</v>
      </c>
      <c r="G39920" s="1" t="s">
        <v>136816</v>
      </c>
      <c r="H39920" s="1" t="s">
        <v>136817</v>
      </c>
      <c r="I39920" s="1" t="s">
        <v>135900</v>
      </c>
      <c r="J39920" s="1" t="s">
        <v>136890</v>
      </c>
    </row>
    <row r="39921" spans="1:10" x14ac:dyDescent="0.35">
      <c r="A39921" s="1" t="s">
        <v>136812</v>
      </c>
      <c r="B39921" s="1" t="s">
        <v>135894</v>
      </c>
      <c r="C39921" s="1" t="s">
        <v>120</v>
      </c>
      <c r="D39921" s="1" t="s">
        <v>136891</v>
      </c>
      <c r="E39921" s="1" t="s">
        <v>136892</v>
      </c>
      <c r="F39921" s="1" t="s">
        <v>136893</v>
      </c>
      <c r="G39921" s="1" t="s">
        <v>136816</v>
      </c>
      <c r="H39921" s="1" t="s">
        <v>136817</v>
      </c>
      <c r="I39921" s="1" t="s">
        <v>135900</v>
      </c>
      <c r="J39921" s="1" t="s">
        <v>136894</v>
      </c>
    </row>
    <row r="39922" spans="1:10" x14ac:dyDescent="0.35">
      <c r="A39922" s="1" t="s">
        <v>136812</v>
      </c>
      <c r="B39922" s="1" t="s">
        <v>135894</v>
      </c>
      <c r="C39922" s="1" t="s">
        <v>125</v>
      </c>
      <c r="D39922" s="1" t="s">
        <v>60859</v>
      </c>
      <c r="E39922" s="1" t="s">
        <v>136895</v>
      </c>
      <c r="F39922" s="1" t="s">
        <v>136896</v>
      </c>
      <c r="G39922" s="1" t="s">
        <v>136816</v>
      </c>
      <c r="H39922" s="1" t="s">
        <v>136817</v>
      </c>
      <c r="I39922" s="1" t="s">
        <v>135900</v>
      </c>
      <c r="J39922" s="1" t="s">
        <v>136897</v>
      </c>
    </row>
    <row r="39923" spans="1:10" x14ac:dyDescent="0.35">
      <c r="A39923" s="1" t="s">
        <v>136812</v>
      </c>
      <c r="B39923" s="1" t="s">
        <v>135894</v>
      </c>
      <c r="C39923" s="1" t="s">
        <v>130</v>
      </c>
      <c r="D39923" s="1" t="s">
        <v>136898</v>
      </c>
      <c r="E39923" s="1" t="s">
        <v>136899</v>
      </c>
      <c r="F39923" s="1" t="s">
        <v>136900</v>
      </c>
      <c r="G39923" s="1" t="s">
        <v>136816</v>
      </c>
      <c r="H39923" s="1" t="s">
        <v>136817</v>
      </c>
      <c r="I39923" s="1" t="s">
        <v>135900</v>
      </c>
      <c r="J39923" s="1" t="s">
        <v>136901</v>
      </c>
    </row>
    <row r="39924" spans="1:10" x14ac:dyDescent="0.35">
      <c r="A39924" s="1" t="s">
        <v>136812</v>
      </c>
      <c r="B39924" s="1" t="s">
        <v>135894</v>
      </c>
      <c r="C39924" s="1" t="s">
        <v>135</v>
      </c>
      <c r="D39924" s="1" t="s">
        <v>60471</v>
      </c>
      <c r="E39924" s="1" t="s">
        <v>136902</v>
      </c>
      <c r="F39924" s="1" t="s">
        <v>136903</v>
      </c>
      <c r="G39924" s="1" t="s">
        <v>136816</v>
      </c>
      <c r="H39924" s="1" t="s">
        <v>136817</v>
      </c>
      <c r="I39924" s="1" t="s">
        <v>135900</v>
      </c>
      <c r="J39924" s="1" t="s">
        <v>136904</v>
      </c>
    </row>
    <row r="39925" spans="1:10" x14ac:dyDescent="0.35">
      <c r="A39925" s="1" t="s">
        <v>136812</v>
      </c>
      <c r="B39925" s="1" t="s">
        <v>135894</v>
      </c>
      <c r="C39925" s="1" t="s">
        <v>140</v>
      </c>
      <c r="D39925" s="1" t="s">
        <v>136905</v>
      </c>
      <c r="E39925" s="1" t="s">
        <v>136906</v>
      </c>
      <c r="F39925" s="1" t="s">
        <v>136907</v>
      </c>
      <c r="G39925" s="1" t="s">
        <v>136816</v>
      </c>
      <c r="H39925" s="1" t="s">
        <v>136817</v>
      </c>
      <c r="I39925" s="1" t="s">
        <v>135900</v>
      </c>
      <c r="J39925" s="1" t="s">
        <v>136908</v>
      </c>
    </row>
    <row r="39926" spans="1:10" x14ac:dyDescent="0.35">
      <c r="A39926" s="1" t="s">
        <v>136812</v>
      </c>
      <c r="B39926" s="1" t="s">
        <v>135894</v>
      </c>
      <c r="C39926" s="1" t="s">
        <v>145</v>
      </c>
      <c r="D39926" s="1" t="s">
        <v>136909</v>
      </c>
      <c r="E39926" s="1" t="s">
        <v>136910</v>
      </c>
      <c r="F39926" s="1" t="s">
        <v>136911</v>
      </c>
      <c r="G39926" s="1" t="s">
        <v>136816</v>
      </c>
      <c r="H39926" s="1" t="s">
        <v>136817</v>
      </c>
      <c r="I39926" s="1" t="s">
        <v>135900</v>
      </c>
      <c r="J39926" s="1" t="s">
        <v>136912</v>
      </c>
    </row>
    <row r="39927" spans="1:10" x14ac:dyDescent="0.35">
      <c r="A39927" s="1" t="s">
        <v>136812</v>
      </c>
      <c r="B39927" s="1" t="s">
        <v>135894</v>
      </c>
      <c r="C39927" s="1" t="s">
        <v>150</v>
      </c>
      <c r="D39927" s="1" t="s">
        <v>103555</v>
      </c>
      <c r="E39927" s="1" t="s">
        <v>136913</v>
      </c>
      <c r="F39927" s="1" t="s">
        <v>136914</v>
      </c>
      <c r="G39927" s="1" t="s">
        <v>136816</v>
      </c>
      <c r="H39927" s="1" t="s">
        <v>136817</v>
      </c>
      <c r="I39927" s="1" t="s">
        <v>135900</v>
      </c>
      <c r="J39927" s="1" t="s">
        <v>136915</v>
      </c>
    </row>
    <row r="39928" spans="1:10" x14ac:dyDescent="0.35">
      <c r="A39928" s="1" t="s">
        <v>136812</v>
      </c>
      <c r="B39928" s="1" t="s">
        <v>135894</v>
      </c>
      <c r="C39928" s="1" t="s">
        <v>155</v>
      </c>
      <c r="D39928" s="1" t="s">
        <v>60480</v>
      </c>
      <c r="E39928" s="1" t="s">
        <v>136916</v>
      </c>
      <c r="F39928" s="1" t="s">
        <v>136917</v>
      </c>
      <c r="G39928" s="1" t="s">
        <v>136816</v>
      </c>
      <c r="H39928" s="1" t="s">
        <v>136817</v>
      </c>
      <c r="I39928" s="1" t="s">
        <v>135900</v>
      </c>
      <c r="J39928" s="1" t="s">
        <v>136918</v>
      </c>
    </row>
    <row r="39929" spans="1:10" x14ac:dyDescent="0.35">
      <c r="A39929" s="1" t="s">
        <v>136812</v>
      </c>
      <c r="B39929" s="1" t="s">
        <v>135894</v>
      </c>
      <c r="C39929" s="1" t="s">
        <v>160</v>
      </c>
      <c r="D39929" s="1" t="s">
        <v>84300</v>
      </c>
      <c r="E39929" s="1" t="s">
        <v>136919</v>
      </c>
      <c r="F39929" s="1" t="s">
        <v>136920</v>
      </c>
      <c r="G39929" s="1" t="s">
        <v>136816</v>
      </c>
      <c r="H39929" s="1" t="s">
        <v>136817</v>
      </c>
      <c r="I39929" s="1" t="s">
        <v>135900</v>
      </c>
      <c r="J39929" s="1" t="s">
        <v>136921</v>
      </c>
    </row>
    <row r="39930" spans="1:10" x14ac:dyDescent="0.35">
      <c r="A39930" s="1" t="s">
        <v>136812</v>
      </c>
      <c r="B39930" s="1" t="s">
        <v>135894</v>
      </c>
      <c r="C39930" s="1" t="s">
        <v>165</v>
      </c>
      <c r="D39930" s="1" t="s">
        <v>136922</v>
      </c>
      <c r="E39930" s="1" t="s">
        <v>136923</v>
      </c>
      <c r="F39930" s="1" t="s">
        <v>136924</v>
      </c>
      <c r="G39930" s="1" t="s">
        <v>136816</v>
      </c>
      <c r="H39930" s="1" t="s">
        <v>136817</v>
      </c>
      <c r="I39930" s="1" t="s">
        <v>135900</v>
      </c>
      <c r="J39930" s="1" t="s">
        <v>136925</v>
      </c>
    </row>
    <row r="39931" spans="1:10" x14ac:dyDescent="0.35">
      <c r="A39931" s="1" t="s">
        <v>136812</v>
      </c>
      <c r="B39931" s="1" t="s">
        <v>135894</v>
      </c>
      <c r="C39931" s="1" t="s">
        <v>170</v>
      </c>
      <c r="D39931" s="1" t="s">
        <v>81255</v>
      </c>
      <c r="E39931" s="1" t="s">
        <v>136926</v>
      </c>
      <c r="F39931" s="1" t="s">
        <v>136927</v>
      </c>
      <c r="G39931" s="1" t="s">
        <v>136816</v>
      </c>
      <c r="H39931" s="1" t="s">
        <v>136817</v>
      </c>
      <c r="I39931" s="1" t="s">
        <v>135900</v>
      </c>
      <c r="J39931" s="1" t="s">
        <v>136928</v>
      </c>
    </row>
    <row r="39932" spans="1:10" x14ac:dyDescent="0.35">
      <c r="A39932" s="1" t="s">
        <v>4313</v>
      </c>
      <c r="B39932" s="1" t="s">
        <v>135894</v>
      </c>
      <c r="C39932" s="1" t="s">
        <v>8</v>
      </c>
      <c r="D39932" s="1" t="s">
        <v>23467</v>
      </c>
      <c r="E39932" s="1" t="s">
        <v>136929</v>
      </c>
      <c r="F39932" s="1" t="s">
        <v>136930</v>
      </c>
      <c r="G39932" s="1" t="s">
        <v>136931</v>
      </c>
      <c r="H39932" s="1" t="s">
        <v>136932</v>
      </c>
      <c r="I39932" s="1" t="s">
        <v>135900</v>
      </c>
      <c r="J39932" s="1" t="s">
        <v>13</v>
      </c>
    </row>
    <row r="39933" spans="1:10" x14ac:dyDescent="0.35">
      <c r="A39933" s="1" t="s">
        <v>4313</v>
      </c>
      <c r="B39933" s="1" t="s">
        <v>135894</v>
      </c>
      <c r="C39933" s="1" t="s">
        <v>15</v>
      </c>
      <c r="D39933" s="1" t="s">
        <v>93704</v>
      </c>
      <c r="E39933" s="1" t="s">
        <v>136933</v>
      </c>
      <c r="F39933" s="1" t="s">
        <v>136934</v>
      </c>
      <c r="G39933" s="1" t="s">
        <v>136931</v>
      </c>
      <c r="H39933" s="1" t="s">
        <v>136932</v>
      </c>
      <c r="I39933" s="1" t="s">
        <v>135900</v>
      </c>
      <c r="J39933" s="1" t="s">
        <v>136935</v>
      </c>
    </row>
    <row r="39934" spans="1:10" x14ac:dyDescent="0.35">
      <c r="A39934" s="1" t="s">
        <v>4313</v>
      </c>
      <c r="B39934" s="1" t="s">
        <v>135894</v>
      </c>
      <c r="C39934" s="1" t="s">
        <v>20</v>
      </c>
      <c r="D39934" s="1" t="s">
        <v>131687</v>
      </c>
      <c r="E39934" s="1" t="s">
        <v>136936</v>
      </c>
      <c r="F39934" s="1" t="s">
        <v>136937</v>
      </c>
      <c r="G39934" s="1" t="s">
        <v>136931</v>
      </c>
      <c r="H39934" s="1" t="s">
        <v>136932</v>
      </c>
      <c r="I39934" s="1" t="s">
        <v>135900</v>
      </c>
      <c r="J39934" s="1" t="s">
        <v>136938</v>
      </c>
    </row>
    <row r="39935" spans="1:10" x14ac:dyDescent="0.35">
      <c r="A39935" s="1" t="s">
        <v>4313</v>
      </c>
      <c r="B39935" s="1" t="s">
        <v>135894</v>
      </c>
      <c r="C39935" s="1" t="s">
        <v>25</v>
      </c>
      <c r="D39935" s="1" t="s">
        <v>26364</v>
      </c>
      <c r="E39935" s="1" t="s">
        <v>136939</v>
      </c>
      <c r="F39935" s="1" t="s">
        <v>136940</v>
      </c>
      <c r="G39935" s="1" t="s">
        <v>136931</v>
      </c>
      <c r="H39935" s="1" t="s">
        <v>136932</v>
      </c>
      <c r="I39935" s="1" t="s">
        <v>135900</v>
      </c>
      <c r="J39935" s="1" t="s">
        <v>136941</v>
      </c>
    </row>
    <row r="39936" spans="1:10" x14ac:dyDescent="0.35">
      <c r="A39936" s="1" t="s">
        <v>4313</v>
      </c>
      <c r="B39936" s="1" t="s">
        <v>135894</v>
      </c>
      <c r="C39936" s="1" t="s">
        <v>30</v>
      </c>
      <c r="D39936" s="1" t="s">
        <v>136942</v>
      </c>
      <c r="E39936" s="1" t="s">
        <v>136943</v>
      </c>
      <c r="F39936" s="1" t="s">
        <v>136944</v>
      </c>
      <c r="G39936" s="1" t="s">
        <v>136931</v>
      </c>
      <c r="H39936" s="1" t="s">
        <v>136932</v>
      </c>
      <c r="I39936" s="1" t="s">
        <v>135900</v>
      </c>
      <c r="J39936" s="1" t="s">
        <v>136945</v>
      </c>
    </row>
    <row r="39937" spans="1:10" x14ac:dyDescent="0.35">
      <c r="A39937" s="1" t="s">
        <v>4313</v>
      </c>
      <c r="B39937" s="1" t="s">
        <v>135894</v>
      </c>
      <c r="C39937" s="1" t="s">
        <v>35</v>
      </c>
      <c r="D39937" s="1" t="s">
        <v>109314</v>
      </c>
      <c r="E39937" s="1" t="s">
        <v>136946</v>
      </c>
      <c r="F39937" s="1" t="s">
        <v>136947</v>
      </c>
      <c r="G39937" s="1" t="s">
        <v>136931</v>
      </c>
      <c r="H39937" s="1" t="s">
        <v>136932</v>
      </c>
      <c r="I39937" s="1" t="s">
        <v>135900</v>
      </c>
      <c r="J39937" s="1" t="s">
        <v>136948</v>
      </c>
    </row>
    <row r="39938" spans="1:10" x14ac:dyDescent="0.35">
      <c r="A39938" s="1" t="s">
        <v>4313</v>
      </c>
      <c r="B39938" s="1" t="s">
        <v>135894</v>
      </c>
      <c r="C39938" s="1" t="s">
        <v>40</v>
      </c>
      <c r="D39938" s="1" t="s">
        <v>20626</v>
      </c>
      <c r="E39938" s="1" t="s">
        <v>136949</v>
      </c>
      <c r="F39938" s="1" t="s">
        <v>136950</v>
      </c>
      <c r="G39938" s="1" t="s">
        <v>136931</v>
      </c>
      <c r="H39938" s="1" t="s">
        <v>136932</v>
      </c>
      <c r="I39938" s="1" t="s">
        <v>135900</v>
      </c>
      <c r="J39938" s="1" t="s">
        <v>136951</v>
      </c>
    </row>
    <row r="39939" spans="1:10" x14ac:dyDescent="0.35">
      <c r="A39939" s="1" t="s">
        <v>4313</v>
      </c>
      <c r="B39939" s="1" t="s">
        <v>135894</v>
      </c>
      <c r="C39939" s="1" t="s">
        <v>45</v>
      </c>
      <c r="D39939" s="1" t="s">
        <v>136952</v>
      </c>
      <c r="E39939" s="1" t="s">
        <v>136953</v>
      </c>
      <c r="F39939" s="1" t="s">
        <v>136954</v>
      </c>
      <c r="G39939" s="1" t="s">
        <v>136931</v>
      </c>
      <c r="H39939" s="1" t="s">
        <v>136932</v>
      </c>
      <c r="I39939" s="1" t="s">
        <v>135900</v>
      </c>
      <c r="J39939" s="1" t="s">
        <v>136955</v>
      </c>
    </row>
    <row r="39940" spans="1:10" x14ac:dyDescent="0.35">
      <c r="A39940" s="1" t="s">
        <v>4313</v>
      </c>
      <c r="B39940" s="1" t="s">
        <v>135894</v>
      </c>
      <c r="C39940" s="1" t="s">
        <v>50</v>
      </c>
      <c r="D39940" s="1" t="s">
        <v>61379</v>
      </c>
      <c r="E39940" s="1" t="s">
        <v>136956</v>
      </c>
      <c r="F39940" s="1" t="s">
        <v>136957</v>
      </c>
      <c r="G39940" s="1" t="s">
        <v>136931</v>
      </c>
      <c r="H39940" s="1" t="s">
        <v>136932</v>
      </c>
      <c r="I39940" s="1" t="s">
        <v>135900</v>
      </c>
      <c r="J39940" s="1" t="s">
        <v>136958</v>
      </c>
    </row>
    <row r="39941" spans="1:10" x14ac:dyDescent="0.35">
      <c r="A39941" s="1" t="s">
        <v>4313</v>
      </c>
      <c r="B39941" s="1" t="s">
        <v>135894</v>
      </c>
      <c r="C39941" s="1" t="s">
        <v>55</v>
      </c>
      <c r="D39941" s="1" t="s">
        <v>136959</v>
      </c>
      <c r="E39941" s="1" t="s">
        <v>136960</v>
      </c>
      <c r="F39941" s="1" t="s">
        <v>136961</v>
      </c>
      <c r="G39941" s="1" t="s">
        <v>136931</v>
      </c>
      <c r="H39941" s="1" t="s">
        <v>136932</v>
      </c>
      <c r="I39941" s="1" t="s">
        <v>135900</v>
      </c>
      <c r="J39941" s="1" t="s">
        <v>136962</v>
      </c>
    </row>
    <row r="39942" spans="1:10" x14ac:dyDescent="0.35">
      <c r="A39942" s="1" t="s">
        <v>4313</v>
      </c>
      <c r="B39942" s="1" t="s">
        <v>135894</v>
      </c>
      <c r="C39942" s="1" t="s">
        <v>60</v>
      </c>
      <c r="D39942" s="1" t="s">
        <v>136963</v>
      </c>
      <c r="E39942" s="1" t="s">
        <v>136964</v>
      </c>
      <c r="F39942" s="1" t="s">
        <v>136965</v>
      </c>
      <c r="G39942" s="1" t="s">
        <v>136931</v>
      </c>
      <c r="H39942" s="1" t="s">
        <v>136932</v>
      </c>
      <c r="I39942" s="1" t="s">
        <v>135900</v>
      </c>
      <c r="J39942" s="1" t="s">
        <v>136966</v>
      </c>
    </row>
    <row r="39943" spans="1:10" x14ac:dyDescent="0.35">
      <c r="A39943" s="1" t="s">
        <v>4313</v>
      </c>
      <c r="B39943" s="1" t="s">
        <v>135894</v>
      </c>
      <c r="C39943" s="1" t="s">
        <v>65</v>
      </c>
      <c r="D39943" s="1" t="s">
        <v>100033</v>
      </c>
      <c r="E39943" s="1" t="s">
        <v>136967</v>
      </c>
      <c r="F39943" s="1" t="s">
        <v>136968</v>
      </c>
      <c r="G39943" s="1" t="s">
        <v>136931</v>
      </c>
      <c r="H39943" s="1" t="s">
        <v>136932</v>
      </c>
      <c r="I39943" s="1" t="s">
        <v>135900</v>
      </c>
      <c r="J39943" s="1" t="s">
        <v>136969</v>
      </c>
    </row>
    <row r="39944" spans="1:10" x14ac:dyDescent="0.35">
      <c r="A39944" s="1" t="s">
        <v>4313</v>
      </c>
      <c r="B39944" s="1" t="s">
        <v>135894</v>
      </c>
      <c r="C39944" s="1" t="s">
        <v>70</v>
      </c>
      <c r="D39944" s="1" t="s">
        <v>60695</v>
      </c>
      <c r="E39944" s="1" t="s">
        <v>136970</v>
      </c>
      <c r="F39944" s="1" t="s">
        <v>136971</v>
      </c>
      <c r="G39944" s="1" t="s">
        <v>136931</v>
      </c>
      <c r="H39944" s="1" t="s">
        <v>136932</v>
      </c>
      <c r="I39944" s="1" t="s">
        <v>135900</v>
      </c>
      <c r="J39944" s="1" t="s">
        <v>136972</v>
      </c>
    </row>
    <row r="39945" spans="1:10" x14ac:dyDescent="0.35">
      <c r="A39945" s="1" t="s">
        <v>4313</v>
      </c>
      <c r="B39945" s="1" t="s">
        <v>135894</v>
      </c>
      <c r="C39945" s="1" t="s">
        <v>75</v>
      </c>
      <c r="D39945" s="1" t="s">
        <v>93323</v>
      </c>
      <c r="E39945" s="1" t="s">
        <v>136973</v>
      </c>
      <c r="F39945" s="1" t="s">
        <v>136974</v>
      </c>
      <c r="G39945" s="1" t="s">
        <v>136931</v>
      </c>
      <c r="H39945" s="1" t="s">
        <v>136932</v>
      </c>
      <c r="I39945" s="1" t="s">
        <v>135900</v>
      </c>
      <c r="J39945" s="1" t="s">
        <v>136975</v>
      </c>
    </row>
    <row r="39946" spans="1:10" x14ac:dyDescent="0.35">
      <c r="A39946" s="1" t="s">
        <v>4313</v>
      </c>
      <c r="B39946" s="1" t="s">
        <v>135894</v>
      </c>
      <c r="C39946" s="1" t="s">
        <v>80</v>
      </c>
      <c r="D39946" s="1" t="s">
        <v>62201</v>
      </c>
      <c r="E39946" s="1" t="s">
        <v>136976</v>
      </c>
      <c r="F39946" s="1" t="s">
        <v>136977</v>
      </c>
      <c r="G39946" s="1" t="s">
        <v>136931</v>
      </c>
      <c r="H39946" s="1" t="s">
        <v>136932</v>
      </c>
      <c r="I39946" s="1" t="s">
        <v>135900</v>
      </c>
      <c r="J39946" s="1" t="s">
        <v>136978</v>
      </c>
    </row>
    <row r="39947" spans="1:10" x14ac:dyDescent="0.35">
      <c r="A39947" s="1" t="s">
        <v>4313</v>
      </c>
      <c r="B39947" s="1" t="s">
        <v>135894</v>
      </c>
      <c r="C39947" s="1" t="s">
        <v>85</v>
      </c>
      <c r="D39947" s="1" t="s">
        <v>96856</v>
      </c>
      <c r="E39947" s="1" t="s">
        <v>136979</v>
      </c>
      <c r="F39947" s="1" t="s">
        <v>136980</v>
      </c>
      <c r="G39947" s="1" t="s">
        <v>136931</v>
      </c>
      <c r="H39947" s="1" t="s">
        <v>136932</v>
      </c>
      <c r="I39947" s="1" t="s">
        <v>135900</v>
      </c>
      <c r="J39947" s="1" t="s">
        <v>136981</v>
      </c>
    </row>
    <row r="39948" spans="1:10" x14ac:dyDescent="0.35">
      <c r="A39948" s="1" t="s">
        <v>4313</v>
      </c>
      <c r="B39948" s="1" t="s">
        <v>135894</v>
      </c>
      <c r="C39948" s="1" t="s">
        <v>90</v>
      </c>
      <c r="D39948" s="1" t="s">
        <v>69746</v>
      </c>
      <c r="E39948" s="1" t="s">
        <v>136982</v>
      </c>
      <c r="F39948" s="1" t="s">
        <v>136983</v>
      </c>
      <c r="G39948" s="1" t="s">
        <v>136931</v>
      </c>
      <c r="H39948" s="1" t="s">
        <v>136932</v>
      </c>
      <c r="I39948" s="1" t="s">
        <v>135900</v>
      </c>
      <c r="J39948" s="1" t="s">
        <v>136984</v>
      </c>
    </row>
    <row r="39949" spans="1:10" x14ac:dyDescent="0.35">
      <c r="A39949" s="1" t="s">
        <v>4313</v>
      </c>
      <c r="B39949" s="1" t="s">
        <v>135894</v>
      </c>
      <c r="C39949" s="1" t="s">
        <v>95</v>
      </c>
      <c r="D39949" s="1" t="s">
        <v>136985</v>
      </c>
      <c r="E39949" s="1" t="s">
        <v>136986</v>
      </c>
      <c r="F39949" s="1" t="s">
        <v>136987</v>
      </c>
      <c r="G39949" s="1" t="s">
        <v>136931</v>
      </c>
      <c r="H39949" s="1" t="s">
        <v>136932</v>
      </c>
      <c r="I39949" s="1" t="s">
        <v>135900</v>
      </c>
      <c r="J39949" s="1" t="s">
        <v>136988</v>
      </c>
    </row>
    <row r="39950" spans="1:10" x14ac:dyDescent="0.35">
      <c r="A39950" s="1" t="s">
        <v>4313</v>
      </c>
      <c r="B39950" s="1" t="s">
        <v>135894</v>
      </c>
      <c r="C39950" s="1" t="s">
        <v>100</v>
      </c>
      <c r="D39950" s="1" t="s">
        <v>68238</v>
      </c>
      <c r="E39950" s="1" t="s">
        <v>136989</v>
      </c>
      <c r="F39950" s="1" t="s">
        <v>136990</v>
      </c>
      <c r="G39950" s="1" t="s">
        <v>136931</v>
      </c>
      <c r="H39950" s="1" t="s">
        <v>136932</v>
      </c>
      <c r="I39950" s="1" t="s">
        <v>135900</v>
      </c>
      <c r="J39950" s="1" t="s">
        <v>136991</v>
      </c>
    </row>
    <row r="39951" spans="1:10" x14ac:dyDescent="0.35">
      <c r="A39951" s="1" t="s">
        <v>4313</v>
      </c>
      <c r="B39951" s="1" t="s">
        <v>135894</v>
      </c>
      <c r="C39951" s="1" t="s">
        <v>105</v>
      </c>
      <c r="D39951" s="1" t="s">
        <v>136992</v>
      </c>
      <c r="E39951" s="1" t="s">
        <v>136993</v>
      </c>
      <c r="F39951" s="1" t="s">
        <v>136994</v>
      </c>
      <c r="G39951" s="1" t="s">
        <v>136931</v>
      </c>
      <c r="H39951" s="1" t="s">
        <v>136932</v>
      </c>
      <c r="I39951" s="1" t="s">
        <v>135900</v>
      </c>
      <c r="J39951" s="1" t="s">
        <v>136995</v>
      </c>
    </row>
    <row r="39952" spans="1:10" x14ac:dyDescent="0.35">
      <c r="A39952" s="1" t="s">
        <v>4313</v>
      </c>
      <c r="B39952" s="1" t="s">
        <v>135894</v>
      </c>
      <c r="C39952" s="1" t="s">
        <v>110</v>
      </c>
      <c r="D39952" s="1" t="s">
        <v>136996</v>
      </c>
      <c r="E39952" s="1" t="s">
        <v>136997</v>
      </c>
      <c r="F39952" s="1" t="s">
        <v>136998</v>
      </c>
      <c r="G39952" s="1" t="s">
        <v>136931</v>
      </c>
      <c r="H39952" s="1" t="s">
        <v>136932</v>
      </c>
      <c r="I39952" s="1" t="s">
        <v>135900</v>
      </c>
      <c r="J39952" s="1" t="s">
        <v>136999</v>
      </c>
    </row>
    <row r="39953" spans="1:10" x14ac:dyDescent="0.35">
      <c r="A39953" s="1" t="s">
        <v>4313</v>
      </c>
      <c r="B39953" s="1" t="s">
        <v>135894</v>
      </c>
      <c r="C39953" s="1" t="s">
        <v>115</v>
      </c>
      <c r="D39953" s="1" t="s">
        <v>7412</v>
      </c>
      <c r="E39953" s="1" t="s">
        <v>137000</v>
      </c>
      <c r="F39953" s="1" t="s">
        <v>137001</v>
      </c>
      <c r="G39953" s="1" t="s">
        <v>136931</v>
      </c>
      <c r="H39953" s="1" t="s">
        <v>136932</v>
      </c>
      <c r="I39953" s="1" t="s">
        <v>135900</v>
      </c>
      <c r="J39953" s="1" t="s">
        <v>137002</v>
      </c>
    </row>
    <row r="39954" spans="1:10" x14ac:dyDescent="0.35">
      <c r="A39954" s="1" t="s">
        <v>4313</v>
      </c>
      <c r="B39954" s="1" t="s">
        <v>135894</v>
      </c>
      <c r="C39954" s="1" t="s">
        <v>120</v>
      </c>
      <c r="D39954" s="1" t="s">
        <v>137003</v>
      </c>
      <c r="E39954" s="1" t="s">
        <v>137004</v>
      </c>
      <c r="F39954" s="1" t="s">
        <v>137005</v>
      </c>
      <c r="G39954" s="1" t="s">
        <v>136931</v>
      </c>
      <c r="H39954" s="1" t="s">
        <v>136932</v>
      </c>
      <c r="I39954" s="1" t="s">
        <v>135900</v>
      </c>
      <c r="J39954" s="1" t="s">
        <v>137006</v>
      </c>
    </row>
    <row r="39955" spans="1:10" x14ac:dyDescent="0.35">
      <c r="A39955" s="1" t="s">
        <v>4313</v>
      </c>
      <c r="B39955" s="1" t="s">
        <v>135894</v>
      </c>
      <c r="C39955" s="1" t="s">
        <v>125</v>
      </c>
      <c r="D39955" s="1" t="s">
        <v>137007</v>
      </c>
      <c r="E39955" s="1" t="s">
        <v>137008</v>
      </c>
      <c r="F39955" s="1" t="s">
        <v>137009</v>
      </c>
      <c r="G39955" s="1" t="s">
        <v>136931</v>
      </c>
      <c r="H39955" s="1" t="s">
        <v>136932</v>
      </c>
      <c r="I39955" s="1" t="s">
        <v>135900</v>
      </c>
      <c r="J39955" s="1" t="s">
        <v>137010</v>
      </c>
    </row>
    <row r="39956" spans="1:10" x14ac:dyDescent="0.35">
      <c r="A39956" s="1" t="s">
        <v>4313</v>
      </c>
      <c r="B39956" s="1" t="s">
        <v>135894</v>
      </c>
      <c r="C39956" s="1" t="s">
        <v>130</v>
      </c>
      <c r="D39956" s="1" t="s">
        <v>137011</v>
      </c>
      <c r="E39956" s="1" t="s">
        <v>137012</v>
      </c>
      <c r="F39956" s="1" t="s">
        <v>137013</v>
      </c>
      <c r="G39956" s="1" t="s">
        <v>136931</v>
      </c>
      <c r="H39956" s="1" t="s">
        <v>136932</v>
      </c>
      <c r="I39956" s="1" t="s">
        <v>135900</v>
      </c>
      <c r="J39956" s="1" t="s">
        <v>137014</v>
      </c>
    </row>
    <row r="39957" spans="1:10" x14ac:dyDescent="0.35">
      <c r="A39957" s="1" t="s">
        <v>4313</v>
      </c>
      <c r="B39957" s="1" t="s">
        <v>135894</v>
      </c>
      <c r="C39957" s="1" t="s">
        <v>135</v>
      </c>
      <c r="D39957" s="1" t="s">
        <v>137015</v>
      </c>
      <c r="E39957" s="1" t="s">
        <v>137016</v>
      </c>
      <c r="F39957" s="1" t="s">
        <v>137017</v>
      </c>
      <c r="G39957" s="1" t="s">
        <v>136931</v>
      </c>
      <c r="H39957" s="1" t="s">
        <v>136932</v>
      </c>
      <c r="I39957" s="1" t="s">
        <v>135900</v>
      </c>
      <c r="J39957" s="1" t="s">
        <v>137018</v>
      </c>
    </row>
    <row r="39958" spans="1:10" x14ac:dyDescent="0.35">
      <c r="A39958" s="1" t="s">
        <v>4313</v>
      </c>
      <c r="B39958" s="1" t="s">
        <v>135894</v>
      </c>
      <c r="C39958" s="1" t="s">
        <v>140</v>
      </c>
      <c r="D39958" s="1" t="s">
        <v>137019</v>
      </c>
      <c r="E39958" s="1" t="s">
        <v>137020</v>
      </c>
      <c r="F39958" s="1" t="s">
        <v>137021</v>
      </c>
      <c r="G39958" s="1" t="s">
        <v>136931</v>
      </c>
      <c r="H39958" s="1" t="s">
        <v>136932</v>
      </c>
      <c r="I39958" s="1" t="s">
        <v>135900</v>
      </c>
      <c r="J39958" s="1" t="s">
        <v>137022</v>
      </c>
    </row>
    <row r="39959" spans="1:10" x14ac:dyDescent="0.35">
      <c r="A39959" s="1" t="s">
        <v>4313</v>
      </c>
      <c r="B39959" s="1" t="s">
        <v>135894</v>
      </c>
      <c r="C39959" s="1" t="s">
        <v>145</v>
      </c>
      <c r="D39959" s="1" t="s">
        <v>137023</v>
      </c>
      <c r="E39959" s="1" t="s">
        <v>137024</v>
      </c>
      <c r="F39959" s="1" t="s">
        <v>137025</v>
      </c>
      <c r="G39959" s="1" t="s">
        <v>136931</v>
      </c>
      <c r="H39959" s="1" t="s">
        <v>136932</v>
      </c>
      <c r="I39959" s="1" t="s">
        <v>135900</v>
      </c>
      <c r="J39959" s="1" t="s">
        <v>137026</v>
      </c>
    </row>
    <row r="39960" spans="1:10" x14ac:dyDescent="0.35">
      <c r="A39960" s="1" t="s">
        <v>4313</v>
      </c>
      <c r="B39960" s="1" t="s">
        <v>135894</v>
      </c>
      <c r="C39960" s="1" t="s">
        <v>150</v>
      </c>
      <c r="D39960" s="1" t="s">
        <v>137027</v>
      </c>
      <c r="E39960" s="1" t="s">
        <v>137028</v>
      </c>
      <c r="F39960" s="1" t="s">
        <v>137029</v>
      </c>
      <c r="G39960" s="1" t="s">
        <v>136931</v>
      </c>
      <c r="H39960" s="1" t="s">
        <v>136932</v>
      </c>
      <c r="I39960" s="1" t="s">
        <v>135900</v>
      </c>
      <c r="J39960" s="1" t="s">
        <v>137030</v>
      </c>
    </row>
    <row r="39961" spans="1:10" x14ac:dyDescent="0.35">
      <c r="A39961" s="1" t="s">
        <v>4313</v>
      </c>
      <c r="B39961" s="1" t="s">
        <v>135894</v>
      </c>
      <c r="C39961" s="1" t="s">
        <v>155</v>
      </c>
      <c r="D39961" s="1" t="s">
        <v>85141</v>
      </c>
      <c r="E39961" s="1" t="s">
        <v>137031</v>
      </c>
      <c r="F39961" s="1" t="s">
        <v>137032</v>
      </c>
      <c r="G39961" s="1" t="s">
        <v>136931</v>
      </c>
      <c r="H39961" s="1" t="s">
        <v>136932</v>
      </c>
      <c r="I39961" s="1" t="s">
        <v>135900</v>
      </c>
      <c r="J39961" s="1" t="s">
        <v>137033</v>
      </c>
    </row>
    <row r="39962" spans="1:10" x14ac:dyDescent="0.35">
      <c r="A39962" s="1" t="s">
        <v>4313</v>
      </c>
      <c r="B39962" s="1" t="s">
        <v>135894</v>
      </c>
      <c r="C39962" s="1" t="s">
        <v>160</v>
      </c>
      <c r="D39962" s="1" t="s">
        <v>60903</v>
      </c>
      <c r="E39962" s="1" t="s">
        <v>137034</v>
      </c>
      <c r="F39962" s="1" t="s">
        <v>137035</v>
      </c>
      <c r="G39962" s="1" t="s">
        <v>136931</v>
      </c>
      <c r="H39962" s="1" t="s">
        <v>136932</v>
      </c>
      <c r="I39962" s="1" t="s">
        <v>135900</v>
      </c>
      <c r="J39962" s="1" t="s">
        <v>137036</v>
      </c>
    </row>
    <row r="39963" spans="1:10" x14ac:dyDescent="0.35">
      <c r="A39963" s="1" t="s">
        <v>4313</v>
      </c>
      <c r="B39963" s="1" t="s">
        <v>135894</v>
      </c>
      <c r="C39963" s="1" t="s">
        <v>165</v>
      </c>
      <c r="D39963" s="1" t="s">
        <v>68926</v>
      </c>
      <c r="E39963" s="1" t="s">
        <v>137037</v>
      </c>
      <c r="F39963" s="1" t="s">
        <v>137038</v>
      </c>
      <c r="G39963" s="1" t="s">
        <v>136931</v>
      </c>
      <c r="H39963" s="1" t="s">
        <v>136932</v>
      </c>
      <c r="I39963" s="1" t="s">
        <v>135900</v>
      </c>
      <c r="J39963" s="1" t="s">
        <v>137039</v>
      </c>
    </row>
    <row r="39964" spans="1:10" x14ac:dyDescent="0.35">
      <c r="A39964" s="1" t="s">
        <v>4313</v>
      </c>
      <c r="B39964" s="1" t="s">
        <v>135894</v>
      </c>
      <c r="C39964" s="1" t="s">
        <v>170</v>
      </c>
      <c r="D39964" s="1" t="s">
        <v>137040</v>
      </c>
      <c r="E39964" s="1" t="s">
        <v>137041</v>
      </c>
      <c r="F39964" s="1" t="s">
        <v>137042</v>
      </c>
      <c r="G39964" s="1" t="s">
        <v>136931</v>
      </c>
      <c r="H39964" s="1" t="s">
        <v>136932</v>
      </c>
      <c r="I39964" s="1" t="s">
        <v>135900</v>
      </c>
      <c r="J39964" s="1" t="s">
        <v>137043</v>
      </c>
    </row>
    <row r="39965" spans="1:10" x14ac:dyDescent="0.35">
      <c r="A39965" s="1" t="s">
        <v>29991</v>
      </c>
      <c r="B39965" s="1" t="s">
        <v>135894</v>
      </c>
      <c r="C39965" s="1" t="s">
        <v>8</v>
      </c>
      <c r="D39965" s="1" t="s">
        <v>63703</v>
      </c>
      <c r="E39965" s="1" t="s">
        <v>137044</v>
      </c>
      <c r="F39965" s="1" t="s">
        <v>137045</v>
      </c>
      <c r="G39965" s="1" t="s">
        <v>137046</v>
      </c>
      <c r="H39965" s="1" t="s">
        <v>137047</v>
      </c>
      <c r="I39965" s="1" t="s">
        <v>135900</v>
      </c>
      <c r="J39965" s="1" t="s">
        <v>13</v>
      </c>
    </row>
    <row r="39966" spans="1:10" x14ac:dyDescent="0.35">
      <c r="A39966" s="1" t="s">
        <v>29991</v>
      </c>
      <c r="B39966" s="1" t="s">
        <v>135894</v>
      </c>
      <c r="C39966" s="1" t="s">
        <v>15</v>
      </c>
      <c r="D39966" s="1" t="s">
        <v>94158</v>
      </c>
      <c r="E39966" s="1" t="s">
        <v>137048</v>
      </c>
      <c r="F39966" s="1" t="s">
        <v>137049</v>
      </c>
      <c r="G39966" s="1" t="s">
        <v>137046</v>
      </c>
      <c r="H39966" s="1" t="s">
        <v>137047</v>
      </c>
      <c r="I39966" s="1" t="s">
        <v>135900</v>
      </c>
      <c r="J39966" s="1" t="s">
        <v>137050</v>
      </c>
    </row>
    <row r="39967" spans="1:10" x14ac:dyDescent="0.35">
      <c r="A39967" s="1" t="s">
        <v>29991</v>
      </c>
      <c r="B39967" s="1" t="s">
        <v>135894</v>
      </c>
      <c r="C39967" s="1" t="s">
        <v>20</v>
      </c>
      <c r="D39967" s="1" t="s">
        <v>137051</v>
      </c>
      <c r="E39967" s="1" t="s">
        <v>137052</v>
      </c>
      <c r="F39967" s="1" t="s">
        <v>137053</v>
      </c>
      <c r="G39967" s="1" t="s">
        <v>137046</v>
      </c>
      <c r="H39967" s="1" t="s">
        <v>137047</v>
      </c>
      <c r="I39967" s="1" t="s">
        <v>135900</v>
      </c>
      <c r="J39967" s="1" t="s">
        <v>137054</v>
      </c>
    </row>
    <row r="39968" spans="1:10" x14ac:dyDescent="0.35">
      <c r="A39968" s="1" t="s">
        <v>29991</v>
      </c>
      <c r="B39968" s="1" t="s">
        <v>135894</v>
      </c>
      <c r="C39968" s="1" t="s">
        <v>25</v>
      </c>
      <c r="D39968" s="1" t="s">
        <v>99639</v>
      </c>
      <c r="E39968" s="1" t="s">
        <v>137055</v>
      </c>
      <c r="F39968" s="1" t="s">
        <v>137056</v>
      </c>
      <c r="G39968" s="1" t="s">
        <v>137046</v>
      </c>
      <c r="H39968" s="1" t="s">
        <v>137047</v>
      </c>
      <c r="I39968" s="1" t="s">
        <v>135900</v>
      </c>
      <c r="J39968" s="1" t="s">
        <v>137057</v>
      </c>
    </row>
    <row r="39969" spans="1:10" x14ac:dyDescent="0.35">
      <c r="A39969" s="1" t="s">
        <v>29991</v>
      </c>
      <c r="B39969" s="1" t="s">
        <v>135894</v>
      </c>
      <c r="C39969" s="1" t="s">
        <v>30</v>
      </c>
      <c r="D39969" s="1" t="s">
        <v>133405</v>
      </c>
      <c r="E39969" s="1" t="s">
        <v>137058</v>
      </c>
      <c r="F39969" s="1" t="s">
        <v>137059</v>
      </c>
      <c r="G39969" s="1" t="s">
        <v>137046</v>
      </c>
      <c r="H39969" s="1" t="s">
        <v>137047</v>
      </c>
      <c r="I39969" s="1" t="s">
        <v>135900</v>
      </c>
      <c r="J39969" s="1" t="s">
        <v>137060</v>
      </c>
    </row>
    <row r="39970" spans="1:10" x14ac:dyDescent="0.35">
      <c r="A39970" s="1" t="s">
        <v>29991</v>
      </c>
      <c r="B39970" s="1" t="s">
        <v>135894</v>
      </c>
      <c r="C39970" s="1" t="s">
        <v>35</v>
      </c>
      <c r="D39970" s="1" t="s">
        <v>96849</v>
      </c>
      <c r="E39970" s="1" t="s">
        <v>137061</v>
      </c>
      <c r="F39970" s="1" t="s">
        <v>137062</v>
      </c>
      <c r="G39970" s="1" t="s">
        <v>137046</v>
      </c>
      <c r="H39970" s="1" t="s">
        <v>137047</v>
      </c>
      <c r="I39970" s="1" t="s">
        <v>135900</v>
      </c>
      <c r="J39970" s="1" t="s">
        <v>137063</v>
      </c>
    </row>
    <row r="39971" spans="1:10" x14ac:dyDescent="0.35">
      <c r="A39971" s="1" t="s">
        <v>29991</v>
      </c>
      <c r="B39971" s="1" t="s">
        <v>135894</v>
      </c>
      <c r="C39971" s="1" t="s">
        <v>40</v>
      </c>
      <c r="D39971" s="1" t="s">
        <v>137064</v>
      </c>
      <c r="E39971" s="1" t="s">
        <v>137065</v>
      </c>
      <c r="F39971" s="1" t="s">
        <v>137066</v>
      </c>
      <c r="G39971" s="1" t="s">
        <v>137046</v>
      </c>
      <c r="H39971" s="1" t="s">
        <v>137047</v>
      </c>
      <c r="I39971" s="1" t="s">
        <v>135900</v>
      </c>
      <c r="J39971" s="1" t="s">
        <v>137067</v>
      </c>
    </row>
    <row r="39972" spans="1:10" x14ac:dyDescent="0.35">
      <c r="A39972" s="1" t="s">
        <v>29991</v>
      </c>
      <c r="B39972" s="1" t="s">
        <v>135894</v>
      </c>
      <c r="C39972" s="1" t="s">
        <v>45</v>
      </c>
      <c r="D39972" s="1" t="s">
        <v>137068</v>
      </c>
      <c r="E39972" s="1" t="s">
        <v>137069</v>
      </c>
      <c r="F39972" s="1" t="s">
        <v>137070</v>
      </c>
      <c r="G39972" s="1" t="s">
        <v>137046</v>
      </c>
      <c r="H39972" s="1" t="s">
        <v>137047</v>
      </c>
      <c r="I39972" s="1" t="s">
        <v>135900</v>
      </c>
      <c r="J39972" s="1" t="s">
        <v>137071</v>
      </c>
    </row>
    <row r="39973" spans="1:10" x14ac:dyDescent="0.35">
      <c r="A39973" s="1" t="s">
        <v>29991</v>
      </c>
      <c r="B39973" s="1" t="s">
        <v>135894</v>
      </c>
      <c r="C39973" s="1" t="s">
        <v>50</v>
      </c>
      <c r="D39973" s="1" t="s">
        <v>7685</v>
      </c>
      <c r="E39973" s="1" t="s">
        <v>137072</v>
      </c>
      <c r="F39973" s="1" t="s">
        <v>137073</v>
      </c>
      <c r="G39973" s="1" t="s">
        <v>137046</v>
      </c>
      <c r="H39973" s="1" t="s">
        <v>137047</v>
      </c>
      <c r="I39973" s="1" t="s">
        <v>135900</v>
      </c>
      <c r="J39973" s="1" t="s">
        <v>137074</v>
      </c>
    </row>
    <row r="39974" spans="1:10" x14ac:dyDescent="0.35">
      <c r="A39974" s="1" t="s">
        <v>29991</v>
      </c>
      <c r="B39974" s="1" t="s">
        <v>135894</v>
      </c>
      <c r="C39974" s="1" t="s">
        <v>55</v>
      </c>
      <c r="D39974" s="1" t="s">
        <v>57664</v>
      </c>
      <c r="E39974" s="1" t="s">
        <v>137075</v>
      </c>
      <c r="F39974" s="1" t="s">
        <v>137076</v>
      </c>
      <c r="G39974" s="1" t="s">
        <v>137046</v>
      </c>
      <c r="H39974" s="1" t="s">
        <v>137047</v>
      </c>
      <c r="I39974" s="1" t="s">
        <v>135900</v>
      </c>
      <c r="J39974" s="1" t="s">
        <v>137077</v>
      </c>
    </row>
    <row r="39975" spans="1:10" x14ac:dyDescent="0.35">
      <c r="A39975" s="1" t="s">
        <v>29991</v>
      </c>
      <c r="B39975" s="1" t="s">
        <v>135894</v>
      </c>
      <c r="C39975" s="1" t="s">
        <v>60</v>
      </c>
      <c r="D39975" s="1" t="s">
        <v>137078</v>
      </c>
      <c r="E39975" s="1" t="s">
        <v>137079</v>
      </c>
      <c r="F39975" s="1" t="s">
        <v>137080</v>
      </c>
      <c r="G39975" s="1" t="s">
        <v>137046</v>
      </c>
      <c r="H39975" s="1" t="s">
        <v>137047</v>
      </c>
      <c r="I39975" s="1" t="s">
        <v>135900</v>
      </c>
      <c r="J39975" s="1" t="s">
        <v>137081</v>
      </c>
    </row>
    <row r="39976" spans="1:10" x14ac:dyDescent="0.35">
      <c r="A39976" s="1" t="s">
        <v>29991</v>
      </c>
      <c r="B39976" s="1" t="s">
        <v>135894</v>
      </c>
      <c r="C39976" s="1" t="s">
        <v>65</v>
      </c>
      <c r="D39976" s="1" t="s">
        <v>131712</v>
      </c>
      <c r="E39976" s="1" t="s">
        <v>137082</v>
      </c>
      <c r="F39976" s="1" t="s">
        <v>137083</v>
      </c>
      <c r="G39976" s="1" t="s">
        <v>137046</v>
      </c>
      <c r="H39976" s="1" t="s">
        <v>137047</v>
      </c>
      <c r="I39976" s="1" t="s">
        <v>135900</v>
      </c>
      <c r="J39976" s="1" t="s">
        <v>137084</v>
      </c>
    </row>
    <row r="39977" spans="1:10" x14ac:dyDescent="0.35">
      <c r="A39977" s="1" t="s">
        <v>29991</v>
      </c>
      <c r="B39977" s="1" t="s">
        <v>135894</v>
      </c>
      <c r="C39977" s="1" t="s">
        <v>70</v>
      </c>
      <c r="D39977" s="1" t="s">
        <v>137085</v>
      </c>
      <c r="E39977" s="1" t="s">
        <v>137086</v>
      </c>
      <c r="F39977" s="1" t="s">
        <v>137087</v>
      </c>
      <c r="G39977" s="1" t="s">
        <v>137046</v>
      </c>
      <c r="H39977" s="1" t="s">
        <v>137047</v>
      </c>
      <c r="I39977" s="1" t="s">
        <v>135900</v>
      </c>
      <c r="J39977" s="1" t="s">
        <v>137088</v>
      </c>
    </row>
    <row r="39978" spans="1:10" x14ac:dyDescent="0.35">
      <c r="A39978" s="1" t="s">
        <v>29991</v>
      </c>
      <c r="B39978" s="1" t="s">
        <v>135894</v>
      </c>
      <c r="C39978" s="1" t="s">
        <v>75</v>
      </c>
      <c r="D39978" s="1" t="s">
        <v>100326</v>
      </c>
      <c r="E39978" s="1" t="s">
        <v>137089</v>
      </c>
      <c r="F39978" s="1" t="s">
        <v>137090</v>
      </c>
      <c r="G39978" s="1" t="s">
        <v>137046</v>
      </c>
      <c r="H39978" s="1" t="s">
        <v>137047</v>
      </c>
      <c r="I39978" s="1" t="s">
        <v>135900</v>
      </c>
      <c r="J39978" s="1" t="s">
        <v>137091</v>
      </c>
    </row>
    <row r="39979" spans="1:10" x14ac:dyDescent="0.35">
      <c r="A39979" s="1" t="s">
        <v>29991</v>
      </c>
      <c r="B39979" s="1" t="s">
        <v>135894</v>
      </c>
      <c r="C39979" s="1" t="s">
        <v>80</v>
      </c>
      <c r="D39979" s="1" t="s">
        <v>137092</v>
      </c>
      <c r="E39979" s="1" t="s">
        <v>137093</v>
      </c>
      <c r="F39979" s="1" t="s">
        <v>137094</v>
      </c>
      <c r="G39979" s="1" t="s">
        <v>137046</v>
      </c>
      <c r="H39979" s="1" t="s">
        <v>137047</v>
      </c>
      <c r="I39979" s="1" t="s">
        <v>135900</v>
      </c>
      <c r="J39979" s="1" t="s">
        <v>137095</v>
      </c>
    </row>
    <row r="39980" spans="1:10" x14ac:dyDescent="0.35">
      <c r="A39980" s="1" t="s">
        <v>29991</v>
      </c>
      <c r="B39980" s="1" t="s">
        <v>135894</v>
      </c>
      <c r="C39980" s="1" t="s">
        <v>85</v>
      </c>
      <c r="D39980" s="1" t="s">
        <v>137096</v>
      </c>
      <c r="E39980" s="1" t="s">
        <v>137097</v>
      </c>
      <c r="F39980" s="1" t="s">
        <v>137098</v>
      </c>
      <c r="G39980" s="1" t="s">
        <v>137046</v>
      </c>
      <c r="H39980" s="1" t="s">
        <v>137047</v>
      </c>
      <c r="I39980" s="1" t="s">
        <v>135900</v>
      </c>
      <c r="J39980" s="1" t="s">
        <v>137099</v>
      </c>
    </row>
    <row r="39981" spans="1:10" x14ac:dyDescent="0.35">
      <c r="A39981" s="1" t="s">
        <v>29991</v>
      </c>
      <c r="B39981" s="1" t="s">
        <v>135894</v>
      </c>
      <c r="C39981" s="1" t="s">
        <v>90</v>
      </c>
      <c r="D39981" s="1" t="s">
        <v>132934</v>
      </c>
      <c r="E39981" s="1" t="s">
        <v>137100</v>
      </c>
      <c r="F39981" s="1" t="s">
        <v>137101</v>
      </c>
      <c r="G39981" s="1" t="s">
        <v>137046</v>
      </c>
      <c r="H39981" s="1" t="s">
        <v>137047</v>
      </c>
      <c r="I39981" s="1" t="s">
        <v>135900</v>
      </c>
      <c r="J39981" s="1" t="s">
        <v>137102</v>
      </c>
    </row>
    <row r="39982" spans="1:10" x14ac:dyDescent="0.35">
      <c r="A39982" s="1" t="s">
        <v>29991</v>
      </c>
      <c r="B39982" s="1" t="s">
        <v>135894</v>
      </c>
      <c r="C39982" s="1" t="s">
        <v>95</v>
      </c>
      <c r="D39982" s="1" t="s">
        <v>137103</v>
      </c>
      <c r="E39982" s="1" t="s">
        <v>137104</v>
      </c>
      <c r="F39982" s="1" t="s">
        <v>137105</v>
      </c>
      <c r="G39982" s="1" t="s">
        <v>137046</v>
      </c>
      <c r="H39982" s="1" t="s">
        <v>137047</v>
      </c>
      <c r="I39982" s="1" t="s">
        <v>135900</v>
      </c>
      <c r="J39982" s="1" t="s">
        <v>137106</v>
      </c>
    </row>
    <row r="39983" spans="1:10" x14ac:dyDescent="0.35">
      <c r="A39983" s="1" t="s">
        <v>29991</v>
      </c>
      <c r="B39983" s="1" t="s">
        <v>135894</v>
      </c>
      <c r="C39983" s="1" t="s">
        <v>100</v>
      </c>
      <c r="D39983" s="1" t="s">
        <v>137107</v>
      </c>
      <c r="E39983" s="1" t="s">
        <v>137108</v>
      </c>
      <c r="F39983" s="1" t="s">
        <v>137109</v>
      </c>
      <c r="G39983" s="1" t="s">
        <v>137046</v>
      </c>
      <c r="H39983" s="1" t="s">
        <v>137047</v>
      </c>
      <c r="I39983" s="1" t="s">
        <v>135900</v>
      </c>
      <c r="J39983" s="1" t="s">
        <v>137110</v>
      </c>
    </row>
    <row r="39984" spans="1:10" x14ac:dyDescent="0.35">
      <c r="A39984" s="1" t="s">
        <v>29991</v>
      </c>
      <c r="B39984" s="1" t="s">
        <v>135894</v>
      </c>
      <c r="C39984" s="1" t="s">
        <v>105</v>
      </c>
      <c r="D39984" s="1" t="s">
        <v>137111</v>
      </c>
      <c r="E39984" s="1" t="s">
        <v>137112</v>
      </c>
      <c r="F39984" s="1" t="s">
        <v>137113</v>
      </c>
      <c r="G39984" s="1" t="s">
        <v>137046</v>
      </c>
      <c r="H39984" s="1" t="s">
        <v>137047</v>
      </c>
      <c r="I39984" s="1" t="s">
        <v>135900</v>
      </c>
      <c r="J39984" s="1" t="s">
        <v>137114</v>
      </c>
    </row>
    <row r="39985" spans="1:10" x14ac:dyDescent="0.35">
      <c r="A39985" s="1" t="s">
        <v>29991</v>
      </c>
      <c r="B39985" s="1" t="s">
        <v>135894</v>
      </c>
      <c r="C39985" s="1" t="s">
        <v>110</v>
      </c>
      <c r="D39985" s="1" t="s">
        <v>101517</v>
      </c>
      <c r="E39985" s="1" t="s">
        <v>137115</v>
      </c>
      <c r="F39985" s="1" t="s">
        <v>137116</v>
      </c>
      <c r="G39985" s="1" t="s">
        <v>137046</v>
      </c>
      <c r="H39985" s="1" t="s">
        <v>137047</v>
      </c>
      <c r="I39985" s="1" t="s">
        <v>135900</v>
      </c>
      <c r="J39985" s="1" t="s">
        <v>137117</v>
      </c>
    </row>
    <row r="39986" spans="1:10" x14ac:dyDescent="0.35">
      <c r="A39986" s="1" t="s">
        <v>29991</v>
      </c>
      <c r="B39986" s="1" t="s">
        <v>135894</v>
      </c>
      <c r="C39986" s="1" t="s">
        <v>115</v>
      </c>
      <c r="D39986" s="1" t="s">
        <v>62863</v>
      </c>
      <c r="E39986" s="1" t="s">
        <v>137118</v>
      </c>
      <c r="F39986" s="1" t="s">
        <v>137119</v>
      </c>
      <c r="G39986" s="1" t="s">
        <v>137046</v>
      </c>
      <c r="H39986" s="1" t="s">
        <v>137047</v>
      </c>
      <c r="I39986" s="1" t="s">
        <v>135900</v>
      </c>
      <c r="J39986" s="1" t="s">
        <v>137120</v>
      </c>
    </row>
    <row r="39987" spans="1:10" x14ac:dyDescent="0.35">
      <c r="A39987" s="1" t="s">
        <v>29991</v>
      </c>
      <c r="B39987" s="1" t="s">
        <v>135894</v>
      </c>
      <c r="C39987" s="1" t="s">
        <v>120</v>
      </c>
      <c r="D39987" s="1" t="s">
        <v>137121</v>
      </c>
      <c r="E39987" s="1" t="s">
        <v>137122</v>
      </c>
      <c r="F39987" s="1" t="s">
        <v>137123</v>
      </c>
      <c r="G39987" s="1" t="s">
        <v>137046</v>
      </c>
      <c r="H39987" s="1" t="s">
        <v>137047</v>
      </c>
      <c r="I39987" s="1" t="s">
        <v>135900</v>
      </c>
      <c r="J39987" s="1" t="s">
        <v>137124</v>
      </c>
    </row>
    <row r="39988" spans="1:10" x14ac:dyDescent="0.35">
      <c r="A39988" s="1" t="s">
        <v>29991</v>
      </c>
      <c r="B39988" s="1" t="s">
        <v>135894</v>
      </c>
      <c r="C39988" s="1" t="s">
        <v>125</v>
      </c>
      <c r="D39988" s="1" t="s">
        <v>26640</v>
      </c>
      <c r="E39988" s="1" t="s">
        <v>137125</v>
      </c>
      <c r="F39988" s="1" t="s">
        <v>137126</v>
      </c>
      <c r="G39988" s="1" t="s">
        <v>137046</v>
      </c>
      <c r="H39988" s="1" t="s">
        <v>137047</v>
      </c>
      <c r="I39988" s="1" t="s">
        <v>135900</v>
      </c>
      <c r="J39988" s="1" t="s">
        <v>137127</v>
      </c>
    </row>
    <row r="39989" spans="1:10" x14ac:dyDescent="0.35">
      <c r="A39989" s="1" t="s">
        <v>29991</v>
      </c>
      <c r="B39989" s="1" t="s">
        <v>135894</v>
      </c>
      <c r="C39989" s="1" t="s">
        <v>130</v>
      </c>
      <c r="D39989" s="1" t="s">
        <v>137128</v>
      </c>
      <c r="E39989" s="1" t="s">
        <v>137129</v>
      </c>
      <c r="F39989" s="1" t="s">
        <v>137130</v>
      </c>
      <c r="G39989" s="1" t="s">
        <v>137046</v>
      </c>
      <c r="H39989" s="1" t="s">
        <v>137047</v>
      </c>
      <c r="I39989" s="1" t="s">
        <v>135900</v>
      </c>
      <c r="J39989" s="1" t="s">
        <v>137131</v>
      </c>
    </row>
    <row r="39990" spans="1:10" x14ac:dyDescent="0.35">
      <c r="A39990" s="1" t="s">
        <v>29991</v>
      </c>
      <c r="B39990" s="1" t="s">
        <v>135894</v>
      </c>
      <c r="C39990" s="1" t="s">
        <v>135</v>
      </c>
      <c r="D39990" s="1" t="s">
        <v>64269</v>
      </c>
      <c r="E39990" s="1" t="s">
        <v>137132</v>
      </c>
      <c r="F39990" s="1" t="s">
        <v>137133</v>
      </c>
      <c r="G39990" s="1" t="s">
        <v>137046</v>
      </c>
      <c r="H39990" s="1" t="s">
        <v>137047</v>
      </c>
      <c r="I39990" s="1" t="s">
        <v>135900</v>
      </c>
      <c r="J39990" s="1" t="s">
        <v>137134</v>
      </c>
    </row>
    <row r="39991" spans="1:10" x14ac:dyDescent="0.35">
      <c r="A39991" s="1" t="s">
        <v>29991</v>
      </c>
      <c r="B39991" s="1" t="s">
        <v>135894</v>
      </c>
      <c r="C39991" s="1" t="s">
        <v>140</v>
      </c>
      <c r="D39991" s="1" t="s">
        <v>137135</v>
      </c>
      <c r="E39991" s="1" t="s">
        <v>137136</v>
      </c>
      <c r="F39991" s="1" t="s">
        <v>137137</v>
      </c>
      <c r="G39991" s="1" t="s">
        <v>137046</v>
      </c>
      <c r="H39991" s="1" t="s">
        <v>137047</v>
      </c>
      <c r="I39991" s="1" t="s">
        <v>135900</v>
      </c>
      <c r="J39991" s="1" t="s">
        <v>137138</v>
      </c>
    </row>
    <row r="39992" spans="1:10" x14ac:dyDescent="0.35">
      <c r="A39992" s="1" t="s">
        <v>29991</v>
      </c>
      <c r="B39992" s="1" t="s">
        <v>135894</v>
      </c>
      <c r="C39992" s="1" t="s">
        <v>145</v>
      </c>
      <c r="D39992" s="1" t="s">
        <v>81676</v>
      </c>
      <c r="E39992" s="1" t="s">
        <v>137139</v>
      </c>
      <c r="F39992" s="1" t="s">
        <v>137140</v>
      </c>
      <c r="G39992" s="1" t="s">
        <v>137046</v>
      </c>
      <c r="H39992" s="1" t="s">
        <v>137047</v>
      </c>
      <c r="I39992" s="1" t="s">
        <v>135900</v>
      </c>
      <c r="J39992" s="1" t="s">
        <v>137141</v>
      </c>
    </row>
    <row r="39993" spans="1:10" x14ac:dyDescent="0.35">
      <c r="A39993" s="1" t="s">
        <v>29991</v>
      </c>
      <c r="B39993" s="1" t="s">
        <v>135894</v>
      </c>
      <c r="C39993" s="1" t="s">
        <v>150</v>
      </c>
      <c r="D39993" s="1" t="s">
        <v>137142</v>
      </c>
      <c r="E39993" s="1" t="s">
        <v>137143</v>
      </c>
      <c r="F39993" s="1" t="s">
        <v>137144</v>
      </c>
      <c r="G39993" s="1" t="s">
        <v>137046</v>
      </c>
      <c r="H39993" s="1" t="s">
        <v>137047</v>
      </c>
      <c r="I39993" s="1" t="s">
        <v>135900</v>
      </c>
      <c r="J39993" s="1" t="s">
        <v>137145</v>
      </c>
    </row>
    <row r="39994" spans="1:10" x14ac:dyDescent="0.35">
      <c r="A39994" s="1" t="s">
        <v>29991</v>
      </c>
      <c r="B39994" s="1" t="s">
        <v>135894</v>
      </c>
      <c r="C39994" s="1" t="s">
        <v>155</v>
      </c>
      <c r="D39994" s="1" t="s">
        <v>137146</v>
      </c>
      <c r="E39994" s="1" t="s">
        <v>137147</v>
      </c>
      <c r="F39994" s="1" t="s">
        <v>137148</v>
      </c>
      <c r="G39994" s="1" t="s">
        <v>137046</v>
      </c>
      <c r="H39994" s="1" t="s">
        <v>137047</v>
      </c>
      <c r="I39994" s="1" t="s">
        <v>135900</v>
      </c>
      <c r="J39994" s="1" t="s">
        <v>137149</v>
      </c>
    </row>
    <row r="39995" spans="1:10" x14ac:dyDescent="0.35">
      <c r="A39995" s="1" t="s">
        <v>29991</v>
      </c>
      <c r="B39995" s="1" t="s">
        <v>135894</v>
      </c>
      <c r="C39995" s="1" t="s">
        <v>160</v>
      </c>
      <c r="D39995" s="1" t="s">
        <v>137150</v>
      </c>
      <c r="E39995" s="1" t="s">
        <v>137151</v>
      </c>
      <c r="F39995" s="1" t="s">
        <v>137152</v>
      </c>
      <c r="G39995" s="1" t="s">
        <v>137046</v>
      </c>
      <c r="H39995" s="1" t="s">
        <v>137047</v>
      </c>
      <c r="I39995" s="1" t="s">
        <v>135900</v>
      </c>
      <c r="J39995" s="1" t="s">
        <v>137153</v>
      </c>
    </row>
    <row r="39996" spans="1:10" x14ac:dyDescent="0.35">
      <c r="A39996" s="1" t="s">
        <v>29991</v>
      </c>
      <c r="B39996" s="1" t="s">
        <v>135894</v>
      </c>
      <c r="C39996" s="1" t="s">
        <v>165</v>
      </c>
      <c r="D39996" s="1" t="s">
        <v>23668</v>
      </c>
      <c r="E39996" s="1" t="s">
        <v>137154</v>
      </c>
      <c r="F39996" s="1" t="s">
        <v>137155</v>
      </c>
      <c r="G39996" s="1" t="s">
        <v>137046</v>
      </c>
      <c r="H39996" s="1" t="s">
        <v>137047</v>
      </c>
      <c r="I39996" s="1" t="s">
        <v>135900</v>
      </c>
      <c r="J39996" s="1" t="s">
        <v>137156</v>
      </c>
    </row>
    <row r="39997" spans="1:10" x14ac:dyDescent="0.35">
      <c r="A39997" s="1" t="s">
        <v>29991</v>
      </c>
      <c r="B39997" s="1" t="s">
        <v>135894</v>
      </c>
      <c r="C39997" s="1" t="s">
        <v>170</v>
      </c>
      <c r="D39997" s="1" t="s">
        <v>69938</v>
      </c>
      <c r="E39997" s="1" t="s">
        <v>137157</v>
      </c>
      <c r="F39997" s="1" t="s">
        <v>137158</v>
      </c>
      <c r="G39997" s="1" t="s">
        <v>137046</v>
      </c>
      <c r="H39997" s="1" t="s">
        <v>137047</v>
      </c>
      <c r="I39997" s="1" t="s">
        <v>135900</v>
      </c>
      <c r="J39997" s="1" t="s">
        <v>137159</v>
      </c>
    </row>
    <row r="39998" spans="1:10" x14ac:dyDescent="0.35">
      <c r="A39998" s="1" t="s">
        <v>28016</v>
      </c>
      <c r="B39998" s="1" t="s">
        <v>135894</v>
      </c>
      <c r="C39998" s="1" t="s">
        <v>8</v>
      </c>
      <c r="D39998" s="1" t="s">
        <v>76142</v>
      </c>
      <c r="E39998" s="1" t="s">
        <v>137160</v>
      </c>
      <c r="F39998" s="1" t="s">
        <v>137161</v>
      </c>
      <c r="G39998" s="1" t="s">
        <v>137162</v>
      </c>
      <c r="H39998" s="1" t="s">
        <v>137163</v>
      </c>
      <c r="I39998" s="1" t="s">
        <v>135900</v>
      </c>
      <c r="J39998" s="1" t="s">
        <v>13</v>
      </c>
    </row>
    <row r="39999" spans="1:10" x14ac:dyDescent="0.35">
      <c r="A39999" s="1" t="s">
        <v>28016</v>
      </c>
      <c r="B39999" s="1" t="s">
        <v>135894</v>
      </c>
      <c r="C39999" s="1" t="s">
        <v>15</v>
      </c>
      <c r="D39999" s="1" t="s">
        <v>56499</v>
      </c>
      <c r="E39999" s="1" t="s">
        <v>137164</v>
      </c>
      <c r="F39999" s="1" t="s">
        <v>137165</v>
      </c>
      <c r="G39999" s="1" t="s">
        <v>137162</v>
      </c>
      <c r="H39999" s="1" t="s">
        <v>137163</v>
      </c>
      <c r="I39999" s="1" t="s">
        <v>135900</v>
      </c>
      <c r="J39999" s="1" t="s">
        <v>137166</v>
      </c>
    </row>
    <row r="40000" spans="1:10" x14ac:dyDescent="0.35">
      <c r="A40000" s="1" t="s">
        <v>28016</v>
      </c>
      <c r="B40000" s="1" t="s">
        <v>135894</v>
      </c>
      <c r="C40000" s="1" t="s">
        <v>20</v>
      </c>
      <c r="D40000" s="1" t="s">
        <v>137167</v>
      </c>
      <c r="E40000" s="1" t="s">
        <v>137168</v>
      </c>
      <c r="F40000" s="1" t="s">
        <v>137169</v>
      </c>
      <c r="G40000" s="1" t="s">
        <v>137162</v>
      </c>
      <c r="H40000" s="1" t="s">
        <v>137163</v>
      </c>
      <c r="I40000" s="1" t="s">
        <v>135900</v>
      </c>
      <c r="J40000" s="1" t="s">
        <v>137170</v>
      </c>
    </row>
    <row r="40001" spans="1:10" x14ac:dyDescent="0.35">
      <c r="A40001" s="1" t="s">
        <v>28016</v>
      </c>
      <c r="B40001" s="1" t="s">
        <v>135894</v>
      </c>
      <c r="C40001" s="1" t="s">
        <v>25</v>
      </c>
      <c r="D40001" s="1" t="s">
        <v>66624</v>
      </c>
      <c r="E40001" s="1" t="s">
        <v>137171</v>
      </c>
      <c r="F40001" s="1" t="s">
        <v>137172</v>
      </c>
      <c r="G40001" s="1" t="s">
        <v>137162</v>
      </c>
      <c r="H40001" s="1" t="s">
        <v>137163</v>
      </c>
      <c r="I40001" s="1" t="s">
        <v>135900</v>
      </c>
      <c r="J40001" s="1" t="s">
        <v>137173</v>
      </c>
    </row>
    <row r="40002" spans="1:10" x14ac:dyDescent="0.35">
      <c r="A40002" s="1" t="s">
        <v>28016</v>
      </c>
      <c r="B40002" s="1" t="s">
        <v>135894</v>
      </c>
      <c r="C40002" s="1" t="s">
        <v>30</v>
      </c>
      <c r="D40002" s="1" t="s">
        <v>137174</v>
      </c>
      <c r="E40002" s="1" t="s">
        <v>137175</v>
      </c>
      <c r="F40002" s="1" t="s">
        <v>137176</v>
      </c>
      <c r="G40002" s="1" t="s">
        <v>137162</v>
      </c>
      <c r="H40002" s="1" t="s">
        <v>137163</v>
      </c>
      <c r="I40002" s="1" t="s">
        <v>135900</v>
      </c>
      <c r="J40002" s="1" t="s">
        <v>137177</v>
      </c>
    </row>
    <row r="40003" spans="1:10" x14ac:dyDescent="0.35">
      <c r="A40003" s="1" t="s">
        <v>28016</v>
      </c>
      <c r="B40003" s="1" t="s">
        <v>135894</v>
      </c>
      <c r="C40003" s="1" t="s">
        <v>35</v>
      </c>
      <c r="D40003" s="1" t="s">
        <v>137178</v>
      </c>
      <c r="E40003" s="1" t="s">
        <v>137179</v>
      </c>
      <c r="F40003" s="1" t="s">
        <v>137180</v>
      </c>
      <c r="G40003" s="1" t="s">
        <v>137162</v>
      </c>
      <c r="H40003" s="1" t="s">
        <v>137163</v>
      </c>
      <c r="I40003" s="1" t="s">
        <v>135900</v>
      </c>
      <c r="J40003" s="1" t="s">
        <v>137181</v>
      </c>
    </row>
    <row r="40004" spans="1:10" x14ac:dyDescent="0.35">
      <c r="A40004" s="1" t="s">
        <v>28016</v>
      </c>
      <c r="B40004" s="1" t="s">
        <v>135894</v>
      </c>
      <c r="C40004" s="1" t="s">
        <v>40</v>
      </c>
      <c r="D40004" s="1" t="s">
        <v>137182</v>
      </c>
      <c r="E40004" s="1" t="s">
        <v>137183</v>
      </c>
      <c r="F40004" s="1" t="s">
        <v>137184</v>
      </c>
      <c r="G40004" s="1" t="s">
        <v>137162</v>
      </c>
      <c r="H40004" s="1" t="s">
        <v>137163</v>
      </c>
      <c r="I40004" s="1" t="s">
        <v>135900</v>
      </c>
      <c r="J40004" s="1" t="s">
        <v>137185</v>
      </c>
    </row>
    <row r="40005" spans="1:10" x14ac:dyDescent="0.35">
      <c r="A40005" s="1" t="s">
        <v>28016</v>
      </c>
      <c r="B40005" s="1" t="s">
        <v>135894</v>
      </c>
      <c r="C40005" s="1" t="s">
        <v>45</v>
      </c>
      <c r="D40005" s="1" t="s">
        <v>137186</v>
      </c>
      <c r="E40005" s="1" t="s">
        <v>137187</v>
      </c>
      <c r="F40005" s="1" t="s">
        <v>137188</v>
      </c>
      <c r="G40005" s="1" t="s">
        <v>137162</v>
      </c>
      <c r="H40005" s="1" t="s">
        <v>137163</v>
      </c>
      <c r="I40005" s="1" t="s">
        <v>135900</v>
      </c>
      <c r="J40005" s="1" t="s">
        <v>137189</v>
      </c>
    </row>
    <row r="40006" spans="1:10" x14ac:dyDescent="0.35">
      <c r="A40006" s="1" t="s">
        <v>28016</v>
      </c>
      <c r="B40006" s="1" t="s">
        <v>135894</v>
      </c>
      <c r="C40006" s="1" t="s">
        <v>50</v>
      </c>
      <c r="D40006" s="1" t="s">
        <v>137190</v>
      </c>
      <c r="E40006" s="1" t="s">
        <v>137191</v>
      </c>
      <c r="F40006" s="1" t="s">
        <v>137192</v>
      </c>
      <c r="G40006" s="1" t="s">
        <v>137162</v>
      </c>
      <c r="H40006" s="1" t="s">
        <v>137163</v>
      </c>
      <c r="I40006" s="1" t="s">
        <v>135900</v>
      </c>
      <c r="J40006" s="1" t="s">
        <v>137193</v>
      </c>
    </row>
    <row r="40007" spans="1:10" x14ac:dyDescent="0.35">
      <c r="A40007" s="1" t="s">
        <v>28016</v>
      </c>
      <c r="B40007" s="1" t="s">
        <v>135894</v>
      </c>
      <c r="C40007" s="1" t="s">
        <v>55</v>
      </c>
      <c r="D40007" s="1" t="s">
        <v>100309</v>
      </c>
      <c r="E40007" s="1" t="s">
        <v>137194</v>
      </c>
      <c r="F40007" s="1" t="s">
        <v>137195</v>
      </c>
      <c r="G40007" s="1" t="s">
        <v>137162</v>
      </c>
      <c r="H40007" s="1" t="s">
        <v>137163</v>
      </c>
      <c r="I40007" s="1" t="s">
        <v>135900</v>
      </c>
      <c r="J40007" s="1" t="s">
        <v>137196</v>
      </c>
    </row>
    <row r="40008" spans="1:10" x14ac:dyDescent="0.35">
      <c r="A40008" s="1" t="s">
        <v>28016</v>
      </c>
      <c r="B40008" s="1" t="s">
        <v>135894</v>
      </c>
      <c r="C40008" s="1" t="s">
        <v>60</v>
      </c>
      <c r="D40008" s="1" t="s">
        <v>137197</v>
      </c>
      <c r="E40008" s="1" t="s">
        <v>137198</v>
      </c>
      <c r="F40008" s="1" t="s">
        <v>137199</v>
      </c>
      <c r="G40008" s="1" t="s">
        <v>137162</v>
      </c>
      <c r="H40008" s="1" t="s">
        <v>137163</v>
      </c>
      <c r="I40008" s="1" t="s">
        <v>135900</v>
      </c>
      <c r="J40008" s="1" t="s">
        <v>137200</v>
      </c>
    </row>
    <row r="40009" spans="1:10" x14ac:dyDescent="0.35">
      <c r="A40009" s="1" t="s">
        <v>28016</v>
      </c>
      <c r="B40009" s="1" t="s">
        <v>135894</v>
      </c>
      <c r="C40009" s="1" t="s">
        <v>65</v>
      </c>
      <c r="D40009" s="1" t="s">
        <v>95409</v>
      </c>
      <c r="E40009" s="1" t="s">
        <v>137201</v>
      </c>
      <c r="F40009" s="1" t="s">
        <v>137202</v>
      </c>
      <c r="G40009" s="1" t="s">
        <v>137162</v>
      </c>
      <c r="H40009" s="1" t="s">
        <v>137163</v>
      </c>
      <c r="I40009" s="1" t="s">
        <v>135900</v>
      </c>
      <c r="J40009" s="1" t="s">
        <v>137203</v>
      </c>
    </row>
    <row r="40010" spans="1:10" x14ac:dyDescent="0.35">
      <c r="A40010" s="1" t="s">
        <v>28016</v>
      </c>
      <c r="B40010" s="1" t="s">
        <v>135894</v>
      </c>
      <c r="C40010" s="1" t="s">
        <v>70</v>
      </c>
      <c r="D40010" s="1" t="s">
        <v>79190</v>
      </c>
      <c r="E40010" s="1" t="s">
        <v>137204</v>
      </c>
      <c r="F40010" s="1" t="s">
        <v>137205</v>
      </c>
      <c r="G40010" s="1" t="s">
        <v>137162</v>
      </c>
      <c r="H40010" s="1" t="s">
        <v>137163</v>
      </c>
      <c r="I40010" s="1" t="s">
        <v>135900</v>
      </c>
      <c r="J40010" s="1" t="s">
        <v>137206</v>
      </c>
    </row>
    <row r="40011" spans="1:10" x14ac:dyDescent="0.35">
      <c r="A40011" s="1" t="s">
        <v>28016</v>
      </c>
      <c r="B40011" s="1" t="s">
        <v>135894</v>
      </c>
      <c r="C40011" s="1" t="s">
        <v>75</v>
      </c>
      <c r="D40011" s="1" t="s">
        <v>137207</v>
      </c>
      <c r="E40011" s="1" t="s">
        <v>137208</v>
      </c>
      <c r="F40011" s="1" t="s">
        <v>137209</v>
      </c>
      <c r="G40011" s="1" t="s">
        <v>137162</v>
      </c>
      <c r="H40011" s="1" t="s">
        <v>137163</v>
      </c>
      <c r="I40011" s="1" t="s">
        <v>135900</v>
      </c>
      <c r="J40011" s="1" t="s">
        <v>137210</v>
      </c>
    </row>
    <row r="40012" spans="1:10" x14ac:dyDescent="0.35">
      <c r="A40012" s="1" t="s">
        <v>28016</v>
      </c>
      <c r="B40012" s="1" t="s">
        <v>135894</v>
      </c>
      <c r="C40012" s="1" t="s">
        <v>80</v>
      </c>
      <c r="D40012" s="1" t="s">
        <v>26784</v>
      </c>
      <c r="E40012" s="1" t="s">
        <v>137211</v>
      </c>
      <c r="F40012" s="1" t="s">
        <v>137212</v>
      </c>
      <c r="G40012" s="1" t="s">
        <v>137162</v>
      </c>
      <c r="H40012" s="1" t="s">
        <v>137163</v>
      </c>
      <c r="I40012" s="1" t="s">
        <v>135900</v>
      </c>
      <c r="J40012" s="1" t="s">
        <v>137213</v>
      </c>
    </row>
    <row r="40013" spans="1:10" x14ac:dyDescent="0.35">
      <c r="A40013" s="1" t="s">
        <v>28016</v>
      </c>
      <c r="B40013" s="1" t="s">
        <v>135894</v>
      </c>
      <c r="C40013" s="1" t="s">
        <v>85</v>
      </c>
      <c r="D40013" s="1" t="s">
        <v>122821</v>
      </c>
      <c r="E40013" s="1" t="s">
        <v>137214</v>
      </c>
      <c r="F40013" s="1" t="s">
        <v>137215</v>
      </c>
      <c r="G40013" s="1" t="s">
        <v>137162</v>
      </c>
      <c r="H40013" s="1" t="s">
        <v>137163</v>
      </c>
      <c r="I40013" s="1" t="s">
        <v>135900</v>
      </c>
      <c r="J40013" s="1" t="s">
        <v>137216</v>
      </c>
    </row>
    <row r="40014" spans="1:10" x14ac:dyDescent="0.35">
      <c r="A40014" s="1" t="s">
        <v>28016</v>
      </c>
      <c r="B40014" s="1" t="s">
        <v>135894</v>
      </c>
      <c r="C40014" s="1" t="s">
        <v>90</v>
      </c>
      <c r="D40014" s="1" t="s">
        <v>137217</v>
      </c>
      <c r="E40014" s="1" t="s">
        <v>137218</v>
      </c>
      <c r="F40014" s="1" t="s">
        <v>137219</v>
      </c>
      <c r="G40014" s="1" t="s">
        <v>137162</v>
      </c>
      <c r="H40014" s="1" t="s">
        <v>137163</v>
      </c>
      <c r="I40014" s="1" t="s">
        <v>135900</v>
      </c>
      <c r="J40014" s="1" t="s">
        <v>137220</v>
      </c>
    </row>
    <row r="40015" spans="1:10" x14ac:dyDescent="0.35">
      <c r="A40015" s="1" t="s">
        <v>28016</v>
      </c>
      <c r="B40015" s="1" t="s">
        <v>135894</v>
      </c>
      <c r="C40015" s="1" t="s">
        <v>95</v>
      </c>
      <c r="D40015" s="1" t="s">
        <v>65830</v>
      </c>
      <c r="E40015" s="1" t="s">
        <v>137221</v>
      </c>
      <c r="F40015" s="1" t="s">
        <v>137222</v>
      </c>
      <c r="G40015" s="1" t="s">
        <v>137162</v>
      </c>
      <c r="H40015" s="1" t="s">
        <v>137163</v>
      </c>
      <c r="I40015" s="1" t="s">
        <v>135900</v>
      </c>
      <c r="J40015" s="1" t="s">
        <v>137223</v>
      </c>
    </row>
    <row r="40016" spans="1:10" x14ac:dyDescent="0.35">
      <c r="A40016" s="1" t="s">
        <v>28016</v>
      </c>
      <c r="B40016" s="1" t="s">
        <v>135894</v>
      </c>
      <c r="C40016" s="1" t="s">
        <v>100</v>
      </c>
      <c r="D40016" s="1" t="s">
        <v>79074</v>
      </c>
      <c r="E40016" s="1" t="s">
        <v>137224</v>
      </c>
      <c r="F40016" s="1" t="s">
        <v>137225</v>
      </c>
      <c r="G40016" s="1" t="s">
        <v>137162</v>
      </c>
      <c r="H40016" s="1" t="s">
        <v>137163</v>
      </c>
      <c r="I40016" s="1" t="s">
        <v>135900</v>
      </c>
      <c r="J40016" s="1" t="s">
        <v>137226</v>
      </c>
    </row>
    <row r="40017" spans="1:10" x14ac:dyDescent="0.35">
      <c r="A40017" s="1" t="s">
        <v>28016</v>
      </c>
      <c r="B40017" s="1" t="s">
        <v>135894</v>
      </c>
      <c r="C40017" s="1" t="s">
        <v>105</v>
      </c>
      <c r="D40017" s="1" t="s">
        <v>137227</v>
      </c>
      <c r="E40017" s="1" t="s">
        <v>137228</v>
      </c>
      <c r="F40017" s="1" t="s">
        <v>137229</v>
      </c>
      <c r="G40017" s="1" t="s">
        <v>137162</v>
      </c>
      <c r="H40017" s="1" t="s">
        <v>137163</v>
      </c>
      <c r="I40017" s="1" t="s">
        <v>135900</v>
      </c>
      <c r="J40017" s="1" t="s">
        <v>137230</v>
      </c>
    </row>
    <row r="40018" spans="1:10" x14ac:dyDescent="0.35">
      <c r="A40018" s="1" t="s">
        <v>28016</v>
      </c>
      <c r="B40018" s="1" t="s">
        <v>135894</v>
      </c>
      <c r="C40018" s="1" t="s">
        <v>110</v>
      </c>
      <c r="D40018" s="1" t="s">
        <v>136188</v>
      </c>
      <c r="E40018" s="1" t="s">
        <v>137231</v>
      </c>
      <c r="F40018" s="1" t="s">
        <v>137232</v>
      </c>
      <c r="G40018" s="1" t="s">
        <v>137162</v>
      </c>
      <c r="H40018" s="1" t="s">
        <v>137163</v>
      </c>
      <c r="I40018" s="1" t="s">
        <v>135900</v>
      </c>
      <c r="J40018" s="1" t="s">
        <v>137233</v>
      </c>
    </row>
    <row r="40019" spans="1:10" x14ac:dyDescent="0.35">
      <c r="A40019" s="1" t="s">
        <v>28016</v>
      </c>
      <c r="B40019" s="1" t="s">
        <v>135894</v>
      </c>
      <c r="C40019" s="1" t="s">
        <v>115</v>
      </c>
      <c r="D40019" s="1" t="s">
        <v>99802</v>
      </c>
      <c r="E40019" s="1" t="s">
        <v>137234</v>
      </c>
      <c r="F40019" s="1" t="s">
        <v>137235</v>
      </c>
      <c r="G40019" s="1" t="s">
        <v>137162</v>
      </c>
      <c r="H40019" s="1" t="s">
        <v>137163</v>
      </c>
      <c r="I40019" s="1" t="s">
        <v>135900</v>
      </c>
      <c r="J40019" s="1" t="s">
        <v>137236</v>
      </c>
    </row>
    <row r="40020" spans="1:10" x14ac:dyDescent="0.35">
      <c r="A40020" s="1" t="s">
        <v>28016</v>
      </c>
      <c r="B40020" s="1" t="s">
        <v>135894</v>
      </c>
      <c r="C40020" s="1" t="s">
        <v>120</v>
      </c>
      <c r="D40020" s="1" t="s">
        <v>137237</v>
      </c>
      <c r="E40020" s="1" t="s">
        <v>137238</v>
      </c>
      <c r="F40020" s="1" t="s">
        <v>137239</v>
      </c>
      <c r="G40020" s="1" t="s">
        <v>137162</v>
      </c>
      <c r="H40020" s="1" t="s">
        <v>137163</v>
      </c>
      <c r="I40020" s="1" t="s">
        <v>135900</v>
      </c>
      <c r="J40020" s="1" t="s">
        <v>137240</v>
      </c>
    </row>
    <row r="40021" spans="1:10" x14ac:dyDescent="0.35">
      <c r="A40021" s="1" t="s">
        <v>28016</v>
      </c>
      <c r="B40021" s="1" t="s">
        <v>135894</v>
      </c>
      <c r="C40021" s="1" t="s">
        <v>125</v>
      </c>
      <c r="D40021" s="1" t="s">
        <v>137241</v>
      </c>
      <c r="E40021" s="1" t="s">
        <v>137242</v>
      </c>
      <c r="F40021" s="1" t="s">
        <v>137243</v>
      </c>
      <c r="G40021" s="1" t="s">
        <v>137162</v>
      </c>
      <c r="H40021" s="1" t="s">
        <v>137163</v>
      </c>
      <c r="I40021" s="1" t="s">
        <v>135900</v>
      </c>
      <c r="J40021" s="1" t="s">
        <v>137244</v>
      </c>
    </row>
    <row r="40022" spans="1:10" x14ac:dyDescent="0.35">
      <c r="A40022" s="1" t="s">
        <v>28016</v>
      </c>
      <c r="B40022" s="1" t="s">
        <v>135894</v>
      </c>
      <c r="C40022" s="1" t="s">
        <v>130</v>
      </c>
      <c r="D40022" s="1" t="s">
        <v>20014</v>
      </c>
      <c r="E40022" s="1" t="s">
        <v>137245</v>
      </c>
      <c r="F40022" s="1" t="s">
        <v>137246</v>
      </c>
      <c r="G40022" s="1" t="s">
        <v>137162</v>
      </c>
      <c r="H40022" s="1" t="s">
        <v>137163</v>
      </c>
      <c r="I40022" s="1" t="s">
        <v>135900</v>
      </c>
      <c r="J40022" s="1" t="s">
        <v>137247</v>
      </c>
    </row>
    <row r="40023" spans="1:10" x14ac:dyDescent="0.35">
      <c r="A40023" s="1" t="s">
        <v>28016</v>
      </c>
      <c r="B40023" s="1" t="s">
        <v>135894</v>
      </c>
      <c r="C40023" s="1" t="s">
        <v>135</v>
      </c>
      <c r="D40023" s="1" t="s">
        <v>93106</v>
      </c>
      <c r="E40023" s="1" t="s">
        <v>137248</v>
      </c>
      <c r="F40023" s="1" t="s">
        <v>137249</v>
      </c>
      <c r="G40023" s="1" t="s">
        <v>137162</v>
      </c>
      <c r="H40023" s="1" t="s">
        <v>137163</v>
      </c>
      <c r="I40023" s="1" t="s">
        <v>135900</v>
      </c>
      <c r="J40023" s="1" t="s">
        <v>137250</v>
      </c>
    </row>
    <row r="40024" spans="1:10" x14ac:dyDescent="0.35">
      <c r="A40024" s="1" t="s">
        <v>28016</v>
      </c>
      <c r="B40024" s="1" t="s">
        <v>135894</v>
      </c>
      <c r="C40024" s="1" t="s">
        <v>140</v>
      </c>
      <c r="D40024" s="1" t="s">
        <v>92129</v>
      </c>
      <c r="E40024" s="1" t="s">
        <v>137251</v>
      </c>
      <c r="F40024" s="1" t="s">
        <v>137252</v>
      </c>
      <c r="G40024" s="1" t="s">
        <v>137162</v>
      </c>
      <c r="H40024" s="1" t="s">
        <v>137163</v>
      </c>
      <c r="I40024" s="1" t="s">
        <v>135900</v>
      </c>
      <c r="J40024" s="1" t="s">
        <v>137253</v>
      </c>
    </row>
    <row r="40025" spans="1:10" x14ac:dyDescent="0.35">
      <c r="A40025" s="1" t="s">
        <v>28016</v>
      </c>
      <c r="B40025" s="1" t="s">
        <v>135894</v>
      </c>
      <c r="C40025" s="1" t="s">
        <v>145</v>
      </c>
      <c r="D40025" s="1" t="s">
        <v>137254</v>
      </c>
      <c r="E40025" s="1" t="s">
        <v>137255</v>
      </c>
      <c r="F40025" s="1" t="s">
        <v>137256</v>
      </c>
      <c r="G40025" s="1" t="s">
        <v>137162</v>
      </c>
      <c r="H40025" s="1" t="s">
        <v>137163</v>
      </c>
      <c r="I40025" s="1" t="s">
        <v>135900</v>
      </c>
      <c r="J40025" s="1" t="s">
        <v>137257</v>
      </c>
    </row>
    <row r="40026" spans="1:10" x14ac:dyDescent="0.35">
      <c r="A40026" s="1" t="s">
        <v>28016</v>
      </c>
      <c r="B40026" s="1" t="s">
        <v>135894</v>
      </c>
      <c r="C40026" s="1" t="s">
        <v>150</v>
      </c>
      <c r="D40026" s="1" t="s">
        <v>137258</v>
      </c>
      <c r="E40026" s="1" t="s">
        <v>137259</v>
      </c>
      <c r="F40026" s="1" t="s">
        <v>137260</v>
      </c>
      <c r="G40026" s="1" t="s">
        <v>137162</v>
      </c>
      <c r="H40026" s="1" t="s">
        <v>137163</v>
      </c>
      <c r="I40026" s="1" t="s">
        <v>135900</v>
      </c>
      <c r="J40026" s="1" t="s">
        <v>137261</v>
      </c>
    </row>
    <row r="40027" spans="1:10" x14ac:dyDescent="0.35">
      <c r="A40027" s="1" t="s">
        <v>28016</v>
      </c>
      <c r="B40027" s="1" t="s">
        <v>135894</v>
      </c>
      <c r="C40027" s="1" t="s">
        <v>155</v>
      </c>
      <c r="D40027" s="1" t="s">
        <v>137262</v>
      </c>
      <c r="E40027" s="1" t="s">
        <v>137263</v>
      </c>
      <c r="F40027" s="1" t="s">
        <v>137264</v>
      </c>
      <c r="G40027" s="1" t="s">
        <v>137162</v>
      </c>
      <c r="H40027" s="1" t="s">
        <v>137163</v>
      </c>
      <c r="I40027" s="1" t="s">
        <v>135900</v>
      </c>
      <c r="J40027" s="1" t="s">
        <v>137265</v>
      </c>
    </row>
    <row r="40028" spans="1:10" x14ac:dyDescent="0.35">
      <c r="A40028" s="1" t="s">
        <v>28016</v>
      </c>
      <c r="B40028" s="1" t="s">
        <v>135894</v>
      </c>
      <c r="C40028" s="1" t="s">
        <v>160</v>
      </c>
      <c r="D40028" s="1" t="s">
        <v>84002</v>
      </c>
      <c r="E40028" s="1" t="s">
        <v>137266</v>
      </c>
      <c r="F40028" s="1" t="s">
        <v>137267</v>
      </c>
      <c r="G40028" s="1" t="s">
        <v>137162</v>
      </c>
      <c r="H40028" s="1" t="s">
        <v>137163</v>
      </c>
      <c r="I40028" s="1" t="s">
        <v>135900</v>
      </c>
      <c r="J40028" s="1" t="s">
        <v>137268</v>
      </c>
    </row>
    <row r="40029" spans="1:10" x14ac:dyDescent="0.35">
      <c r="A40029" s="1" t="s">
        <v>28016</v>
      </c>
      <c r="B40029" s="1" t="s">
        <v>135894</v>
      </c>
      <c r="C40029" s="1" t="s">
        <v>165</v>
      </c>
      <c r="D40029" s="1" t="s">
        <v>87089</v>
      </c>
      <c r="E40029" s="1" t="s">
        <v>137269</v>
      </c>
      <c r="F40029" s="1" t="s">
        <v>137270</v>
      </c>
      <c r="G40029" s="1" t="s">
        <v>137162</v>
      </c>
      <c r="H40029" s="1" t="s">
        <v>137163</v>
      </c>
      <c r="I40029" s="1" t="s">
        <v>135900</v>
      </c>
      <c r="J40029" s="1" t="s">
        <v>137271</v>
      </c>
    </row>
    <row r="40030" spans="1:10" x14ac:dyDescent="0.35">
      <c r="A40030" s="1" t="s">
        <v>28016</v>
      </c>
      <c r="B40030" s="1" t="s">
        <v>135894</v>
      </c>
      <c r="C40030" s="1" t="s">
        <v>170</v>
      </c>
      <c r="D40030" s="1" t="s">
        <v>58481</v>
      </c>
      <c r="E40030" s="1" t="s">
        <v>137272</v>
      </c>
      <c r="F40030" s="1" t="s">
        <v>137273</v>
      </c>
      <c r="G40030" s="1" t="s">
        <v>137162</v>
      </c>
      <c r="H40030" s="1" t="s">
        <v>137163</v>
      </c>
      <c r="I40030" s="1" t="s">
        <v>135900</v>
      </c>
      <c r="J40030" s="1" t="s">
        <v>137274</v>
      </c>
    </row>
    <row r="40031" spans="1:10" x14ac:dyDescent="0.35">
      <c r="A40031" s="1" t="s">
        <v>7025</v>
      </c>
      <c r="B40031" s="1" t="s">
        <v>135894</v>
      </c>
      <c r="C40031" s="1" t="s">
        <v>8</v>
      </c>
      <c r="D40031" s="1" t="s">
        <v>137275</v>
      </c>
      <c r="E40031" s="1" t="s">
        <v>137276</v>
      </c>
      <c r="F40031" s="1" t="s">
        <v>137277</v>
      </c>
      <c r="G40031" s="1" t="s">
        <v>137278</v>
      </c>
      <c r="H40031" s="1" t="s">
        <v>137279</v>
      </c>
      <c r="I40031" s="1" t="s">
        <v>135900</v>
      </c>
      <c r="J40031" s="1" t="s">
        <v>13</v>
      </c>
    </row>
    <row r="40032" spans="1:10" x14ac:dyDescent="0.35">
      <c r="A40032" s="1" t="s">
        <v>7025</v>
      </c>
      <c r="B40032" s="1" t="s">
        <v>135894</v>
      </c>
      <c r="C40032" s="1" t="s">
        <v>15</v>
      </c>
      <c r="D40032" s="1" t="s">
        <v>17371</v>
      </c>
      <c r="E40032" s="1" t="s">
        <v>137280</v>
      </c>
      <c r="F40032" s="1" t="s">
        <v>137281</v>
      </c>
      <c r="G40032" s="1" t="s">
        <v>137278</v>
      </c>
      <c r="H40032" s="1" t="s">
        <v>137279</v>
      </c>
      <c r="I40032" s="1" t="s">
        <v>135900</v>
      </c>
      <c r="J40032" s="1" t="s">
        <v>137282</v>
      </c>
    </row>
    <row r="40033" spans="1:10" x14ac:dyDescent="0.35">
      <c r="A40033" s="1" t="s">
        <v>7025</v>
      </c>
      <c r="B40033" s="1" t="s">
        <v>135894</v>
      </c>
      <c r="C40033" s="1" t="s">
        <v>20</v>
      </c>
      <c r="D40033" s="1" t="s">
        <v>90579</v>
      </c>
      <c r="E40033" s="1" t="s">
        <v>137283</v>
      </c>
      <c r="F40033" s="1" t="s">
        <v>137284</v>
      </c>
      <c r="G40033" s="1" t="s">
        <v>137278</v>
      </c>
      <c r="H40033" s="1" t="s">
        <v>137279</v>
      </c>
      <c r="I40033" s="1" t="s">
        <v>135900</v>
      </c>
      <c r="J40033" s="1" t="s">
        <v>137285</v>
      </c>
    </row>
    <row r="40034" spans="1:10" x14ac:dyDescent="0.35">
      <c r="A40034" s="1" t="s">
        <v>7025</v>
      </c>
      <c r="B40034" s="1" t="s">
        <v>135894</v>
      </c>
      <c r="C40034" s="1" t="s">
        <v>25</v>
      </c>
      <c r="D40034" s="1" t="s">
        <v>26380</v>
      </c>
      <c r="E40034" s="1" t="s">
        <v>137286</v>
      </c>
      <c r="F40034" s="1" t="s">
        <v>137287</v>
      </c>
      <c r="G40034" s="1" t="s">
        <v>137278</v>
      </c>
      <c r="H40034" s="1" t="s">
        <v>137279</v>
      </c>
      <c r="I40034" s="1" t="s">
        <v>135900</v>
      </c>
      <c r="J40034" s="1" t="s">
        <v>137288</v>
      </c>
    </row>
    <row r="40035" spans="1:10" x14ac:dyDescent="0.35">
      <c r="A40035" s="1" t="s">
        <v>7025</v>
      </c>
      <c r="B40035" s="1" t="s">
        <v>135894</v>
      </c>
      <c r="C40035" s="1" t="s">
        <v>30</v>
      </c>
      <c r="D40035" s="1" t="s">
        <v>137237</v>
      </c>
      <c r="E40035" s="1" t="s">
        <v>137289</v>
      </c>
      <c r="F40035" s="1" t="s">
        <v>137290</v>
      </c>
      <c r="G40035" s="1" t="s">
        <v>137278</v>
      </c>
      <c r="H40035" s="1" t="s">
        <v>137279</v>
      </c>
      <c r="I40035" s="1" t="s">
        <v>135900</v>
      </c>
      <c r="J40035" s="1" t="s">
        <v>137291</v>
      </c>
    </row>
    <row r="40036" spans="1:10" x14ac:dyDescent="0.35">
      <c r="A40036" s="1" t="s">
        <v>7025</v>
      </c>
      <c r="B40036" s="1" t="s">
        <v>135894</v>
      </c>
      <c r="C40036" s="1" t="s">
        <v>35</v>
      </c>
      <c r="D40036" s="1" t="s">
        <v>23501</v>
      </c>
      <c r="E40036" s="1" t="s">
        <v>137292</v>
      </c>
      <c r="F40036" s="1" t="s">
        <v>137293</v>
      </c>
      <c r="G40036" s="1" t="s">
        <v>137278</v>
      </c>
      <c r="H40036" s="1" t="s">
        <v>137279</v>
      </c>
      <c r="I40036" s="1" t="s">
        <v>135900</v>
      </c>
      <c r="J40036" s="1" t="s">
        <v>137294</v>
      </c>
    </row>
    <row r="40037" spans="1:10" x14ac:dyDescent="0.35">
      <c r="A40037" s="1" t="s">
        <v>7025</v>
      </c>
      <c r="B40037" s="1" t="s">
        <v>135894</v>
      </c>
      <c r="C40037" s="1" t="s">
        <v>40</v>
      </c>
      <c r="D40037" s="1" t="s">
        <v>137085</v>
      </c>
      <c r="E40037" s="1" t="s">
        <v>137295</v>
      </c>
      <c r="F40037" s="1" t="s">
        <v>137296</v>
      </c>
      <c r="G40037" s="1" t="s">
        <v>137278</v>
      </c>
      <c r="H40037" s="1" t="s">
        <v>137279</v>
      </c>
      <c r="I40037" s="1" t="s">
        <v>135900</v>
      </c>
      <c r="J40037" s="1" t="s">
        <v>137297</v>
      </c>
    </row>
    <row r="40038" spans="1:10" x14ac:dyDescent="0.35">
      <c r="A40038" s="1" t="s">
        <v>7025</v>
      </c>
      <c r="B40038" s="1" t="s">
        <v>135894</v>
      </c>
      <c r="C40038" s="1" t="s">
        <v>45</v>
      </c>
      <c r="D40038" s="1" t="s">
        <v>7752</v>
      </c>
      <c r="E40038" s="1" t="s">
        <v>137298</v>
      </c>
      <c r="F40038" s="1" t="s">
        <v>137299</v>
      </c>
      <c r="G40038" s="1" t="s">
        <v>137278</v>
      </c>
      <c r="H40038" s="1" t="s">
        <v>137279</v>
      </c>
      <c r="I40038" s="1" t="s">
        <v>135900</v>
      </c>
      <c r="J40038" s="1" t="s">
        <v>137300</v>
      </c>
    </row>
    <row r="40039" spans="1:10" x14ac:dyDescent="0.35">
      <c r="A40039" s="1" t="s">
        <v>7025</v>
      </c>
      <c r="B40039" s="1" t="s">
        <v>135894</v>
      </c>
      <c r="C40039" s="1" t="s">
        <v>50</v>
      </c>
      <c r="D40039" s="1" t="s">
        <v>137301</v>
      </c>
      <c r="E40039" s="1" t="s">
        <v>137302</v>
      </c>
      <c r="F40039" s="1" t="s">
        <v>137303</v>
      </c>
      <c r="G40039" s="1" t="s">
        <v>137278</v>
      </c>
      <c r="H40039" s="1" t="s">
        <v>137279</v>
      </c>
      <c r="I40039" s="1" t="s">
        <v>135900</v>
      </c>
      <c r="J40039" s="1" t="s">
        <v>137304</v>
      </c>
    </row>
    <row r="40040" spans="1:10" x14ac:dyDescent="0.35">
      <c r="A40040" s="1" t="s">
        <v>7025</v>
      </c>
      <c r="B40040" s="1" t="s">
        <v>135894</v>
      </c>
      <c r="C40040" s="1" t="s">
        <v>55</v>
      </c>
      <c r="D40040" s="1" t="s">
        <v>20019</v>
      </c>
      <c r="E40040" s="1" t="s">
        <v>137305</v>
      </c>
      <c r="F40040" s="1" t="s">
        <v>137306</v>
      </c>
      <c r="G40040" s="1" t="s">
        <v>137278</v>
      </c>
      <c r="H40040" s="1" t="s">
        <v>137279</v>
      </c>
      <c r="I40040" s="1" t="s">
        <v>135900</v>
      </c>
      <c r="J40040" s="1" t="s">
        <v>137307</v>
      </c>
    </row>
    <row r="40041" spans="1:10" x14ac:dyDescent="0.35">
      <c r="A40041" s="1" t="s">
        <v>7025</v>
      </c>
      <c r="B40041" s="1" t="s">
        <v>135894</v>
      </c>
      <c r="C40041" s="1" t="s">
        <v>60</v>
      </c>
      <c r="D40041" s="1" t="s">
        <v>137308</v>
      </c>
      <c r="E40041" s="1" t="s">
        <v>137309</v>
      </c>
      <c r="F40041" s="1" t="s">
        <v>137310</v>
      </c>
      <c r="G40041" s="1" t="s">
        <v>137278</v>
      </c>
      <c r="H40041" s="1" t="s">
        <v>137279</v>
      </c>
      <c r="I40041" s="1" t="s">
        <v>135900</v>
      </c>
      <c r="J40041" s="1" t="s">
        <v>137311</v>
      </c>
    </row>
    <row r="40042" spans="1:10" x14ac:dyDescent="0.35">
      <c r="A40042" s="1" t="s">
        <v>7025</v>
      </c>
      <c r="B40042" s="1" t="s">
        <v>135894</v>
      </c>
      <c r="C40042" s="1" t="s">
        <v>65</v>
      </c>
      <c r="D40042" s="1" t="s">
        <v>52908</v>
      </c>
      <c r="E40042" s="1" t="s">
        <v>137312</v>
      </c>
      <c r="F40042" s="1" t="s">
        <v>137313</v>
      </c>
      <c r="G40042" s="1" t="s">
        <v>137278</v>
      </c>
      <c r="H40042" s="1" t="s">
        <v>137279</v>
      </c>
      <c r="I40042" s="1" t="s">
        <v>135900</v>
      </c>
      <c r="J40042" s="1" t="s">
        <v>137314</v>
      </c>
    </row>
    <row r="40043" spans="1:10" x14ac:dyDescent="0.35">
      <c r="A40043" s="1" t="s">
        <v>7025</v>
      </c>
      <c r="B40043" s="1" t="s">
        <v>135894</v>
      </c>
      <c r="C40043" s="1" t="s">
        <v>70</v>
      </c>
      <c r="D40043" s="1" t="s">
        <v>39480</v>
      </c>
      <c r="E40043" s="1" t="s">
        <v>137315</v>
      </c>
      <c r="F40043" s="1" t="s">
        <v>137316</v>
      </c>
      <c r="G40043" s="1" t="s">
        <v>137278</v>
      </c>
      <c r="H40043" s="1" t="s">
        <v>137279</v>
      </c>
      <c r="I40043" s="1" t="s">
        <v>135900</v>
      </c>
      <c r="J40043" s="1" t="s">
        <v>137317</v>
      </c>
    </row>
    <row r="40044" spans="1:10" x14ac:dyDescent="0.35">
      <c r="A40044" s="1" t="s">
        <v>7025</v>
      </c>
      <c r="B40044" s="1" t="s">
        <v>135894</v>
      </c>
      <c r="C40044" s="1" t="s">
        <v>75</v>
      </c>
      <c r="D40044" s="1" t="s">
        <v>63753</v>
      </c>
      <c r="E40044" s="1" t="s">
        <v>137318</v>
      </c>
      <c r="F40044" s="1" t="s">
        <v>137319</v>
      </c>
      <c r="G40044" s="1" t="s">
        <v>137278</v>
      </c>
      <c r="H40044" s="1" t="s">
        <v>137279</v>
      </c>
      <c r="I40044" s="1" t="s">
        <v>135900</v>
      </c>
      <c r="J40044" s="1" t="s">
        <v>137320</v>
      </c>
    </row>
    <row r="40045" spans="1:10" x14ac:dyDescent="0.35">
      <c r="A40045" s="1" t="s">
        <v>7025</v>
      </c>
      <c r="B40045" s="1" t="s">
        <v>135894</v>
      </c>
      <c r="C40045" s="1" t="s">
        <v>80</v>
      </c>
      <c r="D40045" s="1" t="s">
        <v>137321</v>
      </c>
      <c r="E40045" s="1" t="s">
        <v>137322</v>
      </c>
      <c r="F40045" s="1" t="s">
        <v>137323</v>
      </c>
      <c r="G40045" s="1" t="s">
        <v>137278</v>
      </c>
      <c r="H40045" s="1" t="s">
        <v>137279</v>
      </c>
      <c r="I40045" s="1" t="s">
        <v>135900</v>
      </c>
      <c r="J40045" s="1" t="s">
        <v>137324</v>
      </c>
    </row>
    <row r="40046" spans="1:10" x14ac:dyDescent="0.35">
      <c r="A40046" s="1" t="s">
        <v>7025</v>
      </c>
      <c r="B40046" s="1" t="s">
        <v>135894</v>
      </c>
      <c r="C40046" s="1" t="s">
        <v>85</v>
      </c>
      <c r="D40046" s="1" t="s">
        <v>137325</v>
      </c>
      <c r="E40046" s="1" t="s">
        <v>137326</v>
      </c>
      <c r="F40046" s="1" t="s">
        <v>137327</v>
      </c>
      <c r="G40046" s="1" t="s">
        <v>137278</v>
      </c>
      <c r="H40046" s="1" t="s">
        <v>137279</v>
      </c>
      <c r="I40046" s="1" t="s">
        <v>135900</v>
      </c>
      <c r="J40046" s="1" t="s">
        <v>137328</v>
      </c>
    </row>
    <row r="40047" spans="1:10" x14ac:dyDescent="0.35">
      <c r="A40047" s="1" t="s">
        <v>7025</v>
      </c>
      <c r="B40047" s="1" t="s">
        <v>135894</v>
      </c>
      <c r="C40047" s="1" t="s">
        <v>90</v>
      </c>
      <c r="D40047" s="1" t="s">
        <v>54235</v>
      </c>
      <c r="E40047" s="1" t="s">
        <v>137329</v>
      </c>
      <c r="F40047" s="1" t="s">
        <v>137330</v>
      </c>
      <c r="G40047" s="1" t="s">
        <v>137278</v>
      </c>
      <c r="H40047" s="1" t="s">
        <v>137279</v>
      </c>
      <c r="I40047" s="1" t="s">
        <v>135900</v>
      </c>
      <c r="J40047" s="1" t="s">
        <v>137331</v>
      </c>
    </row>
    <row r="40048" spans="1:10" x14ac:dyDescent="0.35">
      <c r="A40048" s="1" t="s">
        <v>7025</v>
      </c>
      <c r="B40048" s="1" t="s">
        <v>135894</v>
      </c>
      <c r="C40048" s="1" t="s">
        <v>95</v>
      </c>
      <c r="D40048" s="1" t="s">
        <v>101307</v>
      </c>
      <c r="E40048" s="1" t="s">
        <v>137332</v>
      </c>
      <c r="F40048" s="1" t="s">
        <v>137333</v>
      </c>
      <c r="G40048" s="1" t="s">
        <v>137278</v>
      </c>
      <c r="H40048" s="1" t="s">
        <v>137279</v>
      </c>
      <c r="I40048" s="1" t="s">
        <v>135900</v>
      </c>
      <c r="J40048" s="1" t="s">
        <v>137334</v>
      </c>
    </row>
    <row r="40049" spans="1:10" x14ac:dyDescent="0.35">
      <c r="A40049" s="1" t="s">
        <v>7025</v>
      </c>
      <c r="B40049" s="1" t="s">
        <v>135894</v>
      </c>
      <c r="C40049" s="1" t="s">
        <v>100</v>
      </c>
      <c r="D40049" s="1" t="s">
        <v>102616</v>
      </c>
      <c r="E40049" s="1" t="s">
        <v>137335</v>
      </c>
      <c r="F40049" s="1" t="s">
        <v>137336</v>
      </c>
      <c r="G40049" s="1" t="s">
        <v>137278</v>
      </c>
      <c r="H40049" s="1" t="s">
        <v>137279</v>
      </c>
      <c r="I40049" s="1" t="s">
        <v>135900</v>
      </c>
      <c r="J40049" s="1" t="s">
        <v>12712</v>
      </c>
    </row>
    <row r="40050" spans="1:10" x14ac:dyDescent="0.35">
      <c r="A40050" s="1" t="s">
        <v>7025</v>
      </c>
      <c r="B40050" s="1" t="s">
        <v>135894</v>
      </c>
      <c r="C40050" s="1" t="s">
        <v>105</v>
      </c>
      <c r="D40050" s="1" t="s">
        <v>78101</v>
      </c>
      <c r="E40050" s="1" t="s">
        <v>137337</v>
      </c>
      <c r="F40050" s="1" t="s">
        <v>137338</v>
      </c>
      <c r="G40050" s="1" t="s">
        <v>137278</v>
      </c>
      <c r="H40050" s="1" t="s">
        <v>137279</v>
      </c>
      <c r="I40050" s="1" t="s">
        <v>135900</v>
      </c>
      <c r="J40050" s="1" t="s">
        <v>137339</v>
      </c>
    </row>
    <row r="40051" spans="1:10" x14ac:dyDescent="0.35">
      <c r="A40051" s="1" t="s">
        <v>7025</v>
      </c>
      <c r="B40051" s="1" t="s">
        <v>135894</v>
      </c>
      <c r="C40051" s="1" t="s">
        <v>110</v>
      </c>
      <c r="D40051" s="1" t="s">
        <v>86163</v>
      </c>
      <c r="E40051" s="1" t="s">
        <v>137340</v>
      </c>
      <c r="F40051" s="1" t="s">
        <v>137341</v>
      </c>
      <c r="G40051" s="1" t="s">
        <v>137278</v>
      </c>
      <c r="H40051" s="1" t="s">
        <v>137279</v>
      </c>
      <c r="I40051" s="1" t="s">
        <v>135900</v>
      </c>
      <c r="J40051" s="1" t="s">
        <v>137342</v>
      </c>
    </row>
    <row r="40052" spans="1:10" x14ac:dyDescent="0.35">
      <c r="A40052" s="1" t="s">
        <v>7025</v>
      </c>
      <c r="B40052" s="1" t="s">
        <v>135894</v>
      </c>
      <c r="C40052" s="1" t="s">
        <v>115</v>
      </c>
      <c r="D40052" s="1" t="s">
        <v>137343</v>
      </c>
      <c r="E40052" s="1" t="s">
        <v>137344</v>
      </c>
      <c r="F40052" s="1" t="s">
        <v>137345</v>
      </c>
      <c r="G40052" s="1" t="s">
        <v>137278</v>
      </c>
      <c r="H40052" s="1" t="s">
        <v>137279</v>
      </c>
      <c r="I40052" s="1" t="s">
        <v>135900</v>
      </c>
      <c r="J40052" s="1" t="s">
        <v>137346</v>
      </c>
    </row>
    <row r="40053" spans="1:10" x14ac:dyDescent="0.35">
      <c r="A40053" s="1" t="s">
        <v>7025</v>
      </c>
      <c r="B40053" s="1" t="s">
        <v>135894</v>
      </c>
      <c r="C40053" s="1" t="s">
        <v>120</v>
      </c>
      <c r="D40053" s="1" t="s">
        <v>137347</v>
      </c>
      <c r="E40053" s="1" t="s">
        <v>137348</v>
      </c>
      <c r="F40053" s="1" t="s">
        <v>137349</v>
      </c>
      <c r="G40053" s="1" t="s">
        <v>137278</v>
      </c>
      <c r="H40053" s="1" t="s">
        <v>137279</v>
      </c>
      <c r="I40053" s="1" t="s">
        <v>135900</v>
      </c>
      <c r="J40053" s="1" t="s">
        <v>137350</v>
      </c>
    </row>
    <row r="40054" spans="1:10" x14ac:dyDescent="0.35">
      <c r="A40054" s="1" t="s">
        <v>7025</v>
      </c>
      <c r="B40054" s="1" t="s">
        <v>135894</v>
      </c>
      <c r="C40054" s="1" t="s">
        <v>125</v>
      </c>
      <c r="D40054" s="1" t="s">
        <v>54206</v>
      </c>
      <c r="E40054" s="1" t="s">
        <v>137351</v>
      </c>
      <c r="F40054" s="1" t="s">
        <v>137352</v>
      </c>
      <c r="G40054" s="1" t="s">
        <v>137278</v>
      </c>
      <c r="H40054" s="1" t="s">
        <v>137279</v>
      </c>
      <c r="I40054" s="1" t="s">
        <v>135900</v>
      </c>
      <c r="J40054" s="1" t="s">
        <v>137353</v>
      </c>
    </row>
    <row r="40055" spans="1:10" x14ac:dyDescent="0.35">
      <c r="A40055" s="1" t="s">
        <v>7025</v>
      </c>
      <c r="B40055" s="1" t="s">
        <v>135894</v>
      </c>
      <c r="C40055" s="1" t="s">
        <v>130</v>
      </c>
      <c r="D40055" s="1" t="s">
        <v>137354</v>
      </c>
      <c r="E40055" s="1" t="s">
        <v>137355</v>
      </c>
      <c r="F40055" s="1" t="s">
        <v>137356</v>
      </c>
      <c r="G40055" s="1" t="s">
        <v>137278</v>
      </c>
      <c r="H40055" s="1" t="s">
        <v>137279</v>
      </c>
      <c r="I40055" s="1" t="s">
        <v>135900</v>
      </c>
      <c r="J40055" s="1" t="s">
        <v>137357</v>
      </c>
    </row>
    <row r="40056" spans="1:10" x14ac:dyDescent="0.35">
      <c r="A40056" s="1" t="s">
        <v>7025</v>
      </c>
      <c r="B40056" s="1" t="s">
        <v>135894</v>
      </c>
      <c r="C40056" s="1" t="s">
        <v>135</v>
      </c>
      <c r="D40056" s="1" t="s">
        <v>137358</v>
      </c>
      <c r="E40056" s="1" t="s">
        <v>137359</v>
      </c>
      <c r="F40056" s="1" t="s">
        <v>137360</v>
      </c>
      <c r="G40056" s="1" t="s">
        <v>137278</v>
      </c>
      <c r="H40056" s="1" t="s">
        <v>137279</v>
      </c>
      <c r="I40056" s="1" t="s">
        <v>135900</v>
      </c>
      <c r="J40056" s="1" t="s">
        <v>137361</v>
      </c>
    </row>
    <row r="40057" spans="1:10" x14ac:dyDescent="0.35">
      <c r="A40057" s="1" t="s">
        <v>7025</v>
      </c>
      <c r="B40057" s="1" t="s">
        <v>135894</v>
      </c>
      <c r="C40057" s="1" t="s">
        <v>140</v>
      </c>
      <c r="D40057" s="1" t="s">
        <v>137362</v>
      </c>
      <c r="E40057" s="1" t="s">
        <v>137363</v>
      </c>
      <c r="F40057" s="1" t="s">
        <v>137364</v>
      </c>
      <c r="G40057" s="1" t="s">
        <v>137278</v>
      </c>
      <c r="H40057" s="1" t="s">
        <v>137279</v>
      </c>
      <c r="I40057" s="1" t="s">
        <v>135900</v>
      </c>
      <c r="J40057" s="1" t="s">
        <v>137365</v>
      </c>
    </row>
    <row r="40058" spans="1:10" x14ac:dyDescent="0.35">
      <c r="A40058" s="1" t="s">
        <v>7025</v>
      </c>
      <c r="B40058" s="1" t="s">
        <v>135894</v>
      </c>
      <c r="C40058" s="1" t="s">
        <v>145</v>
      </c>
      <c r="D40058" s="1" t="s">
        <v>137366</v>
      </c>
      <c r="E40058" s="1" t="s">
        <v>137367</v>
      </c>
      <c r="F40058" s="1" t="s">
        <v>137368</v>
      </c>
      <c r="G40058" s="1" t="s">
        <v>137278</v>
      </c>
      <c r="H40058" s="1" t="s">
        <v>137279</v>
      </c>
      <c r="I40058" s="1" t="s">
        <v>135900</v>
      </c>
      <c r="J40058" s="1" t="s">
        <v>137369</v>
      </c>
    </row>
    <row r="40059" spans="1:10" x14ac:dyDescent="0.35">
      <c r="A40059" s="1" t="s">
        <v>7025</v>
      </c>
      <c r="B40059" s="1" t="s">
        <v>135894</v>
      </c>
      <c r="C40059" s="1" t="s">
        <v>150</v>
      </c>
      <c r="D40059" s="1" t="s">
        <v>56945</v>
      </c>
      <c r="E40059" s="1" t="s">
        <v>137370</v>
      </c>
      <c r="F40059" s="1" t="s">
        <v>137371</v>
      </c>
      <c r="G40059" s="1" t="s">
        <v>137278</v>
      </c>
      <c r="H40059" s="1" t="s">
        <v>137279</v>
      </c>
      <c r="I40059" s="1" t="s">
        <v>135900</v>
      </c>
      <c r="J40059" s="1" t="s">
        <v>137372</v>
      </c>
    </row>
    <row r="40060" spans="1:10" x14ac:dyDescent="0.35">
      <c r="A40060" s="1" t="s">
        <v>7025</v>
      </c>
      <c r="B40060" s="1" t="s">
        <v>135894</v>
      </c>
      <c r="C40060" s="1" t="s">
        <v>155</v>
      </c>
      <c r="D40060" s="1" t="s">
        <v>137373</v>
      </c>
      <c r="E40060" s="1" t="s">
        <v>137374</v>
      </c>
      <c r="F40060" s="1" t="s">
        <v>137375</v>
      </c>
      <c r="G40060" s="1" t="s">
        <v>137278</v>
      </c>
      <c r="H40060" s="1" t="s">
        <v>137279</v>
      </c>
      <c r="I40060" s="1" t="s">
        <v>135900</v>
      </c>
      <c r="J40060" s="1" t="s">
        <v>137376</v>
      </c>
    </row>
    <row r="40061" spans="1:10" x14ac:dyDescent="0.35">
      <c r="A40061" s="1" t="s">
        <v>7025</v>
      </c>
      <c r="B40061" s="1" t="s">
        <v>135894</v>
      </c>
      <c r="C40061" s="1" t="s">
        <v>160</v>
      </c>
      <c r="D40061" s="1" t="s">
        <v>39794</v>
      </c>
      <c r="E40061" s="1" t="s">
        <v>137377</v>
      </c>
      <c r="F40061" s="1" t="s">
        <v>137378</v>
      </c>
      <c r="G40061" s="1" t="s">
        <v>137278</v>
      </c>
      <c r="H40061" s="1" t="s">
        <v>137279</v>
      </c>
      <c r="I40061" s="1" t="s">
        <v>135900</v>
      </c>
      <c r="J40061" s="1" t="s">
        <v>137379</v>
      </c>
    </row>
    <row r="40062" spans="1:10" x14ac:dyDescent="0.35">
      <c r="A40062" s="1" t="s">
        <v>7025</v>
      </c>
      <c r="B40062" s="1" t="s">
        <v>135894</v>
      </c>
      <c r="C40062" s="1" t="s">
        <v>165</v>
      </c>
      <c r="D40062" s="1" t="s">
        <v>137380</v>
      </c>
      <c r="E40062" s="1" t="s">
        <v>137381</v>
      </c>
      <c r="F40062" s="1" t="s">
        <v>137382</v>
      </c>
      <c r="G40062" s="1" t="s">
        <v>137278</v>
      </c>
      <c r="H40062" s="1" t="s">
        <v>137279</v>
      </c>
      <c r="I40062" s="1" t="s">
        <v>135900</v>
      </c>
      <c r="J40062" s="1" t="s">
        <v>137383</v>
      </c>
    </row>
    <row r="40063" spans="1:10" x14ac:dyDescent="0.35">
      <c r="A40063" s="1" t="s">
        <v>7025</v>
      </c>
      <c r="B40063" s="1" t="s">
        <v>135894</v>
      </c>
      <c r="C40063" s="1" t="s">
        <v>170</v>
      </c>
      <c r="D40063" s="1" t="s">
        <v>137384</v>
      </c>
      <c r="E40063" s="1" t="s">
        <v>137385</v>
      </c>
      <c r="F40063" s="1" t="s">
        <v>137386</v>
      </c>
      <c r="G40063" s="1" t="s">
        <v>137278</v>
      </c>
      <c r="H40063" s="1" t="s">
        <v>137279</v>
      </c>
      <c r="I40063" s="1" t="s">
        <v>135900</v>
      </c>
      <c r="J40063" s="1" t="s">
        <v>137387</v>
      </c>
    </row>
    <row r="40064" spans="1:10" x14ac:dyDescent="0.35">
      <c r="A40064" s="1" t="s">
        <v>4447</v>
      </c>
      <c r="B40064" s="1" t="s">
        <v>135894</v>
      </c>
      <c r="C40064" s="1" t="s">
        <v>8</v>
      </c>
      <c r="D40064" s="1" t="s">
        <v>137388</v>
      </c>
      <c r="E40064" s="1" t="s">
        <v>137389</v>
      </c>
      <c r="F40064" s="1" t="s">
        <v>137390</v>
      </c>
      <c r="G40064" s="1" t="s">
        <v>137391</v>
      </c>
      <c r="H40064" s="1" t="s">
        <v>137392</v>
      </c>
      <c r="I40064" s="1" t="s">
        <v>135900</v>
      </c>
      <c r="J40064" s="1" t="s">
        <v>13</v>
      </c>
    </row>
    <row r="40065" spans="1:10" x14ac:dyDescent="0.35">
      <c r="A40065" s="1" t="s">
        <v>4447</v>
      </c>
      <c r="B40065" s="1" t="s">
        <v>135894</v>
      </c>
      <c r="C40065" s="1" t="s">
        <v>15</v>
      </c>
      <c r="D40065" s="1" t="s">
        <v>58772</v>
      </c>
      <c r="E40065" s="1" t="s">
        <v>137393</v>
      </c>
      <c r="F40065" s="1" t="s">
        <v>137394</v>
      </c>
      <c r="G40065" s="1" t="s">
        <v>137391</v>
      </c>
      <c r="H40065" s="1" t="s">
        <v>137392</v>
      </c>
      <c r="I40065" s="1" t="s">
        <v>135900</v>
      </c>
      <c r="J40065" s="1" t="s">
        <v>137395</v>
      </c>
    </row>
    <row r="40066" spans="1:10" x14ac:dyDescent="0.35">
      <c r="A40066" s="1" t="s">
        <v>4447</v>
      </c>
      <c r="B40066" s="1" t="s">
        <v>135894</v>
      </c>
      <c r="C40066" s="1" t="s">
        <v>20</v>
      </c>
      <c r="D40066" s="1" t="s">
        <v>137396</v>
      </c>
      <c r="E40066" s="1" t="s">
        <v>137397</v>
      </c>
      <c r="F40066" s="1" t="s">
        <v>137398</v>
      </c>
      <c r="G40066" s="1" t="s">
        <v>137391</v>
      </c>
      <c r="H40066" s="1" t="s">
        <v>137392</v>
      </c>
      <c r="I40066" s="1" t="s">
        <v>135900</v>
      </c>
      <c r="J40066" s="1" t="s">
        <v>137399</v>
      </c>
    </row>
    <row r="40067" spans="1:10" x14ac:dyDescent="0.35">
      <c r="A40067" s="1" t="s">
        <v>4447</v>
      </c>
      <c r="B40067" s="1" t="s">
        <v>135894</v>
      </c>
      <c r="C40067" s="1" t="s">
        <v>25</v>
      </c>
      <c r="D40067" s="1" t="s">
        <v>137400</v>
      </c>
      <c r="E40067" s="1" t="s">
        <v>137401</v>
      </c>
      <c r="F40067" s="1" t="s">
        <v>137402</v>
      </c>
      <c r="G40067" s="1" t="s">
        <v>137391</v>
      </c>
      <c r="H40067" s="1" t="s">
        <v>137392</v>
      </c>
      <c r="I40067" s="1" t="s">
        <v>135900</v>
      </c>
      <c r="J40067" s="1" t="s">
        <v>137403</v>
      </c>
    </row>
    <row r="40068" spans="1:10" x14ac:dyDescent="0.35">
      <c r="A40068" s="1" t="s">
        <v>4447</v>
      </c>
      <c r="B40068" s="1" t="s">
        <v>135894</v>
      </c>
      <c r="C40068" s="1" t="s">
        <v>30</v>
      </c>
      <c r="D40068" s="1" t="s">
        <v>76704</v>
      </c>
      <c r="E40068" s="1" t="s">
        <v>137404</v>
      </c>
      <c r="F40068" s="1" t="s">
        <v>137405</v>
      </c>
      <c r="G40068" s="1" t="s">
        <v>137391</v>
      </c>
      <c r="H40068" s="1" t="s">
        <v>137392</v>
      </c>
      <c r="I40068" s="1" t="s">
        <v>135900</v>
      </c>
      <c r="J40068" s="1" t="s">
        <v>137406</v>
      </c>
    </row>
    <row r="40069" spans="1:10" x14ac:dyDescent="0.35">
      <c r="A40069" s="1" t="s">
        <v>4447</v>
      </c>
      <c r="B40069" s="1" t="s">
        <v>135894</v>
      </c>
      <c r="C40069" s="1" t="s">
        <v>35</v>
      </c>
      <c r="D40069" s="1" t="s">
        <v>26736</v>
      </c>
      <c r="E40069" s="1" t="s">
        <v>137407</v>
      </c>
      <c r="F40069" s="1" t="s">
        <v>137408</v>
      </c>
      <c r="G40069" s="1" t="s">
        <v>137391</v>
      </c>
      <c r="H40069" s="1" t="s">
        <v>137392</v>
      </c>
      <c r="I40069" s="1" t="s">
        <v>135900</v>
      </c>
      <c r="J40069" s="1" t="s">
        <v>137409</v>
      </c>
    </row>
    <row r="40070" spans="1:10" x14ac:dyDescent="0.35">
      <c r="A40070" s="1" t="s">
        <v>4447</v>
      </c>
      <c r="B40070" s="1" t="s">
        <v>135894</v>
      </c>
      <c r="C40070" s="1" t="s">
        <v>40</v>
      </c>
      <c r="D40070" s="1" t="s">
        <v>76708</v>
      </c>
      <c r="E40070" s="1" t="s">
        <v>137410</v>
      </c>
      <c r="F40070" s="1" t="s">
        <v>137411</v>
      </c>
      <c r="G40070" s="1" t="s">
        <v>137391</v>
      </c>
      <c r="H40070" s="1" t="s">
        <v>137392</v>
      </c>
      <c r="I40070" s="1" t="s">
        <v>135900</v>
      </c>
      <c r="J40070" s="1" t="s">
        <v>137412</v>
      </c>
    </row>
    <row r="40071" spans="1:10" x14ac:dyDescent="0.35">
      <c r="A40071" s="1" t="s">
        <v>4447</v>
      </c>
      <c r="B40071" s="1" t="s">
        <v>135894</v>
      </c>
      <c r="C40071" s="1" t="s">
        <v>45</v>
      </c>
      <c r="D40071" s="1" t="s">
        <v>77165</v>
      </c>
      <c r="E40071" s="1" t="s">
        <v>137413</v>
      </c>
      <c r="F40071" s="1" t="s">
        <v>137414</v>
      </c>
      <c r="G40071" s="1" t="s">
        <v>137391</v>
      </c>
      <c r="H40071" s="1" t="s">
        <v>137392</v>
      </c>
      <c r="I40071" s="1" t="s">
        <v>135900</v>
      </c>
      <c r="J40071" s="1" t="s">
        <v>137415</v>
      </c>
    </row>
    <row r="40072" spans="1:10" x14ac:dyDescent="0.35">
      <c r="A40072" s="1" t="s">
        <v>4447</v>
      </c>
      <c r="B40072" s="1" t="s">
        <v>135894</v>
      </c>
      <c r="C40072" s="1" t="s">
        <v>50</v>
      </c>
      <c r="D40072" s="1" t="s">
        <v>76033</v>
      </c>
      <c r="E40072" s="1" t="s">
        <v>137416</v>
      </c>
      <c r="F40072" s="1" t="s">
        <v>137417</v>
      </c>
      <c r="G40072" s="1" t="s">
        <v>137391</v>
      </c>
      <c r="H40072" s="1" t="s">
        <v>137392</v>
      </c>
      <c r="I40072" s="1" t="s">
        <v>135900</v>
      </c>
      <c r="J40072" s="1" t="s">
        <v>137418</v>
      </c>
    </row>
    <row r="40073" spans="1:10" x14ac:dyDescent="0.35">
      <c r="A40073" s="1" t="s">
        <v>4447</v>
      </c>
      <c r="B40073" s="1" t="s">
        <v>135894</v>
      </c>
      <c r="C40073" s="1" t="s">
        <v>55</v>
      </c>
      <c r="D40073" s="1" t="s">
        <v>137419</v>
      </c>
      <c r="E40073" s="1" t="s">
        <v>137420</v>
      </c>
      <c r="F40073" s="1" t="s">
        <v>137421</v>
      </c>
      <c r="G40073" s="1" t="s">
        <v>137391</v>
      </c>
      <c r="H40073" s="1" t="s">
        <v>137392</v>
      </c>
      <c r="I40073" s="1" t="s">
        <v>135900</v>
      </c>
      <c r="J40073" s="1" t="s">
        <v>137422</v>
      </c>
    </row>
    <row r="40074" spans="1:10" x14ac:dyDescent="0.35">
      <c r="A40074" s="1" t="s">
        <v>4447</v>
      </c>
      <c r="B40074" s="1" t="s">
        <v>135894</v>
      </c>
      <c r="C40074" s="1" t="s">
        <v>60</v>
      </c>
      <c r="D40074" s="1" t="s">
        <v>90975</v>
      </c>
      <c r="E40074" s="1" t="s">
        <v>137423</v>
      </c>
      <c r="F40074" s="1" t="s">
        <v>137424</v>
      </c>
      <c r="G40074" s="1" t="s">
        <v>137391</v>
      </c>
      <c r="H40074" s="1" t="s">
        <v>137392</v>
      </c>
      <c r="I40074" s="1" t="s">
        <v>135900</v>
      </c>
      <c r="J40074" s="1" t="s">
        <v>137425</v>
      </c>
    </row>
    <row r="40075" spans="1:10" x14ac:dyDescent="0.35">
      <c r="A40075" s="1" t="s">
        <v>4447</v>
      </c>
      <c r="B40075" s="1" t="s">
        <v>135894</v>
      </c>
      <c r="C40075" s="1" t="s">
        <v>65</v>
      </c>
      <c r="D40075" s="1" t="s">
        <v>137426</v>
      </c>
      <c r="E40075" s="1" t="s">
        <v>137427</v>
      </c>
      <c r="F40075" s="1" t="s">
        <v>137428</v>
      </c>
      <c r="G40075" s="1" t="s">
        <v>137391</v>
      </c>
      <c r="H40075" s="1" t="s">
        <v>137392</v>
      </c>
      <c r="I40075" s="1" t="s">
        <v>135900</v>
      </c>
      <c r="J40075" s="1" t="s">
        <v>137429</v>
      </c>
    </row>
    <row r="40076" spans="1:10" x14ac:dyDescent="0.35">
      <c r="A40076" s="1" t="s">
        <v>4447</v>
      </c>
      <c r="B40076" s="1" t="s">
        <v>135894</v>
      </c>
      <c r="C40076" s="1" t="s">
        <v>70</v>
      </c>
      <c r="D40076" s="1" t="s">
        <v>137430</v>
      </c>
      <c r="E40076" s="1" t="s">
        <v>137431</v>
      </c>
      <c r="F40076" s="1" t="s">
        <v>137432</v>
      </c>
      <c r="G40076" s="1" t="s">
        <v>137391</v>
      </c>
      <c r="H40076" s="1" t="s">
        <v>137392</v>
      </c>
      <c r="I40076" s="1" t="s">
        <v>135900</v>
      </c>
      <c r="J40076" s="1" t="s">
        <v>137433</v>
      </c>
    </row>
    <row r="40077" spans="1:10" x14ac:dyDescent="0.35">
      <c r="A40077" s="1" t="s">
        <v>4447</v>
      </c>
      <c r="B40077" s="1" t="s">
        <v>135894</v>
      </c>
      <c r="C40077" s="1" t="s">
        <v>75</v>
      </c>
      <c r="D40077" s="1" t="s">
        <v>137434</v>
      </c>
      <c r="E40077" s="1" t="s">
        <v>137435</v>
      </c>
      <c r="F40077" s="1" t="s">
        <v>137436</v>
      </c>
      <c r="G40077" s="1" t="s">
        <v>137391</v>
      </c>
      <c r="H40077" s="1" t="s">
        <v>137392</v>
      </c>
      <c r="I40077" s="1" t="s">
        <v>135900</v>
      </c>
      <c r="J40077" s="1" t="s">
        <v>137437</v>
      </c>
    </row>
    <row r="40078" spans="1:10" x14ac:dyDescent="0.35">
      <c r="A40078" s="1" t="s">
        <v>4447</v>
      </c>
      <c r="B40078" s="1" t="s">
        <v>135894</v>
      </c>
      <c r="C40078" s="1" t="s">
        <v>80</v>
      </c>
      <c r="D40078" s="1" t="s">
        <v>137438</v>
      </c>
      <c r="E40078" s="1" t="s">
        <v>137439</v>
      </c>
      <c r="F40078" s="1" t="s">
        <v>137440</v>
      </c>
      <c r="G40078" s="1" t="s">
        <v>137391</v>
      </c>
      <c r="H40078" s="1" t="s">
        <v>137392</v>
      </c>
      <c r="I40078" s="1" t="s">
        <v>135900</v>
      </c>
      <c r="J40078" s="1" t="s">
        <v>137441</v>
      </c>
    </row>
    <row r="40079" spans="1:10" x14ac:dyDescent="0.35">
      <c r="A40079" s="1" t="s">
        <v>4447</v>
      </c>
      <c r="B40079" s="1" t="s">
        <v>135894</v>
      </c>
      <c r="C40079" s="1" t="s">
        <v>85</v>
      </c>
      <c r="D40079" s="1" t="s">
        <v>137442</v>
      </c>
      <c r="E40079" s="1" t="s">
        <v>137443</v>
      </c>
      <c r="F40079" s="1" t="s">
        <v>137444</v>
      </c>
      <c r="G40079" s="1" t="s">
        <v>137391</v>
      </c>
      <c r="H40079" s="1" t="s">
        <v>137392</v>
      </c>
      <c r="I40079" s="1" t="s">
        <v>135900</v>
      </c>
      <c r="J40079" s="1" t="s">
        <v>137445</v>
      </c>
    </row>
    <row r="40080" spans="1:10" x14ac:dyDescent="0.35">
      <c r="A40080" s="1" t="s">
        <v>4447</v>
      </c>
      <c r="B40080" s="1" t="s">
        <v>135894</v>
      </c>
      <c r="C40080" s="1" t="s">
        <v>90</v>
      </c>
      <c r="D40080" s="1" t="s">
        <v>19253</v>
      </c>
      <c r="E40080" s="1" t="s">
        <v>137446</v>
      </c>
      <c r="F40080" s="1" t="s">
        <v>137447</v>
      </c>
      <c r="G40080" s="1" t="s">
        <v>137391</v>
      </c>
      <c r="H40080" s="1" t="s">
        <v>137392</v>
      </c>
      <c r="I40080" s="1" t="s">
        <v>135900</v>
      </c>
      <c r="J40080" s="1" t="s">
        <v>137448</v>
      </c>
    </row>
    <row r="40081" spans="1:10" x14ac:dyDescent="0.35">
      <c r="A40081" s="1" t="s">
        <v>4447</v>
      </c>
      <c r="B40081" s="1" t="s">
        <v>135894</v>
      </c>
      <c r="C40081" s="1" t="s">
        <v>95</v>
      </c>
      <c r="D40081" s="1" t="s">
        <v>7400</v>
      </c>
      <c r="E40081" s="1" t="s">
        <v>137449</v>
      </c>
      <c r="F40081" s="1" t="s">
        <v>137450</v>
      </c>
      <c r="G40081" s="1" t="s">
        <v>137391</v>
      </c>
      <c r="H40081" s="1" t="s">
        <v>137392</v>
      </c>
      <c r="I40081" s="1" t="s">
        <v>135900</v>
      </c>
      <c r="J40081" s="1" t="s">
        <v>137451</v>
      </c>
    </row>
    <row r="40082" spans="1:10" x14ac:dyDescent="0.35">
      <c r="A40082" s="1" t="s">
        <v>4447</v>
      </c>
      <c r="B40082" s="1" t="s">
        <v>135894</v>
      </c>
      <c r="C40082" s="1" t="s">
        <v>100</v>
      </c>
      <c r="D40082" s="1" t="s">
        <v>80967</v>
      </c>
      <c r="E40082" s="1" t="s">
        <v>137452</v>
      </c>
      <c r="F40082" s="1" t="s">
        <v>137453</v>
      </c>
      <c r="G40082" s="1" t="s">
        <v>137391</v>
      </c>
      <c r="H40082" s="1" t="s">
        <v>137392</v>
      </c>
      <c r="I40082" s="1" t="s">
        <v>135900</v>
      </c>
      <c r="J40082" s="1" t="s">
        <v>137454</v>
      </c>
    </row>
    <row r="40083" spans="1:10" x14ac:dyDescent="0.35">
      <c r="A40083" s="1" t="s">
        <v>4447</v>
      </c>
      <c r="B40083" s="1" t="s">
        <v>135894</v>
      </c>
      <c r="C40083" s="1" t="s">
        <v>105</v>
      </c>
      <c r="D40083" s="1" t="s">
        <v>57343</v>
      </c>
      <c r="E40083" s="1" t="s">
        <v>137455</v>
      </c>
      <c r="F40083" s="1" t="s">
        <v>137456</v>
      </c>
      <c r="G40083" s="1" t="s">
        <v>137391</v>
      </c>
      <c r="H40083" s="1" t="s">
        <v>137392</v>
      </c>
      <c r="I40083" s="1" t="s">
        <v>135900</v>
      </c>
      <c r="J40083" s="1" t="s">
        <v>137457</v>
      </c>
    </row>
    <row r="40084" spans="1:10" x14ac:dyDescent="0.35">
      <c r="A40084" s="1" t="s">
        <v>4447</v>
      </c>
      <c r="B40084" s="1" t="s">
        <v>135894</v>
      </c>
      <c r="C40084" s="1" t="s">
        <v>110</v>
      </c>
      <c r="D40084" s="1" t="s">
        <v>69127</v>
      </c>
      <c r="E40084" s="1" t="s">
        <v>137458</v>
      </c>
      <c r="F40084" s="1" t="s">
        <v>137459</v>
      </c>
      <c r="G40084" s="1" t="s">
        <v>137391</v>
      </c>
      <c r="H40084" s="1" t="s">
        <v>137392</v>
      </c>
      <c r="I40084" s="1" t="s">
        <v>135900</v>
      </c>
      <c r="J40084" s="1" t="s">
        <v>137460</v>
      </c>
    </row>
    <row r="40085" spans="1:10" x14ac:dyDescent="0.35">
      <c r="A40085" s="1" t="s">
        <v>4447</v>
      </c>
      <c r="B40085" s="1" t="s">
        <v>135894</v>
      </c>
      <c r="C40085" s="1" t="s">
        <v>115</v>
      </c>
      <c r="D40085" s="1" t="s">
        <v>137461</v>
      </c>
      <c r="E40085" s="1" t="s">
        <v>137462</v>
      </c>
      <c r="F40085" s="1" t="s">
        <v>137463</v>
      </c>
      <c r="G40085" s="1" t="s">
        <v>137391</v>
      </c>
      <c r="H40085" s="1" t="s">
        <v>137392</v>
      </c>
      <c r="I40085" s="1" t="s">
        <v>135900</v>
      </c>
      <c r="J40085" s="1" t="s">
        <v>137464</v>
      </c>
    </row>
    <row r="40086" spans="1:10" x14ac:dyDescent="0.35">
      <c r="A40086" s="1" t="s">
        <v>4447</v>
      </c>
      <c r="B40086" s="1" t="s">
        <v>135894</v>
      </c>
      <c r="C40086" s="1" t="s">
        <v>120</v>
      </c>
      <c r="D40086" s="1" t="s">
        <v>70255</v>
      </c>
      <c r="E40086" s="1" t="s">
        <v>137465</v>
      </c>
      <c r="F40086" s="1" t="s">
        <v>137466</v>
      </c>
      <c r="G40086" s="1" t="s">
        <v>137391</v>
      </c>
      <c r="H40086" s="1" t="s">
        <v>137392</v>
      </c>
      <c r="I40086" s="1" t="s">
        <v>135900</v>
      </c>
      <c r="J40086" s="1" t="s">
        <v>137467</v>
      </c>
    </row>
    <row r="40087" spans="1:10" x14ac:dyDescent="0.35">
      <c r="A40087" s="1" t="s">
        <v>4447</v>
      </c>
      <c r="B40087" s="1" t="s">
        <v>135894</v>
      </c>
      <c r="C40087" s="1" t="s">
        <v>125</v>
      </c>
      <c r="D40087" s="1" t="s">
        <v>137468</v>
      </c>
      <c r="E40087" s="1" t="s">
        <v>137469</v>
      </c>
      <c r="F40087" s="1" t="s">
        <v>137470</v>
      </c>
      <c r="G40087" s="1" t="s">
        <v>137391</v>
      </c>
      <c r="H40087" s="1" t="s">
        <v>137392</v>
      </c>
      <c r="I40087" s="1" t="s">
        <v>135900</v>
      </c>
      <c r="J40087" s="1" t="s">
        <v>137471</v>
      </c>
    </row>
    <row r="40088" spans="1:10" x14ac:dyDescent="0.35">
      <c r="A40088" s="1" t="s">
        <v>4447</v>
      </c>
      <c r="B40088" s="1" t="s">
        <v>135894</v>
      </c>
      <c r="C40088" s="1" t="s">
        <v>130</v>
      </c>
      <c r="D40088" s="1" t="s">
        <v>137472</v>
      </c>
      <c r="E40088" s="1" t="s">
        <v>137473</v>
      </c>
      <c r="F40088" s="1" t="s">
        <v>137474</v>
      </c>
      <c r="G40088" s="1" t="s">
        <v>137391</v>
      </c>
      <c r="H40088" s="1" t="s">
        <v>137392</v>
      </c>
      <c r="I40088" s="1" t="s">
        <v>135900</v>
      </c>
      <c r="J40088" s="1" t="s">
        <v>137475</v>
      </c>
    </row>
    <row r="40089" spans="1:10" x14ac:dyDescent="0.35">
      <c r="A40089" s="1" t="s">
        <v>4447</v>
      </c>
      <c r="B40089" s="1" t="s">
        <v>135894</v>
      </c>
      <c r="C40089" s="1" t="s">
        <v>135</v>
      </c>
      <c r="D40089" s="1" t="s">
        <v>137476</v>
      </c>
      <c r="E40089" s="1" t="s">
        <v>137477</v>
      </c>
      <c r="F40089" s="1" t="s">
        <v>137478</v>
      </c>
      <c r="G40089" s="1" t="s">
        <v>137391</v>
      </c>
      <c r="H40089" s="1" t="s">
        <v>137392</v>
      </c>
      <c r="I40089" s="1" t="s">
        <v>135900</v>
      </c>
      <c r="J40089" s="1" t="s">
        <v>137479</v>
      </c>
    </row>
    <row r="40090" spans="1:10" x14ac:dyDescent="0.35">
      <c r="A40090" s="1" t="s">
        <v>4447</v>
      </c>
      <c r="B40090" s="1" t="s">
        <v>135894</v>
      </c>
      <c r="C40090" s="1" t="s">
        <v>140</v>
      </c>
      <c r="D40090" s="1" t="s">
        <v>137480</v>
      </c>
      <c r="E40090" s="1" t="s">
        <v>137481</v>
      </c>
      <c r="F40090" s="1" t="s">
        <v>137482</v>
      </c>
      <c r="G40090" s="1" t="s">
        <v>137391</v>
      </c>
      <c r="H40090" s="1" t="s">
        <v>137392</v>
      </c>
      <c r="I40090" s="1" t="s">
        <v>135900</v>
      </c>
      <c r="J40090" s="1" t="s">
        <v>137483</v>
      </c>
    </row>
    <row r="40091" spans="1:10" x14ac:dyDescent="0.35">
      <c r="A40091" s="1" t="s">
        <v>4447</v>
      </c>
      <c r="B40091" s="1" t="s">
        <v>135894</v>
      </c>
      <c r="C40091" s="1" t="s">
        <v>145</v>
      </c>
      <c r="D40091" s="1" t="s">
        <v>479</v>
      </c>
      <c r="E40091" s="1" t="s">
        <v>137484</v>
      </c>
      <c r="F40091" s="1" t="s">
        <v>137485</v>
      </c>
      <c r="G40091" s="1" t="s">
        <v>137391</v>
      </c>
      <c r="H40091" s="1" t="s">
        <v>137392</v>
      </c>
      <c r="I40091" s="1" t="s">
        <v>135900</v>
      </c>
      <c r="J40091" s="1" t="s">
        <v>137486</v>
      </c>
    </row>
    <row r="40092" spans="1:10" x14ac:dyDescent="0.35">
      <c r="A40092" s="1" t="s">
        <v>4447</v>
      </c>
      <c r="B40092" s="1" t="s">
        <v>135894</v>
      </c>
      <c r="C40092" s="1" t="s">
        <v>150</v>
      </c>
      <c r="D40092" s="1" t="s">
        <v>122575</v>
      </c>
      <c r="E40092" s="1" t="s">
        <v>137487</v>
      </c>
      <c r="F40092" s="1" t="s">
        <v>137488</v>
      </c>
      <c r="G40092" s="1" t="s">
        <v>137391</v>
      </c>
      <c r="H40092" s="1" t="s">
        <v>137392</v>
      </c>
      <c r="I40092" s="1" t="s">
        <v>135900</v>
      </c>
      <c r="J40092" s="1" t="s">
        <v>137489</v>
      </c>
    </row>
    <row r="40093" spans="1:10" x14ac:dyDescent="0.35">
      <c r="A40093" s="1" t="s">
        <v>4447</v>
      </c>
      <c r="B40093" s="1" t="s">
        <v>135894</v>
      </c>
      <c r="C40093" s="1" t="s">
        <v>155</v>
      </c>
      <c r="D40093" s="1" t="s">
        <v>137490</v>
      </c>
      <c r="E40093" s="1" t="s">
        <v>137491</v>
      </c>
      <c r="F40093" s="1" t="s">
        <v>137492</v>
      </c>
      <c r="G40093" s="1" t="s">
        <v>137391</v>
      </c>
      <c r="H40093" s="1" t="s">
        <v>137392</v>
      </c>
      <c r="I40093" s="1" t="s">
        <v>135900</v>
      </c>
      <c r="J40093" s="1" t="s">
        <v>137493</v>
      </c>
    </row>
    <row r="40094" spans="1:10" x14ac:dyDescent="0.35">
      <c r="A40094" s="1" t="s">
        <v>4447</v>
      </c>
      <c r="B40094" s="1" t="s">
        <v>135894</v>
      </c>
      <c r="C40094" s="1" t="s">
        <v>160</v>
      </c>
      <c r="D40094" s="1" t="s">
        <v>41779</v>
      </c>
      <c r="E40094" s="1" t="s">
        <v>137494</v>
      </c>
      <c r="F40094" s="1" t="s">
        <v>137495</v>
      </c>
      <c r="G40094" s="1" t="s">
        <v>137391</v>
      </c>
      <c r="H40094" s="1" t="s">
        <v>137392</v>
      </c>
      <c r="I40094" s="1" t="s">
        <v>135900</v>
      </c>
      <c r="J40094" s="1" t="s">
        <v>137496</v>
      </c>
    </row>
    <row r="40095" spans="1:10" x14ac:dyDescent="0.35">
      <c r="A40095" s="1" t="s">
        <v>4447</v>
      </c>
      <c r="B40095" s="1" t="s">
        <v>135894</v>
      </c>
      <c r="C40095" s="1" t="s">
        <v>165</v>
      </c>
      <c r="D40095" s="1" t="s">
        <v>137497</v>
      </c>
      <c r="E40095" s="1" t="s">
        <v>137498</v>
      </c>
      <c r="F40095" s="1" t="s">
        <v>137499</v>
      </c>
      <c r="G40095" s="1" t="s">
        <v>137391</v>
      </c>
      <c r="H40095" s="1" t="s">
        <v>137392</v>
      </c>
      <c r="I40095" s="1" t="s">
        <v>135900</v>
      </c>
      <c r="J40095" s="1" t="s">
        <v>137500</v>
      </c>
    </row>
    <row r="40096" spans="1:10" x14ac:dyDescent="0.35">
      <c r="A40096" s="1" t="s">
        <v>4447</v>
      </c>
      <c r="B40096" s="1" t="s">
        <v>135894</v>
      </c>
      <c r="C40096" s="1" t="s">
        <v>170</v>
      </c>
      <c r="D40096" s="1" t="s">
        <v>137501</v>
      </c>
      <c r="E40096" s="1" t="s">
        <v>137502</v>
      </c>
      <c r="F40096" s="1" t="s">
        <v>137503</v>
      </c>
      <c r="G40096" s="1" t="s">
        <v>137391</v>
      </c>
      <c r="H40096" s="1" t="s">
        <v>137392</v>
      </c>
      <c r="I40096" s="1" t="s">
        <v>135900</v>
      </c>
      <c r="J40096" s="1" t="s">
        <v>137504</v>
      </c>
    </row>
    <row r="40097" spans="1:10" x14ac:dyDescent="0.35">
      <c r="A40097" s="1" t="s">
        <v>4451</v>
      </c>
      <c r="B40097" s="1" t="s">
        <v>135894</v>
      </c>
      <c r="C40097" s="1" t="s">
        <v>8</v>
      </c>
      <c r="D40097" s="1" t="s">
        <v>137505</v>
      </c>
      <c r="E40097" s="1" t="s">
        <v>137506</v>
      </c>
      <c r="F40097" s="1" t="s">
        <v>137507</v>
      </c>
      <c r="G40097" s="1" t="s">
        <v>137508</v>
      </c>
      <c r="H40097" s="1" t="s">
        <v>137509</v>
      </c>
      <c r="I40097" s="1" t="s">
        <v>135900</v>
      </c>
      <c r="J40097" s="1" t="s">
        <v>13</v>
      </c>
    </row>
    <row r="40098" spans="1:10" x14ac:dyDescent="0.35">
      <c r="A40098" s="1" t="s">
        <v>4451</v>
      </c>
      <c r="B40098" s="1" t="s">
        <v>135894</v>
      </c>
      <c r="C40098" s="1" t="s">
        <v>15</v>
      </c>
      <c r="D40098" s="1" t="s">
        <v>92831</v>
      </c>
      <c r="E40098" s="1" t="s">
        <v>137510</v>
      </c>
      <c r="F40098" s="1" t="s">
        <v>137511</v>
      </c>
      <c r="G40098" s="1" t="s">
        <v>137508</v>
      </c>
      <c r="H40098" s="1" t="s">
        <v>137509</v>
      </c>
      <c r="I40098" s="1" t="s">
        <v>135900</v>
      </c>
      <c r="J40098" s="1" t="s">
        <v>137512</v>
      </c>
    </row>
    <row r="40099" spans="1:10" x14ac:dyDescent="0.35">
      <c r="A40099" s="1" t="s">
        <v>4451</v>
      </c>
      <c r="B40099" s="1" t="s">
        <v>135894</v>
      </c>
      <c r="C40099" s="1" t="s">
        <v>20</v>
      </c>
      <c r="D40099" s="1" t="s">
        <v>137513</v>
      </c>
      <c r="E40099" s="1" t="s">
        <v>137514</v>
      </c>
      <c r="F40099" s="1" t="s">
        <v>137515</v>
      </c>
      <c r="G40099" s="1" t="s">
        <v>137508</v>
      </c>
      <c r="H40099" s="1" t="s">
        <v>137509</v>
      </c>
      <c r="I40099" s="1" t="s">
        <v>135900</v>
      </c>
      <c r="J40099" s="1" t="s">
        <v>137516</v>
      </c>
    </row>
    <row r="40100" spans="1:10" x14ac:dyDescent="0.35">
      <c r="A40100" s="1" t="s">
        <v>4451</v>
      </c>
      <c r="B40100" s="1" t="s">
        <v>135894</v>
      </c>
      <c r="C40100" s="1" t="s">
        <v>25</v>
      </c>
      <c r="D40100" s="1" t="s">
        <v>59446</v>
      </c>
      <c r="E40100" s="1" t="s">
        <v>137517</v>
      </c>
      <c r="F40100" s="1" t="s">
        <v>137518</v>
      </c>
      <c r="G40100" s="1" t="s">
        <v>137508</v>
      </c>
      <c r="H40100" s="1" t="s">
        <v>137509</v>
      </c>
      <c r="I40100" s="1" t="s">
        <v>135900</v>
      </c>
      <c r="J40100" s="1" t="s">
        <v>137519</v>
      </c>
    </row>
    <row r="40101" spans="1:10" x14ac:dyDescent="0.35">
      <c r="A40101" s="1" t="s">
        <v>4451</v>
      </c>
      <c r="B40101" s="1" t="s">
        <v>135894</v>
      </c>
      <c r="C40101" s="1" t="s">
        <v>30</v>
      </c>
      <c r="D40101" s="1" t="s">
        <v>136624</v>
      </c>
      <c r="E40101" s="1" t="s">
        <v>137520</v>
      </c>
      <c r="F40101" s="1" t="s">
        <v>137521</v>
      </c>
      <c r="G40101" s="1" t="s">
        <v>137508</v>
      </c>
      <c r="H40101" s="1" t="s">
        <v>137509</v>
      </c>
      <c r="I40101" s="1" t="s">
        <v>135900</v>
      </c>
      <c r="J40101" s="1" t="s">
        <v>137522</v>
      </c>
    </row>
    <row r="40102" spans="1:10" x14ac:dyDescent="0.35">
      <c r="A40102" s="1" t="s">
        <v>4451</v>
      </c>
      <c r="B40102" s="1" t="s">
        <v>135894</v>
      </c>
      <c r="C40102" s="1" t="s">
        <v>35</v>
      </c>
      <c r="D40102" s="1" t="s">
        <v>100498</v>
      </c>
      <c r="E40102" s="1" t="s">
        <v>137523</v>
      </c>
      <c r="F40102" s="1" t="s">
        <v>137524</v>
      </c>
      <c r="G40102" s="1" t="s">
        <v>137508</v>
      </c>
      <c r="H40102" s="1" t="s">
        <v>137509</v>
      </c>
      <c r="I40102" s="1" t="s">
        <v>135900</v>
      </c>
      <c r="J40102" s="1" t="s">
        <v>137525</v>
      </c>
    </row>
    <row r="40103" spans="1:10" x14ac:dyDescent="0.35">
      <c r="A40103" s="1" t="s">
        <v>4451</v>
      </c>
      <c r="B40103" s="1" t="s">
        <v>135894</v>
      </c>
      <c r="C40103" s="1" t="s">
        <v>40</v>
      </c>
      <c r="D40103" s="1" t="s">
        <v>5290</v>
      </c>
      <c r="E40103" s="1" t="s">
        <v>137526</v>
      </c>
      <c r="F40103" s="1" t="s">
        <v>137527</v>
      </c>
      <c r="G40103" s="1" t="s">
        <v>137508</v>
      </c>
      <c r="H40103" s="1" t="s">
        <v>137509</v>
      </c>
      <c r="I40103" s="1" t="s">
        <v>135900</v>
      </c>
      <c r="J40103" s="1" t="s">
        <v>137528</v>
      </c>
    </row>
    <row r="40104" spans="1:10" x14ac:dyDescent="0.35">
      <c r="A40104" s="1" t="s">
        <v>4451</v>
      </c>
      <c r="B40104" s="1" t="s">
        <v>135894</v>
      </c>
      <c r="C40104" s="1" t="s">
        <v>45</v>
      </c>
      <c r="D40104" s="1" t="s">
        <v>56885</v>
      </c>
      <c r="E40104" s="1" t="s">
        <v>137529</v>
      </c>
      <c r="F40104" s="1" t="s">
        <v>137530</v>
      </c>
      <c r="G40104" s="1" t="s">
        <v>137508</v>
      </c>
      <c r="H40104" s="1" t="s">
        <v>137509</v>
      </c>
      <c r="I40104" s="1" t="s">
        <v>135900</v>
      </c>
      <c r="J40104" s="1" t="s">
        <v>137531</v>
      </c>
    </row>
    <row r="40105" spans="1:10" x14ac:dyDescent="0.35">
      <c r="A40105" s="1" t="s">
        <v>4451</v>
      </c>
      <c r="B40105" s="1" t="s">
        <v>135894</v>
      </c>
      <c r="C40105" s="1" t="s">
        <v>50</v>
      </c>
      <c r="D40105" s="1" t="s">
        <v>101920</v>
      </c>
      <c r="E40105" s="1" t="s">
        <v>137532</v>
      </c>
      <c r="F40105" s="1" t="s">
        <v>137533</v>
      </c>
      <c r="G40105" s="1" t="s">
        <v>137508</v>
      </c>
      <c r="H40105" s="1" t="s">
        <v>137509</v>
      </c>
      <c r="I40105" s="1" t="s">
        <v>135900</v>
      </c>
      <c r="J40105" s="1" t="s">
        <v>137534</v>
      </c>
    </row>
    <row r="40106" spans="1:10" x14ac:dyDescent="0.35">
      <c r="A40106" s="1" t="s">
        <v>4451</v>
      </c>
      <c r="B40106" s="1" t="s">
        <v>135894</v>
      </c>
      <c r="C40106" s="1" t="s">
        <v>55</v>
      </c>
      <c r="D40106" s="1" t="s">
        <v>137535</v>
      </c>
      <c r="E40106" s="1" t="s">
        <v>137536</v>
      </c>
      <c r="F40106" s="1" t="s">
        <v>137537</v>
      </c>
      <c r="G40106" s="1" t="s">
        <v>137508</v>
      </c>
      <c r="H40106" s="1" t="s">
        <v>137509</v>
      </c>
      <c r="I40106" s="1" t="s">
        <v>135900</v>
      </c>
      <c r="J40106" s="1" t="s">
        <v>137538</v>
      </c>
    </row>
    <row r="40107" spans="1:10" x14ac:dyDescent="0.35">
      <c r="A40107" s="1" t="s">
        <v>4451</v>
      </c>
      <c r="B40107" s="1" t="s">
        <v>135894</v>
      </c>
      <c r="C40107" s="1" t="s">
        <v>60</v>
      </c>
      <c r="D40107" s="1" t="s">
        <v>66874</v>
      </c>
      <c r="E40107" s="1" t="s">
        <v>137539</v>
      </c>
      <c r="F40107" s="1" t="s">
        <v>137540</v>
      </c>
      <c r="G40107" s="1" t="s">
        <v>137508</v>
      </c>
      <c r="H40107" s="1" t="s">
        <v>137509</v>
      </c>
      <c r="I40107" s="1" t="s">
        <v>135900</v>
      </c>
      <c r="J40107" s="1" t="s">
        <v>137541</v>
      </c>
    </row>
    <row r="40108" spans="1:10" x14ac:dyDescent="0.35">
      <c r="A40108" s="1" t="s">
        <v>4451</v>
      </c>
      <c r="B40108" s="1" t="s">
        <v>135894</v>
      </c>
      <c r="C40108" s="1" t="s">
        <v>65</v>
      </c>
      <c r="D40108" s="1" t="s">
        <v>70041</v>
      </c>
      <c r="E40108" s="1" t="s">
        <v>137542</v>
      </c>
      <c r="F40108" s="1" t="s">
        <v>137543</v>
      </c>
      <c r="G40108" s="1" t="s">
        <v>137508</v>
      </c>
      <c r="H40108" s="1" t="s">
        <v>137509</v>
      </c>
      <c r="I40108" s="1" t="s">
        <v>135900</v>
      </c>
      <c r="J40108" s="1" t="s">
        <v>137544</v>
      </c>
    </row>
    <row r="40109" spans="1:10" x14ac:dyDescent="0.35">
      <c r="A40109" s="1" t="s">
        <v>4451</v>
      </c>
      <c r="B40109" s="1" t="s">
        <v>135894</v>
      </c>
      <c r="C40109" s="1" t="s">
        <v>70</v>
      </c>
      <c r="D40109" s="1" t="s">
        <v>59801</v>
      </c>
      <c r="E40109" s="1" t="s">
        <v>137545</v>
      </c>
      <c r="F40109" s="1" t="s">
        <v>137546</v>
      </c>
      <c r="G40109" s="1" t="s">
        <v>137508</v>
      </c>
      <c r="H40109" s="1" t="s">
        <v>137509</v>
      </c>
      <c r="I40109" s="1" t="s">
        <v>135900</v>
      </c>
      <c r="J40109" s="1" t="s">
        <v>137547</v>
      </c>
    </row>
    <row r="40110" spans="1:10" x14ac:dyDescent="0.35">
      <c r="A40110" s="1" t="s">
        <v>4451</v>
      </c>
      <c r="B40110" s="1" t="s">
        <v>135894</v>
      </c>
      <c r="C40110" s="1" t="s">
        <v>75</v>
      </c>
      <c r="D40110" s="1" t="s">
        <v>66787</v>
      </c>
      <c r="E40110" s="1" t="s">
        <v>137548</v>
      </c>
      <c r="F40110" s="1" t="s">
        <v>137549</v>
      </c>
      <c r="G40110" s="1" t="s">
        <v>137508</v>
      </c>
      <c r="H40110" s="1" t="s">
        <v>137509</v>
      </c>
      <c r="I40110" s="1" t="s">
        <v>135900</v>
      </c>
      <c r="J40110" s="1" t="s">
        <v>137550</v>
      </c>
    </row>
    <row r="40111" spans="1:10" x14ac:dyDescent="0.35">
      <c r="A40111" s="1" t="s">
        <v>4451</v>
      </c>
      <c r="B40111" s="1" t="s">
        <v>135894</v>
      </c>
      <c r="C40111" s="1" t="s">
        <v>80</v>
      </c>
      <c r="D40111" s="1" t="s">
        <v>56746</v>
      </c>
      <c r="E40111" s="1" t="s">
        <v>137551</v>
      </c>
      <c r="F40111" s="1" t="s">
        <v>137552</v>
      </c>
      <c r="G40111" s="1" t="s">
        <v>137508</v>
      </c>
      <c r="H40111" s="1" t="s">
        <v>137509</v>
      </c>
      <c r="I40111" s="1" t="s">
        <v>135900</v>
      </c>
      <c r="J40111" s="1" t="s">
        <v>137553</v>
      </c>
    </row>
    <row r="40112" spans="1:10" x14ac:dyDescent="0.35">
      <c r="A40112" s="1" t="s">
        <v>4451</v>
      </c>
      <c r="B40112" s="1" t="s">
        <v>135894</v>
      </c>
      <c r="C40112" s="1" t="s">
        <v>85</v>
      </c>
      <c r="D40112" s="1" t="s">
        <v>104028</v>
      </c>
      <c r="E40112" s="1" t="s">
        <v>137554</v>
      </c>
      <c r="F40112" s="1" t="s">
        <v>137555</v>
      </c>
      <c r="G40112" s="1" t="s">
        <v>137508</v>
      </c>
      <c r="H40112" s="1" t="s">
        <v>137509</v>
      </c>
      <c r="I40112" s="1" t="s">
        <v>135900</v>
      </c>
      <c r="J40112" s="1" t="s">
        <v>137556</v>
      </c>
    </row>
    <row r="40113" spans="1:10" x14ac:dyDescent="0.35">
      <c r="A40113" s="1" t="s">
        <v>4451</v>
      </c>
      <c r="B40113" s="1" t="s">
        <v>135894</v>
      </c>
      <c r="C40113" s="1" t="s">
        <v>90</v>
      </c>
      <c r="D40113" s="1" t="s">
        <v>137557</v>
      </c>
      <c r="E40113" s="1" t="s">
        <v>137558</v>
      </c>
      <c r="F40113" s="1" t="s">
        <v>137559</v>
      </c>
      <c r="G40113" s="1" t="s">
        <v>137508</v>
      </c>
      <c r="H40113" s="1" t="s">
        <v>137509</v>
      </c>
      <c r="I40113" s="1" t="s">
        <v>135900</v>
      </c>
      <c r="J40113" s="1" t="s">
        <v>137560</v>
      </c>
    </row>
    <row r="40114" spans="1:10" x14ac:dyDescent="0.35">
      <c r="A40114" s="1" t="s">
        <v>4451</v>
      </c>
      <c r="B40114" s="1" t="s">
        <v>135894</v>
      </c>
      <c r="C40114" s="1" t="s">
        <v>95</v>
      </c>
      <c r="D40114" s="1" t="s">
        <v>130322</v>
      </c>
      <c r="E40114" s="1" t="s">
        <v>137561</v>
      </c>
      <c r="F40114" s="1" t="s">
        <v>137562</v>
      </c>
      <c r="G40114" s="1" t="s">
        <v>137508</v>
      </c>
      <c r="H40114" s="1" t="s">
        <v>137509</v>
      </c>
      <c r="I40114" s="1" t="s">
        <v>135900</v>
      </c>
      <c r="J40114" s="1" t="s">
        <v>137563</v>
      </c>
    </row>
    <row r="40115" spans="1:10" x14ac:dyDescent="0.35">
      <c r="A40115" s="1" t="s">
        <v>4451</v>
      </c>
      <c r="B40115" s="1" t="s">
        <v>135894</v>
      </c>
      <c r="C40115" s="1" t="s">
        <v>100</v>
      </c>
      <c r="D40115" s="1" t="s">
        <v>65869</v>
      </c>
      <c r="E40115" s="1" t="s">
        <v>137564</v>
      </c>
      <c r="F40115" s="1" t="s">
        <v>137565</v>
      </c>
      <c r="G40115" s="1" t="s">
        <v>137508</v>
      </c>
      <c r="H40115" s="1" t="s">
        <v>137509</v>
      </c>
      <c r="I40115" s="1" t="s">
        <v>135900</v>
      </c>
      <c r="J40115" s="1" t="s">
        <v>137566</v>
      </c>
    </row>
    <row r="40116" spans="1:10" x14ac:dyDescent="0.35">
      <c r="A40116" s="1" t="s">
        <v>4451</v>
      </c>
      <c r="B40116" s="1" t="s">
        <v>135894</v>
      </c>
      <c r="C40116" s="1" t="s">
        <v>105</v>
      </c>
      <c r="D40116" s="1" t="s">
        <v>62558</v>
      </c>
      <c r="E40116" s="1" t="s">
        <v>137567</v>
      </c>
      <c r="F40116" s="1" t="s">
        <v>137568</v>
      </c>
      <c r="G40116" s="1" t="s">
        <v>137508</v>
      </c>
      <c r="H40116" s="1" t="s">
        <v>137509</v>
      </c>
      <c r="I40116" s="1" t="s">
        <v>135900</v>
      </c>
      <c r="J40116" s="1" t="s">
        <v>137569</v>
      </c>
    </row>
    <row r="40117" spans="1:10" x14ac:dyDescent="0.35">
      <c r="A40117" s="1" t="s">
        <v>4451</v>
      </c>
      <c r="B40117" s="1" t="s">
        <v>135894</v>
      </c>
      <c r="C40117" s="1" t="s">
        <v>110</v>
      </c>
      <c r="D40117" s="1" t="s">
        <v>101271</v>
      </c>
      <c r="E40117" s="1" t="s">
        <v>137570</v>
      </c>
      <c r="F40117" s="1" t="s">
        <v>137571</v>
      </c>
      <c r="G40117" s="1" t="s">
        <v>137508</v>
      </c>
      <c r="H40117" s="1" t="s">
        <v>137509</v>
      </c>
      <c r="I40117" s="1" t="s">
        <v>135900</v>
      </c>
      <c r="J40117" s="1" t="s">
        <v>137572</v>
      </c>
    </row>
    <row r="40118" spans="1:10" x14ac:dyDescent="0.35">
      <c r="A40118" s="1" t="s">
        <v>4451</v>
      </c>
      <c r="B40118" s="1" t="s">
        <v>135894</v>
      </c>
      <c r="C40118" s="1" t="s">
        <v>115</v>
      </c>
      <c r="D40118" s="1" t="s">
        <v>61866</v>
      </c>
      <c r="E40118" s="1" t="s">
        <v>137573</v>
      </c>
      <c r="F40118" s="1" t="s">
        <v>137574</v>
      </c>
      <c r="G40118" s="1" t="s">
        <v>137508</v>
      </c>
      <c r="H40118" s="1" t="s">
        <v>137509</v>
      </c>
      <c r="I40118" s="1" t="s">
        <v>135900</v>
      </c>
      <c r="J40118" s="1" t="s">
        <v>137575</v>
      </c>
    </row>
    <row r="40119" spans="1:10" x14ac:dyDescent="0.35">
      <c r="A40119" s="1" t="s">
        <v>4451</v>
      </c>
      <c r="B40119" s="1" t="s">
        <v>135894</v>
      </c>
      <c r="C40119" s="1" t="s">
        <v>120</v>
      </c>
      <c r="D40119" s="1" t="s">
        <v>137576</v>
      </c>
      <c r="E40119" s="1" t="s">
        <v>137577</v>
      </c>
      <c r="F40119" s="1" t="s">
        <v>137578</v>
      </c>
      <c r="G40119" s="1" t="s">
        <v>137508</v>
      </c>
      <c r="H40119" s="1" t="s">
        <v>137509</v>
      </c>
      <c r="I40119" s="1" t="s">
        <v>135900</v>
      </c>
      <c r="J40119" s="1" t="s">
        <v>137579</v>
      </c>
    </row>
    <row r="40120" spans="1:10" x14ac:dyDescent="0.35">
      <c r="A40120" s="1" t="s">
        <v>4451</v>
      </c>
      <c r="B40120" s="1" t="s">
        <v>135894</v>
      </c>
      <c r="C40120" s="1" t="s">
        <v>125</v>
      </c>
      <c r="D40120" s="1" t="s">
        <v>137580</v>
      </c>
      <c r="E40120" s="1" t="s">
        <v>137581</v>
      </c>
      <c r="F40120" s="1" t="s">
        <v>137582</v>
      </c>
      <c r="G40120" s="1" t="s">
        <v>137508</v>
      </c>
      <c r="H40120" s="1" t="s">
        <v>137509</v>
      </c>
      <c r="I40120" s="1" t="s">
        <v>135900</v>
      </c>
      <c r="J40120" s="1" t="s">
        <v>137583</v>
      </c>
    </row>
    <row r="40121" spans="1:10" x14ac:dyDescent="0.35">
      <c r="A40121" s="1" t="s">
        <v>4451</v>
      </c>
      <c r="B40121" s="1" t="s">
        <v>135894</v>
      </c>
      <c r="C40121" s="1" t="s">
        <v>130</v>
      </c>
      <c r="D40121" s="1" t="s">
        <v>137584</v>
      </c>
      <c r="E40121" s="1" t="s">
        <v>137585</v>
      </c>
      <c r="F40121" s="1" t="s">
        <v>137586</v>
      </c>
      <c r="G40121" s="1" t="s">
        <v>137508</v>
      </c>
      <c r="H40121" s="1" t="s">
        <v>137509</v>
      </c>
      <c r="I40121" s="1" t="s">
        <v>135900</v>
      </c>
      <c r="J40121" s="1" t="s">
        <v>137587</v>
      </c>
    </row>
    <row r="40122" spans="1:10" x14ac:dyDescent="0.35">
      <c r="A40122" s="1" t="s">
        <v>4451</v>
      </c>
      <c r="B40122" s="1" t="s">
        <v>135894</v>
      </c>
      <c r="C40122" s="1" t="s">
        <v>135</v>
      </c>
      <c r="D40122" s="1" t="s">
        <v>20813</v>
      </c>
      <c r="E40122" s="1" t="s">
        <v>137588</v>
      </c>
      <c r="F40122" s="1" t="s">
        <v>137589</v>
      </c>
      <c r="G40122" s="1" t="s">
        <v>137508</v>
      </c>
      <c r="H40122" s="1" t="s">
        <v>137509</v>
      </c>
      <c r="I40122" s="1" t="s">
        <v>135900</v>
      </c>
      <c r="J40122" s="1" t="s">
        <v>137590</v>
      </c>
    </row>
    <row r="40123" spans="1:10" x14ac:dyDescent="0.35">
      <c r="A40123" s="1" t="s">
        <v>4451</v>
      </c>
      <c r="B40123" s="1" t="s">
        <v>135894</v>
      </c>
      <c r="C40123" s="1" t="s">
        <v>140</v>
      </c>
      <c r="D40123" s="1" t="s">
        <v>137591</v>
      </c>
      <c r="E40123" s="1" t="s">
        <v>137592</v>
      </c>
      <c r="F40123" s="1" t="s">
        <v>137593</v>
      </c>
      <c r="G40123" s="1" t="s">
        <v>137508</v>
      </c>
      <c r="H40123" s="1" t="s">
        <v>137509</v>
      </c>
      <c r="I40123" s="1" t="s">
        <v>135900</v>
      </c>
      <c r="J40123" s="1" t="s">
        <v>137594</v>
      </c>
    </row>
    <row r="40124" spans="1:10" x14ac:dyDescent="0.35">
      <c r="A40124" s="1" t="s">
        <v>4451</v>
      </c>
      <c r="B40124" s="1" t="s">
        <v>135894</v>
      </c>
      <c r="C40124" s="1" t="s">
        <v>145</v>
      </c>
      <c r="D40124" s="1" t="s">
        <v>129494</v>
      </c>
      <c r="E40124" s="1" t="s">
        <v>137595</v>
      </c>
      <c r="F40124" s="1" t="s">
        <v>137596</v>
      </c>
      <c r="G40124" s="1" t="s">
        <v>137508</v>
      </c>
      <c r="H40124" s="1" t="s">
        <v>137509</v>
      </c>
      <c r="I40124" s="1" t="s">
        <v>135900</v>
      </c>
      <c r="J40124" s="1" t="s">
        <v>137597</v>
      </c>
    </row>
    <row r="40125" spans="1:10" x14ac:dyDescent="0.35">
      <c r="A40125" s="1" t="s">
        <v>4451</v>
      </c>
      <c r="B40125" s="1" t="s">
        <v>135894</v>
      </c>
      <c r="C40125" s="1" t="s">
        <v>150</v>
      </c>
      <c r="D40125" s="1" t="s">
        <v>137598</v>
      </c>
      <c r="E40125" s="1" t="s">
        <v>137599</v>
      </c>
      <c r="F40125" s="1" t="s">
        <v>137600</v>
      </c>
      <c r="G40125" s="1" t="s">
        <v>137508</v>
      </c>
      <c r="H40125" s="1" t="s">
        <v>137509</v>
      </c>
      <c r="I40125" s="1" t="s">
        <v>135900</v>
      </c>
      <c r="J40125" s="1" t="s">
        <v>137601</v>
      </c>
    </row>
    <row r="40126" spans="1:10" x14ac:dyDescent="0.35">
      <c r="A40126" s="1" t="s">
        <v>4451</v>
      </c>
      <c r="B40126" s="1" t="s">
        <v>135894</v>
      </c>
      <c r="C40126" s="1" t="s">
        <v>155</v>
      </c>
      <c r="D40126" s="1" t="s">
        <v>55254</v>
      </c>
      <c r="E40126" s="1" t="s">
        <v>137602</v>
      </c>
      <c r="F40126" s="1" t="s">
        <v>137603</v>
      </c>
      <c r="G40126" s="1" t="s">
        <v>137508</v>
      </c>
      <c r="H40126" s="1" t="s">
        <v>137509</v>
      </c>
      <c r="I40126" s="1" t="s">
        <v>135900</v>
      </c>
      <c r="J40126" s="1" t="s">
        <v>137604</v>
      </c>
    </row>
    <row r="40127" spans="1:10" x14ac:dyDescent="0.35">
      <c r="A40127" s="1" t="s">
        <v>4451</v>
      </c>
      <c r="B40127" s="1" t="s">
        <v>135894</v>
      </c>
      <c r="C40127" s="1" t="s">
        <v>160</v>
      </c>
      <c r="D40127" s="1" t="s">
        <v>137605</v>
      </c>
      <c r="E40127" s="1" t="s">
        <v>137606</v>
      </c>
      <c r="F40127" s="1" t="s">
        <v>137607</v>
      </c>
      <c r="G40127" s="1" t="s">
        <v>137508</v>
      </c>
      <c r="H40127" s="1" t="s">
        <v>137509</v>
      </c>
      <c r="I40127" s="1" t="s">
        <v>135900</v>
      </c>
      <c r="J40127" s="1" t="s">
        <v>137608</v>
      </c>
    </row>
    <row r="40128" spans="1:10" x14ac:dyDescent="0.35">
      <c r="A40128" s="1" t="s">
        <v>4451</v>
      </c>
      <c r="B40128" s="1" t="s">
        <v>135894</v>
      </c>
      <c r="C40128" s="1" t="s">
        <v>165</v>
      </c>
      <c r="D40128" s="1" t="s">
        <v>58529</v>
      </c>
      <c r="E40128" s="1" t="s">
        <v>137609</v>
      </c>
      <c r="F40128" s="1" t="s">
        <v>137610</v>
      </c>
      <c r="G40128" s="1" t="s">
        <v>137508</v>
      </c>
      <c r="H40128" s="1" t="s">
        <v>137509</v>
      </c>
      <c r="I40128" s="1" t="s">
        <v>135900</v>
      </c>
      <c r="J40128" s="1" t="s">
        <v>137611</v>
      </c>
    </row>
    <row r="40129" spans="1:10" x14ac:dyDescent="0.35">
      <c r="A40129" s="1" t="s">
        <v>4451</v>
      </c>
      <c r="B40129" s="1" t="s">
        <v>135894</v>
      </c>
      <c r="C40129" s="1" t="s">
        <v>170</v>
      </c>
      <c r="D40129" s="1" t="s">
        <v>137612</v>
      </c>
      <c r="E40129" s="1" t="s">
        <v>137613</v>
      </c>
      <c r="F40129" s="1" t="s">
        <v>137614</v>
      </c>
      <c r="G40129" s="1" t="s">
        <v>137508</v>
      </c>
      <c r="H40129" s="1" t="s">
        <v>137509</v>
      </c>
      <c r="I40129" s="1" t="s">
        <v>135900</v>
      </c>
      <c r="J40129" s="1" t="s">
        <v>137615</v>
      </c>
    </row>
    <row r="40130" spans="1:10" x14ac:dyDescent="0.35">
      <c r="A40130" s="1" t="s">
        <v>1973</v>
      </c>
      <c r="B40130" s="1" t="s">
        <v>135894</v>
      </c>
      <c r="C40130" s="1" t="s">
        <v>8</v>
      </c>
      <c r="D40130" s="1" t="s">
        <v>137616</v>
      </c>
      <c r="E40130" s="1" t="s">
        <v>137617</v>
      </c>
      <c r="F40130" s="1" t="s">
        <v>137618</v>
      </c>
      <c r="G40130" s="1" t="s">
        <v>137619</v>
      </c>
      <c r="H40130" s="1" t="s">
        <v>137620</v>
      </c>
      <c r="I40130" s="1" t="s">
        <v>135900</v>
      </c>
      <c r="J40130" s="1" t="s">
        <v>13</v>
      </c>
    </row>
    <row r="40131" spans="1:10" x14ac:dyDescent="0.35">
      <c r="A40131" s="1" t="s">
        <v>1973</v>
      </c>
      <c r="B40131" s="1" t="s">
        <v>135894</v>
      </c>
      <c r="C40131" s="1" t="s">
        <v>15</v>
      </c>
      <c r="D40131" s="1" t="s">
        <v>137621</v>
      </c>
      <c r="E40131" s="1" t="s">
        <v>137622</v>
      </c>
      <c r="F40131" s="1" t="s">
        <v>137623</v>
      </c>
      <c r="G40131" s="1" t="s">
        <v>137619</v>
      </c>
      <c r="H40131" s="1" t="s">
        <v>137620</v>
      </c>
      <c r="I40131" s="1" t="s">
        <v>135900</v>
      </c>
      <c r="J40131" s="1" t="s">
        <v>137624</v>
      </c>
    </row>
    <row r="40132" spans="1:10" x14ac:dyDescent="0.35">
      <c r="A40132" s="1" t="s">
        <v>1973</v>
      </c>
      <c r="B40132" s="1" t="s">
        <v>135894</v>
      </c>
      <c r="C40132" s="1" t="s">
        <v>20</v>
      </c>
      <c r="D40132" s="1" t="s">
        <v>64207</v>
      </c>
      <c r="E40132" s="1" t="s">
        <v>137625</v>
      </c>
      <c r="F40132" s="1" t="s">
        <v>137626</v>
      </c>
      <c r="G40132" s="1" t="s">
        <v>137619</v>
      </c>
      <c r="H40132" s="1" t="s">
        <v>137620</v>
      </c>
      <c r="I40132" s="1" t="s">
        <v>135900</v>
      </c>
      <c r="J40132" s="1" t="s">
        <v>137627</v>
      </c>
    </row>
    <row r="40133" spans="1:10" x14ac:dyDescent="0.35">
      <c r="A40133" s="1" t="s">
        <v>1973</v>
      </c>
      <c r="B40133" s="1" t="s">
        <v>135894</v>
      </c>
      <c r="C40133" s="1" t="s">
        <v>25</v>
      </c>
      <c r="D40133" s="1" t="s">
        <v>103021</v>
      </c>
      <c r="E40133" s="1" t="s">
        <v>137628</v>
      </c>
      <c r="F40133" s="1" t="s">
        <v>137629</v>
      </c>
      <c r="G40133" s="1" t="s">
        <v>137619</v>
      </c>
      <c r="H40133" s="1" t="s">
        <v>137620</v>
      </c>
      <c r="I40133" s="1" t="s">
        <v>135900</v>
      </c>
      <c r="J40133" s="1" t="s">
        <v>137630</v>
      </c>
    </row>
    <row r="40134" spans="1:10" x14ac:dyDescent="0.35">
      <c r="A40134" s="1" t="s">
        <v>1973</v>
      </c>
      <c r="B40134" s="1" t="s">
        <v>135894</v>
      </c>
      <c r="C40134" s="1" t="s">
        <v>30</v>
      </c>
      <c r="D40134" s="1" t="s">
        <v>81432</v>
      </c>
      <c r="E40134" s="1" t="s">
        <v>137631</v>
      </c>
      <c r="F40134" s="1" t="s">
        <v>137632</v>
      </c>
      <c r="G40134" s="1" t="s">
        <v>137619</v>
      </c>
      <c r="H40134" s="1" t="s">
        <v>137620</v>
      </c>
      <c r="I40134" s="1" t="s">
        <v>135900</v>
      </c>
      <c r="J40134" s="1" t="s">
        <v>137633</v>
      </c>
    </row>
    <row r="40135" spans="1:10" x14ac:dyDescent="0.35">
      <c r="A40135" s="1" t="s">
        <v>1973</v>
      </c>
      <c r="B40135" s="1" t="s">
        <v>135894</v>
      </c>
      <c r="C40135" s="1" t="s">
        <v>35</v>
      </c>
      <c r="D40135" s="1" t="s">
        <v>66612</v>
      </c>
      <c r="E40135" s="1" t="s">
        <v>137634</v>
      </c>
      <c r="F40135" s="1" t="s">
        <v>137635</v>
      </c>
      <c r="G40135" s="1" t="s">
        <v>137619</v>
      </c>
      <c r="H40135" s="1" t="s">
        <v>137620</v>
      </c>
      <c r="I40135" s="1" t="s">
        <v>135900</v>
      </c>
      <c r="J40135" s="1" t="s">
        <v>137636</v>
      </c>
    </row>
    <row r="40136" spans="1:10" x14ac:dyDescent="0.35">
      <c r="A40136" s="1" t="s">
        <v>1973</v>
      </c>
      <c r="B40136" s="1" t="s">
        <v>135894</v>
      </c>
      <c r="C40136" s="1" t="s">
        <v>40</v>
      </c>
      <c r="D40136" s="1" t="s">
        <v>56412</v>
      </c>
      <c r="E40136" s="1" t="s">
        <v>137637</v>
      </c>
      <c r="F40136" s="1" t="s">
        <v>137638</v>
      </c>
      <c r="G40136" s="1" t="s">
        <v>137619</v>
      </c>
      <c r="H40136" s="1" t="s">
        <v>137620</v>
      </c>
      <c r="I40136" s="1" t="s">
        <v>135900</v>
      </c>
      <c r="J40136" s="1" t="s">
        <v>137639</v>
      </c>
    </row>
    <row r="40137" spans="1:10" x14ac:dyDescent="0.35">
      <c r="A40137" s="1" t="s">
        <v>1973</v>
      </c>
      <c r="B40137" s="1" t="s">
        <v>135894</v>
      </c>
      <c r="C40137" s="1" t="s">
        <v>45</v>
      </c>
      <c r="D40137" s="1" t="s">
        <v>137640</v>
      </c>
      <c r="E40137" s="1" t="s">
        <v>137641</v>
      </c>
      <c r="F40137" s="1" t="s">
        <v>137642</v>
      </c>
      <c r="G40137" s="1" t="s">
        <v>137619</v>
      </c>
      <c r="H40137" s="1" t="s">
        <v>137620</v>
      </c>
      <c r="I40137" s="1" t="s">
        <v>135900</v>
      </c>
      <c r="J40137" s="1" t="s">
        <v>137643</v>
      </c>
    </row>
    <row r="40138" spans="1:10" x14ac:dyDescent="0.35">
      <c r="A40138" s="1" t="s">
        <v>1973</v>
      </c>
      <c r="B40138" s="1" t="s">
        <v>135894</v>
      </c>
      <c r="C40138" s="1" t="s">
        <v>50</v>
      </c>
      <c r="D40138" s="1" t="s">
        <v>94762</v>
      </c>
      <c r="E40138" s="1" t="s">
        <v>137644</v>
      </c>
      <c r="F40138" s="1" t="s">
        <v>137645</v>
      </c>
      <c r="G40138" s="1" t="s">
        <v>137619</v>
      </c>
      <c r="H40138" s="1" t="s">
        <v>137620</v>
      </c>
      <c r="I40138" s="1" t="s">
        <v>135900</v>
      </c>
      <c r="J40138" s="1" t="s">
        <v>137646</v>
      </c>
    </row>
    <row r="40139" spans="1:10" x14ac:dyDescent="0.35">
      <c r="A40139" s="1" t="s">
        <v>1973</v>
      </c>
      <c r="B40139" s="1" t="s">
        <v>135894</v>
      </c>
      <c r="C40139" s="1" t="s">
        <v>55</v>
      </c>
      <c r="D40139" s="1" t="s">
        <v>56424</v>
      </c>
      <c r="E40139" s="1" t="s">
        <v>137647</v>
      </c>
      <c r="F40139" s="1" t="s">
        <v>137648</v>
      </c>
      <c r="G40139" s="1" t="s">
        <v>137619</v>
      </c>
      <c r="H40139" s="1" t="s">
        <v>137620</v>
      </c>
      <c r="I40139" s="1" t="s">
        <v>135900</v>
      </c>
      <c r="J40139" s="1" t="s">
        <v>137649</v>
      </c>
    </row>
    <row r="40140" spans="1:10" x14ac:dyDescent="0.35">
      <c r="A40140" s="1" t="s">
        <v>1973</v>
      </c>
      <c r="B40140" s="1" t="s">
        <v>135894</v>
      </c>
      <c r="C40140" s="1" t="s">
        <v>60</v>
      </c>
      <c r="D40140" s="1" t="s">
        <v>93403</v>
      </c>
      <c r="E40140" s="1" t="s">
        <v>137650</v>
      </c>
      <c r="F40140" s="1" t="s">
        <v>137651</v>
      </c>
      <c r="G40140" s="1" t="s">
        <v>137619</v>
      </c>
      <c r="H40140" s="1" t="s">
        <v>137620</v>
      </c>
      <c r="I40140" s="1" t="s">
        <v>135900</v>
      </c>
      <c r="J40140" s="1" t="s">
        <v>137652</v>
      </c>
    </row>
    <row r="40141" spans="1:10" x14ac:dyDescent="0.35">
      <c r="A40141" s="1" t="s">
        <v>1973</v>
      </c>
      <c r="B40141" s="1" t="s">
        <v>135894</v>
      </c>
      <c r="C40141" s="1" t="s">
        <v>65</v>
      </c>
      <c r="D40141" s="1" t="s">
        <v>109528</v>
      </c>
      <c r="E40141" s="1" t="s">
        <v>137653</v>
      </c>
      <c r="F40141" s="1" t="s">
        <v>137654</v>
      </c>
      <c r="G40141" s="1" t="s">
        <v>137619</v>
      </c>
      <c r="H40141" s="1" t="s">
        <v>137620</v>
      </c>
      <c r="I40141" s="1" t="s">
        <v>135900</v>
      </c>
      <c r="J40141" s="1" t="s">
        <v>137655</v>
      </c>
    </row>
    <row r="40142" spans="1:10" x14ac:dyDescent="0.35">
      <c r="A40142" s="1" t="s">
        <v>1973</v>
      </c>
      <c r="B40142" s="1" t="s">
        <v>135894</v>
      </c>
      <c r="C40142" s="1" t="s">
        <v>70</v>
      </c>
      <c r="D40142" s="1" t="s">
        <v>22551</v>
      </c>
      <c r="E40142" s="1" t="s">
        <v>137656</v>
      </c>
      <c r="F40142" s="1" t="s">
        <v>137657</v>
      </c>
      <c r="G40142" s="1" t="s">
        <v>137619</v>
      </c>
      <c r="H40142" s="1" t="s">
        <v>137620</v>
      </c>
      <c r="I40142" s="1" t="s">
        <v>135900</v>
      </c>
      <c r="J40142" s="1" t="s">
        <v>137658</v>
      </c>
    </row>
    <row r="40143" spans="1:10" x14ac:dyDescent="0.35">
      <c r="A40143" s="1" t="s">
        <v>1973</v>
      </c>
      <c r="B40143" s="1" t="s">
        <v>135894</v>
      </c>
      <c r="C40143" s="1" t="s">
        <v>75</v>
      </c>
      <c r="D40143" s="1" t="s">
        <v>61142</v>
      </c>
      <c r="E40143" s="1" t="s">
        <v>137659</v>
      </c>
      <c r="F40143" s="1" t="s">
        <v>137660</v>
      </c>
      <c r="G40143" s="1" t="s">
        <v>137619</v>
      </c>
      <c r="H40143" s="1" t="s">
        <v>137620</v>
      </c>
      <c r="I40143" s="1" t="s">
        <v>135900</v>
      </c>
      <c r="J40143" s="1" t="s">
        <v>137661</v>
      </c>
    </row>
    <row r="40144" spans="1:10" x14ac:dyDescent="0.35">
      <c r="A40144" s="1" t="s">
        <v>1973</v>
      </c>
      <c r="B40144" s="1" t="s">
        <v>135894</v>
      </c>
      <c r="C40144" s="1" t="s">
        <v>80</v>
      </c>
      <c r="D40144" s="1" t="s">
        <v>137662</v>
      </c>
      <c r="E40144" s="1" t="s">
        <v>137663</v>
      </c>
      <c r="F40144" s="1" t="s">
        <v>137664</v>
      </c>
      <c r="G40144" s="1" t="s">
        <v>137619</v>
      </c>
      <c r="H40144" s="1" t="s">
        <v>137620</v>
      </c>
      <c r="I40144" s="1" t="s">
        <v>135900</v>
      </c>
      <c r="J40144" s="1" t="s">
        <v>137665</v>
      </c>
    </row>
    <row r="40145" spans="1:10" x14ac:dyDescent="0.35">
      <c r="A40145" s="1" t="s">
        <v>1973</v>
      </c>
      <c r="B40145" s="1" t="s">
        <v>135894</v>
      </c>
      <c r="C40145" s="1" t="s">
        <v>85</v>
      </c>
      <c r="D40145" s="1" t="s">
        <v>129936</v>
      </c>
      <c r="E40145" s="1" t="s">
        <v>137666</v>
      </c>
      <c r="F40145" s="1" t="s">
        <v>137667</v>
      </c>
      <c r="G40145" s="1" t="s">
        <v>137619</v>
      </c>
      <c r="H40145" s="1" t="s">
        <v>137620</v>
      </c>
      <c r="I40145" s="1" t="s">
        <v>135900</v>
      </c>
      <c r="J40145" s="1" t="s">
        <v>137668</v>
      </c>
    </row>
    <row r="40146" spans="1:10" x14ac:dyDescent="0.35">
      <c r="A40146" s="1" t="s">
        <v>1973</v>
      </c>
      <c r="B40146" s="1" t="s">
        <v>135894</v>
      </c>
      <c r="C40146" s="1" t="s">
        <v>90</v>
      </c>
      <c r="D40146" s="1" t="s">
        <v>137669</v>
      </c>
      <c r="E40146" s="1" t="s">
        <v>137670</v>
      </c>
      <c r="F40146" s="1" t="s">
        <v>137671</v>
      </c>
      <c r="G40146" s="1" t="s">
        <v>137619</v>
      </c>
      <c r="H40146" s="1" t="s">
        <v>137620</v>
      </c>
      <c r="I40146" s="1" t="s">
        <v>135900</v>
      </c>
      <c r="J40146" s="1" t="s">
        <v>137672</v>
      </c>
    </row>
    <row r="40147" spans="1:10" x14ac:dyDescent="0.35">
      <c r="A40147" s="1" t="s">
        <v>1973</v>
      </c>
      <c r="B40147" s="1" t="s">
        <v>135894</v>
      </c>
      <c r="C40147" s="1" t="s">
        <v>95</v>
      </c>
      <c r="D40147" s="1" t="s">
        <v>137673</v>
      </c>
      <c r="E40147" s="1" t="s">
        <v>137674</v>
      </c>
      <c r="F40147" s="1" t="s">
        <v>137675</v>
      </c>
      <c r="G40147" s="1" t="s">
        <v>137619</v>
      </c>
      <c r="H40147" s="1" t="s">
        <v>137620</v>
      </c>
      <c r="I40147" s="1" t="s">
        <v>135900</v>
      </c>
      <c r="J40147" s="1" t="s">
        <v>137676</v>
      </c>
    </row>
    <row r="40148" spans="1:10" x14ac:dyDescent="0.35">
      <c r="A40148" s="1" t="s">
        <v>1973</v>
      </c>
      <c r="B40148" s="1" t="s">
        <v>135894</v>
      </c>
      <c r="C40148" s="1" t="s">
        <v>100</v>
      </c>
      <c r="D40148" s="1" t="s">
        <v>79078</v>
      </c>
      <c r="E40148" s="1" t="s">
        <v>137677</v>
      </c>
      <c r="F40148" s="1" t="s">
        <v>137678</v>
      </c>
      <c r="G40148" s="1" t="s">
        <v>137619</v>
      </c>
      <c r="H40148" s="1" t="s">
        <v>137620</v>
      </c>
      <c r="I40148" s="1" t="s">
        <v>135900</v>
      </c>
      <c r="J40148" s="1" t="s">
        <v>137679</v>
      </c>
    </row>
    <row r="40149" spans="1:10" x14ac:dyDescent="0.35">
      <c r="A40149" s="1" t="s">
        <v>1973</v>
      </c>
      <c r="B40149" s="1" t="s">
        <v>135894</v>
      </c>
      <c r="C40149" s="1" t="s">
        <v>105</v>
      </c>
      <c r="D40149" s="1" t="s">
        <v>63697</v>
      </c>
      <c r="E40149" s="1" t="s">
        <v>137680</v>
      </c>
      <c r="F40149" s="1" t="s">
        <v>137681</v>
      </c>
      <c r="G40149" s="1" t="s">
        <v>137619</v>
      </c>
      <c r="H40149" s="1" t="s">
        <v>137620</v>
      </c>
      <c r="I40149" s="1" t="s">
        <v>135900</v>
      </c>
      <c r="J40149" s="1" t="s">
        <v>137682</v>
      </c>
    </row>
    <row r="40150" spans="1:10" x14ac:dyDescent="0.35">
      <c r="A40150" s="1" t="s">
        <v>1973</v>
      </c>
      <c r="B40150" s="1" t="s">
        <v>135894</v>
      </c>
      <c r="C40150" s="1" t="s">
        <v>110</v>
      </c>
      <c r="D40150" s="1" t="s">
        <v>137683</v>
      </c>
      <c r="E40150" s="1" t="s">
        <v>137684</v>
      </c>
      <c r="F40150" s="1" t="s">
        <v>137685</v>
      </c>
      <c r="G40150" s="1" t="s">
        <v>137619</v>
      </c>
      <c r="H40150" s="1" t="s">
        <v>137620</v>
      </c>
      <c r="I40150" s="1" t="s">
        <v>135900</v>
      </c>
      <c r="J40150" s="1" t="s">
        <v>137686</v>
      </c>
    </row>
    <row r="40151" spans="1:10" x14ac:dyDescent="0.35">
      <c r="A40151" s="1" t="s">
        <v>1973</v>
      </c>
      <c r="B40151" s="1" t="s">
        <v>135894</v>
      </c>
      <c r="C40151" s="1" t="s">
        <v>115</v>
      </c>
      <c r="D40151" s="1" t="s">
        <v>137687</v>
      </c>
      <c r="E40151" s="1" t="s">
        <v>137688</v>
      </c>
      <c r="F40151" s="1" t="s">
        <v>137689</v>
      </c>
      <c r="G40151" s="1" t="s">
        <v>137619</v>
      </c>
      <c r="H40151" s="1" t="s">
        <v>137620</v>
      </c>
      <c r="I40151" s="1" t="s">
        <v>135900</v>
      </c>
      <c r="J40151" s="1" t="s">
        <v>137690</v>
      </c>
    </row>
    <row r="40152" spans="1:10" x14ac:dyDescent="0.35">
      <c r="A40152" s="1" t="s">
        <v>1973</v>
      </c>
      <c r="B40152" s="1" t="s">
        <v>135894</v>
      </c>
      <c r="C40152" s="1" t="s">
        <v>120</v>
      </c>
      <c r="D40152" s="1" t="s">
        <v>17112</v>
      </c>
      <c r="E40152" s="1" t="s">
        <v>137691</v>
      </c>
      <c r="F40152" s="1" t="s">
        <v>137692</v>
      </c>
      <c r="G40152" s="1" t="s">
        <v>137619</v>
      </c>
      <c r="H40152" s="1" t="s">
        <v>137620</v>
      </c>
      <c r="I40152" s="1" t="s">
        <v>135900</v>
      </c>
      <c r="J40152" s="1" t="s">
        <v>137693</v>
      </c>
    </row>
    <row r="40153" spans="1:10" x14ac:dyDescent="0.35">
      <c r="A40153" s="1" t="s">
        <v>1973</v>
      </c>
      <c r="B40153" s="1" t="s">
        <v>135894</v>
      </c>
      <c r="C40153" s="1" t="s">
        <v>125</v>
      </c>
      <c r="D40153" s="1" t="s">
        <v>131771</v>
      </c>
      <c r="E40153" s="1" t="s">
        <v>137694</v>
      </c>
      <c r="F40153" s="1" t="s">
        <v>137695</v>
      </c>
      <c r="G40153" s="1" t="s">
        <v>137619</v>
      </c>
      <c r="H40153" s="1" t="s">
        <v>137620</v>
      </c>
      <c r="I40153" s="1" t="s">
        <v>135900</v>
      </c>
      <c r="J40153" s="1" t="s">
        <v>137696</v>
      </c>
    </row>
    <row r="40154" spans="1:10" x14ac:dyDescent="0.35">
      <c r="A40154" s="1" t="s">
        <v>1973</v>
      </c>
      <c r="B40154" s="1" t="s">
        <v>135894</v>
      </c>
      <c r="C40154" s="1" t="s">
        <v>130</v>
      </c>
      <c r="D40154" s="1" t="s">
        <v>137697</v>
      </c>
      <c r="E40154" s="1" t="s">
        <v>137698</v>
      </c>
      <c r="F40154" s="1" t="s">
        <v>137699</v>
      </c>
      <c r="G40154" s="1" t="s">
        <v>137619</v>
      </c>
      <c r="H40154" s="1" t="s">
        <v>137620</v>
      </c>
      <c r="I40154" s="1" t="s">
        <v>135900</v>
      </c>
      <c r="J40154" s="1" t="s">
        <v>137700</v>
      </c>
    </row>
    <row r="40155" spans="1:10" x14ac:dyDescent="0.35">
      <c r="A40155" s="1" t="s">
        <v>1973</v>
      </c>
      <c r="B40155" s="1" t="s">
        <v>135894</v>
      </c>
      <c r="C40155" s="1" t="s">
        <v>135</v>
      </c>
      <c r="D40155" s="1" t="s">
        <v>94202</v>
      </c>
      <c r="E40155" s="1" t="s">
        <v>137701</v>
      </c>
      <c r="F40155" s="1" t="s">
        <v>137702</v>
      </c>
      <c r="G40155" s="1" t="s">
        <v>137619</v>
      </c>
      <c r="H40155" s="1" t="s">
        <v>137620</v>
      </c>
      <c r="I40155" s="1" t="s">
        <v>135900</v>
      </c>
      <c r="J40155" s="1" t="s">
        <v>137703</v>
      </c>
    </row>
    <row r="40156" spans="1:10" x14ac:dyDescent="0.35">
      <c r="A40156" s="1" t="s">
        <v>1973</v>
      </c>
      <c r="B40156" s="1" t="s">
        <v>135894</v>
      </c>
      <c r="C40156" s="1" t="s">
        <v>140</v>
      </c>
      <c r="D40156" s="1" t="s">
        <v>69433</v>
      </c>
      <c r="E40156" s="1" t="s">
        <v>137704</v>
      </c>
      <c r="F40156" s="1" t="s">
        <v>137705</v>
      </c>
      <c r="G40156" s="1" t="s">
        <v>137619</v>
      </c>
      <c r="H40156" s="1" t="s">
        <v>137620</v>
      </c>
      <c r="I40156" s="1" t="s">
        <v>135900</v>
      </c>
      <c r="J40156" s="1" t="s">
        <v>137706</v>
      </c>
    </row>
    <row r="40157" spans="1:10" x14ac:dyDescent="0.35">
      <c r="A40157" s="1" t="s">
        <v>1973</v>
      </c>
      <c r="B40157" s="1" t="s">
        <v>135894</v>
      </c>
      <c r="C40157" s="1" t="s">
        <v>145</v>
      </c>
      <c r="D40157" s="1" t="s">
        <v>66895</v>
      </c>
      <c r="E40157" s="1" t="s">
        <v>137707</v>
      </c>
      <c r="F40157" s="1" t="s">
        <v>137708</v>
      </c>
      <c r="G40157" s="1" t="s">
        <v>137619</v>
      </c>
      <c r="H40157" s="1" t="s">
        <v>137620</v>
      </c>
      <c r="I40157" s="1" t="s">
        <v>135900</v>
      </c>
      <c r="J40157" s="1" t="s">
        <v>137709</v>
      </c>
    </row>
    <row r="40158" spans="1:10" x14ac:dyDescent="0.35">
      <c r="A40158" s="1" t="s">
        <v>1973</v>
      </c>
      <c r="B40158" s="1" t="s">
        <v>135894</v>
      </c>
      <c r="C40158" s="1" t="s">
        <v>150</v>
      </c>
      <c r="D40158" s="1" t="s">
        <v>129609</v>
      </c>
      <c r="E40158" s="1" t="s">
        <v>137710</v>
      </c>
      <c r="F40158" s="1" t="s">
        <v>137711</v>
      </c>
      <c r="G40158" s="1" t="s">
        <v>137619</v>
      </c>
      <c r="H40158" s="1" t="s">
        <v>137620</v>
      </c>
      <c r="I40158" s="1" t="s">
        <v>135900</v>
      </c>
      <c r="J40158" s="1" t="s">
        <v>137712</v>
      </c>
    </row>
    <row r="40159" spans="1:10" x14ac:dyDescent="0.35">
      <c r="A40159" s="1" t="s">
        <v>1973</v>
      </c>
      <c r="B40159" s="1" t="s">
        <v>135894</v>
      </c>
      <c r="C40159" s="1" t="s">
        <v>155</v>
      </c>
      <c r="D40159" s="1" t="s">
        <v>137713</v>
      </c>
      <c r="E40159" s="1" t="s">
        <v>137714</v>
      </c>
      <c r="F40159" s="1" t="s">
        <v>137715</v>
      </c>
      <c r="G40159" s="1" t="s">
        <v>137619</v>
      </c>
      <c r="H40159" s="1" t="s">
        <v>137620</v>
      </c>
      <c r="I40159" s="1" t="s">
        <v>135900</v>
      </c>
      <c r="J40159" s="1" t="s">
        <v>137716</v>
      </c>
    </row>
    <row r="40160" spans="1:10" x14ac:dyDescent="0.35">
      <c r="A40160" s="1" t="s">
        <v>1973</v>
      </c>
      <c r="B40160" s="1" t="s">
        <v>135894</v>
      </c>
      <c r="C40160" s="1" t="s">
        <v>160</v>
      </c>
      <c r="D40160" s="1" t="s">
        <v>63839</v>
      </c>
      <c r="E40160" s="1" t="s">
        <v>137717</v>
      </c>
      <c r="F40160" s="1" t="s">
        <v>137718</v>
      </c>
      <c r="G40160" s="1" t="s">
        <v>137619</v>
      </c>
      <c r="H40160" s="1" t="s">
        <v>137620</v>
      </c>
      <c r="I40160" s="1" t="s">
        <v>135900</v>
      </c>
      <c r="J40160" s="1" t="s">
        <v>137719</v>
      </c>
    </row>
    <row r="40161" spans="1:10" x14ac:dyDescent="0.35">
      <c r="A40161" s="1" t="s">
        <v>1973</v>
      </c>
      <c r="B40161" s="1" t="s">
        <v>135894</v>
      </c>
      <c r="C40161" s="1" t="s">
        <v>165</v>
      </c>
      <c r="D40161" s="1" t="s">
        <v>61578</v>
      </c>
      <c r="E40161" s="1" t="s">
        <v>137720</v>
      </c>
      <c r="F40161" s="1" t="s">
        <v>137721</v>
      </c>
      <c r="G40161" s="1" t="s">
        <v>137619</v>
      </c>
      <c r="H40161" s="1" t="s">
        <v>137620</v>
      </c>
      <c r="I40161" s="1" t="s">
        <v>135900</v>
      </c>
      <c r="J40161" s="1" t="s">
        <v>137722</v>
      </c>
    </row>
    <row r="40162" spans="1:10" x14ac:dyDescent="0.35">
      <c r="A40162" s="1" t="s">
        <v>1973</v>
      </c>
      <c r="B40162" s="1" t="s">
        <v>135894</v>
      </c>
      <c r="C40162" s="1" t="s">
        <v>170</v>
      </c>
      <c r="D40162" s="1" t="s">
        <v>137723</v>
      </c>
      <c r="E40162" s="1" t="s">
        <v>137724</v>
      </c>
      <c r="F40162" s="1" t="s">
        <v>137725</v>
      </c>
      <c r="G40162" s="1" t="s">
        <v>137619</v>
      </c>
      <c r="H40162" s="1" t="s">
        <v>137620</v>
      </c>
      <c r="I40162" s="1" t="s">
        <v>135900</v>
      </c>
      <c r="J40162" s="1" t="s">
        <v>137726</v>
      </c>
    </row>
    <row r="40163" spans="1:10" x14ac:dyDescent="0.35">
      <c r="A40163" s="1" t="s">
        <v>52062</v>
      </c>
      <c r="B40163" s="1" t="s">
        <v>135894</v>
      </c>
      <c r="C40163" s="1" t="s">
        <v>8</v>
      </c>
      <c r="D40163" s="1" t="s">
        <v>32354</v>
      </c>
      <c r="E40163" s="1" t="s">
        <v>137727</v>
      </c>
      <c r="F40163" s="1" t="s">
        <v>137728</v>
      </c>
      <c r="G40163" s="1" t="s">
        <v>137729</v>
      </c>
      <c r="H40163" s="1" t="s">
        <v>137730</v>
      </c>
      <c r="I40163" s="1" t="s">
        <v>135900</v>
      </c>
      <c r="J40163" s="1" t="s">
        <v>13</v>
      </c>
    </row>
    <row r="40164" spans="1:10" x14ac:dyDescent="0.35">
      <c r="A40164" s="1" t="s">
        <v>52062</v>
      </c>
      <c r="B40164" s="1" t="s">
        <v>135894</v>
      </c>
      <c r="C40164" s="1" t="s">
        <v>15</v>
      </c>
      <c r="D40164" s="1" t="s">
        <v>88322</v>
      </c>
      <c r="E40164" s="1" t="s">
        <v>137731</v>
      </c>
      <c r="F40164" s="1" t="s">
        <v>137732</v>
      </c>
      <c r="G40164" s="1" t="s">
        <v>137729</v>
      </c>
      <c r="H40164" s="1" t="s">
        <v>137730</v>
      </c>
      <c r="I40164" s="1" t="s">
        <v>135900</v>
      </c>
      <c r="J40164" s="1" t="s">
        <v>137733</v>
      </c>
    </row>
    <row r="40165" spans="1:10" x14ac:dyDescent="0.35">
      <c r="A40165" s="1" t="s">
        <v>52062</v>
      </c>
      <c r="B40165" s="1" t="s">
        <v>135894</v>
      </c>
      <c r="C40165" s="1" t="s">
        <v>20</v>
      </c>
      <c r="D40165" s="1" t="s">
        <v>113966</v>
      </c>
      <c r="E40165" s="1" t="s">
        <v>137734</v>
      </c>
      <c r="F40165" s="1" t="s">
        <v>137735</v>
      </c>
      <c r="G40165" s="1" t="s">
        <v>137729</v>
      </c>
      <c r="H40165" s="1" t="s">
        <v>137730</v>
      </c>
      <c r="I40165" s="1" t="s">
        <v>135900</v>
      </c>
      <c r="J40165" s="1" t="s">
        <v>137736</v>
      </c>
    </row>
    <row r="40166" spans="1:10" x14ac:dyDescent="0.35">
      <c r="A40166" s="1" t="s">
        <v>52062</v>
      </c>
      <c r="B40166" s="1" t="s">
        <v>135894</v>
      </c>
      <c r="C40166" s="1" t="s">
        <v>25</v>
      </c>
      <c r="D40166" s="1" t="s">
        <v>78714</v>
      </c>
      <c r="E40166" s="1" t="s">
        <v>137737</v>
      </c>
      <c r="F40166" s="1" t="s">
        <v>137738</v>
      </c>
      <c r="G40166" s="1" t="s">
        <v>137729</v>
      </c>
      <c r="H40166" s="1" t="s">
        <v>137730</v>
      </c>
      <c r="I40166" s="1" t="s">
        <v>135900</v>
      </c>
      <c r="J40166" s="1" t="s">
        <v>137739</v>
      </c>
    </row>
    <row r="40167" spans="1:10" x14ac:dyDescent="0.35">
      <c r="A40167" s="1" t="s">
        <v>52062</v>
      </c>
      <c r="B40167" s="1" t="s">
        <v>135894</v>
      </c>
      <c r="C40167" s="1" t="s">
        <v>30</v>
      </c>
      <c r="D40167" s="1" t="s">
        <v>91198</v>
      </c>
      <c r="E40167" s="1" t="s">
        <v>137740</v>
      </c>
      <c r="F40167" s="1" t="s">
        <v>137741</v>
      </c>
      <c r="G40167" s="1" t="s">
        <v>137729</v>
      </c>
      <c r="H40167" s="1" t="s">
        <v>137730</v>
      </c>
      <c r="I40167" s="1" t="s">
        <v>135900</v>
      </c>
      <c r="J40167" s="1" t="s">
        <v>137742</v>
      </c>
    </row>
    <row r="40168" spans="1:10" x14ac:dyDescent="0.35">
      <c r="A40168" s="1" t="s">
        <v>52062</v>
      </c>
      <c r="B40168" s="1" t="s">
        <v>135894</v>
      </c>
      <c r="C40168" s="1" t="s">
        <v>35</v>
      </c>
      <c r="D40168" s="1" t="s">
        <v>137743</v>
      </c>
      <c r="E40168" s="1" t="s">
        <v>137744</v>
      </c>
      <c r="F40168" s="1" t="s">
        <v>137745</v>
      </c>
      <c r="G40168" s="1" t="s">
        <v>137729</v>
      </c>
      <c r="H40168" s="1" t="s">
        <v>137730</v>
      </c>
      <c r="I40168" s="1" t="s">
        <v>135900</v>
      </c>
      <c r="J40168" s="1" t="s">
        <v>137746</v>
      </c>
    </row>
    <row r="40169" spans="1:10" x14ac:dyDescent="0.35">
      <c r="A40169" s="1" t="s">
        <v>52062</v>
      </c>
      <c r="B40169" s="1" t="s">
        <v>135894</v>
      </c>
      <c r="C40169" s="1" t="s">
        <v>40</v>
      </c>
      <c r="D40169" s="1" t="s">
        <v>137747</v>
      </c>
      <c r="E40169" s="1" t="s">
        <v>137748</v>
      </c>
      <c r="F40169" s="1" t="s">
        <v>137749</v>
      </c>
      <c r="G40169" s="1" t="s">
        <v>137729</v>
      </c>
      <c r="H40169" s="1" t="s">
        <v>137730</v>
      </c>
      <c r="I40169" s="1" t="s">
        <v>135900</v>
      </c>
      <c r="J40169" s="1" t="s">
        <v>137750</v>
      </c>
    </row>
    <row r="40170" spans="1:10" x14ac:dyDescent="0.35">
      <c r="A40170" s="1" t="s">
        <v>52062</v>
      </c>
      <c r="B40170" s="1" t="s">
        <v>135894</v>
      </c>
      <c r="C40170" s="1" t="s">
        <v>45</v>
      </c>
      <c r="D40170" s="1" t="s">
        <v>137751</v>
      </c>
      <c r="E40170" s="1" t="s">
        <v>137752</v>
      </c>
      <c r="F40170" s="1" t="s">
        <v>137753</v>
      </c>
      <c r="G40170" s="1" t="s">
        <v>137729</v>
      </c>
      <c r="H40170" s="1" t="s">
        <v>137730</v>
      </c>
      <c r="I40170" s="1" t="s">
        <v>135900</v>
      </c>
      <c r="J40170" s="1" t="s">
        <v>137754</v>
      </c>
    </row>
    <row r="40171" spans="1:10" x14ac:dyDescent="0.35">
      <c r="A40171" s="1" t="s">
        <v>52062</v>
      </c>
      <c r="B40171" s="1" t="s">
        <v>135894</v>
      </c>
      <c r="C40171" s="1" t="s">
        <v>50</v>
      </c>
      <c r="D40171" s="1" t="s">
        <v>64301</v>
      </c>
      <c r="E40171" s="1" t="s">
        <v>137755</v>
      </c>
      <c r="F40171" s="1" t="s">
        <v>137756</v>
      </c>
      <c r="G40171" s="1" t="s">
        <v>137729</v>
      </c>
      <c r="H40171" s="1" t="s">
        <v>137730</v>
      </c>
      <c r="I40171" s="1" t="s">
        <v>135900</v>
      </c>
      <c r="J40171" s="1" t="s">
        <v>137757</v>
      </c>
    </row>
    <row r="40172" spans="1:10" x14ac:dyDescent="0.35">
      <c r="A40172" s="1" t="s">
        <v>52062</v>
      </c>
      <c r="B40172" s="1" t="s">
        <v>135894</v>
      </c>
      <c r="C40172" s="1" t="s">
        <v>55</v>
      </c>
      <c r="D40172" s="1" t="s">
        <v>63703</v>
      </c>
      <c r="E40172" s="1" t="s">
        <v>137758</v>
      </c>
      <c r="F40172" s="1" t="s">
        <v>137759</v>
      </c>
      <c r="G40172" s="1" t="s">
        <v>137729</v>
      </c>
      <c r="H40172" s="1" t="s">
        <v>137730</v>
      </c>
      <c r="I40172" s="1" t="s">
        <v>135900</v>
      </c>
      <c r="J40172" s="1" t="s">
        <v>137760</v>
      </c>
    </row>
    <row r="40173" spans="1:10" x14ac:dyDescent="0.35">
      <c r="A40173" s="1" t="s">
        <v>52062</v>
      </c>
      <c r="B40173" s="1" t="s">
        <v>135894</v>
      </c>
      <c r="C40173" s="1" t="s">
        <v>60</v>
      </c>
      <c r="D40173" s="1" t="s">
        <v>26784</v>
      </c>
      <c r="E40173" s="1" t="s">
        <v>137761</v>
      </c>
      <c r="F40173" s="1" t="s">
        <v>137762</v>
      </c>
      <c r="G40173" s="1" t="s">
        <v>137729</v>
      </c>
      <c r="H40173" s="1" t="s">
        <v>137730</v>
      </c>
      <c r="I40173" s="1" t="s">
        <v>135900</v>
      </c>
      <c r="J40173" s="1" t="s">
        <v>137763</v>
      </c>
    </row>
    <row r="40174" spans="1:10" x14ac:dyDescent="0.35">
      <c r="A40174" s="1" t="s">
        <v>52062</v>
      </c>
      <c r="B40174" s="1" t="s">
        <v>135894</v>
      </c>
      <c r="C40174" s="1" t="s">
        <v>65</v>
      </c>
      <c r="D40174" s="1" t="s">
        <v>107186</v>
      </c>
      <c r="E40174" s="1" t="s">
        <v>137764</v>
      </c>
      <c r="F40174" s="1" t="s">
        <v>137765</v>
      </c>
      <c r="G40174" s="1" t="s">
        <v>137729</v>
      </c>
      <c r="H40174" s="1" t="s">
        <v>137730</v>
      </c>
      <c r="I40174" s="1" t="s">
        <v>135900</v>
      </c>
      <c r="J40174" s="1" t="s">
        <v>137766</v>
      </c>
    </row>
    <row r="40175" spans="1:10" x14ac:dyDescent="0.35">
      <c r="A40175" s="1" t="s">
        <v>52062</v>
      </c>
      <c r="B40175" s="1" t="s">
        <v>135894</v>
      </c>
      <c r="C40175" s="1" t="s">
        <v>70</v>
      </c>
      <c r="D40175" s="1" t="s">
        <v>96227</v>
      </c>
      <c r="E40175" s="1" t="s">
        <v>137767</v>
      </c>
      <c r="F40175" s="1" t="s">
        <v>137768</v>
      </c>
      <c r="G40175" s="1" t="s">
        <v>137729</v>
      </c>
      <c r="H40175" s="1" t="s">
        <v>137730</v>
      </c>
      <c r="I40175" s="1" t="s">
        <v>135900</v>
      </c>
      <c r="J40175" s="1" t="s">
        <v>137769</v>
      </c>
    </row>
    <row r="40176" spans="1:10" x14ac:dyDescent="0.35">
      <c r="A40176" s="1" t="s">
        <v>52062</v>
      </c>
      <c r="B40176" s="1" t="s">
        <v>135894</v>
      </c>
      <c r="C40176" s="1" t="s">
        <v>75</v>
      </c>
      <c r="D40176" s="1" t="s">
        <v>137770</v>
      </c>
      <c r="E40176" s="1" t="s">
        <v>137771</v>
      </c>
      <c r="F40176" s="1" t="s">
        <v>137772</v>
      </c>
      <c r="G40176" s="1" t="s">
        <v>137729</v>
      </c>
      <c r="H40176" s="1" t="s">
        <v>137730</v>
      </c>
      <c r="I40176" s="1" t="s">
        <v>135900</v>
      </c>
      <c r="J40176" s="1" t="s">
        <v>137773</v>
      </c>
    </row>
    <row r="40177" spans="1:10" x14ac:dyDescent="0.35">
      <c r="A40177" s="1" t="s">
        <v>52062</v>
      </c>
      <c r="B40177" s="1" t="s">
        <v>135894</v>
      </c>
      <c r="C40177" s="1" t="s">
        <v>80</v>
      </c>
      <c r="D40177" s="1" t="s">
        <v>137774</v>
      </c>
      <c r="E40177" s="1" t="s">
        <v>137775</v>
      </c>
      <c r="F40177" s="1" t="s">
        <v>137776</v>
      </c>
      <c r="G40177" s="1" t="s">
        <v>137729</v>
      </c>
      <c r="H40177" s="1" t="s">
        <v>137730</v>
      </c>
      <c r="I40177" s="1" t="s">
        <v>135900</v>
      </c>
      <c r="J40177" s="1" t="s">
        <v>137777</v>
      </c>
    </row>
    <row r="40178" spans="1:10" x14ac:dyDescent="0.35">
      <c r="A40178" s="1" t="s">
        <v>52062</v>
      </c>
      <c r="B40178" s="1" t="s">
        <v>135894</v>
      </c>
      <c r="C40178" s="1" t="s">
        <v>85</v>
      </c>
      <c r="D40178" s="1" t="s">
        <v>137778</v>
      </c>
      <c r="E40178" s="1" t="s">
        <v>137779</v>
      </c>
      <c r="F40178" s="1" t="s">
        <v>137780</v>
      </c>
      <c r="G40178" s="1" t="s">
        <v>137729</v>
      </c>
      <c r="H40178" s="1" t="s">
        <v>137730</v>
      </c>
      <c r="I40178" s="1" t="s">
        <v>135900</v>
      </c>
      <c r="J40178" s="1" t="s">
        <v>137781</v>
      </c>
    </row>
    <row r="40179" spans="1:10" x14ac:dyDescent="0.35">
      <c r="A40179" s="1" t="s">
        <v>52062</v>
      </c>
      <c r="B40179" s="1" t="s">
        <v>135894</v>
      </c>
      <c r="C40179" s="1" t="s">
        <v>90</v>
      </c>
      <c r="D40179" s="1" t="s">
        <v>137782</v>
      </c>
      <c r="E40179" s="1" t="s">
        <v>137783</v>
      </c>
      <c r="F40179" s="1" t="s">
        <v>137784</v>
      </c>
      <c r="G40179" s="1" t="s">
        <v>137729</v>
      </c>
      <c r="H40179" s="1" t="s">
        <v>137730</v>
      </c>
      <c r="I40179" s="1" t="s">
        <v>135900</v>
      </c>
      <c r="J40179" s="1" t="s">
        <v>137785</v>
      </c>
    </row>
    <row r="40180" spans="1:10" x14ac:dyDescent="0.35">
      <c r="A40180" s="1" t="s">
        <v>52062</v>
      </c>
      <c r="B40180" s="1" t="s">
        <v>135894</v>
      </c>
      <c r="C40180" s="1" t="s">
        <v>95</v>
      </c>
      <c r="D40180" s="1" t="s">
        <v>137786</v>
      </c>
      <c r="E40180" s="1" t="s">
        <v>137787</v>
      </c>
      <c r="F40180" s="1" t="s">
        <v>137788</v>
      </c>
      <c r="G40180" s="1" t="s">
        <v>137729</v>
      </c>
      <c r="H40180" s="1" t="s">
        <v>137730</v>
      </c>
      <c r="I40180" s="1" t="s">
        <v>135900</v>
      </c>
      <c r="J40180" s="1" t="s">
        <v>137789</v>
      </c>
    </row>
    <row r="40181" spans="1:10" x14ac:dyDescent="0.35">
      <c r="A40181" s="1" t="s">
        <v>52062</v>
      </c>
      <c r="B40181" s="1" t="s">
        <v>135894</v>
      </c>
      <c r="C40181" s="1" t="s">
        <v>100</v>
      </c>
      <c r="D40181" s="1" t="s">
        <v>137790</v>
      </c>
      <c r="E40181" s="1" t="s">
        <v>137791</v>
      </c>
      <c r="F40181" s="1" t="s">
        <v>137792</v>
      </c>
      <c r="G40181" s="1" t="s">
        <v>137729</v>
      </c>
      <c r="H40181" s="1" t="s">
        <v>137730</v>
      </c>
      <c r="I40181" s="1" t="s">
        <v>135900</v>
      </c>
      <c r="J40181" s="1" t="s">
        <v>137793</v>
      </c>
    </row>
    <row r="40182" spans="1:10" x14ac:dyDescent="0.35">
      <c r="A40182" s="1" t="s">
        <v>52062</v>
      </c>
      <c r="B40182" s="1" t="s">
        <v>135894</v>
      </c>
      <c r="C40182" s="1" t="s">
        <v>105</v>
      </c>
      <c r="D40182" s="1" t="s">
        <v>66410</v>
      </c>
      <c r="E40182" s="1" t="s">
        <v>137794</v>
      </c>
      <c r="F40182" s="1" t="s">
        <v>137795</v>
      </c>
      <c r="G40182" s="1" t="s">
        <v>137729</v>
      </c>
      <c r="H40182" s="1" t="s">
        <v>137730</v>
      </c>
      <c r="I40182" s="1" t="s">
        <v>135900</v>
      </c>
      <c r="J40182" s="1" t="s">
        <v>137796</v>
      </c>
    </row>
    <row r="40183" spans="1:10" x14ac:dyDescent="0.35">
      <c r="A40183" s="1" t="s">
        <v>52062</v>
      </c>
      <c r="B40183" s="1" t="s">
        <v>135894</v>
      </c>
      <c r="C40183" s="1" t="s">
        <v>110</v>
      </c>
      <c r="D40183" s="1" t="s">
        <v>137797</v>
      </c>
      <c r="E40183" s="1" t="s">
        <v>137798</v>
      </c>
      <c r="F40183" s="1" t="s">
        <v>137799</v>
      </c>
      <c r="G40183" s="1" t="s">
        <v>137729</v>
      </c>
      <c r="H40183" s="1" t="s">
        <v>137730</v>
      </c>
      <c r="I40183" s="1" t="s">
        <v>135900</v>
      </c>
      <c r="J40183" s="1" t="s">
        <v>137800</v>
      </c>
    </row>
    <row r="40184" spans="1:10" x14ac:dyDescent="0.35">
      <c r="A40184" s="1" t="s">
        <v>52062</v>
      </c>
      <c r="B40184" s="1" t="s">
        <v>135894</v>
      </c>
      <c r="C40184" s="1" t="s">
        <v>115</v>
      </c>
      <c r="D40184" s="1" t="s">
        <v>96165</v>
      </c>
      <c r="E40184" s="1" t="s">
        <v>137801</v>
      </c>
      <c r="F40184" s="1" t="s">
        <v>137802</v>
      </c>
      <c r="G40184" s="1" t="s">
        <v>137729</v>
      </c>
      <c r="H40184" s="1" t="s">
        <v>137730</v>
      </c>
      <c r="I40184" s="1" t="s">
        <v>135900</v>
      </c>
      <c r="J40184" s="1" t="s">
        <v>137803</v>
      </c>
    </row>
    <row r="40185" spans="1:10" x14ac:dyDescent="0.35">
      <c r="A40185" s="1" t="s">
        <v>52062</v>
      </c>
      <c r="B40185" s="1" t="s">
        <v>135894</v>
      </c>
      <c r="C40185" s="1" t="s">
        <v>120</v>
      </c>
      <c r="D40185" s="1" t="s">
        <v>137804</v>
      </c>
      <c r="E40185" s="1" t="s">
        <v>137805</v>
      </c>
      <c r="F40185" s="1" t="s">
        <v>137806</v>
      </c>
      <c r="G40185" s="1" t="s">
        <v>137729</v>
      </c>
      <c r="H40185" s="1" t="s">
        <v>137730</v>
      </c>
      <c r="I40185" s="1" t="s">
        <v>135900</v>
      </c>
      <c r="J40185" s="1" t="s">
        <v>137807</v>
      </c>
    </row>
    <row r="40186" spans="1:10" x14ac:dyDescent="0.35">
      <c r="A40186" s="1" t="s">
        <v>52062</v>
      </c>
      <c r="B40186" s="1" t="s">
        <v>135894</v>
      </c>
      <c r="C40186" s="1" t="s">
        <v>125</v>
      </c>
      <c r="D40186" s="1" t="s">
        <v>137808</v>
      </c>
      <c r="E40186" s="1" t="s">
        <v>137809</v>
      </c>
      <c r="F40186" s="1" t="s">
        <v>137810</v>
      </c>
      <c r="G40186" s="1" t="s">
        <v>137729</v>
      </c>
      <c r="H40186" s="1" t="s">
        <v>137730</v>
      </c>
      <c r="I40186" s="1" t="s">
        <v>135900</v>
      </c>
      <c r="J40186" s="1" t="s">
        <v>137811</v>
      </c>
    </row>
    <row r="40187" spans="1:10" x14ac:dyDescent="0.35">
      <c r="A40187" s="1" t="s">
        <v>52062</v>
      </c>
      <c r="B40187" s="1" t="s">
        <v>135894</v>
      </c>
      <c r="C40187" s="1" t="s">
        <v>130</v>
      </c>
      <c r="D40187" s="1" t="s">
        <v>39062</v>
      </c>
      <c r="E40187" s="1" t="s">
        <v>137812</v>
      </c>
      <c r="F40187" s="1" t="s">
        <v>137813</v>
      </c>
      <c r="G40187" s="1" t="s">
        <v>137729</v>
      </c>
      <c r="H40187" s="1" t="s">
        <v>137730</v>
      </c>
      <c r="I40187" s="1" t="s">
        <v>135900</v>
      </c>
      <c r="J40187" s="1" t="s">
        <v>137814</v>
      </c>
    </row>
    <row r="40188" spans="1:10" x14ac:dyDescent="0.35">
      <c r="A40188" s="1" t="s">
        <v>52062</v>
      </c>
      <c r="B40188" s="1" t="s">
        <v>135894</v>
      </c>
      <c r="C40188" s="1" t="s">
        <v>135</v>
      </c>
      <c r="D40188" s="1" t="s">
        <v>39848</v>
      </c>
      <c r="E40188" s="1" t="s">
        <v>137815</v>
      </c>
      <c r="F40188" s="1" t="s">
        <v>137816</v>
      </c>
      <c r="G40188" s="1" t="s">
        <v>137729</v>
      </c>
      <c r="H40188" s="1" t="s">
        <v>137730</v>
      </c>
      <c r="I40188" s="1" t="s">
        <v>135900</v>
      </c>
      <c r="J40188" s="1" t="s">
        <v>137817</v>
      </c>
    </row>
    <row r="40189" spans="1:10" x14ac:dyDescent="0.35">
      <c r="A40189" s="1" t="s">
        <v>52062</v>
      </c>
      <c r="B40189" s="1" t="s">
        <v>135894</v>
      </c>
      <c r="C40189" s="1" t="s">
        <v>140</v>
      </c>
      <c r="D40189" s="1" t="s">
        <v>137818</v>
      </c>
      <c r="E40189" s="1" t="s">
        <v>137819</v>
      </c>
      <c r="F40189" s="1" t="s">
        <v>137820</v>
      </c>
      <c r="G40189" s="1" t="s">
        <v>137729</v>
      </c>
      <c r="H40189" s="1" t="s">
        <v>137730</v>
      </c>
      <c r="I40189" s="1" t="s">
        <v>135900</v>
      </c>
      <c r="J40189" s="1" t="s">
        <v>137821</v>
      </c>
    </row>
    <row r="40190" spans="1:10" x14ac:dyDescent="0.35">
      <c r="A40190" s="1" t="s">
        <v>52062</v>
      </c>
      <c r="B40190" s="1" t="s">
        <v>135894</v>
      </c>
      <c r="C40190" s="1" t="s">
        <v>145</v>
      </c>
      <c r="D40190" s="1" t="s">
        <v>126962</v>
      </c>
      <c r="E40190" s="1" t="s">
        <v>137822</v>
      </c>
      <c r="F40190" s="1" t="s">
        <v>137823</v>
      </c>
      <c r="G40190" s="1" t="s">
        <v>137729</v>
      </c>
      <c r="H40190" s="1" t="s">
        <v>137730</v>
      </c>
      <c r="I40190" s="1" t="s">
        <v>135900</v>
      </c>
      <c r="J40190" s="1" t="s">
        <v>137824</v>
      </c>
    </row>
    <row r="40191" spans="1:10" x14ac:dyDescent="0.35">
      <c r="A40191" s="1" t="s">
        <v>52062</v>
      </c>
      <c r="B40191" s="1" t="s">
        <v>135894</v>
      </c>
      <c r="C40191" s="1" t="s">
        <v>150</v>
      </c>
      <c r="D40191" s="1" t="s">
        <v>40208</v>
      </c>
      <c r="E40191" s="1" t="s">
        <v>137825</v>
      </c>
      <c r="F40191" s="1" t="s">
        <v>137826</v>
      </c>
      <c r="G40191" s="1" t="s">
        <v>137729</v>
      </c>
      <c r="H40191" s="1" t="s">
        <v>137730</v>
      </c>
      <c r="I40191" s="1" t="s">
        <v>135900</v>
      </c>
      <c r="J40191" s="1" t="s">
        <v>137827</v>
      </c>
    </row>
    <row r="40192" spans="1:10" x14ac:dyDescent="0.35">
      <c r="A40192" s="1" t="s">
        <v>52062</v>
      </c>
      <c r="B40192" s="1" t="s">
        <v>135894</v>
      </c>
      <c r="C40192" s="1" t="s">
        <v>155</v>
      </c>
      <c r="D40192" s="1" t="s">
        <v>137828</v>
      </c>
      <c r="E40192" s="1" t="s">
        <v>137829</v>
      </c>
      <c r="F40192" s="1" t="s">
        <v>137830</v>
      </c>
      <c r="G40192" s="1" t="s">
        <v>137729</v>
      </c>
      <c r="H40192" s="1" t="s">
        <v>137730</v>
      </c>
      <c r="I40192" s="1" t="s">
        <v>135900</v>
      </c>
      <c r="J40192" s="1" t="s">
        <v>137831</v>
      </c>
    </row>
    <row r="40193" spans="1:10" x14ac:dyDescent="0.35">
      <c r="A40193" s="1" t="s">
        <v>52062</v>
      </c>
      <c r="B40193" s="1" t="s">
        <v>135894</v>
      </c>
      <c r="C40193" s="1" t="s">
        <v>160</v>
      </c>
      <c r="D40193" s="1" t="s">
        <v>137832</v>
      </c>
      <c r="E40193" s="1" t="s">
        <v>137833</v>
      </c>
      <c r="F40193" s="1" t="s">
        <v>137834</v>
      </c>
      <c r="G40193" s="1" t="s">
        <v>137729</v>
      </c>
      <c r="H40193" s="1" t="s">
        <v>137730</v>
      </c>
      <c r="I40193" s="1" t="s">
        <v>135900</v>
      </c>
      <c r="J40193" s="1" t="s">
        <v>137835</v>
      </c>
    </row>
    <row r="40194" spans="1:10" x14ac:dyDescent="0.35">
      <c r="A40194" s="1" t="s">
        <v>52062</v>
      </c>
      <c r="B40194" s="1" t="s">
        <v>135894</v>
      </c>
      <c r="C40194" s="1" t="s">
        <v>165</v>
      </c>
      <c r="D40194" s="1" t="s">
        <v>137836</v>
      </c>
      <c r="E40194" s="1" t="s">
        <v>137837</v>
      </c>
      <c r="F40194" s="1" t="s">
        <v>137838</v>
      </c>
      <c r="G40194" s="1" t="s">
        <v>137729</v>
      </c>
      <c r="H40194" s="1" t="s">
        <v>137730</v>
      </c>
      <c r="I40194" s="1" t="s">
        <v>135900</v>
      </c>
      <c r="J40194" s="1" t="s">
        <v>74821</v>
      </c>
    </row>
    <row r="40195" spans="1:10" x14ac:dyDescent="0.35">
      <c r="A40195" s="1" t="s">
        <v>52062</v>
      </c>
      <c r="B40195" s="1" t="s">
        <v>135894</v>
      </c>
      <c r="C40195" s="1" t="s">
        <v>170</v>
      </c>
      <c r="D40195" s="1" t="s">
        <v>69247</v>
      </c>
      <c r="E40195" s="1" t="s">
        <v>137839</v>
      </c>
      <c r="F40195" s="1" t="s">
        <v>137840</v>
      </c>
      <c r="G40195" s="1" t="s">
        <v>137729</v>
      </c>
      <c r="H40195" s="1" t="s">
        <v>137730</v>
      </c>
      <c r="I40195" s="1" t="s">
        <v>135900</v>
      </c>
      <c r="J40195" s="1" t="s">
        <v>137841</v>
      </c>
    </row>
    <row r="40196" spans="1:10" x14ac:dyDescent="0.35">
      <c r="A40196" s="1" t="s">
        <v>4317</v>
      </c>
      <c r="B40196" s="1" t="s">
        <v>135894</v>
      </c>
      <c r="C40196" s="1" t="s">
        <v>8</v>
      </c>
      <c r="D40196" s="1" t="s">
        <v>128730</v>
      </c>
      <c r="E40196" s="1" t="s">
        <v>137842</v>
      </c>
      <c r="F40196" s="1" t="s">
        <v>137843</v>
      </c>
      <c r="G40196" s="1" t="s">
        <v>137844</v>
      </c>
      <c r="H40196" s="1" t="s">
        <v>137845</v>
      </c>
      <c r="I40196" s="1" t="s">
        <v>135900</v>
      </c>
      <c r="J40196" s="1" t="s">
        <v>13</v>
      </c>
    </row>
    <row r="40197" spans="1:10" x14ac:dyDescent="0.35">
      <c r="A40197" s="1" t="s">
        <v>4317</v>
      </c>
      <c r="B40197" s="1" t="s">
        <v>135894</v>
      </c>
      <c r="C40197" s="1" t="s">
        <v>15</v>
      </c>
      <c r="D40197" s="1" t="s">
        <v>116938</v>
      </c>
      <c r="E40197" s="1" t="s">
        <v>137846</v>
      </c>
      <c r="F40197" s="1" t="s">
        <v>137847</v>
      </c>
      <c r="G40197" s="1" t="s">
        <v>137844</v>
      </c>
      <c r="H40197" s="1" t="s">
        <v>137845</v>
      </c>
      <c r="I40197" s="1" t="s">
        <v>135900</v>
      </c>
      <c r="J40197" s="1" t="s">
        <v>137848</v>
      </c>
    </row>
    <row r="40198" spans="1:10" x14ac:dyDescent="0.35">
      <c r="A40198" s="1" t="s">
        <v>4317</v>
      </c>
      <c r="B40198" s="1" t="s">
        <v>135894</v>
      </c>
      <c r="C40198" s="1" t="s">
        <v>20</v>
      </c>
      <c r="D40198" s="1" t="s">
        <v>107138</v>
      </c>
      <c r="E40198" s="1" t="s">
        <v>137849</v>
      </c>
      <c r="F40198" s="1" t="s">
        <v>137850</v>
      </c>
      <c r="G40198" s="1" t="s">
        <v>137844</v>
      </c>
      <c r="H40198" s="1" t="s">
        <v>137845</v>
      </c>
      <c r="I40198" s="1" t="s">
        <v>135900</v>
      </c>
      <c r="J40198" s="1" t="s">
        <v>137851</v>
      </c>
    </row>
    <row r="40199" spans="1:10" x14ac:dyDescent="0.35">
      <c r="A40199" s="1" t="s">
        <v>4317</v>
      </c>
      <c r="B40199" s="1" t="s">
        <v>135894</v>
      </c>
      <c r="C40199" s="1" t="s">
        <v>25</v>
      </c>
      <c r="D40199" s="1" t="s">
        <v>137852</v>
      </c>
      <c r="E40199" s="1" t="s">
        <v>137853</v>
      </c>
      <c r="F40199" s="1" t="s">
        <v>137854</v>
      </c>
      <c r="G40199" s="1" t="s">
        <v>137844</v>
      </c>
      <c r="H40199" s="1" t="s">
        <v>137845</v>
      </c>
      <c r="I40199" s="1" t="s">
        <v>135900</v>
      </c>
      <c r="J40199" s="1" t="s">
        <v>137855</v>
      </c>
    </row>
    <row r="40200" spans="1:10" x14ac:dyDescent="0.35">
      <c r="A40200" s="1" t="s">
        <v>4317</v>
      </c>
      <c r="B40200" s="1" t="s">
        <v>135894</v>
      </c>
      <c r="C40200" s="1" t="s">
        <v>30</v>
      </c>
      <c r="D40200" s="1" t="s">
        <v>137856</v>
      </c>
      <c r="E40200" s="1" t="s">
        <v>137857</v>
      </c>
      <c r="F40200" s="1" t="s">
        <v>137858</v>
      </c>
      <c r="G40200" s="1" t="s">
        <v>137844</v>
      </c>
      <c r="H40200" s="1" t="s">
        <v>137845</v>
      </c>
      <c r="I40200" s="1" t="s">
        <v>135900</v>
      </c>
      <c r="J40200" s="1" t="s">
        <v>137859</v>
      </c>
    </row>
    <row r="40201" spans="1:10" x14ac:dyDescent="0.35">
      <c r="A40201" s="1" t="s">
        <v>4317</v>
      </c>
      <c r="B40201" s="1" t="s">
        <v>135894</v>
      </c>
      <c r="C40201" s="1" t="s">
        <v>35</v>
      </c>
      <c r="D40201" s="1" t="s">
        <v>99548</v>
      </c>
      <c r="E40201" s="1" t="s">
        <v>137860</v>
      </c>
      <c r="F40201" s="1" t="s">
        <v>137861</v>
      </c>
      <c r="G40201" s="1" t="s">
        <v>137844</v>
      </c>
      <c r="H40201" s="1" t="s">
        <v>137845</v>
      </c>
      <c r="I40201" s="1" t="s">
        <v>135900</v>
      </c>
      <c r="J40201" s="1" t="s">
        <v>137862</v>
      </c>
    </row>
    <row r="40202" spans="1:10" x14ac:dyDescent="0.35">
      <c r="A40202" s="1" t="s">
        <v>4317</v>
      </c>
      <c r="B40202" s="1" t="s">
        <v>135894</v>
      </c>
      <c r="C40202" s="1" t="s">
        <v>40</v>
      </c>
      <c r="D40202" s="1" t="s">
        <v>124700</v>
      </c>
      <c r="E40202" s="1" t="s">
        <v>137863</v>
      </c>
      <c r="F40202" s="1" t="s">
        <v>137864</v>
      </c>
      <c r="G40202" s="1" t="s">
        <v>137844</v>
      </c>
      <c r="H40202" s="1" t="s">
        <v>137845</v>
      </c>
      <c r="I40202" s="1" t="s">
        <v>135900</v>
      </c>
      <c r="J40202" s="1" t="s">
        <v>137865</v>
      </c>
    </row>
    <row r="40203" spans="1:10" x14ac:dyDescent="0.35">
      <c r="A40203" s="1" t="s">
        <v>4317</v>
      </c>
      <c r="B40203" s="1" t="s">
        <v>135894</v>
      </c>
      <c r="C40203" s="1" t="s">
        <v>45</v>
      </c>
      <c r="D40203" s="1" t="s">
        <v>137866</v>
      </c>
      <c r="E40203" s="1" t="s">
        <v>137867</v>
      </c>
      <c r="F40203" s="1" t="s">
        <v>137868</v>
      </c>
      <c r="G40203" s="1" t="s">
        <v>137844</v>
      </c>
      <c r="H40203" s="1" t="s">
        <v>137845</v>
      </c>
      <c r="I40203" s="1" t="s">
        <v>135900</v>
      </c>
      <c r="J40203" s="1" t="s">
        <v>137869</v>
      </c>
    </row>
    <row r="40204" spans="1:10" x14ac:dyDescent="0.35">
      <c r="A40204" s="1" t="s">
        <v>4317</v>
      </c>
      <c r="B40204" s="1" t="s">
        <v>135894</v>
      </c>
      <c r="C40204" s="1" t="s">
        <v>50</v>
      </c>
      <c r="D40204" s="1" t="s">
        <v>137870</v>
      </c>
      <c r="E40204" s="1" t="s">
        <v>137871</v>
      </c>
      <c r="F40204" s="1" t="s">
        <v>137872</v>
      </c>
      <c r="G40204" s="1" t="s">
        <v>137844</v>
      </c>
      <c r="H40204" s="1" t="s">
        <v>137845</v>
      </c>
      <c r="I40204" s="1" t="s">
        <v>135900</v>
      </c>
      <c r="J40204" s="1" t="s">
        <v>137873</v>
      </c>
    </row>
    <row r="40205" spans="1:10" x14ac:dyDescent="0.35">
      <c r="A40205" s="1" t="s">
        <v>4317</v>
      </c>
      <c r="B40205" s="1" t="s">
        <v>135894</v>
      </c>
      <c r="C40205" s="1" t="s">
        <v>55</v>
      </c>
      <c r="D40205" s="1" t="s">
        <v>122863</v>
      </c>
      <c r="E40205" s="1" t="s">
        <v>137874</v>
      </c>
      <c r="F40205" s="1" t="s">
        <v>137875</v>
      </c>
      <c r="G40205" s="1" t="s">
        <v>137844</v>
      </c>
      <c r="H40205" s="1" t="s">
        <v>137845</v>
      </c>
      <c r="I40205" s="1" t="s">
        <v>135900</v>
      </c>
      <c r="J40205" s="1" t="s">
        <v>137876</v>
      </c>
    </row>
    <row r="40206" spans="1:10" x14ac:dyDescent="0.35">
      <c r="A40206" s="1" t="s">
        <v>4317</v>
      </c>
      <c r="B40206" s="1" t="s">
        <v>135894</v>
      </c>
      <c r="C40206" s="1" t="s">
        <v>60</v>
      </c>
      <c r="D40206" s="1" t="s">
        <v>137877</v>
      </c>
      <c r="E40206" s="1" t="s">
        <v>137878</v>
      </c>
      <c r="F40206" s="1" t="s">
        <v>137879</v>
      </c>
      <c r="G40206" s="1" t="s">
        <v>137844</v>
      </c>
      <c r="H40206" s="1" t="s">
        <v>137845</v>
      </c>
      <c r="I40206" s="1" t="s">
        <v>135900</v>
      </c>
      <c r="J40206" s="1" t="s">
        <v>137880</v>
      </c>
    </row>
    <row r="40207" spans="1:10" x14ac:dyDescent="0.35">
      <c r="A40207" s="1" t="s">
        <v>4317</v>
      </c>
      <c r="B40207" s="1" t="s">
        <v>135894</v>
      </c>
      <c r="C40207" s="1" t="s">
        <v>65</v>
      </c>
      <c r="D40207" s="1" t="s">
        <v>86939</v>
      </c>
      <c r="E40207" s="1" t="s">
        <v>137881</v>
      </c>
      <c r="F40207" s="1" t="s">
        <v>137882</v>
      </c>
      <c r="G40207" s="1" t="s">
        <v>137844</v>
      </c>
      <c r="H40207" s="1" t="s">
        <v>137845</v>
      </c>
      <c r="I40207" s="1" t="s">
        <v>135900</v>
      </c>
      <c r="J40207" s="1" t="s">
        <v>137883</v>
      </c>
    </row>
    <row r="40208" spans="1:10" x14ac:dyDescent="0.35">
      <c r="A40208" s="1" t="s">
        <v>4317</v>
      </c>
      <c r="B40208" s="1" t="s">
        <v>135894</v>
      </c>
      <c r="C40208" s="1" t="s">
        <v>70</v>
      </c>
      <c r="D40208" s="1" t="s">
        <v>66830</v>
      </c>
      <c r="E40208" s="1" t="s">
        <v>137884</v>
      </c>
      <c r="F40208" s="1" t="s">
        <v>137885</v>
      </c>
      <c r="G40208" s="1" t="s">
        <v>137844</v>
      </c>
      <c r="H40208" s="1" t="s">
        <v>137845</v>
      </c>
      <c r="I40208" s="1" t="s">
        <v>135900</v>
      </c>
      <c r="J40208" s="1" t="s">
        <v>137886</v>
      </c>
    </row>
    <row r="40209" spans="1:10" x14ac:dyDescent="0.35">
      <c r="A40209" s="1" t="s">
        <v>4317</v>
      </c>
      <c r="B40209" s="1" t="s">
        <v>135894</v>
      </c>
      <c r="C40209" s="1" t="s">
        <v>75</v>
      </c>
      <c r="D40209" s="1" t="s">
        <v>137887</v>
      </c>
      <c r="E40209" s="1" t="s">
        <v>137888</v>
      </c>
      <c r="F40209" s="1" t="s">
        <v>137889</v>
      </c>
      <c r="G40209" s="1" t="s">
        <v>137844</v>
      </c>
      <c r="H40209" s="1" t="s">
        <v>137845</v>
      </c>
      <c r="I40209" s="1" t="s">
        <v>135900</v>
      </c>
      <c r="J40209" s="1" t="s">
        <v>137890</v>
      </c>
    </row>
    <row r="40210" spans="1:10" x14ac:dyDescent="0.35">
      <c r="A40210" s="1" t="s">
        <v>4317</v>
      </c>
      <c r="B40210" s="1" t="s">
        <v>135894</v>
      </c>
      <c r="C40210" s="1" t="s">
        <v>80</v>
      </c>
      <c r="D40210" s="1" t="s">
        <v>137891</v>
      </c>
      <c r="E40210" s="1" t="s">
        <v>137892</v>
      </c>
      <c r="F40210" s="1" t="s">
        <v>137893</v>
      </c>
      <c r="G40210" s="1" t="s">
        <v>137844</v>
      </c>
      <c r="H40210" s="1" t="s">
        <v>137845</v>
      </c>
      <c r="I40210" s="1" t="s">
        <v>135900</v>
      </c>
      <c r="J40210" s="1" t="s">
        <v>137894</v>
      </c>
    </row>
    <row r="40211" spans="1:10" x14ac:dyDescent="0.35">
      <c r="A40211" s="1" t="s">
        <v>4317</v>
      </c>
      <c r="B40211" s="1" t="s">
        <v>135894</v>
      </c>
      <c r="C40211" s="1" t="s">
        <v>85</v>
      </c>
      <c r="D40211" s="1" t="s">
        <v>79846</v>
      </c>
      <c r="E40211" s="1" t="s">
        <v>137895</v>
      </c>
      <c r="F40211" s="1" t="s">
        <v>137896</v>
      </c>
      <c r="G40211" s="1" t="s">
        <v>137844</v>
      </c>
      <c r="H40211" s="1" t="s">
        <v>137845</v>
      </c>
      <c r="I40211" s="1" t="s">
        <v>135900</v>
      </c>
      <c r="J40211" s="1" t="s">
        <v>137897</v>
      </c>
    </row>
    <row r="40212" spans="1:10" x14ac:dyDescent="0.35">
      <c r="A40212" s="1" t="s">
        <v>4317</v>
      </c>
      <c r="B40212" s="1" t="s">
        <v>135894</v>
      </c>
      <c r="C40212" s="1" t="s">
        <v>90</v>
      </c>
      <c r="D40212" s="1" t="s">
        <v>54809</v>
      </c>
      <c r="E40212" s="1" t="s">
        <v>137898</v>
      </c>
      <c r="F40212" s="1" t="s">
        <v>137899</v>
      </c>
      <c r="G40212" s="1" t="s">
        <v>137844</v>
      </c>
      <c r="H40212" s="1" t="s">
        <v>137845</v>
      </c>
      <c r="I40212" s="1" t="s">
        <v>135900</v>
      </c>
      <c r="J40212" s="1" t="s">
        <v>137900</v>
      </c>
    </row>
    <row r="40213" spans="1:10" x14ac:dyDescent="0.35">
      <c r="A40213" s="1" t="s">
        <v>4317</v>
      </c>
      <c r="B40213" s="1" t="s">
        <v>135894</v>
      </c>
      <c r="C40213" s="1" t="s">
        <v>95</v>
      </c>
      <c r="D40213" s="1" t="s">
        <v>137901</v>
      </c>
      <c r="E40213" s="1" t="s">
        <v>137902</v>
      </c>
      <c r="F40213" s="1" t="s">
        <v>137903</v>
      </c>
      <c r="G40213" s="1" t="s">
        <v>137844</v>
      </c>
      <c r="H40213" s="1" t="s">
        <v>137845</v>
      </c>
      <c r="I40213" s="1" t="s">
        <v>135900</v>
      </c>
      <c r="J40213" s="1" t="s">
        <v>137904</v>
      </c>
    </row>
    <row r="40214" spans="1:10" x14ac:dyDescent="0.35">
      <c r="A40214" s="1" t="s">
        <v>4317</v>
      </c>
      <c r="B40214" s="1" t="s">
        <v>135894</v>
      </c>
      <c r="C40214" s="1" t="s">
        <v>100</v>
      </c>
      <c r="D40214" s="1" t="s">
        <v>89153</v>
      </c>
      <c r="E40214" s="1" t="s">
        <v>137905</v>
      </c>
      <c r="F40214" s="1" t="s">
        <v>137906</v>
      </c>
      <c r="G40214" s="1" t="s">
        <v>137844</v>
      </c>
      <c r="H40214" s="1" t="s">
        <v>137845</v>
      </c>
      <c r="I40214" s="1" t="s">
        <v>135900</v>
      </c>
      <c r="J40214" s="1" t="s">
        <v>137907</v>
      </c>
    </row>
    <row r="40215" spans="1:10" x14ac:dyDescent="0.35">
      <c r="A40215" s="1" t="s">
        <v>4317</v>
      </c>
      <c r="B40215" s="1" t="s">
        <v>135894</v>
      </c>
      <c r="C40215" s="1" t="s">
        <v>105</v>
      </c>
      <c r="D40215" s="1" t="s">
        <v>137908</v>
      </c>
      <c r="E40215" s="1" t="s">
        <v>137909</v>
      </c>
      <c r="F40215" s="1" t="s">
        <v>137910</v>
      </c>
      <c r="G40215" s="1" t="s">
        <v>137844</v>
      </c>
      <c r="H40215" s="1" t="s">
        <v>137845</v>
      </c>
      <c r="I40215" s="1" t="s">
        <v>135900</v>
      </c>
      <c r="J40215" s="1" t="s">
        <v>137911</v>
      </c>
    </row>
    <row r="40216" spans="1:10" x14ac:dyDescent="0.35">
      <c r="A40216" s="1" t="s">
        <v>4317</v>
      </c>
      <c r="B40216" s="1" t="s">
        <v>135894</v>
      </c>
      <c r="C40216" s="1" t="s">
        <v>110</v>
      </c>
      <c r="D40216" s="1" t="s">
        <v>102226</v>
      </c>
      <c r="E40216" s="1" t="s">
        <v>137912</v>
      </c>
      <c r="F40216" s="1" t="s">
        <v>137913</v>
      </c>
      <c r="G40216" s="1" t="s">
        <v>137844</v>
      </c>
      <c r="H40216" s="1" t="s">
        <v>137845</v>
      </c>
      <c r="I40216" s="1" t="s">
        <v>135900</v>
      </c>
      <c r="J40216" s="1" t="s">
        <v>137914</v>
      </c>
    </row>
    <row r="40217" spans="1:10" x14ac:dyDescent="0.35">
      <c r="A40217" s="1" t="s">
        <v>4317</v>
      </c>
      <c r="B40217" s="1" t="s">
        <v>135894</v>
      </c>
      <c r="C40217" s="1" t="s">
        <v>115</v>
      </c>
      <c r="D40217" s="1" t="s">
        <v>57210</v>
      </c>
      <c r="E40217" s="1" t="s">
        <v>137915</v>
      </c>
      <c r="F40217" s="1" t="s">
        <v>137916</v>
      </c>
      <c r="G40217" s="1" t="s">
        <v>137844</v>
      </c>
      <c r="H40217" s="1" t="s">
        <v>137845</v>
      </c>
      <c r="I40217" s="1" t="s">
        <v>135900</v>
      </c>
      <c r="J40217" s="1" t="s">
        <v>137917</v>
      </c>
    </row>
    <row r="40218" spans="1:10" x14ac:dyDescent="0.35">
      <c r="A40218" s="1" t="s">
        <v>4317</v>
      </c>
      <c r="B40218" s="1" t="s">
        <v>135894</v>
      </c>
      <c r="C40218" s="1" t="s">
        <v>120</v>
      </c>
      <c r="D40218" s="1" t="s">
        <v>95792</v>
      </c>
      <c r="E40218" s="1" t="s">
        <v>137918</v>
      </c>
      <c r="F40218" s="1" t="s">
        <v>137919</v>
      </c>
      <c r="G40218" s="1" t="s">
        <v>137844</v>
      </c>
      <c r="H40218" s="1" t="s">
        <v>137845</v>
      </c>
      <c r="I40218" s="1" t="s">
        <v>135900</v>
      </c>
      <c r="J40218" s="1" t="s">
        <v>137920</v>
      </c>
    </row>
    <row r="40219" spans="1:10" x14ac:dyDescent="0.35">
      <c r="A40219" s="1" t="s">
        <v>4317</v>
      </c>
      <c r="B40219" s="1" t="s">
        <v>135894</v>
      </c>
      <c r="C40219" s="1" t="s">
        <v>125</v>
      </c>
      <c r="D40219" s="1" t="s">
        <v>137921</v>
      </c>
      <c r="E40219" s="1" t="s">
        <v>137922</v>
      </c>
      <c r="F40219" s="1" t="s">
        <v>137923</v>
      </c>
      <c r="G40219" s="1" t="s">
        <v>137844</v>
      </c>
      <c r="H40219" s="1" t="s">
        <v>137845</v>
      </c>
      <c r="I40219" s="1" t="s">
        <v>135900</v>
      </c>
      <c r="J40219" s="1" t="s">
        <v>137924</v>
      </c>
    </row>
    <row r="40220" spans="1:10" x14ac:dyDescent="0.35">
      <c r="A40220" s="1" t="s">
        <v>4317</v>
      </c>
      <c r="B40220" s="1" t="s">
        <v>135894</v>
      </c>
      <c r="C40220" s="1" t="s">
        <v>130</v>
      </c>
      <c r="D40220" s="1" t="s">
        <v>137925</v>
      </c>
      <c r="E40220" s="1" t="s">
        <v>137926</v>
      </c>
      <c r="F40220" s="1" t="s">
        <v>137927</v>
      </c>
      <c r="G40220" s="1" t="s">
        <v>137844</v>
      </c>
      <c r="H40220" s="1" t="s">
        <v>137845</v>
      </c>
      <c r="I40220" s="1" t="s">
        <v>135900</v>
      </c>
      <c r="J40220" s="1" t="s">
        <v>137928</v>
      </c>
    </row>
    <row r="40221" spans="1:10" x14ac:dyDescent="0.35">
      <c r="A40221" s="1" t="s">
        <v>4317</v>
      </c>
      <c r="B40221" s="1" t="s">
        <v>135894</v>
      </c>
      <c r="C40221" s="1" t="s">
        <v>135</v>
      </c>
      <c r="D40221" s="1" t="s">
        <v>137929</v>
      </c>
      <c r="E40221" s="1" t="s">
        <v>137930</v>
      </c>
      <c r="F40221" s="1" t="s">
        <v>137931</v>
      </c>
      <c r="G40221" s="1" t="s">
        <v>137844</v>
      </c>
      <c r="H40221" s="1" t="s">
        <v>137845</v>
      </c>
      <c r="I40221" s="1" t="s">
        <v>135900</v>
      </c>
      <c r="J40221" s="1" t="s">
        <v>137932</v>
      </c>
    </row>
    <row r="40222" spans="1:10" x14ac:dyDescent="0.35">
      <c r="A40222" s="1" t="s">
        <v>4317</v>
      </c>
      <c r="B40222" s="1" t="s">
        <v>135894</v>
      </c>
      <c r="C40222" s="1" t="s">
        <v>140</v>
      </c>
      <c r="D40222" s="1" t="s">
        <v>137933</v>
      </c>
      <c r="E40222" s="1" t="s">
        <v>137934</v>
      </c>
      <c r="F40222" s="1" t="s">
        <v>137935</v>
      </c>
      <c r="G40222" s="1" t="s">
        <v>137844</v>
      </c>
      <c r="H40222" s="1" t="s">
        <v>137845</v>
      </c>
      <c r="I40222" s="1" t="s">
        <v>135900</v>
      </c>
      <c r="J40222" s="1" t="s">
        <v>137936</v>
      </c>
    </row>
    <row r="40223" spans="1:10" x14ac:dyDescent="0.35">
      <c r="A40223" s="1" t="s">
        <v>4317</v>
      </c>
      <c r="B40223" s="1" t="s">
        <v>135894</v>
      </c>
      <c r="C40223" s="1" t="s">
        <v>145</v>
      </c>
      <c r="D40223" s="1" t="s">
        <v>68512</v>
      </c>
      <c r="E40223" s="1" t="s">
        <v>137937</v>
      </c>
      <c r="F40223" s="1" t="s">
        <v>137938</v>
      </c>
      <c r="G40223" s="1" t="s">
        <v>137844</v>
      </c>
      <c r="H40223" s="1" t="s">
        <v>137845</v>
      </c>
      <c r="I40223" s="1" t="s">
        <v>135900</v>
      </c>
      <c r="J40223" s="1" t="s">
        <v>137939</v>
      </c>
    </row>
    <row r="40224" spans="1:10" x14ac:dyDescent="0.35">
      <c r="A40224" s="1" t="s">
        <v>4317</v>
      </c>
      <c r="B40224" s="1" t="s">
        <v>135894</v>
      </c>
      <c r="C40224" s="1" t="s">
        <v>150</v>
      </c>
      <c r="D40224" s="1" t="s">
        <v>91910</v>
      </c>
      <c r="E40224" s="1" t="s">
        <v>137940</v>
      </c>
      <c r="F40224" s="1" t="s">
        <v>137941</v>
      </c>
      <c r="G40224" s="1" t="s">
        <v>137844</v>
      </c>
      <c r="H40224" s="1" t="s">
        <v>137845</v>
      </c>
      <c r="I40224" s="1" t="s">
        <v>135900</v>
      </c>
      <c r="J40224" s="1" t="s">
        <v>137942</v>
      </c>
    </row>
    <row r="40225" spans="1:10" x14ac:dyDescent="0.35">
      <c r="A40225" s="1" t="s">
        <v>4317</v>
      </c>
      <c r="B40225" s="1" t="s">
        <v>135894</v>
      </c>
      <c r="C40225" s="1" t="s">
        <v>155</v>
      </c>
      <c r="D40225" s="1" t="s">
        <v>136479</v>
      </c>
      <c r="E40225" s="1" t="s">
        <v>137943</v>
      </c>
      <c r="F40225" s="1" t="s">
        <v>137944</v>
      </c>
      <c r="G40225" s="1" t="s">
        <v>137844</v>
      </c>
      <c r="H40225" s="1" t="s">
        <v>137845</v>
      </c>
      <c r="I40225" s="1" t="s">
        <v>135900</v>
      </c>
      <c r="J40225" s="1" t="s">
        <v>137945</v>
      </c>
    </row>
    <row r="40226" spans="1:10" x14ac:dyDescent="0.35">
      <c r="A40226" s="1" t="s">
        <v>4317</v>
      </c>
      <c r="B40226" s="1" t="s">
        <v>135894</v>
      </c>
      <c r="C40226" s="1" t="s">
        <v>160</v>
      </c>
      <c r="D40226" s="1" t="s">
        <v>137946</v>
      </c>
      <c r="E40226" s="1" t="s">
        <v>137947</v>
      </c>
      <c r="F40226" s="1" t="s">
        <v>137948</v>
      </c>
      <c r="G40226" s="1" t="s">
        <v>137844</v>
      </c>
      <c r="H40226" s="1" t="s">
        <v>137845</v>
      </c>
      <c r="I40226" s="1" t="s">
        <v>135900</v>
      </c>
      <c r="J40226" s="1" t="s">
        <v>137949</v>
      </c>
    </row>
    <row r="40227" spans="1:10" x14ac:dyDescent="0.35">
      <c r="A40227" s="1" t="s">
        <v>4317</v>
      </c>
      <c r="B40227" s="1" t="s">
        <v>135894</v>
      </c>
      <c r="C40227" s="1" t="s">
        <v>165</v>
      </c>
      <c r="D40227" s="1" t="s">
        <v>137950</v>
      </c>
      <c r="E40227" s="1" t="s">
        <v>137951</v>
      </c>
      <c r="F40227" s="1" t="s">
        <v>137952</v>
      </c>
      <c r="G40227" s="1" t="s">
        <v>137844</v>
      </c>
      <c r="H40227" s="1" t="s">
        <v>137845</v>
      </c>
      <c r="I40227" s="1" t="s">
        <v>135900</v>
      </c>
      <c r="J40227" s="1" t="s">
        <v>137953</v>
      </c>
    </row>
    <row r="40228" spans="1:10" x14ac:dyDescent="0.35">
      <c r="A40228" s="1" t="s">
        <v>4317</v>
      </c>
      <c r="B40228" s="1" t="s">
        <v>135894</v>
      </c>
      <c r="C40228" s="1" t="s">
        <v>170</v>
      </c>
      <c r="D40228" s="1" t="s">
        <v>137954</v>
      </c>
      <c r="E40228" s="1" t="s">
        <v>137955</v>
      </c>
      <c r="F40228" s="1" t="s">
        <v>137956</v>
      </c>
      <c r="G40228" s="1" t="s">
        <v>137844</v>
      </c>
      <c r="H40228" s="1" t="s">
        <v>137845</v>
      </c>
      <c r="I40228" s="1" t="s">
        <v>135900</v>
      </c>
      <c r="J40228" s="1" t="s">
        <v>137957</v>
      </c>
    </row>
    <row r="40229" spans="1:10" x14ac:dyDescent="0.35">
      <c r="A40229" s="1" t="s">
        <v>28130</v>
      </c>
      <c r="B40229" s="1" t="s">
        <v>135894</v>
      </c>
      <c r="C40229" s="1" t="s">
        <v>8</v>
      </c>
      <c r="D40229" s="1" t="s">
        <v>66566</v>
      </c>
      <c r="E40229" s="1" t="s">
        <v>137958</v>
      </c>
      <c r="F40229" s="1" t="s">
        <v>137959</v>
      </c>
      <c r="G40229" s="1" t="s">
        <v>137960</v>
      </c>
      <c r="H40229" s="1" t="s">
        <v>137961</v>
      </c>
      <c r="I40229" s="1" t="s">
        <v>135900</v>
      </c>
      <c r="J40229" s="1" t="s">
        <v>13</v>
      </c>
    </row>
    <row r="40230" spans="1:10" x14ac:dyDescent="0.35">
      <c r="A40230" s="1" t="s">
        <v>28130</v>
      </c>
      <c r="B40230" s="1" t="s">
        <v>135894</v>
      </c>
      <c r="C40230" s="1" t="s">
        <v>15</v>
      </c>
      <c r="D40230" s="1" t="s">
        <v>88039</v>
      </c>
      <c r="E40230" s="1" t="s">
        <v>81140</v>
      </c>
      <c r="F40230" s="1" t="s">
        <v>137962</v>
      </c>
      <c r="G40230" s="1" t="s">
        <v>137960</v>
      </c>
      <c r="H40230" s="1" t="s">
        <v>137961</v>
      </c>
      <c r="I40230" s="1" t="s">
        <v>135900</v>
      </c>
      <c r="J40230" s="1" t="s">
        <v>137963</v>
      </c>
    </row>
    <row r="40231" spans="1:10" x14ac:dyDescent="0.35">
      <c r="A40231" s="1" t="s">
        <v>28130</v>
      </c>
      <c r="B40231" s="1" t="s">
        <v>135894</v>
      </c>
      <c r="C40231" s="1" t="s">
        <v>20</v>
      </c>
      <c r="D40231" s="1" t="s">
        <v>53512</v>
      </c>
      <c r="E40231" s="1" t="s">
        <v>94784</v>
      </c>
      <c r="F40231" s="1" t="s">
        <v>137964</v>
      </c>
      <c r="G40231" s="1" t="s">
        <v>137960</v>
      </c>
      <c r="H40231" s="1" t="s">
        <v>137961</v>
      </c>
      <c r="I40231" s="1" t="s">
        <v>135900</v>
      </c>
      <c r="J40231" s="1" t="s">
        <v>137965</v>
      </c>
    </row>
    <row r="40232" spans="1:10" x14ac:dyDescent="0.35">
      <c r="A40232" s="1" t="s">
        <v>28130</v>
      </c>
      <c r="B40232" s="1" t="s">
        <v>135894</v>
      </c>
      <c r="C40232" s="1" t="s">
        <v>25</v>
      </c>
      <c r="D40232" s="1" t="s">
        <v>26834</v>
      </c>
      <c r="E40232" s="1" t="s">
        <v>48047</v>
      </c>
      <c r="F40232" s="1" t="s">
        <v>137966</v>
      </c>
      <c r="G40232" s="1" t="s">
        <v>137960</v>
      </c>
      <c r="H40232" s="1" t="s">
        <v>137961</v>
      </c>
      <c r="I40232" s="1" t="s">
        <v>135900</v>
      </c>
      <c r="J40232" s="1" t="s">
        <v>137967</v>
      </c>
    </row>
    <row r="40233" spans="1:10" x14ac:dyDescent="0.35">
      <c r="A40233" s="1" t="s">
        <v>28130</v>
      </c>
      <c r="B40233" s="1" t="s">
        <v>135894</v>
      </c>
      <c r="C40233" s="1" t="s">
        <v>30</v>
      </c>
      <c r="D40233" s="1" t="s">
        <v>92707</v>
      </c>
      <c r="E40233" s="1" t="s">
        <v>132794</v>
      </c>
      <c r="F40233" s="1" t="s">
        <v>137968</v>
      </c>
      <c r="G40233" s="1" t="s">
        <v>137960</v>
      </c>
      <c r="H40233" s="1" t="s">
        <v>137961</v>
      </c>
      <c r="I40233" s="1" t="s">
        <v>135900</v>
      </c>
      <c r="J40233" s="1" t="s">
        <v>137969</v>
      </c>
    </row>
    <row r="40234" spans="1:10" x14ac:dyDescent="0.35">
      <c r="A40234" s="1" t="s">
        <v>28130</v>
      </c>
      <c r="B40234" s="1" t="s">
        <v>135894</v>
      </c>
      <c r="C40234" s="1" t="s">
        <v>35</v>
      </c>
      <c r="D40234" s="1" t="s">
        <v>101913</v>
      </c>
      <c r="E40234" s="1" t="s">
        <v>137970</v>
      </c>
      <c r="F40234" s="1" t="s">
        <v>137971</v>
      </c>
      <c r="G40234" s="1" t="s">
        <v>137960</v>
      </c>
      <c r="H40234" s="1" t="s">
        <v>137961</v>
      </c>
      <c r="I40234" s="1" t="s">
        <v>135900</v>
      </c>
      <c r="J40234" s="1" t="s">
        <v>137972</v>
      </c>
    </row>
    <row r="40235" spans="1:10" x14ac:dyDescent="0.35">
      <c r="A40235" s="1" t="s">
        <v>28130</v>
      </c>
      <c r="B40235" s="1" t="s">
        <v>135894</v>
      </c>
      <c r="C40235" s="1" t="s">
        <v>40</v>
      </c>
      <c r="D40235" s="1" t="s">
        <v>88268</v>
      </c>
      <c r="E40235" s="1" t="s">
        <v>137973</v>
      </c>
      <c r="F40235" s="1" t="s">
        <v>137974</v>
      </c>
      <c r="G40235" s="1" t="s">
        <v>137960</v>
      </c>
      <c r="H40235" s="1" t="s">
        <v>137961</v>
      </c>
      <c r="I40235" s="1" t="s">
        <v>135900</v>
      </c>
      <c r="J40235" s="1" t="s">
        <v>137975</v>
      </c>
    </row>
    <row r="40236" spans="1:10" x14ac:dyDescent="0.35">
      <c r="A40236" s="1" t="s">
        <v>28130</v>
      </c>
      <c r="B40236" s="1" t="s">
        <v>135894</v>
      </c>
      <c r="C40236" s="1" t="s">
        <v>45</v>
      </c>
      <c r="D40236" s="1" t="s">
        <v>137976</v>
      </c>
      <c r="E40236" s="1" t="s">
        <v>129522</v>
      </c>
      <c r="F40236" s="1" t="s">
        <v>97809</v>
      </c>
      <c r="G40236" s="1" t="s">
        <v>137960</v>
      </c>
      <c r="H40236" s="1" t="s">
        <v>137961</v>
      </c>
      <c r="I40236" s="1" t="s">
        <v>135900</v>
      </c>
      <c r="J40236" s="1" t="s">
        <v>137977</v>
      </c>
    </row>
    <row r="40237" spans="1:10" x14ac:dyDescent="0.35">
      <c r="A40237" s="1" t="s">
        <v>28130</v>
      </c>
      <c r="B40237" s="1" t="s">
        <v>135894</v>
      </c>
      <c r="C40237" s="1" t="s">
        <v>50</v>
      </c>
      <c r="D40237" s="1" t="s">
        <v>68183</v>
      </c>
      <c r="E40237" s="1" t="s">
        <v>137978</v>
      </c>
      <c r="F40237" s="1" t="s">
        <v>50898</v>
      </c>
      <c r="G40237" s="1" t="s">
        <v>137960</v>
      </c>
      <c r="H40237" s="1" t="s">
        <v>137961</v>
      </c>
      <c r="I40237" s="1" t="s">
        <v>135900</v>
      </c>
      <c r="J40237" s="1" t="s">
        <v>137979</v>
      </c>
    </row>
    <row r="40238" spans="1:10" x14ac:dyDescent="0.35">
      <c r="A40238" s="1" t="s">
        <v>28130</v>
      </c>
      <c r="B40238" s="1" t="s">
        <v>135894</v>
      </c>
      <c r="C40238" s="1" t="s">
        <v>55</v>
      </c>
      <c r="D40238" s="1" t="s">
        <v>63169</v>
      </c>
      <c r="E40238" s="1" t="s">
        <v>132794</v>
      </c>
      <c r="F40238" s="1" t="s">
        <v>137980</v>
      </c>
      <c r="G40238" s="1" t="s">
        <v>137960</v>
      </c>
      <c r="H40238" s="1" t="s">
        <v>137961</v>
      </c>
      <c r="I40238" s="1" t="s">
        <v>135900</v>
      </c>
      <c r="J40238" s="1" t="s">
        <v>137981</v>
      </c>
    </row>
    <row r="40239" spans="1:10" x14ac:dyDescent="0.35">
      <c r="A40239" s="1" t="s">
        <v>28130</v>
      </c>
      <c r="B40239" s="1" t="s">
        <v>135894</v>
      </c>
      <c r="C40239" s="1" t="s">
        <v>60</v>
      </c>
      <c r="D40239" s="1" t="s">
        <v>137982</v>
      </c>
      <c r="E40239" s="1" t="s">
        <v>137983</v>
      </c>
      <c r="F40239" s="1" t="s">
        <v>137984</v>
      </c>
      <c r="G40239" s="1" t="s">
        <v>137960</v>
      </c>
      <c r="H40239" s="1" t="s">
        <v>137961</v>
      </c>
      <c r="I40239" s="1" t="s">
        <v>135900</v>
      </c>
      <c r="J40239" s="1" t="s">
        <v>137985</v>
      </c>
    </row>
    <row r="40240" spans="1:10" x14ac:dyDescent="0.35">
      <c r="A40240" s="1" t="s">
        <v>28130</v>
      </c>
      <c r="B40240" s="1" t="s">
        <v>135894</v>
      </c>
      <c r="C40240" s="1" t="s">
        <v>65</v>
      </c>
      <c r="D40240" s="1" t="s">
        <v>64999</v>
      </c>
      <c r="E40240" s="1" t="s">
        <v>106512</v>
      </c>
      <c r="F40240" s="1" t="s">
        <v>137986</v>
      </c>
      <c r="G40240" s="1" t="s">
        <v>137960</v>
      </c>
      <c r="H40240" s="1" t="s">
        <v>137961</v>
      </c>
      <c r="I40240" s="1" t="s">
        <v>135900</v>
      </c>
      <c r="J40240" s="1" t="s">
        <v>137987</v>
      </c>
    </row>
    <row r="40241" spans="1:10" x14ac:dyDescent="0.35">
      <c r="A40241" s="1" t="s">
        <v>28130</v>
      </c>
      <c r="B40241" s="1" t="s">
        <v>135894</v>
      </c>
      <c r="C40241" s="1" t="s">
        <v>70</v>
      </c>
      <c r="D40241" s="1" t="s">
        <v>42477</v>
      </c>
      <c r="E40241" s="1" t="s">
        <v>137988</v>
      </c>
      <c r="F40241" s="1" t="s">
        <v>112212</v>
      </c>
      <c r="G40241" s="1" t="s">
        <v>137960</v>
      </c>
      <c r="H40241" s="1" t="s">
        <v>137961</v>
      </c>
      <c r="I40241" s="1" t="s">
        <v>135900</v>
      </c>
      <c r="J40241" s="1" t="s">
        <v>137989</v>
      </c>
    </row>
    <row r="40242" spans="1:10" x14ac:dyDescent="0.35">
      <c r="A40242" s="1" t="s">
        <v>28130</v>
      </c>
      <c r="B40242" s="1" t="s">
        <v>135894</v>
      </c>
      <c r="C40242" s="1" t="s">
        <v>75</v>
      </c>
      <c r="D40242" s="1" t="s">
        <v>79245</v>
      </c>
      <c r="E40242" s="1" t="s">
        <v>111056</v>
      </c>
      <c r="F40242" s="1" t="s">
        <v>137990</v>
      </c>
      <c r="G40242" s="1" t="s">
        <v>137960</v>
      </c>
      <c r="H40242" s="1" t="s">
        <v>137961</v>
      </c>
      <c r="I40242" s="1" t="s">
        <v>135900</v>
      </c>
      <c r="J40242" s="1" t="s">
        <v>137991</v>
      </c>
    </row>
    <row r="40243" spans="1:10" x14ac:dyDescent="0.35">
      <c r="A40243" s="1" t="s">
        <v>28130</v>
      </c>
      <c r="B40243" s="1" t="s">
        <v>135894</v>
      </c>
      <c r="C40243" s="1" t="s">
        <v>80</v>
      </c>
      <c r="D40243" s="1" t="s">
        <v>2782</v>
      </c>
      <c r="E40243" s="1" t="s">
        <v>127845</v>
      </c>
      <c r="F40243" s="1" t="s">
        <v>137992</v>
      </c>
      <c r="G40243" s="1" t="s">
        <v>137960</v>
      </c>
      <c r="H40243" s="1" t="s">
        <v>137961</v>
      </c>
      <c r="I40243" s="1" t="s">
        <v>135900</v>
      </c>
      <c r="J40243" s="1" t="s">
        <v>137993</v>
      </c>
    </row>
    <row r="40244" spans="1:10" x14ac:dyDescent="0.35">
      <c r="A40244" s="1" t="s">
        <v>28130</v>
      </c>
      <c r="B40244" s="1" t="s">
        <v>135894</v>
      </c>
      <c r="C40244" s="1" t="s">
        <v>85</v>
      </c>
      <c r="D40244" s="1" t="s">
        <v>137994</v>
      </c>
      <c r="E40244" s="1" t="s">
        <v>129484</v>
      </c>
      <c r="F40244" s="1" t="s">
        <v>137995</v>
      </c>
      <c r="G40244" s="1" t="s">
        <v>137960</v>
      </c>
      <c r="H40244" s="1" t="s">
        <v>137961</v>
      </c>
      <c r="I40244" s="1" t="s">
        <v>135900</v>
      </c>
      <c r="J40244" s="1" t="s">
        <v>137996</v>
      </c>
    </row>
    <row r="40245" spans="1:10" x14ac:dyDescent="0.35">
      <c r="A40245" s="1" t="s">
        <v>28130</v>
      </c>
      <c r="B40245" s="1" t="s">
        <v>135894</v>
      </c>
      <c r="C40245" s="1" t="s">
        <v>90</v>
      </c>
      <c r="D40245" s="1" t="s">
        <v>24603</v>
      </c>
      <c r="E40245" s="1" t="s">
        <v>81190</v>
      </c>
      <c r="F40245" s="1" t="s">
        <v>137997</v>
      </c>
      <c r="G40245" s="1" t="s">
        <v>137960</v>
      </c>
      <c r="H40245" s="1" t="s">
        <v>137961</v>
      </c>
      <c r="I40245" s="1" t="s">
        <v>135900</v>
      </c>
      <c r="J40245" s="1" t="s">
        <v>137998</v>
      </c>
    </row>
    <row r="40246" spans="1:10" x14ac:dyDescent="0.35">
      <c r="A40246" s="1" t="s">
        <v>28130</v>
      </c>
      <c r="B40246" s="1" t="s">
        <v>135894</v>
      </c>
      <c r="C40246" s="1" t="s">
        <v>95</v>
      </c>
      <c r="D40246" s="1" t="s">
        <v>86094</v>
      </c>
      <c r="E40246" s="1" t="s">
        <v>130186</v>
      </c>
      <c r="F40246" s="1" t="s">
        <v>137999</v>
      </c>
      <c r="G40246" s="1" t="s">
        <v>137960</v>
      </c>
      <c r="H40246" s="1" t="s">
        <v>137961</v>
      </c>
      <c r="I40246" s="1" t="s">
        <v>135900</v>
      </c>
      <c r="J40246" s="1" t="s">
        <v>138000</v>
      </c>
    </row>
    <row r="40247" spans="1:10" x14ac:dyDescent="0.35">
      <c r="A40247" s="1" t="s">
        <v>28130</v>
      </c>
      <c r="B40247" s="1" t="s">
        <v>135894</v>
      </c>
      <c r="C40247" s="1" t="s">
        <v>100</v>
      </c>
      <c r="D40247" s="1" t="s">
        <v>68870</v>
      </c>
      <c r="E40247" s="1" t="s">
        <v>127110</v>
      </c>
      <c r="F40247" s="1" t="s">
        <v>138001</v>
      </c>
      <c r="G40247" s="1" t="s">
        <v>137960</v>
      </c>
      <c r="H40247" s="1" t="s">
        <v>137961</v>
      </c>
      <c r="I40247" s="1" t="s">
        <v>135900</v>
      </c>
      <c r="J40247" s="1" t="s">
        <v>138002</v>
      </c>
    </row>
    <row r="40248" spans="1:10" x14ac:dyDescent="0.35">
      <c r="A40248" s="1" t="s">
        <v>28130</v>
      </c>
      <c r="B40248" s="1" t="s">
        <v>135894</v>
      </c>
      <c r="C40248" s="1" t="s">
        <v>105</v>
      </c>
      <c r="D40248" s="1" t="s">
        <v>55519</v>
      </c>
      <c r="E40248" s="1" t="s">
        <v>131965</v>
      </c>
      <c r="F40248" s="1" t="s">
        <v>138003</v>
      </c>
      <c r="G40248" s="1" t="s">
        <v>137960</v>
      </c>
      <c r="H40248" s="1" t="s">
        <v>137961</v>
      </c>
      <c r="I40248" s="1" t="s">
        <v>135900</v>
      </c>
      <c r="J40248" s="1" t="s">
        <v>138004</v>
      </c>
    </row>
    <row r="40249" spans="1:10" x14ac:dyDescent="0.35">
      <c r="A40249" s="1" t="s">
        <v>28130</v>
      </c>
      <c r="B40249" s="1" t="s">
        <v>135894</v>
      </c>
      <c r="C40249" s="1" t="s">
        <v>110</v>
      </c>
      <c r="D40249" s="1" t="s">
        <v>138005</v>
      </c>
      <c r="E40249" s="1" t="s">
        <v>81150</v>
      </c>
      <c r="F40249" s="1" t="s">
        <v>138006</v>
      </c>
      <c r="G40249" s="1" t="s">
        <v>137960</v>
      </c>
      <c r="H40249" s="1" t="s">
        <v>137961</v>
      </c>
      <c r="I40249" s="1" t="s">
        <v>135900</v>
      </c>
      <c r="J40249" s="1" t="s">
        <v>138007</v>
      </c>
    </row>
    <row r="40250" spans="1:10" x14ac:dyDescent="0.35">
      <c r="A40250" s="1" t="s">
        <v>28130</v>
      </c>
      <c r="B40250" s="1" t="s">
        <v>135894</v>
      </c>
      <c r="C40250" s="1" t="s">
        <v>115</v>
      </c>
      <c r="D40250" s="1" t="s">
        <v>124739</v>
      </c>
      <c r="E40250" s="1" t="s">
        <v>138008</v>
      </c>
      <c r="F40250" s="1" t="s">
        <v>138009</v>
      </c>
      <c r="G40250" s="1" t="s">
        <v>137960</v>
      </c>
      <c r="H40250" s="1" t="s">
        <v>137961</v>
      </c>
      <c r="I40250" s="1" t="s">
        <v>135900</v>
      </c>
      <c r="J40250" s="1" t="s">
        <v>138010</v>
      </c>
    </row>
    <row r="40251" spans="1:10" x14ac:dyDescent="0.35">
      <c r="A40251" s="1" t="s">
        <v>28130</v>
      </c>
      <c r="B40251" s="1" t="s">
        <v>135894</v>
      </c>
      <c r="C40251" s="1" t="s">
        <v>120</v>
      </c>
      <c r="D40251" s="1" t="s">
        <v>84514</v>
      </c>
      <c r="E40251" s="1" t="s">
        <v>15508</v>
      </c>
      <c r="F40251" s="1" t="s">
        <v>138011</v>
      </c>
      <c r="G40251" s="1" t="s">
        <v>137960</v>
      </c>
      <c r="H40251" s="1" t="s">
        <v>137961</v>
      </c>
      <c r="I40251" s="1" t="s">
        <v>135900</v>
      </c>
      <c r="J40251" s="1" t="s">
        <v>138012</v>
      </c>
    </row>
    <row r="40252" spans="1:10" x14ac:dyDescent="0.35">
      <c r="A40252" s="1" t="s">
        <v>28130</v>
      </c>
      <c r="B40252" s="1" t="s">
        <v>135894</v>
      </c>
      <c r="C40252" s="1" t="s">
        <v>125</v>
      </c>
      <c r="D40252" s="1" t="s">
        <v>55771</v>
      </c>
      <c r="E40252" s="1" t="s">
        <v>138013</v>
      </c>
      <c r="F40252" s="1" t="s">
        <v>138014</v>
      </c>
      <c r="G40252" s="1" t="s">
        <v>137960</v>
      </c>
      <c r="H40252" s="1" t="s">
        <v>137961</v>
      </c>
      <c r="I40252" s="1" t="s">
        <v>135900</v>
      </c>
      <c r="J40252" s="1" t="s">
        <v>138015</v>
      </c>
    </row>
    <row r="40253" spans="1:10" x14ac:dyDescent="0.35">
      <c r="A40253" s="1" t="s">
        <v>28130</v>
      </c>
      <c r="B40253" s="1" t="s">
        <v>135894</v>
      </c>
      <c r="C40253" s="1" t="s">
        <v>130</v>
      </c>
      <c r="D40253" s="1" t="s">
        <v>138016</v>
      </c>
      <c r="E40253" s="1" t="s">
        <v>138017</v>
      </c>
      <c r="F40253" s="1" t="s">
        <v>138018</v>
      </c>
      <c r="G40253" s="1" t="s">
        <v>137960</v>
      </c>
      <c r="H40253" s="1" t="s">
        <v>137961</v>
      </c>
      <c r="I40253" s="1" t="s">
        <v>135900</v>
      </c>
      <c r="J40253" s="1" t="s">
        <v>138019</v>
      </c>
    </row>
    <row r="40254" spans="1:10" x14ac:dyDescent="0.35">
      <c r="A40254" s="1" t="s">
        <v>28130</v>
      </c>
      <c r="B40254" s="1" t="s">
        <v>135894</v>
      </c>
      <c r="C40254" s="1" t="s">
        <v>135</v>
      </c>
      <c r="D40254" s="1" t="s">
        <v>138020</v>
      </c>
      <c r="E40254" s="1" t="s">
        <v>106159</v>
      </c>
      <c r="F40254" s="1" t="s">
        <v>138021</v>
      </c>
      <c r="G40254" s="1" t="s">
        <v>137960</v>
      </c>
      <c r="H40254" s="1" t="s">
        <v>137961</v>
      </c>
      <c r="I40254" s="1" t="s">
        <v>135900</v>
      </c>
      <c r="J40254" s="1" t="s">
        <v>138022</v>
      </c>
    </row>
    <row r="40255" spans="1:10" x14ac:dyDescent="0.35">
      <c r="A40255" s="1" t="s">
        <v>28130</v>
      </c>
      <c r="B40255" s="1" t="s">
        <v>135894</v>
      </c>
      <c r="C40255" s="1" t="s">
        <v>140</v>
      </c>
      <c r="D40255" s="1" t="s">
        <v>138023</v>
      </c>
      <c r="E40255" s="1" t="s">
        <v>132853</v>
      </c>
      <c r="F40255" s="1" t="s">
        <v>138024</v>
      </c>
      <c r="G40255" s="1" t="s">
        <v>137960</v>
      </c>
      <c r="H40255" s="1" t="s">
        <v>137961</v>
      </c>
      <c r="I40255" s="1" t="s">
        <v>135900</v>
      </c>
      <c r="J40255" s="1" t="s">
        <v>138025</v>
      </c>
    </row>
    <row r="40256" spans="1:10" x14ac:dyDescent="0.35">
      <c r="A40256" s="1" t="s">
        <v>28130</v>
      </c>
      <c r="B40256" s="1" t="s">
        <v>135894</v>
      </c>
      <c r="C40256" s="1" t="s">
        <v>145</v>
      </c>
      <c r="D40256" s="1" t="s">
        <v>138026</v>
      </c>
      <c r="E40256" s="1" t="s">
        <v>108284</v>
      </c>
      <c r="F40256" s="1" t="s">
        <v>100157</v>
      </c>
      <c r="G40256" s="1" t="s">
        <v>137960</v>
      </c>
      <c r="H40256" s="1" t="s">
        <v>137961</v>
      </c>
      <c r="I40256" s="1" t="s">
        <v>135900</v>
      </c>
      <c r="J40256" s="1" t="s">
        <v>138027</v>
      </c>
    </row>
    <row r="40257" spans="1:10" x14ac:dyDescent="0.35">
      <c r="A40257" s="1" t="s">
        <v>28130</v>
      </c>
      <c r="B40257" s="1" t="s">
        <v>135894</v>
      </c>
      <c r="C40257" s="1" t="s">
        <v>150</v>
      </c>
      <c r="D40257" s="1" t="s">
        <v>80686</v>
      </c>
      <c r="E40257" s="1" t="s">
        <v>138028</v>
      </c>
      <c r="F40257" s="1" t="s">
        <v>138029</v>
      </c>
      <c r="G40257" s="1" t="s">
        <v>137960</v>
      </c>
      <c r="H40257" s="1" t="s">
        <v>137961</v>
      </c>
      <c r="I40257" s="1" t="s">
        <v>135900</v>
      </c>
      <c r="J40257" s="1" t="s">
        <v>138030</v>
      </c>
    </row>
    <row r="40258" spans="1:10" x14ac:dyDescent="0.35">
      <c r="A40258" s="1" t="s">
        <v>28130</v>
      </c>
      <c r="B40258" s="1" t="s">
        <v>135894</v>
      </c>
      <c r="C40258" s="1" t="s">
        <v>155</v>
      </c>
      <c r="D40258" s="1" t="s">
        <v>76772</v>
      </c>
      <c r="E40258" s="1" t="s">
        <v>127800</v>
      </c>
      <c r="F40258" s="1" t="s">
        <v>138031</v>
      </c>
      <c r="G40258" s="1" t="s">
        <v>137960</v>
      </c>
      <c r="H40258" s="1" t="s">
        <v>137961</v>
      </c>
      <c r="I40258" s="1" t="s">
        <v>135900</v>
      </c>
      <c r="J40258" s="1" t="s">
        <v>138032</v>
      </c>
    </row>
    <row r="40259" spans="1:10" x14ac:dyDescent="0.35">
      <c r="A40259" s="1" t="s">
        <v>28130</v>
      </c>
      <c r="B40259" s="1" t="s">
        <v>135894</v>
      </c>
      <c r="C40259" s="1" t="s">
        <v>160</v>
      </c>
      <c r="D40259" s="1" t="s">
        <v>4948</v>
      </c>
      <c r="E40259" s="1" t="s">
        <v>107635</v>
      </c>
      <c r="F40259" s="1" t="s">
        <v>138033</v>
      </c>
      <c r="G40259" s="1" t="s">
        <v>137960</v>
      </c>
      <c r="H40259" s="1" t="s">
        <v>137961</v>
      </c>
      <c r="I40259" s="1" t="s">
        <v>135900</v>
      </c>
      <c r="J40259" s="1" t="s">
        <v>138034</v>
      </c>
    </row>
    <row r="40260" spans="1:10" x14ac:dyDescent="0.35">
      <c r="A40260" s="1" t="s">
        <v>28130</v>
      </c>
      <c r="B40260" s="1" t="s">
        <v>135894</v>
      </c>
      <c r="C40260" s="1" t="s">
        <v>165</v>
      </c>
      <c r="D40260" s="1" t="s">
        <v>138035</v>
      </c>
      <c r="E40260" s="1" t="s">
        <v>107284</v>
      </c>
      <c r="F40260" s="1" t="s">
        <v>138036</v>
      </c>
      <c r="G40260" s="1" t="s">
        <v>137960</v>
      </c>
      <c r="H40260" s="1" t="s">
        <v>137961</v>
      </c>
      <c r="I40260" s="1" t="s">
        <v>135900</v>
      </c>
      <c r="J40260" s="1" t="s">
        <v>138037</v>
      </c>
    </row>
    <row r="40261" spans="1:10" x14ac:dyDescent="0.35">
      <c r="A40261" s="1" t="s">
        <v>28130</v>
      </c>
      <c r="B40261" s="1" t="s">
        <v>135894</v>
      </c>
      <c r="C40261" s="1" t="s">
        <v>170</v>
      </c>
      <c r="D40261" s="1" t="s">
        <v>136963</v>
      </c>
      <c r="E40261" s="1" t="s">
        <v>138038</v>
      </c>
      <c r="F40261" s="1" t="s">
        <v>138039</v>
      </c>
      <c r="G40261" s="1" t="s">
        <v>137960</v>
      </c>
      <c r="H40261" s="1" t="s">
        <v>137961</v>
      </c>
      <c r="I40261" s="1" t="s">
        <v>135900</v>
      </c>
      <c r="J40261" s="1" t="s">
        <v>138040</v>
      </c>
    </row>
    <row r="40262" spans="1:10" x14ac:dyDescent="0.35">
      <c r="A40262" s="1" t="s">
        <v>28502</v>
      </c>
      <c r="B40262" s="1" t="s">
        <v>135894</v>
      </c>
      <c r="C40262" s="1" t="s">
        <v>8</v>
      </c>
      <c r="D40262" s="1" t="s">
        <v>138041</v>
      </c>
      <c r="E40262" s="1" t="s">
        <v>138042</v>
      </c>
      <c r="F40262" s="1" t="s">
        <v>138043</v>
      </c>
      <c r="G40262" s="1" t="s">
        <v>138044</v>
      </c>
      <c r="H40262" s="1" t="s">
        <v>138045</v>
      </c>
      <c r="I40262" s="1" t="s">
        <v>135900</v>
      </c>
      <c r="J40262" s="1" t="s">
        <v>13</v>
      </c>
    </row>
    <row r="40263" spans="1:10" x14ac:dyDescent="0.35">
      <c r="A40263" s="1" t="s">
        <v>28502</v>
      </c>
      <c r="B40263" s="1" t="s">
        <v>135894</v>
      </c>
      <c r="C40263" s="1" t="s">
        <v>15</v>
      </c>
      <c r="D40263" s="1" t="s">
        <v>69358</v>
      </c>
      <c r="E40263" s="1" t="s">
        <v>138046</v>
      </c>
      <c r="F40263" s="1" t="s">
        <v>138047</v>
      </c>
      <c r="G40263" s="1" t="s">
        <v>138044</v>
      </c>
      <c r="H40263" s="1" t="s">
        <v>138045</v>
      </c>
      <c r="I40263" s="1" t="s">
        <v>135900</v>
      </c>
      <c r="J40263" s="1" t="s">
        <v>138048</v>
      </c>
    </row>
    <row r="40264" spans="1:10" x14ac:dyDescent="0.35">
      <c r="A40264" s="1" t="s">
        <v>28502</v>
      </c>
      <c r="B40264" s="1" t="s">
        <v>135894</v>
      </c>
      <c r="C40264" s="1" t="s">
        <v>20</v>
      </c>
      <c r="D40264" s="1" t="s">
        <v>83873</v>
      </c>
      <c r="E40264" s="1" t="s">
        <v>138049</v>
      </c>
      <c r="F40264" s="1" t="s">
        <v>138050</v>
      </c>
      <c r="G40264" s="1" t="s">
        <v>138044</v>
      </c>
      <c r="H40264" s="1" t="s">
        <v>138045</v>
      </c>
      <c r="I40264" s="1" t="s">
        <v>135900</v>
      </c>
      <c r="J40264" s="1" t="s">
        <v>138051</v>
      </c>
    </row>
    <row r="40265" spans="1:10" x14ac:dyDescent="0.35">
      <c r="A40265" s="1" t="s">
        <v>28502</v>
      </c>
      <c r="B40265" s="1" t="s">
        <v>135894</v>
      </c>
      <c r="C40265" s="1" t="s">
        <v>25</v>
      </c>
      <c r="D40265" s="1" t="s">
        <v>138052</v>
      </c>
      <c r="E40265" s="1" t="s">
        <v>138053</v>
      </c>
      <c r="F40265" s="1" t="s">
        <v>138054</v>
      </c>
      <c r="G40265" s="1" t="s">
        <v>138044</v>
      </c>
      <c r="H40265" s="1" t="s">
        <v>138045</v>
      </c>
      <c r="I40265" s="1" t="s">
        <v>135900</v>
      </c>
      <c r="J40265" s="1" t="s">
        <v>138055</v>
      </c>
    </row>
    <row r="40266" spans="1:10" x14ac:dyDescent="0.35">
      <c r="A40266" s="1" t="s">
        <v>28502</v>
      </c>
      <c r="B40266" s="1" t="s">
        <v>135894</v>
      </c>
      <c r="C40266" s="1" t="s">
        <v>30</v>
      </c>
      <c r="D40266" s="1" t="s">
        <v>108697</v>
      </c>
      <c r="E40266" s="1" t="s">
        <v>138056</v>
      </c>
      <c r="F40266" s="1" t="s">
        <v>138057</v>
      </c>
      <c r="G40266" s="1" t="s">
        <v>138044</v>
      </c>
      <c r="H40266" s="1" t="s">
        <v>138045</v>
      </c>
      <c r="I40266" s="1" t="s">
        <v>135900</v>
      </c>
      <c r="J40266" s="1" t="s">
        <v>138058</v>
      </c>
    </row>
    <row r="40267" spans="1:10" x14ac:dyDescent="0.35">
      <c r="A40267" s="1" t="s">
        <v>28502</v>
      </c>
      <c r="B40267" s="1" t="s">
        <v>135894</v>
      </c>
      <c r="C40267" s="1" t="s">
        <v>35</v>
      </c>
      <c r="D40267" s="1" t="s">
        <v>138059</v>
      </c>
      <c r="E40267" s="1" t="s">
        <v>138060</v>
      </c>
      <c r="F40267" s="1" t="s">
        <v>138061</v>
      </c>
      <c r="G40267" s="1" t="s">
        <v>138044</v>
      </c>
      <c r="H40267" s="1" t="s">
        <v>138045</v>
      </c>
      <c r="I40267" s="1" t="s">
        <v>135900</v>
      </c>
      <c r="J40267" s="1" t="s">
        <v>138062</v>
      </c>
    </row>
    <row r="40268" spans="1:10" x14ac:dyDescent="0.35">
      <c r="A40268" s="1" t="s">
        <v>28502</v>
      </c>
      <c r="B40268" s="1" t="s">
        <v>135894</v>
      </c>
      <c r="C40268" s="1" t="s">
        <v>40</v>
      </c>
      <c r="D40268" s="1" t="s">
        <v>124696</v>
      </c>
      <c r="E40268" s="1" t="s">
        <v>138063</v>
      </c>
      <c r="F40268" s="1" t="s">
        <v>138064</v>
      </c>
      <c r="G40268" s="1" t="s">
        <v>138044</v>
      </c>
      <c r="H40268" s="1" t="s">
        <v>138045</v>
      </c>
      <c r="I40268" s="1" t="s">
        <v>135900</v>
      </c>
      <c r="J40268" s="1" t="s">
        <v>138065</v>
      </c>
    </row>
    <row r="40269" spans="1:10" x14ac:dyDescent="0.35">
      <c r="A40269" s="1" t="s">
        <v>28502</v>
      </c>
      <c r="B40269" s="1" t="s">
        <v>135894</v>
      </c>
      <c r="C40269" s="1" t="s">
        <v>45</v>
      </c>
      <c r="D40269" s="1" t="s">
        <v>80037</v>
      </c>
      <c r="E40269" s="1" t="s">
        <v>138066</v>
      </c>
      <c r="F40269" s="1" t="s">
        <v>138067</v>
      </c>
      <c r="G40269" s="1" t="s">
        <v>138044</v>
      </c>
      <c r="H40269" s="1" t="s">
        <v>138045</v>
      </c>
      <c r="I40269" s="1" t="s">
        <v>135900</v>
      </c>
      <c r="J40269" s="1" t="s">
        <v>138068</v>
      </c>
    </row>
    <row r="40270" spans="1:10" x14ac:dyDescent="0.35">
      <c r="A40270" s="1" t="s">
        <v>28502</v>
      </c>
      <c r="B40270" s="1" t="s">
        <v>135894</v>
      </c>
      <c r="C40270" s="1" t="s">
        <v>50</v>
      </c>
      <c r="D40270" s="1" t="s">
        <v>138069</v>
      </c>
      <c r="E40270" s="1" t="s">
        <v>138070</v>
      </c>
      <c r="F40270" s="1" t="s">
        <v>138071</v>
      </c>
      <c r="G40270" s="1" t="s">
        <v>138044</v>
      </c>
      <c r="H40270" s="1" t="s">
        <v>138045</v>
      </c>
      <c r="I40270" s="1" t="s">
        <v>135900</v>
      </c>
      <c r="J40270" s="1" t="s">
        <v>138072</v>
      </c>
    </row>
    <row r="40271" spans="1:10" x14ac:dyDescent="0.35">
      <c r="A40271" s="1" t="s">
        <v>28502</v>
      </c>
      <c r="B40271" s="1" t="s">
        <v>135894</v>
      </c>
      <c r="C40271" s="1" t="s">
        <v>55</v>
      </c>
      <c r="D40271" s="1" t="s">
        <v>138073</v>
      </c>
      <c r="E40271" s="1" t="s">
        <v>138074</v>
      </c>
      <c r="F40271" s="1" t="s">
        <v>138075</v>
      </c>
      <c r="G40271" s="1" t="s">
        <v>138044</v>
      </c>
      <c r="H40271" s="1" t="s">
        <v>138045</v>
      </c>
      <c r="I40271" s="1" t="s">
        <v>135900</v>
      </c>
      <c r="J40271" s="1" t="s">
        <v>138076</v>
      </c>
    </row>
    <row r="40272" spans="1:10" x14ac:dyDescent="0.35">
      <c r="A40272" s="1" t="s">
        <v>28502</v>
      </c>
      <c r="B40272" s="1" t="s">
        <v>135894</v>
      </c>
      <c r="C40272" s="1" t="s">
        <v>60</v>
      </c>
      <c r="D40272" s="1" t="s">
        <v>52896</v>
      </c>
      <c r="E40272" s="1" t="s">
        <v>138077</v>
      </c>
      <c r="F40272" s="1" t="s">
        <v>138078</v>
      </c>
      <c r="G40272" s="1" t="s">
        <v>138044</v>
      </c>
      <c r="H40272" s="1" t="s">
        <v>138045</v>
      </c>
      <c r="I40272" s="1" t="s">
        <v>135900</v>
      </c>
      <c r="J40272" s="1" t="s">
        <v>138079</v>
      </c>
    </row>
    <row r="40273" spans="1:10" x14ac:dyDescent="0.35">
      <c r="A40273" s="1" t="s">
        <v>28502</v>
      </c>
      <c r="B40273" s="1" t="s">
        <v>135894</v>
      </c>
      <c r="C40273" s="1" t="s">
        <v>65</v>
      </c>
      <c r="D40273" s="1" t="s">
        <v>79816</v>
      </c>
      <c r="E40273" s="1" t="s">
        <v>138080</v>
      </c>
      <c r="F40273" s="1" t="s">
        <v>138081</v>
      </c>
      <c r="G40273" s="1" t="s">
        <v>138044</v>
      </c>
      <c r="H40273" s="1" t="s">
        <v>138045</v>
      </c>
      <c r="I40273" s="1" t="s">
        <v>135900</v>
      </c>
      <c r="J40273" s="1" t="s">
        <v>138082</v>
      </c>
    </row>
    <row r="40274" spans="1:10" x14ac:dyDescent="0.35">
      <c r="A40274" s="1" t="s">
        <v>28502</v>
      </c>
      <c r="B40274" s="1" t="s">
        <v>135894</v>
      </c>
      <c r="C40274" s="1" t="s">
        <v>70</v>
      </c>
      <c r="D40274" s="1" t="s">
        <v>89908</v>
      </c>
      <c r="E40274" s="1" t="s">
        <v>138083</v>
      </c>
      <c r="F40274" s="1" t="s">
        <v>138084</v>
      </c>
      <c r="G40274" s="1" t="s">
        <v>138044</v>
      </c>
      <c r="H40274" s="1" t="s">
        <v>138045</v>
      </c>
      <c r="I40274" s="1" t="s">
        <v>135900</v>
      </c>
      <c r="J40274" s="1" t="s">
        <v>138085</v>
      </c>
    </row>
    <row r="40275" spans="1:10" x14ac:dyDescent="0.35">
      <c r="A40275" s="1" t="s">
        <v>28502</v>
      </c>
      <c r="B40275" s="1" t="s">
        <v>135894</v>
      </c>
      <c r="C40275" s="1" t="s">
        <v>75</v>
      </c>
      <c r="D40275" s="1" t="s">
        <v>12259</v>
      </c>
      <c r="E40275" s="1" t="s">
        <v>138086</v>
      </c>
      <c r="F40275" s="1" t="s">
        <v>138087</v>
      </c>
      <c r="G40275" s="1" t="s">
        <v>138044</v>
      </c>
      <c r="H40275" s="1" t="s">
        <v>138045</v>
      </c>
      <c r="I40275" s="1" t="s">
        <v>135900</v>
      </c>
      <c r="J40275" s="1" t="s">
        <v>138088</v>
      </c>
    </row>
    <row r="40276" spans="1:10" x14ac:dyDescent="0.35">
      <c r="A40276" s="1" t="s">
        <v>28502</v>
      </c>
      <c r="B40276" s="1" t="s">
        <v>135894</v>
      </c>
      <c r="C40276" s="1" t="s">
        <v>80</v>
      </c>
      <c r="D40276" s="1" t="s">
        <v>138089</v>
      </c>
      <c r="E40276" s="1" t="s">
        <v>138090</v>
      </c>
      <c r="F40276" s="1" t="s">
        <v>138091</v>
      </c>
      <c r="G40276" s="1" t="s">
        <v>138044</v>
      </c>
      <c r="H40276" s="1" t="s">
        <v>138045</v>
      </c>
      <c r="I40276" s="1" t="s">
        <v>135900</v>
      </c>
      <c r="J40276" s="1" t="s">
        <v>138092</v>
      </c>
    </row>
    <row r="40277" spans="1:10" x14ac:dyDescent="0.35">
      <c r="A40277" s="1" t="s">
        <v>28502</v>
      </c>
      <c r="B40277" s="1" t="s">
        <v>135894</v>
      </c>
      <c r="C40277" s="1" t="s">
        <v>85</v>
      </c>
      <c r="D40277" s="1" t="s">
        <v>138093</v>
      </c>
      <c r="E40277" s="1" t="s">
        <v>138094</v>
      </c>
      <c r="F40277" s="1" t="s">
        <v>138095</v>
      </c>
      <c r="G40277" s="1" t="s">
        <v>138044</v>
      </c>
      <c r="H40277" s="1" t="s">
        <v>138045</v>
      </c>
      <c r="I40277" s="1" t="s">
        <v>135900</v>
      </c>
      <c r="J40277" s="1" t="s">
        <v>138096</v>
      </c>
    </row>
    <row r="40278" spans="1:10" x14ac:dyDescent="0.35">
      <c r="A40278" s="1" t="s">
        <v>28502</v>
      </c>
      <c r="B40278" s="1" t="s">
        <v>135894</v>
      </c>
      <c r="C40278" s="1" t="s">
        <v>90</v>
      </c>
      <c r="D40278" s="1" t="s">
        <v>138097</v>
      </c>
      <c r="E40278" s="1" t="s">
        <v>138098</v>
      </c>
      <c r="F40278" s="1" t="s">
        <v>138099</v>
      </c>
      <c r="G40278" s="1" t="s">
        <v>138044</v>
      </c>
      <c r="H40278" s="1" t="s">
        <v>138045</v>
      </c>
      <c r="I40278" s="1" t="s">
        <v>135900</v>
      </c>
      <c r="J40278" s="1" t="s">
        <v>138100</v>
      </c>
    </row>
    <row r="40279" spans="1:10" x14ac:dyDescent="0.35">
      <c r="A40279" s="1" t="s">
        <v>28502</v>
      </c>
      <c r="B40279" s="1" t="s">
        <v>135894</v>
      </c>
      <c r="C40279" s="1" t="s">
        <v>95</v>
      </c>
      <c r="D40279" s="1" t="s">
        <v>67082</v>
      </c>
      <c r="E40279" s="1" t="s">
        <v>138101</v>
      </c>
      <c r="F40279" s="1" t="s">
        <v>138102</v>
      </c>
      <c r="G40279" s="1" t="s">
        <v>138044</v>
      </c>
      <c r="H40279" s="1" t="s">
        <v>138045</v>
      </c>
      <c r="I40279" s="1" t="s">
        <v>135900</v>
      </c>
      <c r="J40279" s="1" t="s">
        <v>138103</v>
      </c>
    </row>
    <row r="40280" spans="1:10" x14ac:dyDescent="0.35">
      <c r="A40280" s="1" t="s">
        <v>28502</v>
      </c>
      <c r="B40280" s="1" t="s">
        <v>135894</v>
      </c>
      <c r="C40280" s="1" t="s">
        <v>100</v>
      </c>
      <c r="D40280" s="1" t="s">
        <v>79790</v>
      </c>
      <c r="E40280" s="1" t="s">
        <v>138104</v>
      </c>
      <c r="F40280" s="1" t="s">
        <v>138105</v>
      </c>
      <c r="G40280" s="1" t="s">
        <v>138044</v>
      </c>
      <c r="H40280" s="1" t="s">
        <v>138045</v>
      </c>
      <c r="I40280" s="1" t="s">
        <v>135900</v>
      </c>
      <c r="J40280" s="1" t="s">
        <v>138106</v>
      </c>
    </row>
    <row r="40281" spans="1:10" x14ac:dyDescent="0.35">
      <c r="A40281" s="1" t="s">
        <v>28502</v>
      </c>
      <c r="B40281" s="1" t="s">
        <v>135894</v>
      </c>
      <c r="C40281" s="1" t="s">
        <v>105</v>
      </c>
      <c r="D40281" s="1" t="s">
        <v>138107</v>
      </c>
      <c r="E40281" s="1" t="s">
        <v>138108</v>
      </c>
      <c r="F40281" s="1" t="s">
        <v>138109</v>
      </c>
      <c r="G40281" s="1" t="s">
        <v>138044</v>
      </c>
      <c r="H40281" s="1" t="s">
        <v>138045</v>
      </c>
      <c r="I40281" s="1" t="s">
        <v>135900</v>
      </c>
      <c r="J40281" s="1" t="s">
        <v>138110</v>
      </c>
    </row>
    <row r="40282" spans="1:10" x14ac:dyDescent="0.35">
      <c r="A40282" s="1" t="s">
        <v>28502</v>
      </c>
      <c r="B40282" s="1" t="s">
        <v>135894</v>
      </c>
      <c r="C40282" s="1" t="s">
        <v>110</v>
      </c>
      <c r="D40282" s="1" t="s">
        <v>103908</v>
      </c>
      <c r="E40282" s="1" t="s">
        <v>138111</v>
      </c>
      <c r="F40282" s="1" t="s">
        <v>138112</v>
      </c>
      <c r="G40282" s="1" t="s">
        <v>138044</v>
      </c>
      <c r="H40282" s="1" t="s">
        <v>138045</v>
      </c>
      <c r="I40282" s="1" t="s">
        <v>135900</v>
      </c>
      <c r="J40282" s="1" t="s">
        <v>138113</v>
      </c>
    </row>
    <row r="40283" spans="1:10" x14ac:dyDescent="0.35">
      <c r="A40283" s="1" t="s">
        <v>28502</v>
      </c>
      <c r="B40283" s="1" t="s">
        <v>135894</v>
      </c>
      <c r="C40283" s="1" t="s">
        <v>115</v>
      </c>
      <c r="D40283" s="1" t="s">
        <v>12311</v>
      </c>
      <c r="E40283" s="1" t="s">
        <v>138114</v>
      </c>
      <c r="F40283" s="1" t="s">
        <v>138115</v>
      </c>
      <c r="G40283" s="1" t="s">
        <v>138044</v>
      </c>
      <c r="H40283" s="1" t="s">
        <v>138045</v>
      </c>
      <c r="I40283" s="1" t="s">
        <v>135900</v>
      </c>
      <c r="J40283" s="1" t="s">
        <v>138116</v>
      </c>
    </row>
    <row r="40284" spans="1:10" x14ac:dyDescent="0.35">
      <c r="A40284" s="1" t="s">
        <v>28502</v>
      </c>
      <c r="B40284" s="1" t="s">
        <v>135894</v>
      </c>
      <c r="C40284" s="1" t="s">
        <v>120</v>
      </c>
      <c r="D40284" s="1" t="s">
        <v>64027</v>
      </c>
      <c r="E40284" s="1" t="s">
        <v>138117</v>
      </c>
      <c r="F40284" s="1" t="s">
        <v>138118</v>
      </c>
      <c r="G40284" s="1" t="s">
        <v>138044</v>
      </c>
      <c r="H40284" s="1" t="s">
        <v>138045</v>
      </c>
      <c r="I40284" s="1" t="s">
        <v>135900</v>
      </c>
      <c r="J40284" s="1" t="s">
        <v>138119</v>
      </c>
    </row>
    <row r="40285" spans="1:10" x14ac:dyDescent="0.35">
      <c r="A40285" s="1" t="s">
        <v>28502</v>
      </c>
      <c r="B40285" s="1" t="s">
        <v>135894</v>
      </c>
      <c r="C40285" s="1" t="s">
        <v>125</v>
      </c>
      <c r="D40285" s="1" t="s">
        <v>138120</v>
      </c>
      <c r="E40285" s="1" t="s">
        <v>138121</v>
      </c>
      <c r="F40285" s="1" t="s">
        <v>138122</v>
      </c>
      <c r="G40285" s="1" t="s">
        <v>138044</v>
      </c>
      <c r="H40285" s="1" t="s">
        <v>138045</v>
      </c>
      <c r="I40285" s="1" t="s">
        <v>135900</v>
      </c>
      <c r="J40285" s="1" t="s">
        <v>138123</v>
      </c>
    </row>
    <row r="40286" spans="1:10" x14ac:dyDescent="0.35">
      <c r="A40286" s="1" t="s">
        <v>28502</v>
      </c>
      <c r="B40286" s="1" t="s">
        <v>135894</v>
      </c>
      <c r="C40286" s="1" t="s">
        <v>130</v>
      </c>
      <c r="D40286" s="1" t="s">
        <v>60791</v>
      </c>
      <c r="E40286" s="1" t="s">
        <v>138124</v>
      </c>
      <c r="F40286" s="1" t="s">
        <v>138125</v>
      </c>
      <c r="G40286" s="1" t="s">
        <v>138044</v>
      </c>
      <c r="H40286" s="1" t="s">
        <v>138045</v>
      </c>
      <c r="I40286" s="1" t="s">
        <v>135900</v>
      </c>
      <c r="J40286" s="1" t="s">
        <v>138126</v>
      </c>
    </row>
    <row r="40287" spans="1:10" x14ac:dyDescent="0.35">
      <c r="A40287" s="1" t="s">
        <v>28502</v>
      </c>
      <c r="B40287" s="1" t="s">
        <v>135894</v>
      </c>
      <c r="C40287" s="1" t="s">
        <v>135</v>
      </c>
      <c r="D40287" s="1" t="s">
        <v>5871</v>
      </c>
      <c r="E40287" s="1" t="s">
        <v>138127</v>
      </c>
      <c r="F40287" s="1" t="s">
        <v>138128</v>
      </c>
      <c r="G40287" s="1" t="s">
        <v>138044</v>
      </c>
      <c r="H40287" s="1" t="s">
        <v>138045</v>
      </c>
      <c r="I40287" s="1" t="s">
        <v>135900</v>
      </c>
      <c r="J40287" s="1" t="s">
        <v>138129</v>
      </c>
    </row>
    <row r="40288" spans="1:10" x14ac:dyDescent="0.35">
      <c r="A40288" s="1" t="s">
        <v>28502</v>
      </c>
      <c r="B40288" s="1" t="s">
        <v>135894</v>
      </c>
      <c r="C40288" s="1" t="s">
        <v>140</v>
      </c>
      <c r="D40288" s="1" t="s">
        <v>101467</v>
      </c>
      <c r="E40288" s="1" t="s">
        <v>138130</v>
      </c>
      <c r="F40288" s="1" t="s">
        <v>138131</v>
      </c>
      <c r="G40288" s="1" t="s">
        <v>138044</v>
      </c>
      <c r="H40288" s="1" t="s">
        <v>138045</v>
      </c>
      <c r="I40288" s="1" t="s">
        <v>135900</v>
      </c>
      <c r="J40288" s="1" t="s">
        <v>138132</v>
      </c>
    </row>
    <row r="40289" spans="1:10" x14ac:dyDescent="0.35">
      <c r="A40289" s="1" t="s">
        <v>28502</v>
      </c>
      <c r="B40289" s="1" t="s">
        <v>135894</v>
      </c>
      <c r="C40289" s="1" t="s">
        <v>145</v>
      </c>
      <c r="D40289" s="1" t="s">
        <v>106292</v>
      </c>
      <c r="E40289" s="1" t="s">
        <v>138133</v>
      </c>
      <c r="F40289" s="1" t="s">
        <v>138134</v>
      </c>
      <c r="G40289" s="1" t="s">
        <v>138044</v>
      </c>
      <c r="H40289" s="1" t="s">
        <v>138045</v>
      </c>
      <c r="I40289" s="1" t="s">
        <v>135900</v>
      </c>
      <c r="J40289" s="1" t="s">
        <v>138135</v>
      </c>
    </row>
    <row r="40290" spans="1:10" x14ac:dyDescent="0.35">
      <c r="A40290" s="1" t="s">
        <v>28502</v>
      </c>
      <c r="B40290" s="1" t="s">
        <v>135894</v>
      </c>
      <c r="C40290" s="1" t="s">
        <v>150</v>
      </c>
      <c r="D40290" s="1" t="s">
        <v>138136</v>
      </c>
      <c r="E40290" s="1" t="s">
        <v>138137</v>
      </c>
      <c r="F40290" s="1" t="s">
        <v>138138</v>
      </c>
      <c r="G40290" s="1" t="s">
        <v>138044</v>
      </c>
      <c r="H40290" s="1" t="s">
        <v>138045</v>
      </c>
      <c r="I40290" s="1" t="s">
        <v>135900</v>
      </c>
      <c r="J40290" s="1" t="s">
        <v>138139</v>
      </c>
    </row>
    <row r="40291" spans="1:10" x14ac:dyDescent="0.35">
      <c r="A40291" s="1" t="s">
        <v>28502</v>
      </c>
      <c r="B40291" s="1" t="s">
        <v>135894</v>
      </c>
      <c r="C40291" s="1" t="s">
        <v>155</v>
      </c>
      <c r="D40291" s="1" t="s">
        <v>67167</v>
      </c>
      <c r="E40291" s="1" t="s">
        <v>138140</v>
      </c>
      <c r="F40291" s="1" t="s">
        <v>138141</v>
      </c>
      <c r="G40291" s="1" t="s">
        <v>138044</v>
      </c>
      <c r="H40291" s="1" t="s">
        <v>138045</v>
      </c>
      <c r="I40291" s="1" t="s">
        <v>135900</v>
      </c>
      <c r="J40291" s="1" t="s">
        <v>138142</v>
      </c>
    </row>
    <row r="40292" spans="1:10" x14ac:dyDescent="0.35">
      <c r="A40292" s="1" t="s">
        <v>28502</v>
      </c>
      <c r="B40292" s="1" t="s">
        <v>135894</v>
      </c>
      <c r="C40292" s="1" t="s">
        <v>160</v>
      </c>
      <c r="D40292" s="1" t="s">
        <v>53830</v>
      </c>
      <c r="E40292" s="1" t="s">
        <v>138143</v>
      </c>
      <c r="F40292" s="1" t="s">
        <v>138144</v>
      </c>
      <c r="G40292" s="1" t="s">
        <v>138044</v>
      </c>
      <c r="H40292" s="1" t="s">
        <v>138045</v>
      </c>
      <c r="I40292" s="1" t="s">
        <v>135900</v>
      </c>
      <c r="J40292" s="1" t="s">
        <v>138145</v>
      </c>
    </row>
    <row r="40293" spans="1:10" x14ac:dyDescent="0.35">
      <c r="A40293" s="1" t="s">
        <v>28502</v>
      </c>
      <c r="B40293" s="1" t="s">
        <v>135894</v>
      </c>
      <c r="C40293" s="1" t="s">
        <v>165</v>
      </c>
      <c r="D40293" s="1" t="s">
        <v>138146</v>
      </c>
      <c r="E40293" s="1" t="s">
        <v>138147</v>
      </c>
      <c r="F40293" s="1" t="s">
        <v>138148</v>
      </c>
      <c r="G40293" s="1" t="s">
        <v>138044</v>
      </c>
      <c r="H40293" s="1" t="s">
        <v>138045</v>
      </c>
      <c r="I40293" s="1" t="s">
        <v>135900</v>
      </c>
      <c r="J40293" s="1" t="s">
        <v>138149</v>
      </c>
    </row>
    <row r="40294" spans="1:10" x14ac:dyDescent="0.35">
      <c r="A40294" s="1" t="s">
        <v>28502</v>
      </c>
      <c r="B40294" s="1" t="s">
        <v>135894</v>
      </c>
      <c r="C40294" s="1" t="s">
        <v>170</v>
      </c>
      <c r="D40294" s="1" t="s">
        <v>101108</v>
      </c>
      <c r="E40294" s="1" t="s">
        <v>138150</v>
      </c>
      <c r="F40294" s="1" t="s">
        <v>138151</v>
      </c>
      <c r="G40294" s="1" t="s">
        <v>138044</v>
      </c>
      <c r="H40294" s="1" t="s">
        <v>138045</v>
      </c>
      <c r="I40294" s="1" t="s">
        <v>135900</v>
      </c>
      <c r="J40294" s="1" t="s">
        <v>138152</v>
      </c>
    </row>
    <row r="40295" spans="1:10" x14ac:dyDescent="0.35">
      <c r="A40295" s="1" t="s">
        <v>9364</v>
      </c>
      <c r="B40295" s="1" t="s">
        <v>135894</v>
      </c>
      <c r="C40295" s="1" t="s">
        <v>8</v>
      </c>
      <c r="D40295" s="1" t="s">
        <v>138153</v>
      </c>
      <c r="E40295" s="1" t="s">
        <v>138154</v>
      </c>
      <c r="F40295" s="1" t="s">
        <v>138155</v>
      </c>
      <c r="G40295" s="1" t="s">
        <v>138156</v>
      </c>
      <c r="H40295" s="1" t="s">
        <v>138157</v>
      </c>
      <c r="I40295" s="1" t="s">
        <v>135900</v>
      </c>
      <c r="J40295" s="1" t="s">
        <v>13</v>
      </c>
    </row>
    <row r="40296" spans="1:10" x14ac:dyDescent="0.35">
      <c r="A40296" s="1" t="s">
        <v>9364</v>
      </c>
      <c r="B40296" s="1" t="s">
        <v>135894</v>
      </c>
      <c r="C40296" s="1" t="s">
        <v>15</v>
      </c>
      <c r="D40296" s="1" t="s">
        <v>138158</v>
      </c>
      <c r="E40296" s="1" t="s">
        <v>138159</v>
      </c>
      <c r="F40296" s="1" t="s">
        <v>138160</v>
      </c>
      <c r="G40296" s="1" t="s">
        <v>138156</v>
      </c>
      <c r="H40296" s="1" t="s">
        <v>138157</v>
      </c>
      <c r="I40296" s="1" t="s">
        <v>135900</v>
      </c>
      <c r="J40296" s="1" t="s">
        <v>138161</v>
      </c>
    </row>
    <row r="40297" spans="1:10" x14ac:dyDescent="0.35">
      <c r="A40297" s="1" t="s">
        <v>9364</v>
      </c>
      <c r="B40297" s="1" t="s">
        <v>135894</v>
      </c>
      <c r="C40297" s="1" t="s">
        <v>20</v>
      </c>
      <c r="D40297" s="1" t="s">
        <v>138162</v>
      </c>
      <c r="E40297" s="1" t="s">
        <v>138163</v>
      </c>
      <c r="F40297" s="1" t="s">
        <v>138164</v>
      </c>
      <c r="G40297" s="1" t="s">
        <v>138156</v>
      </c>
      <c r="H40297" s="1" t="s">
        <v>138157</v>
      </c>
      <c r="I40297" s="1" t="s">
        <v>135900</v>
      </c>
      <c r="J40297" s="1" t="s">
        <v>138165</v>
      </c>
    </row>
    <row r="40298" spans="1:10" x14ac:dyDescent="0.35">
      <c r="A40298" s="1" t="s">
        <v>9364</v>
      </c>
      <c r="B40298" s="1" t="s">
        <v>135894</v>
      </c>
      <c r="C40298" s="1" t="s">
        <v>25</v>
      </c>
      <c r="D40298" s="1" t="s">
        <v>138166</v>
      </c>
      <c r="E40298" s="1" t="s">
        <v>138167</v>
      </c>
      <c r="F40298" s="1" t="s">
        <v>138168</v>
      </c>
      <c r="G40298" s="1" t="s">
        <v>138156</v>
      </c>
      <c r="H40298" s="1" t="s">
        <v>138157</v>
      </c>
      <c r="I40298" s="1" t="s">
        <v>135900</v>
      </c>
      <c r="J40298" s="1" t="s">
        <v>138169</v>
      </c>
    </row>
    <row r="40299" spans="1:10" x14ac:dyDescent="0.35">
      <c r="A40299" s="1" t="s">
        <v>9364</v>
      </c>
      <c r="B40299" s="1" t="s">
        <v>135894</v>
      </c>
      <c r="C40299" s="1" t="s">
        <v>30</v>
      </c>
      <c r="D40299" s="1" t="s">
        <v>26324</v>
      </c>
      <c r="E40299" s="1" t="s">
        <v>138170</v>
      </c>
      <c r="F40299" s="1" t="s">
        <v>138171</v>
      </c>
      <c r="G40299" s="1" t="s">
        <v>138156</v>
      </c>
      <c r="H40299" s="1" t="s">
        <v>138157</v>
      </c>
      <c r="I40299" s="1" t="s">
        <v>135900</v>
      </c>
      <c r="J40299" s="1" t="s">
        <v>138172</v>
      </c>
    </row>
    <row r="40300" spans="1:10" x14ac:dyDescent="0.35">
      <c r="A40300" s="1" t="s">
        <v>9364</v>
      </c>
      <c r="B40300" s="1" t="s">
        <v>135894</v>
      </c>
      <c r="C40300" s="1" t="s">
        <v>35</v>
      </c>
      <c r="D40300" s="1" t="s">
        <v>64009</v>
      </c>
      <c r="E40300" s="1" t="s">
        <v>138173</v>
      </c>
      <c r="F40300" s="1" t="s">
        <v>138174</v>
      </c>
      <c r="G40300" s="1" t="s">
        <v>138156</v>
      </c>
      <c r="H40300" s="1" t="s">
        <v>138157</v>
      </c>
      <c r="I40300" s="1" t="s">
        <v>135900</v>
      </c>
      <c r="J40300" s="1" t="s">
        <v>138175</v>
      </c>
    </row>
    <row r="40301" spans="1:10" x14ac:dyDescent="0.35">
      <c r="A40301" s="1" t="s">
        <v>9364</v>
      </c>
      <c r="B40301" s="1" t="s">
        <v>135894</v>
      </c>
      <c r="C40301" s="1" t="s">
        <v>40</v>
      </c>
      <c r="D40301" s="1" t="s">
        <v>26701</v>
      </c>
      <c r="E40301" s="1" t="s">
        <v>138176</v>
      </c>
      <c r="F40301" s="1" t="s">
        <v>138177</v>
      </c>
      <c r="G40301" s="1" t="s">
        <v>138156</v>
      </c>
      <c r="H40301" s="1" t="s">
        <v>138157</v>
      </c>
      <c r="I40301" s="1" t="s">
        <v>135900</v>
      </c>
      <c r="J40301" s="1" t="s">
        <v>138178</v>
      </c>
    </row>
    <row r="40302" spans="1:10" x14ac:dyDescent="0.35">
      <c r="A40302" s="1" t="s">
        <v>9364</v>
      </c>
      <c r="B40302" s="1" t="s">
        <v>135894</v>
      </c>
      <c r="C40302" s="1" t="s">
        <v>45</v>
      </c>
      <c r="D40302" s="1" t="s">
        <v>66692</v>
      </c>
      <c r="E40302" s="1" t="s">
        <v>138179</v>
      </c>
      <c r="F40302" s="1" t="s">
        <v>138180</v>
      </c>
      <c r="G40302" s="1" t="s">
        <v>138156</v>
      </c>
      <c r="H40302" s="1" t="s">
        <v>138157</v>
      </c>
      <c r="I40302" s="1" t="s">
        <v>135900</v>
      </c>
      <c r="J40302" s="1" t="s">
        <v>138181</v>
      </c>
    </row>
    <row r="40303" spans="1:10" x14ac:dyDescent="0.35">
      <c r="A40303" s="1" t="s">
        <v>9364</v>
      </c>
      <c r="B40303" s="1" t="s">
        <v>135894</v>
      </c>
      <c r="C40303" s="1" t="s">
        <v>50</v>
      </c>
      <c r="D40303" s="1" t="s">
        <v>101274</v>
      </c>
      <c r="E40303" s="1" t="s">
        <v>138182</v>
      </c>
      <c r="F40303" s="1" t="s">
        <v>138183</v>
      </c>
      <c r="G40303" s="1" t="s">
        <v>138156</v>
      </c>
      <c r="H40303" s="1" t="s">
        <v>138157</v>
      </c>
      <c r="I40303" s="1" t="s">
        <v>135900</v>
      </c>
      <c r="J40303" s="1" t="s">
        <v>138184</v>
      </c>
    </row>
    <row r="40304" spans="1:10" x14ac:dyDescent="0.35">
      <c r="A40304" s="1" t="s">
        <v>9364</v>
      </c>
      <c r="B40304" s="1" t="s">
        <v>135894</v>
      </c>
      <c r="C40304" s="1" t="s">
        <v>55</v>
      </c>
      <c r="D40304" s="1" t="s">
        <v>133543</v>
      </c>
      <c r="E40304" s="1" t="s">
        <v>138185</v>
      </c>
      <c r="F40304" s="1" t="s">
        <v>138186</v>
      </c>
      <c r="G40304" s="1" t="s">
        <v>138156</v>
      </c>
      <c r="H40304" s="1" t="s">
        <v>138157</v>
      </c>
      <c r="I40304" s="1" t="s">
        <v>135900</v>
      </c>
      <c r="J40304" s="1" t="s">
        <v>138187</v>
      </c>
    </row>
    <row r="40305" spans="1:10" x14ac:dyDescent="0.35">
      <c r="A40305" s="1" t="s">
        <v>9364</v>
      </c>
      <c r="B40305" s="1" t="s">
        <v>135894</v>
      </c>
      <c r="C40305" s="1" t="s">
        <v>60</v>
      </c>
      <c r="D40305" s="1" t="s">
        <v>66696</v>
      </c>
      <c r="E40305" s="1" t="s">
        <v>138188</v>
      </c>
      <c r="F40305" s="1" t="s">
        <v>138189</v>
      </c>
      <c r="G40305" s="1" t="s">
        <v>138156</v>
      </c>
      <c r="H40305" s="1" t="s">
        <v>138157</v>
      </c>
      <c r="I40305" s="1" t="s">
        <v>135900</v>
      </c>
      <c r="J40305" s="1" t="s">
        <v>138190</v>
      </c>
    </row>
    <row r="40306" spans="1:10" x14ac:dyDescent="0.35">
      <c r="A40306" s="1" t="s">
        <v>9364</v>
      </c>
      <c r="B40306" s="1" t="s">
        <v>135894</v>
      </c>
      <c r="C40306" s="1" t="s">
        <v>65</v>
      </c>
      <c r="D40306" s="1" t="s">
        <v>107225</v>
      </c>
      <c r="E40306" s="1" t="s">
        <v>138191</v>
      </c>
      <c r="F40306" s="1" t="s">
        <v>138192</v>
      </c>
      <c r="G40306" s="1" t="s">
        <v>138156</v>
      </c>
      <c r="H40306" s="1" t="s">
        <v>138157</v>
      </c>
      <c r="I40306" s="1" t="s">
        <v>135900</v>
      </c>
      <c r="J40306" s="1" t="s">
        <v>138193</v>
      </c>
    </row>
    <row r="40307" spans="1:10" x14ac:dyDescent="0.35">
      <c r="A40307" s="1" t="s">
        <v>9364</v>
      </c>
      <c r="B40307" s="1" t="s">
        <v>135894</v>
      </c>
      <c r="C40307" s="1" t="s">
        <v>70</v>
      </c>
      <c r="D40307" s="1" t="s">
        <v>91248</v>
      </c>
      <c r="E40307" s="1" t="s">
        <v>138194</v>
      </c>
      <c r="F40307" s="1" t="s">
        <v>138195</v>
      </c>
      <c r="G40307" s="1" t="s">
        <v>138156</v>
      </c>
      <c r="H40307" s="1" t="s">
        <v>138157</v>
      </c>
      <c r="I40307" s="1" t="s">
        <v>135900</v>
      </c>
      <c r="J40307" s="1" t="s">
        <v>138196</v>
      </c>
    </row>
    <row r="40308" spans="1:10" x14ac:dyDescent="0.35">
      <c r="A40308" s="1" t="s">
        <v>9364</v>
      </c>
      <c r="B40308" s="1" t="s">
        <v>135894</v>
      </c>
      <c r="C40308" s="1" t="s">
        <v>75</v>
      </c>
      <c r="D40308" s="1" t="s">
        <v>138197</v>
      </c>
      <c r="E40308" s="1" t="s">
        <v>138198</v>
      </c>
      <c r="F40308" s="1" t="s">
        <v>138199</v>
      </c>
      <c r="G40308" s="1" t="s">
        <v>138156</v>
      </c>
      <c r="H40308" s="1" t="s">
        <v>138157</v>
      </c>
      <c r="I40308" s="1" t="s">
        <v>135900</v>
      </c>
      <c r="J40308" s="1" t="s">
        <v>138200</v>
      </c>
    </row>
    <row r="40309" spans="1:10" x14ac:dyDescent="0.35">
      <c r="A40309" s="1" t="s">
        <v>9364</v>
      </c>
      <c r="B40309" s="1" t="s">
        <v>135894</v>
      </c>
      <c r="C40309" s="1" t="s">
        <v>80</v>
      </c>
      <c r="D40309" s="1" t="s">
        <v>93986</v>
      </c>
      <c r="E40309" s="1" t="s">
        <v>138201</v>
      </c>
      <c r="F40309" s="1" t="s">
        <v>138202</v>
      </c>
      <c r="G40309" s="1" t="s">
        <v>138156</v>
      </c>
      <c r="H40309" s="1" t="s">
        <v>138157</v>
      </c>
      <c r="I40309" s="1" t="s">
        <v>135900</v>
      </c>
      <c r="J40309" s="1" t="s">
        <v>138203</v>
      </c>
    </row>
    <row r="40310" spans="1:10" x14ac:dyDescent="0.35">
      <c r="A40310" s="1" t="s">
        <v>9364</v>
      </c>
      <c r="B40310" s="1" t="s">
        <v>135894</v>
      </c>
      <c r="C40310" s="1" t="s">
        <v>85</v>
      </c>
      <c r="D40310" s="1" t="s">
        <v>138204</v>
      </c>
      <c r="E40310" s="1" t="s">
        <v>138205</v>
      </c>
      <c r="F40310" s="1" t="s">
        <v>138206</v>
      </c>
      <c r="G40310" s="1" t="s">
        <v>138156</v>
      </c>
      <c r="H40310" s="1" t="s">
        <v>138157</v>
      </c>
      <c r="I40310" s="1" t="s">
        <v>135900</v>
      </c>
      <c r="J40310" s="1" t="s">
        <v>138207</v>
      </c>
    </row>
    <row r="40311" spans="1:10" x14ac:dyDescent="0.35">
      <c r="A40311" s="1" t="s">
        <v>9364</v>
      </c>
      <c r="B40311" s="1" t="s">
        <v>135894</v>
      </c>
      <c r="C40311" s="1" t="s">
        <v>90</v>
      </c>
      <c r="D40311" s="1" t="s">
        <v>138208</v>
      </c>
      <c r="E40311" s="1" t="s">
        <v>138209</v>
      </c>
      <c r="F40311" s="1" t="s">
        <v>138210</v>
      </c>
      <c r="G40311" s="1" t="s">
        <v>138156</v>
      </c>
      <c r="H40311" s="1" t="s">
        <v>138157</v>
      </c>
      <c r="I40311" s="1" t="s">
        <v>135900</v>
      </c>
      <c r="J40311" s="1" t="s">
        <v>138211</v>
      </c>
    </row>
    <row r="40312" spans="1:10" x14ac:dyDescent="0.35">
      <c r="A40312" s="1" t="s">
        <v>9364</v>
      </c>
      <c r="B40312" s="1" t="s">
        <v>135894</v>
      </c>
      <c r="C40312" s="1" t="s">
        <v>95</v>
      </c>
      <c r="D40312" s="1" t="s">
        <v>63741</v>
      </c>
      <c r="E40312" s="1" t="s">
        <v>138212</v>
      </c>
      <c r="F40312" s="1" t="s">
        <v>138213</v>
      </c>
      <c r="G40312" s="1" t="s">
        <v>138156</v>
      </c>
      <c r="H40312" s="1" t="s">
        <v>138157</v>
      </c>
      <c r="I40312" s="1" t="s">
        <v>135900</v>
      </c>
      <c r="J40312" s="1" t="s">
        <v>138214</v>
      </c>
    </row>
    <row r="40313" spans="1:10" x14ac:dyDescent="0.35">
      <c r="A40313" s="1" t="s">
        <v>9364</v>
      </c>
      <c r="B40313" s="1" t="s">
        <v>135894</v>
      </c>
      <c r="C40313" s="1" t="s">
        <v>100</v>
      </c>
      <c r="D40313" s="1" t="s">
        <v>59827</v>
      </c>
      <c r="E40313" s="1" t="s">
        <v>138215</v>
      </c>
      <c r="F40313" s="1" t="s">
        <v>138216</v>
      </c>
      <c r="G40313" s="1" t="s">
        <v>138156</v>
      </c>
      <c r="H40313" s="1" t="s">
        <v>138157</v>
      </c>
      <c r="I40313" s="1" t="s">
        <v>135900</v>
      </c>
      <c r="J40313" s="1" t="s">
        <v>138217</v>
      </c>
    </row>
    <row r="40314" spans="1:10" x14ac:dyDescent="0.35">
      <c r="A40314" s="1" t="s">
        <v>9364</v>
      </c>
      <c r="B40314" s="1" t="s">
        <v>135894</v>
      </c>
      <c r="C40314" s="1" t="s">
        <v>105</v>
      </c>
      <c r="D40314" s="1" t="s">
        <v>138218</v>
      </c>
      <c r="E40314" s="1" t="s">
        <v>138219</v>
      </c>
      <c r="F40314" s="1" t="s">
        <v>138220</v>
      </c>
      <c r="G40314" s="1" t="s">
        <v>138156</v>
      </c>
      <c r="H40314" s="1" t="s">
        <v>138157</v>
      </c>
      <c r="I40314" s="1" t="s">
        <v>135900</v>
      </c>
      <c r="J40314" s="1" t="s">
        <v>138221</v>
      </c>
    </row>
    <row r="40315" spans="1:10" x14ac:dyDescent="0.35">
      <c r="A40315" s="1" t="s">
        <v>9364</v>
      </c>
      <c r="B40315" s="1" t="s">
        <v>135894</v>
      </c>
      <c r="C40315" s="1" t="s">
        <v>110</v>
      </c>
      <c r="D40315" s="1" t="s">
        <v>138222</v>
      </c>
      <c r="E40315" s="1" t="s">
        <v>138223</v>
      </c>
      <c r="F40315" s="1" t="s">
        <v>138224</v>
      </c>
      <c r="G40315" s="1" t="s">
        <v>138156</v>
      </c>
      <c r="H40315" s="1" t="s">
        <v>138157</v>
      </c>
      <c r="I40315" s="1" t="s">
        <v>135900</v>
      </c>
      <c r="J40315" s="1" t="s">
        <v>138225</v>
      </c>
    </row>
    <row r="40316" spans="1:10" x14ac:dyDescent="0.35">
      <c r="A40316" s="1" t="s">
        <v>9364</v>
      </c>
      <c r="B40316" s="1" t="s">
        <v>135894</v>
      </c>
      <c r="C40316" s="1" t="s">
        <v>115</v>
      </c>
      <c r="D40316" s="1" t="s">
        <v>90494</v>
      </c>
      <c r="E40316" s="1" t="s">
        <v>138226</v>
      </c>
      <c r="F40316" s="1" t="s">
        <v>138227</v>
      </c>
      <c r="G40316" s="1" t="s">
        <v>138156</v>
      </c>
      <c r="H40316" s="1" t="s">
        <v>138157</v>
      </c>
      <c r="I40316" s="1" t="s">
        <v>135900</v>
      </c>
      <c r="J40316" s="1" t="s">
        <v>138228</v>
      </c>
    </row>
    <row r="40317" spans="1:10" x14ac:dyDescent="0.35">
      <c r="A40317" s="1" t="s">
        <v>9364</v>
      </c>
      <c r="B40317" s="1" t="s">
        <v>135894</v>
      </c>
      <c r="C40317" s="1" t="s">
        <v>120</v>
      </c>
      <c r="D40317" s="1" t="s">
        <v>138229</v>
      </c>
      <c r="E40317" s="1" t="s">
        <v>138230</v>
      </c>
      <c r="F40317" s="1" t="s">
        <v>138231</v>
      </c>
      <c r="G40317" s="1" t="s">
        <v>138156</v>
      </c>
      <c r="H40317" s="1" t="s">
        <v>138157</v>
      </c>
      <c r="I40317" s="1" t="s">
        <v>135900</v>
      </c>
      <c r="J40317" s="1" t="s">
        <v>138232</v>
      </c>
    </row>
    <row r="40318" spans="1:10" x14ac:dyDescent="0.35">
      <c r="A40318" s="1" t="s">
        <v>9364</v>
      </c>
      <c r="B40318" s="1" t="s">
        <v>135894</v>
      </c>
      <c r="C40318" s="1" t="s">
        <v>125</v>
      </c>
      <c r="D40318" s="1" t="s">
        <v>5835</v>
      </c>
      <c r="E40318" s="1" t="s">
        <v>138233</v>
      </c>
      <c r="F40318" s="1" t="s">
        <v>138234</v>
      </c>
      <c r="G40318" s="1" t="s">
        <v>138156</v>
      </c>
      <c r="H40318" s="1" t="s">
        <v>138157</v>
      </c>
      <c r="I40318" s="1" t="s">
        <v>135900</v>
      </c>
      <c r="J40318" s="1" t="s">
        <v>138235</v>
      </c>
    </row>
    <row r="40319" spans="1:10" x14ac:dyDescent="0.35">
      <c r="A40319" s="1" t="s">
        <v>9364</v>
      </c>
      <c r="B40319" s="1" t="s">
        <v>135894</v>
      </c>
      <c r="C40319" s="1" t="s">
        <v>130</v>
      </c>
      <c r="D40319" s="1" t="s">
        <v>58066</v>
      </c>
      <c r="E40319" s="1" t="s">
        <v>138236</v>
      </c>
      <c r="F40319" s="1" t="s">
        <v>138237</v>
      </c>
      <c r="G40319" s="1" t="s">
        <v>138156</v>
      </c>
      <c r="H40319" s="1" t="s">
        <v>138157</v>
      </c>
      <c r="I40319" s="1" t="s">
        <v>135900</v>
      </c>
      <c r="J40319" s="1" t="s">
        <v>138238</v>
      </c>
    </row>
    <row r="40320" spans="1:10" x14ac:dyDescent="0.35">
      <c r="A40320" s="1" t="s">
        <v>9364</v>
      </c>
      <c r="B40320" s="1" t="s">
        <v>135894</v>
      </c>
      <c r="C40320" s="1" t="s">
        <v>135</v>
      </c>
      <c r="D40320" s="1" t="s">
        <v>33285</v>
      </c>
      <c r="E40320" s="1" t="s">
        <v>138239</v>
      </c>
      <c r="F40320" s="1" t="s">
        <v>138240</v>
      </c>
      <c r="G40320" s="1" t="s">
        <v>138156</v>
      </c>
      <c r="H40320" s="1" t="s">
        <v>138157</v>
      </c>
      <c r="I40320" s="1" t="s">
        <v>135900</v>
      </c>
      <c r="J40320" s="1" t="s">
        <v>138241</v>
      </c>
    </row>
    <row r="40321" spans="1:10" x14ac:dyDescent="0.35">
      <c r="A40321" s="1" t="s">
        <v>9364</v>
      </c>
      <c r="B40321" s="1" t="s">
        <v>135894</v>
      </c>
      <c r="C40321" s="1" t="s">
        <v>140</v>
      </c>
      <c r="D40321" s="1" t="s">
        <v>138242</v>
      </c>
      <c r="E40321" s="1" t="s">
        <v>138243</v>
      </c>
      <c r="F40321" s="1" t="s">
        <v>138244</v>
      </c>
      <c r="G40321" s="1" t="s">
        <v>138156</v>
      </c>
      <c r="H40321" s="1" t="s">
        <v>138157</v>
      </c>
      <c r="I40321" s="1" t="s">
        <v>135900</v>
      </c>
      <c r="J40321" s="1" t="s">
        <v>138245</v>
      </c>
    </row>
    <row r="40322" spans="1:10" x14ac:dyDescent="0.35">
      <c r="A40322" s="1" t="s">
        <v>9364</v>
      </c>
      <c r="B40322" s="1" t="s">
        <v>135894</v>
      </c>
      <c r="C40322" s="1" t="s">
        <v>145</v>
      </c>
      <c r="D40322" s="1" t="s">
        <v>15145</v>
      </c>
      <c r="E40322" s="1" t="s">
        <v>138246</v>
      </c>
      <c r="F40322" s="1" t="s">
        <v>138247</v>
      </c>
      <c r="G40322" s="1" t="s">
        <v>138156</v>
      </c>
      <c r="H40322" s="1" t="s">
        <v>138157</v>
      </c>
      <c r="I40322" s="1" t="s">
        <v>135900</v>
      </c>
      <c r="J40322" s="1" t="s">
        <v>138248</v>
      </c>
    </row>
    <row r="40323" spans="1:10" x14ac:dyDescent="0.35">
      <c r="A40323" s="1" t="s">
        <v>9364</v>
      </c>
      <c r="B40323" s="1" t="s">
        <v>135894</v>
      </c>
      <c r="C40323" s="1" t="s">
        <v>150</v>
      </c>
      <c r="D40323" s="1" t="s">
        <v>138249</v>
      </c>
      <c r="E40323" s="1" t="s">
        <v>138250</v>
      </c>
      <c r="F40323" s="1" t="s">
        <v>138251</v>
      </c>
      <c r="G40323" s="1" t="s">
        <v>138156</v>
      </c>
      <c r="H40323" s="1" t="s">
        <v>138157</v>
      </c>
      <c r="I40323" s="1" t="s">
        <v>135900</v>
      </c>
      <c r="J40323" s="1" t="s">
        <v>138252</v>
      </c>
    </row>
    <row r="40324" spans="1:10" x14ac:dyDescent="0.35">
      <c r="A40324" s="1" t="s">
        <v>9364</v>
      </c>
      <c r="B40324" s="1" t="s">
        <v>135894</v>
      </c>
      <c r="C40324" s="1" t="s">
        <v>155</v>
      </c>
      <c r="D40324" s="1" t="s">
        <v>106169</v>
      </c>
      <c r="E40324" s="1" t="s">
        <v>138253</v>
      </c>
      <c r="F40324" s="1" t="s">
        <v>138254</v>
      </c>
      <c r="G40324" s="1" t="s">
        <v>138156</v>
      </c>
      <c r="H40324" s="1" t="s">
        <v>138157</v>
      </c>
      <c r="I40324" s="1" t="s">
        <v>135900</v>
      </c>
      <c r="J40324" s="1" t="s">
        <v>74040</v>
      </c>
    </row>
    <row r="40325" spans="1:10" x14ac:dyDescent="0.35">
      <c r="A40325" s="1" t="s">
        <v>9364</v>
      </c>
      <c r="B40325" s="1" t="s">
        <v>135894</v>
      </c>
      <c r="C40325" s="1" t="s">
        <v>160</v>
      </c>
      <c r="D40325" s="1" t="s">
        <v>43111</v>
      </c>
      <c r="E40325" s="1" t="s">
        <v>138255</v>
      </c>
      <c r="F40325" s="1" t="s">
        <v>138256</v>
      </c>
      <c r="G40325" s="1" t="s">
        <v>138156</v>
      </c>
      <c r="H40325" s="1" t="s">
        <v>138157</v>
      </c>
      <c r="I40325" s="1" t="s">
        <v>135900</v>
      </c>
      <c r="J40325" s="1" t="s">
        <v>138257</v>
      </c>
    </row>
    <row r="40326" spans="1:10" x14ac:dyDescent="0.35">
      <c r="A40326" s="1" t="s">
        <v>9364</v>
      </c>
      <c r="B40326" s="1" t="s">
        <v>135894</v>
      </c>
      <c r="C40326" s="1" t="s">
        <v>165</v>
      </c>
      <c r="D40326" s="1" t="s">
        <v>59466</v>
      </c>
      <c r="E40326" s="1" t="s">
        <v>138258</v>
      </c>
      <c r="F40326" s="1" t="s">
        <v>138259</v>
      </c>
      <c r="G40326" s="1" t="s">
        <v>138156</v>
      </c>
      <c r="H40326" s="1" t="s">
        <v>138157</v>
      </c>
      <c r="I40326" s="1" t="s">
        <v>135900</v>
      </c>
      <c r="J40326" s="1" t="s">
        <v>138260</v>
      </c>
    </row>
    <row r="40327" spans="1:10" x14ac:dyDescent="0.35">
      <c r="A40327" s="1" t="s">
        <v>9364</v>
      </c>
      <c r="B40327" s="1" t="s">
        <v>135894</v>
      </c>
      <c r="C40327" s="1" t="s">
        <v>170</v>
      </c>
      <c r="D40327" s="1" t="s">
        <v>138261</v>
      </c>
      <c r="E40327" s="1" t="s">
        <v>138262</v>
      </c>
      <c r="F40327" s="1" t="s">
        <v>138263</v>
      </c>
      <c r="G40327" s="1" t="s">
        <v>138156</v>
      </c>
      <c r="H40327" s="1" t="s">
        <v>138157</v>
      </c>
      <c r="I40327" s="1" t="s">
        <v>135900</v>
      </c>
      <c r="J40327" s="1" t="s">
        <v>138264</v>
      </c>
    </row>
    <row r="40328" spans="1:10" x14ac:dyDescent="0.35">
      <c r="A40328" s="1" t="s">
        <v>28141</v>
      </c>
      <c r="B40328" s="1" t="s">
        <v>135894</v>
      </c>
      <c r="C40328" s="1" t="s">
        <v>8</v>
      </c>
      <c r="D40328" s="1" t="s">
        <v>65382</v>
      </c>
      <c r="E40328" s="1" t="s">
        <v>138265</v>
      </c>
      <c r="F40328" s="1" t="s">
        <v>138266</v>
      </c>
      <c r="G40328" s="1" t="s">
        <v>138267</v>
      </c>
      <c r="H40328" s="1" t="s">
        <v>138268</v>
      </c>
      <c r="I40328" s="1" t="s">
        <v>135900</v>
      </c>
      <c r="J40328" s="1" t="s">
        <v>13</v>
      </c>
    </row>
    <row r="40329" spans="1:10" x14ac:dyDescent="0.35">
      <c r="A40329" s="1" t="s">
        <v>28141</v>
      </c>
      <c r="B40329" s="1" t="s">
        <v>135894</v>
      </c>
      <c r="C40329" s="1" t="s">
        <v>15</v>
      </c>
      <c r="D40329" s="1" t="s">
        <v>91582</v>
      </c>
      <c r="E40329" s="1" t="s">
        <v>138269</v>
      </c>
      <c r="F40329" s="1" t="s">
        <v>138270</v>
      </c>
      <c r="G40329" s="1" t="s">
        <v>138267</v>
      </c>
      <c r="H40329" s="1" t="s">
        <v>138268</v>
      </c>
      <c r="I40329" s="1" t="s">
        <v>135900</v>
      </c>
      <c r="J40329" s="1" t="s">
        <v>138271</v>
      </c>
    </row>
    <row r="40330" spans="1:10" x14ac:dyDescent="0.35">
      <c r="A40330" s="1" t="s">
        <v>28141</v>
      </c>
      <c r="B40330" s="1" t="s">
        <v>135894</v>
      </c>
      <c r="C40330" s="1" t="s">
        <v>20</v>
      </c>
      <c r="D40330" s="1" t="s">
        <v>68394</v>
      </c>
      <c r="E40330" s="1" t="s">
        <v>138272</v>
      </c>
      <c r="F40330" s="1" t="s">
        <v>138273</v>
      </c>
      <c r="G40330" s="1" t="s">
        <v>138267</v>
      </c>
      <c r="H40330" s="1" t="s">
        <v>138268</v>
      </c>
      <c r="I40330" s="1" t="s">
        <v>135900</v>
      </c>
      <c r="J40330" s="1" t="s">
        <v>138274</v>
      </c>
    </row>
    <row r="40331" spans="1:10" x14ac:dyDescent="0.35">
      <c r="A40331" s="1" t="s">
        <v>28141</v>
      </c>
      <c r="B40331" s="1" t="s">
        <v>135894</v>
      </c>
      <c r="C40331" s="1" t="s">
        <v>25</v>
      </c>
      <c r="D40331" s="1" t="s">
        <v>40254</v>
      </c>
      <c r="E40331" s="1" t="s">
        <v>138275</v>
      </c>
      <c r="F40331" s="1" t="s">
        <v>138276</v>
      </c>
      <c r="G40331" s="1" t="s">
        <v>138267</v>
      </c>
      <c r="H40331" s="1" t="s">
        <v>138268</v>
      </c>
      <c r="I40331" s="1" t="s">
        <v>135900</v>
      </c>
      <c r="J40331" s="1" t="s">
        <v>138277</v>
      </c>
    </row>
    <row r="40332" spans="1:10" x14ac:dyDescent="0.35">
      <c r="A40332" s="1" t="s">
        <v>28141</v>
      </c>
      <c r="B40332" s="1" t="s">
        <v>135894</v>
      </c>
      <c r="C40332" s="1" t="s">
        <v>30</v>
      </c>
      <c r="D40332" s="1" t="s">
        <v>22671</v>
      </c>
      <c r="E40332" s="1" t="s">
        <v>138278</v>
      </c>
      <c r="F40332" s="1" t="s">
        <v>138279</v>
      </c>
      <c r="G40332" s="1" t="s">
        <v>138267</v>
      </c>
      <c r="H40332" s="1" t="s">
        <v>138268</v>
      </c>
      <c r="I40332" s="1" t="s">
        <v>135900</v>
      </c>
      <c r="J40332" s="1" t="s">
        <v>138280</v>
      </c>
    </row>
    <row r="40333" spans="1:10" x14ac:dyDescent="0.35">
      <c r="A40333" s="1" t="s">
        <v>28141</v>
      </c>
      <c r="B40333" s="1" t="s">
        <v>135894</v>
      </c>
      <c r="C40333" s="1" t="s">
        <v>35</v>
      </c>
      <c r="D40333" s="1" t="s">
        <v>26729</v>
      </c>
      <c r="E40333" s="1" t="s">
        <v>138281</v>
      </c>
      <c r="F40333" s="1" t="s">
        <v>138282</v>
      </c>
      <c r="G40333" s="1" t="s">
        <v>138267</v>
      </c>
      <c r="H40333" s="1" t="s">
        <v>138268</v>
      </c>
      <c r="I40333" s="1" t="s">
        <v>135900</v>
      </c>
      <c r="J40333" s="1" t="s">
        <v>138283</v>
      </c>
    </row>
    <row r="40334" spans="1:10" x14ac:dyDescent="0.35">
      <c r="A40334" s="1" t="s">
        <v>28141</v>
      </c>
      <c r="B40334" s="1" t="s">
        <v>135894</v>
      </c>
      <c r="C40334" s="1" t="s">
        <v>40</v>
      </c>
      <c r="D40334" s="1" t="s">
        <v>138284</v>
      </c>
      <c r="E40334" s="1" t="s">
        <v>138285</v>
      </c>
      <c r="F40334" s="1" t="s">
        <v>138286</v>
      </c>
      <c r="G40334" s="1" t="s">
        <v>138267</v>
      </c>
      <c r="H40334" s="1" t="s">
        <v>138268</v>
      </c>
      <c r="I40334" s="1" t="s">
        <v>135900</v>
      </c>
      <c r="J40334" s="1" t="s">
        <v>138287</v>
      </c>
    </row>
    <row r="40335" spans="1:10" x14ac:dyDescent="0.35">
      <c r="A40335" s="1" t="s">
        <v>28141</v>
      </c>
      <c r="B40335" s="1" t="s">
        <v>135894</v>
      </c>
      <c r="C40335" s="1" t="s">
        <v>45</v>
      </c>
      <c r="D40335" s="1" t="s">
        <v>134830</v>
      </c>
      <c r="E40335" s="1" t="s">
        <v>138288</v>
      </c>
      <c r="F40335" s="1" t="s">
        <v>138289</v>
      </c>
      <c r="G40335" s="1" t="s">
        <v>138267</v>
      </c>
      <c r="H40335" s="1" t="s">
        <v>138268</v>
      </c>
      <c r="I40335" s="1" t="s">
        <v>135900</v>
      </c>
      <c r="J40335" s="1" t="s">
        <v>138290</v>
      </c>
    </row>
    <row r="40336" spans="1:10" x14ac:dyDescent="0.35">
      <c r="A40336" s="1" t="s">
        <v>28141</v>
      </c>
      <c r="B40336" s="1" t="s">
        <v>135894</v>
      </c>
      <c r="C40336" s="1" t="s">
        <v>50</v>
      </c>
      <c r="D40336" s="1" t="s">
        <v>26376</v>
      </c>
      <c r="E40336" s="1" t="s">
        <v>138291</v>
      </c>
      <c r="F40336" s="1" t="s">
        <v>138292</v>
      </c>
      <c r="G40336" s="1" t="s">
        <v>138267</v>
      </c>
      <c r="H40336" s="1" t="s">
        <v>138268</v>
      </c>
      <c r="I40336" s="1" t="s">
        <v>135900</v>
      </c>
      <c r="J40336" s="1" t="s">
        <v>138293</v>
      </c>
    </row>
    <row r="40337" spans="1:10" x14ac:dyDescent="0.35">
      <c r="A40337" s="1" t="s">
        <v>28141</v>
      </c>
      <c r="B40337" s="1" t="s">
        <v>135894</v>
      </c>
      <c r="C40337" s="1" t="s">
        <v>55</v>
      </c>
      <c r="D40337" s="1" t="s">
        <v>138294</v>
      </c>
      <c r="E40337" s="1" t="s">
        <v>138295</v>
      </c>
      <c r="F40337" s="1" t="s">
        <v>138296</v>
      </c>
      <c r="G40337" s="1" t="s">
        <v>138267</v>
      </c>
      <c r="H40337" s="1" t="s">
        <v>138268</v>
      </c>
      <c r="I40337" s="1" t="s">
        <v>135900</v>
      </c>
      <c r="J40337" s="1" t="s">
        <v>138297</v>
      </c>
    </row>
    <row r="40338" spans="1:10" x14ac:dyDescent="0.35">
      <c r="A40338" s="1" t="s">
        <v>28141</v>
      </c>
      <c r="B40338" s="1" t="s">
        <v>135894</v>
      </c>
      <c r="C40338" s="1" t="s">
        <v>60</v>
      </c>
      <c r="D40338" s="1" t="s">
        <v>138298</v>
      </c>
      <c r="E40338" s="1" t="s">
        <v>138299</v>
      </c>
      <c r="F40338" s="1" t="s">
        <v>138300</v>
      </c>
      <c r="G40338" s="1" t="s">
        <v>138267</v>
      </c>
      <c r="H40338" s="1" t="s">
        <v>138268</v>
      </c>
      <c r="I40338" s="1" t="s">
        <v>135900</v>
      </c>
      <c r="J40338" s="1" t="s">
        <v>138301</v>
      </c>
    </row>
    <row r="40339" spans="1:10" x14ac:dyDescent="0.35">
      <c r="A40339" s="1" t="s">
        <v>28141</v>
      </c>
      <c r="B40339" s="1" t="s">
        <v>135894</v>
      </c>
      <c r="C40339" s="1" t="s">
        <v>65</v>
      </c>
      <c r="D40339" s="1" t="s">
        <v>84292</v>
      </c>
      <c r="E40339" s="1" t="s">
        <v>138302</v>
      </c>
      <c r="F40339" s="1" t="s">
        <v>138303</v>
      </c>
      <c r="G40339" s="1" t="s">
        <v>138267</v>
      </c>
      <c r="H40339" s="1" t="s">
        <v>138268</v>
      </c>
      <c r="I40339" s="1" t="s">
        <v>135900</v>
      </c>
      <c r="J40339" s="1" t="s">
        <v>138304</v>
      </c>
    </row>
    <row r="40340" spans="1:10" x14ac:dyDescent="0.35">
      <c r="A40340" s="1" t="s">
        <v>28141</v>
      </c>
      <c r="B40340" s="1" t="s">
        <v>135894</v>
      </c>
      <c r="C40340" s="1" t="s">
        <v>70</v>
      </c>
      <c r="D40340" s="1" t="s">
        <v>67113</v>
      </c>
      <c r="E40340" s="1" t="s">
        <v>138305</v>
      </c>
      <c r="F40340" s="1" t="s">
        <v>138306</v>
      </c>
      <c r="G40340" s="1" t="s">
        <v>138267</v>
      </c>
      <c r="H40340" s="1" t="s">
        <v>138268</v>
      </c>
      <c r="I40340" s="1" t="s">
        <v>135900</v>
      </c>
      <c r="J40340" s="1" t="s">
        <v>138307</v>
      </c>
    </row>
    <row r="40341" spans="1:10" x14ac:dyDescent="0.35">
      <c r="A40341" s="1" t="s">
        <v>28141</v>
      </c>
      <c r="B40341" s="1" t="s">
        <v>135894</v>
      </c>
      <c r="C40341" s="1" t="s">
        <v>75</v>
      </c>
      <c r="D40341" s="1" t="s">
        <v>89679</v>
      </c>
      <c r="E40341" s="1" t="s">
        <v>138308</v>
      </c>
      <c r="F40341" s="1" t="s">
        <v>138309</v>
      </c>
      <c r="G40341" s="1" t="s">
        <v>138267</v>
      </c>
      <c r="H40341" s="1" t="s">
        <v>138268</v>
      </c>
      <c r="I40341" s="1" t="s">
        <v>135900</v>
      </c>
      <c r="J40341" s="1" t="s">
        <v>138310</v>
      </c>
    </row>
    <row r="40342" spans="1:10" x14ac:dyDescent="0.35">
      <c r="A40342" s="1" t="s">
        <v>28141</v>
      </c>
      <c r="B40342" s="1" t="s">
        <v>135894</v>
      </c>
      <c r="C40342" s="1" t="s">
        <v>80</v>
      </c>
      <c r="D40342" s="1" t="s">
        <v>89969</v>
      </c>
      <c r="E40342" s="1" t="s">
        <v>138311</v>
      </c>
      <c r="F40342" s="1" t="s">
        <v>138312</v>
      </c>
      <c r="G40342" s="1" t="s">
        <v>138267</v>
      </c>
      <c r="H40342" s="1" t="s">
        <v>138268</v>
      </c>
      <c r="I40342" s="1" t="s">
        <v>135900</v>
      </c>
      <c r="J40342" s="1" t="s">
        <v>138313</v>
      </c>
    </row>
    <row r="40343" spans="1:10" x14ac:dyDescent="0.35">
      <c r="A40343" s="1" t="s">
        <v>28141</v>
      </c>
      <c r="B40343" s="1" t="s">
        <v>135894</v>
      </c>
      <c r="C40343" s="1" t="s">
        <v>85</v>
      </c>
      <c r="D40343" s="1" t="s">
        <v>138314</v>
      </c>
      <c r="E40343" s="1" t="s">
        <v>138315</v>
      </c>
      <c r="F40343" s="1" t="s">
        <v>138316</v>
      </c>
      <c r="G40343" s="1" t="s">
        <v>138267</v>
      </c>
      <c r="H40343" s="1" t="s">
        <v>138268</v>
      </c>
      <c r="I40343" s="1" t="s">
        <v>135900</v>
      </c>
      <c r="J40343" s="1" t="s">
        <v>138317</v>
      </c>
    </row>
    <row r="40344" spans="1:10" x14ac:dyDescent="0.35">
      <c r="A40344" s="1" t="s">
        <v>28141</v>
      </c>
      <c r="B40344" s="1" t="s">
        <v>135894</v>
      </c>
      <c r="C40344" s="1" t="s">
        <v>90</v>
      </c>
      <c r="D40344" s="1" t="s">
        <v>61760</v>
      </c>
      <c r="E40344" s="1" t="s">
        <v>138318</v>
      </c>
      <c r="F40344" s="1" t="s">
        <v>138319</v>
      </c>
      <c r="G40344" s="1" t="s">
        <v>138267</v>
      </c>
      <c r="H40344" s="1" t="s">
        <v>138268</v>
      </c>
      <c r="I40344" s="1" t="s">
        <v>135900</v>
      </c>
      <c r="J40344" s="1" t="s">
        <v>138320</v>
      </c>
    </row>
    <row r="40345" spans="1:10" x14ac:dyDescent="0.35">
      <c r="A40345" s="1" t="s">
        <v>28141</v>
      </c>
      <c r="B40345" s="1" t="s">
        <v>135894</v>
      </c>
      <c r="C40345" s="1" t="s">
        <v>95</v>
      </c>
      <c r="D40345" s="1" t="s">
        <v>138321</v>
      </c>
      <c r="E40345" s="1" t="s">
        <v>138322</v>
      </c>
      <c r="F40345" s="1" t="s">
        <v>138323</v>
      </c>
      <c r="G40345" s="1" t="s">
        <v>138267</v>
      </c>
      <c r="H40345" s="1" t="s">
        <v>138268</v>
      </c>
      <c r="I40345" s="1" t="s">
        <v>135900</v>
      </c>
      <c r="J40345" s="1" t="s">
        <v>138324</v>
      </c>
    </row>
    <row r="40346" spans="1:10" x14ac:dyDescent="0.35">
      <c r="A40346" s="1" t="s">
        <v>28141</v>
      </c>
      <c r="B40346" s="1" t="s">
        <v>135894</v>
      </c>
      <c r="C40346" s="1" t="s">
        <v>100</v>
      </c>
      <c r="D40346" s="1" t="s">
        <v>39864</v>
      </c>
      <c r="E40346" s="1" t="s">
        <v>138325</v>
      </c>
      <c r="F40346" s="1" t="s">
        <v>138326</v>
      </c>
      <c r="G40346" s="1" t="s">
        <v>138267</v>
      </c>
      <c r="H40346" s="1" t="s">
        <v>138268</v>
      </c>
      <c r="I40346" s="1" t="s">
        <v>135900</v>
      </c>
      <c r="J40346" s="1" t="s">
        <v>138327</v>
      </c>
    </row>
    <row r="40347" spans="1:10" x14ac:dyDescent="0.35">
      <c r="A40347" s="1" t="s">
        <v>28141</v>
      </c>
      <c r="B40347" s="1" t="s">
        <v>135894</v>
      </c>
      <c r="C40347" s="1" t="s">
        <v>105</v>
      </c>
      <c r="D40347" s="1" t="s">
        <v>78601</v>
      </c>
      <c r="E40347" s="1" t="s">
        <v>138328</v>
      </c>
      <c r="F40347" s="1" t="s">
        <v>138329</v>
      </c>
      <c r="G40347" s="1" t="s">
        <v>138267</v>
      </c>
      <c r="H40347" s="1" t="s">
        <v>138268</v>
      </c>
      <c r="I40347" s="1" t="s">
        <v>135900</v>
      </c>
      <c r="J40347" s="1" t="s">
        <v>138330</v>
      </c>
    </row>
    <row r="40348" spans="1:10" x14ac:dyDescent="0.35">
      <c r="A40348" s="1" t="s">
        <v>28141</v>
      </c>
      <c r="B40348" s="1" t="s">
        <v>135894</v>
      </c>
      <c r="C40348" s="1" t="s">
        <v>110</v>
      </c>
      <c r="D40348" s="1" t="s">
        <v>80682</v>
      </c>
      <c r="E40348" s="1" t="s">
        <v>138331</v>
      </c>
      <c r="F40348" s="1" t="s">
        <v>138332</v>
      </c>
      <c r="G40348" s="1" t="s">
        <v>138267</v>
      </c>
      <c r="H40348" s="1" t="s">
        <v>138268</v>
      </c>
      <c r="I40348" s="1" t="s">
        <v>135900</v>
      </c>
      <c r="J40348" s="1" t="s">
        <v>138333</v>
      </c>
    </row>
    <row r="40349" spans="1:10" x14ac:dyDescent="0.35">
      <c r="A40349" s="1" t="s">
        <v>28141</v>
      </c>
      <c r="B40349" s="1" t="s">
        <v>135894</v>
      </c>
      <c r="C40349" s="1" t="s">
        <v>115</v>
      </c>
      <c r="D40349" s="1" t="s">
        <v>138334</v>
      </c>
      <c r="E40349" s="1" t="s">
        <v>138335</v>
      </c>
      <c r="F40349" s="1" t="s">
        <v>138336</v>
      </c>
      <c r="G40349" s="1" t="s">
        <v>138267</v>
      </c>
      <c r="H40349" s="1" t="s">
        <v>138268</v>
      </c>
      <c r="I40349" s="1" t="s">
        <v>135900</v>
      </c>
      <c r="J40349" s="1" t="s">
        <v>138337</v>
      </c>
    </row>
    <row r="40350" spans="1:10" x14ac:dyDescent="0.35">
      <c r="A40350" s="1" t="s">
        <v>28141</v>
      </c>
      <c r="B40350" s="1" t="s">
        <v>135894</v>
      </c>
      <c r="C40350" s="1" t="s">
        <v>120</v>
      </c>
      <c r="D40350" s="1" t="s">
        <v>138338</v>
      </c>
      <c r="E40350" s="1" t="s">
        <v>138339</v>
      </c>
      <c r="F40350" s="1" t="s">
        <v>138340</v>
      </c>
      <c r="G40350" s="1" t="s">
        <v>138267</v>
      </c>
      <c r="H40350" s="1" t="s">
        <v>138268</v>
      </c>
      <c r="I40350" s="1" t="s">
        <v>135900</v>
      </c>
      <c r="J40350" s="1" t="s">
        <v>138341</v>
      </c>
    </row>
    <row r="40351" spans="1:10" x14ac:dyDescent="0.35">
      <c r="A40351" s="1" t="s">
        <v>28141</v>
      </c>
      <c r="B40351" s="1" t="s">
        <v>135894</v>
      </c>
      <c r="C40351" s="1" t="s">
        <v>125</v>
      </c>
      <c r="D40351" s="1" t="s">
        <v>138342</v>
      </c>
      <c r="E40351" s="1" t="s">
        <v>138343</v>
      </c>
      <c r="F40351" s="1" t="s">
        <v>138344</v>
      </c>
      <c r="G40351" s="1" t="s">
        <v>138267</v>
      </c>
      <c r="H40351" s="1" t="s">
        <v>138268</v>
      </c>
      <c r="I40351" s="1" t="s">
        <v>135900</v>
      </c>
      <c r="J40351" s="1" t="s">
        <v>138345</v>
      </c>
    </row>
    <row r="40352" spans="1:10" x14ac:dyDescent="0.35">
      <c r="A40352" s="1" t="s">
        <v>28141</v>
      </c>
      <c r="B40352" s="1" t="s">
        <v>135894</v>
      </c>
      <c r="C40352" s="1" t="s">
        <v>130</v>
      </c>
      <c r="D40352" s="1" t="s">
        <v>138346</v>
      </c>
      <c r="E40352" s="1" t="s">
        <v>138347</v>
      </c>
      <c r="F40352" s="1" t="s">
        <v>138348</v>
      </c>
      <c r="G40352" s="1" t="s">
        <v>138267</v>
      </c>
      <c r="H40352" s="1" t="s">
        <v>138268</v>
      </c>
      <c r="I40352" s="1" t="s">
        <v>135900</v>
      </c>
      <c r="J40352" s="1" t="s">
        <v>138349</v>
      </c>
    </row>
    <row r="40353" spans="1:10" x14ac:dyDescent="0.35">
      <c r="A40353" s="1" t="s">
        <v>28141</v>
      </c>
      <c r="B40353" s="1" t="s">
        <v>135894</v>
      </c>
      <c r="C40353" s="1" t="s">
        <v>135</v>
      </c>
      <c r="D40353" s="1" t="s">
        <v>138350</v>
      </c>
      <c r="E40353" s="1" t="s">
        <v>138351</v>
      </c>
      <c r="F40353" s="1" t="s">
        <v>138352</v>
      </c>
      <c r="G40353" s="1" t="s">
        <v>138267</v>
      </c>
      <c r="H40353" s="1" t="s">
        <v>138268</v>
      </c>
      <c r="I40353" s="1" t="s">
        <v>135900</v>
      </c>
      <c r="J40353" s="1" t="s">
        <v>138353</v>
      </c>
    </row>
    <row r="40354" spans="1:10" x14ac:dyDescent="0.35">
      <c r="A40354" s="1" t="s">
        <v>28141</v>
      </c>
      <c r="B40354" s="1" t="s">
        <v>135894</v>
      </c>
      <c r="C40354" s="1" t="s">
        <v>140</v>
      </c>
      <c r="D40354" s="1" t="s">
        <v>63799</v>
      </c>
      <c r="E40354" s="1" t="s">
        <v>138354</v>
      </c>
      <c r="F40354" s="1" t="s">
        <v>138355</v>
      </c>
      <c r="G40354" s="1" t="s">
        <v>138267</v>
      </c>
      <c r="H40354" s="1" t="s">
        <v>138268</v>
      </c>
      <c r="I40354" s="1" t="s">
        <v>135900</v>
      </c>
      <c r="J40354" s="1" t="s">
        <v>50751</v>
      </c>
    </row>
    <row r="40355" spans="1:10" x14ac:dyDescent="0.35">
      <c r="A40355" s="1" t="s">
        <v>28141</v>
      </c>
      <c r="B40355" s="1" t="s">
        <v>135894</v>
      </c>
      <c r="C40355" s="1" t="s">
        <v>145</v>
      </c>
      <c r="D40355" s="1" t="s">
        <v>103600</v>
      </c>
      <c r="E40355" s="1" t="s">
        <v>138356</v>
      </c>
      <c r="F40355" s="1" t="s">
        <v>138357</v>
      </c>
      <c r="G40355" s="1" t="s">
        <v>138267</v>
      </c>
      <c r="H40355" s="1" t="s">
        <v>138268</v>
      </c>
      <c r="I40355" s="1" t="s">
        <v>135900</v>
      </c>
      <c r="J40355" s="1" t="s">
        <v>138358</v>
      </c>
    </row>
    <row r="40356" spans="1:10" x14ac:dyDescent="0.35">
      <c r="A40356" s="1" t="s">
        <v>28141</v>
      </c>
      <c r="B40356" s="1" t="s">
        <v>135894</v>
      </c>
      <c r="C40356" s="1" t="s">
        <v>150</v>
      </c>
      <c r="D40356" s="1" t="s">
        <v>138359</v>
      </c>
      <c r="E40356" s="1" t="s">
        <v>138360</v>
      </c>
      <c r="F40356" s="1" t="s">
        <v>138361</v>
      </c>
      <c r="G40356" s="1" t="s">
        <v>138267</v>
      </c>
      <c r="H40356" s="1" t="s">
        <v>138268</v>
      </c>
      <c r="I40356" s="1" t="s">
        <v>135900</v>
      </c>
      <c r="J40356" s="1" t="s">
        <v>138362</v>
      </c>
    </row>
    <row r="40357" spans="1:10" x14ac:dyDescent="0.35">
      <c r="A40357" s="1" t="s">
        <v>28141</v>
      </c>
      <c r="B40357" s="1" t="s">
        <v>135894</v>
      </c>
      <c r="C40357" s="1" t="s">
        <v>155</v>
      </c>
      <c r="D40357" s="1" t="s">
        <v>62506</v>
      </c>
      <c r="E40357" s="1" t="s">
        <v>138363</v>
      </c>
      <c r="F40357" s="1" t="s">
        <v>138364</v>
      </c>
      <c r="G40357" s="1" t="s">
        <v>138267</v>
      </c>
      <c r="H40357" s="1" t="s">
        <v>138268</v>
      </c>
      <c r="I40357" s="1" t="s">
        <v>135900</v>
      </c>
      <c r="J40357" s="1" t="s">
        <v>138365</v>
      </c>
    </row>
    <row r="40358" spans="1:10" x14ac:dyDescent="0.35">
      <c r="A40358" s="1" t="s">
        <v>28141</v>
      </c>
      <c r="B40358" s="1" t="s">
        <v>135894</v>
      </c>
      <c r="C40358" s="1" t="s">
        <v>160</v>
      </c>
      <c r="D40358" s="1" t="s">
        <v>66020</v>
      </c>
      <c r="E40358" s="1" t="s">
        <v>138366</v>
      </c>
      <c r="F40358" s="1" t="s">
        <v>138367</v>
      </c>
      <c r="G40358" s="1" t="s">
        <v>138267</v>
      </c>
      <c r="H40358" s="1" t="s">
        <v>138268</v>
      </c>
      <c r="I40358" s="1" t="s">
        <v>135900</v>
      </c>
      <c r="J40358" s="1" t="s">
        <v>138368</v>
      </c>
    </row>
    <row r="40359" spans="1:10" x14ac:dyDescent="0.35">
      <c r="A40359" s="1" t="s">
        <v>28141</v>
      </c>
      <c r="B40359" s="1" t="s">
        <v>135894</v>
      </c>
      <c r="C40359" s="1" t="s">
        <v>165</v>
      </c>
      <c r="D40359" s="1" t="s">
        <v>138369</v>
      </c>
      <c r="E40359" s="1" t="s">
        <v>138370</v>
      </c>
      <c r="F40359" s="1" t="s">
        <v>138371</v>
      </c>
      <c r="G40359" s="1" t="s">
        <v>138267</v>
      </c>
      <c r="H40359" s="1" t="s">
        <v>138268</v>
      </c>
      <c r="I40359" s="1" t="s">
        <v>135900</v>
      </c>
      <c r="J40359" s="1" t="s">
        <v>138372</v>
      </c>
    </row>
    <row r="40360" spans="1:10" x14ac:dyDescent="0.35">
      <c r="A40360" s="1" t="s">
        <v>28141</v>
      </c>
      <c r="B40360" s="1" t="s">
        <v>135894</v>
      </c>
      <c r="C40360" s="1" t="s">
        <v>170</v>
      </c>
      <c r="D40360" s="1" t="s">
        <v>138373</v>
      </c>
      <c r="E40360" s="1" t="s">
        <v>138374</v>
      </c>
      <c r="F40360" s="1" t="s">
        <v>138375</v>
      </c>
      <c r="G40360" s="1" t="s">
        <v>138267</v>
      </c>
      <c r="H40360" s="1" t="s">
        <v>138268</v>
      </c>
      <c r="I40360" s="1" t="s">
        <v>135900</v>
      </c>
      <c r="J40360" s="1" t="s">
        <v>138376</v>
      </c>
    </row>
    <row r="40361" spans="1:10" x14ac:dyDescent="0.35">
      <c r="A40361" s="1" t="s">
        <v>4500</v>
      </c>
      <c r="B40361" s="1" t="s">
        <v>135894</v>
      </c>
      <c r="C40361" s="1" t="s">
        <v>8</v>
      </c>
      <c r="D40361" s="1" t="s">
        <v>138377</v>
      </c>
      <c r="E40361" s="1" t="s">
        <v>138378</v>
      </c>
      <c r="F40361" s="1" t="s">
        <v>138379</v>
      </c>
      <c r="G40361" s="1" t="s">
        <v>32432</v>
      </c>
      <c r="H40361" s="1" t="s">
        <v>138380</v>
      </c>
      <c r="I40361" s="1" t="s">
        <v>135900</v>
      </c>
      <c r="J40361" s="1" t="s">
        <v>13</v>
      </c>
    </row>
    <row r="40362" spans="1:10" x14ac:dyDescent="0.35">
      <c r="A40362" s="1" t="s">
        <v>4500</v>
      </c>
      <c r="B40362" s="1" t="s">
        <v>135894</v>
      </c>
      <c r="C40362" s="1" t="s">
        <v>15</v>
      </c>
      <c r="D40362" s="1" t="s">
        <v>50903</v>
      </c>
      <c r="E40362" s="1" t="s">
        <v>138381</v>
      </c>
      <c r="F40362" s="1" t="s">
        <v>138382</v>
      </c>
      <c r="G40362" s="1" t="s">
        <v>32432</v>
      </c>
      <c r="H40362" s="1" t="s">
        <v>138380</v>
      </c>
      <c r="I40362" s="1" t="s">
        <v>135900</v>
      </c>
      <c r="J40362" s="1" t="s">
        <v>138383</v>
      </c>
    </row>
    <row r="40363" spans="1:10" x14ac:dyDescent="0.35">
      <c r="A40363" s="1" t="s">
        <v>4500</v>
      </c>
      <c r="B40363" s="1" t="s">
        <v>135894</v>
      </c>
      <c r="C40363" s="1" t="s">
        <v>20</v>
      </c>
      <c r="D40363" s="1" t="s">
        <v>109461</v>
      </c>
      <c r="E40363" s="1" t="s">
        <v>138384</v>
      </c>
      <c r="F40363" s="1" t="s">
        <v>138385</v>
      </c>
      <c r="G40363" s="1" t="s">
        <v>32432</v>
      </c>
      <c r="H40363" s="1" t="s">
        <v>138380</v>
      </c>
      <c r="I40363" s="1" t="s">
        <v>135900</v>
      </c>
      <c r="J40363" s="1" t="s">
        <v>138386</v>
      </c>
    </row>
    <row r="40364" spans="1:10" x14ac:dyDescent="0.35">
      <c r="A40364" s="1" t="s">
        <v>4500</v>
      </c>
      <c r="B40364" s="1" t="s">
        <v>135894</v>
      </c>
      <c r="C40364" s="1" t="s">
        <v>25</v>
      </c>
      <c r="D40364" s="1" t="s">
        <v>94238</v>
      </c>
      <c r="E40364" s="1" t="s">
        <v>138387</v>
      </c>
      <c r="F40364" s="1" t="s">
        <v>138388</v>
      </c>
      <c r="G40364" s="1" t="s">
        <v>32432</v>
      </c>
      <c r="H40364" s="1" t="s">
        <v>138380</v>
      </c>
      <c r="I40364" s="1" t="s">
        <v>135900</v>
      </c>
      <c r="J40364" s="1" t="s">
        <v>138389</v>
      </c>
    </row>
    <row r="40365" spans="1:10" x14ac:dyDescent="0.35">
      <c r="A40365" s="1" t="s">
        <v>4500</v>
      </c>
      <c r="B40365" s="1" t="s">
        <v>135894</v>
      </c>
      <c r="C40365" s="1" t="s">
        <v>30</v>
      </c>
      <c r="D40365" s="1" t="s">
        <v>129694</v>
      </c>
      <c r="E40365" s="1" t="s">
        <v>138390</v>
      </c>
      <c r="F40365" s="1" t="s">
        <v>138391</v>
      </c>
      <c r="G40365" s="1" t="s">
        <v>32432</v>
      </c>
      <c r="H40365" s="1" t="s">
        <v>138380</v>
      </c>
      <c r="I40365" s="1" t="s">
        <v>135900</v>
      </c>
      <c r="J40365" s="1" t="s">
        <v>138392</v>
      </c>
    </row>
    <row r="40366" spans="1:10" x14ac:dyDescent="0.35">
      <c r="A40366" s="1" t="s">
        <v>4500</v>
      </c>
      <c r="B40366" s="1" t="s">
        <v>135894</v>
      </c>
      <c r="C40366" s="1" t="s">
        <v>35</v>
      </c>
      <c r="D40366" s="1" t="s">
        <v>138393</v>
      </c>
      <c r="E40366" s="1" t="s">
        <v>138394</v>
      </c>
      <c r="F40366" s="1" t="s">
        <v>138395</v>
      </c>
      <c r="G40366" s="1" t="s">
        <v>32432</v>
      </c>
      <c r="H40366" s="1" t="s">
        <v>138380</v>
      </c>
      <c r="I40366" s="1" t="s">
        <v>135900</v>
      </c>
      <c r="J40366" s="1" t="s">
        <v>138396</v>
      </c>
    </row>
    <row r="40367" spans="1:10" x14ac:dyDescent="0.35">
      <c r="A40367" s="1" t="s">
        <v>4500</v>
      </c>
      <c r="B40367" s="1" t="s">
        <v>135894</v>
      </c>
      <c r="C40367" s="1" t="s">
        <v>40</v>
      </c>
      <c r="D40367" s="1" t="s">
        <v>56526</v>
      </c>
      <c r="E40367" s="1" t="s">
        <v>138397</v>
      </c>
      <c r="F40367" s="1" t="s">
        <v>138398</v>
      </c>
      <c r="G40367" s="1" t="s">
        <v>32432</v>
      </c>
      <c r="H40367" s="1" t="s">
        <v>138380</v>
      </c>
      <c r="I40367" s="1" t="s">
        <v>135900</v>
      </c>
      <c r="J40367" s="1" t="s">
        <v>138399</v>
      </c>
    </row>
    <row r="40368" spans="1:10" x14ac:dyDescent="0.35">
      <c r="A40368" s="1" t="s">
        <v>4500</v>
      </c>
      <c r="B40368" s="1" t="s">
        <v>135894</v>
      </c>
      <c r="C40368" s="1" t="s">
        <v>45</v>
      </c>
      <c r="D40368" s="1" t="s">
        <v>89444</v>
      </c>
      <c r="E40368" s="1" t="s">
        <v>138400</v>
      </c>
      <c r="F40368" s="1" t="s">
        <v>138401</v>
      </c>
      <c r="G40368" s="1" t="s">
        <v>32432</v>
      </c>
      <c r="H40368" s="1" t="s">
        <v>138380</v>
      </c>
      <c r="I40368" s="1" t="s">
        <v>135900</v>
      </c>
      <c r="J40368" s="1" t="s">
        <v>138402</v>
      </c>
    </row>
    <row r="40369" spans="1:10" x14ac:dyDescent="0.35">
      <c r="A40369" s="1" t="s">
        <v>4500</v>
      </c>
      <c r="B40369" s="1" t="s">
        <v>135894</v>
      </c>
      <c r="C40369" s="1" t="s">
        <v>50</v>
      </c>
      <c r="D40369" s="1" t="s">
        <v>138403</v>
      </c>
      <c r="E40369" s="1" t="s">
        <v>138404</v>
      </c>
      <c r="F40369" s="1" t="s">
        <v>138405</v>
      </c>
      <c r="G40369" s="1" t="s">
        <v>32432</v>
      </c>
      <c r="H40369" s="1" t="s">
        <v>138380</v>
      </c>
      <c r="I40369" s="1" t="s">
        <v>135900</v>
      </c>
      <c r="J40369" s="1" t="s">
        <v>138406</v>
      </c>
    </row>
    <row r="40370" spans="1:10" x14ac:dyDescent="0.35">
      <c r="A40370" s="1" t="s">
        <v>4500</v>
      </c>
      <c r="B40370" s="1" t="s">
        <v>135894</v>
      </c>
      <c r="C40370" s="1" t="s">
        <v>55</v>
      </c>
      <c r="D40370" s="1" t="s">
        <v>138407</v>
      </c>
      <c r="E40370" s="1" t="s">
        <v>138408</v>
      </c>
      <c r="F40370" s="1" t="s">
        <v>138409</v>
      </c>
      <c r="G40370" s="1" t="s">
        <v>32432</v>
      </c>
      <c r="H40370" s="1" t="s">
        <v>138380</v>
      </c>
      <c r="I40370" s="1" t="s">
        <v>135900</v>
      </c>
      <c r="J40370" s="1" t="s">
        <v>138410</v>
      </c>
    </row>
    <row r="40371" spans="1:10" x14ac:dyDescent="0.35">
      <c r="A40371" s="1" t="s">
        <v>4500</v>
      </c>
      <c r="B40371" s="1" t="s">
        <v>135894</v>
      </c>
      <c r="C40371" s="1" t="s">
        <v>60</v>
      </c>
      <c r="D40371" s="1" t="s">
        <v>68969</v>
      </c>
      <c r="E40371" s="1" t="s">
        <v>138411</v>
      </c>
      <c r="F40371" s="1" t="s">
        <v>138412</v>
      </c>
      <c r="G40371" s="1" t="s">
        <v>32432</v>
      </c>
      <c r="H40371" s="1" t="s">
        <v>138380</v>
      </c>
      <c r="I40371" s="1" t="s">
        <v>135900</v>
      </c>
      <c r="J40371" s="1" t="s">
        <v>138413</v>
      </c>
    </row>
    <row r="40372" spans="1:10" x14ac:dyDescent="0.35">
      <c r="A40372" s="1" t="s">
        <v>4500</v>
      </c>
      <c r="B40372" s="1" t="s">
        <v>135894</v>
      </c>
      <c r="C40372" s="1" t="s">
        <v>65</v>
      </c>
      <c r="D40372" s="1" t="s">
        <v>138414</v>
      </c>
      <c r="E40372" s="1" t="s">
        <v>138415</v>
      </c>
      <c r="F40372" s="1" t="s">
        <v>138416</v>
      </c>
      <c r="G40372" s="1" t="s">
        <v>32432</v>
      </c>
      <c r="H40372" s="1" t="s">
        <v>138380</v>
      </c>
      <c r="I40372" s="1" t="s">
        <v>135900</v>
      </c>
      <c r="J40372" s="1" t="s">
        <v>138417</v>
      </c>
    </row>
    <row r="40373" spans="1:10" x14ac:dyDescent="0.35">
      <c r="A40373" s="1" t="s">
        <v>4500</v>
      </c>
      <c r="B40373" s="1" t="s">
        <v>135894</v>
      </c>
      <c r="C40373" s="1" t="s">
        <v>70</v>
      </c>
      <c r="D40373" s="1" t="s">
        <v>138418</v>
      </c>
      <c r="E40373" s="1" t="s">
        <v>138419</v>
      </c>
      <c r="F40373" s="1" t="s">
        <v>138420</v>
      </c>
      <c r="G40373" s="1" t="s">
        <v>32432</v>
      </c>
      <c r="H40373" s="1" t="s">
        <v>138380</v>
      </c>
      <c r="I40373" s="1" t="s">
        <v>135900</v>
      </c>
      <c r="J40373" s="1" t="s">
        <v>138421</v>
      </c>
    </row>
    <row r="40374" spans="1:10" x14ac:dyDescent="0.35">
      <c r="A40374" s="1" t="s">
        <v>4500</v>
      </c>
      <c r="B40374" s="1" t="s">
        <v>135894</v>
      </c>
      <c r="C40374" s="1" t="s">
        <v>75</v>
      </c>
      <c r="D40374" s="1" t="s">
        <v>138422</v>
      </c>
      <c r="E40374" s="1" t="s">
        <v>138423</v>
      </c>
      <c r="F40374" s="1" t="s">
        <v>138424</v>
      </c>
      <c r="G40374" s="1" t="s">
        <v>32432</v>
      </c>
      <c r="H40374" s="1" t="s">
        <v>138380</v>
      </c>
      <c r="I40374" s="1" t="s">
        <v>135900</v>
      </c>
      <c r="J40374" s="1" t="s">
        <v>138425</v>
      </c>
    </row>
    <row r="40375" spans="1:10" x14ac:dyDescent="0.35">
      <c r="A40375" s="1" t="s">
        <v>4500</v>
      </c>
      <c r="B40375" s="1" t="s">
        <v>135894</v>
      </c>
      <c r="C40375" s="1" t="s">
        <v>80</v>
      </c>
      <c r="D40375" s="1" t="s">
        <v>138426</v>
      </c>
      <c r="E40375" s="1" t="s">
        <v>138427</v>
      </c>
      <c r="F40375" s="1" t="s">
        <v>138428</v>
      </c>
      <c r="G40375" s="1" t="s">
        <v>32432</v>
      </c>
      <c r="H40375" s="1" t="s">
        <v>138380</v>
      </c>
      <c r="I40375" s="1" t="s">
        <v>135900</v>
      </c>
      <c r="J40375" s="1" t="s">
        <v>138429</v>
      </c>
    </row>
    <row r="40376" spans="1:10" x14ac:dyDescent="0.35">
      <c r="A40376" s="1" t="s">
        <v>4500</v>
      </c>
      <c r="B40376" s="1" t="s">
        <v>135894</v>
      </c>
      <c r="C40376" s="1" t="s">
        <v>85</v>
      </c>
      <c r="D40376" s="1" t="s">
        <v>138430</v>
      </c>
      <c r="E40376" s="1" t="s">
        <v>138431</v>
      </c>
      <c r="F40376" s="1" t="s">
        <v>138432</v>
      </c>
      <c r="G40376" s="1" t="s">
        <v>32432</v>
      </c>
      <c r="H40376" s="1" t="s">
        <v>138380</v>
      </c>
      <c r="I40376" s="1" t="s">
        <v>135900</v>
      </c>
      <c r="J40376" s="1" t="s">
        <v>138433</v>
      </c>
    </row>
    <row r="40377" spans="1:10" x14ac:dyDescent="0.35">
      <c r="A40377" s="1" t="s">
        <v>4500</v>
      </c>
      <c r="B40377" s="1" t="s">
        <v>135894</v>
      </c>
      <c r="C40377" s="1" t="s">
        <v>90</v>
      </c>
      <c r="D40377" s="1" t="s">
        <v>138434</v>
      </c>
      <c r="E40377" s="1" t="s">
        <v>138435</v>
      </c>
      <c r="F40377" s="1" t="s">
        <v>138436</v>
      </c>
      <c r="G40377" s="1" t="s">
        <v>32432</v>
      </c>
      <c r="H40377" s="1" t="s">
        <v>138380</v>
      </c>
      <c r="I40377" s="1" t="s">
        <v>135900</v>
      </c>
      <c r="J40377" s="1" t="s">
        <v>138437</v>
      </c>
    </row>
    <row r="40378" spans="1:10" x14ac:dyDescent="0.35">
      <c r="A40378" s="1" t="s">
        <v>4500</v>
      </c>
      <c r="B40378" s="1" t="s">
        <v>135894</v>
      </c>
      <c r="C40378" s="1" t="s">
        <v>95</v>
      </c>
      <c r="D40378" s="1" t="s">
        <v>78976</v>
      </c>
      <c r="E40378" s="1" t="s">
        <v>138438</v>
      </c>
      <c r="F40378" s="1" t="s">
        <v>138439</v>
      </c>
      <c r="G40378" s="1" t="s">
        <v>32432</v>
      </c>
      <c r="H40378" s="1" t="s">
        <v>138380</v>
      </c>
      <c r="I40378" s="1" t="s">
        <v>135900</v>
      </c>
      <c r="J40378" s="1" t="s">
        <v>138440</v>
      </c>
    </row>
    <row r="40379" spans="1:10" x14ac:dyDescent="0.35">
      <c r="A40379" s="1" t="s">
        <v>4500</v>
      </c>
      <c r="B40379" s="1" t="s">
        <v>135894</v>
      </c>
      <c r="C40379" s="1" t="s">
        <v>100</v>
      </c>
      <c r="D40379" s="1" t="s">
        <v>24619</v>
      </c>
      <c r="E40379" s="1" t="s">
        <v>138441</v>
      </c>
      <c r="F40379" s="1" t="s">
        <v>138442</v>
      </c>
      <c r="G40379" s="1" t="s">
        <v>32432</v>
      </c>
      <c r="H40379" s="1" t="s">
        <v>138380</v>
      </c>
      <c r="I40379" s="1" t="s">
        <v>135900</v>
      </c>
      <c r="J40379" s="1" t="s">
        <v>138443</v>
      </c>
    </row>
    <row r="40380" spans="1:10" x14ac:dyDescent="0.35">
      <c r="A40380" s="1" t="s">
        <v>4500</v>
      </c>
      <c r="B40380" s="1" t="s">
        <v>135894</v>
      </c>
      <c r="C40380" s="1" t="s">
        <v>105</v>
      </c>
      <c r="D40380" s="1" t="s">
        <v>138444</v>
      </c>
      <c r="E40380" s="1" t="s">
        <v>138445</v>
      </c>
      <c r="F40380" s="1" t="s">
        <v>138446</v>
      </c>
      <c r="G40380" s="1" t="s">
        <v>32432</v>
      </c>
      <c r="H40380" s="1" t="s">
        <v>138380</v>
      </c>
      <c r="I40380" s="1" t="s">
        <v>135900</v>
      </c>
      <c r="J40380" s="1" t="s">
        <v>138447</v>
      </c>
    </row>
    <row r="40381" spans="1:10" x14ac:dyDescent="0.35">
      <c r="A40381" s="1" t="s">
        <v>4500</v>
      </c>
      <c r="B40381" s="1" t="s">
        <v>135894</v>
      </c>
      <c r="C40381" s="1" t="s">
        <v>110</v>
      </c>
      <c r="D40381" s="1" t="s">
        <v>138448</v>
      </c>
      <c r="E40381" s="1" t="s">
        <v>138449</v>
      </c>
      <c r="F40381" s="1" t="s">
        <v>138450</v>
      </c>
      <c r="G40381" s="1" t="s">
        <v>32432</v>
      </c>
      <c r="H40381" s="1" t="s">
        <v>138380</v>
      </c>
      <c r="I40381" s="1" t="s">
        <v>135900</v>
      </c>
      <c r="J40381" s="1" t="s">
        <v>138451</v>
      </c>
    </row>
    <row r="40382" spans="1:10" x14ac:dyDescent="0.35">
      <c r="A40382" s="1" t="s">
        <v>4500</v>
      </c>
      <c r="B40382" s="1" t="s">
        <v>135894</v>
      </c>
      <c r="C40382" s="1" t="s">
        <v>115</v>
      </c>
      <c r="D40382" s="1" t="s">
        <v>101524</v>
      </c>
      <c r="E40382" s="1" t="s">
        <v>138452</v>
      </c>
      <c r="F40382" s="1" t="s">
        <v>138453</v>
      </c>
      <c r="G40382" s="1" t="s">
        <v>32432</v>
      </c>
      <c r="H40382" s="1" t="s">
        <v>138380</v>
      </c>
      <c r="I40382" s="1" t="s">
        <v>135900</v>
      </c>
      <c r="J40382" s="1" t="s">
        <v>138454</v>
      </c>
    </row>
    <row r="40383" spans="1:10" x14ac:dyDescent="0.35">
      <c r="A40383" s="1" t="s">
        <v>4500</v>
      </c>
      <c r="B40383" s="1" t="s">
        <v>135894</v>
      </c>
      <c r="C40383" s="1" t="s">
        <v>120</v>
      </c>
      <c r="D40383" s="1" t="s">
        <v>129565</v>
      </c>
      <c r="E40383" s="1" t="s">
        <v>138455</v>
      </c>
      <c r="F40383" s="1" t="s">
        <v>138456</v>
      </c>
      <c r="G40383" s="1" t="s">
        <v>32432</v>
      </c>
      <c r="H40383" s="1" t="s">
        <v>138380</v>
      </c>
      <c r="I40383" s="1" t="s">
        <v>135900</v>
      </c>
      <c r="J40383" s="1" t="s">
        <v>138457</v>
      </c>
    </row>
    <row r="40384" spans="1:10" x14ac:dyDescent="0.35">
      <c r="A40384" s="1" t="s">
        <v>4500</v>
      </c>
      <c r="B40384" s="1" t="s">
        <v>135894</v>
      </c>
      <c r="C40384" s="1" t="s">
        <v>125</v>
      </c>
      <c r="D40384" s="1" t="s">
        <v>138458</v>
      </c>
      <c r="E40384" s="1" t="s">
        <v>138459</v>
      </c>
      <c r="F40384" s="1" t="s">
        <v>138460</v>
      </c>
      <c r="G40384" s="1" t="s">
        <v>32432</v>
      </c>
      <c r="H40384" s="1" t="s">
        <v>138380</v>
      </c>
      <c r="I40384" s="1" t="s">
        <v>135900</v>
      </c>
      <c r="J40384" s="1" t="s">
        <v>138461</v>
      </c>
    </row>
    <row r="40385" spans="1:10" x14ac:dyDescent="0.35">
      <c r="A40385" s="1" t="s">
        <v>4500</v>
      </c>
      <c r="B40385" s="1" t="s">
        <v>135894</v>
      </c>
      <c r="C40385" s="1" t="s">
        <v>130</v>
      </c>
      <c r="D40385" s="1" t="s">
        <v>138462</v>
      </c>
      <c r="E40385" s="1" t="s">
        <v>138463</v>
      </c>
      <c r="F40385" s="1" t="s">
        <v>138464</v>
      </c>
      <c r="G40385" s="1" t="s">
        <v>32432</v>
      </c>
      <c r="H40385" s="1" t="s">
        <v>138380</v>
      </c>
      <c r="I40385" s="1" t="s">
        <v>135900</v>
      </c>
      <c r="J40385" s="1" t="s">
        <v>138465</v>
      </c>
    </row>
    <row r="40386" spans="1:10" x14ac:dyDescent="0.35">
      <c r="A40386" s="1" t="s">
        <v>4500</v>
      </c>
      <c r="B40386" s="1" t="s">
        <v>135894</v>
      </c>
      <c r="C40386" s="1" t="s">
        <v>135</v>
      </c>
      <c r="D40386" s="1" t="s">
        <v>22334</v>
      </c>
      <c r="E40386" s="1" t="s">
        <v>138466</v>
      </c>
      <c r="F40386" s="1" t="s">
        <v>138467</v>
      </c>
      <c r="G40386" s="1" t="s">
        <v>32432</v>
      </c>
      <c r="H40386" s="1" t="s">
        <v>138380</v>
      </c>
      <c r="I40386" s="1" t="s">
        <v>135900</v>
      </c>
      <c r="J40386" s="1" t="s">
        <v>138468</v>
      </c>
    </row>
    <row r="40387" spans="1:10" x14ac:dyDescent="0.35">
      <c r="A40387" s="1" t="s">
        <v>4500</v>
      </c>
      <c r="B40387" s="1" t="s">
        <v>135894</v>
      </c>
      <c r="C40387" s="1" t="s">
        <v>140</v>
      </c>
      <c r="D40387" s="1" t="s">
        <v>138469</v>
      </c>
      <c r="E40387" s="1" t="s">
        <v>138470</v>
      </c>
      <c r="F40387" s="1" t="s">
        <v>138471</v>
      </c>
      <c r="G40387" s="1" t="s">
        <v>32432</v>
      </c>
      <c r="H40387" s="1" t="s">
        <v>138380</v>
      </c>
      <c r="I40387" s="1" t="s">
        <v>135900</v>
      </c>
      <c r="J40387" s="1" t="s">
        <v>138472</v>
      </c>
    </row>
    <row r="40388" spans="1:10" x14ac:dyDescent="0.35">
      <c r="A40388" s="1" t="s">
        <v>4500</v>
      </c>
      <c r="B40388" s="1" t="s">
        <v>135894</v>
      </c>
      <c r="C40388" s="1" t="s">
        <v>145</v>
      </c>
      <c r="D40388" s="1" t="s">
        <v>131537</v>
      </c>
      <c r="E40388" s="1" t="s">
        <v>138473</v>
      </c>
      <c r="F40388" s="1" t="s">
        <v>138474</v>
      </c>
      <c r="G40388" s="1" t="s">
        <v>32432</v>
      </c>
      <c r="H40388" s="1" t="s">
        <v>138380</v>
      </c>
      <c r="I40388" s="1" t="s">
        <v>135900</v>
      </c>
      <c r="J40388" s="1" t="s">
        <v>138475</v>
      </c>
    </row>
    <row r="40389" spans="1:10" x14ac:dyDescent="0.35">
      <c r="A40389" s="1" t="s">
        <v>4500</v>
      </c>
      <c r="B40389" s="1" t="s">
        <v>135894</v>
      </c>
      <c r="C40389" s="1" t="s">
        <v>150</v>
      </c>
      <c r="D40389" s="1" t="s">
        <v>90048</v>
      </c>
      <c r="E40389" s="1" t="s">
        <v>138476</v>
      </c>
      <c r="F40389" s="1" t="s">
        <v>138477</v>
      </c>
      <c r="G40389" s="1" t="s">
        <v>32432</v>
      </c>
      <c r="H40389" s="1" t="s">
        <v>138380</v>
      </c>
      <c r="I40389" s="1" t="s">
        <v>135900</v>
      </c>
      <c r="J40389" s="1" t="s">
        <v>138478</v>
      </c>
    </row>
    <row r="40390" spans="1:10" x14ac:dyDescent="0.35">
      <c r="A40390" s="1" t="s">
        <v>4500</v>
      </c>
      <c r="B40390" s="1" t="s">
        <v>135894</v>
      </c>
      <c r="C40390" s="1" t="s">
        <v>155</v>
      </c>
      <c r="D40390" s="1" t="s">
        <v>138479</v>
      </c>
      <c r="E40390" s="1" t="s">
        <v>138480</v>
      </c>
      <c r="F40390" s="1" t="s">
        <v>138481</v>
      </c>
      <c r="G40390" s="1" t="s">
        <v>32432</v>
      </c>
      <c r="H40390" s="1" t="s">
        <v>138380</v>
      </c>
      <c r="I40390" s="1" t="s">
        <v>135900</v>
      </c>
      <c r="J40390" s="1" t="s">
        <v>138482</v>
      </c>
    </row>
    <row r="40391" spans="1:10" x14ac:dyDescent="0.35">
      <c r="A40391" s="1" t="s">
        <v>4500</v>
      </c>
      <c r="B40391" s="1" t="s">
        <v>135894</v>
      </c>
      <c r="C40391" s="1" t="s">
        <v>160</v>
      </c>
      <c r="D40391" s="1" t="s">
        <v>138483</v>
      </c>
      <c r="E40391" s="1" t="s">
        <v>138484</v>
      </c>
      <c r="F40391" s="1" t="s">
        <v>138485</v>
      </c>
      <c r="G40391" s="1" t="s">
        <v>32432</v>
      </c>
      <c r="H40391" s="1" t="s">
        <v>138380</v>
      </c>
      <c r="I40391" s="1" t="s">
        <v>135900</v>
      </c>
      <c r="J40391" s="1" t="s">
        <v>138486</v>
      </c>
    </row>
    <row r="40392" spans="1:10" x14ac:dyDescent="0.35">
      <c r="A40392" s="1" t="s">
        <v>4500</v>
      </c>
      <c r="B40392" s="1" t="s">
        <v>135894</v>
      </c>
      <c r="C40392" s="1" t="s">
        <v>165</v>
      </c>
      <c r="D40392" s="1" t="s">
        <v>138487</v>
      </c>
      <c r="E40392" s="1" t="s">
        <v>138488</v>
      </c>
      <c r="F40392" s="1" t="s">
        <v>138489</v>
      </c>
      <c r="G40392" s="1" t="s">
        <v>32432</v>
      </c>
      <c r="H40392" s="1" t="s">
        <v>138380</v>
      </c>
      <c r="I40392" s="1" t="s">
        <v>135900</v>
      </c>
      <c r="J40392" s="1" t="s">
        <v>138490</v>
      </c>
    </row>
    <row r="40393" spans="1:10" x14ac:dyDescent="0.35">
      <c r="A40393" s="1" t="s">
        <v>4500</v>
      </c>
      <c r="B40393" s="1" t="s">
        <v>135894</v>
      </c>
      <c r="C40393" s="1" t="s">
        <v>170</v>
      </c>
      <c r="D40393" s="1" t="s">
        <v>138491</v>
      </c>
      <c r="E40393" s="1" t="s">
        <v>138492</v>
      </c>
      <c r="F40393" s="1" t="s">
        <v>138493</v>
      </c>
      <c r="G40393" s="1" t="s">
        <v>32432</v>
      </c>
      <c r="H40393" s="1" t="s">
        <v>138380</v>
      </c>
      <c r="I40393" s="1" t="s">
        <v>135900</v>
      </c>
      <c r="J40393" s="1" t="s">
        <v>138494</v>
      </c>
    </row>
    <row r="40394" spans="1:10" x14ac:dyDescent="0.35">
      <c r="A40394" s="1" t="s">
        <v>138495</v>
      </c>
      <c r="B40394" s="1" t="s">
        <v>135894</v>
      </c>
      <c r="C40394" s="1" t="s">
        <v>8</v>
      </c>
      <c r="D40394" s="1" t="s">
        <v>20692</v>
      </c>
      <c r="E40394" s="1" t="s">
        <v>138496</v>
      </c>
      <c r="F40394" s="1" t="s">
        <v>138497</v>
      </c>
      <c r="G40394" s="1" t="s">
        <v>138498</v>
      </c>
      <c r="H40394" s="1" t="s">
        <v>138499</v>
      </c>
      <c r="I40394" s="1" t="s">
        <v>135900</v>
      </c>
      <c r="J40394" s="1" t="s">
        <v>13</v>
      </c>
    </row>
    <row r="40395" spans="1:10" x14ac:dyDescent="0.35">
      <c r="A40395" s="1" t="s">
        <v>138495</v>
      </c>
      <c r="B40395" s="1" t="s">
        <v>135894</v>
      </c>
      <c r="C40395" s="1" t="s">
        <v>15</v>
      </c>
      <c r="D40395" s="1" t="s">
        <v>91029</v>
      </c>
      <c r="E40395" s="1" t="s">
        <v>138500</v>
      </c>
      <c r="F40395" s="1" t="s">
        <v>138501</v>
      </c>
      <c r="G40395" s="1" t="s">
        <v>138498</v>
      </c>
      <c r="H40395" s="1" t="s">
        <v>138499</v>
      </c>
      <c r="I40395" s="1" t="s">
        <v>135900</v>
      </c>
      <c r="J40395" s="1" t="s">
        <v>138502</v>
      </c>
    </row>
    <row r="40396" spans="1:10" x14ac:dyDescent="0.35">
      <c r="A40396" s="1" t="s">
        <v>138495</v>
      </c>
      <c r="B40396" s="1" t="s">
        <v>135894</v>
      </c>
      <c r="C40396" s="1" t="s">
        <v>20</v>
      </c>
      <c r="D40396" s="1" t="s">
        <v>53154</v>
      </c>
      <c r="E40396" s="1" t="s">
        <v>138503</v>
      </c>
      <c r="F40396" s="1" t="s">
        <v>138504</v>
      </c>
      <c r="G40396" s="1" t="s">
        <v>138498</v>
      </c>
      <c r="H40396" s="1" t="s">
        <v>138499</v>
      </c>
      <c r="I40396" s="1" t="s">
        <v>135900</v>
      </c>
      <c r="J40396" s="1" t="s">
        <v>138505</v>
      </c>
    </row>
    <row r="40397" spans="1:10" x14ac:dyDescent="0.35">
      <c r="A40397" s="1" t="s">
        <v>138495</v>
      </c>
      <c r="B40397" s="1" t="s">
        <v>135894</v>
      </c>
      <c r="C40397" s="1" t="s">
        <v>25</v>
      </c>
      <c r="D40397" s="1" t="s">
        <v>138506</v>
      </c>
      <c r="E40397" s="1" t="s">
        <v>138507</v>
      </c>
      <c r="F40397" s="1" t="s">
        <v>138508</v>
      </c>
      <c r="G40397" s="1" t="s">
        <v>138498</v>
      </c>
      <c r="H40397" s="1" t="s">
        <v>138499</v>
      </c>
      <c r="I40397" s="1" t="s">
        <v>135900</v>
      </c>
      <c r="J40397" s="1" t="s">
        <v>138509</v>
      </c>
    </row>
    <row r="40398" spans="1:10" x14ac:dyDescent="0.35">
      <c r="A40398" s="1" t="s">
        <v>138495</v>
      </c>
      <c r="B40398" s="1" t="s">
        <v>135894</v>
      </c>
      <c r="C40398" s="1" t="s">
        <v>30</v>
      </c>
      <c r="D40398" s="1" t="s">
        <v>76005</v>
      </c>
      <c r="E40398" s="1" t="s">
        <v>138510</v>
      </c>
      <c r="F40398" s="1" t="s">
        <v>138511</v>
      </c>
      <c r="G40398" s="1" t="s">
        <v>138498</v>
      </c>
      <c r="H40398" s="1" t="s">
        <v>138499</v>
      </c>
      <c r="I40398" s="1" t="s">
        <v>135900</v>
      </c>
      <c r="J40398" s="1" t="s">
        <v>138512</v>
      </c>
    </row>
    <row r="40399" spans="1:10" x14ac:dyDescent="0.35">
      <c r="A40399" s="1" t="s">
        <v>138495</v>
      </c>
      <c r="B40399" s="1" t="s">
        <v>135894</v>
      </c>
      <c r="C40399" s="1" t="s">
        <v>35</v>
      </c>
      <c r="D40399" s="1" t="s">
        <v>138513</v>
      </c>
      <c r="E40399" s="1" t="s">
        <v>138514</v>
      </c>
      <c r="F40399" s="1" t="s">
        <v>138515</v>
      </c>
      <c r="G40399" s="1" t="s">
        <v>138498</v>
      </c>
      <c r="H40399" s="1" t="s">
        <v>138499</v>
      </c>
      <c r="I40399" s="1" t="s">
        <v>135900</v>
      </c>
      <c r="J40399" s="1" t="s">
        <v>138516</v>
      </c>
    </row>
    <row r="40400" spans="1:10" x14ac:dyDescent="0.35">
      <c r="A40400" s="1" t="s">
        <v>138495</v>
      </c>
      <c r="B40400" s="1" t="s">
        <v>135894</v>
      </c>
      <c r="C40400" s="1" t="s">
        <v>40</v>
      </c>
      <c r="D40400" s="1" t="s">
        <v>52771</v>
      </c>
      <c r="E40400" s="1" t="s">
        <v>138517</v>
      </c>
      <c r="F40400" s="1" t="s">
        <v>138518</v>
      </c>
      <c r="G40400" s="1" t="s">
        <v>138498</v>
      </c>
      <c r="H40400" s="1" t="s">
        <v>138499</v>
      </c>
      <c r="I40400" s="1" t="s">
        <v>135900</v>
      </c>
      <c r="J40400" s="1" t="s">
        <v>138519</v>
      </c>
    </row>
    <row r="40401" spans="1:10" x14ac:dyDescent="0.35">
      <c r="A40401" s="1" t="s">
        <v>138495</v>
      </c>
      <c r="B40401" s="1" t="s">
        <v>135894</v>
      </c>
      <c r="C40401" s="1" t="s">
        <v>45</v>
      </c>
      <c r="D40401" s="1" t="s">
        <v>68204</v>
      </c>
      <c r="E40401" s="1" t="s">
        <v>138520</v>
      </c>
      <c r="F40401" s="1" t="s">
        <v>138521</v>
      </c>
      <c r="G40401" s="1" t="s">
        <v>138498</v>
      </c>
      <c r="H40401" s="1" t="s">
        <v>138499</v>
      </c>
      <c r="I40401" s="1" t="s">
        <v>135900</v>
      </c>
      <c r="J40401" s="1" t="s">
        <v>138522</v>
      </c>
    </row>
    <row r="40402" spans="1:10" x14ac:dyDescent="0.35">
      <c r="A40402" s="1" t="s">
        <v>138495</v>
      </c>
      <c r="B40402" s="1" t="s">
        <v>135894</v>
      </c>
      <c r="C40402" s="1" t="s">
        <v>50</v>
      </c>
      <c r="D40402" s="1" t="s">
        <v>77852</v>
      </c>
      <c r="E40402" s="1" t="s">
        <v>138523</v>
      </c>
      <c r="F40402" s="1" t="s">
        <v>138524</v>
      </c>
      <c r="G40402" s="1" t="s">
        <v>138498</v>
      </c>
      <c r="H40402" s="1" t="s">
        <v>138499</v>
      </c>
      <c r="I40402" s="1" t="s">
        <v>135900</v>
      </c>
      <c r="J40402" s="1" t="s">
        <v>138525</v>
      </c>
    </row>
    <row r="40403" spans="1:10" x14ac:dyDescent="0.35">
      <c r="A40403" s="1" t="s">
        <v>138495</v>
      </c>
      <c r="B40403" s="1" t="s">
        <v>135894</v>
      </c>
      <c r="C40403" s="1" t="s">
        <v>55</v>
      </c>
      <c r="D40403" s="1" t="s">
        <v>88162</v>
      </c>
      <c r="E40403" s="1" t="s">
        <v>138526</v>
      </c>
      <c r="F40403" s="1" t="s">
        <v>138527</v>
      </c>
      <c r="G40403" s="1" t="s">
        <v>138498</v>
      </c>
      <c r="H40403" s="1" t="s">
        <v>138499</v>
      </c>
      <c r="I40403" s="1" t="s">
        <v>135900</v>
      </c>
      <c r="J40403" s="1" t="s">
        <v>138528</v>
      </c>
    </row>
    <row r="40404" spans="1:10" x14ac:dyDescent="0.35">
      <c r="A40404" s="1" t="s">
        <v>138495</v>
      </c>
      <c r="B40404" s="1" t="s">
        <v>135894</v>
      </c>
      <c r="C40404" s="1" t="s">
        <v>60</v>
      </c>
      <c r="D40404" s="1" t="s">
        <v>84677</v>
      </c>
      <c r="E40404" s="1" t="s">
        <v>138529</v>
      </c>
      <c r="F40404" s="1" t="s">
        <v>138530</v>
      </c>
      <c r="G40404" s="1" t="s">
        <v>138498</v>
      </c>
      <c r="H40404" s="1" t="s">
        <v>138499</v>
      </c>
      <c r="I40404" s="1" t="s">
        <v>135900</v>
      </c>
      <c r="J40404" s="1" t="s">
        <v>138531</v>
      </c>
    </row>
    <row r="40405" spans="1:10" x14ac:dyDescent="0.35">
      <c r="A40405" s="1" t="s">
        <v>138495</v>
      </c>
      <c r="B40405" s="1" t="s">
        <v>135894</v>
      </c>
      <c r="C40405" s="1" t="s">
        <v>65</v>
      </c>
      <c r="D40405" s="1" t="s">
        <v>138532</v>
      </c>
      <c r="E40405" s="1" t="s">
        <v>138533</v>
      </c>
      <c r="F40405" s="1" t="s">
        <v>138534</v>
      </c>
      <c r="G40405" s="1" t="s">
        <v>138498</v>
      </c>
      <c r="H40405" s="1" t="s">
        <v>138499</v>
      </c>
      <c r="I40405" s="1" t="s">
        <v>135900</v>
      </c>
      <c r="J40405" s="1" t="s">
        <v>138535</v>
      </c>
    </row>
    <row r="40406" spans="1:10" x14ac:dyDescent="0.35">
      <c r="A40406" s="1" t="s">
        <v>138495</v>
      </c>
      <c r="B40406" s="1" t="s">
        <v>135894</v>
      </c>
      <c r="C40406" s="1" t="s">
        <v>70</v>
      </c>
      <c r="D40406" s="1" t="s">
        <v>14477</v>
      </c>
      <c r="E40406" s="1" t="s">
        <v>138536</v>
      </c>
      <c r="F40406" s="1" t="s">
        <v>138537</v>
      </c>
      <c r="G40406" s="1" t="s">
        <v>138498</v>
      </c>
      <c r="H40406" s="1" t="s">
        <v>138499</v>
      </c>
      <c r="I40406" s="1" t="s">
        <v>135900</v>
      </c>
      <c r="J40406" s="1" t="s">
        <v>138538</v>
      </c>
    </row>
    <row r="40407" spans="1:10" x14ac:dyDescent="0.35">
      <c r="A40407" s="1" t="s">
        <v>138495</v>
      </c>
      <c r="B40407" s="1" t="s">
        <v>135894</v>
      </c>
      <c r="C40407" s="1" t="s">
        <v>75</v>
      </c>
      <c r="D40407" s="1" t="s">
        <v>56814</v>
      </c>
      <c r="E40407" s="1" t="s">
        <v>138539</v>
      </c>
      <c r="F40407" s="1" t="s">
        <v>138540</v>
      </c>
      <c r="G40407" s="1" t="s">
        <v>138498</v>
      </c>
      <c r="H40407" s="1" t="s">
        <v>138499</v>
      </c>
      <c r="I40407" s="1" t="s">
        <v>135900</v>
      </c>
      <c r="J40407" s="1" t="s">
        <v>138541</v>
      </c>
    </row>
    <row r="40408" spans="1:10" x14ac:dyDescent="0.35">
      <c r="A40408" s="1" t="s">
        <v>138495</v>
      </c>
      <c r="B40408" s="1" t="s">
        <v>135894</v>
      </c>
      <c r="C40408" s="1" t="s">
        <v>80</v>
      </c>
      <c r="D40408" s="1" t="s">
        <v>94126</v>
      </c>
      <c r="E40408" s="1" t="s">
        <v>138542</v>
      </c>
      <c r="F40408" s="1" t="s">
        <v>138543</v>
      </c>
      <c r="G40408" s="1" t="s">
        <v>138498</v>
      </c>
      <c r="H40408" s="1" t="s">
        <v>138499</v>
      </c>
      <c r="I40408" s="1" t="s">
        <v>135900</v>
      </c>
      <c r="J40408" s="1" t="s">
        <v>138544</v>
      </c>
    </row>
    <row r="40409" spans="1:10" x14ac:dyDescent="0.35">
      <c r="A40409" s="1" t="s">
        <v>138495</v>
      </c>
      <c r="B40409" s="1" t="s">
        <v>135894</v>
      </c>
      <c r="C40409" s="1" t="s">
        <v>85</v>
      </c>
      <c r="D40409" s="1" t="s">
        <v>138545</v>
      </c>
      <c r="E40409" s="1" t="s">
        <v>138546</v>
      </c>
      <c r="F40409" s="1" t="s">
        <v>138547</v>
      </c>
      <c r="G40409" s="1" t="s">
        <v>138498</v>
      </c>
      <c r="H40409" s="1" t="s">
        <v>138499</v>
      </c>
      <c r="I40409" s="1" t="s">
        <v>135900</v>
      </c>
      <c r="J40409" s="1" t="s">
        <v>138548</v>
      </c>
    </row>
    <row r="40410" spans="1:10" x14ac:dyDescent="0.35">
      <c r="A40410" s="1" t="s">
        <v>138495</v>
      </c>
      <c r="B40410" s="1" t="s">
        <v>135894</v>
      </c>
      <c r="C40410" s="1" t="s">
        <v>90</v>
      </c>
      <c r="D40410" s="1" t="s">
        <v>138549</v>
      </c>
      <c r="E40410" s="1" t="s">
        <v>138550</v>
      </c>
      <c r="F40410" s="1" t="s">
        <v>138551</v>
      </c>
      <c r="G40410" s="1" t="s">
        <v>138498</v>
      </c>
      <c r="H40410" s="1" t="s">
        <v>138499</v>
      </c>
      <c r="I40410" s="1" t="s">
        <v>135900</v>
      </c>
      <c r="J40410" s="1" t="s">
        <v>138552</v>
      </c>
    </row>
    <row r="40411" spans="1:10" x14ac:dyDescent="0.35">
      <c r="A40411" s="1" t="s">
        <v>138495</v>
      </c>
      <c r="B40411" s="1" t="s">
        <v>135894</v>
      </c>
      <c r="C40411" s="1" t="s">
        <v>95</v>
      </c>
      <c r="D40411" s="1" t="s">
        <v>56934</v>
      </c>
      <c r="E40411" s="1" t="s">
        <v>138553</v>
      </c>
      <c r="F40411" s="1" t="s">
        <v>138554</v>
      </c>
      <c r="G40411" s="1" t="s">
        <v>138498</v>
      </c>
      <c r="H40411" s="1" t="s">
        <v>138499</v>
      </c>
      <c r="I40411" s="1" t="s">
        <v>135900</v>
      </c>
      <c r="J40411" s="1" t="s">
        <v>138555</v>
      </c>
    </row>
    <row r="40412" spans="1:10" x14ac:dyDescent="0.35">
      <c r="A40412" s="1" t="s">
        <v>138495</v>
      </c>
      <c r="B40412" s="1" t="s">
        <v>135894</v>
      </c>
      <c r="C40412" s="1" t="s">
        <v>100</v>
      </c>
      <c r="D40412" s="1" t="s">
        <v>137778</v>
      </c>
      <c r="E40412" s="1" t="s">
        <v>138556</v>
      </c>
      <c r="F40412" s="1" t="s">
        <v>138557</v>
      </c>
      <c r="G40412" s="1" t="s">
        <v>138498</v>
      </c>
      <c r="H40412" s="1" t="s">
        <v>138499</v>
      </c>
      <c r="I40412" s="1" t="s">
        <v>135900</v>
      </c>
      <c r="J40412" s="1" t="s">
        <v>138558</v>
      </c>
    </row>
    <row r="40413" spans="1:10" x14ac:dyDescent="0.35">
      <c r="A40413" s="1" t="s">
        <v>138495</v>
      </c>
      <c r="B40413" s="1" t="s">
        <v>135894</v>
      </c>
      <c r="C40413" s="1" t="s">
        <v>105</v>
      </c>
      <c r="D40413" s="1" t="s">
        <v>79725</v>
      </c>
      <c r="E40413" s="1" t="s">
        <v>138559</v>
      </c>
      <c r="F40413" s="1" t="s">
        <v>138560</v>
      </c>
      <c r="G40413" s="1" t="s">
        <v>138498</v>
      </c>
      <c r="H40413" s="1" t="s">
        <v>138499</v>
      </c>
      <c r="I40413" s="1" t="s">
        <v>135900</v>
      </c>
      <c r="J40413" s="1" t="s">
        <v>138561</v>
      </c>
    </row>
    <row r="40414" spans="1:10" x14ac:dyDescent="0.35">
      <c r="A40414" s="1" t="s">
        <v>138495</v>
      </c>
      <c r="B40414" s="1" t="s">
        <v>135894</v>
      </c>
      <c r="C40414" s="1" t="s">
        <v>110</v>
      </c>
      <c r="D40414" s="1" t="s">
        <v>138562</v>
      </c>
      <c r="E40414" s="1" t="s">
        <v>138563</v>
      </c>
      <c r="F40414" s="1" t="s">
        <v>138564</v>
      </c>
      <c r="G40414" s="1" t="s">
        <v>138498</v>
      </c>
      <c r="H40414" s="1" t="s">
        <v>138499</v>
      </c>
      <c r="I40414" s="1" t="s">
        <v>135900</v>
      </c>
      <c r="J40414" s="1" t="s">
        <v>138565</v>
      </c>
    </row>
    <row r="40415" spans="1:10" x14ac:dyDescent="0.35">
      <c r="A40415" s="1" t="s">
        <v>138495</v>
      </c>
      <c r="B40415" s="1" t="s">
        <v>135894</v>
      </c>
      <c r="C40415" s="1" t="s">
        <v>115</v>
      </c>
      <c r="D40415" s="1" t="s">
        <v>138566</v>
      </c>
      <c r="E40415" s="1" t="s">
        <v>138567</v>
      </c>
      <c r="F40415" s="1" t="s">
        <v>138568</v>
      </c>
      <c r="G40415" s="1" t="s">
        <v>138498</v>
      </c>
      <c r="H40415" s="1" t="s">
        <v>138499</v>
      </c>
      <c r="I40415" s="1" t="s">
        <v>135900</v>
      </c>
      <c r="J40415" s="1" t="s">
        <v>138569</v>
      </c>
    </row>
    <row r="40416" spans="1:10" x14ac:dyDescent="0.35">
      <c r="A40416" s="1" t="s">
        <v>138495</v>
      </c>
      <c r="B40416" s="1" t="s">
        <v>135894</v>
      </c>
      <c r="C40416" s="1" t="s">
        <v>120</v>
      </c>
      <c r="D40416" s="1" t="s">
        <v>65419</v>
      </c>
      <c r="E40416" s="1" t="s">
        <v>138570</v>
      </c>
      <c r="F40416" s="1" t="s">
        <v>138571</v>
      </c>
      <c r="G40416" s="1" t="s">
        <v>138498</v>
      </c>
      <c r="H40416" s="1" t="s">
        <v>138499</v>
      </c>
      <c r="I40416" s="1" t="s">
        <v>135900</v>
      </c>
      <c r="J40416" s="1" t="s">
        <v>138572</v>
      </c>
    </row>
    <row r="40417" spans="1:10" x14ac:dyDescent="0.35">
      <c r="A40417" s="1" t="s">
        <v>138495</v>
      </c>
      <c r="B40417" s="1" t="s">
        <v>135894</v>
      </c>
      <c r="C40417" s="1" t="s">
        <v>125</v>
      </c>
      <c r="D40417" s="1" t="s">
        <v>138573</v>
      </c>
      <c r="E40417" s="1" t="s">
        <v>138574</v>
      </c>
      <c r="F40417" s="1" t="s">
        <v>138575</v>
      </c>
      <c r="G40417" s="1" t="s">
        <v>138498</v>
      </c>
      <c r="H40417" s="1" t="s">
        <v>138499</v>
      </c>
      <c r="I40417" s="1" t="s">
        <v>135900</v>
      </c>
      <c r="J40417" s="1" t="s">
        <v>138576</v>
      </c>
    </row>
    <row r="40418" spans="1:10" x14ac:dyDescent="0.35">
      <c r="A40418" s="1" t="s">
        <v>138495</v>
      </c>
      <c r="B40418" s="1" t="s">
        <v>135894</v>
      </c>
      <c r="C40418" s="1" t="s">
        <v>130</v>
      </c>
      <c r="D40418" s="1" t="s">
        <v>65684</v>
      </c>
      <c r="E40418" s="1" t="s">
        <v>138577</v>
      </c>
      <c r="F40418" s="1" t="s">
        <v>138578</v>
      </c>
      <c r="G40418" s="1" t="s">
        <v>138498</v>
      </c>
      <c r="H40418" s="1" t="s">
        <v>138499</v>
      </c>
      <c r="I40418" s="1" t="s">
        <v>135900</v>
      </c>
      <c r="J40418" s="1" t="s">
        <v>138579</v>
      </c>
    </row>
    <row r="40419" spans="1:10" x14ac:dyDescent="0.35">
      <c r="A40419" s="1" t="s">
        <v>138495</v>
      </c>
      <c r="B40419" s="1" t="s">
        <v>135894</v>
      </c>
      <c r="C40419" s="1" t="s">
        <v>135</v>
      </c>
      <c r="D40419" s="1" t="s">
        <v>138580</v>
      </c>
      <c r="E40419" s="1" t="s">
        <v>138581</v>
      </c>
      <c r="F40419" s="1" t="s">
        <v>138582</v>
      </c>
      <c r="G40419" s="1" t="s">
        <v>138498</v>
      </c>
      <c r="H40419" s="1" t="s">
        <v>138499</v>
      </c>
      <c r="I40419" s="1" t="s">
        <v>135900</v>
      </c>
      <c r="J40419" s="1" t="s">
        <v>138583</v>
      </c>
    </row>
    <row r="40420" spans="1:10" x14ac:dyDescent="0.35">
      <c r="A40420" s="1" t="s">
        <v>138495</v>
      </c>
      <c r="B40420" s="1" t="s">
        <v>135894</v>
      </c>
      <c r="C40420" s="1" t="s">
        <v>140</v>
      </c>
      <c r="D40420" s="1" t="s">
        <v>24509</v>
      </c>
      <c r="E40420" s="1" t="s">
        <v>138584</v>
      </c>
      <c r="F40420" s="1" t="s">
        <v>138585</v>
      </c>
      <c r="G40420" s="1" t="s">
        <v>138498</v>
      </c>
      <c r="H40420" s="1" t="s">
        <v>138499</v>
      </c>
      <c r="I40420" s="1" t="s">
        <v>135900</v>
      </c>
      <c r="J40420" s="1" t="s">
        <v>138586</v>
      </c>
    </row>
    <row r="40421" spans="1:10" x14ac:dyDescent="0.35">
      <c r="A40421" s="1" t="s">
        <v>138495</v>
      </c>
      <c r="B40421" s="1" t="s">
        <v>135894</v>
      </c>
      <c r="C40421" s="1" t="s">
        <v>145</v>
      </c>
      <c r="D40421" s="1" t="s">
        <v>138587</v>
      </c>
      <c r="E40421" s="1" t="s">
        <v>138588</v>
      </c>
      <c r="F40421" s="1" t="s">
        <v>138589</v>
      </c>
      <c r="G40421" s="1" t="s">
        <v>138498</v>
      </c>
      <c r="H40421" s="1" t="s">
        <v>138499</v>
      </c>
      <c r="I40421" s="1" t="s">
        <v>135900</v>
      </c>
      <c r="J40421" s="1" t="s">
        <v>138590</v>
      </c>
    </row>
    <row r="40422" spans="1:10" x14ac:dyDescent="0.35">
      <c r="A40422" s="1" t="s">
        <v>138495</v>
      </c>
      <c r="B40422" s="1" t="s">
        <v>135894</v>
      </c>
      <c r="C40422" s="1" t="s">
        <v>150</v>
      </c>
      <c r="D40422" s="1" t="s">
        <v>138591</v>
      </c>
      <c r="E40422" s="1" t="s">
        <v>138592</v>
      </c>
      <c r="F40422" s="1" t="s">
        <v>138593</v>
      </c>
      <c r="G40422" s="1" t="s">
        <v>138498</v>
      </c>
      <c r="H40422" s="1" t="s">
        <v>138499</v>
      </c>
      <c r="I40422" s="1" t="s">
        <v>135900</v>
      </c>
      <c r="J40422" s="1" t="s">
        <v>138594</v>
      </c>
    </row>
    <row r="40423" spans="1:10" x14ac:dyDescent="0.35">
      <c r="A40423" s="1" t="s">
        <v>138495</v>
      </c>
      <c r="B40423" s="1" t="s">
        <v>135894</v>
      </c>
      <c r="C40423" s="1" t="s">
        <v>155</v>
      </c>
      <c r="D40423" s="1" t="s">
        <v>94526</v>
      </c>
      <c r="E40423" s="1" t="s">
        <v>138595</v>
      </c>
      <c r="F40423" s="1" t="s">
        <v>138596</v>
      </c>
      <c r="G40423" s="1" t="s">
        <v>138498</v>
      </c>
      <c r="H40423" s="1" t="s">
        <v>138499</v>
      </c>
      <c r="I40423" s="1" t="s">
        <v>135900</v>
      </c>
      <c r="J40423" s="1" t="s">
        <v>138597</v>
      </c>
    </row>
    <row r="40424" spans="1:10" x14ac:dyDescent="0.35">
      <c r="A40424" s="1" t="s">
        <v>138495</v>
      </c>
      <c r="B40424" s="1" t="s">
        <v>135894</v>
      </c>
      <c r="C40424" s="1" t="s">
        <v>160</v>
      </c>
      <c r="D40424" s="1" t="s">
        <v>132232</v>
      </c>
      <c r="E40424" s="1" t="s">
        <v>138598</v>
      </c>
      <c r="F40424" s="1" t="s">
        <v>138599</v>
      </c>
      <c r="G40424" s="1" t="s">
        <v>138498</v>
      </c>
      <c r="H40424" s="1" t="s">
        <v>138499</v>
      </c>
      <c r="I40424" s="1" t="s">
        <v>135900</v>
      </c>
      <c r="J40424" s="1" t="s">
        <v>138600</v>
      </c>
    </row>
    <row r="40425" spans="1:10" x14ac:dyDescent="0.35">
      <c r="A40425" s="1" t="s">
        <v>138495</v>
      </c>
      <c r="B40425" s="1" t="s">
        <v>135894</v>
      </c>
      <c r="C40425" s="1" t="s">
        <v>165</v>
      </c>
      <c r="D40425" s="1" t="s">
        <v>39818</v>
      </c>
      <c r="E40425" s="1" t="s">
        <v>138601</v>
      </c>
      <c r="F40425" s="1" t="s">
        <v>138602</v>
      </c>
      <c r="G40425" s="1" t="s">
        <v>138498</v>
      </c>
      <c r="H40425" s="1" t="s">
        <v>138499</v>
      </c>
      <c r="I40425" s="1" t="s">
        <v>135900</v>
      </c>
      <c r="J40425" s="1" t="s">
        <v>138603</v>
      </c>
    </row>
    <row r="40426" spans="1:10" x14ac:dyDescent="0.35">
      <c r="A40426" s="1" t="s">
        <v>138495</v>
      </c>
      <c r="B40426" s="1" t="s">
        <v>135894</v>
      </c>
      <c r="C40426" s="1" t="s">
        <v>170</v>
      </c>
      <c r="D40426" s="1" t="s">
        <v>26495</v>
      </c>
      <c r="E40426" s="1" t="s">
        <v>138604</v>
      </c>
      <c r="F40426" s="1" t="s">
        <v>138605</v>
      </c>
      <c r="G40426" s="1" t="s">
        <v>138498</v>
      </c>
      <c r="H40426" s="1" t="s">
        <v>138499</v>
      </c>
      <c r="I40426" s="1" t="s">
        <v>135900</v>
      </c>
      <c r="J40426" s="1" t="s">
        <v>138606</v>
      </c>
    </row>
    <row r="40427" spans="1:10" x14ac:dyDescent="0.35">
      <c r="A40427" s="1" t="s">
        <v>119246</v>
      </c>
      <c r="B40427" s="1" t="s">
        <v>135894</v>
      </c>
      <c r="C40427" s="1" t="s">
        <v>8</v>
      </c>
      <c r="D40427" s="1" t="s">
        <v>115200</v>
      </c>
      <c r="E40427" s="1" t="s">
        <v>138607</v>
      </c>
      <c r="F40427" s="1" t="s">
        <v>138608</v>
      </c>
      <c r="G40427" s="1" t="s">
        <v>138609</v>
      </c>
      <c r="H40427" s="1" t="s">
        <v>138610</v>
      </c>
      <c r="I40427" s="1" t="s">
        <v>135900</v>
      </c>
      <c r="J40427" s="1" t="s">
        <v>13</v>
      </c>
    </row>
    <row r="40428" spans="1:10" x14ac:dyDescent="0.35">
      <c r="A40428" s="1" t="s">
        <v>119246</v>
      </c>
      <c r="B40428" s="1" t="s">
        <v>135894</v>
      </c>
      <c r="C40428" s="1" t="s">
        <v>15</v>
      </c>
      <c r="D40428" s="1" t="s">
        <v>114544</v>
      </c>
      <c r="E40428" s="1" t="s">
        <v>138611</v>
      </c>
      <c r="F40428" s="1" t="s">
        <v>138612</v>
      </c>
      <c r="G40428" s="1" t="s">
        <v>138609</v>
      </c>
      <c r="H40428" s="1" t="s">
        <v>138610</v>
      </c>
      <c r="I40428" s="1" t="s">
        <v>135900</v>
      </c>
      <c r="J40428" s="1" t="s">
        <v>138613</v>
      </c>
    </row>
    <row r="40429" spans="1:10" x14ac:dyDescent="0.35">
      <c r="A40429" s="1" t="s">
        <v>119246</v>
      </c>
      <c r="B40429" s="1" t="s">
        <v>135894</v>
      </c>
      <c r="C40429" s="1" t="s">
        <v>20</v>
      </c>
      <c r="D40429" s="1" t="s">
        <v>138614</v>
      </c>
      <c r="E40429" s="1" t="s">
        <v>138615</v>
      </c>
      <c r="F40429" s="1" t="s">
        <v>138616</v>
      </c>
      <c r="G40429" s="1" t="s">
        <v>138609</v>
      </c>
      <c r="H40429" s="1" t="s">
        <v>138610</v>
      </c>
      <c r="I40429" s="1" t="s">
        <v>135900</v>
      </c>
      <c r="J40429" s="1" t="s">
        <v>138617</v>
      </c>
    </row>
    <row r="40430" spans="1:10" x14ac:dyDescent="0.35">
      <c r="A40430" s="1" t="s">
        <v>119246</v>
      </c>
      <c r="B40430" s="1" t="s">
        <v>135894</v>
      </c>
      <c r="C40430" s="1" t="s">
        <v>25</v>
      </c>
      <c r="D40430" s="1" t="s">
        <v>138618</v>
      </c>
      <c r="E40430" s="1" t="s">
        <v>138619</v>
      </c>
      <c r="F40430" s="1" t="s">
        <v>138620</v>
      </c>
      <c r="G40430" s="1" t="s">
        <v>138609</v>
      </c>
      <c r="H40430" s="1" t="s">
        <v>138610</v>
      </c>
      <c r="I40430" s="1" t="s">
        <v>135900</v>
      </c>
      <c r="J40430" s="1" t="s">
        <v>138621</v>
      </c>
    </row>
    <row r="40431" spans="1:10" x14ac:dyDescent="0.35">
      <c r="A40431" s="1" t="s">
        <v>119246</v>
      </c>
      <c r="B40431" s="1" t="s">
        <v>135894</v>
      </c>
      <c r="C40431" s="1" t="s">
        <v>30</v>
      </c>
      <c r="D40431" s="1" t="s">
        <v>138622</v>
      </c>
      <c r="E40431" s="1" t="s">
        <v>138623</v>
      </c>
      <c r="F40431" s="1" t="s">
        <v>138624</v>
      </c>
      <c r="G40431" s="1" t="s">
        <v>138609</v>
      </c>
      <c r="H40431" s="1" t="s">
        <v>138610</v>
      </c>
      <c r="I40431" s="1" t="s">
        <v>135900</v>
      </c>
      <c r="J40431" s="1" t="s">
        <v>138625</v>
      </c>
    </row>
    <row r="40432" spans="1:10" x14ac:dyDescent="0.35">
      <c r="A40432" s="1" t="s">
        <v>119246</v>
      </c>
      <c r="B40432" s="1" t="s">
        <v>135894</v>
      </c>
      <c r="C40432" s="1" t="s">
        <v>35</v>
      </c>
      <c r="D40432" s="1" t="s">
        <v>138626</v>
      </c>
      <c r="E40432" s="1" t="s">
        <v>138627</v>
      </c>
      <c r="F40432" s="1" t="s">
        <v>138628</v>
      </c>
      <c r="G40432" s="1" t="s">
        <v>138609</v>
      </c>
      <c r="H40432" s="1" t="s">
        <v>138610</v>
      </c>
      <c r="I40432" s="1" t="s">
        <v>135900</v>
      </c>
      <c r="J40432" s="1" t="s">
        <v>138629</v>
      </c>
    </row>
    <row r="40433" spans="1:10" x14ac:dyDescent="0.35">
      <c r="A40433" s="1" t="s">
        <v>119246</v>
      </c>
      <c r="B40433" s="1" t="s">
        <v>135894</v>
      </c>
      <c r="C40433" s="1" t="s">
        <v>40</v>
      </c>
      <c r="D40433" s="1" t="s">
        <v>106104</v>
      </c>
      <c r="E40433" s="1" t="s">
        <v>138630</v>
      </c>
      <c r="F40433" s="1" t="s">
        <v>138631</v>
      </c>
      <c r="G40433" s="1" t="s">
        <v>138609</v>
      </c>
      <c r="H40433" s="1" t="s">
        <v>138610</v>
      </c>
      <c r="I40433" s="1" t="s">
        <v>135900</v>
      </c>
      <c r="J40433" s="1" t="s">
        <v>138632</v>
      </c>
    </row>
    <row r="40434" spans="1:10" x14ac:dyDescent="0.35">
      <c r="A40434" s="1" t="s">
        <v>119246</v>
      </c>
      <c r="B40434" s="1" t="s">
        <v>135894</v>
      </c>
      <c r="C40434" s="1" t="s">
        <v>45</v>
      </c>
      <c r="D40434" s="1" t="s">
        <v>138633</v>
      </c>
      <c r="E40434" s="1" t="s">
        <v>138634</v>
      </c>
      <c r="F40434" s="1" t="s">
        <v>138635</v>
      </c>
      <c r="G40434" s="1" t="s">
        <v>138609</v>
      </c>
      <c r="H40434" s="1" t="s">
        <v>138610</v>
      </c>
      <c r="I40434" s="1" t="s">
        <v>135900</v>
      </c>
      <c r="J40434" s="1" t="s">
        <v>138636</v>
      </c>
    </row>
    <row r="40435" spans="1:10" x14ac:dyDescent="0.35">
      <c r="A40435" s="1" t="s">
        <v>119246</v>
      </c>
      <c r="B40435" s="1" t="s">
        <v>135894</v>
      </c>
      <c r="C40435" s="1" t="s">
        <v>50</v>
      </c>
      <c r="D40435" s="1" t="s">
        <v>138637</v>
      </c>
      <c r="E40435" s="1" t="s">
        <v>138638</v>
      </c>
      <c r="F40435" s="1" t="s">
        <v>138639</v>
      </c>
      <c r="G40435" s="1" t="s">
        <v>138609</v>
      </c>
      <c r="H40435" s="1" t="s">
        <v>138610</v>
      </c>
      <c r="I40435" s="1" t="s">
        <v>135900</v>
      </c>
      <c r="J40435" s="1" t="s">
        <v>138640</v>
      </c>
    </row>
    <row r="40436" spans="1:10" x14ac:dyDescent="0.35">
      <c r="A40436" s="1" t="s">
        <v>119246</v>
      </c>
      <c r="B40436" s="1" t="s">
        <v>135894</v>
      </c>
      <c r="C40436" s="1" t="s">
        <v>55</v>
      </c>
      <c r="D40436" s="1" t="s">
        <v>138641</v>
      </c>
      <c r="E40436" s="1" t="s">
        <v>138642</v>
      </c>
      <c r="F40436" s="1" t="s">
        <v>138643</v>
      </c>
      <c r="G40436" s="1" t="s">
        <v>138609</v>
      </c>
      <c r="H40436" s="1" t="s">
        <v>138610</v>
      </c>
      <c r="I40436" s="1" t="s">
        <v>135900</v>
      </c>
      <c r="J40436" s="1" t="s">
        <v>138644</v>
      </c>
    </row>
    <row r="40437" spans="1:10" x14ac:dyDescent="0.35">
      <c r="A40437" s="1" t="s">
        <v>119246</v>
      </c>
      <c r="B40437" s="1" t="s">
        <v>135894</v>
      </c>
      <c r="C40437" s="1" t="s">
        <v>60</v>
      </c>
      <c r="D40437" s="1" t="s">
        <v>138645</v>
      </c>
      <c r="E40437" s="1" t="s">
        <v>138646</v>
      </c>
      <c r="F40437" s="1" t="s">
        <v>138647</v>
      </c>
      <c r="G40437" s="1" t="s">
        <v>138609</v>
      </c>
      <c r="H40437" s="1" t="s">
        <v>138610</v>
      </c>
      <c r="I40437" s="1" t="s">
        <v>135900</v>
      </c>
      <c r="J40437" s="1" t="s">
        <v>138648</v>
      </c>
    </row>
    <row r="40438" spans="1:10" x14ac:dyDescent="0.35">
      <c r="A40438" s="1" t="s">
        <v>119246</v>
      </c>
      <c r="B40438" s="1" t="s">
        <v>135894</v>
      </c>
      <c r="C40438" s="1" t="s">
        <v>65</v>
      </c>
      <c r="D40438" s="1" t="s">
        <v>12311</v>
      </c>
      <c r="E40438" s="1" t="s">
        <v>138649</v>
      </c>
      <c r="F40438" s="1" t="s">
        <v>138650</v>
      </c>
      <c r="G40438" s="1" t="s">
        <v>138609</v>
      </c>
      <c r="H40438" s="1" t="s">
        <v>138610</v>
      </c>
      <c r="I40438" s="1" t="s">
        <v>135900</v>
      </c>
      <c r="J40438" s="1" t="s">
        <v>138651</v>
      </c>
    </row>
    <row r="40439" spans="1:10" x14ac:dyDescent="0.35">
      <c r="A40439" s="1" t="s">
        <v>119246</v>
      </c>
      <c r="B40439" s="1" t="s">
        <v>135894</v>
      </c>
      <c r="C40439" s="1" t="s">
        <v>70</v>
      </c>
      <c r="D40439" s="1" t="s">
        <v>138652</v>
      </c>
      <c r="E40439" s="1" t="s">
        <v>138653</v>
      </c>
      <c r="F40439" s="1" t="s">
        <v>138654</v>
      </c>
      <c r="G40439" s="1" t="s">
        <v>138609</v>
      </c>
      <c r="H40439" s="1" t="s">
        <v>138610</v>
      </c>
      <c r="I40439" s="1" t="s">
        <v>135900</v>
      </c>
      <c r="J40439" s="1" t="s">
        <v>138655</v>
      </c>
    </row>
    <row r="40440" spans="1:10" x14ac:dyDescent="0.35">
      <c r="A40440" s="1" t="s">
        <v>119246</v>
      </c>
      <c r="B40440" s="1" t="s">
        <v>135894</v>
      </c>
      <c r="C40440" s="1" t="s">
        <v>75</v>
      </c>
      <c r="D40440" s="1" t="s">
        <v>88989</v>
      </c>
      <c r="E40440" s="1" t="s">
        <v>138656</v>
      </c>
      <c r="F40440" s="1" t="s">
        <v>138657</v>
      </c>
      <c r="G40440" s="1" t="s">
        <v>138609</v>
      </c>
      <c r="H40440" s="1" t="s">
        <v>138610</v>
      </c>
      <c r="I40440" s="1" t="s">
        <v>135900</v>
      </c>
      <c r="J40440" s="1" t="s">
        <v>138658</v>
      </c>
    </row>
    <row r="40441" spans="1:10" x14ac:dyDescent="0.35">
      <c r="A40441" s="1" t="s">
        <v>119246</v>
      </c>
      <c r="B40441" s="1" t="s">
        <v>135894</v>
      </c>
      <c r="C40441" s="1" t="s">
        <v>80</v>
      </c>
      <c r="D40441" s="1" t="s">
        <v>138659</v>
      </c>
      <c r="E40441" s="1" t="s">
        <v>138660</v>
      </c>
      <c r="F40441" s="1" t="s">
        <v>138661</v>
      </c>
      <c r="G40441" s="1" t="s">
        <v>138609</v>
      </c>
      <c r="H40441" s="1" t="s">
        <v>138610</v>
      </c>
      <c r="I40441" s="1" t="s">
        <v>135900</v>
      </c>
      <c r="J40441" s="1" t="s">
        <v>138662</v>
      </c>
    </row>
    <row r="40442" spans="1:10" x14ac:dyDescent="0.35">
      <c r="A40442" s="1" t="s">
        <v>119246</v>
      </c>
      <c r="B40442" s="1" t="s">
        <v>135894</v>
      </c>
      <c r="C40442" s="1" t="s">
        <v>85</v>
      </c>
      <c r="D40442" s="1" t="s">
        <v>138663</v>
      </c>
      <c r="E40442" s="1" t="s">
        <v>138664</v>
      </c>
      <c r="F40442" s="1" t="s">
        <v>138665</v>
      </c>
      <c r="G40442" s="1" t="s">
        <v>138609</v>
      </c>
      <c r="H40442" s="1" t="s">
        <v>138610</v>
      </c>
      <c r="I40442" s="1" t="s">
        <v>135900</v>
      </c>
      <c r="J40442" s="1" t="s">
        <v>138666</v>
      </c>
    </row>
    <row r="40443" spans="1:10" x14ac:dyDescent="0.35">
      <c r="A40443" s="1" t="s">
        <v>119246</v>
      </c>
      <c r="B40443" s="1" t="s">
        <v>135894</v>
      </c>
      <c r="C40443" s="1" t="s">
        <v>90</v>
      </c>
      <c r="D40443" s="1" t="s">
        <v>138667</v>
      </c>
      <c r="E40443" s="1" t="s">
        <v>138668</v>
      </c>
      <c r="F40443" s="1" t="s">
        <v>138669</v>
      </c>
      <c r="G40443" s="1" t="s">
        <v>138609</v>
      </c>
      <c r="H40443" s="1" t="s">
        <v>138610</v>
      </c>
      <c r="I40443" s="1" t="s">
        <v>135900</v>
      </c>
      <c r="J40443" s="1" t="s">
        <v>138670</v>
      </c>
    </row>
    <row r="40444" spans="1:10" x14ac:dyDescent="0.35">
      <c r="A40444" s="1" t="s">
        <v>119246</v>
      </c>
      <c r="B40444" s="1" t="s">
        <v>135894</v>
      </c>
      <c r="C40444" s="1" t="s">
        <v>95</v>
      </c>
      <c r="D40444" s="1" t="s">
        <v>53026</v>
      </c>
      <c r="E40444" s="1" t="s">
        <v>138671</v>
      </c>
      <c r="F40444" s="1" t="s">
        <v>138672</v>
      </c>
      <c r="G40444" s="1" t="s">
        <v>138609</v>
      </c>
      <c r="H40444" s="1" t="s">
        <v>138610</v>
      </c>
      <c r="I40444" s="1" t="s">
        <v>135900</v>
      </c>
      <c r="J40444" s="1" t="s">
        <v>138673</v>
      </c>
    </row>
    <row r="40445" spans="1:10" x14ac:dyDescent="0.35">
      <c r="A40445" s="1" t="s">
        <v>119246</v>
      </c>
      <c r="B40445" s="1" t="s">
        <v>135894</v>
      </c>
      <c r="C40445" s="1" t="s">
        <v>100</v>
      </c>
      <c r="D40445" s="1" t="s">
        <v>138674</v>
      </c>
      <c r="E40445" s="1" t="s">
        <v>138675</v>
      </c>
      <c r="F40445" s="1" t="s">
        <v>138676</v>
      </c>
      <c r="G40445" s="1" t="s">
        <v>138609</v>
      </c>
      <c r="H40445" s="1" t="s">
        <v>138610</v>
      </c>
      <c r="I40445" s="1" t="s">
        <v>135900</v>
      </c>
      <c r="J40445" s="1" t="s">
        <v>138677</v>
      </c>
    </row>
    <row r="40446" spans="1:10" x14ac:dyDescent="0.35">
      <c r="A40446" s="1" t="s">
        <v>119246</v>
      </c>
      <c r="B40446" s="1" t="s">
        <v>135894</v>
      </c>
      <c r="C40446" s="1" t="s">
        <v>105</v>
      </c>
      <c r="D40446" s="1" t="s">
        <v>53010</v>
      </c>
      <c r="E40446" s="1" t="s">
        <v>138678</v>
      </c>
      <c r="F40446" s="1" t="s">
        <v>138679</v>
      </c>
      <c r="G40446" s="1" t="s">
        <v>138609</v>
      </c>
      <c r="H40446" s="1" t="s">
        <v>138610</v>
      </c>
      <c r="I40446" s="1" t="s">
        <v>135900</v>
      </c>
      <c r="J40446" s="1" t="s">
        <v>138680</v>
      </c>
    </row>
    <row r="40447" spans="1:10" x14ac:dyDescent="0.35">
      <c r="A40447" s="1" t="s">
        <v>119246</v>
      </c>
      <c r="B40447" s="1" t="s">
        <v>135894</v>
      </c>
      <c r="C40447" s="1" t="s">
        <v>110</v>
      </c>
      <c r="D40447" s="1" t="s">
        <v>138681</v>
      </c>
      <c r="E40447" s="1" t="s">
        <v>138682</v>
      </c>
      <c r="F40447" s="1" t="s">
        <v>138683</v>
      </c>
      <c r="G40447" s="1" t="s">
        <v>138609</v>
      </c>
      <c r="H40447" s="1" t="s">
        <v>138610</v>
      </c>
      <c r="I40447" s="1" t="s">
        <v>135900</v>
      </c>
      <c r="J40447" s="1" t="s">
        <v>138684</v>
      </c>
    </row>
    <row r="40448" spans="1:10" x14ac:dyDescent="0.35">
      <c r="A40448" s="1" t="s">
        <v>119246</v>
      </c>
      <c r="B40448" s="1" t="s">
        <v>135894</v>
      </c>
      <c r="C40448" s="1" t="s">
        <v>115</v>
      </c>
      <c r="D40448" s="1" t="s">
        <v>66692</v>
      </c>
      <c r="E40448" s="1" t="s">
        <v>138685</v>
      </c>
      <c r="F40448" s="1" t="s">
        <v>138686</v>
      </c>
      <c r="G40448" s="1" t="s">
        <v>138609</v>
      </c>
      <c r="H40448" s="1" t="s">
        <v>138610</v>
      </c>
      <c r="I40448" s="1" t="s">
        <v>135900</v>
      </c>
      <c r="J40448" s="1" t="s">
        <v>138687</v>
      </c>
    </row>
    <row r="40449" spans="1:10" x14ac:dyDescent="0.35">
      <c r="A40449" s="1" t="s">
        <v>119246</v>
      </c>
      <c r="B40449" s="1" t="s">
        <v>135894</v>
      </c>
      <c r="C40449" s="1" t="s">
        <v>120</v>
      </c>
      <c r="D40449" s="1" t="s">
        <v>138688</v>
      </c>
      <c r="E40449" s="1" t="s">
        <v>138689</v>
      </c>
      <c r="F40449" s="1" t="s">
        <v>138690</v>
      </c>
      <c r="G40449" s="1" t="s">
        <v>138609</v>
      </c>
      <c r="H40449" s="1" t="s">
        <v>138610</v>
      </c>
      <c r="I40449" s="1" t="s">
        <v>135900</v>
      </c>
      <c r="J40449" s="1" t="s">
        <v>138691</v>
      </c>
    </row>
    <row r="40450" spans="1:10" x14ac:dyDescent="0.35">
      <c r="A40450" s="1" t="s">
        <v>119246</v>
      </c>
      <c r="B40450" s="1" t="s">
        <v>135894</v>
      </c>
      <c r="C40450" s="1" t="s">
        <v>125</v>
      </c>
      <c r="D40450" s="1" t="s">
        <v>138692</v>
      </c>
      <c r="E40450" s="1" t="s">
        <v>138693</v>
      </c>
      <c r="F40450" s="1" t="s">
        <v>138694</v>
      </c>
      <c r="G40450" s="1" t="s">
        <v>138609</v>
      </c>
      <c r="H40450" s="1" t="s">
        <v>138610</v>
      </c>
      <c r="I40450" s="1" t="s">
        <v>135900</v>
      </c>
      <c r="J40450" s="1" t="s">
        <v>138695</v>
      </c>
    </row>
    <row r="40451" spans="1:10" x14ac:dyDescent="0.35">
      <c r="A40451" s="1" t="s">
        <v>119246</v>
      </c>
      <c r="B40451" s="1" t="s">
        <v>135894</v>
      </c>
      <c r="C40451" s="1" t="s">
        <v>130</v>
      </c>
      <c r="D40451" s="1" t="s">
        <v>137901</v>
      </c>
      <c r="E40451" s="1" t="s">
        <v>138696</v>
      </c>
      <c r="F40451" s="1" t="s">
        <v>138697</v>
      </c>
      <c r="G40451" s="1" t="s">
        <v>138609</v>
      </c>
      <c r="H40451" s="1" t="s">
        <v>138610</v>
      </c>
      <c r="I40451" s="1" t="s">
        <v>135900</v>
      </c>
      <c r="J40451" s="1" t="s">
        <v>138698</v>
      </c>
    </row>
    <row r="40452" spans="1:10" x14ac:dyDescent="0.35">
      <c r="A40452" s="1" t="s">
        <v>119246</v>
      </c>
      <c r="B40452" s="1" t="s">
        <v>135894</v>
      </c>
      <c r="C40452" s="1" t="s">
        <v>135</v>
      </c>
      <c r="D40452" s="1" t="s">
        <v>138699</v>
      </c>
      <c r="E40452" s="1" t="s">
        <v>138700</v>
      </c>
      <c r="F40452" s="1" t="s">
        <v>138701</v>
      </c>
      <c r="G40452" s="1" t="s">
        <v>138609</v>
      </c>
      <c r="H40452" s="1" t="s">
        <v>138610</v>
      </c>
      <c r="I40452" s="1" t="s">
        <v>135900</v>
      </c>
      <c r="J40452" s="1" t="s">
        <v>138702</v>
      </c>
    </row>
    <row r="40453" spans="1:10" x14ac:dyDescent="0.35">
      <c r="A40453" s="1" t="s">
        <v>119246</v>
      </c>
      <c r="B40453" s="1" t="s">
        <v>135894</v>
      </c>
      <c r="C40453" s="1" t="s">
        <v>140</v>
      </c>
      <c r="D40453" s="1" t="s">
        <v>87623</v>
      </c>
      <c r="E40453" s="1" t="s">
        <v>138703</v>
      </c>
      <c r="F40453" s="1" t="s">
        <v>138704</v>
      </c>
      <c r="G40453" s="1" t="s">
        <v>138609</v>
      </c>
      <c r="H40453" s="1" t="s">
        <v>138610</v>
      </c>
      <c r="I40453" s="1" t="s">
        <v>135900</v>
      </c>
      <c r="J40453" s="1" t="s">
        <v>138705</v>
      </c>
    </row>
    <row r="40454" spans="1:10" x14ac:dyDescent="0.35">
      <c r="A40454" s="1" t="s">
        <v>119246</v>
      </c>
      <c r="B40454" s="1" t="s">
        <v>135894</v>
      </c>
      <c r="C40454" s="1" t="s">
        <v>145</v>
      </c>
      <c r="D40454" s="1" t="s">
        <v>39346</v>
      </c>
      <c r="E40454" s="1" t="s">
        <v>138706</v>
      </c>
      <c r="F40454" s="1" t="s">
        <v>138707</v>
      </c>
      <c r="G40454" s="1" t="s">
        <v>138609</v>
      </c>
      <c r="H40454" s="1" t="s">
        <v>138610</v>
      </c>
      <c r="I40454" s="1" t="s">
        <v>135900</v>
      </c>
      <c r="J40454" s="1" t="s">
        <v>138708</v>
      </c>
    </row>
    <row r="40455" spans="1:10" x14ac:dyDescent="0.35">
      <c r="A40455" s="1" t="s">
        <v>119246</v>
      </c>
      <c r="B40455" s="1" t="s">
        <v>135894</v>
      </c>
      <c r="C40455" s="1" t="s">
        <v>150</v>
      </c>
      <c r="D40455" s="1" t="s">
        <v>24085</v>
      </c>
      <c r="E40455" s="1" t="s">
        <v>138709</v>
      </c>
      <c r="F40455" s="1" t="s">
        <v>138710</v>
      </c>
      <c r="G40455" s="1" t="s">
        <v>138609</v>
      </c>
      <c r="H40455" s="1" t="s">
        <v>138610</v>
      </c>
      <c r="I40455" s="1" t="s">
        <v>135900</v>
      </c>
      <c r="J40455" s="1" t="s">
        <v>138711</v>
      </c>
    </row>
    <row r="40456" spans="1:10" x14ac:dyDescent="0.35">
      <c r="A40456" s="1" t="s">
        <v>119246</v>
      </c>
      <c r="B40456" s="1" t="s">
        <v>135894</v>
      </c>
      <c r="C40456" s="1" t="s">
        <v>155</v>
      </c>
      <c r="D40456" s="1" t="s">
        <v>116704</v>
      </c>
      <c r="E40456" s="1" t="s">
        <v>138712</v>
      </c>
      <c r="F40456" s="1" t="s">
        <v>138713</v>
      </c>
      <c r="G40456" s="1" t="s">
        <v>138609</v>
      </c>
      <c r="H40456" s="1" t="s">
        <v>138610</v>
      </c>
      <c r="I40456" s="1" t="s">
        <v>135900</v>
      </c>
      <c r="J40456" s="1" t="s">
        <v>138714</v>
      </c>
    </row>
    <row r="40457" spans="1:10" x14ac:dyDescent="0.35">
      <c r="A40457" s="1" t="s">
        <v>119246</v>
      </c>
      <c r="B40457" s="1" t="s">
        <v>135894</v>
      </c>
      <c r="C40457" s="1" t="s">
        <v>160</v>
      </c>
      <c r="D40457" s="1" t="s">
        <v>87600</v>
      </c>
      <c r="E40457" s="1" t="s">
        <v>138715</v>
      </c>
      <c r="F40457" s="1" t="s">
        <v>138716</v>
      </c>
      <c r="G40457" s="1" t="s">
        <v>138609</v>
      </c>
      <c r="H40457" s="1" t="s">
        <v>138610</v>
      </c>
      <c r="I40457" s="1" t="s">
        <v>135900</v>
      </c>
      <c r="J40457" s="1" t="s">
        <v>138717</v>
      </c>
    </row>
    <row r="40458" spans="1:10" x14ac:dyDescent="0.35">
      <c r="A40458" s="1" t="s">
        <v>119246</v>
      </c>
      <c r="B40458" s="1" t="s">
        <v>135894</v>
      </c>
      <c r="C40458" s="1" t="s">
        <v>165</v>
      </c>
      <c r="D40458" s="1" t="s">
        <v>79687</v>
      </c>
      <c r="E40458" s="1" t="s">
        <v>138718</v>
      </c>
      <c r="F40458" s="1" t="s">
        <v>138719</v>
      </c>
      <c r="G40458" s="1" t="s">
        <v>138609</v>
      </c>
      <c r="H40458" s="1" t="s">
        <v>138610</v>
      </c>
      <c r="I40458" s="1" t="s">
        <v>135900</v>
      </c>
      <c r="J40458" s="1" t="s">
        <v>138720</v>
      </c>
    </row>
    <row r="40459" spans="1:10" x14ac:dyDescent="0.35">
      <c r="A40459" s="1" t="s">
        <v>119246</v>
      </c>
      <c r="B40459" s="1" t="s">
        <v>135894</v>
      </c>
      <c r="C40459" s="1" t="s">
        <v>170</v>
      </c>
      <c r="D40459" s="1" t="s">
        <v>138721</v>
      </c>
      <c r="E40459" s="1" t="s">
        <v>138722</v>
      </c>
      <c r="F40459" s="1" t="s">
        <v>138723</v>
      </c>
      <c r="G40459" s="1" t="s">
        <v>138609</v>
      </c>
      <c r="H40459" s="1" t="s">
        <v>138610</v>
      </c>
      <c r="I40459" s="1" t="s">
        <v>135900</v>
      </c>
      <c r="J40459" s="1" t="s">
        <v>138724</v>
      </c>
    </row>
    <row r="40460" spans="1:10" x14ac:dyDescent="0.35">
      <c r="A40460" s="1" t="s">
        <v>138725</v>
      </c>
      <c r="B40460" s="1" t="s">
        <v>135894</v>
      </c>
      <c r="C40460" s="1" t="s">
        <v>8</v>
      </c>
      <c r="D40460" s="1" t="s">
        <v>81390</v>
      </c>
      <c r="E40460" s="1" t="s">
        <v>138726</v>
      </c>
      <c r="F40460" s="1" t="s">
        <v>138727</v>
      </c>
      <c r="G40460" s="1" t="s">
        <v>138728</v>
      </c>
      <c r="H40460" s="1" t="s">
        <v>138729</v>
      </c>
      <c r="I40460" s="1" t="s">
        <v>135900</v>
      </c>
      <c r="J40460" s="1" t="s">
        <v>13</v>
      </c>
    </row>
    <row r="40461" spans="1:10" x14ac:dyDescent="0.35">
      <c r="A40461" s="1" t="s">
        <v>138725</v>
      </c>
      <c r="B40461" s="1" t="s">
        <v>135894</v>
      </c>
      <c r="C40461" s="1" t="s">
        <v>15</v>
      </c>
      <c r="D40461" s="1" t="s">
        <v>89493</v>
      </c>
      <c r="E40461" s="1" t="s">
        <v>138730</v>
      </c>
      <c r="F40461" s="1" t="s">
        <v>138731</v>
      </c>
      <c r="G40461" s="1" t="s">
        <v>138728</v>
      </c>
      <c r="H40461" s="1" t="s">
        <v>138729</v>
      </c>
      <c r="I40461" s="1" t="s">
        <v>135900</v>
      </c>
      <c r="J40461" s="1" t="s">
        <v>138732</v>
      </c>
    </row>
    <row r="40462" spans="1:10" x14ac:dyDescent="0.35">
      <c r="A40462" s="1" t="s">
        <v>138725</v>
      </c>
      <c r="B40462" s="1" t="s">
        <v>135894</v>
      </c>
      <c r="C40462" s="1" t="s">
        <v>20</v>
      </c>
      <c r="D40462" s="1" t="s">
        <v>93901</v>
      </c>
      <c r="E40462" s="1" t="s">
        <v>138733</v>
      </c>
      <c r="F40462" s="1" t="s">
        <v>138734</v>
      </c>
      <c r="G40462" s="1" t="s">
        <v>138728</v>
      </c>
      <c r="H40462" s="1" t="s">
        <v>138729</v>
      </c>
      <c r="I40462" s="1" t="s">
        <v>135900</v>
      </c>
      <c r="J40462" s="1" t="s">
        <v>138735</v>
      </c>
    </row>
    <row r="40463" spans="1:10" x14ac:dyDescent="0.35">
      <c r="A40463" s="1" t="s">
        <v>138725</v>
      </c>
      <c r="B40463" s="1" t="s">
        <v>135894</v>
      </c>
      <c r="C40463" s="1" t="s">
        <v>25</v>
      </c>
      <c r="D40463" s="1" t="s">
        <v>65906</v>
      </c>
      <c r="E40463" s="1" t="s">
        <v>138736</v>
      </c>
      <c r="F40463" s="1" t="s">
        <v>138737</v>
      </c>
      <c r="G40463" s="1" t="s">
        <v>138728</v>
      </c>
      <c r="H40463" s="1" t="s">
        <v>138729</v>
      </c>
      <c r="I40463" s="1" t="s">
        <v>135900</v>
      </c>
      <c r="J40463" s="1" t="s">
        <v>138738</v>
      </c>
    </row>
    <row r="40464" spans="1:10" x14ac:dyDescent="0.35">
      <c r="A40464" s="1" t="s">
        <v>138725</v>
      </c>
      <c r="B40464" s="1" t="s">
        <v>135894</v>
      </c>
      <c r="C40464" s="1" t="s">
        <v>30</v>
      </c>
      <c r="D40464" s="1" t="s">
        <v>138739</v>
      </c>
      <c r="E40464" s="1" t="s">
        <v>138740</v>
      </c>
      <c r="F40464" s="1" t="s">
        <v>138741</v>
      </c>
      <c r="G40464" s="1" t="s">
        <v>138728</v>
      </c>
      <c r="H40464" s="1" t="s">
        <v>138729</v>
      </c>
      <c r="I40464" s="1" t="s">
        <v>135900</v>
      </c>
      <c r="J40464" s="1" t="s">
        <v>138742</v>
      </c>
    </row>
    <row r="40465" spans="1:10" x14ac:dyDescent="0.35">
      <c r="A40465" s="1" t="s">
        <v>138725</v>
      </c>
      <c r="B40465" s="1" t="s">
        <v>135894</v>
      </c>
      <c r="C40465" s="1" t="s">
        <v>35</v>
      </c>
      <c r="D40465" s="1" t="s">
        <v>24089</v>
      </c>
      <c r="E40465" s="1" t="s">
        <v>138743</v>
      </c>
      <c r="F40465" s="1" t="s">
        <v>138744</v>
      </c>
      <c r="G40465" s="1" t="s">
        <v>138728</v>
      </c>
      <c r="H40465" s="1" t="s">
        <v>138729</v>
      </c>
      <c r="I40465" s="1" t="s">
        <v>135900</v>
      </c>
      <c r="J40465" s="1" t="s">
        <v>138745</v>
      </c>
    </row>
    <row r="40466" spans="1:10" x14ac:dyDescent="0.35">
      <c r="A40466" s="1" t="s">
        <v>138725</v>
      </c>
      <c r="B40466" s="1" t="s">
        <v>135894</v>
      </c>
      <c r="C40466" s="1" t="s">
        <v>40</v>
      </c>
      <c r="D40466" s="1" t="s">
        <v>133429</v>
      </c>
      <c r="E40466" s="1" t="s">
        <v>138746</v>
      </c>
      <c r="F40466" s="1" t="s">
        <v>138747</v>
      </c>
      <c r="G40466" s="1" t="s">
        <v>138728</v>
      </c>
      <c r="H40466" s="1" t="s">
        <v>138729</v>
      </c>
      <c r="I40466" s="1" t="s">
        <v>135900</v>
      </c>
      <c r="J40466" s="1" t="s">
        <v>138748</v>
      </c>
    </row>
    <row r="40467" spans="1:10" x14ac:dyDescent="0.35">
      <c r="A40467" s="1" t="s">
        <v>138725</v>
      </c>
      <c r="B40467" s="1" t="s">
        <v>135894</v>
      </c>
      <c r="C40467" s="1" t="s">
        <v>45</v>
      </c>
      <c r="D40467" s="1" t="s">
        <v>138749</v>
      </c>
      <c r="E40467" s="1" t="s">
        <v>138750</v>
      </c>
      <c r="F40467" s="1" t="s">
        <v>138751</v>
      </c>
      <c r="G40467" s="1" t="s">
        <v>138728</v>
      </c>
      <c r="H40467" s="1" t="s">
        <v>138729</v>
      </c>
      <c r="I40467" s="1" t="s">
        <v>135900</v>
      </c>
      <c r="J40467" s="1" t="s">
        <v>138752</v>
      </c>
    </row>
    <row r="40468" spans="1:10" x14ac:dyDescent="0.35">
      <c r="A40468" s="1" t="s">
        <v>138725</v>
      </c>
      <c r="B40468" s="1" t="s">
        <v>135894</v>
      </c>
      <c r="C40468" s="1" t="s">
        <v>50</v>
      </c>
      <c r="D40468" s="1" t="s">
        <v>80309</v>
      </c>
      <c r="E40468" s="1" t="s">
        <v>138753</v>
      </c>
      <c r="F40468" s="1" t="s">
        <v>138754</v>
      </c>
      <c r="G40468" s="1" t="s">
        <v>138728</v>
      </c>
      <c r="H40468" s="1" t="s">
        <v>138729</v>
      </c>
      <c r="I40468" s="1" t="s">
        <v>135900</v>
      </c>
      <c r="J40468" s="1" t="s">
        <v>138755</v>
      </c>
    </row>
    <row r="40469" spans="1:10" x14ac:dyDescent="0.35">
      <c r="A40469" s="1" t="s">
        <v>138725</v>
      </c>
      <c r="B40469" s="1" t="s">
        <v>135894</v>
      </c>
      <c r="C40469" s="1" t="s">
        <v>55</v>
      </c>
      <c r="D40469" s="1" t="s">
        <v>12565</v>
      </c>
      <c r="E40469" s="1" t="s">
        <v>138756</v>
      </c>
      <c r="F40469" s="1" t="s">
        <v>138757</v>
      </c>
      <c r="G40469" s="1" t="s">
        <v>138728</v>
      </c>
      <c r="H40469" s="1" t="s">
        <v>138729</v>
      </c>
      <c r="I40469" s="1" t="s">
        <v>135900</v>
      </c>
      <c r="J40469" s="1" t="s">
        <v>138758</v>
      </c>
    </row>
    <row r="40470" spans="1:10" x14ac:dyDescent="0.35">
      <c r="A40470" s="1" t="s">
        <v>138725</v>
      </c>
      <c r="B40470" s="1" t="s">
        <v>135894</v>
      </c>
      <c r="C40470" s="1" t="s">
        <v>60</v>
      </c>
      <c r="D40470" s="1" t="s">
        <v>138759</v>
      </c>
      <c r="E40470" s="1" t="s">
        <v>138760</v>
      </c>
      <c r="F40470" s="1" t="s">
        <v>138761</v>
      </c>
      <c r="G40470" s="1" t="s">
        <v>138728</v>
      </c>
      <c r="H40470" s="1" t="s">
        <v>138729</v>
      </c>
      <c r="I40470" s="1" t="s">
        <v>135900</v>
      </c>
      <c r="J40470" s="1" t="s">
        <v>138762</v>
      </c>
    </row>
    <row r="40471" spans="1:10" x14ac:dyDescent="0.35">
      <c r="A40471" s="1" t="s">
        <v>138725</v>
      </c>
      <c r="B40471" s="1" t="s">
        <v>135894</v>
      </c>
      <c r="C40471" s="1" t="s">
        <v>65</v>
      </c>
      <c r="D40471" s="1" t="s">
        <v>138763</v>
      </c>
      <c r="E40471" s="1" t="s">
        <v>138764</v>
      </c>
      <c r="F40471" s="1" t="s">
        <v>138765</v>
      </c>
      <c r="G40471" s="1" t="s">
        <v>138728</v>
      </c>
      <c r="H40471" s="1" t="s">
        <v>138729</v>
      </c>
      <c r="I40471" s="1" t="s">
        <v>135900</v>
      </c>
      <c r="J40471" s="1" t="s">
        <v>138766</v>
      </c>
    </row>
    <row r="40472" spans="1:10" x14ac:dyDescent="0.35">
      <c r="A40472" s="1" t="s">
        <v>138725</v>
      </c>
      <c r="B40472" s="1" t="s">
        <v>135894</v>
      </c>
      <c r="C40472" s="1" t="s">
        <v>70</v>
      </c>
      <c r="D40472" s="1" t="s">
        <v>86163</v>
      </c>
      <c r="E40472" s="1" t="s">
        <v>138767</v>
      </c>
      <c r="F40472" s="1" t="s">
        <v>138768</v>
      </c>
      <c r="G40472" s="1" t="s">
        <v>138728</v>
      </c>
      <c r="H40472" s="1" t="s">
        <v>138729</v>
      </c>
      <c r="I40472" s="1" t="s">
        <v>135900</v>
      </c>
      <c r="J40472" s="1" t="s">
        <v>138769</v>
      </c>
    </row>
    <row r="40473" spans="1:10" x14ac:dyDescent="0.35">
      <c r="A40473" s="1" t="s">
        <v>138725</v>
      </c>
      <c r="B40473" s="1" t="s">
        <v>135894</v>
      </c>
      <c r="C40473" s="1" t="s">
        <v>75</v>
      </c>
      <c r="D40473" s="1" t="s">
        <v>96864</v>
      </c>
      <c r="E40473" s="1" t="s">
        <v>138770</v>
      </c>
      <c r="F40473" s="1" t="s">
        <v>138771</v>
      </c>
      <c r="G40473" s="1" t="s">
        <v>138728</v>
      </c>
      <c r="H40473" s="1" t="s">
        <v>138729</v>
      </c>
      <c r="I40473" s="1" t="s">
        <v>135900</v>
      </c>
      <c r="J40473" s="1" t="s">
        <v>138772</v>
      </c>
    </row>
    <row r="40474" spans="1:10" x14ac:dyDescent="0.35">
      <c r="A40474" s="1" t="s">
        <v>138725</v>
      </c>
      <c r="B40474" s="1" t="s">
        <v>135894</v>
      </c>
      <c r="C40474" s="1" t="s">
        <v>80</v>
      </c>
      <c r="D40474" s="1" t="s">
        <v>60625</v>
      </c>
      <c r="E40474" s="1" t="s">
        <v>138773</v>
      </c>
      <c r="F40474" s="1" t="s">
        <v>138774</v>
      </c>
      <c r="G40474" s="1" t="s">
        <v>138728</v>
      </c>
      <c r="H40474" s="1" t="s">
        <v>138729</v>
      </c>
      <c r="I40474" s="1" t="s">
        <v>135900</v>
      </c>
      <c r="J40474" s="1" t="s">
        <v>138775</v>
      </c>
    </row>
    <row r="40475" spans="1:10" x14ac:dyDescent="0.35">
      <c r="A40475" s="1" t="s">
        <v>138725</v>
      </c>
      <c r="B40475" s="1" t="s">
        <v>135894</v>
      </c>
      <c r="C40475" s="1" t="s">
        <v>85</v>
      </c>
      <c r="D40475" s="1" t="s">
        <v>93323</v>
      </c>
      <c r="E40475" s="1" t="s">
        <v>138776</v>
      </c>
      <c r="F40475" s="1" t="s">
        <v>138777</v>
      </c>
      <c r="G40475" s="1" t="s">
        <v>138728</v>
      </c>
      <c r="H40475" s="1" t="s">
        <v>138729</v>
      </c>
      <c r="I40475" s="1" t="s">
        <v>135900</v>
      </c>
      <c r="J40475" s="1" t="s">
        <v>138778</v>
      </c>
    </row>
    <row r="40476" spans="1:10" x14ac:dyDescent="0.35">
      <c r="A40476" s="1" t="s">
        <v>138725</v>
      </c>
      <c r="B40476" s="1" t="s">
        <v>135894</v>
      </c>
      <c r="C40476" s="1" t="s">
        <v>90</v>
      </c>
      <c r="D40476" s="1" t="s">
        <v>138779</v>
      </c>
      <c r="E40476" s="1" t="s">
        <v>138780</v>
      </c>
      <c r="F40476" s="1" t="s">
        <v>138781</v>
      </c>
      <c r="G40476" s="1" t="s">
        <v>138728</v>
      </c>
      <c r="H40476" s="1" t="s">
        <v>138729</v>
      </c>
      <c r="I40476" s="1" t="s">
        <v>135900</v>
      </c>
      <c r="J40476" s="1" t="s">
        <v>138782</v>
      </c>
    </row>
    <row r="40477" spans="1:10" x14ac:dyDescent="0.35">
      <c r="A40477" s="1" t="s">
        <v>138725</v>
      </c>
      <c r="B40477" s="1" t="s">
        <v>135894</v>
      </c>
      <c r="C40477" s="1" t="s">
        <v>95</v>
      </c>
      <c r="D40477" s="1" t="s">
        <v>138783</v>
      </c>
      <c r="E40477" s="1" t="s">
        <v>138784</v>
      </c>
      <c r="F40477" s="1" t="s">
        <v>138785</v>
      </c>
      <c r="G40477" s="1" t="s">
        <v>138728</v>
      </c>
      <c r="H40477" s="1" t="s">
        <v>138729</v>
      </c>
      <c r="I40477" s="1" t="s">
        <v>135900</v>
      </c>
      <c r="J40477" s="1" t="s">
        <v>138786</v>
      </c>
    </row>
    <row r="40478" spans="1:10" x14ac:dyDescent="0.35">
      <c r="A40478" s="1" t="s">
        <v>138725</v>
      </c>
      <c r="B40478" s="1" t="s">
        <v>135894</v>
      </c>
      <c r="C40478" s="1" t="s">
        <v>100</v>
      </c>
      <c r="D40478" s="1" t="s">
        <v>58500</v>
      </c>
      <c r="E40478" s="1" t="s">
        <v>138787</v>
      </c>
      <c r="F40478" s="1" t="s">
        <v>138788</v>
      </c>
      <c r="G40478" s="1" t="s">
        <v>138728</v>
      </c>
      <c r="H40478" s="1" t="s">
        <v>138729</v>
      </c>
      <c r="I40478" s="1" t="s">
        <v>135900</v>
      </c>
      <c r="J40478" s="1" t="s">
        <v>138789</v>
      </c>
    </row>
    <row r="40479" spans="1:10" x14ac:dyDescent="0.35">
      <c r="A40479" s="1" t="s">
        <v>138725</v>
      </c>
      <c r="B40479" s="1" t="s">
        <v>135894</v>
      </c>
      <c r="C40479" s="1" t="s">
        <v>105</v>
      </c>
      <c r="D40479" s="1" t="s">
        <v>66401</v>
      </c>
      <c r="E40479" s="1" t="s">
        <v>138790</v>
      </c>
      <c r="F40479" s="1" t="s">
        <v>138791</v>
      </c>
      <c r="G40479" s="1" t="s">
        <v>138728</v>
      </c>
      <c r="H40479" s="1" t="s">
        <v>138729</v>
      </c>
      <c r="I40479" s="1" t="s">
        <v>135900</v>
      </c>
      <c r="J40479" s="1" t="s">
        <v>138792</v>
      </c>
    </row>
    <row r="40480" spans="1:10" x14ac:dyDescent="0.35">
      <c r="A40480" s="1" t="s">
        <v>138725</v>
      </c>
      <c r="B40480" s="1" t="s">
        <v>135894</v>
      </c>
      <c r="C40480" s="1" t="s">
        <v>110</v>
      </c>
      <c r="D40480" s="1" t="s">
        <v>103594</v>
      </c>
      <c r="E40480" s="1" t="s">
        <v>138793</v>
      </c>
      <c r="F40480" s="1" t="s">
        <v>138794</v>
      </c>
      <c r="G40480" s="1" t="s">
        <v>138728</v>
      </c>
      <c r="H40480" s="1" t="s">
        <v>138729</v>
      </c>
      <c r="I40480" s="1" t="s">
        <v>135900</v>
      </c>
      <c r="J40480" s="1" t="s">
        <v>138795</v>
      </c>
    </row>
    <row r="40481" spans="1:10" x14ac:dyDescent="0.35">
      <c r="A40481" s="1" t="s">
        <v>138725</v>
      </c>
      <c r="B40481" s="1" t="s">
        <v>135894</v>
      </c>
      <c r="C40481" s="1" t="s">
        <v>115</v>
      </c>
      <c r="D40481" s="1" t="s">
        <v>138796</v>
      </c>
      <c r="E40481" s="1" t="s">
        <v>138797</v>
      </c>
      <c r="F40481" s="1" t="s">
        <v>138798</v>
      </c>
      <c r="G40481" s="1" t="s">
        <v>138728</v>
      </c>
      <c r="H40481" s="1" t="s">
        <v>138729</v>
      </c>
      <c r="I40481" s="1" t="s">
        <v>135900</v>
      </c>
      <c r="J40481" s="1" t="s">
        <v>138799</v>
      </c>
    </row>
    <row r="40482" spans="1:10" x14ac:dyDescent="0.35">
      <c r="A40482" s="1" t="s">
        <v>138725</v>
      </c>
      <c r="B40482" s="1" t="s">
        <v>135894</v>
      </c>
      <c r="C40482" s="1" t="s">
        <v>120</v>
      </c>
      <c r="D40482" s="1" t="s">
        <v>55771</v>
      </c>
      <c r="E40482" s="1" t="s">
        <v>138800</v>
      </c>
      <c r="F40482" s="1" t="s">
        <v>138801</v>
      </c>
      <c r="G40482" s="1" t="s">
        <v>138728</v>
      </c>
      <c r="H40482" s="1" t="s">
        <v>138729</v>
      </c>
      <c r="I40482" s="1" t="s">
        <v>135900</v>
      </c>
      <c r="J40482" s="1" t="s">
        <v>138802</v>
      </c>
    </row>
    <row r="40483" spans="1:10" x14ac:dyDescent="0.35">
      <c r="A40483" s="1" t="s">
        <v>138725</v>
      </c>
      <c r="B40483" s="1" t="s">
        <v>135894</v>
      </c>
      <c r="C40483" s="1" t="s">
        <v>125</v>
      </c>
      <c r="D40483" s="1" t="s">
        <v>76058</v>
      </c>
      <c r="E40483" s="1" t="s">
        <v>138803</v>
      </c>
      <c r="F40483" s="1" t="s">
        <v>138804</v>
      </c>
      <c r="G40483" s="1" t="s">
        <v>138728</v>
      </c>
      <c r="H40483" s="1" t="s">
        <v>138729</v>
      </c>
      <c r="I40483" s="1" t="s">
        <v>135900</v>
      </c>
      <c r="J40483" s="1" t="s">
        <v>138805</v>
      </c>
    </row>
    <row r="40484" spans="1:10" x14ac:dyDescent="0.35">
      <c r="A40484" s="1" t="s">
        <v>138725</v>
      </c>
      <c r="B40484" s="1" t="s">
        <v>135894</v>
      </c>
      <c r="C40484" s="1" t="s">
        <v>130</v>
      </c>
      <c r="D40484" s="1" t="s">
        <v>33335</v>
      </c>
      <c r="E40484" s="1" t="s">
        <v>138806</v>
      </c>
      <c r="F40484" s="1" t="s">
        <v>138807</v>
      </c>
      <c r="G40484" s="1" t="s">
        <v>138728</v>
      </c>
      <c r="H40484" s="1" t="s">
        <v>138729</v>
      </c>
      <c r="I40484" s="1" t="s">
        <v>135900</v>
      </c>
      <c r="J40484" s="1" t="s">
        <v>138808</v>
      </c>
    </row>
    <row r="40485" spans="1:10" x14ac:dyDescent="0.35">
      <c r="A40485" s="1" t="s">
        <v>138725</v>
      </c>
      <c r="B40485" s="1" t="s">
        <v>135894</v>
      </c>
      <c r="C40485" s="1" t="s">
        <v>135</v>
      </c>
      <c r="D40485" s="1" t="s">
        <v>138809</v>
      </c>
      <c r="E40485" s="1" t="s">
        <v>138810</v>
      </c>
      <c r="F40485" s="1" t="s">
        <v>138811</v>
      </c>
      <c r="G40485" s="1" t="s">
        <v>138728</v>
      </c>
      <c r="H40485" s="1" t="s">
        <v>138729</v>
      </c>
      <c r="I40485" s="1" t="s">
        <v>135900</v>
      </c>
      <c r="J40485" s="1" t="s">
        <v>138812</v>
      </c>
    </row>
    <row r="40486" spans="1:10" x14ac:dyDescent="0.35">
      <c r="A40486" s="1" t="s">
        <v>138725</v>
      </c>
      <c r="B40486" s="1" t="s">
        <v>135894</v>
      </c>
      <c r="C40486" s="1" t="s">
        <v>140</v>
      </c>
      <c r="D40486" s="1" t="s">
        <v>138813</v>
      </c>
      <c r="E40486" s="1" t="s">
        <v>138814</v>
      </c>
      <c r="F40486" s="1" t="s">
        <v>138815</v>
      </c>
      <c r="G40486" s="1" t="s">
        <v>138728</v>
      </c>
      <c r="H40486" s="1" t="s">
        <v>138729</v>
      </c>
      <c r="I40486" s="1" t="s">
        <v>135900</v>
      </c>
      <c r="J40486" s="1" t="s">
        <v>138816</v>
      </c>
    </row>
    <row r="40487" spans="1:10" x14ac:dyDescent="0.35">
      <c r="A40487" s="1" t="s">
        <v>138725</v>
      </c>
      <c r="B40487" s="1" t="s">
        <v>135894</v>
      </c>
      <c r="C40487" s="1" t="s">
        <v>145</v>
      </c>
      <c r="D40487" s="1" t="s">
        <v>20646</v>
      </c>
      <c r="E40487" s="1" t="s">
        <v>138817</v>
      </c>
      <c r="F40487" s="1" t="s">
        <v>138818</v>
      </c>
      <c r="G40487" s="1" t="s">
        <v>138728</v>
      </c>
      <c r="H40487" s="1" t="s">
        <v>138729</v>
      </c>
      <c r="I40487" s="1" t="s">
        <v>135900</v>
      </c>
      <c r="J40487" s="1" t="s">
        <v>138819</v>
      </c>
    </row>
    <row r="40488" spans="1:10" x14ac:dyDescent="0.35">
      <c r="A40488" s="1" t="s">
        <v>138725</v>
      </c>
      <c r="B40488" s="1" t="s">
        <v>135894</v>
      </c>
      <c r="C40488" s="1" t="s">
        <v>150</v>
      </c>
      <c r="D40488" s="1" t="s">
        <v>138820</v>
      </c>
      <c r="E40488" s="1" t="s">
        <v>138821</v>
      </c>
      <c r="F40488" s="1" t="s">
        <v>138822</v>
      </c>
      <c r="G40488" s="1" t="s">
        <v>138728</v>
      </c>
      <c r="H40488" s="1" t="s">
        <v>138729</v>
      </c>
      <c r="I40488" s="1" t="s">
        <v>135900</v>
      </c>
      <c r="J40488" s="1" t="s">
        <v>138823</v>
      </c>
    </row>
    <row r="40489" spans="1:10" x14ac:dyDescent="0.35">
      <c r="A40489" s="1" t="s">
        <v>138725</v>
      </c>
      <c r="B40489" s="1" t="s">
        <v>135894</v>
      </c>
      <c r="C40489" s="1" t="s">
        <v>155</v>
      </c>
      <c r="D40489" s="1" t="s">
        <v>138824</v>
      </c>
      <c r="E40489" s="1" t="s">
        <v>138825</v>
      </c>
      <c r="F40489" s="1" t="s">
        <v>138826</v>
      </c>
      <c r="G40489" s="1" t="s">
        <v>138728</v>
      </c>
      <c r="H40489" s="1" t="s">
        <v>138729</v>
      </c>
      <c r="I40489" s="1" t="s">
        <v>135900</v>
      </c>
      <c r="J40489" s="1" t="s">
        <v>138827</v>
      </c>
    </row>
    <row r="40490" spans="1:10" x14ac:dyDescent="0.35">
      <c r="A40490" s="1" t="s">
        <v>138725</v>
      </c>
      <c r="B40490" s="1" t="s">
        <v>135894</v>
      </c>
      <c r="C40490" s="1" t="s">
        <v>160</v>
      </c>
      <c r="D40490" s="1" t="s">
        <v>138828</v>
      </c>
      <c r="E40490" s="1" t="s">
        <v>138829</v>
      </c>
      <c r="F40490" s="1" t="s">
        <v>138830</v>
      </c>
      <c r="G40490" s="1" t="s">
        <v>138728</v>
      </c>
      <c r="H40490" s="1" t="s">
        <v>138729</v>
      </c>
      <c r="I40490" s="1" t="s">
        <v>135900</v>
      </c>
      <c r="J40490" s="1" t="s">
        <v>138831</v>
      </c>
    </row>
    <row r="40491" spans="1:10" x14ac:dyDescent="0.35">
      <c r="A40491" s="1" t="s">
        <v>138725</v>
      </c>
      <c r="B40491" s="1" t="s">
        <v>135894</v>
      </c>
      <c r="C40491" s="1" t="s">
        <v>165</v>
      </c>
      <c r="D40491" s="1" t="s">
        <v>138832</v>
      </c>
      <c r="E40491" s="1" t="s">
        <v>138833</v>
      </c>
      <c r="F40491" s="1" t="s">
        <v>138834</v>
      </c>
      <c r="G40491" s="1" t="s">
        <v>138728</v>
      </c>
      <c r="H40491" s="1" t="s">
        <v>138729</v>
      </c>
      <c r="I40491" s="1" t="s">
        <v>135900</v>
      </c>
      <c r="J40491" s="1" t="s">
        <v>138835</v>
      </c>
    </row>
    <row r="40492" spans="1:10" x14ac:dyDescent="0.35">
      <c r="A40492" s="1" t="s">
        <v>138725</v>
      </c>
      <c r="B40492" s="1" t="s">
        <v>135894</v>
      </c>
      <c r="C40492" s="1" t="s">
        <v>170</v>
      </c>
      <c r="D40492" s="1" t="s">
        <v>65682</v>
      </c>
      <c r="E40492" s="1" t="s">
        <v>138836</v>
      </c>
      <c r="F40492" s="1" t="s">
        <v>138837</v>
      </c>
      <c r="G40492" s="1" t="s">
        <v>138728</v>
      </c>
      <c r="H40492" s="1" t="s">
        <v>138729</v>
      </c>
      <c r="I40492" s="1" t="s">
        <v>135900</v>
      </c>
      <c r="J40492" s="1" t="s">
        <v>138838</v>
      </c>
    </row>
    <row r="40493" spans="1:10" x14ac:dyDescent="0.35">
      <c r="A40493" s="1" t="s">
        <v>138839</v>
      </c>
      <c r="B40493" s="1" t="s">
        <v>135894</v>
      </c>
      <c r="C40493" s="1" t="s">
        <v>8</v>
      </c>
      <c r="D40493" s="1" t="s">
        <v>138840</v>
      </c>
      <c r="E40493" s="1" t="s">
        <v>138841</v>
      </c>
      <c r="F40493" s="1" t="s">
        <v>138842</v>
      </c>
      <c r="G40493" s="1" t="s">
        <v>138843</v>
      </c>
      <c r="H40493" s="1" t="s">
        <v>138844</v>
      </c>
      <c r="I40493" s="1" t="s">
        <v>135900</v>
      </c>
      <c r="J40493" s="1" t="s">
        <v>13</v>
      </c>
    </row>
    <row r="40494" spans="1:10" x14ac:dyDescent="0.35">
      <c r="A40494" s="1" t="s">
        <v>138839</v>
      </c>
      <c r="B40494" s="1" t="s">
        <v>135894</v>
      </c>
      <c r="C40494" s="1" t="s">
        <v>15</v>
      </c>
      <c r="D40494" s="1" t="s">
        <v>138845</v>
      </c>
      <c r="E40494" s="1" t="s">
        <v>138846</v>
      </c>
      <c r="F40494" s="1" t="s">
        <v>138847</v>
      </c>
      <c r="G40494" s="1" t="s">
        <v>138843</v>
      </c>
      <c r="H40494" s="1" t="s">
        <v>138844</v>
      </c>
      <c r="I40494" s="1" t="s">
        <v>135900</v>
      </c>
      <c r="J40494" s="1" t="s">
        <v>138848</v>
      </c>
    </row>
    <row r="40495" spans="1:10" x14ac:dyDescent="0.35">
      <c r="A40495" s="1" t="s">
        <v>138839</v>
      </c>
      <c r="B40495" s="1" t="s">
        <v>135894</v>
      </c>
      <c r="C40495" s="1" t="s">
        <v>20</v>
      </c>
      <c r="D40495" s="1" t="s">
        <v>68756</v>
      </c>
      <c r="E40495" s="1" t="s">
        <v>138849</v>
      </c>
      <c r="F40495" s="1" t="s">
        <v>138850</v>
      </c>
      <c r="G40495" s="1" t="s">
        <v>138843</v>
      </c>
      <c r="H40495" s="1" t="s">
        <v>138844</v>
      </c>
      <c r="I40495" s="1" t="s">
        <v>135900</v>
      </c>
      <c r="J40495" s="1" t="s">
        <v>138851</v>
      </c>
    </row>
    <row r="40496" spans="1:10" x14ac:dyDescent="0.35">
      <c r="A40496" s="1" t="s">
        <v>138839</v>
      </c>
      <c r="B40496" s="1" t="s">
        <v>135894</v>
      </c>
      <c r="C40496" s="1" t="s">
        <v>25</v>
      </c>
      <c r="D40496" s="1" t="s">
        <v>138852</v>
      </c>
      <c r="E40496" s="1" t="s">
        <v>138853</v>
      </c>
      <c r="F40496" s="1" t="s">
        <v>138854</v>
      </c>
      <c r="G40496" s="1" t="s">
        <v>138843</v>
      </c>
      <c r="H40496" s="1" t="s">
        <v>138844</v>
      </c>
      <c r="I40496" s="1" t="s">
        <v>135900</v>
      </c>
      <c r="J40496" s="1" t="s">
        <v>138855</v>
      </c>
    </row>
    <row r="40497" spans="1:10" x14ac:dyDescent="0.35">
      <c r="A40497" s="1" t="s">
        <v>138839</v>
      </c>
      <c r="B40497" s="1" t="s">
        <v>135894</v>
      </c>
      <c r="C40497" s="1" t="s">
        <v>30</v>
      </c>
      <c r="D40497" s="1" t="s">
        <v>138856</v>
      </c>
      <c r="E40497" s="1" t="s">
        <v>138857</v>
      </c>
      <c r="F40497" s="1" t="s">
        <v>138858</v>
      </c>
      <c r="G40497" s="1" t="s">
        <v>138843</v>
      </c>
      <c r="H40497" s="1" t="s">
        <v>138844</v>
      </c>
      <c r="I40497" s="1" t="s">
        <v>135900</v>
      </c>
      <c r="J40497" s="1" t="s">
        <v>138859</v>
      </c>
    </row>
    <row r="40498" spans="1:10" x14ac:dyDescent="0.35">
      <c r="A40498" s="1" t="s">
        <v>138839</v>
      </c>
      <c r="B40498" s="1" t="s">
        <v>135894</v>
      </c>
      <c r="C40498" s="1" t="s">
        <v>35</v>
      </c>
      <c r="D40498" s="1" t="s">
        <v>77403</v>
      </c>
      <c r="E40498" s="1" t="s">
        <v>138860</v>
      </c>
      <c r="F40498" s="1" t="s">
        <v>138861</v>
      </c>
      <c r="G40498" s="1" t="s">
        <v>138843</v>
      </c>
      <c r="H40498" s="1" t="s">
        <v>138844</v>
      </c>
      <c r="I40498" s="1" t="s">
        <v>135900</v>
      </c>
      <c r="J40498" s="1" t="s">
        <v>138862</v>
      </c>
    </row>
    <row r="40499" spans="1:10" x14ac:dyDescent="0.35">
      <c r="A40499" s="1" t="s">
        <v>138839</v>
      </c>
      <c r="B40499" s="1" t="s">
        <v>135894</v>
      </c>
      <c r="C40499" s="1" t="s">
        <v>40</v>
      </c>
      <c r="D40499" s="1" t="s">
        <v>19435</v>
      </c>
      <c r="E40499" s="1" t="s">
        <v>138863</v>
      </c>
      <c r="F40499" s="1" t="s">
        <v>138864</v>
      </c>
      <c r="G40499" s="1" t="s">
        <v>138843</v>
      </c>
      <c r="H40499" s="1" t="s">
        <v>138844</v>
      </c>
      <c r="I40499" s="1" t="s">
        <v>135900</v>
      </c>
      <c r="J40499" s="1" t="s">
        <v>138865</v>
      </c>
    </row>
    <row r="40500" spans="1:10" x14ac:dyDescent="0.35">
      <c r="A40500" s="1" t="s">
        <v>138839</v>
      </c>
      <c r="B40500" s="1" t="s">
        <v>135894</v>
      </c>
      <c r="C40500" s="1" t="s">
        <v>45</v>
      </c>
      <c r="D40500" s="1" t="s">
        <v>132526</v>
      </c>
      <c r="E40500" s="1" t="s">
        <v>138866</v>
      </c>
      <c r="F40500" s="1" t="s">
        <v>138867</v>
      </c>
      <c r="G40500" s="1" t="s">
        <v>138843</v>
      </c>
      <c r="H40500" s="1" t="s">
        <v>138844</v>
      </c>
      <c r="I40500" s="1" t="s">
        <v>135900</v>
      </c>
      <c r="J40500" s="1" t="s">
        <v>138868</v>
      </c>
    </row>
    <row r="40501" spans="1:10" x14ac:dyDescent="0.35">
      <c r="A40501" s="1" t="s">
        <v>138839</v>
      </c>
      <c r="B40501" s="1" t="s">
        <v>135894</v>
      </c>
      <c r="C40501" s="1" t="s">
        <v>50</v>
      </c>
      <c r="D40501" s="1" t="s">
        <v>138869</v>
      </c>
      <c r="E40501" s="1" t="s">
        <v>138870</v>
      </c>
      <c r="F40501" s="1" t="s">
        <v>138871</v>
      </c>
      <c r="G40501" s="1" t="s">
        <v>138843</v>
      </c>
      <c r="H40501" s="1" t="s">
        <v>138844</v>
      </c>
      <c r="I40501" s="1" t="s">
        <v>135900</v>
      </c>
      <c r="J40501" s="1" t="s">
        <v>138872</v>
      </c>
    </row>
    <row r="40502" spans="1:10" x14ac:dyDescent="0.35">
      <c r="A40502" s="1" t="s">
        <v>138839</v>
      </c>
      <c r="B40502" s="1" t="s">
        <v>135894</v>
      </c>
      <c r="C40502" s="1" t="s">
        <v>55</v>
      </c>
      <c r="D40502" s="1" t="s">
        <v>138873</v>
      </c>
      <c r="E40502" s="1" t="s">
        <v>138874</v>
      </c>
      <c r="F40502" s="1" t="s">
        <v>138875</v>
      </c>
      <c r="G40502" s="1" t="s">
        <v>138843</v>
      </c>
      <c r="H40502" s="1" t="s">
        <v>138844</v>
      </c>
      <c r="I40502" s="1" t="s">
        <v>135900</v>
      </c>
      <c r="J40502" s="1" t="s">
        <v>138876</v>
      </c>
    </row>
    <row r="40503" spans="1:10" x14ac:dyDescent="0.35">
      <c r="A40503" s="1" t="s">
        <v>138839</v>
      </c>
      <c r="B40503" s="1" t="s">
        <v>135894</v>
      </c>
      <c r="C40503" s="1" t="s">
        <v>60</v>
      </c>
      <c r="D40503" s="1" t="s">
        <v>138877</v>
      </c>
      <c r="E40503" s="1" t="s">
        <v>138878</v>
      </c>
      <c r="F40503" s="1" t="s">
        <v>138879</v>
      </c>
      <c r="G40503" s="1" t="s">
        <v>138843</v>
      </c>
      <c r="H40503" s="1" t="s">
        <v>138844</v>
      </c>
      <c r="I40503" s="1" t="s">
        <v>135900</v>
      </c>
      <c r="J40503" s="1" t="s">
        <v>138880</v>
      </c>
    </row>
    <row r="40504" spans="1:10" x14ac:dyDescent="0.35">
      <c r="A40504" s="1" t="s">
        <v>138839</v>
      </c>
      <c r="B40504" s="1" t="s">
        <v>135894</v>
      </c>
      <c r="C40504" s="1" t="s">
        <v>65</v>
      </c>
      <c r="D40504" s="1" t="s">
        <v>58183</v>
      </c>
      <c r="E40504" s="1" t="s">
        <v>138881</v>
      </c>
      <c r="F40504" s="1" t="s">
        <v>138882</v>
      </c>
      <c r="G40504" s="1" t="s">
        <v>138843</v>
      </c>
      <c r="H40504" s="1" t="s">
        <v>138844</v>
      </c>
      <c r="I40504" s="1" t="s">
        <v>135900</v>
      </c>
      <c r="J40504" s="1" t="s">
        <v>138883</v>
      </c>
    </row>
    <row r="40505" spans="1:10" x14ac:dyDescent="0.35">
      <c r="A40505" s="1" t="s">
        <v>138839</v>
      </c>
      <c r="B40505" s="1" t="s">
        <v>135894</v>
      </c>
      <c r="C40505" s="1" t="s">
        <v>70</v>
      </c>
      <c r="D40505" s="1" t="s">
        <v>138884</v>
      </c>
      <c r="E40505" s="1" t="s">
        <v>138885</v>
      </c>
      <c r="F40505" s="1" t="s">
        <v>138886</v>
      </c>
      <c r="G40505" s="1" t="s">
        <v>138843</v>
      </c>
      <c r="H40505" s="1" t="s">
        <v>138844</v>
      </c>
      <c r="I40505" s="1" t="s">
        <v>135900</v>
      </c>
      <c r="J40505" s="1" t="s">
        <v>138887</v>
      </c>
    </row>
    <row r="40506" spans="1:10" x14ac:dyDescent="0.35">
      <c r="A40506" s="1" t="s">
        <v>138839</v>
      </c>
      <c r="B40506" s="1" t="s">
        <v>135894</v>
      </c>
      <c r="C40506" s="1" t="s">
        <v>75</v>
      </c>
      <c r="D40506" s="1" t="s">
        <v>138888</v>
      </c>
      <c r="E40506" s="1" t="s">
        <v>138889</v>
      </c>
      <c r="F40506" s="1" t="s">
        <v>138890</v>
      </c>
      <c r="G40506" s="1" t="s">
        <v>138843</v>
      </c>
      <c r="H40506" s="1" t="s">
        <v>138844</v>
      </c>
      <c r="I40506" s="1" t="s">
        <v>135900</v>
      </c>
      <c r="J40506" s="1" t="s">
        <v>138891</v>
      </c>
    </row>
    <row r="40507" spans="1:10" x14ac:dyDescent="0.35">
      <c r="A40507" s="1" t="s">
        <v>138839</v>
      </c>
      <c r="B40507" s="1" t="s">
        <v>135894</v>
      </c>
      <c r="C40507" s="1" t="s">
        <v>80</v>
      </c>
      <c r="D40507" s="1" t="s">
        <v>77788</v>
      </c>
      <c r="E40507" s="1" t="s">
        <v>138892</v>
      </c>
      <c r="F40507" s="1" t="s">
        <v>138893</v>
      </c>
      <c r="G40507" s="1" t="s">
        <v>138843</v>
      </c>
      <c r="H40507" s="1" t="s">
        <v>138844</v>
      </c>
      <c r="I40507" s="1" t="s">
        <v>135900</v>
      </c>
      <c r="J40507" s="1" t="s">
        <v>138894</v>
      </c>
    </row>
    <row r="40508" spans="1:10" x14ac:dyDescent="0.35">
      <c r="A40508" s="1" t="s">
        <v>138839</v>
      </c>
      <c r="B40508" s="1" t="s">
        <v>135894</v>
      </c>
      <c r="C40508" s="1" t="s">
        <v>85</v>
      </c>
      <c r="D40508" s="1" t="s">
        <v>20428</v>
      </c>
      <c r="E40508" s="1" t="s">
        <v>138895</v>
      </c>
      <c r="F40508" s="1" t="s">
        <v>138896</v>
      </c>
      <c r="G40508" s="1" t="s">
        <v>138843</v>
      </c>
      <c r="H40508" s="1" t="s">
        <v>138844</v>
      </c>
      <c r="I40508" s="1" t="s">
        <v>135900</v>
      </c>
      <c r="J40508" s="1" t="s">
        <v>138897</v>
      </c>
    </row>
    <row r="40509" spans="1:10" x14ac:dyDescent="0.35">
      <c r="A40509" s="1" t="s">
        <v>138839</v>
      </c>
      <c r="B40509" s="1" t="s">
        <v>135894</v>
      </c>
      <c r="C40509" s="1" t="s">
        <v>90</v>
      </c>
      <c r="D40509" s="1" t="s">
        <v>93629</v>
      </c>
      <c r="E40509" s="1" t="s">
        <v>138898</v>
      </c>
      <c r="F40509" s="1" t="s">
        <v>138899</v>
      </c>
      <c r="G40509" s="1" t="s">
        <v>138843</v>
      </c>
      <c r="H40509" s="1" t="s">
        <v>138844</v>
      </c>
      <c r="I40509" s="1" t="s">
        <v>135900</v>
      </c>
      <c r="J40509" s="1" t="s">
        <v>138900</v>
      </c>
    </row>
    <row r="40510" spans="1:10" x14ac:dyDescent="0.35">
      <c r="A40510" s="1" t="s">
        <v>138839</v>
      </c>
      <c r="B40510" s="1" t="s">
        <v>135894</v>
      </c>
      <c r="C40510" s="1" t="s">
        <v>95</v>
      </c>
      <c r="D40510" s="1" t="s">
        <v>138901</v>
      </c>
      <c r="E40510" s="1" t="s">
        <v>138902</v>
      </c>
      <c r="F40510" s="1" t="s">
        <v>138903</v>
      </c>
      <c r="G40510" s="1" t="s">
        <v>138843</v>
      </c>
      <c r="H40510" s="1" t="s">
        <v>138844</v>
      </c>
      <c r="I40510" s="1" t="s">
        <v>135900</v>
      </c>
      <c r="J40510" s="1" t="s">
        <v>138904</v>
      </c>
    </row>
    <row r="40511" spans="1:10" x14ac:dyDescent="0.35">
      <c r="A40511" s="1" t="s">
        <v>138839</v>
      </c>
      <c r="B40511" s="1" t="s">
        <v>135894</v>
      </c>
      <c r="C40511" s="1" t="s">
        <v>100</v>
      </c>
      <c r="D40511" s="1" t="s">
        <v>5262</v>
      </c>
      <c r="E40511" s="1" t="s">
        <v>138905</v>
      </c>
      <c r="F40511" s="1" t="s">
        <v>138906</v>
      </c>
      <c r="G40511" s="1" t="s">
        <v>138843</v>
      </c>
      <c r="H40511" s="1" t="s">
        <v>138844</v>
      </c>
      <c r="I40511" s="1" t="s">
        <v>135900</v>
      </c>
      <c r="J40511" s="1" t="s">
        <v>138907</v>
      </c>
    </row>
    <row r="40512" spans="1:10" x14ac:dyDescent="0.35">
      <c r="A40512" s="1" t="s">
        <v>138839</v>
      </c>
      <c r="B40512" s="1" t="s">
        <v>135894</v>
      </c>
      <c r="C40512" s="1" t="s">
        <v>105</v>
      </c>
      <c r="D40512" s="1" t="s">
        <v>54802</v>
      </c>
      <c r="E40512" s="1" t="s">
        <v>138908</v>
      </c>
      <c r="F40512" s="1" t="s">
        <v>138909</v>
      </c>
      <c r="G40512" s="1" t="s">
        <v>138843</v>
      </c>
      <c r="H40512" s="1" t="s">
        <v>138844</v>
      </c>
      <c r="I40512" s="1" t="s">
        <v>135900</v>
      </c>
      <c r="J40512" s="1" t="s">
        <v>138910</v>
      </c>
    </row>
    <row r="40513" spans="1:10" x14ac:dyDescent="0.35">
      <c r="A40513" s="1" t="s">
        <v>138839</v>
      </c>
      <c r="B40513" s="1" t="s">
        <v>135894</v>
      </c>
      <c r="C40513" s="1" t="s">
        <v>110</v>
      </c>
      <c r="D40513" s="1" t="s">
        <v>138911</v>
      </c>
      <c r="E40513" s="1" t="s">
        <v>138912</v>
      </c>
      <c r="F40513" s="1" t="s">
        <v>138913</v>
      </c>
      <c r="G40513" s="1" t="s">
        <v>138843</v>
      </c>
      <c r="H40513" s="1" t="s">
        <v>138844</v>
      </c>
      <c r="I40513" s="1" t="s">
        <v>135900</v>
      </c>
      <c r="J40513" s="1" t="s">
        <v>138914</v>
      </c>
    </row>
    <row r="40514" spans="1:10" x14ac:dyDescent="0.35">
      <c r="A40514" s="1" t="s">
        <v>138839</v>
      </c>
      <c r="B40514" s="1" t="s">
        <v>135894</v>
      </c>
      <c r="C40514" s="1" t="s">
        <v>115</v>
      </c>
      <c r="D40514" s="1" t="s">
        <v>78855</v>
      </c>
      <c r="E40514" s="1" t="s">
        <v>138915</v>
      </c>
      <c r="F40514" s="1" t="s">
        <v>138916</v>
      </c>
      <c r="G40514" s="1" t="s">
        <v>138843</v>
      </c>
      <c r="H40514" s="1" t="s">
        <v>138844</v>
      </c>
      <c r="I40514" s="1" t="s">
        <v>135900</v>
      </c>
      <c r="J40514" s="1" t="s">
        <v>138917</v>
      </c>
    </row>
    <row r="40515" spans="1:10" x14ac:dyDescent="0.35">
      <c r="A40515" s="1" t="s">
        <v>138839</v>
      </c>
      <c r="B40515" s="1" t="s">
        <v>135894</v>
      </c>
      <c r="C40515" s="1" t="s">
        <v>120</v>
      </c>
      <c r="D40515" s="1" t="s">
        <v>17367</v>
      </c>
      <c r="E40515" s="1" t="s">
        <v>138918</v>
      </c>
      <c r="F40515" s="1" t="s">
        <v>138919</v>
      </c>
      <c r="G40515" s="1" t="s">
        <v>138843</v>
      </c>
      <c r="H40515" s="1" t="s">
        <v>138844</v>
      </c>
      <c r="I40515" s="1" t="s">
        <v>135900</v>
      </c>
      <c r="J40515" s="1" t="s">
        <v>138920</v>
      </c>
    </row>
    <row r="40516" spans="1:10" x14ac:dyDescent="0.35">
      <c r="A40516" s="1" t="s">
        <v>138839</v>
      </c>
      <c r="B40516" s="1" t="s">
        <v>135894</v>
      </c>
      <c r="C40516" s="1" t="s">
        <v>125</v>
      </c>
      <c r="D40516" s="1" t="s">
        <v>138921</v>
      </c>
      <c r="E40516" s="1" t="s">
        <v>138922</v>
      </c>
      <c r="F40516" s="1" t="s">
        <v>138923</v>
      </c>
      <c r="G40516" s="1" t="s">
        <v>138843</v>
      </c>
      <c r="H40516" s="1" t="s">
        <v>138844</v>
      </c>
      <c r="I40516" s="1" t="s">
        <v>135900</v>
      </c>
      <c r="J40516" s="1" t="s">
        <v>138924</v>
      </c>
    </row>
    <row r="40517" spans="1:10" x14ac:dyDescent="0.35">
      <c r="A40517" s="1" t="s">
        <v>138839</v>
      </c>
      <c r="B40517" s="1" t="s">
        <v>135894</v>
      </c>
      <c r="C40517" s="1" t="s">
        <v>130</v>
      </c>
      <c r="D40517" s="1" t="s">
        <v>81585</v>
      </c>
      <c r="E40517" s="1" t="s">
        <v>138925</v>
      </c>
      <c r="F40517" s="1" t="s">
        <v>138926</v>
      </c>
      <c r="G40517" s="1" t="s">
        <v>138843</v>
      </c>
      <c r="H40517" s="1" t="s">
        <v>138844</v>
      </c>
      <c r="I40517" s="1" t="s">
        <v>135900</v>
      </c>
      <c r="J40517" s="1" t="s">
        <v>138927</v>
      </c>
    </row>
    <row r="40518" spans="1:10" x14ac:dyDescent="0.35">
      <c r="A40518" s="1" t="s">
        <v>138839</v>
      </c>
      <c r="B40518" s="1" t="s">
        <v>135894</v>
      </c>
      <c r="C40518" s="1" t="s">
        <v>135</v>
      </c>
      <c r="D40518" s="1" t="s">
        <v>138928</v>
      </c>
      <c r="E40518" s="1" t="s">
        <v>138929</v>
      </c>
      <c r="F40518" s="1" t="s">
        <v>138930</v>
      </c>
      <c r="G40518" s="1" t="s">
        <v>138843</v>
      </c>
      <c r="H40518" s="1" t="s">
        <v>138844</v>
      </c>
      <c r="I40518" s="1" t="s">
        <v>135900</v>
      </c>
      <c r="J40518" s="1" t="s">
        <v>138931</v>
      </c>
    </row>
    <row r="40519" spans="1:10" x14ac:dyDescent="0.35">
      <c r="A40519" s="1" t="s">
        <v>138839</v>
      </c>
      <c r="B40519" s="1" t="s">
        <v>135894</v>
      </c>
      <c r="C40519" s="1" t="s">
        <v>140</v>
      </c>
      <c r="D40519" s="1" t="s">
        <v>138932</v>
      </c>
      <c r="E40519" s="1" t="s">
        <v>138933</v>
      </c>
      <c r="F40519" s="1" t="s">
        <v>138934</v>
      </c>
      <c r="G40519" s="1" t="s">
        <v>138843</v>
      </c>
      <c r="H40519" s="1" t="s">
        <v>138844</v>
      </c>
      <c r="I40519" s="1" t="s">
        <v>135900</v>
      </c>
      <c r="J40519" s="1" t="s">
        <v>138935</v>
      </c>
    </row>
    <row r="40520" spans="1:10" x14ac:dyDescent="0.35">
      <c r="A40520" s="1" t="s">
        <v>138839</v>
      </c>
      <c r="B40520" s="1" t="s">
        <v>135894</v>
      </c>
      <c r="C40520" s="1" t="s">
        <v>145</v>
      </c>
      <c r="D40520" s="1" t="s">
        <v>84990</v>
      </c>
      <c r="E40520" s="1" t="s">
        <v>138936</v>
      </c>
      <c r="F40520" s="1" t="s">
        <v>138937</v>
      </c>
      <c r="G40520" s="1" t="s">
        <v>138843</v>
      </c>
      <c r="H40520" s="1" t="s">
        <v>138844</v>
      </c>
      <c r="I40520" s="1" t="s">
        <v>135900</v>
      </c>
      <c r="J40520" s="1" t="s">
        <v>138938</v>
      </c>
    </row>
    <row r="40521" spans="1:10" x14ac:dyDescent="0.35">
      <c r="A40521" s="1" t="s">
        <v>138839</v>
      </c>
      <c r="B40521" s="1" t="s">
        <v>135894</v>
      </c>
      <c r="C40521" s="1" t="s">
        <v>150</v>
      </c>
      <c r="D40521" s="1" t="s">
        <v>87099</v>
      </c>
      <c r="E40521" s="1" t="s">
        <v>138939</v>
      </c>
      <c r="F40521" s="1" t="s">
        <v>138940</v>
      </c>
      <c r="G40521" s="1" t="s">
        <v>138843</v>
      </c>
      <c r="H40521" s="1" t="s">
        <v>138844</v>
      </c>
      <c r="I40521" s="1" t="s">
        <v>135900</v>
      </c>
      <c r="J40521" s="1" t="s">
        <v>138941</v>
      </c>
    </row>
    <row r="40522" spans="1:10" x14ac:dyDescent="0.35">
      <c r="A40522" s="1" t="s">
        <v>138839</v>
      </c>
      <c r="B40522" s="1" t="s">
        <v>135894</v>
      </c>
      <c r="C40522" s="1" t="s">
        <v>155</v>
      </c>
      <c r="D40522" s="1" t="s">
        <v>138942</v>
      </c>
      <c r="E40522" s="1" t="s">
        <v>138943</v>
      </c>
      <c r="F40522" s="1" t="s">
        <v>138944</v>
      </c>
      <c r="G40522" s="1" t="s">
        <v>138843</v>
      </c>
      <c r="H40522" s="1" t="s">
        <v>138844</v>
      </c>
      <c r="I40522" s="1" t="s">
        <v>135900</v>
      </c>
      <c r="J40522" s="1" t="s">
        <v>138945</v>
      </c>
    </row>
    <row r="40523" spans="1:10" x14ac:dyDescent="0.35">
      <c r="A40523" s="1" t="s">
        <v>138839</v>
      </c>
      <c r="B40523" s="1" t="s">
        <v>135894</v>
      </c>
      <c r="C40523" s="1" t="s">
        <v>160</v>
      </c>
      <c r="D40523" s="1" t="s">
        <v>26758</v>
      </c>
      <c r="E40523" s="1" t="s">
        <v>138946</v>
      </c>
      <c r="F40523" s="1" t="s">
        <v>138947</v>
      </c>
      <c r="G40523" s="1" t="s">
        <v>138843</v>
      </c>
      <c r="H40523" s="1" t="s">
        <v>138844</v>
      </c>
      <c r="I40523" s="1" t="s">
        <v>135900</v>
      </c>
      <c r="J40523" s="1" t="s">
        <v>138948</v>
      </c>
    </row>
    <row r="40524" spans="1:10" x14ac:dyDescent="0.35">
      <c r="A40524" s="1" t="s">
        <v>138839</v>
      </c>
      <c r="B40524" s="1" t="s">
        <v>135894</v>
      </c>
      <c r="C40524" s="1" t="s">
        <v>165</v>
      </c>
      <c r="D40524" s="1" t="s">
        <v>87474</v>
      </c>
      <c r="E40524" s="1" t="s">
        <v>138949</v>
      </c>
      <c r="F40524" s="1" t="s">
        <v>138950</v>
      </c>
      <c r="G40524" s="1" t="s">
        <v>138843</v>
      </c>
      <c r="H40524" s="1" t="s">
        <v>138844</v>
      </c>
      <c r="I40524" s="1" t="s">
        <v>135900</v>
      </c>
      <c r="J40524" s="1" t="s">
        <v>138951</v>
      </c>
    </row>
    <row r="40525" spans="1:10" x14ac:dyDescent="0.35">
      <c r="A40525" s="1" t="s">
        <v>138839</v>
      </c>
      <c r="B40525" s="1" t="s">
        <v>135894</v>
      </c>
      <c r="C40525" s="1" t="s">
        <v>170</v>
      </c>
      <c r="D40525" s="1" t="s">
        <v>64763</v>
      </c>
      <c r="E40525" s="1" t="s">
        <v>138952</v>
      </c>
      <c r="F40525" s="1" t="s">
        <v>138953</v>
      </c>
      <c r="G40525" s="1" t="s">
        <v>138843</v>
      </c>
      <c r="H40525" s="1" t="s">
        <v>138844</v>
      </c>
      <c r="I40525" s="1" t="s">
        <v>135900</v>
      </c>
      <c r="J40525" s="1" t="s">
        <v>138954</v>
      </c>
    </row>
    <row r="40526" spans="1:10" x14ac:dyDescent="0.35">
      <c r="A40526" s="1" t="s">
        <v>138955</v>
      </c>
      <c r="B40526" s="1" t="s">
        <v>135894</v>
      </c>
      <c r="C40526" s="1" t="s">
        <v>8</v>
      </c>
      <c r="D40526" s="1" t="s">
        <v>67773</v>
      </c>
      <c r="E40526" s="1" t="s">
        <v>138956</v>
      </c>
      <c r="F40526" s="1" t="s">
        <v>138957</v>
      </c>
      <c r="G40526" s="1" t="s">
        <v>138958</v>
      </c>
      <c r="H40526" s="1" t="s">
        <v>138959</v>
      </c>
      <c r="I40526" s="1" t="s">
        <v>135900</v>
      </c>
      <c r="J40526" s="1" t="s">
        <v>13</v>
      </c>
    </row>
    <row r="40527" spans="1:10" x14ac:dyDescent="0.35">
      <c r="A40527" s="1" t="s">
        <v>138955</v>
      </c>
      <c r="B40527" s="1" t="s">
        <v>135894</v>
      </c>
      <c r="C40527" s="1" t="s">
        <v>15</v>
      </c>
      <c r="D40527" s="1" t="s">
        <v>138960</v>
      </c>
      <c r="E40527" s="1" t="s">
        <v>138961</v>
      </c>
      <c r="F40527" s="1" t="s">
        <v>138962</v>
      </c>
      <c r="G40527" s="1" t="s">
        <v>138958</v>
      </c>
      <c r="H40527" s="1" t="s">
        <v>138959</v>
      </c>
      <c r="I40527" s="1" t="s">
        <v>135900</v>
      </c>
      <c r="J40527" s="1" t="s">
        <v>138963</v>
      </c>
    </row>
    <row r="40528" spans="1:10" x14ac:dyDescent="0.35">
      <c r="A40528" s="1" t="s">
        <v>138955</v>
      </c>
      <c r="B40528" s="1" t="s">
        <v>135894</v>
      </c>
      <c r="C40528" s="1" t="s">
        <v>20</v>
      </c>
      <c r="D40528" s="1" t="s">
        <v>12670</v>
      </c>
      <c r="E40528" s="1" t="s">
        <v>138964</v>
      </c>
      <c r="F40528" s="1" t="s">
        <v>138965</v>
      </c>
      <c r="G40528" s="1" t="s">
        <v>138958</v>
      </c>
      <c r="H40528" s="1" t="s">
        <v>138959</v>
      </c>
      <c r="I40528" s="1" t="s">
        <v>135900</v>
      </c>
      <c r="J40528" s="1" t="s">
        <v>138966</v>
      </c>
    </row>
    <row r="40529" spans="1:10" x14ac:dyDescent="0.35">
      <c r="A40529" s="1" t="s">
        <v>138955</v>
      </c>
      <c r="B40529" s="1" t="s">
        <v>135894</v>
      </c>
      <c r="C40529" s="1" t="s">
        <v>25</v>
      </c>
      <c r="D40529" s="1" t="s">
        <v>138967</v>
      </c>
      <c r="E40529" s="1" t="s">
        <v>138968</v>
      </c>
      <c r="F40529" s="1" t="s">
        <v>138969</v>
      </c>
      <c r="G40529" s="1" t="s">
        <v>138958</v>
      </c>
      <c r="H40529" s="1" t="s">
        <v>138959</v>
      </c>
      <c r="I40529" s="1" t="s">
        <v>135900</v>
      </c>
      <c r="J40529" s="1" t="s">
        <v>138970</v>
      </c>
    </row>
    <row r="40530" spans="1:10" x14ac:dyDescent="0.35">
      <c r="A40530" s="1" t="s">
        <v>138955</v>
      </c>
      <c r="B40530" s="1" t="s">
        <v>135894</v>
      </c>
      <c r="C40530" s="1" t="s">
        <v>30</v>
      </c>
      <c r="D40530" s="1" t="s">
        <v>138971</v>
      </c>
      <c r="E40530" s="1" t="s">
        <v>79572</v>
      </c>
      <c r="F40530" s="1" t="s">
        <v>138972</v>
      </c>
      <c r="G40530" s="1" t="s">
        <v>138958</v>
      </c>
      <c r="H40530" s="1" t="s">
        <v>138959</v>
      </c>
      <c r="I40530" s="1" t="s">
        <v>135900</v>
      </c>
      <c r="J40530" s="1" t="s">
        <v>138973</v>
      </c>
    </row>
    <row r="40531" spans="1:10" x14ac:dyDescent="0.35">
      <c r="A40531" s="1" t="s">
        <v>138955</v>
      </c>
      <c r="B40531" s="1" t="s">
        <v>135894</v>
      </c>
      <c r="C40531" s="1" t="s">
        <v>35</v>
      </c>
      <c r="D40531" s="1" t="s">
        <v>138974</v>
      </c>
      <c r="E40531" s="1" t="s">
        <v>138975</v>
      </c>
      <c r="F40531" s="1" t="s">
        <v>138976</v>
      </c>
      <c r="G40531" s="1" t="s">
        <v>138958</v>
      </c>
      <c r="H40531" s="1" t="s">
        <v>138959</v>
      </c>
      <c r="I40531" s="1" t="s">
        <v>135900</v>
      </c>
      <c r="J40531" s="1" t="s">
        <v>138977</v>
      </c>
    </row>
    <row r="40532" spans="1:10" x14ac:dyDescent="0.35">
      <c r="A40532" s="1" t="s">
        <v>138955</v>
      </c>
      <c r="B40532" s="1" t="s">
        <v>135894</v>
      </c>
      <c r="C40532" s="1" t="s">
        <v>40</v>
      </c>
      <c r="D40532" s="1" t="s">
        <v>138978</v>
      </c>
      <c r="E40532" s="1" t="s">
        <v>138979</v>
      </c>
      <c r="F40532" s="1" t="s">
        <v>138980</v>
      </c>
      <c r="G40532" s="1" t="s">
        <v>138958</v>
      </c>
      <c r="H40532" s="1" t="s">
        <v>138959</v>
      </c>
      <c r="I40532" s="1" t="s">
        <v>135900</v>
      </c>
      <c r="J40532" s="1" t="s">
        <v>138981</v>
      </c>
    </row>
    <row r="40533" spans="1:10" x14ac:dyDescent="0.35">
      <c r="A40533" s="1" t="s">
        <v>138955</v>
      </c>
      <c r="B40533" s="1" t="s">
        <v>135894</v>
      </c>
      <c r="C40533" s="1" t="s">
        <v>45</v>
      </c>
      <c r="D40533" s="1" t="s">
        <v>138982</v>
      </c>
      <c r="E40533" s="1" t="s">
        <v>138983</v>
      </c>
      <c r="F40533" s="1" t="s">
        <v>138984</v>
      </c>
      <c r="G40533" s="1" t="s">
        <v>138958</v>
      </c>
      <c r="H40533" s="1" t="s">
        <v>138959</v>
      </c>
      <c r="I40533" s="1" t="s">
        <v>135900</v>
      </c>
      <c r="J40533" s="1" t="s">
        <v>138985</v>
      </c>
    </row>
    <row r="40534" spans="1:10" x14ac:dyDescent="0.35">
      <c r="A40534" s="1" t="s">
        <v>138955</v>
      </c>
      <c r="B40534" s="1" t="s">
        <v>135894</v>
      </c>
      <c r="C40534" s="1" t="s">
        <v>50</v>
      </c>
      <c r="D40534" s="1" t="s">
        <v>138986</v>
      </c>
      <c r="E40534" s="1" t="s">
        <v>138987</v>
      </c>
      <c r="F40534" s="1" t="s">
        <v>138988</v>
      </c>
      <c r="G40534" s="1" t="s">
        <v>138958</v>
      </c>
      <c r="H40534" s="1" t="s">
        <v>138959</v>
      </c>
      <c r="I40534" s="1" t="s">
        <v>135900</v>
      </c>
      <c r="J40534" s="1" t="s">
        <v>138989</v>
      </c>
    </row>
    <row r="40535" spans="1:10" x14ac:dyDescent="0.35">
      <c r="A40535" s="1" t="s">
        <v>138955</v>
      </c>
      <c r="B40535" s="1" t="s">
        <v>135894</v>
      </c>
      <c r="C40535" s="1" t="s">
        <v>55</v>
      </c>
      <c r="D40535" s="1" t="s">
        <v>124414</v>
      </c>
      <c r="E40535" s="1" t="s">
        <v>138990</v>
      </c>
      <c r="F40535" s="1" t="s">
        <v>138991</v>
      </c>
      <c r="G40535" s="1" t="s">
        <v>138958</v>
      </c>
      <c r="H40535" s="1" t="s">
        <v>138959</v>
      </c>
      <c r="I40535" s="1" t="s">
        <v>135900</v>
      </c>
      <c r="J40535" s="1" t="s">
        <v>138992</v>
      </c>
    </row>
    <row r="40536" spans="1:10" x14ac:dyDescent="0.35">
      <c r="A40536" s="1" t="s">
        <v>138955</v>
      </c>
      <c r="B40536" s="1" t="s">
        <v>135894</v>
      </c>
      <c r="C40536" s="1" t="s">
        <v>60</v>
      </c>
      <c r="D40536" s="1" t="s">
        <v>64674</v>
      </c>
      <c r="E40536" s="1" t="s">
        <v>138993</v>
      </c>
      <c r="F40536" s="1" t="s">
        <v>138994</v>
      </c>
      <c r="G40536" s="1" t="s">
        <v>138958</v>
      </c>
      <c r="H40536" s="1" t="s">
        <v>138959</v>
      </c>
      <c r="I40536" s="1" t="s">
        <v>135900</v>
      </c>
      <c r="J40536" s="1" t="s">
        <v>138995</v>
      </c>
    </row>
    <row r="40537" spans="1:10" x14ac:dyDescent="0.35">
      <c r="A40537" s="1" t="s">
        <v>138955</v>
      </c>
      <c r="B40537" s="1" t="s">
        <v>135894</v>
      </c>
      <c r="C40537" s="1" t="s">
        <v>65</v>
      </c>
      <c r="D40537" s="1" t="s">
        <v>57889</v>
      </c>
      <c r="E40537" s="1" t="s">
        <v>138996</v>
      </c>
      <c r="F40537" s="1" t="s">
        <v>138997</v>
      </c>
      <c r="G40537" s="1" t="s">
        <v>138958</v>
      </c>
      <c r="H40537" s="1" t="s">
        <v>138959</v>
      </c>
      <c r="I40537" s="1" t="s">
        <v>135900</v>
      </c>
      <c r="J40537" s="1" t="s">
        <v>138998</v>
      </c>
    </row>
    <row r="40538" spans="1:10" x14ac:dyDescent="0.35">
      <c r="A40538" s="1" t="s">
        <v>138955</v>
      </c>
      <c r="B40538" s="1" t="s">
        <v>135894</v>
      </c>
      <c r="C40538" s="1" t="s">
        <v>70</v>
      </c>
      <c r="D40538" s="1" t="s">
        <v>49343</v>
      </c>
      <c r="E40538" s="1" t="s">
        <v>138999</v>
      </c>
      <c r="F40538" s="1" t="s">
        <v>139000</v>
      </c>
      <c r="G40538" s="1" t="s">
        <v>138958</v>
      </c>
      <c r="H40538" s="1" t="s">
        <v>138959</v>
      </c>
      <c r="I40538" s="1" t="s">
        <v>135900</v>
      </c>
      <c r="J40538" s="1" t="s">
        <v>139001</v>
      </c>
    </row>
    <row r="40539" spans="1:10" x14ac:dyDescent="0.35">
      <c r="A40539" s="1" t="s">
        <v>138955</v>
      </c>
      <c r="B40539" s="1" t="s">
        <v>135894</v>
      </c>
      <c r="C40539" s="1" t="s">
        <v>75</v>
      </c>
      <c r="D40539" s="1" t="s">
        <v>139002</v>
      </c>
      <c r="E40539" s="1" t="s">
        <v>139003</v>
      </c>
      <c r="F40539" s="1" t="s">
        <v>139004</v>
      </c>
      <c r="G40539" s="1" t="s">
        <v>138958</v>
      </c>
      <c r="H40539" s="1" t="s">
        <v>138959</v>
      </c>
      <c r="I40539" s="1" t="s">
        <v>135900</v>
      </c>
      <c r="J40539" s="1" t="s">
        <v>139005</v>
      </c>
    </row>
    <row r="40540" spans="1:10" x14ac:dyDescent="0.35">
      <c r="A40540" s="1" t="s">
        <v>138955</v>
      </c>
      <c r="B40540" s="1" t="s">
        <v>135894</v>
      </c>
      <c r="C40540" s="1" t="s">
        <v>80</v>
      </c>
      <c r="D40540" s="1" t="s">
        <v>133291</v>
      </c>
      <c r="E40540" s="1" t="s">
        <v>139006</v>
      </c>
      <c r="F40540" s="1" t="s">
        <v>139007</v>
      </c>
      <c r="G40540" s="1" t="s">
        <v>138958</v>
      </c>
      <c r="H40540" s="1" t="s">
        <v>138959</v>
      </c>
      <c r="I40540" s="1" t="s">
        <v>135900</v>
      </c>
      <c r="J40540" s="1" t="s">
        <v>139008</v>
      </c>
    </row>
    <row r="40541" spans="1:10" x14ac:dyDescent="0.35">
      <c r="A40541" s="1" t="s">
        <v>138955</v>
      </c>
      <c r="B40541" s="1" t="s">
        <v>135894</v>
      </c>
      <c r="C40541" s="1" t="s">
        <v>85</v>
      </c>
      <c r="D40541" s="1" t="s">
        <v>59392</v>
      </c>
      <c r="E40541" s="1" t="s">
        <v>139009</v>
      </c>
      <c r="F40541" s="1" t="s">
        <v>139010</v>
      </c>
      <c r="G40541" s="1" t="s">
        <v>138958</v>
      </c>
      <c r="H40541" s="1" t="s">
        <v>138959</v>
      </c>
      <c r="I40541" s="1" t="s">
        <v>135900</v>
      </c>
      <c r="J40541" s="1" t="s">
        <v>139011</v>
      </c>
    </row>
    <row r="40542" spans="1:10" x14ac:dyDescent="0.35">
      <c r="A40542" s="1" t="s">
        <v>138955</v>
      </c>
      <c r="B40542" s="1" t="s">
        <v>135894</v>
      </c>
      <c r="C40542" s="1" t="s">
        <v>90</v>
      </c>
      <c r="D40542" s="1" t="s">
        <v>139012</v>
      </c>
      <c r="E40542" s="1" t="s">
        <v>139013</v>
      </c>
      <c r="F40542" s="1" t="s">
        <v>139014</v>
      </c>
      <c r="G40542" s="1" t="s">
        <v>138958</v>
      </c>
      <c r="H40542" s="1" t="s">
        <v>138959</v>
      </c>
      <c r="I40542" s="1" t="s">
        <v>135900</v>
      </c>
      <c r="J40542" s="1" t="s">
        <v>139015</v>
      </c>
    </row>
    <row r="40543" spans="1:10" x14ac:dyDescent="0.35">
      <c r="A40543" s="1" t="s">
        <v>138955</v>
      </c>
      <c r="B40543" s="1" t="s">
        <v>135894</v>
      </c>
      <c r="C40543" s="1" t="s">
        <v>95</v>
      </c>
      <c r="D40543" s="1" t="s">
        <v>139016</v>
      </c>
      <c r="E40543" s="1" t="s">
        <v>139017</v>
      </c>
      <c r="F40543" s="1" t="s">
        <v>139018</v>
      </c>
      <c r="G40543" s="1" t="s">
        <v>138958</v>
      </c>
      <c r="H40543" s="1" t="s">
        <v>138959</v>
      </c>
      <c r="I40543" s="1" t="s">
        <v>135900</v>
      </c>
      <c r="J40543" s="1" t="s">
        <v>139019</v>
      </c>
    </row>
    <row r="40544" spans="1:10" x14ac:dyDescent="0.35">
      <c r="A40544" s="1" t="s">
        <v>138955</v>
      </c>
      <c r="B40544" s="1" t="s">
        <v>135894</v>
      </c>
      <c r="C40544" s="1" t="s">
        <v>100</v>
      </c>
      <c r="D40544" s="1" t="s">
        <v>139020</v>
      </c>
      <c r="E40544" s="1" t="s">
        <v>139021</v>
      </c>
      <c r="F40544" s="1" t="s">
        <v>139022</v>
      </c>
      <c r="G40544" s="1" t="s">
        <v>138958</v>
      </c>
      <c r="H40544" s="1" t="s">
        <v>138959</v>
      </c>
      <c r="I40544" s="1" t="s">
        <v>135900</v>
      </c>
      <c r="J40544" s="1" t="s">
        <v>139023</v>
      </c>
    </row>
    <row r="40545" spans="1:10" x14ac:dyDescent="0.35">
      <c r="A40545" s="1" t="s">
        <v>138955</v>
      </c>
      <c r="B40545" s="1" t="s">
        <v>135894</v>
      </c>
      <c r="C40545" s="1" t="s">
        <v>105</v>
      </c>
      <c r="D40545" s="1" t="s">
        <v>79152</v>
      </c>
      <c r="E40545" s="1" t="s">
        <v>139024</v>
      </c>
      <c r="F40545" s="1" t="s">
        <v>139025</v>
      </c>
      <c r="G40545" s="1" t="s">
        <v>138958</v>
      </c>
      <c r="H40545" s="1" t="s">
        <v>138959</v>
      </c>
      <c r="I40545" s="1" t="s">
        <v>135900</v>
      </c>
      <c r="J40545" s="1" t="s">
        <v>139026</v>
      </c>
    </row>
    <row r="40546" spans="1:10" x14ac:dyDescent="0.35">
      <c r="A40546" s="1" t="s">
        <v>138955</v>
      </c>
      <c r="B40546" s="1" t="s">
        <v>135894</v>
      </c>
      <c r="C40546" s="1" t="s">
        <v>110</v>
      </c>
      <c r="D40546" s="1" t="s">
        <v>139027</v>
      </c>
      <c r="E40546" s="1" t="s">
        <v>139028</v>
      </c>
      <c r="F40546" s="1" t="s">
        <v>139029</v>
      </c>
      <c r="G40546" s="1" t="s">
        <v>138958</v>
      </c>
      <c r="H40546" s="1" t="s">
        <v>138959</v>
      </c>
      <c r="I40546" s="1" t="s">
        <v>135900</v>
      </c>
      <c r="J40546" s="1" t="s">
        <v>139030</v>
      </c>
    </row>
    <row r="40547" spans="1:10" x14ac:dyDescent="0.35">
      <c r="A40547" s="1" t="s">
        <v>138955</v>
      </c>
      <c r="B40547" s="1" t="s">
        <v>135894</v>
      </c>
      <c r="C40547" s="1" t="s">
        <v>115</v>
      </c>
      <c r="D40547" s="1" t="s">
        <v>108305</v>
      </c>
      <c r="E40547" s="1" t="s">
        <v>139031</v>
      </c>
      <c r="F40547" s="1" t="s">
        <v>139032</v>
      </c>
      <c r="G40547" s="1" t="s">
        <v>138958</v>
      </c>
      <c r="H40547" s="1" t="s">
        <v>138959</v>
      </c>
      <c r="I40547" s="1" t="s">
        <v>135900</v>
      </c>
      <c r="J40547" s="1" t="s">
        <v>139033</v>
      </c>
    </row>
    <row r="40548" spans="1:10" x14ac:dyDescent="0.35">
      <c r="A40548" s="1" t="s">
        <v>138955</v>
      </c>
      <c r="B40548" s="1" t="s">
        <v>135894</v>
      </c>
      <c r="C40548" s="1" t="s">
        <v>120</v>
      </c>
      <c r="D40548" s="1" t="s">
        <v>139034</v>
      </c>
      <c r="E40548" s="1" t="s">
        <v>139035</v>
      </c>
      <c r="F40548" s="1" t="s">
        <v>139036</v>
      </c>
      <c r="G40548" s="1" t="s">
        <v>138958</v>
      </c>
      <c r="H40548" s="1" t="s">
        <v>138959</v>
      </c>
      <c r="I40548" s="1" t="s">
        <v>135900</v>
      </c>
      <c r="J40548" s="1" t="s">
        <v>139037</v>
      </c>
    </row>
    <row r="40549" spans="1:10" x14ac:dyDescent="0.35">
      <c r="A40549" s="1" t="s">
        <v>138955</v>
      </c>
      <c r="B40549" s="1" t="s">
        <v>135894</v>
      </c>
      <c r="C40549" s="1" t="s">
        <v>125</v>
      </c>
      <c r="D40549" s="1" t="s">
        <v>114533</v>
      </c>
      <c r="E40549" s="1" t="s">
        <v>139038</v>
      </c>
      <c r="F40549" s="1" t="s">
        <v>139039</v>
      </c>
      <c r="G40549" s="1" t="s">
        <v>138958</v>
      </c>
      <c r="H40549" s="1" t="s">
        <v>138959</v>
      </c>
      <c r="I40549" s="1" t="s">
        <v>135900</v>
      </c>
      <c r="J40549" s="1" t="s">
        <v>139040</v>
      </c>
    </row>
    <row r="40550" spans="1:10" x14ac:dyDescent="0.35">
      <c r="A40550" s="1" t="s">
        <v>138955</v>
      </c>
      <c r="B40550" s="1" t="s">
        <v>135894</v>
      </c>
      <c r="C40550" s="1" t="s">
        <v>130</v>
      </c>
      <c r="D40550" s="1" t="s">
        <v>139041</v>
      </c>
      <c r="E40550" s="1" t="s">
        <v>139042</v>
      </c>
      <c r="F40550" s="1" t="s">
        <v>139043</v>
      </c>
      <c r="G40550" s="1" t="s">
        <v>138958</v>
      </c>
      <c r="H40550" s="1" t="s">
        <v>138959</v>
      </c>
      <c r="I40550" s="1" t="s">
        <v>135900</v>
      </c>
      <c r="J40550" s="1" t="s">
        <v>139044</v>
      </c>
    </row>
    <row r="40551" spans="1:10" x14ac:dyDescent="0.35">
      <c r="A40551" s="1" t="s">
        <v>138955</v>
      </c>
      <c r="B40551" s="1" t="s">
        <v>135894</v>
      </c>
      <c r="C40551" s="1" t="s">
        <v>135</v>
      </c>
      <c r="D40551" s="1" t="s">
        <v>139045</v>
      </c>
      <c r="E40551" s="1" t="s">
        <v>139046</v>
      </c>
      <c r="F40551" s="1" t="s">
        <v>139047</v>
      </c>
      <c r="G40551" s="1" t="s">
        <v>138958</v>
      </c>
      <c r="H40551" s="1" t="s">
        <v>138959</v>
      </c>
      <c r="I40551" s="1" t="s">
        <v>135900</v>
      </c>
      <c r="J40551" s="1" t="s">
        <v>139048</v>
      </c>
    </row>
    <row r="40552" spans="1:10" x14ac:dyDescent="0.35">
      <c r="A40552" s="1" t="s">
        <v>138955</v>
      </c>
      <c r="B40552" s="1" t="s">
        <v>135894</v>
      </c>
      <c r="C40552" s="1" t="s">
        <v>140</v>
      </c>
      <c r="D40552" s="1" t="s">
        <v>19459</v>
      </c>
      <c r="E40552" s="1" t="s">
        <v>139049</v>
      </c>
      <c r="F40552" s="1" t="s">
        <v>139050</v>
      </c>
      <c r="G40552" s="1" t="s">
        <v>138958</v>
      </c>
      <c r="H40552" s="1" t="s">
        <v>138959</v>
      </c>
      <c r="I40552" s="1" t="s">
        <v>135900</v>
      </c>
      <c r="J40552" s="1" t="s">
        <v>139051</v>
      </c>
    </row>
    <row r="40553" spans="1:10" x14ac:dyDescent="0.35">
      <c r="A40553" s="1" t="s">
        <v>138955</v>
      </c>
      <c r="B40553" s="1" t="s">
        <v>135894</v>
      </c>
      <c r="C40553" s="1" t="s">
        <v>145</v>
      </c>
      <c r="D40553" s="1" t="s">
        <v>139052</v>
      </c>
      <c r="E40553" s="1" t="s">
        <v>139053</v>
      </c>
      <c r="F40553" s="1" t="s">
        <v>139054</v>
      </c>
      <c r="G40553" s="1" t="s">
        <v>138958</v>
      </c>
      <c r="H40553" s="1" t="s">
        <v>138959</v>
      </c>
      <c r="I40553" s="1" t="s">
        <v>135900</v>
      </c>
      <c r="J40553" s="1" t="s">
        <v>139055</v>
      </c>
    </row>
    <row r="40554" spans="1:10" x14ac:dyDescent="0.35">
      <c r="A40554" s="1" t="s">
        <v>138955</v>
      </c>
      <c r="B40554" s="1" t="s">
        <v>135894</v>
      </c>
      <c r="C40554" s="1" t="s">
        <v>150</v>
      </c>
      <c r="D40554" s="1" t="s">
        <v>14434</v>
      </c>
      <c r="E40554" s="1" t="s">
        <v>139056</v>
      </c>
      <c r="F40554" s="1" t="s">
        <v>139057</v>
      </c>
      <c r="G40554" s="1" t="s">
        <v>138958</v>
      </c>
      <c r="H40554" s="1" t="s">
        <v>138959</v>
      </c>
      <c r="I40554" s="1" t="s">
        <v>135900</v>
      </c>
      <c r="J40554" s="1" t="s">
        <v>139058</v>
      </c>
    </row>
    <row r="40555" spans="1:10" x14ac:dyDescent="0.35">
      <c r="A40555" s="1" t="s">
        <v>138955</v>
      </c>
      <c r="B40555" s="1" t="s">
        <v>135894</v>
      </c>
      <c r="C40555" s="1" t="s">
        <v>155</v>
      </c>
      <c r="D40555" s="1" t="s">
        <v>57475</v>
      </c>
      <c r="E40555" s="1" t="s">
        <v>139059</v>
      </c>
      <c r="F40555" s="1" t="s">
        <v>139060</v>
      </c>
      <c r="G40555" s="1" t="s">
        <v>138958</v>
      </c>
      <c r="H40555" s="1" t="s">
        <v>138959</v>
      </c>
      <c r="I40555" s="1" t="s">
        <v>135900</v>
      </c>
      <c r="J40555" s="1" t="s">
        <v>139061</v>
      </c>
    </row>
    <row r="40556" spans="1:10" x14ac:dyDescent="0.35">
      <c r="A40556" s="1" t="s">
        <v>138955</v>
      </c>
      <c r="B40556" s="1" t="s">
        <v>135894</v>
      </c>
      <c r="C40556" s="1" t="s">
        <v>160</v>
      </c>
      <c r="D40556" s="1" t="s">
        <v>139062</v>
      </c>
      <c r="E40556" s="1" t="s">
        <v>139063</v>
      </c>
      <c r="F40556" s="1" t="s">
        <v>139064</v>
      </c>
      <c r="G40556" s="1" t="s">
        <v>138958</v>
      </c>
      <c r="H40556" s="1" t="s">
        <v>138959</v>
      </c>
      <c r="I40556" s="1" t="s">
        <v>135900</v>
      </c>
      <c r="J40556" s="1" t="s">
        <v>139065</v>
      </c>
    </row>
    <row r="40557" spans="1:10" x14ac:dyDescent="0.35">
      <c r="A40557" s="1" t="s">
        <v>138955</v>
      </c>
      <c r="B40557" s="1" t="s">
        <v>135894</v>
      </c>
      <c r="C40557" s="1" t="s">
        <v>165</v>
      </c>
      <c r="D40557" s="1" t="s">
        <v>62313</v>
      </c>
      <c r="E40557" s="1" t="s">
        <v>139066</v>
      </c>
      <c r="F40557" s="1" t="s">
        <v>139067</v>
      </c>
      <c r="G40557" s="1" t="s">
        <v>138958</v>
      </c>
      <c r="H40557" s="1" t="s">
        <v>138959</v>
      </c>
      <c r="I40557" s="1" t="s">
        <v>135900</v>
      </c>
      <c r="J40557" s="1" t="s">
        <v>139068</v>
      </c>
    </row>
    <row r="40558" spans="1:10" x14ac:dyDescent="0.35">
      <c r="A40558" s="1" t="s">
        <v>138955</v>
      </c>
      <c r="B40558" s="1" t="s">
        <v>135894</v>
      </c>
      <c r="C40558" s="1" t="s">
        <v>170</v>
      </c>
      <c r="D40558" s="1" t="s">
        <v>69393</v>
      </c>
      <c r="E40558" s="1" t="s">
        <v>139069</v>
      </c>
      <c r="F40558" s="1" t="s">
        <v>139070</v>
      </c>
      <c r="G40558" s="1" t="s">
        <v>138958</v>
      </c>
      <c r="H40558" s="1" t="s">
        <v>138959</v>
      </c>
      <c r="I40558" s="1" t="s">
        <v>135900</v>
      </c>
      <c r="J40558" s="1" t="s">
        <v>139071</v>
      </c>
    </row>
    <row r="40559" spans="1:10" x14ac:dyDescent="0.35">
      <c r="A40559" s="1" t="s">
        <v>13134</v>
      </c>
      <c r="B40559" s="1" t="s">
        <v>135894</v>
      </c>
      <c r="C40559" s="1" t="s">
        <v>8</v>
      </c>
      <c r="D40559" s="1" t="s">
        <v>138921</v>
      </c>
      <c r="E40559" s="1" t="s">
        <v>139072</v>
      </c>
      <c r="F40559" s="1" t="s">
        <v>139073</v>
      </c>
      <c r="G40559" s="1" t="s">
        <v>139074</v>
      </c>
      <c r="H40559" s="1" t="s">
        <v>139075</v>
      </c>
      <c r="I40559" s="1" t="s">
        <v>135900</v>
      </c>
      <c r="J40559" s="1" t="s">
        <v>13</v>
      </c>
    </row>
    <row r="40560" spans="1:10" x14ac:dyDescent="0.35">
      <c r="A40560" s="1" t="s">
        <v>13134</v>
      </c>
      <c r="B40560" s="1" t="s">
        <v>135894</v>
      </c>
      <c r="C40560" s="1" t="s">
        <v>15</v>
      </c>
      <c r="D40560" s="1" t="s">
        <v>59312</v>
      </c>
      <c r="E40560" s="1" t="s">
        <v>139076</v>
      </c>
      <c r="F40560" s="1" t="s">
        <v>139077</v>
      </c>
      <c r="G40560" s="1" t="s">
        <v>139074</v>
      </c>
      <c r="H40560" s="1" t="s">
        <v>139075</v>
      </c>
      <c r="I40560" s="1" t="s">
        <v>135900</v>
      </c>
      <c r="J40560" s="1" t="s">
        <v>139078</v>
      </c>
    </row>
    <row r="40561" spans="1:10" x14ac:dyDescent="0.35">
      <c r="A40561" s="1" t="s">
        <v>13134</v>
      </c>
      <c r="B40561" s="1" t="s">
        <v>135894</v>
      </c>
      <c r="C40561" s="1" t="s">
        <v>20</v>
      </c>
      <c r="D40561" s="1" t="s">
        <v>139079</v>
      </c>
      <c r="E40561" s="1" t="s">
        <v>139080</v>
      </c>
      <c r="F40561" s="1" t="s">
        <v>139081</v>
      </c>
      <c r="G40561" s="1" t="s">
        <v>139074</v>
      </c>
      <c r="H40561" s="1" t="s">
        <v>139075</v>
      </c>
      <c r="I40561" s="1" t="s">
        <v>135900</v>
      </c>
      <c r="J40561" s="1" t="s">
        <v>139082</v>
      </c>
    </row>
    <row r="40562" spans="1:10" x14ac:dyDescent="0.35">
      <c r="A40562" s="1" t="s">
        <v>13134</v>
      </c>
      <c r="B40562" s="1" t="s">
        <v>135894</v>
      </c>
      <c r="C40562" s="1" t="s">
        <v>25</v>
      </c>
      <c r="D40562" s="1" t="s">
        <v>16759</v>
      </c>
      <c r="E40562" s="1" t="s">
        <v>139083</v>
      </c>
      <c r="F40562" s="1" t="s">
        <v>139084</v>
      </c>
      <c r="G40562" s="1" t="s">
        <v>139074</v>
      </c>
      <c r="H40562" s="1" t="s">
        <v>139075</v>
      </c>
      <c r="I40562" s="1" t="s">
        <v>135900</v>
      </c>
      <c r="J40562" s="1" t="s">
        <v>139085</v>
      </c>
    </row>
    <row r="40563" spans="1:10" x14ac:dyDescent="0.35">
      <c r="A40563" s="1" t="s">
        <v>13134</v>
      </c>
      <c r="B40563" s="1" t="s">
        <v>135894</v>
      </c>
      <c r="C40563" s="1" t="s">
        <v>30</v>
      </c>
      <c r="D40563" s="1" t="s">
        <v>60445</v>
      </c>
      <c r="E40563" s="1" t="s">
        <v>139086</v>
      </c>
      <c r="F40563" s="1" t="s">
        <v>139087</v>
      </c>
      <c r="G40563" s="1" t="s">
        <v>139074</v>
      </c>
      <c r="H40563" s="1" t="s">
        <v>139075</v>
      </c>
      <c r="I40563" s="1" t="s">
        <v>135900</v>
      </c>
      <c r="J40563" s="1" t="s">
        <v>139088</v>
      </c>
    </row>
    <row r="40564" spans="1:10" x14ac:dyDescent="0.35">
      <c r="A40564" s="1" t="s">
        <v>13134</v>
      </c>
      <c r="B40564" s="1" t="s">
        <v>135894</v>
      </c>
      <c r="C40564" s="1" t="s">
        <v>35</v>
      </c>
      <c r="D40564" s="1" t="s">
        <v>96223</v>
      </c>
      <c r="E40564" s="1" t="s">
        <v>139089</v>
      </c>
      <c r="F40564" s="1" t="s">
        <v>139090</v>
      </c>
      <c r="G40564" s="1" t="s">
        <v>139074</v>
      </c>
      <c r="H40564" s="1" t="s">
        <v>139075</v>
      </c>
      <c r="I40564" s="1" t="s">
        <v>135900</v>
      </c>
      <c r="J40564" s="1" t="s">
        <v>139091</v>
      </c>
    </row>
    <row r="40565" spans="1:10" x14ac:dyDescent="0.35">
      <c r="A40565" s="1" t="s">
        <v>13134</v>
      </c>
      <c r="B40565" s="1" t="s">
        <v>135894</v>
      </c>
      <c r="C40565" s="1" t="s">
        <v>40</v>
      </c>
      <c r="D40565" s="1" t="s">
        <v>139092</v>
      </c>
      <c r="E40565" s="1" t="s">
        <v>139093</v>
      </c>
      <c r="F40565" s="1" t="s">
        <v>139094</v>
      </c>
      <c r="G40565" s="1" t="s">
        <v>139074</v>
      </c>
      <c r="H40565" s="1" t="s">
        <v>139075</v>
      </c>
      <c r="I40565" s="1" t="s">
        <v>135900</v>
      </c>
      <c r="J40565" s="1" t="s">
        <v>139095</v>
      </c>
    </row>
    <row r="40566" spans="1:10" x14ac:dyDescent="0.35">
      <c r="A40566" s="1" t="s">
        <v>13134</v>
      </c>
      <c r="B40566" s="1" t="s">
        <v>135894</v>
      </c>
      <c r="C40566" s="1" t="s">
        <v>45</v>
      </c>
      <c r="D40566" s="1" t="s">
        <v>70538</v>
      </c>
      <c r="E40566" s="1" t="s">
        <v>139096</v>
      </c>
      <c r="F40566" s="1" t="s">
        <v>139097</v>
      </c>
      <c r="G40566" s="1" t="s">
        <v>139074</v>
      </c>
      <c r="H40566" s="1" t="s">
        <v>139075</v>
      </c>
      <c r="I40566" s="1" t="s">
        <v>135900</v>
      </c>
      <c r="J40566" s="1" t="s">
        <v>139098</v>
      </c>
    </row>
    <row r="40567" spans="1:10" x14ac:dyDescent="0.35">
      <c r="A40567" s="1" t="s">
        <v>13134</v>
      </c>
      <c r="B40567" s="1" t="s">
        <v>135894</v>
      </c>
      <c r="C40567" s="1" t="s">
        <v>50</v>
      </c>
      <c r="D40567" s="1" t="s">
        <v>139099</v>
      </c>
      <c r="E40567" s="1" t="s">
        <v>131097</v>
      </c>
      <c r="F40567" s="1" t="s">
        <v>139100</v>
      </c>
      <c r="G40567" s="1" t="s">
        <v>139074</v>
      </c>
      <c r="H40567" s="1" t="s">
        <v>139075</v>
      </c>
      <c r="I40567" s="1" t="s">
        <v>135900</v>
      </c>
      <c r="J40567" s="1" t="s">
        <v>139101</v>
      </c>
    </row>
    <row r="40568" spans="1:10" x14ac:dyDescent="0.35">
      <c r="A40568" s="1" t="s">
        <v>13134</v>
      </c>
      <c r="B40568" s="1" t="s">
        <v>135894</v>
      </c>
      <c r="C40568" s="1" t="s">
        <v>55</v>
      </c>
      <c r="D40568" s="1" t="s">
        <v>64773</v>
      </c>
      <c r="E40568" s="1" t="s">
        <v>139102</v>
      </c>
      <c r="F40568" s="1" t="s">
        <v>139103</v>
      </c>
      <c r="G40568" s="1" t="s">
        <v>139074</v>
      </c>
      <c r="H40568" s="1" t="s">
        <v>139075</v>
      </c>
      <c r="I40568" s="1" t="s">
        <v>135900</v>
      </c>
      <c r="J40568" s="1" t="s">
        <v>139104</v>
      </c>
    </row>
    <row r="40569" spans="1:10" x14ac:dyDescent="0.35">
      <c r="A40569" s="1" t="s">
        <v>13134</v>
      </c>
      <c r="B40569" s="1" t="s">
        <v>135894</v>
      </c>
      <c r="C40569" s="1" t="s">
        <v>60</v>
      </c>
      <c r="D40569" s="1" t="s">
        <v>139105</v>
      </c>
      <c r="E40569" s="1" t="s">
        <v>139106</v>
      </c>
      <c r="F40569" s="1" t="s">
        <v>139107</v>
      </c>
      <c r="G40569" s="1" t="s">
        <v>139074</v>
      </c>
      <c r="H40569" s="1" t="s">
        <v>139075</v>
      </c>
      <c r="I40569" s="1" t="s">
        <v>135900</v>
      </c>
      <c r="J40569" s="1" t="s">
        <v>139108</v>
      </c>
    </row>
    <row r="40570" spans="1:10" x14ac:dyDescent="0.35">
      <c r="A40570" s="1" t="s">
        <v>13134</v>
      </c>
      <c r="B40570" s="1" t="s">
        <v>135894</v>
      </c>
      <c r="C40570" s="1" t="s">
        <v>65</v>
      </c>
      <c r="D40570" s="1" t="s">
        <v>100506</v>
      </c>
      <c r="E40570" s="1" t="s">
        <v>139109</v>
      </c>
      <c r="F40570" s="1" t="s">
        <v>139110</v>
      </c>
      <c r="G40570" s="1" t="s">
        <v>139074</v>
      </c>
      <c r="H40570" s="1" t="s">
        <v>139075</v>
      </c>
      <c r="I40570" s="1" t="s">
        <v>135900</v>
      </c>
      <c r="J40570" s="1" t="s">
        <v>139111</v>
      </c>
    </row>
    <row r="40571" spans="1:10" x14ac:dyDescent="0.35">
      <c r="A40571" s="1" t="s">
        <v>13134</v>
      </c>
      <c r="B40571" s="1" t="s">
        <v>135894</v>
      </c>
      <c r="C40571" s="1" t="s">
        <v>70</v>
      </c>
      <c r="D40571" s="1" t="s">
        <v>139112</v>
      </c>
      <c r="E40571" s="1" t="s">
        <v>139113</v>
      </c>
      <c r="F40571" s="1" t="s">
        <v>139114</v>
      </c>
      <c r="G40571" s="1" t="s">
        <v>139074</v>
      </c>
      <c r="H40571" s="1" t="s">
        <v>139075</v>
      </c>
      <c r="I40571" s="1" t="s">
        <v>135900</v>
      </c>
      <c r="J40571" s="1" t="s">
        <v>139115</v>
      </c>
    </row>
    <row r="40572" spans="1:10" x14ac:dyDescent="0.35">
      <c r="A40572" s="1" t="s">
        <v>13134</v>
      </c>
      <c r="B40572" s="1" t="s">
        <v>135894</v>
      </c>
      <c r="C40572" s="1" t="s">
        <v>75</v>
      </c>
      <c r="D40572" s="1" t="s">
        <v>139116</v>
      </c>
      <c r="E40572" s="1" t="s">
        <v>139117</v>
      </c>
      <c r="F40572" s="1" t="s">
        <v>139118</v>
      </c>
      <c r="G40572" s="1" t="s">
        <v>139074</v>
      </c>
      <c r="H40572" s="1" t="s">
        <v>139075</v>
      </c>
      <c r="I40572" s="1" t="s">
        <v>135900</v>
      </c>
      <c r="J40572" s="1" t="s">
        <v>139119</v>
      </c>
    </row>
    <row r="40573" spans="1:10" x14ac:dyDescent="0.35">
      <c r="A40573" s="1" t="s">
        <v>13134</v>
      </c>
      <c r="B40573" s="1" t="s">
        <v>135894</v>
      </c>
      <c r="C40573" s="1" t="s">
        <v>80</v>
      </c>
      <c r="D40573" s="1" t="s">
        <v>139120</v>
      </c>
      <c r="E40573" s="1" t="s">
        <v>139121</v>
      </c>
      <c r="F40573" s="1" t="s">
        <v>139122</v>
      </c>
      <c r="G40573" s="1" t="s">
        <v>139074</v>
      </c>
      <c r="H40573" s="1" t="s">
        <v>139075</v>
      </c>
      <c r="I40573" s="1" t="s">
        <v>135900</v>
      </c>
      <c r="J40573" s="1" t="s">
        <v>139123</v>
      </c>
    </row>
    <row r="40574" spans="1:10" x14ac:dyDescent="0.35">
      <c r="A40574" s="1" t="s">
        <v>13134</v>
      </c>
      <c r="B40574" s="1" t="s">
        <v>135894</v>
      </c>
      <c r="C40574" s="1" t="s">
        <v>85</v>
      </c>
      <c r="D40574" s="1" t="s">
        <v>139124</v>
      </c>
      <c r="E40574" s="1" t="s">
        <v>139125</v>
      </c>
      <c r="F40574" s="1" t="s">
        <v>139126</v>
      </c>
      <c r="G40574" s="1" t="s">
        <v>139074</v>
      </c>
      <c r="H40574" s="1" t="s">
        <v>139075</v>
      </c>
      <c r="I40574" s="1" t="s">
        <v>135900</v>
      </c>
      <c r="J40574" s="1" t="s">
        <v>139127</v>
      </c>
    </row>
    <row r="40575" spans="1:10" x14ac:dyDescent="0.35">
      <c r="A40575" s="1" t="s">
        <v>13134</v>
      </c>
      <c r="B40575" s="1" t="s">
        <v>135894</v>
      </c>
      <c r="C40575" s="1" t="s">
        <v>90</v>
      </c>
      <c r="D40575" s="1" t="s">
        <v>21901</v>
      </c>
      <c r="E40575" s="1" t="s">
        <v>139128</v>
      </c>
      <c r="F40575" s="1" t="s">
        <v>139129</v>
      </c>
      <c r="G40575" s="1" t="s">
        <v>139074</v>
      </c>
      <c r="H40575" s="1" t="s">
        <v>139075</v>
      </c>
      <c r="I40575" s="1" t="s">
        <v>135900</v>
      </c>
      <c r="J40575" s="1" t="s">
        <v>139130</v>
      </c>
    </row>
    <row r="40576" spans="1:10" x14ac:dyDescent="0.35">
      <c r="A40576" s="1" t="s">
        <v>13134</v>
      </c>
      <c r="B40576" s="1" t="s">
        <v>135894</v>
      </c>
      <c r="C40576" s="1" t="s">
        <v>95</v>
      </c>
      <c r="D40576" s="1" t="s">
        <v>22763</v>
      </c>
      <c r="E40576" s="1" t="s">
        <v>139131</v>
      </c>
      <c r="F40576" s="1" t="s">
        <v>139132</v>
      </c>
      <c r="G40576" s="1" t="s">
        <v>139074</v>
      </c>
      <c r="H40576" s="1" t="s">
        <v>139075</v>
      </c>
      <c r="I40576" s="1" t="s">
        <v>135900</v>
      </c>
      <c r="J40576" s="1" t="s">
        <v>139133</v>
      </c>
    </row>
    <row r="40577" spans="1:10" x14ac:dyDescent="0.35">
      <c r="A40577" s="1" t="s">
        <v>13134</v>
      </c>
      <c r="B40577" s="1" t="s">
        <v>135894</v>
      </c>
      <c r="C40577" s="1" t="s">
        <v>100</v>
      </c>
      <c r="D40577" s="1" t="s">
        <v>139134</v>
      </c>
      <c r="E40577" s="1" t="s">
        <v>139135</v>
      </c>
      <c r="F40577" s="1" t="s">
        <v>139136</v>
      </c>
      <c r="G40577" s="1" t="s">
        <v>139074</v>
      </c>
      <c r="H40577" s="1" t="s">
        <v>139075</v>
      </c>
      <c r="I40577" s="1" t="s">
        <v>135900</v>
      </c>
      <c r="J40577" s="1" t="s">
        <v>139137</v>
      </c>
    </row>
    <row r="40578" spans="1:10" x14ac:dyDescent="0.35">
      <c r="A40578" s="1" t="s">
        <v>13134</v>
      </c>
      <c r="B40578" s="1" t="s">
        <v>135894</v>
      </c>
      <c r="C40578" s="1" t="s">
        <v>105</v>
      </c>
      <c r="D40578" s="1" t="s">
        <v>95220</v>
      </c>
      <c r="E40578" s="1" t="s">
        <v>139138</v>
      </c>
      <c r="F40578" s="1" t="s">
        <v>139139</v>
      </c>
      <c r="G40578" s="1" t="s">
        <v>139074</v>
      </c>
      <c r="H40578" s="1" t="s">
        <v>139075</v>
      </c>
      <c r="I40578" s="1" t="s">
        <v>135900</v>
      </c>
      <c r="J40578" s="1" t="s">
        <v>139140</v>
      </c>
    </row>
    <row r="40579" spans="1:10" x14ac:dyDescent="0.35">
      <c r="A40579" s="1" t="s">
        <v>13134</v>
      </c>
      <c r="B40579" s="1" t="s">
        <v>135894</v>
      </c>
      <c r="C40579" s="1" t="s">
        <v>110</v>
      </c>
      <c r="D40579" s="1" t="s">
        <v>57255</v>
      </c>
      <c r="E40579" s="1" t="s">
        <v>139141</v>
      </c>
      <c r="F40579" s="1" t="s">
        <v>139142</v>
      </c>
      <c r="G40579" s="1" t="s">
        <v>139074</v>
      </c>
      <c r="H40579" s="1" t="s">
        <v>139075</v>
      </c>
      <c r="I40579" s="1" t="s">
        <v>135900</v>
      </c>
      <c r="J40579" s="1" t="s">
        <v>139143</v>
      </c>
    </row>
    <row r="40580" spans="1:10" x14ac:dyDescent="0.35">
      <c r="A40580" s="1" t="s">
        <v>13134</v>
      </c>
      <c r="B40580" s="1" t="s">
        <v>135894</v>
      </c>
      <c r="C40580" s="1" t="s">
        <v>115</v>
      </c>
      <c r="D40580" s="1" t="s">
        <v>139144</v>
      </c>
      <c r="E40580" s="1" t="s">
        <v>139145</v>
      </c>
      <c r="F40580" s="1" t="s">
        <v>139146</v>
      </c>
      <c r="G40580" s="1" t="s">
        <v>139074</v>
      </c>
      <c r="H40580" s="1" t="s">
        <v>139075</v>
      </c>
      <c r="I40580" s="1" t="s">
        <v>135900</v>
      </c>
      <c r="J40580" s="1" t="s">
        <v>139147</v>
      </c>
    </row>
    <row r="40581" spans="1:10" x14ac:dyDescent="0.35">
      <c r="A40581" s="1" t="s">
        <v>13134</v>
      </c>
      <c r="B40581" s="1" t="s">
        <v>135894</v>
      </c>
      <c r="C40581" s="1" t="s">
        <v>120</v>
      </c>
      <c r="D40581" s="1" t="s">
        <v>90653</v>
      </c>
      <c r="E40581" s="1" t="s">
        <v>139148</v>
      </c>
      <c r="F40581" s="1" t="s">
        <v>139149</v>
      </c>
      <c r="G40581" s="1" t="s">
        <v>139074</v>
      </c>
      <c r="H40581" s="1" t="s">
        <v>139075</v>
      </c>
      <c r="I40581" s="1" t="s">
        <v>135900</v>
      </c>
      <c r="J40581" s="1" t="s">
        <v>139150</v>
      </c>
    </row>
    <row r="40582" spans="1:10" x14ac:dyDescent="0.35">
      <c r="A40582" s="1" t="s">
        <v>13134</v>
      </c>
      <c r="B40582" s="1" t="s">
        <v>135894</v>
      </c>
      <c r="C40582" s="1" t="s">
        <v>125</v>
      </c>
      <c r="D40582" s="1" t="s">
        <v>139151</v>
      </c>
      <c r="E40582" s="1" t="s">
        <v>139152</v>
      </c>
      <c r="F40582" s="1" t="s">
        <v>139153</v>
      </c>
      <c r="G40582" s="1" t="s">
        <v>139074</v>
      </c>
      <c r="H40582" s="1" t="s">
        <v>139075</v>
      </c>
      <c r="I40582" s="1" t="s">
        <v>135900</v>
      </c>
      <c r="J40582" s="1" t="s">
        <v>139154</v>
      </c>
    </row>
    <row r="40583" spans="1:10" x14ac:dyDescent="0.35">
      <c r="A40583" s="1" t="s">
        <v>13134</v>
      </c>
      <c r="B40583" s="1" t="s">
        <v>135894</v>
      </c>
      <c r="C40583" s="1" t="s">
        <v>130</v>
      </c>
      <c r="D40583" s="1" t="s">
        <v>139155</v>
      </c>
      <c r="E40583" s="1" t="s">
        <v>139156</v>
      </c>
      <c r="F40583" s="1" t="s">
        <v>139157</v>
      </c>
      <c r="G40583" s="1" t="s">
        <v>139074</v>
      </c>
      <c r="H40583" s="1" t="s">
        <v>139075</v>
      </c>
      <c r="I40583" s="1" t="s">
        <v>135900</v>
      </c>
      <c r="J40583" s="1" t="s">
        <v>139158</v>
      </c>
    </row>
    <row r="40584" spans="1:10" x14ac:dyDescent="0.35">
      <c r="A40584" s="1" t="s">
        <v>13134</v>
      </c>
      <c r="B40584" s="1" t="s">
        <v>135894</v>
      </c>
      <c r="C40584" s="1" t="s">
        <v>135</v>
      </c>
      <c r="D40584" s="1" t="s">
        <v>139159</v>
      </c>
      <c r="E40584" s="1" t="s">
        <v>139160</v>
      </c>
      <c r="F40584" s="1" t="s">
        <v>139161</v>
      </c>
      <c r="G40584" s="1" t="s">
        <v>139074</v>
      </c>
      <c r="H40584" s="1" t="s">
        <v>139075</v>
      </c>
      <c r="I40584" s="1" t="s">
        <v>135900</v>
      </c>
      <c r="J40584" s="1" t="s">
        <v>139162</v>
      </c>
    </row>
    <row r="40585" spans="1:10" x14ac:dyDescent="0.35">
      <c r="A40585" s="1" t="s">
        <v>13134</v>
      </c>
      <c r="B40585" s="1" t="s">
        <v>135894</v>
      </c>
      <c r="C40585" s="1" t="s">
        <v>140</v>
      </c>
      <c r="D40585" s="1" t="s">
        <v>57533</v>
      </c>
      <c r="E40585" s="1" t="s">
        <v>139163</v>
      </c>
      <c r="F40585" s="1" t="s">
        <v>139164</v>
      </c>
      <c r="G40585" s="1" t="s">
        <v>139074</v>
      </c>
      <c r="H40585" s="1" t="s">
        <v>139075</v>
      </c>
      <c r="I40585" s="1" t="s">
        <v>135900</v>
      </c>
      <c r="J40585" s="1" t="s">
        <v>139165</v>
      </c>
    </row>
    <row r="40586" spans="1:10" x14ac:dyDescent="0.35">
      <c r="A40586" s="1" t="s">
        <v>13134</v>
      </c>
      <c r="B40586" s="1" t="s">
        <v>135894</v>
      </c>
      <c r="C40586" s="1" t="s">
        <v>145</v>
      </c>
      <c r="D40586" s="1" t="s">
        <v>139166</v>
      </c>
      <c r="E40586" s="1" t="s">
        <v>139167</v>
      </c>
      <c r="F40586" s="1" t="s">
        <v>139168</v>
      </c>
      <c r="G40586" s="1" t="s">
        <v>139074</v>
      </c>
      <c r="H40586" s="1" t="s">
        <v>139075</v>
      </c>
      <c r="I40586" s="1" t="s">
        <v>135900</v>
      </c>
      <c r="J40586" s="1" t="s">
        <v>139169</v>
      </c>
    </row>
    <row r="40587" spans="1:10" x14ac:dyDescent="0.35">
      <c r="A40587" s="1" t="s">
        <v>13134</v>
      </c>
      <c r="B40587" s="1" t="s">
        <v>135894</v>
      </c>
      <c r="C40587" s="1" t="s">
        <v>150</v>
      </c>
      <c r="D40587" s="1" t="s">
        <v>139170</v>
      </c>
      <c r="E40587" s="1" t="s">
        <v>139171</v>
      </c>
      <c r="F40587" s="1" t="s">
        <v>139172</v>
      </c>
      <c r="G40587" s="1" t="s">
        <v>139074</v>
      </c>
      <c r="H40587" s="1" t="s">
        <v>139075</v>
      </c>
      <c r="I40587" s="1" t="s">
        <v>135900</v>
      </c>
      <c r="J40587" s="1" t="s">
        <v>139173</v>
      </c>
    </row>
    <row r="40588" spans="1:10" x14ac:dyDescent="0.35">
      <c r="A40588" s="1" t="s">
        <v>13134</v>
      </c>
      <c r="B40588" s="1" t="s">
        <v>135894</v>
      </c>
      <c r="C40588" s="1" t="s">
        <v>155</v>
      </c>
      <c r="D40588" s="1" t="s">
        <v>139174</v>
      </c>
      <c r="E40588" s="1" t="s">
        <v>139175</v>
      </c>
      <c r="F40588" s="1" t="s">
        <v>139176</v>
      </c>
      <c r="G40588" s="1" t="s">
        <v>139074</v>
      </c>
      <c r="H40588" s="1" t="s">
        <v>139075</v>
      </c>
      <c r="I40588" s="1" t="s">
        <v>135900</v>
      </c>
      <c r="J40588" s="1" t="s">
        <v>139177</v>
      </c>
    </row>
    <row r="40589" spans="1:10" x14ac:dyDescent="0.35">
      <c r="A40589" s="1" t="s">
        <v>13134</v>
      </c>
      <c r="B40589" s="1" t="s">
        <v>135894</v>
      </c>
      <c r="C40589" s="1" t="s">
        <v>160</v>
      </c>
      <c r="D40589" s="1" t="s">
        <v>139178</v>
      </c>
      <c r="E40589" s="1" t="s">
        <v>139179</v>
      </c>
      <c r="F40589" s="1" t="s">
        <v>139180</v>
      </c>
      <c r="G40589" s="1" t="s">
        <v>139074</v>
      </c>
      <c r="H40589" s="1" t="s">
        <v>139075</v>
      </c>
      <c r="I40589" s="1" t="s">
        <v>135900</v>
      </c>
      <c r="J40589" s="1" t="s">
        <v>139181</v>
      </c>
    </row>
    <row r="40590" spans="1:10" x14ac:dyDescent="0.35">
      <c r="A40590" s="1" t="s">
        <v>13134</v>
      </c>
      <c r="B40590" s="1" t="s">
        <v>135894</v>
      </c>
      <c r="C40590" s="1" t="s">
        <v>165</v>
      </c>
      <c r="D40590" s="1" t="s">
        <v>40208</v>
      </c>
      <c r="E40590" s="1" t="s">
        <v>139182</v>
      </c>
      <c r="F40590" s="1" t="s">
        <v>139183</v>
      </c>
      <c r="G40590" s="1" t="s">
        <v>139074</v>
      </c>
      <c r="H40590" s="1" t="s">
        <v>139075</v>
      </c>
      <c r="I40590" s="1" t="s">
        <v>135900</v>
      </c>
      <c r="J40590" s="1" t="s">
        <v>139184</v>
      </c>
    </row>
    <row r="40591" spans="1:10" x14ac:dyDescent="0.35">
      <c r="A40591" s="1" t="s">
        <v>13134</v>
      </c>
      <c r="B40591" s="1" t="s">
        <v>135894</v>
      </c>
      <c r="C40591" s="1" t="s">
        <v>170</v>
      </c>
      <c r="D40591" s="1" t="s">
        <v>55714</v>
      </c>
      <c r="E40591" s="1" t="s">
        <v>139185</v>
      </c>
      <c r="F40591" s="1" t="s">
        <v>139186</v>
      </c>
      <c r="G40591" s="1" t="s">
        <v>139074</v>
      </c>
      <c r="H40591" s="1" t="s">
        <v>139075</v>
      </c>
      <c r="I40591" s="1" t="s">
        <v>135900</v>
      </c>
      <c r="J40591" s="1" t="s">
        <v>139187</v>
      </c>
    </row>
    <row r="40592" spans="1:10" x14ac:dyDescent="0.35">
      <c r="A40592" s="1" t="s">
        <v>4484</v>
      </c>
      <c r="B40592" s="1" t="s">
        <v>135894</v>
      </c>
      <c r="C40592" s="1" t="s">
        <v>8</v>
      </c>
      <c r="D40592" s="1" t="s">
        <v>139188</v>
      </c>
      <c r="E40592" s="1" t="s">
        <v>127237</v>
      </c>
      <c r="F40592" s="1" t="s">
        <v>139189</v>
      </c>
      <c r="G40592" s="1" t="s">
        <v>139190</v>
      </c>
      <c r="H40592" s="1" t="s">
        <v>139191</v>
      </c>
      <c r="I40592" s="1" t="s">
        <v>135900</v>
      </c>
      <c r="J40592" s="1" t="s">
        <v>13</v>
      </c>
    </row>
    <row r="40593" spans="1:10" x14ac:dyDescent="0.35">
      <c r="A40593" s="1" t="s">
        <v>4484</v>
      </c>
      <c r="B40593" s="1" t="s">
        <v>135894</v>
      </c>
      <c r="C40593" s="1" t="s">
        <v>15</v>
      </c>
      <c r="D40593" s="1" t="s">
        <v>64224</v>
      </c>
      <c r="E40593" s="1" t="s">
        <v>139192</v>
      </c>
      <c r="F40593" s="1" t="s">
        <v>139193</v>
      </c>
      <c r="G40593" s="1" t="s">
        <v>139190</v>
      </c>
      <c r="H40593" s="1" t="s">
        <v>139191</v>
      </c>
      <c r="I40593" s="1" t="s">
        <v>135900</v>
      </c>
      <c r="J40593" s="1" t="s">
        <v>139194</v>
      </c>
    </row>
    <row r="40594" spans="1:10" x14ac:dyDescent="0.35">
      <c r="A40594" s="1" t="s">
        <v>4484</v>
      </c>
      <c r="B40594" s="1" t="s">
        <v>135894</v>
      </c>
      <c r="C40594" s="1" t="s">
        <v>20</v>
      </c>
      <c r="D40594" s="1" t="s">
        <v>139195</v>
      </c>
      <c r="E40594" s="1" t="s">
        <v>76413</v>
      </c>
      <c r="F40594" s="1" t="s">
        <v>139196</v>
      </c>
      <c r="G40594" s="1" t="s">
        <v>139190</v>
      </c>
      <c r="H40594" s="1" t="s">
        <v>139191</v>
      </c>
      <c r="I40594" s="1" t="s">
        <v>135900</v>
      </c>
      <c r="J40594" s="1" t="s">
        <v>139197</v>
      </c>
    </row>
    <row r="40595" spans="1:10" x14ac:dyDescent="0.35">
      <c r="A40595" s="1" t="s">
        <v>4484</v>
      </c>
      <c r="B40595" s="1" t="s">
        <v>135894</v>
      </c>
      <c r="C40595" s="1" t="s">
        <v>25</v>
      </c>
      <c r="D40595" s="1" t="s">
        <v>139198</v>
      </c>
      <c r="E40595" s="1" t="s">
        <v>139199</v>
      </c>
      <c r="F40595" s="1" t="s">
        <v>139200</v>
      </c>
      <c r="G40595" s="1" t="s">
        <v>139190</v>
      </c>
      <c r="H40595" s="1" t="s">
        <v>139191</v>
      </c>
      <c r="I40595" s="1" t="s">
        <v>135900</v>
      </c>
      <c r="J40595" s="1" t="s">
        <v>139201</v>
      </c>
    </row>
    <row r="40596" spans="1:10" x14ac:dyDescent="0.35">
      <c r="A40596" s="1" t="s">
        <v>4484</v>
      </c>
      <c r="B40596" s="1" t="s">
        <v>135894</v>
      </c>
      <c r="C40596" s="1" t="s">
        <v>30</v>
      </c>
      <c r="D40596" s="1" t="s">
        <v>139202</v>
      </c>
      <c r="E40596" s="1" t="s">
        <v>129566</v>
      </c>
      <c r="F40596" s="1" t="s">
        <v>139203</v>
      </c>
      <c r="G40596" s="1" t="s">
        <v>139190</v>
      </c>
      <c r="H40596" s="1" t="s">
        <v>139191</v>
      </c>
      <c r="I40596" s="1" t="s">
        <v>135900</v>
      </c>
      <c r="J40596" s="1" t="s">
        <v>139204</v>
      </c>
    </row>
    <row r="40597" spans="1:10" x14ac:dyDescent="0.35">
      <c r="A40597" s="1" t="s">
        <v>4484</v>
      </c>
      <c r="B40597" s="1" t="s">
        <v>135894</v>
      </c>
      <c r="C40597" s="1" t="s">
        <v>35</v>
      </c>
      <c r="D40597" s="1" t="s">
        <v>93760</v>
      </c>
      <c r="E40597" s="1" t="s">
        <v>128261</v>
      </c>
      <c r="F40597" s="1" t="s">
        <v>139205</v>
      </c>
      <c r="G40597" s="1" t="s">
        <v>139190</v>
      </c>
      <c r="H40597" s="1" t="s">
        <v>139191</v>
      </c>
      <c r="I40597" s="1" t="s">
        <v>135900</v>
      </c>
      <c r="J40597" s="1" t="s">
        <v>139206</v>
      </c>
    </row>
    <row r="40598" spans="1:10" x14ac:dyDescent="0.35">
      <c r="A40598" s="1" t="s">
        <v>4484</v>
      </c>
      <c r="B40598" s="1" t="s">
        <v>135894</v>
      </c>
      <c r="C40598" s="1" t="s">
        <v>40</v>
      </c>
      <c r="D40598" s="1" t="s">
        <v>139207</v>
      </c>
      <c r="E40598" s="1" t="s">
        <v>128273</v>
      </c>
      <c r="F40598" s="1" t="s">
        <v>139208</v>
      </c>
      <c r="G40598" s="1" t="s">
        <v>139190</v>
      </c>
      <c r="H40598" s="1" t="s">
        <v>139191</v>
      </c>
      <c r="I40598" s="1" t="s">
        <v>135900</v>
      </c>
      <c r="J40598" s="1" t="s">
        <v>139209</v>
      </c>
    </row>
    <row r="40599" spans="1:10" x14ac:dyDescent="0.35">
      <c r="A40599" s="1" t="s">
        <v>4484</v>
      </c>
      <c r="B40599" s="1" t="s">
        <v>135894</v>
      </c>
      <c r="C40599" s="1" t="s">
        <v>45</v>
      </c>
      <c r="D40599" s="1" t="s">
        <v>98789</v>
      </c>
      <c r="E40599" s="1" t="s">
        <v>109229</v>
      </c>
      <c r="F40599" s="1" t="s">
        <v>139210</v>
      </c>
      <c r="G40599" s="1" t="s">
        <v>139190</v>
      </c>
      <c r="H40599" s="1" t="s">
        <v>139191</v>
      </c>
      <c r="I40599" s="1" t="s">
        <v>135900</v>
      </c>
      <c r="J40599" s="1" t="s">
        <v>139211</v>
      </c>
    </row>
    <row r="40600" spans="1:10" x14ac:dyDescent="0.35">
      <c r="A40600" s="1" t="s">
        <v>4484</v>
      </c>
      <c r="B40600" s="1" t="s">
        <v>135894</v>
      </c>
      <c r="C40600" s="1" t="s">
        <v>50</v>
      </c>
      <c r="D40600" s="1" t="s">
        <v>139212</v>
      </c>
      <c r="E40600" s="1" t="s">
        <v>94709</v>
      </c>
      <c r="F40600" s="1" t="s">
        <v>139213</v>
      </c>
      <c r="G40600" s="1" t="s">
        <v>139190</v>
      </c>
      <c r="H40600" s="1" t="s">
        <v>139191</v>
      </c>
      <c r="I40600" s="1" t="s">
        <v>135900</v>
      </c>
      <c r="J40600" s="1" t="s">
        <v>139214</v>
      </c>
    </row>
    <row r="40601" spans="1:10" x14ac:dyDescent="0.35">
      <c r="A40601" s="1" t="s">
        <v>4484</v>
      </c>
      <c r="B40601" s="1" t="s">
        <v>135894</v>
      </c>
      <c r="C40601" s="1" t="s">
        <v>55</v>
      </c>
      <c r="D40601" s="1" t="s">
        <v>79732</v>
      </c>
      <c r="E40601" s="1" t="s">
        <v>90274</v>
      </c>
      <c r="F40601" s="1" t="s">
        <v>139215</v>
      </c>
      <c r="G40601" s="1" t="s">
        <v>139190</v>
      </c>
      <c r="H40601" s="1" t="s">
        <v>139191</v>
      </c>
      <c r="I40601" s="1" t="s">
        <v>135900</v>
      </c>
      <c r="J40601" s="1" t="s">
        <v>139216</v>
      </c>
    </row>
    <row r="40602" spans="1:10" x14ac:dyDescent="0.35">
      <c r="A40602" s="1" t="s">
        <v>4484</v>
      </c>
      <c r="B40602" s="1" t="s">
        <v>135894</v>
      </c>
      <c r="C40602" s="1" t="s">
        <v>60</v>
      </c>
      <c r="D40602" s="1" t="s">
        <v>139217</v>
      </c>
      <c r="E40602" s="1" t="s">
        <v>132905</v>
      </c>
      <c r="F40602" s="1" t="s">
        <v>139218</v>
      </c>
      <c r="G40602" s="1" t="s">
        <v>139190</v>
      </c>
      <c r="H40602" s="1" t="s">
        <v>139191</v>
      </c>
      <c r="I40602" s="1" t="s">
        <v>135900</v>
      </c>
      <c r="J40602" s="1" t="s">
        <v>139219</v>
      </c>
    </row>
    <row r="40603" spans="1:10" x14ac:dyDescent="0.35">
      <c r="A40603" s="1" t="s">
        <v>4484</v>
      </c>
      <c r="B40603" s="1" t="s">
        <v>135894</v>
      </c>
      <c r="C40603" s="1" t="s">
        <v>65</v>
      </c>
      <c r="D40603" s="1" t="s">
        <v>139220</v>
      </c>
      <c r="E40603" s="1" t="s">
        <v>139221</v>
      </c>
      <c r="F40603" s="1" t="s">
        <v>139222</v>
      </c>
      <c r="G40603" s="1" t="s">
        <v>139190</v>
      </c>
      <c r="H40603" s="1" t="s">
        <v>139191</v>
      </c>
      <c r="I40603" s="1" t="s">
        <v>135900</v>
      </c>
      <c r="J40603" s="1" t="s">
        <v>139223</v>
      </c>
    </row>
    <row r="40604" spans="1:10" x14ac:dyDescent="0.35">
      <c r="A40604" s="1" t="s">
        <v>4484</v>
      </c>
      <c r="B40604" s="1" t="s">
        <v>135894</v>
      </c>
      <c r="C40604" s="1" t="s">
        <v>70</v>
      </c>
      <c r="D40604" s="1" t="s">
        <v>89572</v>
      </c>
      <c r="E40604" s="1" t="s">
        <v>109201</v>
      </c>
      <c r="F40604" s="1" t="s">
        <v>139224</v>
      </c>
      <c r="G40604" s="1" t="s">
        <v>139190</v>
      </c>
      <c r="H40604" s="1" t="s">
        <v>139191</v>
      </c>
      <c r="I40604" s="1" t="s">
        <v>135900</v>
      </c>
      <c r="J40604" s="1" t="s">
        <v>139225</v>
      </c>
    </row>
    <row r="40605" spans="1:10" x14ac:dyDescent="0.35">
      <c r="A40605" s="1" t="s">
        <v>4484</v>
      </c>
      <c r="B40605" s="1" t="s">
        <v>135894</v>
      </c>
      <c r="C40605" s="1" t="s">
        <v>75</v>
      </c>
      <c r="D40605" s="1" t="s">
        <v>76712</v>
      </c>
      <c r="E40605" s="1" t="s">
        <v>139226</v>
      </c>
      <c r="F40605" s="1" t="s">
        <v>139227</v>
      </c>
      <c r="G40605" s="1" t="s">
        <v>139190</v>
      </c>
      <c r="H40605" s="1" t="s">
        <v>139191</v>
      </c>
      <c r="I40605" s="1" t="s">
        <v>135900</v>
      </c>
      <c r="J40605" s="1" t="s">
        <v>139228</v>
      </c>
    </row>
    <row r="40606" spans="1:10" x14ac:dyDescent="0.35">
      <c r="A40606" s="1" t="s">
        <v>4484</v>
      </c>
      <c r="B40606" s="1" t="s">
        <v>135894</v>
      </c>
      <c r="C40606" s="1" t="s">
        <v>80</v>
      </c>
      <c r="D40606" s="1" t="s">
        <v>139229</v>
      </c>
      <c r="E40606" s="1" t="s">
        <v>139230</v>
      </c>
      <c r="F40606" s="1" t="s">
        <v>139231</v>
      </c>
      <c r="G40606" s="1" t="s">
        <v>139190</v>
      </c>
      <c r="H40606" s="1" t="s">
        <v>139191</v>
      </c>
      <c r="I40606" s="1" t="s">
        <v>135900</v>
      </c>
      <c r="J40606" s="1" t="s">
        <v>139232</v>
      </c>
    </row>
    <row r="40607" spans="1:10" x14ac:dyDescent="0.35">
      <c r="A40607" s="1" t="s">
        <v>4484</v>
      </c>
      <c r="B40607" s="1" t="s">
        <v>135894</v>
      </c>
      <c r="C40607" s="1" t="s">
        <v>85</v>
      </c>
      <c r="D40607" s="1" t="s">
        <v>107687</v>
      </c>
      <c r="E40607" s="1" t="s">
        <v>105240</v>
      </c>
      <c r="F40607" s="1" t="s">
        <v>139233</v>
      </c>
      <c r="G40607" s="1" t="s">
        <v>139190</v>
      </c>
      <c r="H40607" s="1" t="s">
        <v>139191</v>
      </c>
      <c r="I40607" s="1" t="s">
        <v>135900</v>
      </c>
      <c r="J40607" s="1" t="s">
        <v>139234</v>
      </c>
    </row>
    <row r="40608" spans="1:10" x14ac:dyDescent="0.35">
      <c r="A40608" s="1" t="s">
        <v>4484</v>
      </c>
      <c r="B40608" s="1" t="s">
        <v>135894</v>
      </c>
      <c r="C40608" s="1" t="s">
        <v>90</v>
      </c>
      <c r="D40608" s="1" t="s">
        <v>139235</v>
      </c>
      <c r="E40608" s="1" t="s">
        <v>139236</v>
      </c>
      <c r="F40608" s="1" t="s">
        <v>139237</v>
      </c>
      <c r="G40608" s="1" t="s">
        <v>139190</v>
      </c>
      <c r="H40608" s="1" t="s">
        <v>139191</v>
      </c>
      <c r="I40608" s="1" t="s">
        <v>135900</v>
      </c>
      <c r="J40608" s="1" t="s">
        <v>139238</v>
      </c>
    </row>
    <row r="40609" spans="1:10" x14ac:dyDescent="0.35">
      <c r="A40609" s="1" t="s">
        <v>4484</v>
      </c>
      <c r="B40609" s="1" t="s">
        <v>135894</v>
      </c>
      <c r="C40609" s="1" t="s">
        <v>95</v>
      </c>
      <c r="D40609" s="1" t="s">
        <v>139239</v>
      </c>
      <c r="E40609" s="1" t="s">
        <v>128053</v>
      </c>
      <c r="F40609" s="1" t="s">
        <v>139240</v>
      </c>
      <c r="G40609" s="1" t="s">
        <v>139190</v>
      </c>
      <c r="H40609" s="1" t="s">
        <v>139191</v>
      </c>
      <c r="I40609" s="1" t="s">
        <v>135900</v>
      </c>
      <c r="J40609" s="1" t="s">
        <v>139241</v>
      </c>
    </row>
    <row r="40610" spans="1:10" x14ac:dyDescent="0.35">
      <c r="A40610" s="1" t="s">
        <v>4484</v>
      </c>
      <c r="B40610" s="1" t="s">
        <v>135894</v>
      </c>
      <c r="C40610" s="1" t="s">
        <v>100</v>
      </c>
      <c r="D40610" s="1" t="s">
        <v>138783</v>
      </c>
      <c r="E40610" s="1" t="s">
        <v>76375</v>
      </c>
      <c r="F40610" s="1" t="s">
        <v>139242</v>
      </c>
      <c r="G40610" s="1" t="s">
        <v>139190</v>
      </c>
      <c r="H40610" s="1" t="s">
        <v>139191</v>
      </c>
      <c r="I40610" s="1" t="s">
        <v>135900</v>
      </c>
      <c r="J40610" s="1" t="s">
        <v>139243</v>
      </c>
    </row>
    <row r="40611" spans="1:10" x14ac:dyDescent="0.35">
      <c r="A40611" s="1" t="s">
        <v>4484</v>
      </c>
      <c r="B40611" s="1" t="s">
        <v>135894</v>
      </c>
      <c r="C40611" s="1" t="s">
        <v>105</v>
      </c>
      <c r="D40611" s="1" t="s">
        <v>55529</v>
      </c>
      <c r="E40611" s="1" t="s">
        <v>133380</v>
      </c>
      <c r="F40611" s="1" t="s">
        <v>139244</v>
      </c>
      <c r="G40611" s="1" t="s">
        <v>139190</v>
      </c>
      <c r="H40611" s="1" t="s">
        <v>139191</v>
      </c>
      <c r="I40611" s="1" t="s">
        <v>135900</v>
      </c>
      <c r="J40611" s="1" t="s">
        <v>139245</v>
      </c>
    </row>
    <row r="40612" spans="1:10" x14ac:dyDescent="0.35">
      <c r="A40612" s="1" t="s">
        <v>4484</v>
      </c>
      <c r="B40612" s="1" t="s">
        <v>135894</v>
      </c>
      <c r="C40612" s="1" t="s">
        <v>110</v>
      </c>
      <c r="D40612" s="1" t="s">
        <v>139246</v>
      </c>
      <c r="E40612" s="1" t="s">
        <v>90262</v>
      </c>
      <c r="F40612" s="1" t="s">
        <v>139247</v>
      </c>
      <c r="G40612" s="1" t="s">
        <v>139190</v>
      </c>
      <c r="H40612" s="1" t="s">
        <v>139191</v>
      </c>
      <c r="I40612" s="1" t="s">
        <v>135900</v>
      </c>
      <c r="J40612" s="1" t="s">
        <v>139248</v>
      </c>
    </row>
    <row r="40613" spans="1:10" x14ac:dyDescent="0.35">
      <c r="A40613" s="1" t="s">
        <v>4484</v>
      </c>
      <c r="B40613" s="1" t="s">
        <v>135894</v>
      </c>
      <c r="C40613" s="1" t="s">
        <v>115</v>
      </c>
      <c r="D40613" s="1" t="s">
        <v>68225</v>
      </c>
      <c r="E40613" s="1" t="s">
        <v>132074</v>
      </c>
      <c r="F40613" s="1" t="s">
        <v>139249</v>
      </c>
      <c r="G40613" s="1" t="s">
        <v>139190</v>
      </c>
      <c r="H40613" s="1" t="s">
        <v>139191</v>
      </c>
      <c r="I40613" s="1" t="s">
        <v>135900</v>
      </c>
      <c r="J40613" s="1" t="s">
        <v>139250</v>
      </c>
    </row>
    <row r="40614" spans="1:10" x14ac:dyDescent="0.35">
      <c r="A40614" s="1" t="s">
        <v>4484</v>
      </c>
      <c r="B40614" s="1" t="s">
        <v>135894</v>
      </c>
      <c r="C40614" s="1" t="s">
        <v>120</v>
      </c>
      <c r="D40614" s="1" t="s">
        <v>66018</v>
      </c>
      <c r="E40614" s="1" t="s">
        <v>139251</v>
      </c>
      <c r="F40614" s="1" t="s">
        <v>139252</v>
      </c>
      <c r="G40614" s="1" t="s">
        <v>139190</v>
      </c>
      <c r="H40614" s="1" t="s">
        <v>139191</v>
      </c>
      <c r="I40614" s="1" t="s">
        <v>135900</v>
      </c>
      <c r="J40614" s="1" t="s">
        <v>139253</v>
      </c>
    </row>
    <row r="40615" spans="1:10" x14ac:dyDescent="0.35">
      <c r="A40615" s="1" t="s">
        <v>4484</v>
      </c>
      <c r="B40615" s="1" t="s">
        <v>135894</v>
      </c>
      <c r="C40615" s="1" t="s">
        <v>125</v>
      </c>
      <c r="D40615" s="1" t="s">
        <v>139254</v>
      </c>
      <c r="E40615" s="1" t="s">
        <v>139255</v>
      </c>
      <c r="F40615" s="1" t="s">
        <v>8048</v>
      </c>
      <c r="G40615" s="1" t="s">
        <v>139190</v>
      </c>
      <c r="H40615" s="1" t="s">
        <v>139191</v>
      </c>
      <c r="I40615" s="1" t="s">
        <v>135900</v>
      </c>
      <c r="J40615" s="1" t="s">
        <v>139256</v>
      </c>
    </row>
    <row r="40616" spans="1:10" x14ac:dyDescent="0.35">
      <c r="A40616" s="1" t="s">
        <v>4484</v>
      </c>
      <c r="B40616" s="1" t="s">
        <v>135894</v>
      </c>
      <c r="C40616" s="1" t="s">
        <v>130</v>
      </c>
      <c r="D40616" s="1" t="s">
        <v>26894</v>
      </c>
      <c r="E40616" s="1" t="s">
        <v>127221</v>
      </c>
      <c r="F40616" s="1" t="s">
        <v>139257</v>
      </c>
      <c r="G40616" s="1" t="s">
        <v>139190</v>
      </c>
      <c r="H40616" s="1" t="s">
        <v>139191</v>
      </c>
      <c r="I40616" s="1" t="s">
        <v>135900</v>
      </c>
      <c r="J40616" s="1" t="s">
        <v>139258</v>
      </c>
    </row>
    <row r="40617" spans="1:10" x14ac:dyDescent="0.35">
      <c r="A40617" s="1" t="s">
        <v>4484</v>
      </c>
      <c r="B40617" s="1" t="s">
        <v>135894</v>
      </c>
      <c r="C40617" s="1" t="s">
        <v>135</v>
      </c>
      <c r="D40617" s="1" t="s">
        <v>76776</v>
      </c>
      <c r="E40617" s="1" t="s">
        <v>108694</v>
      </c>
      <c r="F40617" s="1" t="s">
        <v>139259</v>
      </c>
      <c r="G40617" s="1" t="s">
        <v>139190</v>
      </c>
      <c r="H40617" s="1" t="s">
        <v>139191</v>
      </c>
      <c r="I40617" s="1" t="s">
        <v>135900</v>
      </c>
      <c r="J40617" s="1" t="s">
        <v>139260</v>
      </c>
    </row>
    <row r="40618" spans="1:10" x14ac:dyDescent="0.35">
      <c r="A40618" s="1" t="s">
        <v>4484</v>
      </c>
      <c r="B40618" s="1" t="s">
        <v>135894</v>
      </c>
      <c r="C40618" s="1" t="s">
        <v>140</v>
      </c>
      <c r="D40618" s="1" t="s">
        <v>139261</v>
      </c>
      <c r="E40618" s="1" t="s">
        <v>139262</v>
      </c>
      <c r="F40618" s="1" t="s">
        <v>139263</v>
      </c>
      <c r="G40618" s="1" t="s">
        <v>139190</v>
      </c>
      <c r="H40618" s="1" t="s">
        <v>139191</v>
      </c>
      <c r="I40618" s="1" t="s">
        <v>135900</v>
      </c>
      <c r="J40618" s="1" t="s">
        <v>139264</v>
      </c>
    </row>
    <row r="40619" spans="1:10" x14ac:dyDescent="0.35">
      <c r="A40619" s="1" t="s">
        <v>4484</v>
      </c>
      <c r="B40619" s="1" t="s">
        <v>135894</v>
      </c>
      <c r="C40619" s="1" t="s">
        <v>145</v>
      </c>
      <c r="D40619" s="1" t="s">
        <v>20456</v>
      </c>
      <c r="E40619" s="1" t="s">
        <v>139265</v>
      </c>
      <c r="F40619" s="1" t="s">
        <v>139266</v>
      </c>
      <c r="G40619" s="1" t="s">
        <v>139190</v>
      </c>
      <c r="H40619" s="1" t="s">
        <v>139191</v>
      </c>
      <c r="I40619" s="1" t="s">
        <v>135900</v>
      </c>
      <c r="J40619" s="1" t="s">
        <v>139267</v>
      </c>
    </row>
    <row r="40620" spans="1:10" x14ac:dyDescent="0.35">
      <c r="A40620" s="1" t="s">
        <v>4484</v>
      </c>
      <c r="B40620" s="1" t="s">
        <v>135894</v>
      </c>
      <c r="C40620" s="1" t="s">
        <v>150</v>
      </c>
      <c r="D40620" s="1" t="s">
        <v>139268</v>
      </c>
      <c r="E40620" s="1" t="s">
        <v>16212</v>
      </c>
      <c r="F40620" s="1" t="s">
        <v>139269</v>
      </c>
      <c r="G40620" s="1" t="s">
        <v>139190</v>
      </c>
      <c r="H40620" s="1" t="s">
        <v>139191</v>
      </c>
      <c r="I40620" s="1" t="s">
        <v>135900</v>
      </c>
      <c r="J40620" s="1" t="s">
        <v>139270</v>
      </c>
    </row>
    <row r="40621" spans="1:10" x14ac:dyDescent="0.35">
      <c r="A40621" s="1" t="s">
        <v>4484</v>
      </c>
      <c r="B40621" s="1" t="s">
        <v>135894</v>
      </c>
      <c r="C40621" s="1" t="s">
        <v>155</v>
      </c>
      <c r="D40621" s="1" t="s">
        <v>26470</v>
      </c>
      <c r="E40621" s="1" t="s">
        <v>128674</v>
      </c>
      <c r="F40621" s="1" t="s">
        <v>109759</v>
      </c>
      <c r="G40621" s="1" t="s">
        <v>139190</v>
      </c>
      <c r="H40621" s="1" t="s">
        <v>139191</v>
      </c>
      <c r="I40621" s="1" t="s">
        <v>135900</v>
      </c>
      <c r="J40621" s="1" t="s">
        <v>139271</v>
      </c>
    </row>
    <row r="40622" spans="1:10" x14ac:dyDescent="0.35">
      <c r="A40622" s="1" t="s">
        <v>4484</v>
      </c>
      <c r="B40622" s="1" t="s">
        <v>135894</v>
      </c>
      <c r="C40622" s="1" t="s">
        <v>160</v>
      </c>
      <c r="D40622" s="1" t="s">
        <v>67429</v>
      </c>
      <c r="E40622" s="1" t="s">
        <v>109227</v>
      </c>
      <c r="F40622" s="1" t="s">
        <v>139272</v>
      </c>
      <c r="G40622" s="1" t="s">
        <v>139190</v>
      </c>
      <c r="H40622" s="1" t="s">
        <v>139191</v>
      </c>
      <c r="I40622" s="1" t="s">
        <v>135900</v>
      </c>
      <c r="J40622" s="1" t="s">
        <v>139273</v>
      </c>
    </row>
    <row r="40623" spans="1:10" x14ac:dyDescent="0.35">
      <c r="A40623" s="1" t="s">
        <v>4484</v>
      </c>
      <c r="B40623" s="1" t="s">
        <v>135894</v>
      </c>
      <c r="C40623" s="1" t="s">
        <v>165</v>
      </c>
      <c r="D40623" s="1" t="s">
        <v>139274</v>
      </c>
      <c r="E40623" s="1" t="s">
        <v>139230</v>
      </c>
      <c r="F40623" s="1" t="s">
        <v>139275</v>
      </c>
      <c r="G40623" s="1" t="s">
        <v>139190</v>
      </c>
      <c r="H40623" s="1" t="s">
        <v>139191</v>
      </c>
      <c r="I40623" s="1" t="s">
        <v>135900</v>
      </c>
      <c r="J40623" s="1" t="s">
        <v>139276</v>
      </c>
    </row>
    <row r="40624" spans="1:10" x14ac:dyDescent="0.35">
      <c r="A40624" s="1" t="s">
        <v>4484</v>
      </c>
      <c r="B40624" s="1" t="s">
        <v>135894</v>
      </c>
      <c r="C40624" s="1" t="s">
        <v>170</v>
      </c>
      <c r="D40624" s="1" t="s">
        <v>7452</v>
      </c>
      <c r="E40624" s="1" t="s">
        <v>105278</v>
      </c>
      <c r="F40624" s="1" t="s">
        <v>139277</v>
      </c>
      <c r="G40624" s="1" t="s">
        <v>139190</v>
      </c>
      <c r="H40624" s="1" t="s">
        <v>139191</v>
      </c>
      <c r="I40624" s="1" t="s">
        <v>135900</v>
      </c>
      <c r="J40624" s="1" t="s">
        <v>139278</v>
      </c>
    </row>
    <row r="40625" spans="1:10" x14ac:dyDescent="0.35">
      <c r="A40625" s="1" t="s">
        <v>139279</v>
      </c>
      <c r="B40625" s="1" t="s">
        <v>135894</v>
      </c>
      <c r="C40625" s="1" t="s">
        <v>8</v>
      </c>
      <c r="D40625" s="1" t="s">
        <v>93044</v>
      </c>
      <c r="E40625" s="1" t="s">
        <v>139280</v>
      </c>
      <c r="F40625" s="1" t="s">
        <v>139281</v>
      </c>
      <c r="G40625" s="1" t="s">
        <v>139282</v>
      </c>
      <c r="H40625" s="1" t="s">
        <v>139283</v>
      </c>
      <c r="I40625" s="1" t="s">
        <v>135900</v>
      </c>
      <c r="J40625" s="1" t="s">
        <v>13</v>
      </c>
    </row>
    <row r="40626" spans="1:10" x14ac:dyDescent="0.35">
      <c r="A40626" s="1" t="s">
        <v>139279</v>
      </c>
      <c r="B40626" s="1" t="s">
        <v>135894</v>
      </c>
      <c r="C40626" s="1" t="s">
        <v>15</v>
      </c>
      <c r="D40626" s="1" t="s">
        <v>26585</v>
      </c>
      <c r="E40626" s="1" t="s">
        <v>139284</v>
      </c>
      <c r="F40626" s="1" t="s">
        <v>139285</v>
      </c>
      <c r="G40626" s="1" t="s">
        <v>139282</v>
      </c>
      <c r="H40626" s="1" t="s">
        <v>139283</v>
      </c>
      <c r="I40626" s="1" t="s">
        <v>135900</v>
      </c>
      <c r="J40626" s="1" t="s">
        <v>139286</v>
      </c>
    </row>
    <row r="40627" spans="1:10" x14ac:dyDescent="0.35">
      <c r="A40627" s="1" t="s">
        <v>139279</v>
      </c>
      <c r="B40627" s="1" t="s">
        <v>135894</v>
      </c>
      <c r="C40627" s="1" t="s">
        <v>20</v>
      </c>
      <c r="D40627" s="1" t="s">
        <v>56340</v>
      </c>
      <c r="E40627" s="1" t="s">
        <v>139287</v>
      </c>
      <c r="F40627" s="1" t="s">
        <v>139288</v>
      </c>
      <c r="G40627" s="1" t="s">
        <v>139282</v>
      </c>
      <c r="H40627" s="1" t="s">
        <v>139283</v>
      </c>
      <c r="I40627" s="1" t="s">
        <v>135900</v>
      </c>
      <c r="J40627" s="1" t="s">
        <v>139289</v>
      </c>
    </row>
    <row r="40628" spans="1:10" x14ac:dyDescent="0.35">
      <c r="A40628" s="1" t="s">
        <v>139279</v>
      </c>
      <c r="B40628" s="1" t="s">
        <v>135894</v>
      </c>
      <c r="C40628" s="1" t="s">
        <v>25</v>
      </c>
      <c r="D40628" s="1" t="s">
        <v>139290</v>
      </c>
      <c r="E40628" s="1" t="s">
        <v>139291</v>
      </c>
      <c r="F40628" s="1" t="s">
        <v>139292</v>
      </c>
      <c r="G40628" s="1" t="s">
        <v>139282</v>
      </c>
      <c r="H40628" s="1" t="s">
        <v>139283</v>
      </c>
      <c r="I40628" s="1" t="s">
        <v>135900</v>
      </c>
      <c r="J40628" s="1" t="s">
        <v>139293</v>
      </c>
    </row>
    <row r="40629" spans="1:10" x14ac:dyDescent="0.35">
      <c r="A40629" s="1" t="s">
        <v>139279</v>
      </c>
      <c r="B40629" s="1" t="s">
        <v>135894</v>
      </c>
      <c r="C40629" s="1" t="s">
        <v>30</v>
      </c>
      <c r="D40629" s="1" t="s">
        <v>88816</v>
      </c>
      <c r="E40629" s="1" t="s">
        <v>139294</v>
      </c>
      <c r="F40629" s="1" t="s">
        <v>139295</v>
      </c>
      <c r="G40629" s="1" t="s">
        <v>139282</v>
      </c>
      <c r="H40629" s="1" t="s">
        <v>139283</v>
      </c>
      <c r="I40629" s="1" t="s">
        <v>135900</v>
      </c>
      <c r="J40629" s="1" t="s">
        <v>139296</v>
      </c>
    </row>
    <row r="40630" spans="1:10" x14ac:dyDescent="0.35">
      <c r="A40630" s="1" t="s">
        <v>139279</v>
      </c>
      <c r="B40630" s="1" t="s">
        <v>135894</v>
      </c>
      <c r="C40630" s="1" t="s">
        <v>35</v>
      </c>
      <c r="D40630" s="1" t="s">
        <v>56310</v>
      </c>
      <c r="E40630" s="1" t="s">
        <v>139297</v>
      </c>
      <c r="F40630" s="1" t="s">
        <v>139298</v>
      </c>
      <c r="G40630" s="1" t="s">
        <v>139282</v>
      </c>
      <c r="H40630" s="1" t="s">
        <v>139283</v>
      </c>
      <c r="I40630" s="1" t="s">
        <v>135900</v>
      </c>
      <c r="J40630" s="1" t="s">
        <v>139299</v>
      </c>
    </row>
    <row r="40631" spans="1:10" x14ac:dyDescent="0.35">
      <c r="A40631" s="1" t="s">
        <v>139279</v>
      </c>
      <c r="B40631" s="1" t="s">
        <v>135894</v>
      </c>
      <c r="C40631" s="1" t="s">
        <v>40</v>
      </c>
      <c r="D40631" s="1" t="s">
        <v>139300</v>
      </c>
      <c r="E40631" s="1" t="s">
        <v>139301</v>
      </c>
      <c r="F40631" s="1" t="s">
        <v>139302</v>
      </c>
      <c r="G40631" s="1" t="s">
        <v>139282</v>
      </c>
      <c r="H40631" s="1" t="s">
        <v>139283</v>
      </c>
      <c r="I40631" s="1" t="s">
        <v>135900</v>
      </c>
      <c r="J40631" s="1" t="s">
        <v>139303</v>
      </c>
    </row>
    <row r="40632" spans="1:10" x14ac:dyDescent="0.35">
      <c r="A40632" s="1" t="s">
        <v>139279</v>
      </c>
      <c r="B40632" s="1" t="s">
        <v>135894</v>
      </c>
      <c r="C40632" s="1" t="s">
        <v>45</v>
      </c>
      <c r="D40632" s="1" t="s">
        <v>139304</v>
      </c>
      <c r="E40632" s="1" t="s">
        <v>139305</v>
      </c>
      <c r="F40632" s="1" t="s">
        <v>139306</v>
      </c>
      <c r="G40632" s="1" t="s">
        <v>139282</v>
      </c>
      <c r="H40632" s="1" t="s">
        <v>139283</v>
      </c>
      <c r="I40632" s="1" t="s">
        <v>135900</v>
      </c>
      <c r="J40632" s="1" t="s">
        <v>139307</v>
      </c>
    </row>
    <row r="40633" spans="1:10" x14ac:dyDescent="0.35">
      <c r="A40633" s="1" t="s">
        <v>139279</v>
      </c>
      <c r="B40633" s="1" t="s">
        <v>135894</v>
      </c>
      <c r="C40633" s="1" t="s">
        <v>50</v>
      </c>
      <c r="D40633" s="1" t="s">
        <v>139308</v>
      </c>
      <c r="E40633" s="1" t="s">
        <v>139309</v>
      </c>
      <c r="F40633" s="1" t="s">
        <v>139310</v>
      </c>
      <c r="G40633" s="1" t="s">
        <v>139282</v>
      </c>
      <c r="H40633" s="1" t="s">
        <v>139283</v>
      </c>
      <c r="I40633" s="1" t="s">
        <v>135900</v>
      </c>
      <c r="J40633" s="1" t="s">
        <v>139311</v>
      </c>
    </row>
    <row r="40634" spans="1:10" x14ac:dyDescent="0.35">
      <c r="A40634" s="1" t="s">
        <v>139279</v>
      </c>
      <c r="B40634" s="1" t="s">
        <v>135894</v>
      </c>
      <c r="C40634" s="1" t="s">
        <v>55</v>
      </c>
      <c r="D40634" s="1" t="s">
        <v>5278</v>
      </c>
      <c r="E40634" s="1" t="s">
        <v>139312</v>
      </c>
      <c r="F40634" s="1" t="s">
        <v>139313</v>
      </c>
      <c r="G40634" s="1" t="s">
        <v>139282</v>
      </c>
      <c r="H40634" s="1" t="s">
        <v>139283</v>
      </c>
      <c r="I40634" s="1" t="s">
        <v>135900</v>
      </c>
      <c r="J40634" s="1" t="s">
        <v>139314</v>
      </c>
    </row>
    <row r="40635" spans="1:10" x14ac:dyDescent="0.35">
      <c r="A40635" s="1" t="s">
        <v>139279</v>
      </c>
      <c r="B40635" s="1" t="s">
        <v>135894</v>
      </c>
      <c r="C40635" s="1" t="s">
        <v>60</v>
      </c>
      <c r="D40635" s="1" t="s">
        <v>139315</v>
      </c>
      <c r="E40635" s="1" t="s">
        <v>139316</v>
      </c>
      <c r="F40635" s="1" t="s">
        <v>139317</v>
      </c>
      <c r="G40635" s="1" t="s">
        <v>139282</v>
      </c>
      <c r="H40635" s="1" t="s">
        <v>139283</v>
      </c>
      <c r="I40635" s="1" t="s">
        <v>135900</v>
      </c>
      <c r="J40635" s="1" t="s">
        <v>139318</v>
      </c>
    </row>
    <row r="40636" spans="1:10" x14ac:dyDescent="0.35">
      <c r="A40636" s="1" t="s">
        <v>139279</v>
      </c>
      <c r="B40636" s="1" t="s">
        <v>135894</v>
      </c>
      <c r="C40636" s="1" t="s">
        <v>65</v>
      </c>
      <c r="D40636" s="1" t="s">
        <v>53870</v>
      </c>
      <c r="E40636" s="1" t="s">
        <v>139319</v>
      </c>
      <c r="F40636" s="1" t="s">
        <v>139320</v>
      </c>
      <c r="G40636" s="1" t="s">
        <v>139282</v>
      </c>
      <c r="H40636" s="1" t="s">
        <v>139283</v>
      </c>
      <c r="I40636" s="1" t="s">
        <v>135900</v>
      </c>
      <c r="J40636" s="1" t="s">
        <v>139321</v>
      </c>
    </row>
    <row r="40637" spans="1:10" x14ac:dyDescent="0.35">
      <c r="A40637" s="1" t="s">
        <v>139279</v>
      </c>
      <c r="B40637" s="1" t="s">
        <v>135894</v>
      </c>
      <c r="C40637" s="1" t="s">
        <v>70</v>
      </c>
      <c r="D40637" s="1" t="s">
        <v>88260</v>
      </c>
      <c r="E40637" s="1" t="s">
        <v>139322</v>
      </c>
      <c r="F40637" s="1" t="s">
        <v>139323</v>
      </c>
      <c r="G40637" s="1" t="s">
        <v>139282</v>
      </c>
      <c r="H40637" s="1" t="s">
        <v>139283</v>
      </c>
      <c r="I40637" s="1" t="s">
        <v>135900</v>
      </c>
      <c r="J40637" s="1" t="s">
        <v>139324</v>
      </c>
    </row>
    <row r="40638" spans="1:10" x14ac:dyDescent="0.35">
      <c r="A40638" s="1" t="s">
        <v>139279</v>
      </c>
      <c r="B40638" s="1" t="s">
        <v>135894</v>
      </c>
      <c r="C40638" s="1" t="s">
        <v>75</v>
      </c>
      <c r="D40638" s="1" t="s">
        <v>15152</v>
      </c>
      <c r="E40638" s="1" t="s">
        <v>139325</v>
      </c>
      <c r="F40638" s="1" t="s">
        <v>139326</v>
      </c>
      <c r="G40638" s="1" t="s">
        <v>139282</v>
      </c>
      <c r="H40638" s="1" t="s">
        <v>139283</v>
      </c>
      <c r="I40638" s="1" t="s">
        <v>135900</v>
      </c>
      <c r="J40638" s="1" t="s">
        <v>139327</v>
      </c>
    </row>
    <row r="40639" spans="1:10" x14ac:dyDescent="0.35">
      <c r="A40639" s="1" t="s">
        <v>139279</v>
      </c>
      <c r="B40639" s="1" t="s">
        <v>135894</v>
      </c>
      <c r="C40639" s="1" t="s">
        <v>80</v>
      </c>
      <c r="D40639" s="1" t="s">
        <v>88260</v>
      </c>
      <c r="E40639" s="1" t="s">
        <v>139328</v>
      </c>
      <c r="F40639" s="1" t="s">
        <v>139329</v>
      </c>
      <c r="G40639" s="1" t="s">
        <v>139282</v>
      </c>
      <c r="H40639" s="1" t="s">
        <v>139283</v>
      </c>
      <c r="I40639" s="1" t="s">
        <v>135900</v>
      </c>
      <c r="J40639" s="1" t="s">
        <v>139330</v>
      </c>
    </row>
    <row r="40640" spans="1:10" x14ac:dyDescent="0.35">
      <c r="A40640" s="1" t="s">
        <v>139279</v>
      </c>
      <c r="B40640" s="1" t="s">
        <v>135894</v>
      </c>
      <c r="C40640" s="1" t="s">
        <v>85</v>
      </c>
      <c r="D40640" s="1" t="s">
        <v>90945</v>
      </c>
      <c r="E40640" s="1" t="s">
        <v>139331</v>
      </c>
      <c r="F40640" s="1" t="s">
        <v>139332</v>
      </c>
      <c r="G40640" s="1" t="s">
        <v>139282</v>
      </c>
      <c r="H40640" s="1" t="s">
        <v>139283</v>
      </c>
      <c r="I40640" s="1" t="s">
        <v>135900</v>
      </c>
      <c r="J40640" s="1" t="s">
        <v>139333</v>
      </c>
    </row>
    <row r="40641" spans="1:10" x14ac:dyDescent="0.35">
      <c r="A40641" s="1" t="s">
        <v>139279</v>
      </c>
      <c r="B40641" s="1" t="s">
        <v>135894</v>
      </c>
      <c r="C40641" s="1" t="s">
        <v>90</v>
      </c>
      <c r="D40641" s="1" t="s">
        <v>139334</v>
      </c>
      <c r="E40641" s="1" t="s">
        <v>139335</v>
      </c>
      <c r="F40641" s="1" t="s">
        <v>139336</v>
      </c>
      <c r="G40641" s="1" t="s">
        <v>139282</v>
      </c>
      <c r="H40641" s="1" t="s">
        <v>139283</v>
      </c>
      <c r="I40641" s="1" t="s">
        <v>135900</v>
      </c>
      <c r="J40641" s="1" t="s">
        <v>139337</v>
      </c>
    </row>
    <row r="40642" spans="1:10" x14ac:dyDescent="0.35">
      <c r="A40642" s="1" t="s">
        <v>139279</v>
      </c>
      <c r="B40642" s="1" t="s">
        <v>135894</v>
      </c>
      <c r="C40642" s="1" t="s">
        <v>95</v>
      </c>
      <c r="D40642" s="1" t="s">
        <v>99407</v>
      </c>
      <c r="E40642" s="1" t="s">
        <v>139338</v>
      </c>
      <c r="F40642" s="1" t="s">
        <v>139339</v>
      </c>
      <c r="G40642" s="1" t="s">
        <v>139282</v>
      </c>
      <c r="H40642" s="1" t="s">
        <v>139283</v>
      </c>
      <c r="I40642" s="1" t="s">
        <v>135900</v>
      </c>
      <c r="J40642" s="1" t="s">
        <v>139340</v>
      </c>
    </row>
    <row r="40643" spans="1:10" x14ac:dyDescent="0.35">
      <c r="A40643" s="1" t="s">
        <v>139279</v>
      </c>
      <c r="B40643" s="1" t="s">
        <v>135894</v>
      </c>
      <c r="C40643" s="1" t="s">
        <v>100</v>
      </c>
      <c r="D40643" s="1" t="s">
        <v>139341</v>
      </c>
      <c r="E40643" s="1" t="s">
        <v>139342</v>
      </c>
      <c r="F40643" s="1" t="s">
        <v>139343</v>
      </c>
      <c r="G40643" s="1" t="s">
        <v>139282</v>
      </c>
      <c r="H40643" s="1" t="s">
        <v>139283</v>
      </c>
      <c r="I40643" s="1" t="s">
        <v>135900</v>
      </c>
      <c r="J40643" s="1" t="s">
        <v>139344</v>
      </c>
    </row>
    <row r="40644" spans="1:10" x14ac:dyDescent="0.35">
      <c r="A40644" s="1" t="s">
        <v>139279</v>
      </c>
      <c r="B40644" s="1" t="s">
        <v>135894</v>
      </c>
      <c r="C40644" s="1" t="s">
        <v>105</v>
      </c>
      <c r="D40644" s="1" t="s">
        <v>139345</v>
      </c>
      <c r="E40644" s="1" t="s">
        <v>139346</v>
      </c>
      <c r="F40644" s="1" t="s">
        <v>139347</v>
      </c>
      <c r="G40644" s="1" t="s">
        <v>139282</v>
      </c>
      <c r="H40644" s="1" t="s">
        <v>139283</v>
      </c>
      <c r="I40644" s="1" t="s">
        <v>135900</v>
      </c>
      <c r="J40644" s="1" t="s">
        <v>139348</v>
      </c>
    </row>
    <row r="40645" spans="1:10" x14ac:dyDescent="0.35">
      <c r="A40645" s="1" t="s">
        <v>139279</v>
      </c>
      <c r="B40645" s="1" t="s">
        <v>135894</v>
      </c>
      <c r="C40645" s="1" t="s">
        <v>110</v>
      </c>
      <c r="D40645" s="1" t="s">
        <v>40392</v>
      </c>
      <c r="E40645" s="1" t="s">
        <v>139349</v>
      </c>
      <c r="F40645" s="1" t="s">
        <v>139350</v>
      </c>
      <c r="G40645" s="1" t="s">
        <v>139282</v>
      </c>
      <c r="H40645" s="1" t="s">
        <v>139283</v>
      </c>
      <c r="I40645" s="1" t="s">
        <v>135900</v>
      </c>
      <c r="J40645" s="1" t="s">
        <v>139351</v>
      </c>
    </row>
    <row r="40646" spans="1:10" x14ac:dyDescent="0.35">
      <c r="A40646" s="1" t="s">
        <v>139279</v>
      </c>
      <c r="B40646" s="1" t="s">
        <v>135894</v>
      </c>
      <c r="C40646" s="1" t="s">
        <v>115</v>
      </c>
      <c r="D40646" s="1" t="s">
        <v>100105</v>
      </c>
      <c r="E40646" s="1" t="s">
        <v>139352</v>
      </c>
      <c r="F40646" s="1" t="s">
        <v>139353</v>
      </c>
      <c r="G40646" s="1" t="s">
        <v>139282</v>
      </c>
      <c r="H40646" s="1" t="s">
        <v>139283</v>
      </c>
      <c r="I40646" s="1" t="s">
        <v>135900</v>
      </c>
      <c r="J40646" s="1" t="s">
        <v>139354</v>
      </c>
    </row>
    <row r="40647" spans="1:10" x14ac:dyDescent="0.35">
      <c r="A40647" s="1" t="s">
        <v>139279</v>
      </c>
      <c r="B40647" s="1" t="s">
        <v>135894</v>
      </c>
      <c r="C40647" s="1" t="s">
        <v>120</v>
      </c>
      <c r="D40647" s="1" t="s">
        <v>60866</v>
      </c>
      <c r="E40647" s="1" t="s">
        <v>139355</v>
      </c>
      <c r="F40647" s="1" t="s">
        <v>139356</v>
      </c>
      <c r="G40647" s="1" t="s">
        <v>139282</v>
      </c>
      <c r="H40647" s="1" t="s">
        <v>139283</v>
      </c>
      <c r="I40647" s="1" t="s">
        <v>135900</v>
      </c>
      <c r="J40647" s="1" t="s">
        <v>139357</v>
      </c>
    </row>
    <row r="40648" spans="1:10" x14ac:dyDescent="0.35">
      <c r="A40648" s="1" t="s">
        <v>139279</v>
      </c>
      <c r="B40648" s="1" t="s">
        <v>135894</v>
      </c>
      <c r="C40648" s="1" t="s">
        <v>125</v>
      </c>
      <c r="D40648" s="1" t="s">
        <v>68439</v>
      </c>
      <c r="E40648" s="1" t="s">
        <v>139358</v>
      </c>
      <c r="F40648" s="1" t="s">
        <v>139359</v>
      </c>
      <c r="G40648" s="1" t="s">
        <v>139282</v>
      </c>
      <c r="H40648" s="1" t="s">
        <v>139283</v>
      </c>
      <c r="I40648" s="1" t="s">
        <v>135900</v>
      </c>
      <c r="J40648" s="1" t="s">
        <v>139360</v>
      </c>
    </row>
    <row r="40649" spans="1:10" x14ac:dyDescent="0.35">
      <c r="A40649" s="1" t="s">
        <v>139279</v>
      </c>
      <c r="B40649" s="1" t="s">
        <v>135894</v>
      </c>
      <c r="C40649" s="1" t="s">
        <v>130</v>
      </c>
      <c r="D40649" s="1" t="s">
        <v>55998</v>
      </c>
      <c r="E40649" s="1" t="s">
        <v>139361</v>
      </c>
      <c r="F40649" s="1" t="s">
        <v>139362</v>
      </c>
      <c r="G40649" s="1" t="s">
        <v>139282</v>
      </c>
      <c r="H40649" s="1" t="s">
        <v>139283</v>
      </c>
      <c r="I40649" s="1" t="s">
        <v>135900</v>
      </c>
      <c r="J40649" s="1" t="s">
        <v>139363</v>
      </c>
    </row>
    <row r="40650" spans="1:10" x14ac:dyDescent="0.35">
      <c r="A40650" s="1" t="s">
        <v>139279</v>
      </c>
      <c r="B40650" s="1" t="s">
        <v>135894</v>
      </c>
      <c r="C40650" s="1" t="s">
        <v>135</v>
      </c>
      <c r="D40650" s="1" t="s">
        <v>139364</v>
      </c>
      <c r="E40650" s="1" t="s">
        <v>139365</v>
      </c>
      <c r="F40650" s="1" t="s">
        <v>139366</v>
      </c>
      <c r="G40650" s="1" t="s">
        <v>139282</v>
      </c>
      <c r="H40650" s="1" t="s">
        <v>139283</v>
      </c>
      <c r="I40650" s="1" t="s">
        <v>135900</v>
      </c>
      <c r="J40650" s="1" t="s">
        <v>139367</v>
      </c>
    </row>
    <row r="40651" spans="1:10" x14ac:dyDescent="0.35">
      <c r="A40651" s="1" t="s">
        <v>139279</v>
      </c>
      <c r="B40651" s="1" t="s">
        <v>135894</v>
      </c>
      <c r="C40651" s="1" t="s">
        <v>140</v>
      </c>
      <c r="D40651" s="1" t="s">
        <v>139368</v>
      </c>
      <c r="E40651" s="1" t="s">
        <v>139369</v>
      </c>
      <c r="F40651" s="1" t="s">
        <v>139370</v>
      </c>
      <c r="G40651" s="1" t="s">
        <v>139282</v>
      </c>
      <c r="H40651" s="1" t="s">
        <v>139283</v>
      </c>
      <c r="I40651" s="1" t="s">
        <v>135900</v>
      </c>
      <c r="J40651" s="1" t="s">
        <v>139371</v>
      </c>
    </row>
    <row r="40652" spans="1:10" x14ac:dyDescent="0.35">
      <c r="A40652" s="1" t="s">
        <v>139279</v>
      </c>
      <c r="B40652" s="1" t="s">
        <v>135894</v>
      </c>
      <c r="C40652" s="1" t="s">
        <v>145</v>
      </c>
      <c r="D40652" s="1" t="s">
        <v>139372</v>
      </c>
      <c r="E40652" s="1" t="s">
        <v>139373</v>
      </c>
      <c r="F40652" s="1" t="s">
        <v>139374</v>
      </c>
      <c r="G40652" s="1" t="s">
        <v>139282</v>
      </c>
      <c r="H40652" s="1" t="s">
        <v>139283</v>
      </c>
      <c r="I40652" s="1" t="s">
        <v>135900</v>
      </c>
      <c r="J40652" s="1" t="s">
        <v>139375</v>
      </c>
    </row>
    <row r="40653" spans="1:10" x14ac:dyDescent="0.35">
      <c r="A40653" s="1" t="s">
        <v>139279</v>
      </c>
      <c r="B40653" s="1" t="s">
        <v>135894</v>
      </c>
      <c r="C40653" s="1" t="s">
        <v>150</v>
      </c>
      <c r="D40653" s="1" t="s">
        <v>139376</v>
      </c>
      <c r="E40653" s="1" t="s">
        <v>139377</v>
      </c>
      <c r="F40653" s="1" t="s">
        <v>139378</v>
      </c>
      <c r="G40653" s="1" t="s">
        <v>139282</v>
      </c>
      <c r="H40653" s="1" t="s">
        <v>139283</v>
      </c>
      <c r="I40653" s="1" t="s">
        <v>135900</v>
      </c>
      <c r="J40653" s="1" t="s">
        <v>139379</v>
      </c>
    </row>
    <row r="40654" spans="1:10" x14ac:dyDescent="0.35">
      <c r="A40654" s="1" t="s">
        <v>139279</v>
      </c>
      <c r="B40654" s="1" t="s">
        <v>135894</v>
      </c>
      <c r="C40654" s="1" t="s">
        <v>155</v>
      </c>
      <c r="D40654" s="1" t="s">
        <v>69587</v>
      </c>
      <c r="E40654" s="1" t="s">
        <v>139380</v>
      </c>
      <c r="F40654" s="1" t="s">
        <v>139381</v>
      </c>
      <c r="G40654" s="1" t="s">
        <v>139282</v>
      </c>
      <c r="H40654" s="1" t="s">
        <v>139283</v>
      </c>
      <c r="I40654" s="1" t="s">
        <v>135900</v>
      </c>
      <c r="J40654" s="1" t="s">
        <v>139382</v>
      </c>
    </row>
    <row r="40655" spans="1:10" x14ac:dyDescent="0.35">
      <c r="A40655" s="1" t="s">
        <v>139279</v>
      </c>
      <c r="B40655" s="1" t="s">
        <v>135894</v>
      </c>
      <c r="C40655" s="1" t="s">
        <v>160</v>
      </c>
      <c r="D40655" s="1" t="s">
        <v>109480</v>
      </c>
      <c r="E40655" s="1" t="s">
        <v>139383</v>
      </c>
      <c r="F40655" s="1" t="s">
        <v>139384</v>
      </c>
      <c r="G40655" s="1" t="s">
        <v>139282</v>
      </c>
      <c r="H40655" s="1" t="s">
        <v>139283</v>
      </c>
      <c r="I40655" s="1" t="s">
        <v>135900</v>
      </c>
      <c r="J40655" s="1" t="s">
        <v>139385</v>
      </c>
    </row>
    <row r="40656" spans="1:10" x14ac:dyDescent="0.35">
      <c r="A40656" s="1" t="s">
        <v>139279</v>
      </c>
      <c r="B40656" s="1" t="s">
        <v>135894</v>
      </c>
      <c r="C40656" s="1" t="s">
        <v>165</v>
      </c>
      <c r="D40656" s="1" t="s">
        <v>139334</v>
      </c>
      <c r="E40656" s="1" t="s">
        <v>139386</v>
      </c>
      <c r="F40656" s="1" t="s">
        <v>139387</v>
      </c>
      <c r="G40656" s="1" t="s">
        <v>139282</v>
      </c>
      <c r="H40656" s="1" t="s">
        <v>139283</v>
      </c>
      <c r="I40656" s="1" t="s">
        <v>135900</v>
      </c>
      <c r="J40656" s="1" t="s">
        <v>139388</v>
      </c>
    </row>
    <row r="40657" spans="1:10" x14ac:dyDescent="0.35">
      <c r="A40657" s="1" t="s">
        <v>139279</v>
      </c>
      <c r="B40657" s="1" t="s">
        <v>135894</v>
      </c>
      <c r="C40657" s="1" t="s">
        <v>170</v>
      </c>
      <c r="D40657" s="1" t="s">
        <v>95459</v>
      </c>
      <c r="E40657" s="1" t="s">
        <v>139389</v>
      </c>
      <c r="F40657" s="1" t="s">
        <v>139390</v>
      </c>
      <c r="G40657" s="1" t="s">
        <v>139282</v>
      </c>
      <c r="H40657" s="1" t="s">
        <v>139283</v>
      </c>
      <c r="I40657" s="1" t="s">
        <v>135900</v>
      </c>
      <c r="J40657" s="1" t="s">
        <v>139391</v>
      </c>
    </row>
    <row r="40658" spans="1:10" x14ac:dyDescent="0.35">
      <c r="A40658" s="1" t="s">
        <v>28728</v>
      </c>
      <c r="B40658" s="1" t="s">
        <v>135894</v>
      </c>
      <c r="C40658" s="1" t="s">
        <v>8</v>
      </c>
      <c r="D40658" s="1" t="s">
        <v>139392</v>
      </c>
      <c r="E40658" s="1" t="s">
        <v>139393</v>
      </c>
      <c r="F40658" s="1" t="s">
        <v>139394</v>
      </c>
      <c r="G40658" s="1" t="s">
        <v>139395</v>
      </c>
      <c r="H40658" s="1" t="s">
        <v>139396</v>
      </c>
      <c r="I40658" s="1" t="s">
        <v>135900</v>
      </c>
      <c r="J40658" s="1" t="s">
        <v>13</v>
      </c>
    </row>
    <row r="40659" spans="1:10" x14ac:dyDescent="0.35">
      <c r="A40659" s="1" t="s">
        <v>28728</v>
      </c>
      <c r="B40659" s="1" t="s">
        <v>135894</v>
      </c>
      <c r="C40659" s="1" t="s">
        <v>15</v>
      </c>
      <c r="D40659" s="1" t="s">
        <v>113760</v>
      </c>
      <c r="E40659" s="1" t="s">
        <v>139397</v>
      </c>
      <c r="F40659" s="1" t="s">
        <v>139398</v>
      </c>
      <c r="G40659" s="1" t="s">
        <v>139395</v>
      </c>
      <c r="H40659" s="1" t="s">
        <v>139396</v>
      </c>
      <c r="I40659" s="1" t="s">
        <v>135900</v>
      </c>
      <c r="J40659" s="1" t="s">
        <v>139399</v>
      </c>
    </row>
    <row r="40660" spans="1:10" x14ac:dyDescent="0.35">
      <c r="A40660" s="1" t="s">
        <v>28728</v>
      </c>
      <c r="B40660" s="1" t="s">
        <v>135894</v>
      </c>
      <c r="C40660" s="1" t="s">
        <v>20</v>
      </c>
      <c r="D40660" s="1" t="s">
        <v>67773</v>
      </c>
      <c r="E40660" s="1" t="s">
        <v>139400</v>
      </c>
      <c r="F40660" s="1" t="s">
        <v>139401</v>
      </c>
      <c r="G40660" s="1" t="s">
        <v>139395</v>
      </c>
      <c r="H40660" s="1" t="s">
        <v>139396</v>
      </c>
      <c r="I40660" s="1" t="s">
        <v>135900</v>
      </c>
      <c r="J40660" s="1" t="s">
        <v>139402</v>
      </c>
    </row>
    <row r="40661" spans="1:10" x14ac:dyDescent="0.35">
      <c r="A40661" s="1" t="s">
        <v>28728</v>
      </c>
      <c r="B40661" s="1" t="s">
        <v>135894</v>
      </c>
      <c r="C40661" s="1" t="s">
        <v>25</v>
      </c>
      <c r="D40661" s="1" t="s">
        <v>139403</v>
      </c>
      <c r="E40661" s="1" t="s">
        <v>139404</v>
      </c>
      <c r="F40661" s="1" t="s">
        <v>139405</v>
      </c>
      <c r="G40661" s="1" t="s">
        <v>139395</v>
      </c>
      <c r="H40661" s="1" t="s">
        <v>139396</v>
      </c>
      <c r="I40661" s="1" t="s">
        <v>135900</v>
      </c>
      <c r="J40661" s="1" t="s">
        <v>139406</v>
      </c>
    </row>
    <row r="40662" spans="1:10" x14ac:dyDescent="0.35">
      <c r="A40662" s="1" t="s">
        <v>28728</v>
      </c>
      <c r="B40662" s="1" t="s">
        <v>135894</v>
      </c>
      <c r="C40662" s="1" t="s">
        <v>30</v>
      </c>
      <c r="D40662" s="1" t="s">
        <v>107982</v>
      </c>
      <c r="E40662" s="1" t="s">
        <v>139407</v>
      </c>
      <c r="F40662" s="1" t="s">
        <v>139408</v>
      </c>
      <c r="G40662" s="1" t="s">
        <v>139395</v>
      </c>
      <c r="H40662" s="1" t="s">
        <v>139396</v>
      </c>
      <c r="I40662" s="1" t="s">
        <v>135900</v>
      </c>
      <c r="J40662" s="1" t="s">
        <v>139409</v>
      </c>
    </row>
    <row r="40663" spans="1:10" x14ac:dyDescent="0.35">
      <c r="A40663" s="1" t="s">
        <v>28728</v>
      </c>
      <c r="B40663" s="1" t="s">
        <v>135894</v>
      </c>
      <c r="C40663" s="1" t="s">
        <v>35</v>
      </c>
      <c r="D40663" s="1" t="s">
        <v>107815</v>
      </c>
      <c r="E40663" s="1" t="s">
        <v>139410</v>
      </c>
      <c r="F40663" s="1" t="s">
        <v>139411</v>
      </c>
      <c r="G40663" s="1" t="s">
        <v>139395</v>
      </c>
      <c r="H40663" s="1" t="s">
        <v>139396</v>
      </c>
      <c r="I40663" s="1" t="s">
        <v>135900</v>
      </c>
      <c r="J40663" s="1" t="s">
        <v>139412</v>
      </c>
    </row>
    <row r="40664" spans="1:10" x14ac:dyDescent="0.35">
      <c r="A40664" s="1" t="s">
        <v>28728</v>
      </c>
      <c r="B40664" s="1" t="s">
        <v>135894</v>
      </c>
      <c r="C40664" s="1" t="s">
        <v>40</v>
      </c>
      <c r="D40664" s="1" t="s">
        <v>139413</v>
      </c>
      <c r="E40664" s="1" t="s">
        <v>139414</v>
      </c>
      <c r="F40664" s="1" t="s">
        <v>139415</v>
      </c>
      <c r="G40664" s="1" t="s">
        <v>139395</v>
      </c>
      <c r="H40664" s="1" t="s">
        <v>139396</v>
      </c>
      <c r="I40664" s="1" t="s">
        <v>135900</v>
      </c>
      <c r="J40664" s="1" t="s">
        <v>139416</v>
      </c>
    </row>
    <row r="40665" spans="1:10" x14ac:dyDescent="0.35">
      <c r="A40665" s="1" t="s">
        <v>28728</v>
      </c>
      <c r="B40665" s="1" t="s">
        <v>135894</v>
      </c>
      <c r="C40665" s="1" t="s">
        <v>45</v>
      </c>
      <c r="D40665" s="1" t="s">
        <v>139417</v>
      </c>
      <c r="E40665" s="1" t="s">
        <v>139418</v>
      </c>
      <c r="F40665" s="1" t="s">
        <v>139419</v>
      </c>
      <c r="G40665" s="1" t="s">
        <v>139395</v>
      </c>
      <c r="H40665" s="1" t="s">
        <v>139396</v>
      </c>
      <c r="I40665" s="1" t="s">
        <v>135900</v>
      </c>
      <c r="J40665" s="1" t="s">
        <v>139420</v>
      </c>
    </row>
    <row r="40666" spans="1:10" x14ac:dyDescent="0.35">
      <c r="A40666" s="1" t="s">
        <v>28728</v>
      </c>
      <c r="B40666" s="1" t="s">
        <v>135894</v>
      </c>
      <c r="C40666" s="1" t="s">
        <v>50</v>
      </c>
      <c r="D40666" s="1" t="s">
        <v>99540</v>
      </c>
      <c r="E40666" s="1" t="s">
        <v>139421</v>
      </c>
      <c r="F40666" s="1" t="s">
        <v>139422</v>
      </c>
      <c r="G40666" s="1" t="s">
        <v>139395</v>
      </c>
      <c r="H40666" s="1" t="s">
        <v>139396</v>
      </c>
      <c r="I40666" s="1" t="s">
        <v>135900</v>
      </c>
      <c r="J40666" s="1" t="s">
        <v>139423</v>
      </c>
    </row>
    <row r="40667" spans="1:10" x14ac:dyDescent="0.35">
      <c r="A40667" s="1" t="s">
        <v>28728</v>
      </c>
      <c r="B40667" s="1" t="s">
        <v>135894</v>
      </c>
      <c r="C40667" s="1" t="s">
        <v>55</v>
      </c>
      <c r="D40667" s="1" t="s">
        <v>110185</v>
      </c>
      <c r="E40667" s="1" t="s">
        <v>139424</v>
      </c>
      <c r="F40667" s="1" t="s">
        <v>139425</v>
      </c>
      <c r="G40667" s="1" t="s">
        <v>139395</v>
      </c>
      <c r="H40667" s="1" t="s">
        <v>139396</v>
      </c>
      <c r="I40667" s="1" t="s">
        <v>135900</v>
      </c>
      <c r="J40667" s="1" t="s">
        <v>139426</v>
      </c>
    </row>
    <row r="40668" spans="1:10" x14ac:dyDescent="0.35">
      <c r="A40668" s="1" t="s">
        <v>28728</v>
      </c>
      <c r="B40668" s="1" t="s">
        <v>135894</v>
      </c>
      <c r="C40668" s="1" t="s">
        <v>60</v>
      </c>
      <c r="D40668" s="1" t="s">
        <v>139427</v>
      </c>
      <c r="E40668" s="1" t="s">
        <v>139428</v>
      </c>
      <c r="F40668" s="1" t="s">
        <v>139429</v>
      </c>
      <c r="G40668" s="1" t="s">
        <v>139395</v>
      </c>
      <c r="H40668" s="1" t="s">
        <v>139396</v>
      </c>
      <c r="I40668" s="1" t="s">
        <v>135900</v>
      </c>
      <c r="J40668" s="1" t="s">
        <v>139430</v>
      </c>
    </row>
    <row r="40669" spans="1:10" x14ac:dyDescent="0.35">
      <c r="A40669" s="1" t="s">
        <v>28728</v>
      </c>
      <c r="B40669" s="1" t="s">
        <v>135894</v>
      </c>
      <c r="C40669" s="1" t="s">
        <v>65</v>
      </c>
      <c r="D40669" s="1" t="s">
        <v>139431</v>
      </c>
      <c r="E40669" s="1" t="s">
        <v>139432</v>
      </c>
      <c r="F40669" s="1" t="s">
        <v>139433</v>
      </c>
      <c r="G40669" s="1" t="s">
        <v>139395</v>
      </c>
      <c r="H40669" s="1" t="s">
        <v>139396</v>
      </c>
      <c r="I40669" s="1" t="s">
        <v>135900</v>
      </c>
      <c r="J40669" s="1" t="s">
        <v>139434</v>
      </c>
    </row>
    <row r="40670" spans="1:10" x14ac:dyDescent="0.35">
      <c r="A40670" s="1" t="s">
        <v>28728</v>
      </c>
      <c r="B40670" s="1" t="s">
        <v>135894</v>
      </c>
      <c r="C40670" s="1" t="s">
        <v>70</v>
      </c>
      <c r="D40670" s="1" t="s">
        <v>139435</v>
      </c>
      <c r="E40670" s="1" t="s">
        <v>139436</v>
      </c>
      <c r="F40670" s="1" t="s">
        <v>139437</v>
      </c>
      <c r="G40670" s="1" t="s">
        <v>139395</v>
      </c>
      <c r="H40670" s="1" t="s">
        <v>139396</v>
      </c>
      <c r="I40670" s="1" t="s">
        <v>135900</v>
      </c>
      <c r="J40670" s="1" t="s">
        <v>139438</v>
      </c>
    </row>
    <row r="40671" spans="1:10" x14ac:dyDescent="0.35">
      <c r="A40671" s="1" t="s">
        <v>28728</v>
      </c>
      <c r="B40671" s="1" t="s">
        <v>135894</v>
      </c>
      <c r="C40671" s="1" t="s">
        <v>75</v>
      </c>
      <c r="D40671" s="1" t="s">
        <v>139439</v>
      </c>
      <c r="E40671" s="1" t="s">
        <v>139440</v>
      </c>
      <c r="F40671" s="1" t="s">
        <v>139441</v>
      </c>
      <c r="G40671" s="1" t="s">
        <v>139395</v>
      </c>
      <c r="H40671" s="1" t="s">
        <v>139396</v>
      </c>
      <c r="I40671" s="1" t="s">
        <v>135900</v>
      </c>
      <c r="J40671" s="1" t="s">
        <v>139442</v>
      </c>
    </row>
    <row r="40672" spans="1:10" x14ac:dyDescent="0.35">
      <c r="A40672" s="1" t="s">
        <v>28728</v>
      </c>
      <c r="B40672" s="1" t="s">
        <v>135894</v>
      </c>
      <c r="C40672" s="1" t="s">
        <v>80</v>
      </c>
      <c r="D40672" s="1" t="s">
        <v>86923</v>
      </c>
      <c r="E40672" s="1" t="s">
        <v>139443</v>
      </c>
      <c r="F40672" s="1" t="s">
        <v>139444</v>
      </c>
      <c r="G40672" s="1" t="s">
        <v>139395</v>
      </c>
      <c r="H40672" s="1" t="s">
        <v>139396</v>
      </c>
      <c r="I40672" s="1" t="s">
        <v>135900</v>
      </c>
      <c r="J40672" s="1" t="s">
        <v>139445</v>
      </c>
    </row>
    <row r="40673" spans="1:10" x14ac:dyDescent="0.35">
      <c r="A40673" s="1" t="s">
        <v>28728</v>
      </c>
      <c r="B40673" s="1" t="s">
        <v>135894</v>
      </c>
      <c r="C40673" s="1" t="s">
        <v>85</v>
      </c>
      <c r="D40673" s="1" t="s">
        <v>106303</v>
      </c>
      <c r="E40673" s="1" t="s">
        <v>139446</v>
      </c>
      <c r="F40673" s="1" t="s">
        <v>139447</v>
      </c>
      <c r="G40673" s="1" t="s">
        <v>139395</v>
      </c>
      <c r="H40673" s="1" t="s">
        <v>139396</v>
      </c>
      <c r="I40673" s="1" t="s">
        <v>135900</v>
      </c>
      <c r="J40673" s="1" t="s">
        <v>139448</v>
      </c>
    </row>
    <row r="40674" spans="1:10" x14ac:dyDescent="0.35">
      <c r="A40674" s="1" t="s">
        <v>28728</v>
      </c>
      <c r="B40674" s="1" t="s">
        <v>135894</v>
      </c>
      <c r="C40674" s="1" t="s">
        <v>90</v>
      </c>
      <c r="D40674" s="1" t="s">
        <v>139449</v>
      </c>
      <c r="E40674" s="1" t="s">
        <v>139450</v>
      </c>
      <c r="F40674" s="1" t="s">
        <v>139451</v>
      </c>
      <c r="G40674" s="1" t="s">
        <v>139395</v>
      </c>
      <c r="H40674" s="1" t="s">
        <v>139396</v>
      </c>
      <c r="I40674" s="1" t="s">
        <v>135900</v>
      </c>
      <c r="J40674" s="1" t="s">
        <v>139452</v>
      </c>
    </row>
    <row r="40675" spans="1:10" x14ac:dyDescent="0.35">
      <c r="A40675" s="1" t="s">
        <v>28728</v>
      </c>
      <c r="B40675" s="1" t="s">
        <v>135894</v>
      </c>
      <c r="C40675" s="1" t="s">
        <v>95</v>
      </c>
      <c r="D40675" s="1" t="s">
        <v>115216</v>
      </c>
      <c r="E40675" s="1" t="s">
        <v>139453</v>
      </c>
      <c r="F40675" s="1" t="s">
        <v>139454</v>
      </c>
      <c r="G40675" s="1" t="s">
        <v>139395</v>
      </c>
      <c r="H40675" s="1" t="s">
        <v>139396</v>
      </c>
      <c r="I40675" s="1" t="s">
        <v>135900</v>
      </c>
      <c r="J40675" s="1" t="s">
        <v>139455</v>
      </c>
    </row>
    <row r="40676" spans="1:10" x14ac:dyDescent="0.35">
      <c r="A40676" s="1" t="s">
        <v>28728</v>
      </c>
      <c r="B40676" s="1" t="s">
        <v>135894</v>
      </c>
      <c r="C40676" s="1" t="s">
        <v>100</v>
      </c>
      <c r="D40676" s="1" t="s">
        <v>139456</v>
      </c>
      <c r="E40676" s="1" t="s">
        <v>139457</v>
      </c>
      <c r="F40676" s="1" t="s">
        <v>139458</v>
      </c>
      <c r="G40676" s="1" t="s">
        <v>139395</v>
      </c>
      <c r="H40676" s="1" t="s">
        <v>139396</v>
      </c>
      <c r="I40676" s="1" t="s">
        <v>135900</v>
      </c>
      <c r="J40676" s="1" t="s">
        <v>139459</v>
      </c>
    </row>
    <row r="40677" spans="1:10" x14ac:dyDescent="0.35">
      <c r="A40677" s="1" t="s">
        <v>28728</v>
      </c>
      <c r="B40677" s="1" t="s">
        <v>135894</v>
      </c>
      <c r="C40677" s="1" t="s">
        <v>105</v>
      </c>
      <c r="D40677" s="1" t="s">
        <v>42305</v>
      </c>
      <c r="E40677" s="1" t="s">
        <v>139460</v>
      </c>
      <c r="F40677" s="1" t="s">
        <v>139461</v>
      </c>
      <c r="G40677" s="1" t="s">
        <v>139395</v>
      </c>
      <c r="H40677" s="1" t="s">
        <v>139396</v>
      </c>
      <c r="I40677" s="1" t="s">
        <v>135900</v>
      </c>
      <c r="J40677" s="1" t="s">
        <v>139462</v>
      </c>
    </row>
    <row r="40678" spans="1:10" x14ac:dyDescent="0.35">
      <c r="A40678" s="1" t="s">
        <v>28728</v>
      </c>
      <c r="B40678" s="1" t="s">
        <v>135894</v>
      </c>
      <c r="C40678" s="1" t="s">
        <v>110</v>
      </c>
      <c r="D40678" s="1" t="s">
        <v>42461</v>
      </c>
      <c r="E40678" s="1" t="s">
        <v>139463</v>
      </c>
      <c r="F40678" s="1" t="s">
        <v>11387</v>
      </c>
      <c r="G40678" s="1" t="s">
        <v>139395</v>
      </c>
      <c r="H40678" s="1" t="s">
        <v>139396</v>
      </c>
      <c r="I40678" s="1" t="s">
        <v>135900</v>
      </c>
      <c r="J40678" s="1" t="s">
        <v>139464</v>
      </c>
    </row>
    <row r="40679" spans="1:10" x14ac:dyDescent="0.35">
      <c r="A40679" s="1" t="s">
        <v>28728</v>
      </c>
      <c r="B40679" s="1" t="s">
        <v>135894</v>
      </c>
      <c r="C40679" s="1" t="s">
        <v>115</v>
      </c>
      <c r="D40679" s="1" t="s">
        <v>108986</v>
      </c>
      <c r="E40679" s="1" t="s">
        <v>139465</v>
      </c>
      <c r="F40679" s="1" t="s">
        <v>139466</v>
      </c>
      <c r="G40679" s="1" t="s">
        <v>139395</v>
      </c>
      <c r="H40679" s="1" t="s">
        <v>139396</v>
      </c>
      <c r="I40679" s="1" t="s">
        <v>135900</v>
      </c>
      <c r="J40679" s="1" t="s">
        <v>139467</v>
      </c>
    </row>
    <row r="40680" spans="1:10" x14ac:dyDescent="0.35">
      <c r="A40680" s="1" t="s">
        <v>28728</v>
      </c>
      <c r="B40680" s="1" t="s">
        <v>135894</v>
      </c>
      <c r="C40680" s="1" t="s">
        <v>120</v>
      </c>
      <c r="D40680" s="1" t="s">
        <v>107239</v>
      </c>
      <c r="E40680" s="1" t="s">
        <v>139468</v>
      </c>
      <c r="F40680" s="1" t="s">
        <v>139469</v>
      </c>
      <c r="G40680" s="1" t="s">
        <v>139395</v>
      </c>
      <c r="H40680" s="1" t="s">
        <v>139396</v>
      </c>
      <c r="I40680" s="1" t="s">
        <v>135900</v>
      </c>
      <c r="J40680" s="1" t="s">
        <v>139470</v>
      </c>
    </row>
    <row r="40681" spans="1:10" x14ac:dyDescent="0.35">
      <c r="A40681" s="1" t="s">
        <v>28728</v>
      </c>
      <c r="B40681" s="1" t="s">
        <v>135894</v>
      </c>
      <c r="C40681" s="1" t="s">
        <v>125</v>
      </c>
      <c r="D40681" s="1" t="s">
        <v>108193</v>
      </c>
      <c r="E40681" s="1" t="s">
        <v>139471</v>
      </c>
      <c r="F40681" s="1" t="s">
        <v>139472</v>
      </c>
      <c r="G40681" s="1" t="s">
        <v>139395</v>
      </c>
      <c r="H40681" s="1" t="s">
        <v>139396</v>
      </c>
      <c r="I40681" s="1" t="s">
        <v>135900</v>
      </c>
      <c r="J40681" s="1" t="s">
        <v>139473</v>
      </c>
    </row>
    <row r="40682" spans="1:10" x14ac:dyDescent="0.35">
      <c r="A40682" s="1" t="s">
        <v>28728</v>
      </c>
      <c r="B40682" s="1" t="s">
        <v>135894</v>
      </c>
      <c r="C40682" s="1" t="s">
        <v>130</v>
      </c>
      <c r="D40682" s="1" t="s">
        <v>139474</v>
      </c>
      <c r="E40682" s="1" t="s">
        <v>139475</v>
      </c>
      <c r="F40682" s="1" t="s">
        <v>139476</v>
      </c>
      <c r="G40682" s="1" t="s">
        <v>139395</v>
      </c>
      <c r="H40682" s="1" t="s">
        <v>139396</v>
      </c>
      <c r="I40682" s="1" t="s">
        <v>135900</v>
      </c>
      <c r="J40682" s="1" t="s">
        <v>139477</v>
      </c>
    </row>
    <row r="40683" spans="1:10" x14ac:dyDescent="0.35">
      <c r="A40683" s="1" t="s">
        <v>28728</v>
      </c>
      <c r="B40683" s="1" t="s">
        <v>135894</v>
      </c>
      <c r="C40683" s="1" t="s">
        <v>135</v>
      </c>
      <c r="D40683" s="1" t="s">
        <v>43978</v>
      </c>
      <c r="E40683" s="1" t="s">
        <v>139478</v>
      </c>
      <c r="F40683" s="1" t="s">
        <v>139479</v>
      </c>
      <c r="G40683" s="1" t="s">
        <v>139395</v>
      </c>
      <c r="H40683" s="1" t="s">
        <v>139396</v>
      </c>
      <c r="I40683" s="1" t="s">
        <v>135900</v>
      </c>
      <c r="J40683" s="1" t="s">
        <v>139480</v>
      </c>
    </row>
    <row r="40684" spans="1:10" x14ac:dyDescent="0.35">
      <c r="A40684" s="1" t="s">
        <v>28728</v>
      </c>
      <c r="B40684" s="1" t="s">
        <v>135894</v>
      </c>
      <c r="C40684" s="1" t="s">
        <v>140</v>
      </c>
      <c r="D40684" s="1" t="s">
        <v>139481</v>
      </c>
      <c r="E40684" s="1" t="s">
        <v>139482</v>
      </c>
      <c r="F40684" s="1" t="s">
        <v>139483</v>
      </c>
      <c r="G40684" s="1" t="s">
        <v>139395</v>
      </c>
      <c r="H40684" s="1" t="s">
        <v>139396</v>
      </c>
      <c r="I40684" s="1" t="s">
        <v>135900</v>
      </c>
      <c r="J40684" s="1" t="s">
        <v>139484</v>
      </c>
    </row>
    <row r="40685" spans="1:10" x14ac:dyDescent="0.35">
      <c r="A40685" s="1" t="s">
        <v>28728</v>
      </c>
      <c r="B40685" s="1" t="s">
        <v>135894</v>
      </c>
      <c r="C40685" s="1" t="s">
        <v>145</v>
      </c>
      <c r="D40685" s="1" t="s">
        <v>60180</v>
      </c>
      <c r="E40685" s="1" t="s">
        <v>139485</v>
      </c>
      <c r="F40685" s="1" t="s">
        <v>139486</v>
      </c>
      <c r="G40685" s="1" t="s">
        <v>139395</v>
      </c>
      <c r="H40685" s="1" t="s">
        <v>139396</v>
      </c>
      <c r="I40685" s="1" t="s">
        <v>135900</v>
      </c>
      <c r="J40685" s="1" t="s">
        <v>139487</v>
      </c>
    </row>
    <row r="40686" spans="1:10" x14ac:dyDescent="0.35">
      <c r="A40686" s="1" t="s">
        <v>28728</v>
      </c>
      <c r="B40686" s="1" t="s">
        <v>135894</v>
      </c>
      <c r="C40686" s="1" t="s">
        <v>150</v>
      </c>
      <c r="D40686" s="1" t="s">
        <v>139488</v>
      </c>
      <c r="E40686" s="1" t="s">
        <v>139489</v>
      </c>
      <c r="F40686" s="1" t="s">
        <v>139490</v>
      </c>
      <c r="G40686" s="1" t="s">
        <v>139395</v>
      </c>
      <c r="H40686" s="1" t="s">
        <v>139396</v>
      </c>
      <c r="I40686" s="1" t="s">
        <v>135900</v>
      </c>
      <c r="J40686" s="1" t="s">
        <v>139491</v>
      </c>
    </row>
    <row r="40687" spans="1:10" x14ac:dyDescent="0.35">
      <c r="A40687" s="1" t="s">
        <v>28728</v>
      </c>
      <c r="B40687" s="1" t="s">
        <v>135894</v>
      </c>
      <c r="C40687" s="1" t="s">
        <v>155</v>
      </c>
      <c r="D40687" s="1" t="s">
        <v>139492</v>
      </c>
      <c r="E40687" s="1" t="s">
        <v>139493</v>
      </c>
      <c r="F40687" s="1" t="s">
        <v>139494</v>
      </c>
      <c r="G40687" s="1" t="s">
        <v>139395</v>
      </c>
      <c r="H40687" s="1" t="s">
        <v>139396</v>
      </c>
      <c r="I40687" s="1" t="s">
        <v>135900</v>
      </c>
      <c r="J40687" s="1" t="s">
        <v>139495</v>
      </c>
    </row>
    <row r="40688" spans="1:10" x14ac:dyDescent="0.35">
      <c r="A40688" s="1" t="s">
        <v>28728</v>
      </c>
      <c r="B40688" s="1" t="s">
        <v>135894</v>
      </c>
      <c r="C40688" s="1" t="s">
        <v>160</v>
      </c>
      <c r="D40688" s="1" t="s">
        <v>59751</v>
      </c>
      <c r="E40688" s="1" t="s">
        <v>139496</v>
      </c>
      <c r="F40688" s="1" t="s">
        <v>139497</v>
      </c>
      <c r="G40688" s="1" t="s">
        <v>139395</v>
      </c>
      <c r="H40688" s="1" t="s">
        <v>139396</v>
      </c>
      <c r="I40688" s="1" t="s">
        <v>135900</v>
      </c>
      <c r="J40688" s="1" t="s">
        <v>139498</v>
      </c>
    </row>
    <row r="40689" spans="1:10" x14ac:dyDescent="0.35">
      <c r="A40689" s="1" t="s">
        <v>28728</v>
      </c>
      <c r="B40689" s="1" t="s">
        <v>135894</v>
      </c>
      <c r="C40689" s="1" t="s">
        <v>165</v>
      </c>
      <c r="D40689" s="1" t="s">
        <v>139499</v>
      </c>
      <c r="E40689" s="1" t="s">
        <v>139500</v>
      </c>
      <c r="F40689" s="1" t="s">
        <v>139501</v>
      </c>
      <c r="G40689" s="1" t="s">
        <v>139395</v>
      </c>
      <c r="H40689" s="1" t="s">
        <v>139396</v>
      </c>
      <c r="I40689" s="1" t="s">
        <v>135900</v>
      </c>
      <c r="J40689" s="1" t="s">
        <v>139502</v>
      </c>
    </row>
    <row r="40690" spans="1:10" x14ac:dyDescent="0.35">
      <c r="A40690" s="1" t="s">
        <v>28728</v>
      </c>
      <c r="B40690" s="1" t="s">
        <v>135894</v>
      </c>
      <c r="C40690" s="1" t="s">
        <v>170</v>
      </c>
      <c r="D40690" s="1" t="s">
        <v>53150</v>
      </c>
      <c r="E40690" s="1" t="s">
        <v>139503</v>
      </c>
      <c r="F40690" s="1" t="s">
        <v>139504</v>
      </c>
      <c r="G40690" s="1" t="s">
        <v>139395</v>
      </c>
      <c r="H40690" s="1" t="s">
        <v>139396</v>
      </c>
      <c r="I40690" s="1" t="s">
        <v>135900</v>
      </c>
      <c r="J40690" s="1" t="s">
        <v>139505</v>
      </c>
    </row>
    <row r="40691" spans="1:10" x14ac:dyDescent="0.35">
      <c r="A40691" s="1" t="s">
        <v>44292</v>
      </c>
      <c r="B40691" s="1" t="s">
        <v>135894</v>
      </c>
      <c r="C40691" s="1" t="s">
        <v>8</v>
      </c>
      <c r="D40691" s="1" t="s">
        <v>114988</v>
      </c>
      <c r="E40691" s="1" t="s">
        <v>139506</v>
      </c>
      <c r="F40691" s="1" t="s">
        <v>139507</v>
      </c>
      <c r="G40691" s="1" t="s">
        <v>139508</v>
      </c>
      <c r="H40691" s="1" t="s">
        <v>139509</v>
      </c>
      <c r="I40691" s="1" t="s">
        <v>135900</v>
      </c>
      <c r="J40691" s="1" t="s">
        <v>13</v>
      </c>
    </row>
    <row r="40692" spans="1:10" x14ac:dyDescent="0.35">
      <c r="A40692" s="1" t="s">
        <v>44292</v>
      </c>
      <c r="B40692" s="1" t="s">
        <v>135894</v>
      </c>
      <c r="C40692" s="1" t="s">
        <v>15</v>
      </c>
      <c r="D40692" s="1" t="s">
        <v>139510</v>
      </c>
      <c r="E40692" s="1" t="s">
        <v>94784</v>
      </c>
      <c r="F40692" s="1" t="s">
        <v>139511</v>
      </c>
      <c r="G40692" s="1" t="s">
        <v>139508</v>
      </c>
      <c r="H40692" s="1" t="s">
        <v>139509</v>
      </c>
      <c r="I40692" s="1" t="s">
        <v>135900</v>
      </c>
      <c r="J40692" s="1" t="s">
        <v>139512</v>
      </c>
    </row>
    <row r="40693" spans="1:10" x14ac:dyDescent="0.35">
      <c r="A40693" s="1" t="s">
        <v>44292</v>
      </c>
      <c r="B40693" s="1" t="s">
        <v>135894</v>
      </c>
      <c r="C40693" s="1" t="s">
        <v>20</v>
      </c>
      <c r="D40693" s="1" t="s">
        <v>88669</v>
      </c>
      <c r="E40693" s="1" t="s">
        <v>106162</v>
      </c>
      <c r="F40693" s="1" t="s">
        <v>139513</v>
      </c>
      <c r="G40693" s="1" t="s">
        <v>139508</v>
      </c>
      <c r="H40693" s="1" t="s">
        <v>139509</v>
      </c>
      <c r="I40693" s="1" t="s">
        <v>135900</v>
      </c>
      <c r="J40693" s="1" t="s">
        <v>139514</v>
      </c>
    </row>
    <row r="40694" spans="1:10" x14ac:dyDescent="0.35">
      <c r="A40694" s="1" t="s">
        <v>44292</v>
      </c>
      <c r="B40694" s="1" t="s">
        <v>135894</v>
      </c>
      <c r="C40694" s="1" t="s">
        <v>25</v>
      </c>
      <c r="D40694" s="1" t="s">
        <v>139515</v>
      </c>
      <c r="E40694" s="1" t="s">
        <v>48047</v>
      </c>
      <c r="F40694" s="1" t="s">
        <v>139516</v>
      </c>
      <c r="G40694" s="1" t="s">
        <v>139508</v>
      </c>
      <c r="H40694" s="1" t="s">
        <v>139509</v>
      </c>
      <c r="I40694" s="1" t="s">
        <v>135900</v>
      </c>
      <c r="J40694" s="1" t="s">
        <v>139517</v>
      </c>
    </row>
    <row r="40695" spans="1:10" x14ac:dyDescent="0.35">
      <c r="A40695" s="1" t="s">
        <v>44292</v>
      </c>
      <c r="B40695" s="1" t="s">
        <v>135894</v>
      </c>
      <c r="C40695" s="1" t="s">
        <v>30</v>
      </c>
      <c r="D40695" s="1" t="s">
        <v>66604</v>
      </c>
      <c r="E40695" s="1" t="s">
        <v>81132</v>
      </c>
      <c r="F40695" s="1" t="s">
        <v>109778</v>
      </c>
      <c r="G40695" s="1" t="s">
        <v>139508</v>
      </c>
      <c r="H40695" s="1" t="s">
        <v>139509</v>
      </c>
      <c r="I40695" s="1" t="s">
        <v>135900</v>
      </c>
      <c r="J40695" s="1" t="s">
        <v>139518</v>
      </c>
    </row>
    <row r="40696" spans="1:10" x14ac:dyDescent="0.35">
      <c r="A40696" s="1" t="s">
        <v>44292</v>
      </c>
      <c r="B40696" s="1" t="s">
        <v>135894</v>
      </c>
      <c r="C40696" s="1" t="s">
        <v>35</v>
      </c>
      <c r="D40696" s="1" t="s">
        <v>139519</v>
      </c>
      <c r="E40696" s="1" t="s">
        <v>139520</v>
      </c>
      <c r="F40696" s="1" t="s">
        <v>139521</v>
      </c>
      <c r="G40696" s="1" t="s">
        <v>139508</v>
      </c>
      <c r="H40696" s="1" t="s">
        <v>139509</v>
      </c>
      <c r="I40696" s="1" t="s">
        <v>135900</v>
      </c>
      <c r="J40696" s="1" t="s">
        <v>139522</v>
      </c>
    </row>
    <row r="40697" spans="1:10" x14ac:dyDescent="0.35">
      <c r="A40697" s="1" t="s">
        <v>44292</v>
      </c>
      <c r="B40697" s="1" t="s">
        <v>135894</v>
      </c>
      <c r="C40697" s="1" t="s">
        <v>40</v>
      </c>
      <c r="D40697" s="1" t="s">
        <v>139523</v>
      </c>
      <c r="E40697" s="1" t="s">
        <v>105387</v>
      </c>
      <c r="F40697" s="1" t="s">
        <v>139524</v>
      </c>
      <c r="G40697" s="1" t="s">
        <v>139508</v>
      </c>
      <c r="H40697" s="1" t="s">
        <v>139509</v>
      </c>
      <c r="I40697" s="1" t="s">
        <v>135900</v>
      </c>
      <c r="J40697" s="1" t="s">
        <v>139525</v>
      </c>
    </row>
    <row r="40698" spans="1:10" x14ac:dyDescent="0.35">
      <c r="A40698" s="1" t="s">
        <v>44292</v>
      </c>
      <c r="B40698" s="1" t="s">
        <v>135894</v>
      </c>
      <c r="C40698" s="1" t="s">
        <v>45</v>
      </c>
      <c r="D40698" s="1" t="s">
        <v>139526</v>
      </c>
      <c r="E40698" s="1" t="s">
        <v>139527</v>
      </c>
      <c r="F40698" s="1" t="s">
        <v>139528</v>
      </c>
      <c r="G40698" s="1" t="s">
        <v>139508</v>
      </c>
      <c r="H40698" s="1" t="s">
        <v>139509</v>
      </c>
      <c r="I40698" s="1" t="s">
        <v>135900</v>
      </c>
      <c r="J40698" s="1" t="s">
        <v>139529</v>
      </c>
    </row>
    <row r="40699" spans="1:10" x14ac:dyDescent="0.35">
      <c r="A40699" s="1" t="s">
        <v>44292</v>
      </c>
      <c r="B40699" s="1" t="s">
        <v>135894</v>
      </c>
      <c r="C40699" s="1" t="s">
        <v>50</v>
      </c>
      <c r="D40699" s="1" t="s">
        <v>66640</v>
      </c>
      <c r="E40699" s="1" t="s">
        <v>108899</v>
      </c>
      <c r="F40699" s="1" t="s">
        <v>139530</v>
      </c>
      <c r="G40699" s="1" t="s">
        <v>139508</v>
      </c>
      <c r="H40699" s="1" t="s">
        <v>139509</v>
      </c>
      <c r="I40699" s="1" t="s">
        <v>135900</v>
      </c>
      <c r="J40699" s="1" t="s">
        <v>139531</v>
      </c>
    </row>
    <row r="40700" spans="1:10" x14ac:dyDescent="0.35">
      <c r="A40700" s="1" t="s">
        <v>44292</v>
      </c>
      <c r="B40700" s="1" t="s">
        <v>135894</v>
      </c>
      <c r="C40700" s="1" t="s">
        <v>55</v>
      </c>
      <c r="D40700" s="1" t="s">
        <v>98316</v>
      </c>
      <c r="E40700" s="1" t="s">
        <v>81190</v>
      </c>
      <c r="F40700" s="1" t="s">
        <v>139532</v>
      </c>
      <c r="G40700" s="1" t="s">
        <v>139508</v>
      </c>
      <c r="H40700" s="1" t="s">
        <v>139509</v>
      </c>
      <c r="I40700" s="1" t="s">
        <v>135900</v>
      </c>
      <c r="J40700" s="1" t="s">
        <v>139533</v>
      </c>
    </row>
    <row r="40701" spans="1:10" x14ac:dyDescent="0.35">
      <c r="A40701" s="1" t="s">
        <v>44292</v>
      </c>
      <c r="B40701" s="1" t="s">
        <v>135894</v>
      </c>
      <c r="C40701" s="1" t="s">
        <v>60</v>
      </c>
      <c r="D40701" s="1" t="s">
        <v>139534</v>
      </c>
      <c r="E40701" s="1" t="s">
        <v>108294</v>
      </c>
      <c r="F40701" s="1" t="s">
        <v>70816</v>
      </c>
      <c r="G40701" s="1" t="s">
        <v>139508</v>
      </c>
      <c r="H40701" s="1" t="s">
        <v>139509</v>
      </c>
      <c r="I40701" s="1" t="s">
        <v>135900</v>
      </c>
      <c r="J40701" s="1" t="s">
        <v>139535</v>
      </c>
    </row>
    <row r="40702" spans="1:10" x14ac:dyDescent="0.35">
      <c r="A40702" s="1" t="s">
        <v>44292</v>
      </c>
      <c r="B40702" s="1" t="s">
        <v>135894</v>
      </c>
      <c r="C40702" s="1" t="s">
        <v>65</v>
      </c>
      <c r="D40702" s="1" t="s">
        <v>139536</v>
      </c>
      <c r="E40702" s="1" t="s">
        <v>109473</v>
      </c>
      <c r="F40702" s="1" t="s">
        <v>139537</v>
      </c>
      <c r="G40702" s="1" t="s">
        <v>139508</v>
      </c>
      <c r="H40702" s="1" t="s">
        <v>139509</v>
      </c>
      <c r="I40702" s="1" t="s">
        <v>135900</v>
      </c>
      <c r="J40702" s="1" t="s">
        <v>139538</v>
      </c>
    </row>
    <row r="40703" spans="1:10" x14ac:dyDescent="0.35">
      <c r="A40703" s="1" t="s">
        <v>44292</v>
      </c>
      <c r="B40703" s="1" t="s">
        <v>135894</v>
      </c>
      <c r="C40703" s="1" t="s">
        <v>70</v>
      </c>
      <c r="D40703" s="1" t="s">
        <v>89804</v>
      </c>
      <c r="E40703" s="1" t="s">
        <v>107570</v>
      </c>
      <c r="F40703" s="1" t="s">
        <v>139539</v>
      </c>
      <c r="G40703" s="1" t="s">
        <v>139508</v>
      </c>
      <c r="H40703" s="1" t="s">
        <v>139509</v>
      </c>
      <c r="I40703" s="1" t="s">
        <v>135900</v>
      </c>
      <c r="J40703" s="1" t="s">
        <v>139540</v>
      </c>
    </row>
    <row r="40704" spans="1:10" x14ac:dyDescent="0.35">
      <c r="A40704" s="1" t="s">
        <v>44292</v>
      </c>
      <c r="B40704" s="1" t="s">
        <v>135894</v>
      </c>
      <c r="C40704" s="1" t="s">
        <v>75</v>
      </c>
      <c r="D40704" s="1" t="s">
        <v>96380</v>
      </c>
      <c r="E40704" s="1" t="s">
        <v>106207</v>
      </c>
      <c r="F40704" s="1" t="s">
        <v>139541</v>
      </c>
      <c r="G40704" s="1" t="s">
        <v>139508</v>
      </c>
      <c r="H40704" s="1" t="s">
        <v>139509</v>
      </c>
      <c r="I40704" s="1" t="s">
        <v>135900</v>
      </c>
      <c r="J40704" s="1" t="s">
        <v>139542</v>
      </c>
    </row>
    <row r="40705" spans="1:10" x14ac:dyDescent="0.35">
      <c r="A40705" s="1" t="s">
        <v>44292</v>
      </c>
      <c r="B40705" s="1" t="s">
        <v>135894</v>
      </c>
      <c r="C40705" s="1" t="s">
        <v>80</v>
      </c>
      <c r="D40705" s="1" t="s">
        <v>139543</v>
      </c>
      <c r="E40705" s="1" t="s">
        <v>108875</v>
      </c>
      <c r="F40705" s="1" t="s">
        <v>139544</v>
      </c>
      <c r="G40705" s="1" t="s">
        <v>139508</v>
      </c>
      <c r="H40705" s="1" t="s">
        <v>139509</v>
      </c>
      <c r="I40705" s="1" t="s">
        <v>135900</v>
      </c>
      <c r="J40705" s="1" t="s">
        <v>139545</v>
      </c>
    </row>
    <row r="40706" spans="1:10" x14ac:dyDescent="0.35">
      <c r="A40706" s="1" t="s">
        <v>44292</v>
      </c>
      <c r="B40706" s="1" t="s">
        <v>135894</v>
      </c>
      <c r="C40706" s="1" t="s">
        <v>85</v>
      </c>
      <c r="D40706" s="1" t="s">
        <v>139546</v>
      </c>
      <c r="E40706" s="1" t="s">
        <v>106181</v>
      </c>
      <c r="F40706" s="1" t="s">
        <v>139547</v>
      </c>
      <c r="G40706" s="1" t="s">
        <v>139508</v>
      </c>
      <c r="H40706" s="1" t="s">
        <v>139509</v>
      </c>
      <c r="I40706" s="1" t="s">
        <v>135900</v>
      </c>
      <c r="J40706" s="1" t="s">
        <v>139548</v>
      </c>
    </row>
    <row r="40707" spans="1:10" x14ac:dyDescent="0.35">
      <c r="A40707" s="1" t="s">
        <v>44292</v>
      </c>
      <c r="B40707" s="1" t="s">
        <v>135894</v>
      </c>
      <c r="C40707" s="1" t="s">
        <v>90</v>
      </c>
      <c r="D40707" s="1" t="s">
        <v>54970</v>
      </c>
      <c r="E40707" s="1" t="s">
        <v>139549</v>
      </c>
      <c r="F40707" s="1" t="s">
        <v>139550</v>
      </c>
      <c r="G40707" s="1" t="s">
        <v>139508</v>
      </c>
      <c r="H40707" s="1" t="s">
        <v>139509</v>
      </c>
      <c r="I40707" s="1" t="s">
        <v>135900</v>
      </c>
      <c r="J40707" s="1" t="s">
        <v>139551</v>
      </c>
    </row>
    <row r="40708" spans="1:10" x14ac:dyDescent="0.35">
      <c r="A40708" s="1" t="s">
        <v>44292</v>
      </c>
      <c r="B40708" s="1" t="s">
        <v>135894</v>
      </c>
      <c r="C40708" s="1" t="s">
        <v>95</v>
      </c>
      <c r="D40708" s="1" t="s">
        <v>139552</v>
      </c>
      <c r="E40708" s="1" t="s">
        <v>107260</v>
      </c>
      <c r="F40708" s="1" t="s">
        <v>139553</v>
      </c>
      <c r="G40708" s="1" t="s">
        <v>139508</v>
      </c>
      <c r="H40708" s="1" t="s">
        <v>139509</v>
      </c>
      <c r="I40708" s="1" t="s">
        <v>135900</v>
      </c>
      <c r="J40708" s="1" t="s">
        <v>139554</v>
      </c>
    </row>
    <row r="40709" spans="1:10" x14ac:dyDescent="0.35">
      <c r="A40709" s="1" t="s">
        <v>44292</v>
      </c>
      <c r="B40709" s="1" t="s">
        <v>135894</v>
      </c>
      <c r="C40709" s="1" t="s">
        <v>100</v>
      </c>
      <c r="D40709" s="1" t="s">
        <v>139555</v>
      </c>
      <c r="E40709" s="1" t="s">
        <v>138008</v>
      </c>
      <c r="F40709" s="1" t="s">
        <v>139556</v>
      </c>
      <c r="G40709" s="1" t="s">
        <v>139508</v>
      </c>
      <c r="H40709" s="1" t="s">
        <v>139509</v>
      </c>
      <c r="I40709" s="1" t="s">
        <v>135900</v>
      </c>
      <c r="J40709" s="1" t="s">
        <v>139557</v>
      </c>
    </row>
    <row r="40710" spans="1:10" x14ac:dyDescent="0.35">
      <c r="A40710" s="1" t="s">
        <v>44292</v>
      </c>
      <c r="B40710" s="1" t="s">
        <v>135894</v>
      </c>
      <c r="C40710" s="1" t="s">
        <v>105</v>
      </c>
      <c r="D40710" s="1" t="s">
        <v>139558</v>
      </c>
      <c r="E40710" s="1" t="s">
        <v>106199</v>
      </c>
      <c r="F40710" s="1" t="s">
        <v>139559</v>
      </c>
      <c r="G40710" s="1" t="s">
        <v>139508</v>
      </c>
      <c r="H40710" s="1" t="s">
        <v>139509</v>
      </c>
      <c r="I40710" s="1" t="s">
        <v>135900</v>
      </c>
      <c r="J40710" s="1" t="s">
        <v>139560</v>
      </c>
    </row>
    <row r="40711" spans="1:10" x14ac:dyDescent="0.35">
      <c r="A40711" s="1" t="s">
        <v>44292</v>
      </c>
      <c r="B40711" s="1" t="s">
        <v>135894</v>
      </c>
      <c r="C40711" s="1" t="s">
        <v>110</v>
      </c>
      <c r="D40711" s="1" t="s">
        <v>60587</v>
      </c>
      <c r="E40711" s="1" t="s">
        <v>139561</v>
      </c>
      <c r="F40711" s="1" t="s">
        <v>139562</v>
      </c>
      <c r="G40711" s="1" t="s">
        <v>139508</v>
      </c>
      <c r="H40711" s="1" t="s">
        <v>139509</v>
      </c>
      <c r="I40711" s="1" t="s">
        <v>135900</v>
      </c>
      <c r="J40711" s="1" t="s">
        <v>139563</v>
      </c>
    </row>
    <row r="40712" spans="1:10" x14ac:dyDescent="0.35">
      <c r="A40712" s="1" t="s">
        <v>44292</v>
      </c>
      <c r="B40712" s="1" t="s">
        <v>135894</v>
      </c>
      <c r="C40712" s="1" t="s">
        <v>115</v>
      </c>
      <c r="D40712" s="1" t="s">
        <v>57637</v>
      </c>
      <c r="E40712" s="1" t="s">
        <v>49792</v>
      </c>
      <c r="F40712" s="1" t="s">
        <v>139564</v>
      </c>
      <c r="G40712" s="1" t="s">
        <v>139508</v>
      </c>
      <c r="H40712" s="1" t="s">
        <v>139509</v>
      </c>
      <c r="I40712" s="1" t="s">
        <v>135900</v>
      </c>
      <c r="J40712" s="1" t="s">
        <v>139565</v>
      </c>
    </row>
    <row r="40713" spans="1:10" x14ac:dyDescent="0.35">
      <c r="A40713" s="1" t="s">
        <v>44292</v>
      </c>
      <c r="B40713" s="1" t="s">
        <v>135894</v>
      </c>
      <c r="C40713" s="1" t="s">
        <v>120</v>
      </c>
      <c r="D40713" s="1" t="s">
        <v>45581</v>
      </c>
      <c r="E40713" s="1" t="s">
        <v>139566</v>
      </c>
      <c r="F40713" s="1" t="s">
        <v>139567</v>
      </c>
      <c r="G40713" s="1" t="s">
        <v>139508</v>
      </c>
      <c r="H40713" s="1" t="s">
        <v>139509</v>
      </c>
      <c r="I40713" s="1" t="s">
        <v>135900</v>
      </c>
      <c r="J40713" s="1" t="s">
        <v>139568</v>
      </c>
    </row>
    <row r="40714" spans="1:10" x14ac:dyDescent="0.35">
      <c r="A40714" s="1" t="s">
        <v>44292</v>
      </c>
      <c r="B40714" s="1" t="s">
        <v>135894</v>
      </c>
      <c r="C40714" s="1" t="s">
        <v>125</v>
      </c>
      <c r="D40714" s="1" t="s">
        <v>139569</v>
      </c>
      <c r="E40714" s="1" t="s">
        <v>139570</v>
      </c>
      <c r="F40714" s="1" t="s">
        <v>139571</v>
      </c>
      <c r="G40714" s="1" t="s">
        <v>139508</v>
      </c>
      <c r="H40714" s="1" t="s">
        <v>139509</v>
      </c>
      <c r="I40714" s="1" t="s">
        <v>135900</v>
      </c>
      <c r="J40714" s="1" t="s">
        <v>139572</v>
      </c>
    </row>
    <row r="40715" spans="1:10" x14ac:dyDescent="0.35">
      <c r="A40715" s="1" t="s">
        <v>44292</v>
      </c>
      <c r="B40715" s="1" t="s">
        <v>135894</v>
      </c>
      <c r="C40715" s="1" t="s">
        <v>130</v>
      </c>
      <c r="D40715" s="1" t="s">
        <v>139573</v>
      </c>
      <c r="E40715" s="1" t="s">
        <v>139574</v>
      </c>
      <c r="F40715" s="1" t="s">
        <v>139575</v>
      </c>
      <c r="G40715" s="1" t="s">
        <v>139508</v>
      </c>
      <c r="H40715" s="1" t="s">
        <v>139509</v>
      </c>
      <c r="I40715" s="1" t="s">
        <v>135900</v>
      </c>
      <c r="J40715" s="1" t="s">
        <v>139576</v>
      </c>
    </row>
    <row r="40716" spans="1:10" x14ac:dyDescent="0.35">
      <c r="A40716" s="1" t="s">
        <v>44292</v>
      </c>
      <c r="B40716" s="1" t="s">
        <v>135894</v>
      </c>
      <c r="C40716" s="1" t="s">
        <v>135</v>
      </c>
      <c r="D40716" s="1" t="s">
        <v>60628</v>
      </c>
      <c r="E40716" s="1" t="s">
        <v>139577</v>
      </c>
      <c r="F40716" s="1" t="s">
        <v>139578</v>
      </c>
      <c r="G40716" s="1" t="s">
        <v>139508</v>
      </c>
      <c r="H40716" s="1" t="s">
        <v>139509</v>
      </c>
      <c r="I40716" s="1" t="s">
        <v>135900</v>
      </c>
      <c r="J40716" s="1" t="s">
        <v>139579</v>
      </c>
    </row>
    <row r="40717" spans="1:10" x14ac:dyDescent="0.35">
      <c r="A40717" s="1" t="s">
        <v>44292</v>
      </c>
      <c r="B40717" s="1" t="s">
        <v>135894</v>
      </c>
      <c r="C40717" s="1" t="s">
        <v>140</v>
      </c>
      <c r="D40717" s="1" t="s">
        <v>103920</v>
      </c>
      <c r="E40717" s="1" t="s">
        <v>78820</v>
      </c>
      <c r="F40717" s="1" t="s">
        <v>139580</v>
      </c>
      <c r="G40717" s="1" t="s">
        <v>139508</v>
      </c>
      <c r="H40717" s="1" t="s">
        <v>139509</v>
      </c>
      <c r="I40717" s="1" t="s">
        <v>135900</v>
      </c>
      <c r="J40717" s="1" t="s">
        <v>139581</v>
      </c>
    </row>
    <row r="40718" spans="1:10" x14ac:dyDescent="0.35">
      <c r="A40718" s="1" t="s">
        <v>44292</v>
      </c>
      <c r="B40718" s="1" t="s">
        <v>135894</v>
      </c>
      <c r="C40718" s="1" t="s">
        <v>145</v>
      </c>
      <c r="D40718" s="1" t="s">
        <v>55735</v>
      </c>
      <c r="E40718" s="1" t="s">
        <v>139582</v>
      </c>
      <c r="F40718" s="1" t="s">
        <v>139583</v>
      </c>
      <c r="G40718" s="1" t="s">
        <v>139508</v>
      </c>
      <c r="H40718" s="1" t="s">
        <v>139509</v>
      </c>
      <c r="I40718" s="1" t="s">
        <v>135900</v>
      </c>
      <c r="J40718" s="1" t="s">
        <v>139584</v>
      </c>
    </row>
    <row r="40719" spans="1:10" x14ac:dyDescent="0.35">
      <c r="A40719" s="1" t="s">
        <v>44292</v>
      </c>
      <c r="B40719" s="1" t="s">
        <v>135894</v>
      </c>
      <c r="C40719" s="1" t="s">
        <v>150</v>
      </c>
      <c r="D40719" s="1" t="s">
        <v>69724</v>
      </c>
      <c r="E40719" s="1" t="s">
        <v>49813</v>
      </c>
      <c r="F40719" s="1" t="s">
        <v>139585</v>
      </c>
      <c r="G40719" s="1" t="s">
        <v>139508</v>
      </c>
      <c r="H40719" s="1" t="s">
        <v>139509</v>
      </c>
      <c r="I40719" s="1" t="s">
        <v>135900</v>
      </c>
      <c r="J40719" s="1" t="s">
        <v>139586</v>
      </c>
    </row>
    <row r="40720" spans="1:10" x14ac:dyDescent="0.35">
      <c r="A40720" s="1" t="s">
        <v>44292</v>
      </c>
      <c r="B40720" s="1" t="s">
        <v>135894</v>
      </c>
      <c r="C40720" s="1" t="s">
        <v>155</v>
      </c>
      <c r="D40720" s="1" t="s">
        <v>139587</v>
      </c>
      <c r="E40720" s="1" t="s">
        <v>139588</v>
      </c>
      <c r="F40720" s="1" t="s">
        <v>139589</v>
      </c>
      <c r="G40720" s="1" t="s">
        <v>139508</v>
      </c>
      <c r="H40720" s="1" t="s">
        <v>139509</v>
      </c>
      <c r="I40720" s="1" t="s">
        <v>135900</v>
      </c>
      <c r="J40720" s="1" t="s">
        <v>139590</v>
      </c>
    </row>
    <row r="40721" spans="1:10" x14ac:dyDescent="0.35">
      <c r="A40721" s="1" t="s">
        <v>44292</v>
      </c>
      <c r="B40721" s="1" t="s">
        <v>135894</v>
      </c>
      <c r="C40721" s="1" t="s">
        <v>160</v>
      </c>
      <c r="D40721" s="1" t="s">
        <v>102804</v>
      </c>
      <c r="E40721" s="1" t="s">
        <v>73366</v>
      </c>
      <c r="F40721" s="1" t="s">
        <v>139591</v>
      </c>
      <c r="G40721" s="1" t="s">
        <v>139508</v>
      </c>
      <c r="H40721" s="1" t="s">
        <v>139509</v>
      </c>
      <c r="I40721" s="1" t="s">
        <v>135900</v>
      </c>
      <c r="J40721" s="1" t="s">
        <v>139592</v>
      </c>
    </row>
    <row r="40722" spans="1:10" x14ac:dyDescent="0.35">
      <c r="A40722" s="1" t="s">
        <v>44292</v>
      </c>
      <c r="B40722" s="1" t="s">
        <v>135894</v>
      </c>
      <c r="C40722" s="1" t="s">
        <v>165</v>
      </c>
      <c r="D40722" s="1" t="s">
        <v>95188</v>
      </c>
      <c r="E40722" s="1" t="s">
        <v>15567</v>
      </c>
      <c r="F40722" s="1" t="s">
        <v>139593</v>
      </c>
      <c r="G40722" s="1" t="s">
        <v>139508</v>
      </c>
      <c r="H40722" s="1" t="s">
        <v>139509</v>
      </c>
      <c r="I40722" s="1" t="s">
        <v>135900</v>
      </c>
      <c r="J40722" s="1" t="s">
        <v>139594</v>
      </c>
    </row>
    <row r="40723" spans="1:10" x14ac:dyDescent="0.35">
      <c r="A40723" s="1" t="s">
        <v>44292</v>
      </c>
      <c r="B40723" s="1" t="s">
        <v>135894</v>
      </c>
      <c r="C40723" s="1" t="s">
        <v>170</v>
      </c>
      <c r="D40723" s="1" t="s">
        <v>69097</v>
      </c>
      <c r="E40723" s="1" t="s">
        <v>127877</v>
      </c>
      <c r="F40723" s="1" t="s">
        <v>139595</v>
      </c>
      <c r="G40723" s="1" t="s">
        <v>139508</v>
      </c>
      <c r="H40723" s="1" t="s">
        <v>139509</v>
      </c>
      <c r="I40723" s="1" t="s">
        <v>135900</v>
      </c>
      <c r="J40723" s="1" t="s">
        <v>139596</v>
      </c>
    </row>
    <row r="40724" spans="1:10" x14ac:dyDescent="0.35">
      <c r="A40724" s="1" t="s">
        <v>13899</v>
      </c>
      <c r="B40724" s="1" t="s">
        <v>135894</v>
      </c>
      <c r="C40724" s="1" t="s">
        <v>8</v>
      </c>
      <c r="D40724" s="1" t="s">
        <v>67542</v>
      </c>
      <c r="E40724" s="1" t="s">
        <v>107606</v>
      </c>
      <c r="F40724" s="1" t="s">
        <v>139597</v>
      </c>
      <c r="G40724" s="1" t="s">
        <v>139598</v>
      </c>
      <c r="H40724" s="1" t="s">
        <v>139599</v>
      </c>
      <c r="I40724" s="1" t="s">
        <v>135900</v>
      </c>
      <c r="J40724" s="1" t="s">
        <v>13</v>
      </c>
    </row>
    <row r="40725" spans="1:10" x14ac:dyDescent="0.35">
      <c r="A40725" s="1" t="s">
        <v>13899</v>
      </c>
      <c r="B40725" s="1" t="s">
        <v>135894</v>
      </c>
      <c r="C40725" s="1" t="s">
        <v>15</v>
      </c>
      <c r="D40725" s="1" t="s">
        <v>78459</v>
      </c>
      <c r="E40725" s="1" t="s">
        <v>128749</v>
      </c>
      <c r="F40725" s="1" t="s">
        <v>139600</v>
      </c>
      <c r="G40725" s="1" t="s">
        <v>139598</v>
      </c>
      <c r="H40725" s="1" t="s">
        <v>139599</v>
      </c>
      <c r="I40725" s="1" t="s">
        <v>135900</v>
      </c>
      <c r="J40725" s="1" t="s">
        <v>139601</v>
      </c>
    </row>
    <row r="40726" spans="1:10" x14ac:dyDescent="0.35">
      <c r="A40726" s="1" t="s">
        <v>13899</v>
      </c>
      <c r="B40726" s="1" t="s">
        <v>135894</v>
      </c>
      <c r="C40726" s="1" t="s">
        <v>20</v>
      </c>
      <c r="D40726" s="1" t="s">
        <v>87245</v>
      </c>
      <c r="E40726" s="1" t="s">
        <v>139602</v>
      </c>
      <c r="F40726" s="1" t="s">
        <v>41270</v>
      </c>
      <c r="G40726" s="1" t="s">
        <v>139598</v>
      </c>
      <c r="H40726" s="1" t="s">
        <v>139599</v>
      </c>
      <c r="I40726" s="1" t="s">
        <v>135900</v>
      </c>
      <c r="J40726" s="1" t="s">
        <v>139603</v>
      </c>
    </row>
    <row r="40727" spans="1:10" x14ac:dyDescent="0.35">
      <c r="A40727" s="1" t="s">
        <v>13899</v>
      </c>
      <c r="B40727" s="1" t="s">
        <v>135894</v>
      </c>
      <c r="C40727" s="1" t="s">
        <v>25</v>
      </c>
      <c r="D40727" s="1" t="s">
        <v>139604</v>
      </c>
      <c r="E40727" s="1" t="s">
        <v>139605</v>
      </c>
      <c r="F40727" s="1" t="s">
        <v>139606</v>
      </c>
      <c r="G40727" s="1" t="s">
        <v>139598</v>
      </c>
      <c r="H40727" s="1" t="s">
        <v>139599</v>
      </c>
      <c r="I40727" s="1" t="s">
        <v>135900</v>
      </c>
      <c r="J40727" s="1" t="s">
        <v>139607</v>
      </c>
    </row>
    <row r="40728" spans="1:10" x14ac:dyDescent="0.35">
      <c r="A40728" s="1" t="s">
        <v>13899</v>
      </c>
      <c r="B40728" s="1" t="s">
        <v>135894</v>
      </c>
      <c r="C40728" s="1" t="s">
        <v>30</v>
      </c>
      <c r="D40728" s="1" t="s">
        <v>128142</v>
      </c>
      <c r="E40728" s="1" t="s">
        <v>139608</v>
      </c>
      <c r="F40728" s="1" t="s">
        <v>139609</v>
      </c>
      <c r="G40728" s="1" t="s">
        <v>139598</v>
      </c>
      <c r="H40728" s="1" t="s">
        <v>139599</v>
      </c>
      <c r="I40728" s="1" t="s">
        <v>135900</v>
      </c>
      <c r="J40728" s="1" t="s">
        <v>139610</v>
      </c>
    </row>
    <row r="40729" spans="1:10" x14ac:dyDescent="0.35">
      <c r="A40729" s="1" t="s">
        <v>13899</v>
      </c>
      <c r="B40729" s="1" t="s">
        <v>135894</v>
      </c>
      <c r="C40729" s="1" t="s">
        <v>35</v>
      </c>
      <c r="D40729" s="1" t="s">
        <v>90845</v>
      </c>
      <c r="E40729" s="1" t="s">
        <v>130798</v>
      </c>
      <c r="F40729" s="1" t="s">
        <v>139611</v>
      </c>
      <c r="G40729" s="1" t="s">
        <v>139598</v>
      </c>
      <c r="H40729" s="1" t="s">
        <v>139599</v>
      </c>
      <c r="I40729" s="1" t="s">
        <v>135900</v>
      </c>
      <c r="J40729" s="1" t="s">
        <v>139612</v>
      </c>
    </row>
    <row r="40730" spans="1:10" x14ac:dyDescent="0.35">
      <c r="A40730" s="1" t="s">
        <v>13899</v>
      </c>
      <c r="B40730" s="1" t="s">
        <v>135894</v>
      </c>
      <c r="C40730" s="1" t="s">
        <v>40</v>
      </c>
      <c r="D40730" s="1" t="s">
        <v>23931</v>
      </c>
      <c r="E40730" s="1" t="s">
        <v>70935</v>
      </c>
      <c r="F40730" s="1" t="s">
        <v>15509</v>
      </c>
      <c r="G40730" s="1" t="s">
        <v>139598</v>
      </c>
      <c r="H40730" s="1" t="s">
        <v>139599</v>
      </c>
      <c r="I40730" s="1" t="s">
        <v>135900</v>
      </c>
      <c r="J40730" s="1" t="s">
        <v>139613</v>
      </c>
    </row>
    <row r="40731" spans="1:10" x14ac:dyDescent="0.35">
      <c r="A40731" s="1" t="s">
        <v>13899</v>
      </c>
      <c r="B40731" s="1" t="s">
        <v>135894</v>
      </c>
      <c r="C40731" s="1" t="s">
        <v>45</v>
      </c>
      <c r="D40731" s="1" t="s">
        <v>78869</v>
      </c>
      <c r="E40731" s="1" t="s">
        <v>128002</v>
      </c>
      <c r="F40731" s="1" t="s">
        <v>139614</v>
      </c>
      <c r="G40731" s="1" t="s">
        <v>139598</v>
      </c>
      <c r="H40731" s="1" t="s">
        <v>139599</v>
      </c>
      <c r="I40731" s="1" t="s">
        <v>135900</v>
      </c>
      <c r="J40731" s="1" t="s">
        <v>139615</v>
      </c>
    </row>
    <row r="40732" spans="1:10" x14ac:dyDescent="0.35">
      <c r="A40732" s="1" t="s">
        <v>13899</v>
      </c>
      <c r="B40732" s="1" t="s">
        <v>135894</v>
      </c>
      <c r="C40732" s="1" t="s">
        <v>50</v>
      </c>
      <c r="D40732" s="1" t="s">
        <v>139616</v>
      </c>
      <c r="E40732" s="1" t="s">
        <v>108740</v>
      </c>
      <c r="F40732" s="1" t="s">
        <v>139617</v>
      </c>
      <c r="G40732" s="1" t="s">
        <v>139598</v>
      </c>
      <c r="H40732" s="1" t="s">
        <v>139599</v>
      </c>
      <c r="I40732" s="1" t="s">
        <v>135900</v>
      </c>
      <c r="J40732" s="1" t="s">
        <v>139618</v>
      </c>
    </row>
    <row r="40733" spans="1:10" x14ac:dyDescent="0.35">
      <c r="A40733" s="1" t="s">
        <v>13899</v>
      </c>
      <c r="B40733" s="1" t="s">
        <v>135894</v>
      </c>
      <c r="C40733" s="1" t="s">
        <v>55</v>
      </c>
      <c r="D40733" s="1" t="s">
        <v>139619</v>
      </c>
      <c r="E40733" s="1" t="s">
        <v>139620</v>
      </c>
      <c r="F40733" s="1" t="s">
        <v>139621</v>
      </c>
      <c r="G40733" s="1" t="s">
        <v>139598</v>
      </c>
      <c r="H40733" s="1" t="s">
        <v>139599</v>
      </c>
      <c r="I40733" s="1" t="s">
        <v>135900</v>
      </c>
      <c r="J40733" s="1" t="s">
        <v>139622</v>
      </c>
    </row>
    <row r="40734" spans="1:10" x14ac:dyDescent="0.35">
      <c r="A40734" s="1" t="s">
        <v>13899</v>
      </c>
      <c r="B40734" s="1" t="s">
        <v>135894</v>
      </c>
      <c r="C40734" s="1" t="s">
        <v>60</v>
      </c>
      <c r="D40734" s="1" t="s">
        <v>98029</v>
      </c>
      <c r="E40734" s="1" t="s">
        <v>128002</v>
      </c>
      <c r="F40734" s="1" t="s">
        <v>139623</v>
      </c>
      <c r="G40734" s="1" t="s">
        <v>139598</v>
      </c>
      <c r="H40734" s="1" t="s">
        <v>139599</v>
      </c>
      <c r="I40734" s="1" t="s">
        <v>135900</v>
      </c>
      <c r="J40734" s="1" t="s">
        <v>139624</v>
      </c>
    </row>
    <row r="40735" spans="1:10" x14ac:dyDescent="0.35">
      <c r="A40735" s="1" t="s">
        <v>13899</v>
      </c>
      <c r="B40735" s="1" t="s">
        <v>135894</v>
      </c>
      <c r="C40735" s="1" t="s">
        <v>65</v>
      </c>
      <c r="D40735" s="1" t="s">
        <v>99223</v>
      </c>
      <c r="E40735" s="1" t="s">
        <v>128006</v>
      </c>
      <c r="F40735" s="1" t="s">
        <v>139625</v>
      </c>
      <c r="G40735" s="1" t="s">
        <v>139598</v>
      </c>
      <c r="H40735" s="1" t="s">
        <v>139599</v>
      </c>
      <c r="I40735" s="1" t="s">
        <v>135900</v>
      </c>
      <c r="J40735" s="1" t="s">
        <v>139626</v>
      </c>
    </row>
    <row r="40736" spans="1:10" x14ac:dyDescent="0.35">
      <c r="A40736" s="1" t="s">
        <v>13899</v>
      </c>
      <c r="B40736" s="1" t="s">
        <v>135894</v>
      </c>
      <c r="C40736" s="1" t="s">
        <v>70</v>
      </c>
      <c r="D40736" s="1" t="s">
        <v>139627</v>
      </c>
      <c r="E40736" s="1" t="s">
        <v>16066</v>
      </c>
      <c r="F40736" s="1" t="s">
        <v>139628</v>
      </c>
      <c r="G40736" s="1" t="s">
        <v>139598</v>
      </c>
      <c r="H40736" s="1" t="s">
        <v>139599</v>
      </c>
      <c r="I40736" s="1" t="s">
        <v>135900</v>
      </c>
      <c r="J40736" s="1" t="s">
        <v>139629</v>
      </c>
    </row>
    <row r="40737" spans="1:10" x14ac:dyDescent="0.35">
      <c r="A40737" s="1" t="s">
        <v>13899</v>
      </c>
      <c r="B40737" s="1" t="s">
        <v>135894</v>
      </c>
      <c r="C40737" s="1" t="s">
        <v>75</v>
      </c>
      <c r="D40737" s="1" t="s">
        <v>139630</v>
      </c>
      <c r="E40737" s="1" t="s">
        <v>139631</v>
      </c>
      <c r="F40737" s="1" t="s">
        <v>139632</v>
      </c>
      <c r="G40737" s="1" t="s">
        <v>139598</v>
      </c>
      <c r="H40737" s="1" t="s">
        <v>139599</v>
      </c>
      <c r="I40737" s="1" t="s">
        <v>135900</v>
      </c>
      <c r="J40737" s="1" t="s">
        <v>139633</v>
      </c>
    </row>
    <row r="40738" spans="1:10" x14ac:dyDescent="0.35">
      <c r="A40738" s="1" t="s">
        <v>13899</v>
      </c>
      <c r="B40738" s="1" t="s">
        <v>135894</v>
      </c>
      <c r="C40738" s="1" t="s">
        <v>80</v>
      </c>
      <c r="D40738" s="1" t="s">
        <v>139634</v>
      </c>
      <c r="E40738" s="1" t="s">
        <v>110984</v>
      </c>
      <c r="F40738" s="1" t="s">
        <v>139635</v>
      </c>
      <c r="G40738" s="1" t="s">
        <v>139598</v>
      </c>
      <c r="H40738" s="1" t="s">
        <v>139599</v>
      </c>
      <c r="I40738" s="1" t="s">
        <v>135900</v>
      </c>
      <c r="J40738" s="1" t="s">
        <v>139636</v>
      </c>
    </row>
    <row r="40739" spans="1:10" x14ac:dyDescent="0.35">
      <c r="A40739" s="1" t="s">
        <v>13899</v>
      </c>
      <c r="B40739" s="1" t="s">
        <v>135894</v>
      </c>
      <c r="C40739" s="1" t="s">
        <v>85</v>
      </c>
      <c r="D40739" s="1" t="s">
        <v>53783</v>
      </c>
      <c r="E40739" s="1" t="s">
        <v>139637</v>
      </c>
      <c r="F40739" s="1" t="s">
        <v>139638</v>
      </c>
      <c r="G40739" s="1" t="s">
        <v>139598</v>
      </c>
      <c r="H40739" s="1" t="s">
        <v>139599</v>
      </c>
      <c r="I40739" s="1" t="s">
        <v>135900</v>
      </c>
      <c r="J40739" s="1" t="s">
        <v>139639</v>
      </c>
    </row>
    <row r="40740" spans="1:10" x14ac:dyDescent="0.35">
      <c r="A40740" s="1" t="s">
        <v>13899</v>
      </c>
      <c r="B40740" s="1" t="s">
        <v>135894</v>
      </c>
      <c r="C40740" s="1" t="s">
        <v>90</v>
      </c>
      <c r="D40740" s="1" t="s">
        <v>86875</v>
      </c>
      <c r="E40740" s="1" t="s">
        <v>139640</v>
      </c>
      <c r="F40740" s="1" t="s">
        <v>139641</v>
      </c>
      <c r="G40740" s="1" t="s">
        <v>139598</v>
      </c>
      <c r="H40740" s="1" t="s">
        <v>139599</v>
      </c>
      <c r="I40740" s="1" t="s">
        <v>135900</v>
      </c>
      <c r="J40740" s="1" t="s">
        <v>139642</v>
      </c>
    </row>
    <row r="40741" spans="1:10" x14ac:dyDescent="0.35">
      <c r="A40741" s="1" t="s">
        <v>13899</v>
      </c>
      <c r="B40741" s="1" t="s">
        <v>135894</v>
      </c>
      <c r="C40741" s="1" t="s">
        <v>95</v>
      </c>
      <c r="D40741" s="1" t="s">
        <v>139643</v>
      </c>
      <c r="E40741" s="1" t="s">
        <v>94735</v>
      </c>
      <c r="F40741" s="1" t="s">
        <v>139644</v>
      </c>
      <c r="G40741" s="1" t="s">
        <v>139598</v>
      </c>
      <c r="H40741" s="1" t="s">
        <v>139599</v>
      </c>
      <c r="I40741" s="1" t="s">
        <v>135900</v>
      </c>
      <c r="J40741" s="1" t="s">
        <v>139645</v>
      </c>
    </row>
    <row r="40742" spans="1:10" x14ac:dyDescent="0.35">
      <c r="A40742" s="1" t="s">
        <v>13899</v>
      </c>
      <c r="B40742" s="1" t="s">
        <v>135894</v>
      </c>
      <c r="C40742" s="1" t="s">
        <v>100</v>
      </c>
      <c r="D40742" s="1" t="s">
        <v>139646</v>
      </c>
      <c r="E40742" s="1" t="s">
        <v>16039</v>
      </c>
      <c r="F40742" s="1" t="s">
        <v>139647</v>
      </c>
      <c r="G40742" s="1" t="s">
        <v>139598</v>
      </c>
      <c r="H40742" s="1" t="s">
        <v>139599</v>
      </c>
      <c r="I40742" s="1" t="s">
        <v>135900</v>
      </c>
      <c r="J40742" s="1" t="s">
        <v>139648</v>
      </c>
    </row>
    <row r="40743" spans="1:10" x14ac:dyDescent="0.35">
      <c r="A40743" s="1" t="s">
        <v>13899</v>
      </c>
      <c r="B40743" s="1" t="s">
        <v>135894</v>
      </c>
      <c r="C40743" s="1" t="s">
        <v>105</v>
      </c>
      <c r="D40743" s="1" t="s">
        <v>89908</v>
      </c>
      <c r="E40743" s="1" t="s">
        <v>16039</v>
      </c>
      <c r="F40743" s="1" t="s">
        <v>41335</v>
      </c>
      <c r="G40743" s="1" t="s">
        <v>139598</v>
      </c>
      <c r="H40743" s="1" t="s">
        <v>139599</v>
      </c>
      <c r="I40743" s="1" t="s">
        <v>135900</v>
      </c>
      <c r="J40743" s="1" t="s">
        <v>139649</v>
      </c>
    </row>
    <row r="40744" spans="1:10" x14ac:dyDescent="0.35">
      <c r="A40744" s="1" t="s">
        <v>13899</v>
      </c>
      <c r="B40744" s="1" t="s">
        <v>135894</v>
      </c>
      <c r="C40744" s="1" t="s">
        <v>110</v>
      </c>
      <c r="D40744" s="1" t="s">
        <v>139650</v>
      </c>
      <c r="E40744" s="1" t="s">
        <v>48078</v>
      </c>
      <c r="F40744" s="1" t="s">
        <v>139651</v>
      </c>
      <c r="G40744" s="1" t="s">
        <v>139598</v>
      </c>
      <c r="H40744" s="1" t="s">
        <v>139599</v>
      </c>
      <c r="I40744" s="1" t="s">
        <v>135900</v>
      </c>
      <c r="J40744" s="1" t="s">
        <v>139652</v>
      </c>
    </row>
    <row r="40745" spans="1:10" x14ac:dyDescent="0.35">
      <c r="A40745" s="1" t="s">
        <v>13899</v>
      </c>
      <c r="B40745" s="1" t="s">
        <v>135894</v>
      </c>
      <c r="C40745" s="1" t="s">
        <v>115</v>
      </c>
      <c r="D40745" s="1" t="s">
        <v>20278</v>
      </c>
      <c r="E40745" s="1" t="s">
        <v>105951</v>
      </c>
      <c r="F40745" s="1" t="s">
        <v>139653</v>
      </c>
      <c r="G40745" s="1" t="s">
        <v>139598</v>
      </c>
      <c r="H40745" s="1" t="s">
        <v>139599</v>
      </c>
      <c r="I40745" s="1" t="s">
        <v>135900</v>
      </c>
      <c r="J40745" s="1" t="s">
        <v>139654</v>
      </c>
    </row>
    <row r="40746" spans="1:10" x14ac:dyDescent="0.35">
      <c r="A40746" s="1" t="s">
        <v>13899</v>
      </c>
      <c r="B40746" s="1" t="s">
        <v>135894</v>
      </c>
      <c r="C40746" s="1" t="s">
        <v>120</v>
      </c>
      <c r="D40746" s="1" t="s">
        <v>60186</v>
      </c>
      <c r="E40746" s="1" t="s">
        <v>129582</v>
      </c>
      <c r="F40746" s="1" t="s">
        <v>24298</v>
      </c>
      <c r="G40746" s="1" t="s">
        <v>139598</v>
      </c>
      <c r="H40746" s="1" t="s">
        <v>139599</v>
      </c>
      <c r="I40746" s="1" t="s">
        <v>135900</v>
      </c>
      <c r="J40746" s="1" t="s">
        <v>139655</v>
      </c>
    </row>
    <row r="40747" spans="1:10" x14ac:dyDescent="0.35">
      <c r="A40747" s="1" t="s">
        <v>13899</v>
      </c>
      <c r="B40747" s="1" t="s">
        <v>135894</v>
      </c>
      <c r="C40747" s="1" t="s">
        <v>125</v>
      </c>
      <c r="D40747" s="1" t="s">
        <v>60189</v>
      </c>
      <c r="E40747" s="1" t="s">
        <v>139656</v>
      </c>
      <c r="F40747" s="1" t="s">
        <v>139657</v>
      </c>
      <c r="G40747" s="1" t="s">
        <v>139598</v>
      </c>
      <c r="H40747" s="1" t="s">
        <v>139599</v>
      </c>
      <c r="I40747" s="1" t="s">
        <v>135900</v>
      </c>
      <c r="J40747" s="1" t="s">
        <v>60191</v>
      </c>
    </row>
    <row r="40748" spans="1:10" x14ac:dyDescent="0.35">
      <c r="A40748" s="1" t="s">
        <v>13899</v>
      </c>
      <c r="B40748" s="1" t="s">
        <v>135894</v>
      </c>
      <c r="C40748" s="1" t="s">
        <v>130</v>
      </c>
      <c r="D40748" s="1" t="s">
        <v>5242</v>
      </c>
      <c r="E40748" s="1" t="s">
        <v>139658</v>
      </c>
      <c r="F40748" s="1" t="s">
        <v>139659</v>
      </c>
      <c r="G40748" s="1" t="s">
        <v>139598</v>
      </c>
      <c r="H40748" s="1" t="s">
        <v>139599</v>
      </c>
      <c r="I40748" s="1" t="s">
        <v>135900</v>
      </c>
      <c r="J40748" s="1" t="s">
        <v>139660</v>
      </c>
    </row>
    <row r="40749" spans="1:10" x14ac:dyDescent="0.35">
      <c r="A40749" s="1" t="s">
        <v>13899</v>
      </c>
      <c r="B40749" s="1" t="s">
        <v>135894</v>
      </c>
      <c r="C40749" s="1" t="s">
        <v>135</v>
      </c>
      <c r="D40749" s="1" t="s">
        <v>5262</v>
      </c>
      <c r="E40749" s="1" t="s">
        <v>139661</v>
      </c>
      <c r="F40749" s="1" t="s">
        <v>23042</v>
      </c>
      <c r="G40749" s="1" t="s">
        <v>139598</v>
      </c>
      <c r="H40749" s="1" t="s">
        <v>139599</v>
      </c>
      <c r="I40749" s="1" t="s">
        <v>135900</v>
      </c>
      <c r="J40749" s="1" t="s">
        <v>139662</v>
      </c>
    </row>
    <row r="40750" spans="1:10" x14ac:dyDescent="0.35">
      <c r="A40750" s="1" t="s">
        <v>13899</v>
      </c>
      <c r="B40750" s="1" t="s">
        <v>135894</v>
      </c>
      <c r="C40750" s="1" t="s">
        <v>140</v>
      </c>
      <c r="D40750" s="1" t="s">
        <v>67987</v>
      </c>
      <c r="E40750" s="1" t="s">
        <v>16264</v>
      </c>
      <c r="F40750" s="1" t="s">
        <v>139663</v>
      </c>
      <c r="G40750" s="1" t="s">
        <v>139598</v>
      </c>
      <c r="H40750" s="1" t="s">
        <v>139599</v>
      </c>
      <c r="I40750" s="1" t="s">
        <v>135900</v>
      </c>
      <c r="J40750" s="1" t="s">
        <v>139664</v>
      </c>
    </row>
    <row r="40751" spans="1:10" x14ac:dyDescent="0.35">
      <c r="A40751" s="1" t="s">
        <v>13899</v>
      </c>
      <c r="B40751" s="1" t="s">
        <v>135894</v>
      </c>
      <c r="C40751" s="1" t="s">
        <v>145</v>
      </c>
      <c r="D40751" s="1" t="s">
        <v>139665</v>
      </c>
      <c r="E40751" s="1" t="s">
        <v>94781</v>
      </c>
      <c r="F40751" s="1" t="s">
        <v>139666</v>
      </c>
      <c r="G40751" s="1" t="s">
        <v>139598</v>
      </c>
      <c r="H40751" s="1" t="s">
        <v>139599</v>
      </c>
      <c r="I40751" s="1" t="s">
        <v>135900</v>
      </c>
      <c r="J40751" s="1" t="s">
        <v>139667</v>
      </c>
    </row>
    <row r="40752" spans="1:10" x14ac:dyDescent="0.35">
      <c r="A40752" s="1" t="s">
        <v>13899</v>
      </c>
      <c r="B40752" s="1" t="s">
        <v>135894</v>
      </c>
      <c r="C40752" s="1" t="s">
        <v>150</v>
      </c>
      <c r="D40752" s="1" t="s">
        <v>55493</v>
      </c>
      <c r="E40752" s="1" t="s">
        <v>139668</v>
      </c>
      <c r="F40752" s="1" t="s">
        <v>129410</v>
      </c>
      <c r="G40752" s="1" t="s">
        <v>139598</v>
      </c>
      <c r="H40752" s="1" t="s">
        <v>139599</v>
      </c>
      <c r="I40752" s="1" t="s">
        <v>135900</v>
      </c>
      <c r="J40752" s="1" t="s">
        <v>139669</v>
      </c>
    </row>
    <row r="40753" spans="1:10" x14ac:dyDescent="0.35">
      <c r="A40753" s="1" t="s">
        <v>13899</v>
      </c>
      <c r="B40753" s="1" t="s">
        <v>135894</v>
      </c>
      <c r="C40753" s="1" t="s">
        <v>155</v>
      </c>
      <c r="D40753" s="1" t="s">
        <v>53014</v>
      </c>
      <c r="E40753" s="1" t="s">
        <v>128807</v>
      </c>
      <c r="F40753" s="1" t="s">
        <v>139670</v>
      </c>
      <c r="G40753" s="1" t="s">
        <v>139598</v>
      </c>
      <c r="H40753" s="1" t="s">
        <v>139599</v>
      </c>
      <c r="I40753" s="1" t="s">
        <v>135900</v>
      </c>
      <c r="J40753" s="1" t="s">
        <v>139671</v>
      </c>
    </row>
    <row r="40754" spans="1:10" x14ac:dyDescent="0.35">
      <c r="A40754" s="1" t="s">
        <v>13899</v>
      </c>
      <c r="B40754" s="1" t="s">
        <v>135894</v>
      </c>
      <c r="C40754" s="1" t="s">
        <v>160</v>
      </c>
      <c r="D40754" s="1" t="s">
        <v>139672</v>
      </c>
      <c r="E40754" s="1" t="s">
        <v>139673</v>
      </c>
      <c r="F40754" s="1" t="s">
        <v>139674</v>
      </c>
      <c r="G40754" s="1" t="s">
        <v>139598</v>
      </c>
      <c r="H40754" s="1" t="s">
        <v>139599</v>
      </c>
      <c r="I40754" s="1" t="s">
        <v>135900</v>
      </c>
      <c r="J40754" s="1" t="s">
        <v>139675</v>
      </c>
    </row>
    <row r="40755" spans="1:10" x14ac:dyDescent="0.35">
      <c r="A40755" s="1" t="s">
        <v>13899</v>
      </c>
      <c r="B40755" s="1" t="s">
        <v>135894</v>
      </c>
      <c r="C40755" s="1" t="s">
        <v>165</v>
      </c>
      <c r="D40755" s="1" t="s">
        <v>80066</v>
      </c>
      <c r="E40755" s="1" t="s">
        <v>49788</v>
      </c>
      <c r="F40755" s="1" t="s">
        <v>139676</v>
      </c>
      <c r="G40755" s="1" t="s">
        <v>139598</v>
      </c>
      <c r="H40755" s="1" t="s">
        <v>139599</v>
      </c>
      <c r="I40755" s="1" t="s">
        <v>135900</v>
      </c>
      <c r="J40755" s="1" t="s">
        <v>139677</v>
      </c>
    </row>
    <row r="40756" spans="1:10" x14ac:dyDescent="0.35">
      <c r="A40756" s="1" t="s">
        <v>13899</v>
      </c>
      <c r="B40756" s="1" t="s">
        <v>135894</v>
      </c>
      <c r="C40756" s="1" t="s">
        <v>170</v>
      </c>
      <c r="D40756" s="1" t="s">
        <v>81483</v>
      </c>
      <c r="E40756" s="1" t="s">
        <v>108259</v>
      </c>
      <c r="F40756" s="1" t="s">
        <v>139203</v>
      </c>
      <c r="G40756" s="1" t="s">
        <v>139598</v>
      </c>
      <c r="H40756" s="1" t="s">
        <v>139599</v>
      </c>
      <c r="I40756" s="1" t="s">
        <v>135900</v>
      </c>
      <c r="J40756" s="1" t="s">
        <v>139678</v>
      </c>
    </row>
    <row r="40757" spans="1:10" x14ac:dyDescent="0.35">
      <c r="A40757" s="1" t="s">
        <v>28032</v>
      </c>
      <c r="B40757" s="1" t="s">
        <v>135894</v>
      </c>
      <c r="C40757" s="1" t="s">
        <v>8</v>
      </c>
      <c r="D40757" s="1" t="s">
        <v>128294</v>
      </c>
      <c r="E40757" s="1" t="s">
        <v>16224</v>
      </c>
      <c r="F40757" s="1" t="s">
        <v>139679</v>
      </c>
      <c r="G40757" s="1" t="s">
        <v>139680</v>
      </c>
      <c r="H40757" s="1" t="s">
        <v>139681</v>
      </c>
      <c r="I40757" s="1" t="s">
        <v>135900</v>
      </c>
      <c r="J40757" s="1" t="s">
        <v>13</v>
      </c>
    </row>
    <row r="40758" spans="1:10" x14ac:dyDescent="0.35">
      <c r="A40758" s="1" t="s">
        <v>28032</v>
      </c>
      <c r="B40758" s="1" t="s">
        <v>135894</v>
      </c>
      <c r="C40758" s="1" t="s">
        <v>15</v>
      </c>
      <c r="D40758" s="1" t="s">
        <v>65139</v>
      </c>
      <c r="E40758" s="1" t="s">
        <v>130798</v>
      </c>
      <c r="F40758" s="1" t="s">
        <v>139682</v>
      </c>
      <c r="G40758" s="1" t="s">
        <v>139680</v>
      </c>
      <c r="H40758" s="1" t="s">
        <v>139681</v>
      </c>
      <c r="I40758" s="1" t="s">
        <v>135900</v>
      </c>
      <c r="J40758" s="1" t="s">
        <v>139683</v>
      </c>
    </row>
    <row r="40759" spans="1:10" x14ac:dyDescent="0.35">
      <c r="A40759" s="1" t="s">
        <v>28032</v>
      </c>
      <c r="B40759" s="1" t="s">
        <v>135894</v>
      </c>
      <c r="C40759" s="1" t="s">
        <v>20</v>
      </c>
      <c r="D40759" s="1" t="s">
        <v>139684</v>
      </c>
      <c r="E40759" s="1" t="s">
        <v>90274</v>
      </c>
      <c r="F40759" s="1" t="s">
        <v>139685</v>
      </c>
      <c r="G40759" s="1" t="s">
        <v>139680</v>
      </c>
      <c r="H40759" s="1" t="s">
        <v>139681</v>
      </c>
      <c r="I40759" s="1" t="s">
        <v>135900</v>
      </c>
      <c r="J40759" s="1" t="s">
        <v>139686</v>
      </c>
    </row>
    <row r="40760" spans="1:10" x14ac:dyDescent="0.35">
      <c r="A40760" s="1" t="s">
        <v>28032</v>
      </c>
      <c r="B40760" s="1" t="s">
        <v>135894</v>
      </c>
      <c r="C40760" s="1" t="s">
        <v>25</v>
      </c>
      <c r="D40760" s="1" t="s">
        <v>139687</v>
      </c>
      <c r="E40760" s="1" t="s">
        <v>139688</v>
      </c>
      <c r="F40760" s="1" t="s">
        <v>139689</v>
      </c>
      <c r="G40760" s="1" t="s">
        <v>139680</v>
      </c>
      <c r="H40760" s="1" t="s">
        <v>139681</v>
      </c>
      <c r="I40760" s="1" t="s">
        <v>135900</v>
      </c>
      <c r="J40760" s="1" t="s">
        <v>139690</v>
      </c>
    </row>
    <row r="40761" spans="1:10" x14ac:dyDescent="0.35">
      <c r="A40761" s="1" t="s">
        <v>28032</v>
      </c>
      <c r="B40761" s="1" t="s">
        <v>135894</v>
      </c>
      <c r="C40761" s="1" t="s">
        <v>30</v>
      </c>
      <c r="D40761" s="1" t="s">
        <v>61167</v>
      </c>
      <c r="E40761" s="1" t="s">
        <v>139691</v>
      </c>
      <c r="F40761" s="1" t="s">
        <v>139692</v>
      </c>
      <c r="G40761" s="1" t="s">
        <v>139680</v>
      </c>
      <c r="H40761" s="1" t="s">
        <v>139681</v>
      </c>
      <c r="I40761" s="1" t="s">
        <v>135900</v>
      </c>
      <c r="J40761" s="1" t="s">
        <v>139693</v>
      </c>
    </row>
    <row r="40762" spans="1:10" x14ac:dyDescent="0.35">
      <c r="A40762" s="1" t="s">
        <v>28032</v>
      </c>
      <c r="B40762" s="1" t="s">
        <v>135894</v>
      </c>
      <c r="C40762" s="1" t="s">
        <v>35</v>
      </c>
      <c r="D40762" s="1" t="s">
        <v>80674</v>
      </c>
      <c r="E40762" s="1" t="s">
        <v>139226</v>
      </c>
      <c r="F40762" s="1" t="s">
        <v>139694</v>
      </c>
      <c r="G40762" s="1" t="s">
        <v>139680</v>
      </c>
      <c r="H40762" s="1" t="s">
        <v>139681</v>
      </c>
      <c r="I40762" s="1" t="s">
        <v>135900</v>
      </c>
      <c r="J40762" s="1" t="s">
        <v>139695</v>
      </c>
    </row>
    <row r="40763" spans="1:10" x14ac:dyDescent="0.35">
      <c r="A40763" s="1" t="s">
        <v>28032</v>
      </c>
      <c r="B40763" s="1" t="s">
        <v>135894</v>
      </c>
      <c r="C40763" s="1" t="s">
        <v>40</v>
      </c>
      <c r="D40763" s="1" t="s">
        <v>139696</v>
      </c>
      <c r="E40763" s="1" t="s">
        <v>139697</v>
      </c>
      <c r="F40763" s="1" t="s">
        <v>139698</v>
      </c>
      <c r="G40763" s="1" t="s">
        <v>139680</v>
      </c>
      <c r="H40763" s="1" t="s">
        <v>139681</v>
      </c>
      <c r="I40763" s="1" t="s">
        <v>135900</v>
      </c>
      <c r="J40763" s="1" t="s">
        <v>139699</v>
      </c>
    </row>
    <row r="40764" spans="1:10" x14ac:dyDescent="0.35">
      <c r="A40764" s="1" t="s">
        <v>28032</v>
      </c>
      <c r="B40764" s="1" t="s">
        <v>135894</v>
      </c>
      <c r="C40764" s="1" t="s">
        <v>45</v>
      </c>
      <c r="D40764" s="1" t="s">
        <v>87956</v>
      </c>
      <c r="E40764" s="1" t="s">
        <v>139700</v>
      </c>
      <c r="F40764" s="1" t="s">
        <v>139701</v>
      </c>
      <c r="G40764" s="1" t="s">
        <v>139680</v>
      </c>
      <c r="H40764" s="1" t="s">
        <v>139681</v>
      </c>
      <c r="I40764" s="1" t="s">
        <v>135900</v>
      </c>
      <c r="J40764" s="1" t="s">
        <v>139702</v>
      </c>
    </row>
    <row r="40765" spans="1:10" x14ac:dyDescent="0.35">
      <c r="A40765" s="1" t="s">
        <v>28032</v>
      </c>
      <c r="B40765" s="1" t="s">
        <v>135894</v>
      </c>
      <c r="C40765" s="1" t="s">
        <v>50</v>
      </c>
      <c r="D40765" s="1" t="s">
        <v>139703</v>
      </c>
      <c r="E40765" s="1" t="s">
        <v>15987</v>
      </c>
      <c r="F40765" s="1" t="s">
        <v>139704</v>
      </c>
      <c r="G40765" s="1" t="s">
        <v>139680</v>
      </c>
      <c r="H40765" s="1" t="s">
        <v>139681</v>
      </c>
      <c r="I40765" s="1" t="s">
        <v>135900</v>
      </c>
      <c r="J40765" s="1" t="s">
        <v>139705</v>
      </c>
    </row>
    <row r="40766" spans="1:10" x14ac:dyDescent="0.35">
      <c r="A40766" s="1" t="s">
        <v>28032</v>
      </c>
      <c r="B40766" s="1" t="s">
        <v>135894</v>
      </c>
      <c r="C40766" s="1" t="s">
        <v>55</v>
      </c>
      <c r="D40766" s="1" t="s">
        <v>2794</v>
      </c>
      <c r="E40766" s="1" t="s">
        <v>15450</v>
      </c>
      <c r="F40766" s="1" t="s">
        <v>139706</v>
      </c>
      <c r="G40766" s="1" t="s">
        <v>139680</v>
      </c>
      <c r="H40766" s="1" t="s">
        <v>139681</v>
      </c>
      <c r="I40766" s="1" t="s">
        <v>135900</v>
      </c>
      <c r="J40766" s="1" t="s">
        <v>139707</v>
      </c>
    </row>
    <row r="40767" spans="1:10" x14ac:dyDescent="0.35">
      <c r="A40767" s="1" t="s">
        <v>28032</v>
      </c>
      <c r="B40767" s="1" t="s">
        <v>135894</v>
      </c>
      <c r="C40767" s="1" t="s">
        <v>60</v>
      </c>
      <c r="D40767" s="1" t="s">
        <v>24501</v>
      </c>
      <c r="E40767" s="1" t="s">
        <v>139708</v>
      </c>
      <c r="F40767" s="1" t="s">
        <v>139709</v>
      </c>
      <c r="G40767" s="1" t="s">
        <v>139680</v>
      </c>
      <c r="H40767" s="1" t="s">
        <v>139681</v>
      </c>
      <c r="I40767" s="1" t="s">
        <v>135900</v>
      </c>
      <c r="J40767" s="1" t="s">
        <v>139710</v>
      </c>
    </row>
    <row r="40768" spans="1:10" x14ac:dyDescent="0.35">
      <c r="A40768" s="1" t="s">
        <v>28032</v>
      </c>
      <c r="B40768" s="1" t="s">
        <v>135894</v>
      </c>
      <c r="C40768" s="1" t="s">
        <v>65</v>
      </c>
      <c r="D40768" s="1" t="s">
        <v>139711</v>
      </c>
      <c r="E40768" s="1" t="s">
        <v>128053</v>
      </c>
      <c r="F40768" s="1" t="s">
        <v>139712</v>
      </c>
      <c r="G40768" s="1" t="s">
        <v>139680</v>
      </c>
      <c r="H40768" s="1" t="s">
        <v>139681</v>
      </c>
      <c r="I40768" s="1" t="s">
        <v>135900</v>
      </c>
      <c r="J40768" s="1" t="s">
        <v>139713</v>
      </c>
    </row>
    <row r="40769" spans="1:10" x14ac:dyDescent="0.35">
      <c r="A40769" s="1" t="s">
        <v>28032</v>
      </c>
      <c r="B40769" s="1" t="s">
        <v>135894</v>
      </c>
      <c r="C40769" s="1" t="s">
        <v>70</v>
      </c>
      <c r="D40769" s="1" t="s">
        <v>57365</v>
      </c>
      <c r="E40769" s="1" t="s">
        <v>128513</v>
      </c>
      <c r="F40769" s="1" t="s">
        <v>139714</v>
      </c>
      <c r="G40769" s="1" t="s">
        <v>139680</v>
      </c>
      <c r="H40769" s="1" t="s">
        <v>139681</v>
      </c>
      <c r="I40769" s="1" t="s">
        <v>135900</v>
      </c>
      <c r="J40769" s="1" t="s">
        <v>139715</v>
      </c>
    </row>
    <row r="40770" spans="1:10" x14ac:dyDescent="0.35">
      <c r="A40770" s="1" t="s">
        <v>28032</v>
      </c>
      <c r="B40770" s="1" t="s">
        <v>135894</v>
      </c>
      <c r="C40770" s="1" t="s">
        <v>75</v>
      </c>
      <c r="D40770" s="1" t="s">
        <v>22888</v>
      </c>
      <c r="E40770" s="1" t="s">
        <v>128753</v>
      </c>
      <c r="F40770" s="1" t="s">
        <v>139716</v>
      </c>
      <c r="G40770" s="1" t="s">
        <v>139680</v>
      </c>
      <c r="H40770" s="1" t="s">
        <v>139681</v>
      </c>
      <c r="I40770" s="1" t="s">
        <v>135900</v>
      </c>
      <c r="J40770" s="1" t="s">
        <v>139717</v>
      </c>
    </row>
    <row r="40771" spans="1:10" x14ac:dyDescent="0.35">
      <c r="A40771" s="1" t="s">
        <v>28032</v>
      </c>
      <c r="B40771" s="1" t="s">
        <v>135894</v>
      </c>
      <c r="C40771" s="1" t="s">
        <v>80</v>
      </c>
      <c r="D40771" s="1" t="s">
        <v>139718</v>
      </c>
      <c r="E40771" s="1" t="s">
        <v>139719</v>
      </c>
      <c r="F40771" s="1" t="s">
        <v>139720</v>
      </c>
      <c r="G40771" s="1" t="s">
        <v>139680</v>
      </c>
      <c r="H40771" s="1" t="s">
        <v>139681</v>
      </c>
      <c r="I40771" s="1" t="s">
        <v>135900</v>
      </c>
      <c r="J40771" s="1" t="s">
        <v>139721</v>
      </c>
    </row>
    <row r="40772" spans="1:10" x14ac:dyDescent="0.35">
      <c r="A40772" s="1" t="s">
        <v>28032</v>
      </c>
      <c r="B40772" s="1" t="s">
        <v>135894</v>
      </c>
      <c r="C40772" s="1" t="s">
        <v>85</v>
      </c>
      <c r="D40772" s="1" t="s">
        <v>70377</v>
      </c>
      <c r="E40772" s="1" t="s">
        <v>127964</v>
      </c>
      <c r="F40772" s="1" t="s">
        <v>16051</v>
      </c>
      <c r="G40772" s="1" t="s">
        <v>139680</v>
      </c>
      <c r="H40772" s="1" t="s">
        <v>139681</v>
      </c>
      <c r="I40772" s="1" t="s">
        <v>135900</v>
      </c>
      <c r="J40772" s="1" t="s">
        <v>139722</v>
      </c>
    </row>
    <row r="40773" spans="1:10" x14ac:dyDescent="0.35">
      <c r="A40773" s="1" t="s">
        <v>28032</v>
      </c>
      <c r="B40773" s="1" t="s">
        <v>135894</v>
      </c>
      <c r="C40773" s="1" t="s">
        <v>90</v>
      </c>
      <c r="D40773" s="1" t="s">
        <v>139723</v>
      </c>
      <c r="E40773" s="1" t="s">
        <v>129449</v>
      </c>
      <c r="F40773" s="1" t="s">
        <v>139240</v>
      </c>
      <c r="G40773" s="1" t="s">
        <v>139680</v>
      </c>
      <c r="H40773" s="1" t="s">
        <v>139681</v>
      </c>
      <c r="I40773" s="1" t="s">
        <v>135900</v>
      </c>
      <c r="J40773" s="1" t="s">
        <v>139724</v>
      </c>
    </row>
    <row r="40774" spans="1:10" x14ac:dyDescent="0.35">
      <c r="A40774" s="1" t="s">
        <v>28032</v>
      </c>
      <c r="B40774" s="1" t="s">
        <v>135894</v>
      </c>
      <c r="C40774" s="1" t="s">
        <v>95</v>
      </c>
      <c r="D40774" s="1" t="s">
        <v>57706</v>
      </c>
      <c r="E40774" s="1" t="s">
        <v>139725</v>
      </c>
      <c r="F40774" s="1" t="s">
        <v>139726</v>
      </c>
      <c r="G40774" s="1" t="s">
        <v>139680</v>
      </c>
      <c r="H40774" s="1" t="s">
        <v>139681</v>
      </c>
      <c r="I40774" s="1" t="s">
        <v>135900</v>
      </c>
      <c r="J40774" s="1" t="s">
        <v>139727</v>
      </c>
    </row>
    <row r="40775" spans="1:10" x14ac:dyDescent="0.35">
      <c r="A40775" s="1" t="s">
        <v>28032</v>
      </c>
      <c r="B40775" s="1" t="s">
        <v>135894</v>
      </c>
      <c r="C40775" s="1" t="s">
        <v>100</v>
      </c>
      <c r="D40775" s="1" t="s">
        <v>67012</v>
      </c>
      <c r="E40775" s="1" t="s">
        <v>94753</v>
      </c>
      <c r="F40775" s="1" t="s">
        <v>139728</v>
      </c>
      <c r="G40775" s="1" t="s">
        <v>139680</v>
      </c>
      <c r="H40775" s="1" t="s">
        <v>139681</v>
      </c>
      <c r="I40775" s="1" t="s">
        <v>135900</v>
      </c>
      <c r="J40775" s="1" t="s">
        <v>139729</v>
      </c>
    </row>
    <row r="40776" spans="1:10" x14ac:dyDescent="0.35">
      <c r="A40776" s="1" t="s">
        <v>28032</v>
      </c>
      <c r="B40776" s="1" t="s">
        <v>135894</v>
      </c>
      <c r="C40776" s="1" t="s">
        <v>105</v>
      </c>
      <c r="D40776" s="1" t="s">
        <v>139730</v>
      </c>
      <c r="E40776" s="1" t="s">
        <v>139731</v>
      </c>
      <c r="F40776" s="1" t="s">
        <v>139732</v>
      </c>
      <c r="G40776" s="1" t="s">
        <v>139680</v>
      </c>
      <c r="H40776" s="1" t="s">
        <v>139681</v>
      </c>
      <c r="I40776" s="1" t="s">
        <v>135900</v>
      </c>
      <c r="J40776" s="1" t="s">
        <v>139733</v>
      </c>
    </row>
    <row r="40777" spans="1:10" x14ac:dyDescent="0.35">
      <c r="A40777" s="1" t="s">
        <v>28032</v>
      </c>
      <c r="B40777" s="1" t="s">
        <v>135894</v>
      </c>
      <c r="C40777" s="1" t="s">
        <v>110</v>
      </c>
      <c r="D40777" s="1" t="s">
        <v>139734</v>
      </c>
      <c r="E40777" s="1" t="s">
        <v>128033</v>
      </c>
      <c r="F40777" s="1" t="s">
        <v>139735</v>
      </c>
      <c r="G40777" s="1" t="s">
        <v>139680</v>
      </c>
      <c r="H40777" s="1" t="s">
        <v>139681</v>
      </c>
      <c r="I40777" s="1" t="s">
        <v>135900</v>
      </c>
      <c r="J40777" s="1" t="s">
        <v>139736</v>
      </c>
    </row>
    <row r="40778" spans="1:10" x14ac:dyDescent="0.35">
      <c r="A40778" s="1" t="s">
        <v>28032</v>
      </c>
      <c r="B40778" s="1" t="s">
        <v>135894</v>
      </c>
      <c r="C40778" s="1" t="s">
        <v>115</v>
      </c>
      <c r="D40778" s="1" t="s">
        <v>139737</v>
      </c>
      <c r="E40778" s="1" t="s">
        <v>128306</v>
      </c>
      <c r="F40778" s="1" t="s">
        <v>139738</v>
      </c>
      <c r="G40778" s="1" t="s">
        <v>139680</v>
      </c>
      <c r="H40778" s="1" t="s">
        <v>139681</v>
      </c>
      <c r="I40778" s="1" t="s">
        <v>135900</v>
      </c>
      <c r="J40778" s="1" t="s">
        <v>139739</v>
      </c>
    </row>
    <row r="40779" spans="1:10" x14ac:dyDescent="0.35">
      <c r="A40779" s="1" t="s">
        <v>28032</v>
      </c>
      <c r="B40779" s="1" t="s">
        <v>135894</v>
      </c>
      <c r="C40779" s="1" t="s">
        <v>120</v>
      </c>
      <c r="D40779" s="1" t="s">
        <v>139740</v>
      </c>
      <c r="E40779" s="1" t="s">
        <v>108716</v>
      </c>
      <c r="F40779" s="1" t="s">
        <v>139741</v>
      </c>
      <c r="G40779" s="1" t="s">
        <v>139680</v>
      </c>
      <c r="H40779" s="1" t="s">
        <v>139681</v>
      </c>
      <c r="I40779" s="1" t="s">
        <v>135900</v>
      </c>
      <c r="J40779" s="1" t="s">
        <v>139742</v>
      </c>
    </row>
    <row r="40780" spans="1:10" x14ac:dyDescent="0.35">
      <c r="A40780" s="1" t="s">
        <v>28032</v>
      </c>
      <c r="B40780" s="1" t="s">
        <v>135894</v>
      </c>
      <c r="C40780" s="1" t="s">
        <v>125</v>
      </c>
      <c r="D40780" s="1" t="s">
        <v>139743</v>
      </c>
      <c r="E40780" s="1" t="s">
        <v>109216</v>
      </c>
      <c r="F40780" s="1" t="s">
        <v>139744</v>
      </c>
      <c r="G40780" s="1" t="s">
        <v>139680</v>
      </c>
      <c r="H40780" s="1" t="s">
        <v>139681</v>
      </c>
      <c r="I40780" s="1" t="s">
        <v>135900</v>
      </c>
      <c r="J40780" s="1" t="s">
        <v>139745</v>
      </c>
    </row>
    <row r="40781" spans="1:10" x14ac:dyDescent="0.35">
      <c r="A40781" s="1" t="s">
        <v>28032</v>
      </c>
      <c r="B40781" s="1" t="s">
        <v>135894</v>
      </c>
      <c r="C40781" s="1" t="s">
        <v>130</v>
      </c>
      <c r="D40781" s="1" t="s">
        <v>139746</v>
      </c>
      <c r="E40781" s="1" t="s">
        <v>15984</v>
      </c>
      <c r="F40781" s="1" t="s">
        <v>139747</v>
      </c>
      <c r="G40781" s="1" t="s">
        <v>139680</v>
      </c>
      <c r="H40781" s="1" t="s">
        <v>139681</v>
      </c>
      <c r="I40781" s="1" t="s">
        <v>135900</v>
      </c>
      <c r="J40781" s="1" t="s">
        <v>139748</v>
      </c>
    </row>
    <row r="40782" spans="1:10" x14ac:dyDescent="0.35">
      <c r="A40782" s="1" t="s">
        <v>28032</v>
      </c>
      <c r="B40782" s="1" t="s">
        <v>135894</v>
      </c>
      <c r="C40782" s="1" t="s">
        <v>135</v>
      </c>
      <c r="D40782" s="1" t="s">
        <v>20674</v>
      </c>
      <c r="E40782" s="1" t="s">
        <v>139725</v>
      </c>
      <c r="F40782" s="1" t="s">
        <v>139749</v>
      </c>
      <c r="G40782" s="1" t="s">
        <v>139680</v>
      </c>
      <c r="H40782" s="1" t="s">
        <v>139681</v>
      </c>
      <c r="I40782" s="1" t="s">
        <v>135900</v>
      </c>
      <c r="J40782" s="1" t="s">
        <v>139750</v>
      </c>
    </row>
    <row r="40783" spans="1:10" x14ac:dyDescent="0.35">
      <c r="A40783" s="1" t="s">
        <v>28032</v>
      </c>
      <c r="B40783" s="1" t="s">
        <v>135894</v>
      </c>
      <c r="C40783" s="1" t="s">
        <v>140</v>
      </c>
      <c r="D40783" s="1" t="s">
        <v>88605</v>
      </c>
      <c r="E40783" s="1" t="s">
        <v>108727</v>
      </c>
      <c r="F40783" s="1" t="s">
        <v>139751</v>
      </c>
      <c r="G40783" s="1" t="s">
        <v>139680</v>
      </c>
      <c r="H40783" s="1" t="s">
        <v>139681</v>
      </c>
      <c r="I40783" s="1" t="s">
        <v>135900</v>
      </c>
      <c r="J40783" s="1" t="s">
        <v>139752</v>
      </c>
    </row>
    <row r="40784" spans="1:10" x14ac:dyDescent="0.35">
      <c r="A40784" s="1" t="s">
        <v>28032</v>
      </c>
      <c r="B40784" s="1" t="s">
        <v>135894</v>
      </c>
      <c r="C40784" s="1" t="s">
        <v>145</v>
      </c>
      <c r="D40784" s="1" t="s">
        <v>139753</v>
      </c>
      <c r="E40784" s="1" t="s">
        <v>139754</v>
      </c>
      <c r="F40784" s="1" t="s">
        <v>139755</v>
      </c>
      <c r="G40784" s="1" t="s">
        <v>139680</v>
      </c>
      <c r="H40784" s="1" t="s">
        <v>139681</v>
      </c>
      <c r="I40784" s="1" t="s">
        <v>135900</v>
      </c>
      <c r="J40784" s="1" t="s">
        <v>139756</v>
      </c>
    </row>
    <row r="40785" spans="1:10" x14ac:dyDescent="0.35">
      <c r="A40785" s="1" t="s">
        <v>28032</v>
      </c>
      <c r="B40785" s="1" t="s">
        <v>135894</v>
      </c>
      <c r="C40785" s="1" t="s">
        <v>150</v>
      </c>
      <c r="D40785" s="1" t="s">
        <v>139757</v>
      </c>
      <c r="E40785" s="1" t="s">
        <v>15987</v>
      </c>
      <c r="F40785" s="1" t="s">
        <v>139758</v>
      </c>
      <c r="G40785" s="1" t="s">
        <v>139680</v>
      </c>
      <c r="H40785" s="1" t="s">
        <v>139681</v>
      </c>
      <c r="I40785" s="1" t="s">
        <v>135900</v>
      </c>
      <c r="J40785" s="1" t="s">
        <v>139759</v>
      </c>
    </row>
    <row r="40786" spans="1:10" x14ac:dyDescent="0.35">
      <c r="A40786" s="1" t="s">
        <v>28032</v>
      </c>
      <c r="B40786" s="1" t="s">
        <v>135894</v>
      </c>
      <c r="C40786" s="1" t="s">
        <v>155</v>
      </c>
      <c r="D40786" s="1" t="s">
        <v>139760</v>
      </c>
      <c r="E40786" s="1" t="s">
        <v>139761</v>
      </c>
      <c r="F40786" s="1" t="s">
        <v>139762</v>
      </c>
      <c r="G40786" s="1" t="s">
        <v>139680</v>
      </c>
      <c r="H40786" s="1" t="s">
        <v>139681</v>
      </c>
      <c r="I40786" s="1" t="s">
        <v>135900</v>
      </c>
      <c r="J40786" s="1" t="s">
        <v>139763</v>
      </c>
    </row>
    <row r="40787" spans="1:10" x14ac:dyDescent="0.35">
      <c r="A40787" s="1" t="s">
        <v>28032</v>
      </c>
      <c r="B40787" s="1" t="s">
        <v>135894</v>
      </c>
      <c r="C40787" s="1" t="s">
        <v>160</v>
      </c>
      <c r="D40787" s="1" t="s">
        <v>18687</v>
      </c>
      <c r="E40787" s="1" t="s">
        <v>108713</v>
      </c>
      <c r="F40787" s="1" t="s">
        <v>139764</v>
      </c>
      <c r="G40787" s="1" t="s">
        <v>139680</v>
      </c>
      <c r="H40787" s="1" t="s">
        <v>139681</v>
      </c>
      <c r="I40787" s="1" t="s">
        <v>135900</v>
      </c>
      <c r="J40787" s="1" t="s">
        <v>139765</v>
      </c>
    </row>
    <row r="40788" spans="1:10" x14ac:dyDescent="0.35">
      <c r="A40788" s="1" t="s">
        <v>28032</v>
      </c>
      <c r="B40788" s="1" t="s">
        <v>135894</v>
      </c>
      <c r="C40788" s="1" t="s">
        <v>165</v>
      </c>
      <c r="D40788" s="1" t="s">
        <v>139766</v>
      </c>
      <c r="E40788" s="1" t="s">
        <v>128055</v>
      </c>
      <c r="F40788" s="1" t="s">
        <v>139767</v>
      </c>
      <c r="G40788" s="1" t="s">
        <v>139680</v>
      </c>
      <c r="H40788" s="1" t="s">
        <v>139681</v>
      </c>
      <c r="I40788" s="1" t="s">
        <v>135900</v>
      </c>
      <c r="J40788" s="1" t="s">
        <v>139768</v>
      </c>
    </row>
    <row r="40789" spans="1:10" x14ac:dyDescent="0.35">
      <c r="A40789" s="1" t="s">
        <v>28032</v>
      </c>
      <c r="B40789" s="1" t="s">
        <v>135894</v>
      </c>
      <c r="C40789" s="1" t="s">
        <v>170</v>
      </c>
      <c r="D40789" s="1" t="s">
        <v>139769</v>
      </c>
      <c r="E40789" s="1" t="s">
        <v>111003</v>
      </c>
      <c r="F40789" s="1" t="s">
        <v>139770</v>
      </c>
      <c r="G40789" s="1" t="s">
        <v>139680</v>
      </c>
      <c r="H40789" s="1" t="s">
        <v>139681</v>
      </c>
      <c r="I40789" s="1" t="s">
        <v>135900</v>
      </c>
      <c r="J40789" s="1" t="s">
        <v>139771</v>
      </c>
    </row>
    <row r="40790" spans="1:10" x14ac:dyDescent="0.35">
      <c r="A40790" s="1" t="s">
        <v>28022</v>
      </c>
      <c r="B40790" s="1" t="s">
        <v>135894</v>
      </c>
      <c r="C40790" s="1" t="s">
        <v>8</v>
      </c>
      <c r="D40790" s="1" t="s">
        <v>68558</v>
      </c>
      <c r="E40790" s="1" t="s">
        <v>139772</v>
      </c>
      <c r="F40790" s="1" t="s">
        <v>139773</v>
      </c>
      <c r="G40790" s="1" t="s">
        <v>139774</v>
      </c>
      <c r="H40790" s="1" t="s">
        <v>139775</v>
      </c>
      <c r="I40790" s="1" t="s">
        <v>135900</v>
      </c>
      <c r="J40790" s="1" t="s">
        <v>13</v>
      </c>
    </row>
    <row r="40791" spans="1:10" x14ac:dyDescent="0.35">
      <c r="A40791" s="1" t="s">
        <v>28022</v>
      </c>
      <c r="B40791" s="1" t="s">
        <v>135894</v>
      </c>
      <c r="C40791" s="1" t="s">
        <v>15</v>
      </c>
      <c r="D40791" s="1" t="s">
        <v>14323</v>
      </c>
      <c r="E40791" s="1" t="s">
        <v>139776</v>
      </c>
      <c r="F40791" s="1" t="s">
        <v>139777</v>
      </c>
      <c r="G40791" s="1" t="s">
        <v>139774</v>
      </c>
      <c r="H40791" s="1" t="s">
        <v>139775</v>
      </c>
      <c r="I40791" s="1" t="s">
        <v>135900</v>
      </c>
      <c r="J40791" s="1" t="s">
        <v>139778</v>
      </c>
    </row>
    <row r="40792" spans="1:10" x14ac:dyDescent="0.35">
      <c r="A40792" s="1" t="s">
        <v>28022</v>
      </c>
      <c r="B40792" s="1" t="s">
        <v>135894</v>
      </c>
      <c r="C40792" s="1" t="s">
        <v>20</v>
      </c>
      <c r="D40792" s="1" t="s">
        <v>139779</v>
      </c>
      <c r="E40792" s="1" t="s">
        <v>139780</v>
      </c>
      <c r="F40792" s="1" t="s">
        <v>139781</v>
      </c>
      <c r="G40792" s="1" t="s">
        <v>139774</v>
      </c>
      <c r="H40792" s="1" t="s">
        <v>139775</v>
      </c>
      <c r="I40792" s="1" t="s">
        <v>135900</v>
      </c>
      <c r="J40792" s="1" t="s">
        <v>139782</v>
      </c>
    </row>
    <row r="40793" spans="1:10" x14ac:dyDescent="0.35">
      <c r="A40793" s="1" t="s">
        <v>28022</v>
      </c>
      <c r="B40793" s="1" t="s">
        <v>135894</v>
      </c>
      <c r="C40793" s="1" t="s">
        <v>25</v>
      </c>
      <c r="D40793" s="1" t="s">
        <v>132533</v>
      </c>
      <c r="E40793" s="1" t="s">
        <v>139783</v>
      </c>
      <c r="F40793" s="1" t="s">
        <v>139784</v>
      </c>
      <c r="G40793" s="1" t="s">
        <v>139774</v>
      </c>
      <c r="H40793" s="1" t="s">
        <v>139775</v>
      </c>
      <c r="I40793" s="1" t="s">
        <v>135900</v>
      </c>
      <c r="J40793" s="1" t="s">
        <v>139785</v>
      </c>
    </row>
    <row r="40794" spans="1:10" x14ac:dyDescent="0.35">
      <c r="A40794" s="1" t="s">
        <v>28022</v>
      </c>
      <c r="B40794" s="1" t="s">
        <v>135894</v>
      </c>
      <c r="C40794" s="1" t="s">
        <v>30</v>
      </c>
      <c r="D40794" s="1" t="s">
        <v>133154</v>
      </c>
      <c r="E40794" s="1" t="s">
        <v>139786</v>
      </c>
      <c r="F40794" s="1" t="s">
        <v>139787</v>
      </c>
      <c r="G40794" s="1" t="s">
        <v>139774</v>
      </c>
      <c r="H40794" s="1" t="s">
        <v>139775</v>
      </c>
      <c r="I40794" s="1" t="s">
        <v>135900</v>
      </c>
      <c r="J40794" s="1" t="s">
        <v>139788</v>
      </c>
    </row>
    <row r="40795" spans="1:10" x14ac:dyDescent="0.35">
      <c r="A40795" s="1" t="s">
        <v>28022</v>
      </c>
      <c r="B40795" s="1" t="s">
        <v>135894</v>
      </c>
      <c r="C40795" s="1" t="s">
        <v>35</v>
      </c>
      <c r="D40795" s="1" t="s">
        <v>139789</v>
      </c>
      <c r="E40795" s="1" t="s">
        <v>139790</v>
      </c>
      <c r="F40795" s="1" t="s">
        <v>139791</v>
      </c>
      <c r="G40795" s="1" t="s">
        <v>139774</v>
      </c>
      <c r="H40795" s="1" t="s">
        <v>139775</v>
      </c>
      <c r="I40795" s="1" t="s">
        <v>135900</v>
      </c>
      <c r="J40795" s="1" t="s">
        <v>139792</v>
      </c>
    </row>
    <row r="40796" spans="1:10" x14ac:dyDescent="0.35">
      <c r="A40796" s="1" t="s">
        <v>28022</v>
      </c>
      <c r="B40796" s="1" t="s">
        <v>135894</v>
      </c>
      <c r="C40796" s="1" t="s">
        <v>40</v>
      </c>
      <c r="D40796" s="1" t="s">
        <v>139793</v>
      </c>
      <c r="E40796" s="1" t="s">
        <v>139794</v>
      </c>
      <c r="F40796" s="1" t="s">
        <v>139795</v>
      </c>
      <c r="G40796" s="1" t="s">
        <v>139774</v>
      </c>
      <c r="H40796" s="1" t="s">
        <v>139775</v>
      </c>
      <c r="I40796" s="1" t="s">
        <v>135900</v>
      </c>
      <c r="J40796" s="1" t="s">
        <v>139796</v>
      </c>
    </row>
    <row r="40797" spans="1:10" x14ac:dyDescent="0.35">
      <c r="A40797" s="1" t="s">
        <v>28022</v>
      </c>
      <c r="B40797" s="1" t="s">
        <v>135894</v>
      </c>
      <c r="C40797" s="1" t="s">
        <v>45</v>
      </c>
      <c r="D40797" s="1" t="s">
        <v>139797</v>
      </c>
      <c r="E40797" s="1" t="s">
        <v>139798</v>
      </c>
      <c r="F40797" s="1" t="s">
        <v>139799</v>
      </c>
      <c r="G40797" s="1" t="s">
        <v>139774</v>
      </c>
      <c r="H40797" s="1" t="s">
        <v>139775</v>
      </c>
      <c r="I40797" s="1" t="s">
        <v>135900</v>
      </c>
      <c r="J40797" s="1" t="s">
        <v>139800</v>
      </c>
    </row>
    <row r="40798" spans="1:10" x14ac:dyDescent="0.35">
      <c r="A40798" s="1" t="s">
        <v>28022</v>
      </c>
      <c r="B40798" s="1" t="s">
        <v>135894</v>
      </c>
      <c r="C40798" s="1" t="s">
        <v>50</v>
      </c>
      <c r="D40798" s="1" t="s">
        <v>69406</v>
      </c>
      <c r="E40798" s="1" t="s">
        <v>139801</v>
      </c>
      <c r="F40798" s="1" t="s">
        <v>139802</v>
      </c>
      <c r="G40798" s="1" t="s">
        <v>139774</v>
      </c>
      <c r="H40798" s="1" t="s">
        <v>139775</v>
      </c>
      <c r="I40798" s="1" t="s">
        <v>135900</v>
      </c>
      <c r="J40798" s="1" t="s">
        <v>139803</v>
      </c>
    </row>
    <row r="40799" spans="1:10" x14ac:dyDescent="0.35">
      <c r="A40799" s="1" t="s">
        <v>28022</v>
      </c>
      <c r="B40799" s="1" t="s">
        <v>135894</v>
      </c>
      <c r="C40799" s="1" t="s">
        <v>55</v>
      </c>
      <c r="D40799" s="1" t="s">
        <v>50893</v>
      </c>
      <c r="E40799" s="1" t="s">
        <v>139804</v>
      </c>
      <c r="F40799" s="1" t="s">
        <v>139805</v>
      </c>
      <c r="G40799" s="1" t="s">
        <v>139774</v>
      </c>
      <c r="H40799" s="1" t="s">
        <v>139775</v>
      </c>
      <c r="I40799" s="1" t="s">
        <v>135900</v>
      </c>
      <c r="J40799" s="1" t="s">
        <v>139806</v>
      </c>
    </row>
    <row r="40800" spans="1:10" x14ac:dyDescent="0.35">
      <c r="A40800" s="1" t="s">
        <v>28022</v>
      </c>
      <c r="B40800" s="1" t="s">
        <v>135894</v>
      </c>
      <c r="C40800" s="1" t="s">
        <v>60</v>
      </c>
      <c r="D40800" s="1" t="s">
        <v>68851</v>
      </c>
      <c r="E40800" s="1" t="s">
        <v>139807</v>
      </c>
      <c r="F40800" s="1" t="s">
        <v>139808</v>
      </c>
      <c r="G40800" s="1" t="s">
        <v>139774</v>
      </c>
      <c r="H40800" s="1" t="s">
        <v>139775</v>
      </c>
      <c r="I40800" s="1" t="s">
        <v>135900</v>
      </c>
      <c r="J40800" s="1" t="s">
        <v>139809</v>
      </c>
    </row>
    <row r="40801" spans="1:10" x14ac:dyDescent="0.35">
      <c r="A40801" s="1" t="s">
        <v>28022</v>
      </c>
      <c r="B40801" s="1" t="s">
        <v>135894</v>
      </c>
      <c r="C40801" s="1" t="s">
        <v>65</v>
      </c>
      <c r="D40801" s="1" t="s">
        <v>54278</v>
      </c>
      <c r="E40801" s="1" t="s">
        <v>139810</v>
      </c>
      <c r="F40801" s="1" t="s">
        <v>139811</v>
      </c>
      <c r="G40801" s="1" t="s">
        <v>139774</v>
      </c>
      <c r="H40801" s="1" t="s">
        <v>139775</v>
      </c>
      <c r="I40801" s="1" t="s">
        <v>135900</v>
      </c>
      <c r="J40801" s="1" t="s">
        <v>139812</v>
      </c>
    </row>
    <row r="40802" spans="1:10" x14ac:dyDescent="0.35">
      <c r="A40802" s="1" t="s">
        <v>28022</v>
      </c>
      <c r="B40802" s="1" t="s">
        <v>135894</v>
      </c>
      <c r="C40802" s="1" t="s">
        <v>70</v>
      </c>
      <c r="D40802" s="1" t="s">
        <v>139813</v>
      </c>
      <c r="E40802" s="1" t="s">
        <v>139814</v>
      </c>
      <c r="F40802" s="1" t="s">
        <v>139815</v>
      </c>
      <c r="G40802" s="1" t="s">
        <v>139774</v>
      </c>
      <c r="H40802" s="1" t="s">
        <v>139775</v>
      </c>
      <c r="I40802" s="1" t="s">
        <v>135900</v>
      </c>
      <c r="J40802" s="1" t="s">
        <v>139816</v>
      </c>
    </row>
    <row r="40803" spans="1:10" x14ac:dyDescent="0.35">
      <c r="A40803" s="1" t="s">
        <v>28022</v>
      </c>
      <c r="B40803" s="1" t="s">
        <v>135894</v>
      </c>
      <c r="C40803" s="1" t="s">
        <v>75</v>
      </c>
      <c r="D40803" s="1" t="s">
        <v>139817</v>
      </c>
      <c r="E40803" s="1" t="s">
        <v>139818</v>
      </c>
      <c r="F40803" s="1" t="s">
        <v>139819</v>
      </c>
      <c r="G40803" s="1" t="s">
        <v>139774</v>
      </c>
      <c r="H40803" s="1" t="s">
        <v>139775</v>
      </c>
      <c r="I40803" s="1" t="s">
        <v>135900</v>
      </c>
      <c r="J40803" s="1" t="s">
        <v>139820</v>
      </c>
    </row>
    <row r="40804" spans="1:10" x14ac:dyDescent="0.35">
      <c r="A40804" s="1" t="s">
        <v>28022</v>
      </c>
      <c r="B40804" s="1" t="s">
        <v>135894</v>
      </c>
      <c r="C40804" s="1" t="s">
        <v>80</v>
      </c>
      <c r="D40804" s="1" t="s">
        <v>139821</v>
      </c>
      <c r="E40804" s="1" t="s">
        <v>139822</v>
      </c>
      <c r="F40804" s="1" t="s">
        <v>139823</v>
      </c>
      <c r="G40804" s="1" t="s">
        <v>139774</v>
      </c>
      <c r="H40804" s="1" t="s">
        <v>139775</v>
      </c>
      <c r="I40804" s="1" t="s">
        <v>135900</v>
      </c>
      <c r="J40804" s="1" t="s">
        <v>139824</v>
      </c>
    </row>
    <row r="40805" spans="1:10" x14ac:dyDescent="0.35">
      <c r="A40805" s="1" t="s">
        <v>28022</v>
      </c>
      <c r="B40805" s="1" t="s">
        <v>135894</v>
      </c>
      <c r="C40805" s="1" t="s">
        <v>85</v>
      </c>
      <c r="D40805" s="1" t="s">
        <v>68518</v>
      </c>
      <c r="E40805" s="1" t="s">
        <v>139825</v>
      </c>
      <c r="F40805" s="1" t="s">
        <v>139826</v>
      </c>
      <c r="G40805" s="1" t="s">
        <v>139774</v>
      </c>
      <c r="H40805" s="1" t="s">
        <v>139775</v>
      </c>
      <c r="I40805" s="1" t="s">
        <v>135900</v>
      </c>
      <c r="J40805" s="1" t="s">
        <v>139827</v>
      </c>
    </row>
    <row r="40806" spans="1:10" x14ac:dyDescent="0.35">
      <c r="A40806" s="1" t="s">
        <v>28022</v>
      </c>
      <c r="B40806" s="1" t="s">
        <v>135894</v>
      </c>
      <c r="C40806" s="1" t="s">
        <v>90</v>
      </c>
      <c r="D40806" s="1" t="s">
        <v>68507</v>
      </c>
      <c r="E40806" s="1" t="s">
        <v>139828</v>
      </c>
      <c r="F40806" s="1" t="s">
        <v>139829</v>
      </c>
      <c r="G40806" s="1" t="s">
        <v>139774</v>
      </c>
      <c r="H40806" s="1" t="s">
        <v>139775</v>
      </c>
      <c r="I40806" s="1" t="s">
        <v>135900</v>
      </c>
      <c r="J40806" s="1" t="s">
        <v>139830</v>
      </c>
    </row>
    <row r="40807" spans="1:10" x14ac:dyDescent="0.35">
      <c r="A40807" s="1" t="s">
        <v>28022</v>
      </c>
      <c r="B40807" s="1" t="s">
        <v>135894</v>
      </c>
      <c r="C40807" s="1" t="s">
        <v>95</v>
      </c>
      <c r="D40807" s="1" t="s">
        <v>107082</v>
      </c>
      <c r="E40807" s="1" t="s">
        <v>139831</v>
      </c>
      <c r="F40807" s="1" t="s">
        <v>139832</v>
      </c>
      <c r="G40807" s="1" t="s">
        <v>139774</v>
      </c>
      <c r="H40807" s="1" t="s">
        <v>139775</v>
      </c>
      <c r="I40807" s="1" t="s">
        <v>135900</v>
      </c>
      <c r="J40807" s="1" t="s">
        <v>139833</v>
      </c>
    </row>
    <row r="40808" spans="1:10" x14ac:dyDescent="0.35">
      <c r="A40808" s="1" t="s">
        <v>28022</v>
      </c>
      <c r="B40808" s="1" t="s">
        <v>135894</v>
      </c>
      <c r="C40808" s="1" t="s">
        <v>100</v>
      </c>
      <c r="D40808" s="1" t="s">
        <v>89430</v>
      </c>
      <c r="E40808" s="1" t="s">
        <v>139834</v>
      </c>
      <c r="F40808" s="1" t="s">
        <v>139835</v>
      </c>
      <c r="G40808" s="1" t="s">
        <v>139774</v>
      </c>
      <c r="H40808" s="1" t="s">
        <v>139775</v>
      </c>
      <c r="I40808" s="1" t="s">
        <v>135900</v>
      </c>
      <c r="J40808" s="1" t="s">
        <v>139836</v>
      </c>
    </row>
    <row r="40809" spans="1:10" x14ac:dyDescent="0.35">
      <c r="A40809" s="1" t="s">
        <v>28022</v>
      </c>
      <c r="B40809" s="1" t="s">
        <v>135894</v>
      </c>
      <c r="C40809" s="1" t="s">
        <v>105</v>
      </c>
      <c r="D40809" s="1" t="s">
        <v>139837</v>
      </c>
      <c r="E40809" s="1" t="s">
        <v>139838</v>
      </c>
      <c r="F40809" s="1" t="s">
        <v>139839</v>
      </c>
      <c r="G40809" s="1" t="s">
        <v>139774</v>
      </c>
      <c r="H40809" s="1" t="s">
        <v>139775</v>
      </c>
      <c r="I40809" s="1" t="s">
        <v>135900</v>
      </c>
      <c r="J40809" s="1" t="s">
        <v>139840</v>
      </c>
    </row>
    <row r="40810" spans="1:10" x14ac:dyDescent="0.35">
      <c r="A40810" s="1" t="s">
        <v>28022</v>
      </c>
      <c r="B40810" s="1" t="s">
        <v>135894</v>
      </c>
      <c r="C40810" s="1" t="s">
        <v>110</v>
      </c>
      <c r="D40810" s="1" t="s">
        <v>65622</v>
      </c>
      <c r="E40810" s="1" t="s">
        <v>139841</v>
      </c>
      <c r="F40810" s="1" t="s">
        <v>139842</v>
      </c>
      <c r="G40810" s="1" t="s">
        <v>139774</v>
      </c>
      <c r="H40810" s="1" t="s">
        <v>139775</v>
      </c>
      <c r="I40810" s="1" t="s">
        <v>135900</v>
      </c>
      <c r="J40810" s="1" t="s">
        <v>139843</v>
      </c>
    </row>
    <row r="40811" spans="1:10" x14ac:dyDescent="0.35">
      <c r="A40811" s="1" t="s">
        <v>28022</v>
      </c>
      <c r="B40811" s="1" t="s">
        <v>135894</v>
      </c>
      <c r="C40811" s="1" t="s">
        <v>115</v>
      </c>
      <c r="D40811" s="1" t="s">
        <v>76044</v>
      </c>
      <c r="E40811" s="1" t="s">
        <v>139844</v>
      </c>
      <c r="F40811" s="1" t="s">
        <v>139845</v>
      </c>
      <c r="G40811" s="1" t="s">
        <v>139774</v>
      </c>
      <c r="H40811" s="1" t="s">
        <v>139775</v>
      </c>
      <c r="I40811" s="1" t="s">
        <v>135900</v>
      </c>
      <c r="J40811" s="1" t="s">
        <v>139846</v>
      </c>
    </row>
    <row r="40812" spans="1:10" x14ac:dyDescent="0.35">
      <c r="A40812" s="1" t="s">
        <v>28022</v>
      </c>
      <c r="B40812" s="1" t="s">
        <v>135894</v>
      </c>
      <c r="C40812" s="1" t="s">
        <v>120</v>
      </c>
      <c r="D40812" s="1" t="s">
        <v>139847</v>
      </c>
      <c r="E40812" s="1" t="s">
        <v>139848</v>
      </c>
      <c r="F40812" s="1" t="s">
        <v>139849</v>
      </c>
      <c r="G40812" s="1" t="s">
        <v>139774</v>
      </c>
      <c r="H40812" s="1" t="s">
        <v>139775</v>
      </c>
      <c r="I40812" s="1" t="s">
        <v>135900</v>
      </c>
      <c r="J40812" s="1" t="s">
        <v>139850</v>
      </c>
    </row>
    <row r="40813" spans="1:10" x14ac:dyDescent="0.35">
      <c r="A40813" s="1" t="s">
        <v>28022</v>
      </c>
      <c r="B40813" s="1" t="s">
        <v>135894</v>
      </c>
      <c r="C40813" s="1" t="s">
        <v>125</v>
      </c>
      <c r="D40813" s="1" t="s">
        <v>139851</v>
      </c>
      <c r="E40813" s="1" t="s">
        <v>139852</v>
      </c>
      <c r="F40813" s="1" t="s">
        <v>139853</v>
      </c>
      <c r="G40813" s="1" t="s">
        <v>139774</v>
      </c>
      <c r="H40813" s="1" t="s">
        <v>139775</v>
      </c>
      <c r="I40813" s="1" t="s">
        <v>135900</v>
      </c>
      <c r="J40813" s="1" t="s">
        <v>139854</v>
      </c>
    </row>
    <row r="40814" spans="1:10" x14ac:dyDescent="0.35">
      <c r="A40814" s="1" t="s">
        <v>28022</v>
      </c>
      <c r="B40814" s="1" t="s">
        <v>135894</v>
      </c>
      <c r="C40814" s="1" t="s">
        <v>130</v>
      </c>
      <c r="D40814" s="1" t="s">
        <v>139855</v>
      </c>
      <c r="E40814" s="1" t="s">
        <v>139856</v>
      </c>
      <c r="F40814" s="1" t="s">
        <v>139857</v>
      </c>
      <c r="G40814" s="1" t="s">
        <v>139774</v>
      </c>
      <c r="H40814" s="1" t="s">
        <v>139775</v>
      </c>
      <c r="I40814" s="1" t="s">
        <v>135900</v>
      </c>
      <c r="J40814" s="1" t="s">
        <v>139858</v>
      </c>
    </row>
    <row r="40815" spans="1:10" x14ac:dyDescent="0.35">
      <c r="A40815" s="1" t="s">
        <v>28022</v>
      </c>
      <c r="B40815" s="1" t="s">
        <v>135894</v>
      </c>
      <c r="C40815" s="1" t="s">
        <v>135</v>
      </c>
      <c r="D40815" s="1" t="s">
        <v>26854</v>
      </c>
      <c r="E40815" s="1" t="s">
        <v>139859</v>
      </c>
      <c r="F40815" s="1" t="s">
        <v>139860</v>
      </c>
      <c r="G40815" s="1" t="s">
        <v>139774</v>
      </c>
      <c r="H40815" s="1" t="s">
        <v>139775</v>
      </c>
      <c r="I40815" s="1" t="s">
        <v>135900</v>
      </c>
      <c r="J40815" s="1" t="s">
        <v>139861</v>
      </c>
    </row>
    <row r="40816" spans="1:10" x14ac:dyDescent="0.35">
      <c r="A40816" s="1" t="s">
        <v>28022</v>
      </c>
      <c r="B40816" s="1" t="s">
        <v>135894</v>
      </c>
      <c r="C40816" s="1" t="s">
        <v>140</v>
      </c>
      <c r="D40816" s="1" t="s">
        <v>96101</v>
      </c>
      <c r="E40816" s="1" t="s">
        <v>139862</v>
      </c>
      <c r="F40816" s="1" t="s">
        <v>139863</v>
      </c>
      <c r="G40816" s="1" t="s">
        <v>139774</v>
      </c>
      <c r="H40816" s="1" t="s">
        <v>139775</v>
      </c>
      <c r="I40816" s="1" t="s">
        <v>135900</v>
      </c>
      <c r="J40816" s="1" t="s">
        <v>139864</v>
      </c>
    </row>
    <row r="40817" spans="1:10" x14ac:dyDescent="0.35">
      <c r="A40817" s="1" t="s">
        <v>28022</v>
      </c>
      <c r="B40817" s="1" t="s">
        <v>135894</v>
      </c>
      <c r="C40817" s="1" t="s">
        <v>145</v>
      </c>
      <c r="D40817" s="1" t="s">
        <v>84328</v>
      </c>
      <c r="E40817" s="1" t="s">
        <v>139865</v>
      </c>
      <c r="F40817" s="1" t="s">
        <v>139866</v>
      </c>
      <c r="G40817" s="1" t="s">
        <v>139774</v>
      </c>
      <c r="H40817" s="1" t="s">
        <v>139775</v>
      </c>
      <c r="I40817" s="1" t="s">
        <v>135900</v>
      </c>
      <c r="J40817" s="1" t="s">
        <v>139867</v>
      </c>
    </row>
    <row r="40818" spans="1:10" x14ac:dyDescent="0.35">
      <c r="A40818" s="1" t="s">
        <v>28022</v>
      </c>
      <c r="B40818" s="1" t="s">
        <v>135894</v>
      </c>
      <c r="C40818" s="1" t="s">
        <v>150</v>
      </c>
      <c r="D40818" s="1" t="s">
        <v>139868</v>
      </c>
      <c r="E40818" s="1" t="s">
        <v>139869</v>
      </c>
      <c r="F40818" s="1" t="s">
        <v>139870</v>
      </c>
      <c r="G40818" s="1" t="s">
        <v>139774</v>
      </c>
      <c r="H40818" s="1" t="s">
        <v>139775</v>
      </c>
      <c r="I40818" s="1" t="s">
        <v>135900</v>
      </c>
      <c r="J40818" s="1" t="s">
        <v>139871</v>
      </c>
    </row>
    <row r="40819" spans="1:10" x14ac:dyDescent="0.35">
      <c r="A40819" s="1" t="s">
        <v>28022</v>
      </c>
      <c r="B40819" s="1" t="s">
        <v>135894</v>
      </c>
      <c r="C40819" s="1" t="s">
        <v>155</v>
      </c>
      <c r="D40819" s="1" t="s">
        <v>139872</v>
      </c>
      <c r="E40819" s="1" t="s">
        <v>139873</v>
      </c>
      <c r="F40819" s="1" t="s">
        <v>139874</v>
      </c>
      <c r="G40819" s="1" t="s">
        <v>139774</v>
      </c>
      <c r="H40819" s="1" t="s">
        <v>139775</v>
      </c>
      <c r="I40819" s="1" t="s">
        <v>135900</v>
      </c>
      <c r="J40819" s="1" t="s">
        <v>139875</v>
      </c>
    </row>
    <row r="40820" spans="1:10" x14ac:dyDescent="0.35">
      <c r="A40820" s="1" t="s">
        <v>28022</v>
      </c>
      <c r="B40820" s="1" t="s">
        <v>135894</v>
      </c>
      <c r="C40820" s="1" t="s">
        <v>160</v>
      </c>
      <c r="D40820" s="1" t="s">
        <v>26894</v>
      </c>
      <c r="E40820" s="1" t="s">
        <v>139876</v>
      </c>
      <c r="F40820" s="1" t="s">
        <v>139877</v>
      </c>
      <c r="G40820" s="1" t="s">
        <v>139774</v>
      </c>
      <c r="H40820" s="1" t="s">
        <v>139775</v>
      </c>
      <c r="I40820" s="1" t="s">
        <v>135900</v>
      </c>
      <c r="J40820" s="1" t="s">
        <v>139878</v>
      </c>
    </row>
    <row r="40821" spans="1:10" x14ac:dyDescent="0.35">
      <c r="A40821" s="1" t="s">
        <v>28022</v>
      </c>
      <c r="B40821" s="1" t="s">
        <v>135894</v>
      </c>
      <c r="C40821" s="1" t="s">
        <v>165</v>
      </c>
      <c r="D40821" s="1" t="s">
        <v>94024</v>
      </c>
      <c r="E40821" s="1" t="s">
        <v>139879</v>
      </c>
      <c r="F40821" s="1" t="s">
        <v>139880</v>
      </c>
      <c r="G40821" s="1" t="s">
        <v>139774</v>
      </c>
      <c r="H40821" s="1" t="s">
        <v>139775</v>
      </c>
      <c r="I40821" s="1" t="s">
        <v>135900</v>
      </c>
      <c r="J40821" s="1" t="s">
        <v>139881</v>
      </c>
    </row>
    <row r="40822" spans="1:10" x14ac:dyDescent="0.35">
      <c r="A40822" s="1" t="s">
        <v>28022</v>
      </c>
      <c r="B40822" s="1" t="s">
        <v>135894</v>
      </c>
      <c r="C40822" s="1" t="s">
        <v>170</v>
      </c>
      <c r="D40822" s="1" t="s">
        <v>93302</v>
      </c>
      <c r="E40822" s="1" t="s">
        <v>139882</v>
      </c>
      <c r="F40822" s="1" t="s">
        <v>139883</v>
      </c>
      <c r="G40822" s="1" t="s">
        <v>139774</v>
      </c>
      <c r="H40822" s="1" t="s">
        <v>139775</v>
      </c>
      <c r="I40822" s="1" t="s">
        <v>135900</v>
      </c>
      <c r="J40822" s="1" t="s">
        <v>139884</v>
      </c>
    </row>
    <row r="40823" spans="1:10" x14ac:dyDescent="0.35">
      <c r="A40823" s="1" t="s">
        <v>120012</v>
      </c>
      <c r="B40823" s="1" t="s">
        <v>135894</v>
      </c>
      <c r="C40823" s="1" t="s">
        <v>8</v>
      </c>
      <c r="D40823" s="1" t="s">
        <v>42469</v>
      </c>
      <c r="E40823" s="1" t="s">
        <v>139885</v>
      </c>
      <c r="F40823" s="1" t="s">
        <v>139886</v>
      </c>
      <c r="G40823" s="1" t="s">
        <v>139887</v>
      </c>
      <c r="H40823" s="1" t="s">
        <v>139888</v>
      </c>
      <c r="I40823" s="1" t="s">
        <v>135900</v>
      </c>
      <c r="J40823" s="1" t="s">
        <v>13</v>
      </c>
    </row>
    <row r="40824" spans="1:10" x14ac:dyDescent="0.35">
      <c r="A40824" s="1" t="s">
        <v>120012</v>
      </c>
      <c r="B40824" s="1" t="s">
        <v>135894</v>
      </c>
      <c r="C40824" s="1" t="s">
        <v>15</v>
      </c>
      <c r="D40824" s="1" t="s">
        <v>91111</v>
      </c>
      <c r="E40824" s="1" t="s">
        <v>139889</v>
      </c>
      <c r="F40824" s="1" t="s">
        <v>139890</v>
      </c>
      <c r="G40824" s="1" t="s">
        <v>139887</v>
      </c>
      <c r="H40824" s="1" t="s">
        <v>139888</v>
      </c>
      <c r="I40824" s="1" t="s">
        <v>135900</v>
      </c>
      <c r="J40824" s="1" t="s">
        <v>139891</v>
      </c>
    </row>
    <row r="40825" spans="1:10" x14ac:dyDescent="0.35">
      <c r="A40825" s="1" t="s">
        <v>120012</v>
      </c>
      <c r="B40825" s="1" t="s">
        <v>135894</v>
      </c>
      <c r="C40825" s="1" t="s">
        <v>20</v>
      </c>
      <c r="D40825" s="1" t="s">
        <v>36307</v>
      </c>
      <c r="E40825" s="1" t="s">
        <v>139892</v>
      </c>
      <c r="F40825" s="1" t="s">
        <v>139893</v>
      </c>
      <c r="G40825" s="1" t="s">
        <v>139887</v>
      </c>
      <c r="H40825" s="1" t="s">
        <v>139888</v>
      </c>
      <c r="I40825" s="1" t="s">
        <v>135900</v>
      </c>
      <c r="J40825" s="1" t="s">
        <v>139894</v>
      </c>
    </row>
    <row r="40826" spans="1:10" x14ac:dyDescent="0.35">
      <c r="A40826" s="1" t="s">
        <v>120012</v>
      </c>
      <c r="B40826" s="1" t="s">
        <v>135894</v>
      </c>
      <c r="C40826" s="1" t="s">
        <v>25</v>
      </c>
      <c r="D40826" s="1" t="s">
        <v>80110</v>
      </c>
      <c r="E40826" s="1" t="s">
        <v>139895</v>
      </c>
      <c r="F40826" s="1" t="s">
        <v>139896</v>
      </c>
      <c r="G40826" s="1" t="s">
        <v>139887</v>
      </c>
      <c r="H40826" s="1" t="s">
        <v>139888</v>
      </c>
      <c r="I40826" s="1" t="s">
        <v>135900</v>
      </c>
      <c r="J40826" s="1" t="s">
        <v>139897</v>
      </c>
    </row>
    <row r="40827" spans="1:10" x14ac:dyDescent="0.35">
      <c r="A40827" s="1" t="s">
        <v>120012</v>
      </c>
      <c r="B40827" s="1" t="s">
        <v>135894</v>
      </c>
      <c r="C40827" s="1" t="s">
        <v>30</v>
      </c>
      <c r="D40827" s="1" t="s">
        <v>70576</v>
      </c>
      <c r="E40827" s="1" t="s">
        <v>139898</v>
      </c>
      <c r="F40827" s="1" t="s">
        <v>139899</v>
      </c>
      <c r="G40827" s="1" t="s">
        <v>139887</v>
      </c>
      <c r="H40827" s="1" t="s">
        <v>139888</v>
      </c>
      <c r="I40827" s="1" t="s">
        <v>135900</v>
      </c>
      <c r="J40827" s="1" t="s">
        <v>139900</v>
      </c>
    </row>
    <row r="40828" spans="1:10" x14ac:dyDescent="0.35">
      <c r="A40828" s="1" t="s">
        <v>120012</v>
      </c>
      <c r="B40828" s="1" t="s">
        <v>135894</v>
      </c>
      <c r="C40828" s="1" t="s">
        <v>35</v>
      </c>
      <c r="D40828" s="1" t="s">
        <v>21390</v>
      </c>
      <c r="E40828" s="1" t="s">
        <v>139901</v>
      </c>
      <c r="F40828" s="1" t="s">
        <v>139902</v>
      </c>
      <c r="G40828" s="1" t="s">
        <v>139887</v>
      </c>
      <c r="H40828" s="1" t="s">
        <v>139888</v>
      </c>
      <c r="I40828" s="1" t="s">
        <v>135900</v>
      </c>
      <c r="J40828" s="1" t="s">
        <v>139903</v>
      </c>
    </row>
    <row r="40829" spans="1:10" x14ac:dyDescent="0.35">
      <c r="A40829" s="1" t="s">
        <v>120012</v>
      </c>
      <c r="B40829" s="1" t="s">
        <v>135894</v>
      </c>
      <c r="C40829" s="1" t="s">
        <v>40</v>
      </c>
      <c r="D40829" s="1" t="s">
        <v>36330</v>
      </c>
      <c r="E40829" s="1" t="s">
        <v>139904</v>
      </c>
      <c r="F40829" s="1" t="s">
        <v>139905</v>
      </c>
      <c r="G40829" s="1" t="s">
        <v>139887</v>
      </c>
      <c r="H40829" s="1" t="s">
        <v>139888</v>
      </c>
      <c r="I40829" s="1" t="s">
        <v>135900</v>
      </c>
      <c r="J40829" s="1" t="s">
        <v>139906</v>
      </c>
    </row>
    <row r="40830" spans="1:10" x14ac:dyDescent="0.35">
      <c r="A40830" s="1" t="s">
        <v>120012</v>
      </c>
      <c r="B40830" s="1" t="s">
        <v>135894</v>
      </c>
      <c r="C40830" s="1" t="s">
        <v>45</v>
      </c>
      <c r="D40830" s="1" t="s">
        <v>80206</v>
      </c>
      <c r="E40830" s="1" t="s">
        <v>139907</v>
      </c>
      <c r="F40830" s="1" t="s">
        <v>139908</v>
      </c>
      <c r="G40830" s="1" t="s">
        <v>139887</v>
      </c>
      <c r="H40830" s="1" t="s">
        <v>139888</v>
      </c>
      <c r="I40830" s="1" t="s">
        <v>135900</v>
      </c>
      <c r="J40830" s="1" t="s">
        <v>139909</v>
      </c>
    </row>
    <row r="40831" spans="1:10" x14ac:dyDescent="0.35">
      <c r="A40831" s="1" t="s">
        <v>120012</v>
      </c>
      <c r="B40831" s="1" t="s">
        <v>135894</v>
      </c>
      <c r="C40831" s="1" t="s">
        <v>50</v>
      </c>
      <c r="D40831" s="1" t="s">
        <v>69223</v>
      </c>
      <c r="E40831" s="1" t="s">
        <v>139910</v>
      </c>
      <c r="F40831" s="1" t="s">
        <v>139911</v>
      </c>
      <c r="G40831" s="1" t="s">
        <v>139887</v>
      </c>
      <c r="H40831" s="1" t="s">
        <v>139888</v>
      </c>
      <c r="I40831" s="1" t="s">
        <v>135900</v>
      </c>
      <c r="J40831" s="1" t="s">
        <v>139912</v>
      </c>
    </row>
    <row r="40832" spans="1:10" x14ac:dyDescent="0.35">
      <c r="A40832" s="1" t="s">
        <v>120012</v>
      </c>
      <c r="B40832" s="1" t="s">
        <v>135894</v>
      </c>
      <c r="C40832" s="1" t="s">
        <v>55</v>
      </c>
      <c r="D40832" s="1" t="s">
        <v>139913</v>
      </c>
      <c r="E40832" s="1" t="s">
        <v>139914</v>
      </c>
      <c r="F40832" s="1" t="s">
        <v>139915</v>
      </c>
      <c r="G40832" s="1" t="s">
        <v>139887</v>
      </c>
      <c r="H40832" s="1" t="s">
        <v>139888</v>
      </c>
      <c r="I40832" s="1" t="s">
        <v>135900</v>
      </c>
      <c r="J40832" s="1" t="s">
        <v>139916</v>
      </c>
    </row>
    <row r="40833" spans="1:10" x14ac:dyDescent="0.35">
      <c r="A40833" s="1" t="s">
        <v>120012</v>
      </c>
      <c r="B40833" s="1" t="s">
        <v>135894</v>
      </c>
      <c r="C40833" s="1" t="s">
        <v>60</v>
      </c>
      <c r="D40833" s="1" t="s">
        <v>139917</v>
      </c>
      <c r="E40833" s="1" t="s">
        <v>139918</v>
      </c>
      <c r="F40833" s="1" t="s">
        <v>139919</v>
      </c>
      <c r="G40833" s="1" t="s">
        <v>139887</v>
      </c>
      <c r="H40833" s="1" t="s">
        <v>139888</v>
      </c>
      <c r="I40833" s="1" t="s">
        <v>135900</v>
      </c>
      <c r="J40833" s="1" t="s">
        <v>139920</v>
      </c>
    </row>
    <row r="40834" spans="1:10" x14ac:dyDescent="0.35">
      <c r="A40834" s="1" t="s">
        <v>120012</v>
      </c>
      <c r="B40834" s="1" t="s">
        <v>135894</v>
      </c>
      <c r="C40834" s="1" t="s">
        <v>65</v>
      </c>
      <c r="D40834" s="1" t="s">
        <v>39818</v>
      </c>
      <c r="E40834" s="1" t="s">
        <v>139921</v>
      </c>
      <c r="F40834" s="1" t="s">
        <v>139922</v>
      </c>
      <c r="G40834" s="1" t="s">
        <v>139887</v>
      </c>
      <c r="H40834" s="1" t="s">
        <v>139888</v>
      </c>
      <c r="I40834" s="1" t="s">
        <v>135900</v>
      </c>
      <c r="J40834" s="1" t="s">
        <v>139923</v>
      </c>
    </row>
    <row r="40835" spans="1:10" x14ac:dyDescent="0.35">
      <c r="A40835" s="1" t="s">
        <v>120012</v>
      </c>
      <c r="B40835" s="1" t="s">
        <v>135894</v>
      </c>
      <c r="C40835" s="1" t="s">
        <v>70</v>
      </c>
      <c r="D40835" s="1" t="s">
        <v>60363</v>
      </c>
      <c r="E40835" s="1" t="s">
        <v>139924</v>
      </c>
      <c r="F40835" s="1" t="s">
        <v>139925</v>
      </c>
      <c r="G40835" s="1" t="s">
        <v>139887</v>
      </c>
      <c r="H40835" s="1" t="s">
        <v>139888</v>
      </c>
      <c r="I40835" s="1" t="s">
        <v>135900</v>
      </c>
      <c r="J40835" s="1" t="s">
        <v>139926</v>
      </c>
    </row>
    <row r="40836" spans="1:10" x14ac:dyDescent="0.35">
      <c r="A40836" s="1" t="s">
        <v>120012</v>
      </c>
      <c r="B40836" s="1" t="s">
        <v>135894</v>
      </c>
      <c r="C40836" s="1" t="s">
        <v>75</v>
      </c>
      <c r="D40836" s="1" t="s">
        <v>21659</v>
      </c>
      <c r="E40836" s="1" t="s">
        <v>139927</v>
      </c>
      <c r="F40836" s="1" t="s">
        <v>139928</v>
      </c>
      <c r="G40836" s="1" t="s">
        <v>139887</v>
      </c>
      <c r="H40836" s="1" t="s">
        <v>139888</v>
      </c>
      <c r="I40836" s="1" t="s">
        <v>135900</v>
      </c>
      <c r="J40836" s="1" t="s">
        <v>139929</v>
      </c>
    </row>
    <row r="40837" spans="1:10" x14ac:dyDescent="0.35">
      <c r="A40837" s="1" t="s">
        <v>120012</v>
      </c>
      <c r="B40837" s="1" t="s">
        <v>135894</v>
      </c>
      <c r="C40837" s="1" t="s">
        <v>80</v>
      </c>
      <c r="D40837" s="1" t="s">
        <v>137011</v>
      </c>
      <c r="E40837" s="1" t="s">
        <v>139930</v>
      </c>
      <c r="F40837" s="1" t="s">
        <v>139931</v>
      </c>
      <c r="G40837" s="1" t="s">
        <v>139887</v>
      </c>
      <c r="H40837" s="1" t="s">
        <v>139888</v>
      </c>
      <c r="I40837" s="1" t="s">
        <v>135900</v>
      </c>
      <c r="J40837" s="1" t="s">
        <v>139932</v>
      </c>
    </row>
    <row r="40838" spans="1:10" x14ac:dyDescent="0.35">
      <c r="A40838" s="1" t="s">
        <v>120012</v>
      </c>
      <c r="B40838" s="1" t="s">
        <v>135894</v>
      </c>
      <c r="C40838" s="1" t="s">
        <v>85</v>
      </c>
      <c r="D40838" s="1" t="s">
        <v>20145</v>
      </c>
      <c r="E40838" s="1" t="s">
        <v>139933</v>
      </c>
      <c r="F40838" s="1" t="s">
        <v>139934</v>
      </c>
      <c r="G40838" s="1" t="s">
        <v>139887</v>
      </c>
      <c r="H40838" s="1" t="s">
        <v>139888</v>
      </c>
      <c r="I40838" s="1" t="s">
        <v>135900</v>
      </c>
      <c r="J40838" s="1" t="s">
        <v>139935</v>
      </c>
    </row>
    <row r="40839" spans="1:10" x14ac:dyDescent="0.35">
      <c r="A40839" s="1" t="s">
        <v>120012</v>
      </c>
      <c r="B40839" s="1" t="s">
        <v>135894</v>
      </c>
      <c r="C40839" s="1" t="s">
        <v>90</v>
      </c>
      <c r="D40839" s="1" t="s">
        <v>95071</v>
      </c>
      <c r="E40839" s="1" t="s">
        <v>139936</v>
      </c>
      <c r="F40839" s="1" t="s">
        <v>139937</v>
      </c>
      <c r="G40839" s="1" t="s">
        <v>139887</v>
      </c>
      <c r="H40839" s="1" t="s">
        <v>139888</v>
      </c>
      <c r="I40839" s="1" t="s">
        <v>135900</v>
      </c>
      <c r="J40839" s="1" t="s">
        <v>139938</v>
      </c>
    </row>
    <row r="40840" spans="1:10" x14ac:dyDescent="0.35">
      <c r="A40840" s="1" t="s">
        <v>120012</v>
      </c>
      <c r="B40840" s="1" t="s">
        <v>135894</v>
      </c>
      <c r="C40840" s="1" t="s">
        <v>95</v>
      </c>
      <c r="D40840" s="1" t="s">
        <v>139939</v>
      </c>
      <c r="E40840" s="1" t="s">
        <v>139940</v>
      </c>
      <c r="F40840" s="1" t="s">
        <v>139941</v>
      </c>
      <c r="G40840" s="1" t="s">
        <v>139887</v>
      </c>
      <c r="H40840" s="1" t="s">
        <v>139888</v>
      </c>
      <c r="I40840" s="1" t="s">
        <v>135900</v>
      </c>
      <c r="J40840" s="1" t="s">
        <v>139942</v>
      </c>
    </row>
    <row r="40841" spans="1:10" x14ac:dyDescent="0.35">
      <c r="A40841" s="1" t="s">
        <v>120012</v>
      </c>
      <c r="B40841" s="1" t="s">
        <v>135894</v>
      </c>
      <c r="C40841" s="1" t="s">
        <v>100</v>
      </c>
      <c r="D40841" s="1" t="s">
        <v>139943</v>
      </c>
      <c r="E40841" s="1" t="s">
        <v>139944</v>
      </c>
      <c r="F40841" s="1" t="s">
        <v>139945</v>
      </c>
      <c r="G40841" s="1" t="s">
        <v>139887</v>
      </c>
      <c r="H40841" s="1" t="s">
        <v>139888</v>
      </c>
      <c r="I40841" s="1" t="s">
        <v>135900</v>
      </c>
      <c r="J40841" s="1" t="s">
        <v>139946</v>
      </c>
    </row>
    <row r="40842" spans="1:10" x14ac:dyDescent="0.35">
      <c r="A40842" s="1" t="s">
        <v>120012</v>
      </c>
      <c r="B40842" s="1" t="s">
        <v>135894</v>
      </c>
      <c r="C40842" s="1" t="s">
        <v>105</v>
      </c>
      <c r="D40842" s="1" t="s">
        <v>139947</v>
      </c>
      <c r="E40842" s="1" t="s">
        <v>139948</v>
      </c>
      <c r="F40842" s="1" t="s">
        <v>139949</v>
      </c>
      <c r="G40842" s="1" t="s">
        <v>139887</v>
      </c>
      <c r="H40842" s="1" t="s">
        <v>139888</v>
      </c>
      <c r="I40842" s="1" t="s">
        <v>135900</v>
      </c>
      <c r="J40842" s="1" t="s">
        <v>139950</v>
      </c>
    </row>
    <row r="40843" spans="1:10" x14ac:dyDescent="0.35">
      <c r="A40843" s="1" t="s">
        <v>120012</v>
      </c>
      <c r="B40843" s="1" t="s">
        <v>135894</v>
      </c>
      <c r="C40843" s="1" t="s">
        <v>110</v>
      </c>
      <c r="D40843" s="1" t="s">
        <v>68070</v>
      </c>
      <c r="E40843" s="1" t="s">
        <v>139951</v>
      </c>
      <c r="F40843" s="1" t="s">
        <v>139952</v>
      </c>
      <c r="G40843" s="1" t="s">
        <v>139887</v>
      </c>
      <c r="H40843" s="1" t="s">
        <v>139888</v>
      </c>
      <c r="I40843" s="1" t="s">
        <v>135900</v>
      </c>
      <c r="J40843" s="1" t="s">
        <v>139953</v>
      </c>
    </row>
    <row r="40844" spans="1:10" x14ac:dyDescent="0.35">
      <c r="A40844" s="1" t="s">
        <v>120012</v>
      </c>
      <c r="B40844" s="1" t="s">
        <v>135894</v>
      </c>
      <c r="C40844" s="1" t="s">
        <v>115</v>
      </c>
      <c r="D40844" s="1" t="s">
        <v>83791</v>
      </c>
      <c r="E40844" s="1" t="s">
        <v>139954</v>
      </c>
      <c r="F40844" s="1" t="s">
        <v>139955</v>
      </c>
      <c r="G40844" s="1" t="s">
        <v>139887</v>
      </c>
      <c r="H40844" s="1" t="s">
        <v>139888</v>
      </c>
      <c r="I40844" s="1" t="s">
        <v>135900</v>
      </c>
      <c r="J40844" s="1" t="s">
        <v>139956</v>
      </c>
    </row>
    <row r="40845" spans="1:10" x14ac:dyDescent="0.35">
      <c r="A40845" s="1" t="s">
        <v>120012</v>
      </c>
      <c r="B40845" s="1" t="s">
        <v>135894</v>
      </c>
      <c r="C40845" s="1" t="s">
        <v>120</v>
      </c>
      <c r="D40845" s="1" t="s">
        <v>139957</v>
      </c>
      <c r="E40845" s="1" t="s">
        <v>139958</v>
      </c>
      <c r="F40845" s="1" t="s">
        <v>139959</v>
      </c>
      <c r="G40845" s="1" t="s">
        <v>139887</v>
      </c>
      <c r="H40845" s="1" t="s">
        <v>139888</v>
      </c>
      <c r="I40845" s="1" t="s">
        <v>135900</v>
      </c>
      <c r="J40845" s="1" t="s">
        <v>139960</v>
      </c>
    </row>
    <row r="40846" spans="1:10" x14ac:dyDescent="0.35">
      <c r="A40846" s="1" t="s">
        <v>120012</v>
      </c>
      <c r="B40846" s="1" t="s">
        <v>135894</v>
      </c>
      <c r="C40846" s="1" t="s">
        <v>125</v>
      </c>
      <c r="D40846" s="1" t="s">
        <v>59586</v>
      </c>
      <c r="E40846" s="1" t="s">
        <v>139961</v>
      </c>
      <c r="F40846" s="1" t="s">
        <v>139962</v>
      </c>
      <c r="G40846" s="1" t="s">
        <v>139887</v>
      </c>
      <c r="H40846" s="1" t="s">
        <v>139888</v>
      </c>
      <c r="I40846" s="1" t="s">
        <v>135900</v>
      </c>
      <c r="J40846" s="1" t="s">
        <v>139963</v>
      </c>
    </row>
    <row r="40847" spans="1:10" x14ac:dyDescent="0.35">
      <c r="A40847" s="1" t="s">
        <v>120012</v>
      </c>
      <c r="B40847" s="1" t="s">
        <v>135894</v>
      </c>
      <c r="C40847" s="1" t="s">
        <v>130</v>
      </c>
      <c r="D40847" s="1" t="s">
        <v>67649</v>
      </c>
      <c r="E40847" s="1" t="s">
        <v>139964</v>
      </c>
      <c r="F40847" s="1" t="s">
        <v>139965</v>
      </c>
      <c r="G40847" s="1" t="s">
        <v>139887</v>
      </c>
      <c r="H40847" s="1" t="s">
        <v>139888</v>
      </c>
      <c r="I40847" s="1" t="s">
        <v>135900</v>
      </c>
      <c r="J40847" s="1" t="s">
        <v>139966</v>
      </c>
    </row>
    <row r="40848" spans="1:10" x14ac:dyDescent="0.35">
      <c r="A40848" s="1" t="s">
        <v>120012</v>
      </c>
      <c r="B40848" s="1" t="s">
        <v>135894</v>
      </c>
      <c r="C40848" s="1" t="s">
        <v>135</v>
      </c>
      <c r="D40848" s="1" t="s">
        <v>20768</v>
      </c>
      <c r="E40848" s="1" t="s">
        <v>139967</v>
      </c>
      <c r="F40848" s="1" t="s">
        <v>139968</v>
      </c>
      <c r="G40848" s="1" t="s">
        <v>139887</v>
      </c>
      <c r="H40848" s="1" t="s">
        <v>139888</v>
      </c>
      <c r="I40848" s="1" t="s">
        <v>135900</v>
      </c>
      <c r="J40848" s="1" t="s">
        <v>139969</v>
      </c>
    </row>
    <row r="40849" spans="1:10" x14ac:dyDescent="0.35">
      <c r="A40849" s="1" t="s">
        <v>120012</v>
      </c>
      <c r="B40849" s="1" t="s">
        <v>135894</v>
      </c>
      <c r="C40849" s="1" t="s">
        <v>140</v>
      </c>
      <c r="D40849" s="1" t="s">
        <v>69459</v>
      </c>
      <c r="E40849" s="1" t="s">
        <v>139970</v>
      </c>
      <c r="F40849" s="1" t="s">
        <v>139971</v>
      </c>
      <c r="G40849" s="1" t="s">
        <v>139887</v>
      </c>
      <c r="H40849" s="1" t="s">
        <v>139888</v>
      </c>
      <c r="I40849" s="1" t="s">
        <v>135900</v>
      </c>
      <c r="J40849" s="1" t="s">
        <v>139972</v>
      </c>
    </row>
    <row r="40850" spans="1:10" x14ac:dyDescent="0.35">
      <c r="A40850" s="1" t="s">
        <v>120012</v>
      </c>
      <c r="B40850" s="1" t="s">
        <v>135894</v>
      </c>
      <c r="C40850" s="1" t="s">
        <v>145</v>
      </c>
      <c r="D40850" s="1" t="s">
        <v>139973</v>
      </c>
      <c r="E40850" s="1" t="s">
        <v>139974</v>
      </c>
      <c r="F40850" s="1" t="s">
        <v>139975</v>
      </c>
      <c r="G40850" s="1" t="s">
        <v>139887</v>
      </c>
      <c r="H40850" s="1" t="s">
        <v>139888</v>
      </c>
      <c r="I40850" s="1" t="s">
        <v>135900</v>
      </c>
      <c r="J40850" s="1" t="s">
        <v>139976</v>
      </c>
    </row>
    <row r="40851" spans="1:10" x14ac:dyDescent="0.35">
      <c r="A40851" s="1" t="s">
        <v>120012</v>
      </c>
      <c r="B40851" s="1" t="s">
        <v>135894</v>
      </c>
      <c r="C40851" s="1" t="s">
        <v>150</v>
      </c>
      <c r="D40851" s="1" t="s">
        <v>139977</v>
      </c>
      <c r="E40851" s="1" t="s">
        <v>139978</v>
      </c>
      <c r="F40851" s="1" t="s">
        <v>139979</v>
      </c>
      <c r="G40851" s="1" t="s">
        <v>139887</v>
      </c>
      <c r="H40851" s="1" t="s">
        <v>139888</v>
      </c>
      <c r="I40851" s="1" t="s">
        <v>135900</v>
      </c>
      <c r="J40851" s="1" t="s">
        <v>139980</v>
      </c>
    </row>
    <row r="40852" spans="1:10" x14ac:dyDescent="0.35">
      <c r="A40852" s="1" t="s">
        <v>120012</v>
      </c>
      <c r="B40852" s="1" t="s">
        <v>135894</v>
      </c>
      <c r="C40852" s="1" t="s">
        <v>155</v>
      </c>
      <c r="D40852" s="1" t="s">
        <v>139981</v>
      </c>
      <c r="E40852" s="1" t="s">
        <v>139982</v>
      </c>
      <c r="F40852" s="1" t="s">
        <v>139983</v>
      </c>
      <c r="G40852" s="1" t="s">
        <v>139887</v>
      </c>
      <c r="H40852" s="1" t="s">
        <v>139888</v>
      </c>
      <c r="I40852" s="1" t="s">
        <v>135900</v>
      </c>
      <c r="J40852" s="1" t="s">
        <v>139984</v>
      </c>
    </row>
    <row r="40853" spans="1:10" x14ac:dyDescent="0.35">
      <c r="A40853" s="1" t="s">
        <v>120012</v>
      </c>
      <c r="B40853" s="1" t="s">
        <v>135894</v>
      </c>
      <c r="C40853" s="1" t="s">
        <v>160</v>
      </c>
      <c r="D40853" s="1" t="s">
        <v>139985</v>
      </c>
      <c r="E40853" s="1" t="s">
        <v>139986</v>
      </c>
      <c r="F40853" s="1" t="s">
        <v>139987</v>
      </c>
      <c r="G40853" s="1" t="s">
        <v>139887</v>
      </c>
      <c r="H40853" s="1" t="s">
        <v>139888</v>
      </c>
      <c r="I40853" s="1" t="s">
        <v>135900</v>
      </c>
      <c r="J40853" s="1" t="s">
        <v>139988</v>
      </c>
    </row>
    <row r="40854" spans="1:10" x14ac:dyDescent="0.35">
      <c r="A40854" s="1" t="s">
        <v>120012</v>
      </c>
      <c r="B40854" s="1" t="s">
        <v>135894</v>
      </c>
      <c r="C40854" s="1" t="s">
        <v>165</v>
      </c>
      <c r="D40854" s="1" t="s">
        <v>139989</v>
      </c>
      <c r="E40854" s="1" t="s">
        <v>139990</v>
      </c>
      <c r="F40854" s="1" t="s">
        <v>139991</v>
      </c>
      <c r="G40854" s="1" t="s">
        <v>139887</v>
      </c>
      <c r="H40854" s="1" t="s">
        <v>139888</v>
      </c>
      <c r="I40854" s="1" t="s">
        <v>135900</v>
      </c>
      <c r="J40854" s="1" t="s">
        <v>139992</v>
      </c>
    </row>
    <row r="40855" spans="1:10" x14ac:dyDescent="0.35">
      <c r="A40855" s="1" t="s">
        <v>120012</v>
      </c>
      <c r="B40855" s="1" t="s">
        <v>135894</v>
      </c>
      <c r="C40855" s="1" t="s">
        <v>170</v>
      </c>
      <c r="D40855" s="1" t="s">
        <v>139993</v>
      </c>
      <c r="E40855" s="1" t="s">
        <v>139994</v>
      </c>
      <c r="F40855" s="1" t="s">
        <v>139995</v>
      </c>
      <c r="G40855" s="1" t="s">
        <v>139887</v>
      </c>
      <c r="H40855" s="1" t="s">
        <v>139888</v>
      </c>
      <c r="I40855" s="1" t="s">
        <v>135900</v>
      </c>
      <c r="J40855" s="1" t="s">
        <v>139996</v>
      </c>
    </row>
    <row r="40856" spans="1:10" x14ac:dyDescent="0.35">
      <c r="A40856" s="1" t="s">
        <v>139997</v>
      </c>
      <c r="B40856" s="1" t="s">
        <v>135894</v>
      </c>
      <c r="C40856" s="1" t="s">
        <v>8</v>
      </c>
      <c r="D40856" s="1" t="s">
        <v>83906</v>
      </c>
      <c r="E40856" s="1" t="s">
        <v>139998</v>
      </c>
      <c r="F40856" s="1" t="s">
        <v>139999</v>
      </c>
      <c r="G40856" s="1" t="s">
        <v>140000</v>
      </c>
      <c r="H40856" s="1" t="s">
        <v>140001</v>
      </c>
      <c r="I40856" s="1" t="s">
        <v>135900</v>
      </c>
      <c r="J40856" s="1" t="s">
        <v>13</v>
      </c>
    </row>
    <row r="40857" spans="1:10" x14ac:dyDescent="0.35">
      <c r="A40857" s="1" t="s">
        <v>139997</v>
      </c>
      <c r="B40857" s="1" t="s">
        <v>135894</v>
      </c>
      <c r="C40857" s="1" t="s">
        <v>15</v>
      </c>
      <c r="D40857" s="1" t="s">
        <v>140002</v>
      </c>
      <c r="E40857" s="1" t="s">
        <v>140003</v>
      </c>
      <c r="F40857" s="1" t="s">
        <v>140004</v>
      </c>
      <c r="G40857" s="1" t="s">
        <v>140000</v>
      </c>
      <c r="H40857" s="1" t="s">
        <v>140001</v>
      </c>
      <c r="I40857" s="1" t="s">
        <v>135900</v>
      </c>
      <c r="J40857" s="1" t="s">
        <v>140005</v>
      </c>
    </row>
    <row r="40858" spans="1:10" x14ac:dyDescent="0.35">
      <c r="A40858" s="1" t="s">
        <v>139997</v>
      </c>
      <c r="B40858" s="1" t="s">
        <v>135894</v>
      </c>
      <c r="C40858" s="1" t="s">
        <v>20</v>
      </c>
      <c r="D40858" s="1" t="s">
        <v>136891</v>
      </c>
      <c r="E40858" s="1" t="s">
        <v>140006</v>
      </c>
      <c r="F40858" s="1" t="s">
        <v>140007</v>
      </c>
      <c r="G40858" s="1" t="s">
        <v>140000</v>
      </c>
      <c r="H40858" s="1" t="s">
        <v>140001</v>
      </c>
      <c r="I40858" s="1" t="s">
        <v>135900</v>
      </c>
      <c r="J40858" s="1" t="s">
        <v>140008</v>
      </c>
    </row>
    <row r="40859" spans="1:10" x14ac:dyDescent="0.35">
      <c r="A40859" s="1" t="s">
        <v>139997</v>
      </c>
      <c r="B40859" s="1" t="s">
        <v>135894</v>
      </c>
      <c r="C40859" s="1" t="s">
        <v>25</v>
      </c>
      <c r="D40859" s="1" t="s">
        <v>140009</v>
      </c>
      <c r="E40859" s="1" t="s">
        <v>140010</v>
      </c>
      <c r="F40859" s="1" t="s">
        <v>140011</v>
      </c>
      <c r="G40859" s="1" t="s">
        <v>140000</v>
      </c>
      <c r="H40859" s="1" t="s">
        <v>140001</v>
      </c>
      <c r="I40859" s="1" t="s">
        <v>135900</v>
      </c>
      <c r="J40859" s="1" t="s">
        <v>140012</v>
      </c>
    </row>
    <row r="40860" spans="1:10" x14ac:dyDescent="0.35">
      <c r="A40860" s="1" t="s">
        <v>139997</v>
      </c>
      <c r="B40860" s="1" t="s">
        <v>135894</v>
      </c>
      <c r="C40860" s="1" t="s">
        <v>30</v>
      </c>
      <c r="D40860" s="1" t="s">
        <v>140013</v>
      </c>
      <c r="E40860" s="1" t="s">
        <v>140014</v>
      </c>
      <c r="F40860" s="1" t="s">
        <v>140015</v>
      </c>
      <c r="G40860" s="1" t="s">
        <v>140000</v>
      </c>
      <c r="H40860" s="1" t="s">
        <v>140001</v>
      </c>
      <c r="I40860" s="1" t="s">
        <v>135900</v>
      </c>
      <c r="J40860" s="1" t="s">
        <v>140016</v>
      </c>
    </row>
    <row r="40861" spans="1:10" x14ac:dyDescent="0.35">
      <c r="A40861" s="1" t="s">
        <v>139997</v>
      </c>
      <c r="B40861" s="1" t="s">
        <v>135894</v>
      </c>
      <c r="C40861" s="1" t="s">
        <v>35</v>
      </c>
      <c r="D40861" s="1" t="s">
        <v>27178</v>
      </c>
      <c r="E40861" s="1" t="s">
        <v>140017</v>
      </c>
      <c r="F40861" s="1" t="s">
        <v>140018</v>
      </c>
      <c r="G40861" s="1" t="s">
        <v>140000</v>
      </c>
      <c r="H40861" s="1" t="s">
        <v>140001</v>
      </c>
      <c r="I40861" s="1" t="s">
        <v>135900</v>
      </c>
      <c r="J40861" s="1" t="s">
        <v>140019</v>
      </c>
    </row>
    <row r="40862" spans="1:10" x14ac:dyDescent="0.35">
      <c r="A40862" s="1" t="s">
        <v>139997</v>
      </c>
      <c r="B40862" s="1" t="s">
        <v>135894</v>
      </c>
      <c r="C40862" s="1" t="s">
        <v>40</v>
      </c>
      <c r="D40862" s="1" t="s">
        <v>140020</v>
      </c>
      <c r="E40862" s="1" t="s">
        <v>140021</v>
      </c>
      <c r="F40862" s="1" t="s">
        <v>140022</v>
      </c>
      <c r="G40862" s="1" t="s">
        <v>140000</v>
      </c>
      <c r="H40862" s="1" t="s">
        <v>140001</v>
      </c>
      <c r="I40862" s="1" t="s">
        <v>135900</v>
      </c>
      <c r="J40862" s="1" t="s">
        <v>140023</v>
      </c>
    </row>
    <row r="40863" spans="1:10" x14ac:dyDescent="0.35">
      <c r="A40863" s="1" t="s">
        <v>139997</v>
      </c>
      <c r="B40863" s="1" t="s">
        <v>135894</v>
      </c>
      <c r="C40863" s="1" t="s">
        <v>45</v>
      </c>
      <c r="D40863" s="1" t="s">
        <v>140024</v>
      </c>
      <c r="E40863" s="1" t="s">
        <v>140025</v>
      </c>
      <c r="F40863" s="1" t="s">
        <v>140026</v>
      </c>
      <c r="G40863" s="1" t="s">
        <v>140000</v>
      </c>
      <c r="H40863" s="1" t="s">
        <v>140001</v>
      </c>
      <c r="I40863" s="1" t="s">
        <v>135900</v>
      </c>
      <c r="J40863" s="1" t="s">
        <v>140027</v>
      </c>
    </row>
    <row r="40864" spans="1:10" x14ac:dyDescent="0.35">
      <c r="A40864" s="1" t="s">
        <v>139997</v>
      </c>
      <c r="B40864" s="1" t="s">
        <v>135894</v>
      </c>
      <c r="C40864" s="1" t="s">
        <v>50</v>
      </c>
      <c r="D40864" s="1" t="s">
        <v>130238</v>
      </c>
      <c r="E40864" s="1" t="s">
        <v>140028</v>
      </c>
      <c r="F40864" s="1" t="s">
        <v>140029</v>
      </c>
      <c r="G40864" s="1" t="s">
        <v>140000</v>
      </c>
      <c r="H40864" s="1" t="s">
        <v>140001</v>
      </c>
      <c r="I40864" s="1" t="s">
        <v>135900</v>
      </c>
      <c r="J40864" s="1" t="s">
        <v>140030</v>
      </c>
    </row>
    <row r="40865" spans="1:10" x14ac:dyDescent="0.35">
      <c r="A40865" s="1" t="s">
        <v>139997</v>
      </c>
      <c r="B40865" s="1" t="s">
        <v>135894</v>
      </c>
      <c r="C40865" s="1" t="s">
        <v>55</v>
      </c>
      <c r="D40865" s="1" t="s">
        <v>140031</v>
      </c>
      <c r="E40865" s="1" t="s">
        <v>140032</v>
      </c>
      <c r="F40865" s="1" t="s">
        <v>140033</v>
      </c>
      <c r="G40865" s="1" t="s">
        <v>140000</v>
      </c>
      <c r="H40865" s="1" t="s">
        <v>140001</v>
      </c>
      <c r="I40865" s="1" t="s">
        <v>135900</v>
      </c>
      <c r="J40865" s="1" t="s">
        <v>140034</v>
      </c>
    </row>
    <row r="40866" spans="1:10" x14ac:dyDescent="0.35">
      <c r="A40866" s="1" t="s">
        <v>139997</v>
      </c>
      <c r="B40866" s="1" t="s">
        <v>135894</v>
      </c>
      <c r="C40866" s="1" t="s">
        <v>60</v>
      </c>
      <c r="D40866" s="1" t="s">
        <v>87647</v>
      </c>
      <c r="E40866" s="1" t="s">
        <v>140035</v>
      </c>
      <c r="F40866" s="1" t="s">
        <v>140036</v>
      </c>
      <c r="G40866" s="1" t="s">
        <v>140000</v>
      </c>
      <c r="H40866" s="1" t="s">
        <v>140001</v>
      </c>
      <c r="I40866" s="1" t="s">
        <v>135900</v>
      </c>
      <c r="J40866" s="1" t="s">
        <v>140037</v>
      </c>
    </row>
    <row r="40867" spans="1:10" x14ac:dyDescent="0.35">
      <c r="A40867" s="1" t="s">
        <v>139997</v>
      </c>
      <c r="B40867" s="1" t="s">
        <v>135894</v>
      </c>
      <c r="C40867" s="1" t="s">
        <v>65</v>
      </c>
      <c r="D40867" s="1" t="s">
        <v>140038</v>
      </c>
      <c r="E40867" s="1" t="s">
        <v>140039</v>
      </c>
      <c r="F40867" s="1" t="s">
        <v>140040</v>
      </c>
      <c r="G40867" s="1" t="s">
        <v>140000</v>
      </c>
      <c r="H40867" s="1" t="s">
        <v>140001</v>
      </c>
      <c r="I40867" s="1" t="s">
        <v>135900</v>
      </c>
      <c r="J40867" s="1" t="s">
        <v>140041</v>
      </c>
    </row>
    <row r="40868" spans="1:10" x14ac:dyDescent="0.35">
      <c r="A40868" s="1" t="s">
        <v>139997</v>
      </c>
      <c r="B40868" s="1" t="s">
        <v>135894</v>
      </c>
      <c r="C40868" s="1" t="s">
        <v>70</v>
      </c>
      <c r="D40868" s="1" t="s">
        <v>140042</v>
      </c>
      <c r="E40868" s="1" t="s">
        <v>140043</v>
      </c>
      <c r="F40868" s="1" t="s">
        <v>140044</v>
      </c>
      <c r="G40868" s="1" t="s">
        <v>140000</v>
      </c>
      <c r="H40868" s="1" t="s">
        <v>140001</v>
      </c>
      <c r="I40868" s="1" t="s">
        <v>135900</v>
      </c>
      <c r="J40868" s="1" t="s">
        <v>140045</v>
      </c>
    </row>
    <row r="40869" spans="1:10" x14ac:dyDescent="0.35">
      <c r="A40869" s="1" t="s">
        <v>139997</v>
      </c>
      <c r="B40869" s="1" t="s">
        <v>135894</v>
      </c>
      <c r="C40869" s="1" t="s">
        <v>75</v>
      </c>
      <c r="D40869" s="1" t="s">
        <v>88864</v>
      </c>
      <c r="E40869" s="1" t="s">
        <v>140046</v>
      </c>
      <c r="F40869" s="1" t="s">
        <v>140047</v>
      </c>
      <c r="G40869" s="1" t="s">
        <v>140000</v>
      </c>
      <c r="H40869" s="1" t="s">
        <v>140001</v>
      </c>
      <c r="I40869" s="1" t="s">
        <v>135900</v>
      </c>
      <c r="J40869" s="1" t="s">
        <v>140048</v>
      </c>
    </row>
    <row r="40870" spans="1:10" x14ac:dyDescent="0.35">
      <c r="A40870" s="1" t="s">
        <v>139997</v>
      </c>
      <c r="B40870" s="1" t="s">
        <v>135894</v>
      </c>
      <c r="C40870" s="1" t="s">
        <v>80</v>
      </c>
      <c r="D40870" s="1" t="s">
        <v>140049</v>
      </c>
      <c r="E40870" s="1" t="s">
        <v>140050</v>
      </c>
      <c r="F40870" s="1" t="s">
        <v>140051</v>
      </c>
      <c r="G40870" s="1" t="s">
        <v>140000</v>
      </c>
      <c r="H40870" s="1" t="s">
        <v>140001</v>
      </c>
      <c r="I40870" s="1" t="s">
        <v>135900</v>
      </c>
      <c r="J40870" s="1" t="s">
        <v>140052</v>
      </c>
    </row>
    <row r="40871" spans="1:10" x14ac:dyDescent="0.35">
      <c r="A40871" s="1" t="s">
        <v>139997</v>
      </c>
      <c r="B40871" s="1" t="s">
        <v>135894</v>
      </c>
      <c r="C40871" s="1" t="s">
        <v>85</v>
      </c>
      <c r="D40871" s="1" t="s">
        <v>140053</v>
      </c>
      <c r="E40871" s="1" t="s">
        <v>140054</v>
      </c>
      <c r="F40871" s="1" t="s">
        <v>140055</v>
      </c>
      <c r="G40871" s="1" t="s">
        <v>140000</v>
      </c>
      <c r="H40871" s="1" t="s">
        <v>140001</v>
      </c>
      <c r="I40871" s="1" t="s">
        <v>135900</v>
      </c>
      <c r="J40871" s="1" t="s">
        <v>140056</v>
      </c>
    </row>
    <row r="40872" spans="1:10" x14ac:dyDescent="0.35">
      <c r="A40872" s="1" t="s">
        <v>139997</v>
      </c>
      <c r="B40872" s="1" t="s">
        <v>135894</v>
      </c>
      <c r="C40872" s="1" t="s">
        <v>90</v>
      </c>
      <c r="D40872" s="1" t="s">
        <v>140057</v>
      </c>
      <c r="E40872" s="1" t="s">
        <v>140058</v>
      </c>
      <c r="F40872" s="1" t="s">
        <v>140059</v>
      </c>
      <c r="G40872" s="1" t="s">
        <v>140000</v>
      </c>
      <c r="H40872" s="1" t="s">
        <v>140001</v>
      </c>
      <c r="I40872" s="1" t="s">
        <v>135900</v>
      </c>
      <c r="J40872" s="1" t="s">
        <v>140060</v>
      </c>
    </row>
    <row r="40873" spans="1:10" x14ac:dyDescent="0.35">
      <c r="A40873" s="1" t="s">
        <v>139997</v>
      </c>
      <c r="B40873" s="1" t="s">
        <v>135894</v>
      </c>
      <c r="C40873" s="1" t="s">
        <v>95</v>
      </c>
      <c r="D40873" s="1" t="s">
        <v>140061</v>
      </c>
      <c r="E40873" s="1" t="s">
        <v>140062</v>
      </c>
      <c r="F40873" s="1" t="s">
        <v>140063</v>
      </c>
      <c r="G40873" s="1" t="s">
        <v>140000</v>
      </c>
      <c r="H40873" s="1" t="s">
        <v>140001</v>
      </c>
      <c r="I40873" s="1" t="s">
        <v>135900</v>
      </c>
      <c r="J40873" s="1" t="s">
        <v>140064</v>
      </c>
    </row>
    <row r="40874" spans="1:10" x14ac:dyDescent="0.35">
      <c r="A40874" s="1" t="s">
        <v>139997</v>
      </c>
      <c r="B40874" s="1" t="s">
        <v>135894</v>
      </c>
      <c r="C40874" s="1" t="s">
        <v>100</v>
      </c>
      <c r="D40874" s="1" t="s">
        <v>40328</v>
      </c>
      <c r="E40874" s="1" t="s">
        <v>140065</v>
      </c>
      <c r="F40874" s="1" t="s">
        <v>140066</v>
      </c>
      <c r="G40874" s="1" t="s">
        <v>140000</v>
      </c>
      <c r="H40874" s="1" t="s">
        <v>140001</v>
      </c>
      <c r="I40874" s="1" t="s">
        <v>135900</v>
      </c>
      <c r="J40874" s="1" t="s">
        <v>140067</v>
      </c>
    </row>
    <row r="40875" spans="1:10" x14ac:dyDescent="0.35">
      <c r="A40875" s="1" t="s">
        <v>139997</v>
      </c>
      <c r="B40875" s="1" t="s">
        <v>135894</v>
      </c>
      <c r="C40875" s="1" t="s">
        <v>105</v>
      </c>
      <c r="D40875" s="1" t="s">
        <v>140068</v>
      </c>
      <c r="E40875" s="1" t="s">
        <v>140069</v>
      </c>
      <c r="F40875" s="1" t="s">
        <v>140070</v>
      </c>
      <c r="G40875" s="1" t="s">
        <v>140000</v>
      </c>
      <c r="H40875" s="1" t="s">
        <v>140001</v>
      </c>
      <c r="I40875" s="1" t="s">
        <v>135900</v>
      </c>
      <c r="J40875" s="1" t="s">
        <v>140071</v>
      </c>
    </row>
    <row r="40876" spans="1:10" x14ac:dyDescent="0.35">
      <c r="A40876" s="1" t="s">
        <v>139997</v>
      </c>
      <c r="B40876" s="1" t="s">
        <v>135894</v>
      </c>
      <c r="C40876" s="1" t="s">
        <v>110</v>
      </c>
      <c r="D40876" s="1" t="s">
        <v>130279</v>
      </c>
      <c r="E40876" s="1" t="s">
        <v>140072</v>
      </c>
      <c r="F40876" s="1" t="s">
        <v>140073</v>
      </c>
      <c r="G40876" s="1" t="s">
        <v>140000</v>
      </c>
      <c r="H40876" s="1" t="s">
        <v>140001</v>
      </c>
      <c r="I40876" s="1" t="s">
        <v>135900</v>
      </c>
      <c r="J40876" s="1" t="s">
        <v>140074</v>
      </c>
    </row>
    <row r="40877" spans="1:10" x14ac:dyDescent="0.35">
      <c r="A40877" s="1" t="s">
        <v>139997</v>
      </c>
      <c r="B40877" s="1" t="s">
        <v>135894</v>
      </c>
      <c r="C40877" s="1" t="s">
        <v>115</v>
      </c>
      <c r="D40877" s="1" t="s">
        <v>140075</v>
      </c>
      <c r="E40877" s="1" t="s">
        <v>140076</v>
      </c>
      <c r="F40877" s="1" t="s">
        <v>140077</v>
      </c>
      <c r="G40877" s="1" t="s">
        <v>140000</v>
      </c>
      <c r="H40877" s="1" t="s">
        <v>140001</v>
      </c>
      <c r="I40877" s="1" t="s">
        <v>135900</v>
      </c>
      <c r="J40877" s="1" t="s">
        <v>140078</v>
      </c>
    </row>
    <row r="40878" spans="1:10" x14ac:dyDescent="0.35">
      <c r="A40878" s="1" t="s">
        <v>139997</v>
      </c>
      <c r="B40878" s="1" t="s">
        <v>135894</v>
      </c>
      <c r="C40878" s="1" t="s">
        <v>120</v>
      </c>
      <c r="D40878" s="1" t="s">
        <v>134462</v>
      </c>
      <c r="E40878" s="1" t="s">
        <v>140079</v>
      </c>
      <c r="F40878" s="1" t="s">
        <v>140080</v>
      </c>
      <c r="G40878" s="1" t="s">
        <v>140000</v>
      </c>
      <c r="H40878" s="1" t="s">
        <v>140001</v>
      </c>
      <c r="I40878" s="1" t="s">
        <v>135900</v>
      </c>
      <c r="J40878" s="1" t="s">
        <v>140081</v>
      </c>
    </row>
    <row r="40879" spans="1:10" x14ac:dyDescent="0.35">
      <c r="A40879" s="1" t="s">
        <v>139997</v>
      </c>
      <c r="B40879" s="1" t="s">
        <v>135894</v>
      </c>
      <c r="C40879" s="1" t="s">
        <v>125</v>
      </c>
      <c r="D40879" s="1" t="s">
        <v>140082</v>
      </c>
      <c r="E40879" s="1" t="s">
        <v>140083</v>
      </c>
      <c r="F40879" s="1" t="s">
        <v>140084</v>
      </c>
      <c r="G40879" s="1" t="s">
        <v>140000</v>
      </c>
      <c r="H40879" s="1" t="s">
        <v>140001</v>
      </c>
      <c r="I40879" s="1" t="s">
        <v>135900</v>
      </c>
      <c r="J40879" s="1" t="s">
        <v>140085</v>
      </c>
    </row>
    <row r="40880" spans="1:10" x14ac:dyDescent="0.35">
      <c r="A40880" s="1" t="s">
        <v>139997</v>
      </c>
      <c r="B40880" s="1" t="s">
        <v>135894</v>
      </c>
      <c r="C40880" s="1" t="s">
        <v>130</v>
      </c>
      <c r="D40880" s="1" t="s">
        <v>62699</v>
      </c>
      <c r="E40880" s="1" t="s">
        <v>140086</v>
      </c>
      <c r="F40880" s="1" t="s">
        <v>140087</v>
      </c>
      <c r="G40880" s="1" t="s">
        <v>140000</v>
      </c>
      <c r="H40880" s="1" t="s">
        <v>140001</v>
      </c>
      <c r="I40880" s="1" t="s">
        <v>135900</v>
      </c>
      <c r="J40880" s="1" t="s">
        <v>140088</v>
      </c>
    </row>
    <row r="40881" spans="1:10" x14ac:dyDescent="0.35">
      <c r="A40881" s="1" t="s">
        <v>139997</v>
      </c>
      <c r="B40881" s="1" t="s">
        <v>135894</v>
      </c>
      <c r="C40881" s="1" t="s">
        <v>135</v>
      </c>
      <c r="D40881" s="1" t="s">
        <v>140089</v>
      </c>
      <c r="E40881" s="1" t="s">
        <v>140090</v>
      </c>
      <c r="F40881" s="1" t="s">
        <v>140091</v>
      </c>
      <c r="G40881" s="1" t="s">
        <v>140000</v>
      </c>
      <c r="H40881" s="1" t="s">
        <v>140001</v>
      </c>
      <c r="I40881" s="1" t="s">
        <v>135900</v>
      </c>
      <c r="J40881" s="1" t="s">
        <v>140092</v>
      </c>
    </row>
    <row r="40882" spans="1:10" x14ac:dyDescent="0.35">
      <c r="A40882" s="1" t="s">
        <v>139997</v>
      </c>
      <c r="B40882" s="1" t="s">
        <v>135894</v>
      </c>
      <c r="C40882" s="1" t="s">
        <v>140</v>
      </c>
      <c r="D40882" s="1" t="s">
        <v>140093</v>
      </c>
      <c r="E40882" s="1" t="s">
        <v>140094</v>
      </c>
      <c r="F40882" s="1" t="s">
        <v>140095</v>
      </c>
      <c r="G40882" s="1" t="s">
        <v>140000</v>
      </c>
      <c r="H40882" s="1" t="s">
        <v>140001</v>
      </c>
      <c r="I40882" s="1" t="s">
        <v>135900</v>
      </c>
      <c r="J40882" s="1" t="s">
        <v>140096</v>
      </c>
    </row>
    <row r="40883" spans="1:10" x14ac:dyDescent="0.35">
      <c r="A40883" s="1" t="s">
        <v>139997</v>
      </c>
      <c r="B40883" s="1" t="s">
        <v>135894</v>
      </c>
      <c r="C40883" s="1" t="s">
        <v>145</v>
      </c>
      <c r="D40883" s="1" t="s">
        <v>140097</v>
      </c>
      <c r="E40883" s="1" t="s">
        <v>140098</v>
      </c>
      <c r="F40883" s="1" t="s">
        <v>140099</v>
      </c>
      <c r="G40883" s="1" t="s">
        <v>140000</v>
      </c>
      <c r="H40883" s="1" t="s">
        <v>140001</v>
      </c>
      <c r="I40883" s="1" t="s">
        <v>135900</v>
      </c>
      <c r="J40883" s="1" t="s">
        <v>140100</v>
      </c>
    </row>
    <row r="40884" spans="1:10" x14ac:dyDescent="0.35">
      <c r="A40884" s="1" t="s">
        <v>139997</v>
      </c>
      <c r="B40884" s="1" t="s">
        <v>135894</v>
      </c>
      <c r="C40884" s="1" t="s">
        <v>150</v>
      </c>
      <c r="D40884" s="1" t="s">
        <v>140101</v>
      </c>
      <c r="E40884" s="1" t="s">
        <v>140102</v>
      </c>
      <c r="F40884" s="1" t="s">
        <v>140103</v>
      </c>
      <c r="G40884" s="1" t="s">
        <v>140000</v>
      </c>
      <c r="H40884" s="1" t="s">
        <v>140001</v>
      </c>
      <c r="I40884" s="1" t="s">
        <v>135900</v>
      </c>
      <c r="J40884" s="1" t="s">
        <v>140104</v>
      </c>
    </row>
    <row r="40885" spans="1:10" x14ac:dyDescent="0.35">
      <c r="A40885" s="1" t="s">
        <v>139997</v>
      </c>
      <c r="B40885" s="1" t="s">
        <v>135894</v>
      </c>
      <c r="C40885" s="1" t="s">
        <v>155</v>
      </c>
      <c r="D40885" s="1" t="s">
        <v>140105</v>
      </c>
      <c r="E40885" s="1" t="s">
        <v>140106</v>
      </c>
      <c r="F40885" s="1" t="s">
        <v>140107</v>
      </c>
      <c r="G40885" s="1" t="s">
        <v>140000</v>
      </c>
      <c r="H40885" s="1" t="s">
        <v>140001</v>
      </c>
      <c r="I40885" s="1" t="s">
        <v>135900</v>
      </c>
      <c r="J40885" s="1" t="s">
        <v>140108</v>
      </c>
    </row>
    <row r="40886" spans="1:10" x14ac:dyDescent="0.35">
      <c r="A40886" s="1" t="s">
        <v>139997</v>
      </c>
      <c r="B40886" s="1" t="s">
        <v>135894</v>
      </c>
      <c r="C40886" s="1" t="s">
        <v>160</v>
      </c>
      <c r="D40886" s="1" t="s">
        <v>140109</v>
      </c>
      <c r="E40886" s="1" t="s">
        <v>140110</v>
      </c>
      <c r="F40886" s="1" t="s">
        <v>140111</v>
      </c>
      <c r="G40886" s="1" t="s">
        <v>140000</v>
      </c>
      <c r="H40886" s="1" t="s">
        <v>140001</v>
      </c>
      <c r="I40886" s="1" t="s">
        <v>135900</v>
      </c>
      <c r="J40886" s="1" t="s">
        <v>140112</v>
      </c>
    </row>
    <row r="40887" spans="1:10" x14ac:dyDescent="0.35">
      <c r="A40887" s="1" t="s">
        <v>139997</v>
      </c>
      <c r="B40887" s="1" t="s">
        <v>135894</v>
      </c>
      <c r="C40887" s="1" t="s">
        <v>165</v>
      </c>
      <c r="D40887" s="1" t="s">
        <v>140113</v>
      </c>
      <c r="E40887" s="1" t="s">
        <v>140114</v>
      </c>
      <c r="F40887" s="1" t="s">
        <v>140115</v>
      </c>
      <c r="G40887" s="1" t="s">
        <v>140000</v>
      </c>
      <c r="H40887" s="1" t="s">
        <v>140001</v>
      </c>
      <c r="I40887" s="1" t="s">
        <v>135900</v>
      </c>
      <c r="J40887" s="1" t="s">
        <v>140116</v>
      </c>
    </row>
    <row r="40888" spans="1:10" x14ac:dyDescent="0.35">
      <c r="A40888" s="1" t="s">
        <v>139997</v>
      </c>
      <c r="B40888" s="1" t="s">
        <v>135894</v>
      </c>
      <c r="C40888" s="1" t="s">
        <v>170</v>
      </c>
      <c r="D40888" s="1" t="s">
        <v>140117</v>
      </c>
      <c r="E40888" s="1" t="s">
        <v>140118</v>
      </c>
      <c r="F40888" s="1" t="s">
        <v>140119</v>
      </c>
      <c r="G40888" s="1" t="s">
        <v>140000</v>
      </c>
      <c r="H40888" s="1" t="s">
        <v>140001</v>
      </c>
      <c r="I40888" s="1" t="s">
        <v>135900</v>
      </c>
      <c r="J40888" s="1" t="s">
        <v>140120</v>
      </c>
    </row>
    <row r="40889" spans="1:10" x14ac:dyDescent="0.35">
      <c r="A40889" s="1" t="s">
        <v>121378</v>
      </c>
      <c r="B40889" s="1" t="s">
        <v>135894</v>
      </c>
      <c r="C40889" s="1" t="s">
        <v>8</v>
      </c>
      <c r="D40889" s="1" t="s">
        <v>140121</v>
      </c>
      <c r="E40889" s="1" t="s">
        <v>140122</v>
      </c>
      <c r="F40889" s="1" t="s">
        <v>140123</v>
      </c>
      <c r="G40889" s="1" t="s">
        <v>140124</v>
      </c>
      <c r="H40889" s="1" t="s">
        <v>140125</v>
      </c>
      <c r="I40889" s="1" t="s">
        <v>135900</v>
      </c>
      <c r="J40889" s="1" t="s">
        <v>13</v>
      </c>
    </row>
    <row r="40890" spans="1:10" x14ac:dyDescent="0.35">
      <c r="A40890" s="1" t="s">
        <v>121378</v>
      </c>
      <c r="B40890" s="1" t="s">
        <v>135894</v>
      </c>
      <c r="C40890" s="1" t="s">
        <v>15</v>
      </c>
      <c r="D40890" s="1" t="s">
        <v>140126</v>
      </c>
      <c r="E40890" s="1" t="s">
        <v>95803</v>
      </c>
      <c r="F40890" s="1" t="s">
        <v>140127</v>
      </c>
      <c r="G40890" s="1" t="s">
        <v>140124</v>
      </c>
      <c r="H40890" s="1" t="s">
        <v>140125</v>
      </c>
      <c r="I40890" s="1" t="s">
        <v>135900</v>
      </c>
      <c r="J40890" s="1" t="s">
        <v>140128</v>
      </c>
    </row>
    <row r="40891" spans="1:10" x14ac:dyDescent="0.35">
      <c r="A40891" s="1" t="s">
        <v>121378</v>
      </c>
      <c r="B40891" s="1" t="s">
        <v>135894</v>
      </c>
      <c r="C40891" s="1" t="s">
        <v>20</v>
      </c>
      <c r="D40891" s="1" t="s">
        <v>84723</v>
      </c>
      <c r="E40891" s="1" t="s">
        <v>73386</v>
      </c>
      <c r="F40891" s="1" t="s">
        <v>140129</v>
      </c>
      <c r="G40891" s="1" t="s">
        <v>140124</v>
      </c>
      <c r="H40891" s="1" t="s">
        <v>140125</v>
      </c>
      <c r="I40891" s="1" t="s">
        <v>135900</v>
      </c>
      <c r="J40891" s="1" t="s">
        <v>140130</v>
      </c>
    </row>
    <row r="40892" spans="1:10" x14ac:dyDescent="0.35">
      <c r="A40892" s="1" t="s">
        <v>121378</v>
      </c>
      <c r="B40892" s="1" t="s">
        <v>135894</v>
      </c>
      <c r="C40892" s="1" t="s">
        <v>25</v>
      </c>
      <c r="D40892" s="1" t="s">
        <v>24055</v>
      </c>
      <c r="E40892" s="1" t="s">
        <v>95765</v>
      </c>
      <c r="F40892" s="1" t="s">
        <v>140131</v>
      </c>
      <c r="G40892" s="1" t="s">
        <v>140124</v>
      </c>
      <c r="H40892" s="1" t="s">
        <v>140125</v>
      </c>
      <c r="I40892" s="1" t="s">
        <v>135900</v>
      </c>
      <c r="J40892" s="1" t="s">
        <v>140132</v>
      </c>
    </row>
    <row r="40893" spans="1:10" x14ac:dyDescent="0.35">
      <c r="A40893" s="1" t="s">
        <v>121378</v>
      </c>
      <c r="B40893" s="1" t="s">
        <v>135894</v>
      </c>
      <c r="C40893" s="1" t="s">
        <v>30</v>
      </c>
      <c r="D40893" s="1" t="s">
        <v>140133</v>
      </c>
      <c r="E40893" s="1" t="s">
        <v>140134</v>
      </c>
      <c r="F40893" s="1" t="s">
        <v>140135</v>
      </c>
      <c r="G40893" s="1" t="s">
        <v>140124</v>
      </c>
      <c r="H40893" s="1" t="s">
        <v>140125</v>
      </c>
      <c r="I40893" s="1" t="s">
        <v>135900</v>
      </c>
      <c r="J40893" s="1" t="s">
        <v>140136</v>
      </c>
    </row>
    <row r="40894" spans="1:10" x14ac:dyDescent="0.35">
      <c r="A40894" s="1" t="s">
        <v>121378</v>
      </c>
      <c r="B40894" s="1" t="s">
        <v>135894</v>
      </c>
      <c r="C40894" s="1" t="s">
        <v>35</v>
      </c>
      <c r="D40894" s="1" t="s">
        <v>140137</v>
      </c>
      <c r="E40894" s="1" t="s">
        <v>95746</v>
      </c>
      <c r="F40894" s="1" t="s">
        <v>140138</v>
      </c>
      <c r="G40894" s="1" t="s">
        <v>140124</v>
      </c>
      <c r="H40894" s="1" t="s">
        <v>140125</v>
      </c>
      <c r="I40894" s="1" t="s">
        <v>135900</v>
      </c>
      <c r="J40894" s="1" t="s">
        <v>140139</v>
      </c>
    </row>
    <row r="40895" spans="1:10" x14ac:dyDescent="0.35">
      <c r="A40895" s="1" t="s">
        <v>121378</v>
      </c>
      <c r="B40895" s="1" t="s">
        <v>135894</v>
      </c>
      <c r="C40895" s="1" t="s">
        <v>40</v>
      </c>
      <c r="D40895" s="1" t="s">
        <v>127848</v>
      </c>
      <c r="E40895" s="1" t="s">
        <v>32994</v>
      </c>
      <c r="F40895" s="1" t="s">
        <v>140140</v>
      </c>
      <c r="G40895" s="1" t="s">
        <v>140124</v>
      </c>
      <c r="H40895" s="1" t="s">
        <v>140125</v>
      </c>
      <c r="I40895" s="1" t="s">
        <v>135900</v>
      </c>
      <c r="J40895" s="1" t="s">
        <v>140141</v>
      </c>
    </row>
    <row r="40896" spans="1:10" x14ac:dyDescent="0.35">
      <c r="A40896" s="1" t="s">
        <v>121378</v>
      </c>
      <c r="B40896" s="1" t="s">
        <v>135894</v>
      </c>
      <c r="C40896" s="1" t="s">
        <v>45</v>
      </c>
      <c r="D40896" s="1" t="s">
        <v>81992</v>
      </c>
      <c r="E40896" s="1" t="s">
        <v>128442</v>
      </c>
      <c r="F40896" s="1" t="s">
        <v>140142</v>
      </c>
      <c r="G40896" s="1" t="s">
        <v>140124</v>
      </c>
      <c r="H40896" s="1" t="s">
        <v>140125</v>
      </c>
      <c r="I40896" s="1" t="s">
        <v>135900</v>
      </c>
      <c r="J40896" s="1" t="s">
        <v>140143</v>
      </c>
    </row>
    <row r="40897" spans="1:10" x14ac:dyDescent="0.35">
      <c r="A40897" s="1" t="s">
        <v>121378</v>
      </c>
      <c r="B40897" s="1" t="s">
        <v>135894</v>
      </c>
      <c r="C40897" s="1" t="s">
        <v>50</v>
      </c>
      <c r="D40897" s="1" t="s">
        <v>43982</v>
      </c>
      <c r="E40897" s="1" t="s">
        <v>140144</v>
      </c>
      <c r="F40897" s="1" t="s">
        <v>140145</v>
      </c>
      <c r="G40897" s="1" t="s">
        <v>140124</v>
      </c>
      <c r="H40897" s="1" t="s">
        <v>140125</v>
      </c>
      <c r="I40897" s="1" t="s">
        <v>135900</v>
      </c>
      <c r="J40897" s="1" t="s">
        <v>140146</v>
      </c>
    </row>
    <row r="40898" spans="1:10" x14ac:dyDescent="0.35">
      <c r="A40898" s="1" t="s">
        <v>121378</v>
      </c>
      <c r="B40898" s="1" t="s">
        <v>135894</v>
      </c>
      <c r="C40898" s="1" t="s">
        <v>55</v>
      </c>
      <c r="D40898" s="1" t="s">
        <v>57915</v>
      </c>
      <c r="E40898" s="1" t="s">
        <v>128453</v>
      </c>
      <c r="F40898" s="1" t="s">
        <v>140147</v>
      </c>
      <c r="G40898" s="1" t="s">
        <v>140124</v>
      </c>
      <c r="H40898" s="1" t="s">
        <v>140125</v>
      </c>
      <c r="I40898" s="1" t="s">
        <v>135900</v>
      </c>
      <c r="J40898" s="1" t="s">
        <v>140148</v>
      </c>
    </row>
    <row r="40899" spans="1:10" x14ac:dyDescent="0.35">
      <c r="A40899" s="1" t="s">
        <v>121378</v>
      </c>
      <c r="B40899" s="1" t="s">
        <v>135894</v>
      </c>
      <c r="C40899" s="1" t="s">
        <v>60</v>
      </c>
      <c r="D40899" s="1" t="s">
        <v>140149</v>
      </c>
      <c r="E40899" s="1" t="s">
        <v>95799</v>
      </c>
      <c r="F40899" s="1" t="s">
        <v>140150</v>
      </c>
      <c r="G40899" s="1" t="s">
        <v>140124</v>
      </c>
      <c r="H40899" s="1" t="s">
        <v>140125</v>
      </c>
      <c r="I40899" s="1" t="s">
        <v>135900</v>
      </c>
      <c r="J40899" s="1" t="s">
        <v>140151</v>
      </c>
    </row>
    <row r="40900" spans="1:10" x14ac:dyDescent="0.35">
      <c r="A40900" s="1" t="s">
        <v>121378</v>
      </c>
      <c r="B40900" s="1" t="s">
        <v>135894</v>
      </c>
      <c r="C40900" s="1" t="s">
        <v>65</v>
      </c>
      <c r="D40900" s="1" t="s">
        <v>140152</v>
      </c>
      <c r="E40900" s="1" t="s">
        <v>94732</v>
      </c>
      <c r="F40900" s="1" t="s">
        <v>140153</v>
      </c>
      <c r="G40900" s="1" t="s">
        <v>140124</v>
      </c>
      <c r="H40900" s="1" t="s">
        <v>140125</v>
      </c>
      <c r="I40900" s="1" t="s">
        <v>135900</v>
      </c>
      <c r="J40900" s="1" t="s">
        <v>140154</v>
      </c>
    </row>
    <row r="40901" spans="1:10" x14ac:dyDescent="0.35">
      <c r="A40901" s="1" t="s">
        <v>121378</v>
      </c>
      <c r="B40901" s="1" t="s">
        <v>135894</v>
      </c>
      <c r="C40901" s="1" t="s">
        <v>70</v>
      </c>
      <c r="D40901" s="1" t="s">
        <v>93262</v>
      </c>
      <c r="E40901" s="1" t="s">
        <v>19990</v>
      </c>
      <c r="F40901" s="1" t="s">
        <v>29080</v>
      </c>
      <c r="G40901" s="1" t="s">
        <v>140124</v>
      </c>
      <c r="H40901" s="1" t="s">
        <v>140125</v>
      </c>
      <c r="I40901" s="1" t="s">
        <v>135900</v>
      </c>
      <c r="J40901" s="1" t="s">
        <v>140155</v>
      </c>
    </row>
    <row r="40902" spans="1:10" x14ac:dyDescent="0.35">
      <c r="A40902" s="1" t="s">
        <v>121378</v>
      </c>
      <c r="B40902" s="1" t="s">
        <v>135894</v>
      </c>
      <c r="C40902" s="1" t="s">
        <v>75</v>
      </c>
      <c r="D40902" s="1" t="s">
        <v>56727</v>
      </c>
      <c r="E40902" s="1" t="s">
        <v>77738</v>
      </c>
      <c r="F40902" s="1" t="s">
        <v>140156</v>
      </c>
      <c r="G40902" s="1" t="s">
        <v>140124</v>
      </c>
      <c r="H40902" s="1" t="s">
        <v>140125</v>
      </c>
      <c r="I40902" s="1" t="s">
        <v>135900</v>
      </c>
      <c r="J40902" s="1" t="s">
        <v>140157</v>
      </c>
    </row>
    <row r="40903" spans="1:10" x14ac:dyDescent="0.35">
      <c r="A40903" s="1" t="s">
        <v>121378</v>
      </c>
      <c r="B40903" s="1" t="s">
        <v>135894</v>
      </c>
      <c r="C40903" s="1" t="s">
        <v>80</v>
      </c>
      <c r="D40903" s="1" t="s">
        <v>140158</v>
      </c>
      <c r="E40903" s="1" t="s">
        <v>108653</v>
      </c>
      <c r="F40903" s="1" t="s">
        <v>140159</v>
      </c>
      <c r="G40903" s="1" t="s">
        <v>140124</v>
      </c>
      <c r="H40903" s="1" t="s">
        <v>140125</v>
      </c>
      <c r="I40903" s="1" t="s">
        <v>135900</v>
      </c>
      <c r="J40903" s="1" t="s">
        <v>140160</v>
      </c>
    </row>
    <row r="40904" spans="1:10" x14ac:dyDescent="0.35">
      <c r="A40904" s="1" t="s">
        <v>121378</v>
      </c>
      <c r="B40904" s="1" t="s">
        <v>135894</v>
      </c>
      <c r="C40904" s="1" t="s">
        <v>85</v>
      </c>
      <c r="D40904" s="1" t="s">
        <v>24595</v>
      </c>
      <c r="E40904" s="1" t="s">
        <v>128486</v>
      </c>
      <c r="F40904" s="1" t="s">
        <v>140161</v>
      </c>
      <c r="G40904" s="1" t="s">
        <v>140124</v>
      </c>
      <c r="H40904" s="1" t="s">
        <v>140125</v>
      </c>
      <c r="I40904" s="1" t="s">
        <v>135900</v>
      </c>
      <c r="J40904" s="1" t="s">
        <v>140162</v>
      </c>
    </row>
    <row r="40905" spans="1:10" x14ac:dyDescent="0.35">
      <c r="A40905" s="1" t="s">
        <v>121378</v>
      </c>
      <c r="B40905" s="1" t="s">
        <v>135894</v>
      </c>
      <c r="C40905" s="1" t="s">
        <v>90</v>
      </c>
      <c r="D40905" s="1" t="s">
        <v>140163</v>
      </c>
      <c r="E40905" s="1" t="s">
        <v>130330</v>
      </c>
      <c r="F40905" s="1" t="s">
        <v>140164</v>
      </c>
      <c r="G40905" s="1" t="s">
        <v>140124</v>
      </c>
      <c r="H40905" s="1" t="s">
        <v>140125</v>
      </c>
      <c r="I40905" s="1" t="s">
        <v>135900</v>
      </c>
      <c r="J40905" s="1" t="s">
        <v>140165</v>
      </c>
    </row>
    <row r="40906" spans="1:10" x14ac:dyDescent="0.35">
      <c r="A40906" s="1" t="s">
        <v>121378</v>
      </c>
      <c r="B40906" s="1" t="s">
        <v>135894</v>
      </c>
      <c r="C40906" s="1" t="s">
        <v>95</v>
      </c>
      <c r="D40906" s="1" t="s">
        <v>128036</v>
      </c>
      <c r="E40906" s="1" t="s">
        <v>127970</v>
      </c>
      <c r="F40906" s="1" t="s">
        <v>140166</v>
      </c>
      <c r="G40906" s="1" t="s">
        <v>140124</v>
      </c>
      <c r="H40906" s="1" t="s">
        <v>140125</v>
      </c>
      <c r="I40906" s="1" t="s">
        <v>135900</v>
      </c>
      <c r="J40906" s="1" t="s">
        <v>140167</v>
      </c>
    </row>
    <row r="40907" spans="1:10" x14ac:dyDescent="0.35">
      <c r="A40907" s="1" t="s">
        <v>121378</v>
      </c>
      <c r="B40907" s="1" t="s">
        <v>135894</v>
      </c>
      <c r="C40907" s="1" t="s">
        <v>100</v>
      </c>
      <c r="D40907" s="1" t="s">
        <v>93704</v>
      </c>
      <c r="E40907" s="1" t="s">
        <v>15959</v>
      </c>
      <c r="F40907" s="1" t="s">
        <v>140168</v>
      </c>
      <c r="G40907" s="1" t="s">
        <v>140124</v>
      </c>
      <c r="H40907" s="1" t="s">
        <v>140125</v>
      </c>
      <c r="I40907" s="1" t="s">
        <v>135900</v>
      </c>
      <c r="J40907" s="1" t="s">
        <v>140169</v>
      </c>
    </row>
    <row r="40908" spans="1:10" x14ac:dyDescent="0.35">
      <c r="A40908" s="1" t="s">
        <v>121378</v>
      </c>
      <c r="B40908" s="1" t="s">
        <v>135894</v>
      </c>
      <c r="C40908" s="1" t="s">
        <v>105</v>
      </c>
      <c r="D40908" s="1" t="s">
        <v>86346</v>
      </c>
      <c r="E40908" s="1" t="s">
        <v>105932</v>
      </c>
      <c r="F40908" s="1" t="s">
        <v>140170</v>
      </c>
      <c r="G40908" s="1" t="s">
        <v>140124</v>
      </c>
      <c r="H40908" s="1" t="s">
        <v>140125</v>
      </c>
      <c r="I40908" s="1" t="s">
        <v>135900</v>
      </c>
      <c r="J40908" s="1" t="s">
        <v>140171</v>
      </c>
    </row>
    <row r="40909" spans="1:10" x14ac:dyDescent="0.35">
      <c r="A40909" s="1" t="s">
        <v>121378</v>
      </c>
      <c r="B40909" s="1" t="s">
        <v>135894</v>
      </c>
      <c r="C40909" s="1" t="s">
        <v>110</v>
      </c>
      <c r="D40909" s="1" t="s">
        <v>42324</v>
      </c>
      <c r="E40909" s="1" t="s">
        <v>19998</v>
      </c>
      <c r="F40909" s="1" t="s">
        <v>140172</v>
      </c>
      <c r="G40909" s="1" t="s">
        <v>140124</v>
      </c>
      <c r="H40909" s="1" t="s">
        <v>140125</v>
      </c>
      <c r="I40909" s="1" t="s">
        <v>135900</v>
      </c>
      <c r="J40909" s="1" t="s">
        <v>140173</v>
      </c>
    </row>
    <row r="40910" spans="1:10" x14ac:dyDescent="0.35">
      <c r="A40910" s="1" t="s">
        <v>121378</v>
      </c>
      <c r="B40910" s="1" t="s">
        <v>135894</v>
      </c>
      <c r="C40910" s="1" t="s">
        <v>115</v>
      </c>
      <c r="D40910" s="1" t="s">
        <v>140174</v>
      </c>
      <c r="E40910" s="1" t="s">
        <v>90248</v>
      </c>
      <c r="F40910" s="1" t="s">
        <v>140175</v>
      </c>
      <c r="G40910" s="1" t="s">
        <v>140124</v>
      </c>
      <c r="H40910" s="1" t="s">
        <v>140125</v>
      </c>
      <c r="I40910" s="1" t="s">
        <v>135900</v>
      </c>
      <c r="J40910" s="1" t="s">
        <v>140176</v>
      </c>
    </row>
    <row r="40911" spans="1:10" x14ac:dyDescent="0.35">
      <c r="A40911" s="1" t="s">
        <v>121378</v>
      </c>
      <c r="B40911" s="1" t="s">
        <v>135894</v>
      </c>
      <c r="C40911" s="1" t="s">
        <v>120</v>
      </c>
      <c r="D40911" s="1" t="s">
        <v>129207</v>
      </c>
      <c r="E40911" s="1" t="s">
        <v>128447</v>
      </c>
      <c r="F40911" s="1" t="s">
        <v>140177</v>
      </c>
      <c r="G40911" s="1" t="s">
        <v>140124</v>
      </c>
      <c r="H40911" s="1" t="s">
        <v>140125</v>
      </c>
      <c r="I40911" s="1" t="s">
        <v>135900</v>
      </c>
      <c r="J40911" s="1" t="s">
        <v>140178</v>
      </c>
    </row>
    <row r="40912" spans="1:10" x14ac:dyDescent="0.35">
      <c r="A40912" s="1" t="s">
        <v>121378</v>
      </c>
      <c r="B40912" s="1" t="s">
        <v>135894</v>
      </c>
      <c r="C40912" s="1" t="s">
        <v>125</v>
      </c>
      <c r="D40912" s="1" t="s">
        <v>101926</v>
      </c>
      <c r="E40912" s="1" t="s">
        <v>109208</v>
      </c>
      <c r="F40912" s="1" t="s">
        <v>140179</v>
      </c>
      <c r="G40912" s="1" t="s">
        <v>140124</v>
      </c>
      <c r="H40912" s="1" t="s">
        <v>140125</v>
      </c>
      <c r="I40912" s="1" t="s">
        <v>135900</v>
      </c>
      <c r="J40912" s="1" t="s">
        <v>140180</v>
      </c>
    </row>
    <row r="40913" spans="1:10" x14ac:dyDescent="0.35">
      <c r="A40913" s="1" t="s">
        <v>121378</v>
      </c>
      <c r="B40913" s="1" t="s">
        <v>135894</v>
      </c>
      <c r="C40913" s="1" t="s">
        <v>130</v>
      </c>
      <c r="D40913" s="1" t="s">
        <v>140181</v>
      </c>
      <c r="E40913" s="1" t="s">
        <v>130769</v>
      </c>
      <c r="F40913" s="1" t="s">
        <v>140182</v>
      </c>
      <c r="G40913" s="1" t="s">
        <v>140124</v>
      </c>
      <c r="H40913" s="1" t="s">
        <v>140125</v>
      </c>
      <c r="I40913" s="1" t="s">
        <v>135900</v>
      </c>
      <c r="J40913" s="1" t="s">
        <v>140183</v>
      </c>
    </row>
    <row r="40914" spans="1:10" x14ac:dyDescent="0.35">
      <c r="A40914" s="1" t="s">
        <v>121378</v>
      </c>
      <c r="B40914" s="1" t="s">
        <v>135894</v>
      </c>
      <c r="C40914" s="1" t="s">
        <v>135</v>
      </c>
      <c r="D40914" s="1" t="s">
        <v>24875</v>
      </c>
      <c r="E40914" s="1" t="s">
        <v>90268</v>
      </c>
      <c r="F40914" s="1" t="s">
        <v>140184</v>
      </c>
      <c r="G40914" s="1" t="s">
        <v>140124</v>
      </c>
      <c r="H40914" s="1" t="s">
        <v>140125</v>
      </c>
      <c r="I40914" s="1" t="s">
        <v>135900</v>
      </c>
      <c r="J40914" s="1" t="s">
        <v>140185</v>
      </c>
    </row>
    <row r="40915" spans="1:10" x14ac:dyDescent="0.35">
      <c r="A40915" s="1" t="s">
        <v>121378</v>
      </c>
      <c r="B40915" s="1" t="s">
        <v>135894</v>
      </c>
      <c r="C40915" s="1" t="s">
        <v>140</v>
      </c>
      <c r="D40915" s="1" t="s">
        <v>140186</v>
      </c>
      <c r="E40915" s="1" t="s">
        <v>48136</v>
      </c>
      <c r="F40915" s="1" t="s">
        <v>140187</v>
      </c>
      <c r="G40915" s="1" t="s">
        <v>140124</v>
      </c>
      <c r="H40915" s="1" t="s">
        <v>140125</v>
      </c>
      <c r="I40915" s="1" t="s">
        <v>135900</v>
      </c>
      <c r="J40915" s="1" t="s">
        <v>140188</v>
      </c>
    </row>
    <row r="40916" spans="1:10" x14ac:dyDescent="0.35">
      <c r="A40916" s="1" t="s">
        <v>121378</v>
      </c>
      <c r="B40916" s="1" t="s">
        <v>135894</v>
      </c>
      <c r="C40916" s="1" t="s">
        <v>145</v>
      </c>
      <c r="D40916" s="1" t="s">
        <v>140189</v>
      </c>
      <c r="E40916" s="1" t="s">
        <v>30670</v>
      </c>
      <c r="F40916" s="1" t="s">
        <v>140190</v>
      </c>
      <c r="G40916" s="1" t="s">
        <v>140124</v>
      </c>
      <c r="H40916" s="1" t="s">
        <v>140125</v>
      </c>
      <c r="I40916" s="1" t="s">
        <v>135900</v>
      </c>
      <c r="J40916" s="1" t="s">
        <v>140191</v>
      </c>
    </row>
    <row r="40917" spans="1:10" x14ac:dyDescent="0.35">
      <c r="A40917" s="1" t="s">
        <v>121378</v>
      </c>
      <c r="B40917" s="1" t="s">
        <v>135894</v>
      </c>
      <c r="C40917" s="1" t="s">
        <v>150</v>
      </c>
      <c r="D40917" s="1" t="s">
        <v>91706</v>
      </c>
      <c r="E40917" s="1" t="s">
        <v>129566</v>
      </c>
      <c r="F40917" s="1" t="s">
        <v>140192</v>
      </c>
      <c r="G40917" s="1" t="s">
        <v>140124</v>
      </c>
      <c r="H40917" s="1" t="s">
        <v>140125</v>
      </c>
      <c r="I40917" s="1" t="s">
        <v>135900</v>
      </c>
      <c r="J40917" s="1" t="s">
        <v>140193</v>
      </c>
    </row>
    <row r="40918" spans="1:10" x14ac:dyDescent="0.35">
      <c r="A40918" s="1" t="s">
        <v>121378</v>
      </c>
      <c r="B40918" s="1" t="s">
        <v>135894</v>
      </c>
      <c r="C40918" s="1" t="s">
        <v>155</v>
      </c>
      <c r="D40918" s="1" t="s">
        <v>41330</v>
      </c>
      <c r="E40918" s="1" t="s">
        <v>140144</v>
      </c>
      <c r="F40918" s="1" t="s">
        <v>140194</v>
      </c>
      <c r="G40918" s="1" t="s">
        <v>140124</v>
      </c>
      <c r="H40918" s="1" t="s">
        <v>140125</v>
      </c>
      <c r="I40918" s="1" t="s">
        <v>135900</v>
      </c>
      <c r="J40918" s="1" t="s">
        <v>140195</v>
      </c>
    </row>
    <row r="40919" spans="1:10" x14ac:dyDescent="0.35">
      <c r="A40919" s="1" t="s">
        <v>121378</v>
      </c>
      <c r="B40919" s="1" t="s">
        <v>135894</v>
      </c>
      <c r="C40919" s="1" t="s">
        <v>160</v>
      </c>
      <c r="D40919" s="1" t="s">
        <v>85899</v>
      </c>
      <c r="E40919" s="1" t="s">
        <v>70881</v>
      </c>
      <c r="F40919" s="1" t="s">
        <v>140196</v>
      </c>
      <c r="G40919" s="1" t="s">
        <v>140124</v>
      </c>
      <c r="H40919" s="1" t="s">
        <v>140125</v>
      </c>
      <c r="I40919" s="1" t="s">
        <v>135900</v>
      </c>
      <c r="J40919" s="1" t="s">
        <v>140197</v>
      </c>
    </row>
    <row r="40920" spans="1:10" x14ac:dyDescent="0.35">
      <c r="A40920" s="1" t="s">
        <v>121378</v>
      </c>
      <c r="B40920" s="1" t="s">
        <v>135894</v>
      </c>
      <c r="C40920" s="1" t="s">
        <v>165</v>
      </c>
      <c r="D40920" s="1" t="s">
        <v>64807</v>
      </c>
      <c r="E40920" s="1" t="s">
        <v>128955</v>
      </c>
      <c r="F40920" s="1" t="s">
        <v>140198</v>
      </c>
      <c r="G40920" s="1" t="s">
        <v>140124</v>
      </c>
      <c r="H40920" s="1" t="s">
        <v>140125</v>
      </c>
      <c r="I40920" s="1" t="s">
        <v>135900</v>
      </c>
      <c r="J40920" s="1" t="s">
        <v>140199</v>
      </c>
    </row>
    <row r="40921" spans="1:10" x14ac:dyDescent="0.35">
      <c r="A40921" s="1" t="s">
        <v>121378</v>
      </c>
      <c r="B40921" s="1" t="s">
        <v>135894</v>
      </c>
      <c r="C40921" s="1" t="s">
        <v>170</v>
      </c>
      <c r="D40921" s="1" t="s">
        <v>140200</v>
      </c>
      <c r="E40921" s="1" t="s">
        <v>127247</v>
      </c>
      <c r="F40921" s="1" t="s">
        <v>140201</v>
      </c>
      <c r="G40921" s="1" t="s">
        <v>140124</v>
      </c>
      <c r="H40921" s="1" t="s">
        <v>140125</v>
      </c>
      <c r="I40921" s="1" t="s">
        <v>135900</v>
      </c>
      <c r="J40921" s="1" t="s">
        <v>140202</v>
      </c>
    </row>
    <row r="40922" spans="1:10" x14ac:dyDescent="0.35">
      <c r="A40922" s="1" t="s">
        <v>13119</v>
      </c>
      <c r="B40922" s="1" t="s">
        <v>135894</v>
      </c>
      <c r="C40922" s="1" t="s">
        <v>8</v>
      </c>
      <c r="D40922" s="1" t="s">
        <v>140203</v>
      </c>
      <c r="E40922" s="1" t="s">
        <v>140204</v>
      </c>
      <c r="F40922" s="1" t="s">
        <v>140205</v>
      </c>
      <c r="G40922" s="1" t="s">
        <v>140206</v>
      </c>
      <c r="H40922" s="1" t="s">
        <v>140207</v>
      </c>
      <c r="I40922" s="1" t="s">
        <v>135900</v>
      </c>
      <c r="J40922" s="1" t="s">
        <v>13</v>
      </c>
    </row>
    <row r="40923" spans="1:10" x14ac:dyDescent="0.35">
      <c r="A40923" s="1" t="s">
        <v>13119</v>
      </c>
      <c r="B40923" s="1" t="s">
        <v>135894</v>
      </c>
      <c r="C40923" s="1" t="s">
        <v>15</v>
      </c>
      <c r="D40923" s="1" t="s">
        <v>140208</v>
      </c>
      <c r="E40923" s="1" t="s">
        <v>140209</v>
      </c>
      <c r="F40923" s="1" t="s">
        <v>140210</v>
      </c>
      <c r="G40923" s="1" t="s">
        <v>140206</v>
      </c>
      <c r="H40923" s="1" t="s">
        <v>140207</v>
      </c>
      <c r="I40923" s="1" t="s">
        <v>135900</v>
      </c>
      <c r="J40923" s="1" t="s">
        <v>140211</v>
      </c>
    </row>
    <row r="40924" spans="1:10" x14ac:dyDescent="0.35">
      <c r="A40924" s="1" t="s">
        <v>13119</v>
      </c>
      <c r="B40924" s="1" t="s">
        <v>135894</v>
      </c>
      <c r="C40924" s="1" t="s">
        <v>20</v>
      </c>
      <c r="D40924" s="1" t="s">
        <v>140212</v>
      </c>
      <c r="E40924" s="1" t="s">
        <v>140213</v>
      </c>
      <c r="F40924" s="1" t="s">
        <v>140214</v>
      </c>
      <c r="G40924" s="1" t="s">
        <v>140206</v>
      </c>
      <c r="H40924" s="1" t="s">
        <v>140207</v>
      </c>
      <c r="I40924" s="1" t="s">
        <v>135900</v>
      </c>
      <c r="J40924" s="1" t="s">
        <v>140215</v>
      </c>
    </row>
    <row r="40925" spans="1:10" x14ac:dyDescent="0.35">
      <c r="A40925" s="1" t="s">
        <v>13119</v>
      </c>
      <c r="B40925" s="1" t="s">
        <v>135894</v>
      </c>
      <c r="C40925" s="1" t="s">
        <v>25</v>
      </c>
      <c r="D40925" s="1" t="s">
        <v>140216</v>
      </c>
      <c r="E40925" s="1" t="s">
        <v>140217</v>
      </c>
      <c r="F40925" s="1" t="s">
        <v>140218</v>
      </c>
      <c r="G40925" s="1" t="s">
        <v>140206</v>
      </c>
      <c r="H40925" s="1" t="s">
        <v>140207</v>
      </c>
      <c r="I40925" s="1" t="s">
        <v>135900</v>
      </c>
      <c r="J40925" s="1" t="s">
        <v>140219</v>
      </c>
    </row>
    <row r="40926" spans="1:10" x14ac:dyDescent="0.35">
      <c r="A40926" s="1" t="s">
        <v>13119</v>
      </c>
      <c r="B40926" s="1" t="s">
        <v>135894</v>
      </c>
      <c r="C40926" s="1" t="s">
        <v>30</v>
      </c>
      <c r="D40926" s="1" t="s">
        <v>140220</v>
      </c>
      <c r="E40926" s="1" t="s">
        <v>140221</v>
      </c>
      <c r="F40926" s="1" t="s">
        <v>140222</v>
      </c>
      <c r="G40926" s="1" t="s">
        <v>140206</v>
      </c>
      <c r="H40926" s="1" t="s">
        <v>140207</v>
      </c>
      <c r="I40926" s="1" t="s">
        <v>135900</v>
      </c>
      <c r="J40926" s="1" t="s">
        <v>140223</v>
      </c>
    </row>
    <row r="40927" spans="1:10" x14ac:dyDescent="0.35">
      <c r="A40927" s="1" t="s">
        <v>13119</v>
      </c>
      <c r="B40927" s="1" t="s">
        <v>135894</v>
      </c>
      <c r="C40927" s="1" t="s">
        <v>35</v>
      </c>
      <c r="D40927" s="1" t="s">
        <v>140224</v>
      </c>
      <c r="E40927" s="1" t="s">
        <v>140225</v>
      </c>
      <c r="F40927" s="1" t="s">
        <v>140226</v>
      </c>
      <c r="G40927" s="1" t="s">
        <v>140206</v>
      </c>
      <c r="H40927" s="1" t="s">
        <v>140207</v>
      </c>
      <c r="I40927" s="1" t="s">
        <v>135900</v>
      </c>
      <c r="J40927" s="1" t="s">
        <v>140227</v>
      </c>
    </row>
    <row r="40928" spans="1:10" x14ac:dyDescent="0.35">
      <c r="A40928" s="1" t="s">
        <v>13119</v>
      </c>
      <c r="B40928" s="1" t="s">
        <v>135894</v>
      </c>
      <c r="C40928" s="1" t="s">
        <v>40</v>
      </c>
      <c r="D40928" s="1" t="s">
        <v>140228</v>
      </c>
      <c r="E40928" s="1" t="s">
        <v>140229</v>
      </c>
      <c r="F40928" s="1" t="s">
        <v>140230</v>
      </c>
      <c r="G40928" s="1" t="s">
        <v>140206</v>
      </c>
      <c r="H40928" s="1" t="s">
        <v>140207</v>
      </c>
      <c r="I40928" s="1" t="s">
        <v>135900</v>
      </c>
      <c r="J40928" s="1" t="s">
        <v>140231</v>
      </c>
    </row>
    <row r="40929" spans="1:10" x14ac:dyDescent="0.35">
      <c r="A40929" s="1" t="s">
        <v>13119</v>
      </c>
      <c r="B40929" s="1" t="s">
        <v>135894</v>
      </c>
      <c r="C40929" s="1" t="s">
        <v>45</v>
      </c>
      <c r="D40929" s="1" t="s">
        <v>140232</v>
      </c>
      <c r="E40929" s="1" t="s">
        <v>140233</v>
      </c>
      <c r="F40929" s="1" t="s">
        <v>140234</v>
      </c>
      <c r="G40929" s="1" t="s">
        <v>140206</v>
      </c>
      <c r="H40929" s="1" t="s">
        <v>140207</v>
      </c>
      <c r="I40929" s="1" t="s">
        <v>135900</v>
      </c>
      <c r="J40929" s="1" t="s">
        <v>140235</v>
      </c>
    </row>
    <row r="40930" spans="1:10" x14ac:dyDescent="0.35">
      <c r="A40930" s="1" t="s">
        <v>13119</v>
      </c>
      <c r="B40930" s="1" t="s">
        <v>135894</v>
      </c>
      <c r="C40930" s="1" t="s">
        <v>50</v>
      </c>
      <c r="D40930" s="1" t="s">
        <v>140236</v>
      </c>
      <c r="E40930" s="1" t="s">
        <v>140237</v>
      </c>
      <c r="F40930" s="1" t="s">
        <v>140238</v>
      </c>
      <c r="G40930" s="1" t="s">
        <v>140206</v>
      </c>
      <c r="H40930" s="1" t="s">
        <v>140207</v>
      </c>
      <c r="I40930" s="1" t="s">
        <v>135900</v>
      </c>
      <c r="J40930" s="1" t="s">
        <v>140239</v>
      </c>
    </row>
    <row r="40931" spans="1:10" x14ac:dyDescent="0.35">
      <c r="A40931" s="1" t="s">
        <v>13119</v>
      </c>
      <c r="B40931" s="1" t="s">
        <v>135894</v>
      </c>
      <c r="C40931" s="1" t="s">
        <v>55</v>
      </c>
      <c r="D40931" s="1" t="s">
        <v>140240</v>
      </c>
      <c r="E40931" s="1" t="s">
        <v>140241</v>
      </c>
      <c r="F40931" s="1" t="s">
        <v>140242</v>
      </c>
      <c r="G40931" s="1" t="s">
        <v>140206</v>
      </c>
      <c r="H40931" s="1" t="s">
        <v>140207</v>
      </c>
      <c r="I40931" s="1" t="s">
        <v>135900</v>
      </c>
      <c r="J40931" s="1" t="s">
        <v>140243</v>
      </c>
    </row>
    <row r="40932" spans="1:10" x14ac:dyDescent="0.35">
      <c r="A40932" s="1" t="s">
        <v>13119</v>
      </c>
      <c r="B40932" s="1" t="s">
        <v>135894</v>
      </c>
      <c r="C40932" s="1" t="s">
        <v>60</v>
      </c>
      <c r="D40932" s="1" t="s">
        <v>140244</v>
      </c>
      <c r="E40932" s="1" t="s">
        <v>140245</v>
      </c>
      <c r="F40932" s="1" t="s">
        <v>140246</v>
      </c>
      <c r="G40932" s="1" t="s">
        <v>140206</v>
      </c>
      <c r="H40932" s="1" t="s">
        <v>140207</v>
      </c>
      <c r="I40932" s="1" t="s">
        <v>135900</v>
      </c>
      <c r="J40932" s="1" t="s">
        <v>140247</v>
      </c>
    </row>
    <row r="40933" spans="1:10" x14ac:dyDescent="0.35">
      <c r="A40933" s="1" t="s">
        <v>13119</v>
      </c>
      <c r="B40933" s="1" t="s">
        <v>135894</v>
      </c>
      <c r="C40933" s="1" t="s">
        <v>65</v>
      </c>
      <c r="D40933" s="1" t="s">
        <v>140248</v>
      </c>
      <c r="E40933" s="1" t="s">
        <v>140249</v>
      </c>
      <c r="F40933" s="1" t="s">
        <v>140250</v>
      </c>
      <c r="G40933" s="1" t="s">
        <v>140206</v>
      </c>
      <c r="H40933" s="1" t="s">
        <v>140207</v>
      </c>
      <c r="I40933" s="1" t="s">
        <v>135900</v>
      </c>
      <c r="J40933" s="1" t="s">
        <v>140251</v>
      </c>
    </row>
    <row r="40934" spans="1:10" x14ac:dyDescent="0.35">
      <c r="A40934" s="1" t="s">
        <v>13119</v>
      </c>
      <c r="B40934" s="1" t="s">
        <v>135894</v>
      </c>
      <c r="C40934" s="1" t="s">
        <v>70</v>
      </c>
      <c r="D40934" s="1" t="s">
        <v>140252</v>
      </c>
      <c r="E40934" s="1" t="s">
        <v>140253</v>
      </c>
      <c r="F40934" s="1" t="s">
        <v>140254</v>
      </c>
      <c r="G40934" s="1" t="s">
        <v>140206</v>
      </c>
      <c r="H40934" s="1" t="s">
        <v>140207</v>
      </c>
      <c r="I40934" s="1" t="s">
        <v>135900</v>
      </c>
      <c r="J40934" s="1" t="s">
        <v>140255</v>
      </c>
    </row>
    <row r="40935" spans="1:10" x14ac:dyDescent="0.35">
      <c r="A40935" s="1" t="s">
        <v>13119</v>
      </c>
      <c r="B40935" s="1" t="s">
        <v>135894</v>
      </c>
      <c r="C40935" s="1" t="s">
        <v>75</v>
      </c>
      <c r="D40935" s="1" t="s">
        <v>140256</v>
      </c>
      <c r="E40935" s="1" t="s">
        <v>140257</v>
      </c>
      <c r="F40935" s="1" t="s">
        <v>140258</v>
      </c>
      <c r="G40935" s="1" t="s">
        <v>140206</v>
      </c>
      <c r="H40935" s="1" t="s">
        <v>140207</v>
      </c>
      <c r="I40935" s="1" t="s">
        <v>135900</v>
      </c>
      <c r="J40935" s="1" t="s">
        <v>140259</v>
      </c>
    </row>
    <row r="40936" spans="1:10" x14ac:dyDescent="0.35">
      <c r="A40936" s="1" t="s">
        <v>13119</v>
      </c>
      <c r="B40936" s="1" t="s">
        <v>135894</v>
      </c>
      <c r="C40936" s="1" t="s">
        <v>80</v>
      </c>
      <c r="D40936" s="1" t="s">
        <v>140260</v>
      </c>
      <c r="E40936" s="1" t="s">
        <v>140261</v>
      </c>
      <c r="F40936" s="1" t="s">
        <v>140262</v>
      </c>
      <c r="G40936" s="1" t="s">
        <v>140206</v>
      </c>
      <c r="H40936" s="1" t="s">
        <v>140207</v>
      </c>
      <c r="I40936" s="1" t="s">
        <v>135900</v>
      </c>
      <c r="J40936" s="1" t="s">
        <v>140263</v>
      </c>
    </row>
    <row r="40937" spans="1:10" x14ac:dyDescent="0.35">
      <c r="A40937" s="1" t="s">
        <v>13119</v>
      </c>
      <c r="B40937" s="1" t="s">
        <v>135894</v>
      </c>
      <c r="C40937" s="1" t="s">
        <v>85</v>
      </c>
      <c r="D40937" s="1" t="s">
        <v>140264</v>
      </c>
      <c r="E40937" s="1" t="s">
        <v>140265</v>
      </c>
      <c r="F40937" s="1" t="s">
        <v>140266</v>
      </c>
      <c r="G40937" s="1" t="s">
        <v>140206</v>
      </c>
      <c r="H40937" s="1" t="s">
        <v>140207</v>
      </c>
      <c r="I40937" s="1" t="s">
        <v>135900</v>
      </c>
      <c r="J40937" s="1" t="s">
        <v>140267</v>
      </c>
    </row>
    <row r="40938" spans="1:10" x14ac:dyDescent="0.35">
      <c r="A40938" s="1" t="s">
        <v>13119</v>
      </c>
      <c r="B40938" s="1" t="s">
        <v>135894</v>
      </c>
      <c r="C40938" s="1" t="s">
        <v>90</v>
      </c>
      <c r="D40938" s="1" t="s">
        <v>140268</v>
      </c>
      <c r="E40938" s="1" t="s">
        <v>140269</v>
      </c>
      <c r="F40938" s="1" t="s">
        <v>140270</v>
      </c>
      <c r="G40938" s="1" t="s">
        <v>140206</v>
      </c>
      <c r="H40938" s="1" t="s">
        <v>140207</v>
      </c>
      <c r="I40938" s="1" t="s">
        <v>135900</v>
      </c>
      <c r="J40938" s="1" t="s">
        <v>140271</v>
      </c>
    </row>
    <row r="40939" spans="1:10" x14ac:dyDescent="0.35">
      <c r="A40939" s="1" t="s">
        <v>13119</v>
      </c>
      <c r="B40939" s="1" t="s">
        <v>135894</v>
      </c>
      <c r="C40939" s="1" t="s">
        <v>95</v>
      </c>
      <c r="D40939" s="1" t="s">
        <v>140272</v>
      </c>
      <c r="E40939" s="1" t="s">
        <v>140273</v>
      </c>
      <c r="F40939" s="1" t="s">
        <v>140274</v>
      </c>
      <c r="G40939" s="1" t="s">
        <v>140206</v>
      </c>
      <c r="H40939" s="1" t="s">
        <v>140207</v>
      </c>
      <c r="I40939" s="1" t="s">
        <v>135900</v>
      </c>
      <c r="J40939" s="1" t="s">
        <v>140275</v>
      </c>
    </row>
    <row r="40940" spans="1:10" x14ac:dyDescent="0.35">
      <c r="A40940" s="1" t="s">
        <v>13119</v>
      </c>
      <c r="B40940" s="1" t="s">
        <v>135894</v>
      </c>
      <c r="C40940" s="1" t="s">
        <v>100</v>
      </c>
      <c r="D40940" s="1" t="s">
        <v>140276</v>
      </c>
      <c r="E40940" s="1" t="s">
        <v>140277</v>
      </c>
      <c r="F40940" s="1" t="s">
        <v>140278</v>
      </c>
      <c r="G40940" s="1" t="s">
        <v>140206</v>
      </c>
      <c r="H40940" s="1" t="s">
        <v>140207</v>
      </c>
      <c r="I40940" s="1" t="s">
        <v>135900</v>
      </c>
      <c r="J40940" s="1" t="s">
        <v>140279</v>
      </c>
    </row>
    <row r="40941" spans="1:10" x14ac:dyDescent="0.35">
      <c r="A40941" s="1" t="s">
        <v>13119</v>
      </c>
      <c r="B40941" s="1" t="s">
        <v>135894</v>
      </c>
      <c r="C40941" s="1" t="s">
        <v>105</v>
      </c>
      <c r="D40941" s="1" t="s">
        <v>140280</v>
      </c>
      <c r="E40941" s="1" t="s">
        <v>140281</v>
      </c>
      <c r="F40941" s="1" t="s">
        <v>140282</v>
      </c>
      <c r="G40941" s="1" t="s">
        <v>140206</v>
      </c>
      <c r="H40941" s="1" t="s">
        <v>140207</v>
      </c>
      <c r="I40941" s="1" t="s">
        <v>135900</v>
      </c>
      <c r="J40941" s="1" t="s">
        <v>140283</v>
      </c>
    </row>
    <row r="40942" spans="1:10" x14ac:dyDescent="0.35">
      <c r="A40942" s="1" t="s">
        <v>13119</v>
      </c>
      <c r="B40942" s="1" t="s">
        <v>135894</v>
      </c>
      <c r="C40942" s="1" t="s">
        <v>110</v>
      </c>
      <c r="D40942" s="1" t="s">
        <v>140284</v>
      </c>
      <c r="E40942" s="1" t="s">
        <v>140285</v>
      </c>
      <c r="F40942" s="1" t="s">
        <v>140286</v>
      </c>
      <c r="G40942" s="1" t="s">
        <v>140206</v>
      </c>
      <c r="H40942" s="1" t="s">
        <v>140207</v>
      </c>
      <c r="I40942" s="1" t="s">
        <v>135900</v>
      </c>
      <c r="J40942" s="1" t="s">
        <v>140287</v>
      </c>
    </row>
    <row r="40943" spans="1:10" x14ac:dyDescent="0.35">
      <c r="A40943" s="1" t="s">
        <v>13119</v>
      </c>
      <c r="B40943" s="1" t="s">
        <v>135894</v>
      </c>
      <c r="C40943" s="1" t="s">
        <v>115</v>
      </c>
      <c r="D40943" s="1" t="s">
        <v>140288</v>
      </c>
      <c r="E40943" s="1" t="s">
        <v>140289</v>
      </c>
      <c r="F40943" s="1" t="s">
        <v>140290</v>
      </c>
      <c r="G40943" s="1" t="s">
        <v>140206</v>
      </c>
      <c r="H40943" s="1" t="s">
        <v>140207</v>
      </c>
      <c r="I40943" s="1" t="s">
        <v>135900</v>
      </c>
      <c r="J40943" s="1" t="s">
        <v>140291</v>
      </c>
    </row>
    <row r="40944" spans="1:10" x14ac:dyDescent="0.35">
      <c r="A40944" s="1" t="s">
        <v>13119</v>
      </c>
      <c r="B40944" s="1" t="s">
        <v>135894</v>
      </c>
      <c r="C40944" s="1" t="s">
        <v>120</v>
      </c>
      <c r="D40944" s="1" t="s">
        <v>140292</v>
      </c>
      <c r="E40944" s="1" t="s">
        <v>140293</v>
      </c>
      <c r="F40944" s="1" t="s">
        <v>140294</v>
      </c>
      <c r="G40944" s="1" t="s">
        <v>140206</v>
      </c>
      <c r="H40944" s="1" t="s">
        <v>140207</v>
      </c>
      <c r="I40944" s="1" t="s">
        <v>135900</v>
      </c>
      <c r="J40944" s="1" t="s">
        <v>140295</v>
      </c>
    </row>
    <row r="40945" spans="1:10" x14ac:dyDescent="0.35">
      <c r="A40945" s="1" t="s">
        <v>13119</v>
      </c>
      <c r="B40945" s="1" t="s">
        <v>135894</v>
      </c>
      <c r="C40945" s="1" t="s">
        <v>125</v>
      </c>
      <c r="D40945" s="1" t="s">
        <v>140296</v>
      </c>
      <c r="E40945" s="1" t="s">
        <v>140297</v>
      </c>
      <c r="F40945" s="1" t="s">
        <v>140298</v>
      </c>
      <c r="G40945" s="1" t="s">
        <v>140206</v>
      </c>
      <c r="H40945" s="1" t="s">
        <v>140207</v>
      </c>
      <c r="I40945" s="1" t="s">
        <v>135900</v>
      </c>
      <c r="J40945" s="1" t="s">
        <v>140299</v>
      </c>
    </row>
    <row r="40946" spans="1:10" x14ac:dyDescent="0.35">
      <c r="A40946" s="1" t="s">
        <v>13119</v>
      </c>
      <c r="B40946" s="1" t="s">
        <v>135894</v>
      </c>
      <c r="C40946" s="1" t="s">
        <v>130</v>
      </c>
      <c r="D40946" s="1" t="s">
        <v>140300</v>
      </c>
      <c r="E40946" s="1" t="s">
        <v>140301</v>
      </c>
      <c r="F40946" s="1" t="s">
        <v>140302</v>
      </c>
      <c r="G40946" s="1" t="s">
        <v>140206</v>
      </c>
      <c r="H40946" s="1" t="s">
        <v>140207</v>
      </c>
      <c r="I40946" s="1" t="s">
        <v>135900</v>
      </c>
      <c r="J40946" s="1" t="s">
        <v>140303</v>
      </c>
    </row>
    <row r="40947" spans="1:10" x14ac:dyDescent="0.35">
      <c r="A40947" s="1" t="s">
        <v>13119</v>
      </c>
      <c r="B40947" s="1" t="s">
        <v>135894</v>
      </c>
      <c r="C40947" s="1" t="s">
        <v>135</v>
      </c>
      <c r="D40947" s="1" t="s">
        <v>140304</v>
      </c>
      <c r="E40947" s="1" t="s">
        <v>140305</v>
      </c>
      <c r="F40947" s="1" t="s">
        <v>140306</v>
      </c>
      <c r="G40947" s="1" t="s">
        <v>140206</v>
      </c>
      <c r="H40947" s="1" t="s">
        <v>140207</v>
      </c>
      <c r="I40947" s="1" t="s">
        <v>135900</v>
      </c>
      <c r="J40947" s="1" t="s">
        <v>140307</v>
      </c>
    </row>
    <row r="40948" spans="1:10" x14ac:dyDescent="0.35">
      <c r="A40948" s="1" t="s">
        <v>13119</v>
      </c>
      <c r="B40948" s="1" t="s">
        <v>135894</v>
      </c>
      <c r="C40948" s="1" t="s">
        <v>140</v>
      </c>
      <c r="D40948" s="1" t="s">
        <v>140308</v>
      </c>
      <c r="E40948" s="1" t="s">
        <v>140309</v>
      </c>
      <c r="F40948" s="1" t="s">
        <v>140310</v>
      </c>
      <c r="G40948" s="1" t="s">
        <v>140206</v>
      </c>
      <c r="H40948" s="1" t="s">
        <v>140207</v>
      </c>
      <c r="I40948" s="1" t="s">
        <v>135900</v>
      </c>
      <c r="J40948" s="1" t="s">
        <v>140311</v>
      </c>
    </row>
    <row r="40949" spans="1:10" x14ac:dyDescent="0.35">
      <c r="A40949" s="1" t="s">
        <v>13119</v>
      </c>
      <c r="B40949" s="1" t="s">
        <v>135894</v>
      </c>
      <c r="C40949" s="1" t="s">
        <v>145</v>
      </c>
      <c r="D40949" s="1" t="s">
        <v>140312</v>
      </c>
      <c r="E40949" s="1" t="s">
        <v>140313</v>
      </c>
      <c r="F40949" s="1" t="s">
        <v>140314</v>
      </c>
      <c r="G40949" s="1" t="s">
        <v>140206</v>
      </c>
      <c r="H40949" s="1" t="s">
        <v>140207</v>
      </c>
      <c r="I40949" s="1" t="s">
        <v>135900</v>
      </c>
      <c r="J40949" s="1" t="s">
        <v>140315</v>
      </c>
    </row>
    <row r="40950" spans="1:10" x14ac:dyDescent="0.35">
      <c r="A40950" s="1" t="s">
        <v>13119</v>
      </c>
      <c r="B40950" s="1" t="s">
        <v>135894</v>
      </c>
      <c r="C40950" s="1" t="s">
        <v>150</v>
      </c>
      <c r="D40950" s="1" t="s">
        <v>140316</v>
      </c>
      <c r="E40950" s="1" t="s">
        <v>140317</v>
      </c>
      <c r="F40950" s="1" t="s">
        <v>140318</v>
      </c>
      <c r="G40950" s="1" t="s">
        <v>140206</v>
      </c>
      <c r="H40950" s="1" t="s">
        <v>140207</v>
      </c>
      <c r="I40950" s="1" t="s">
        <v>135900</v>
      </c>
      <c r="J40950" s="1" t="s">
        <v>140319</v>
      </c>
    </row>
    <row r="40951" spans="1:10" x14ac:dyDescent="0.35">
      <c r="A40951" s="1" t="s">
        <v>13119</v>
      </c>
      <c r="B40951" s="1" t="s">
        <v>135894</v>
      </c>
      <c r="C40951" s="1" t="s">
        <v>155</v>
      </c>
      <c r="D40951" s="1" t="s">
        <v>140320</v>
      </c>
      <c r="E40951" s="1" t="s">
        <v>140321</v>
      </c>
      <c r="F40951" s="1" t="s">
        <v>140322</v>
      </c>
      <c r="G40951" s="1" t="s">
        <v>140206</v>
      </c>
      <c r="H40951" s="1" t="s">
        <v>140207</v>
      </c>
      <c r="I40951" s="1" t="s">
        <v>135900</v>
      </c>
      <c r="J40951" s="1" t="s">
        <v>140323</v>
      </c>
    </row>
    <row r="40952" spans="1:10" x14ac:dyDescent="0.35">
      <c r="A40952" s="1" t="s">
        <v>13119</v>
      </c>
      <c r="B40952" s="1" t="s">
        <v>135894</v>
      </c>
      <c r="C40952" s="1" t="s">
        <v>160</v>
      </c>
      <c r="D40952" s="1" t="s">
        <v>140304</v>
      </c>
      <c r="E40952" s="1" t="s">
        <v>140324</v>
      </c>
      <c r="F40952" s="1" t="s">
        <v>140325</v>
      </c>
      <c r="G40952" s="1" t="s">
        <v>140206</v>
      </c>
      <c r="H40952" s="1" t="s">
        <v>140207</v>
      </c>
      <c r="I40952" s="1" t="s">
        <v>135900</v>
      </c>
      <c r="J40952" s="1" t="s">
        <v>140326</v>
      </c>
    </row>
    <row r="40953" spans="1:10" x14ac:dyDescent="0.35">
      <c r="A40953" s="1" t="s">
        <v>13119</v>
      </c>
      <c r="B40953" s="1" t="s">
        <v>135894</v>
      </c>
      <c r="C40953" s="1" t="s">
        <v>165</v>
      </c>
      <c r="D40953" s="1" t="s">
        <v>140327</v>
      </c>
      <c r="E40953" s="1" t="s">
        <v>140328</v>
      </c>
      <c r="F40953" s="1" t="s">
        <v>140329</v>
      </c>
      <c r="G40953" s="1" t="s">
        <v>140206</v>
      </c>
      <c r="H40953" s="1" t="s">
        <v>140207</v>
      </c>
      <c r="I40953" s="1" t="s">
        <v>135900</v>
      </c>
      <c r="J40953" s="1" t="s">
        <v>140330</v>
      </c>
    </row>
    <row r="40954" spans="1:10" x14ac:dyDescent="0.35">
      <c r="A40954" s="1" t="s">
        <v>13119</v>
      </c>
      <c r="B40954" s="1" t="s">
        <v>135894</v>
      </c>
      <c r="C40954" s="1" t="s">
        <v>170</v>
      </c>
      <c r="D40954" s="1" t="s">
        <v>140331</v>
      </c>
      <c r="E40954" s="1" t="s">
        <v>140332</v>
      </c>
      <c r="F40954" s="1" t="s">
        <v>140333</v>
      </c>
      <c r="G40954" s="1" t="s">
        <v>140206</v>
      </c>
      <c r="H40954" s="1" t="s">
        <v>140207</v>
      </c>
      <c r="I40954" s="1" t="s">
        <v>135900</v>
      </c>
      <c r="J40954" s="1" t="s">
        <v>140334</v>
      </c>
    </row>
    <row r="40955" spans="1:10" x14ac:dyDescent="0.35">
      <c r="A40955" s="1" t="s">
        <v>28041</v>
      </c>
      <c r="B40955" s="1" t="s">
        <v>135894</v>
      </c>
      <c r="C40955" s="1" t="s">
        <v>8</v>
      </c>
      <c r="D40955" s="1" t="s">
        <v>140335</v>
      </c>
      <c r="E40955" s="1" t="s">
        <v>140336</v>
      </c>
      <c r="F40955" s="1" t="s">
        <v>140337</v>
      </c>
      <c r="G40955" s="1" t="s">
        <v>140338</v>
      </c>
      <c r="H40955" s="1" t="s">
        <v>140339</v>
      </c>
      <c r="I40955" s="1" t="s">
        <v>135900</v>
      </c>
      <c r="J40955" s="1" t="s">
        <v>13</v>
      </c>
    </row>
    <row r="40956" spans="1:10" x14ac:dyDescent="0.35">
      <c r="A40956" s="1" t="s">
        <v>28041</v>
      </c>
      <c r="B40956" s="1" t="s">
        <v>135894</v>
      </c>
      <c r="C40956" s="1" t="s">
        <v>15</v>
      </c>
      <c r="D40956" s="1" t="s">
        <v>140340</v>
      </c>
      <c r="E40956" s="1" t="s">
        <v>140341</v>
      </c>
      <c r="F40956" s="1" t="s">
        <v>140342</v>
      </c>
      <c r="G40956" s="1" t="s">
        <v>140338</v>
      </c>
      <c r="H40956" s="1" t="s">
        <v>140339</v>
      </c>
      <c r="I40956" s="1" t="s">
        <v>135900</v>
      </c>
      <c r="J40956" s="1" t="s">
        <v>140343</v>
      </c>
    </row>
    <row r="40957" spans="1:10" x14ac:dyDescent="0.35">
      <c r="A40957" s="1" t="s">
        <v>28041</v>
      </c>
      <c r="B40957" s="1" t="s">
        <v>135894</v>
      </c>
      <c r="C40957" s="1" t="s">
        <v>20</v>
      </c>
      <c r="D40957" s="1" t="s">
        <v>66681</v>
      </c>
      <c r="E40957" s="1" t="s">
        <v>140344</v>
      </c>
      <c r="F40957" s="1" t="s">
        <v>140345</v>
      </c>
      <c r="G40957" s="1" t="s">
        <v>140338</v>
      </c>
      <c r="H40957" s="1" t="s">
        <v>140339</v>
      </c>
      <c r="I40957" s="1" t="s">
        <v>135900</v>
      </c>
      <c r="J40957" s="1" t="s">
        <v>140346</v>
      </c>
    </row>
    <row r="40958" spans="1:10" x14ac:dyDescent="0.35">
      <c r="A40958" s="1" t="s">
        <v>28041</v>
      </c>
      <c r="B40958" s="1" t="s">
        <v>135894</v>
      </c>
      <c r="C40958" s="1" t="s">
        <v>25</v>
      </c>
      <c r="D40958" s="1" t="s">
        <v>54181</v>
      </c>
      <c r="E40958" s="1" t="s">
        <v>140347</v>
      </c>
      <c r="F40958" s="1" t="s">
        <v>140348</v>
      </c>
      <c r="G40958" s="1" t="s">
        <v>140338</v>
      </c>
      <c r="H40958" s="1" t="s">
        <v>140339</v>
      </c>
      <c r="I40958" s="1" t="s">
        <v>135900</v>
      </c>
      <c r="J40958" s="1" t="s">
        <v>140349</v>
      </c>
    </row>
    <row r="40959" spans="1:10" x14ac:dyDescent="0.35">
      <c r="A40959" s="1" t="s">
        <v>28041</v>
      </c>
      <c r="B40959" s="1" t="s">
        <v>135894</v>
      </c>
      <c r="C40959" s="1" t="s">
        <v>30</v>
      </c>
      <c r="D40959" s="1" t="s">
        <v>86259</v>
      </c>
      <c r="E40959" s="1" t="s">
        <v>140350</v>
      </c>
      <c r="F40959" s="1" t="s">
        <v>140351</v>
      </c>
      <c r="G40959" s="1" t="s">
        <v>140338</v>
      </c>
      <c r="H40959" s="1" t="s">
        <v>140339</v>
      </c>
      <c r="I40959" s="1" t="s">
        <v>135900</v>
      </c>
      <c r="J40959" s="1" t="s">
        <v>140352</v>
      </c>
    </row>
    <row r="40960" spans="1:10" x14ac:dyDescent="0.35">
      <c r="A40960" s="1" t="s">
        <v>28041</v>
      </c>
      <c r="B40960" s="1" t="s">
        <v>135894</v>
      </c>
      <c r="C40960" s="1" t="s">
        <v>35</v>
      </c>
      <c r="D40960" s="1" t="s">
        <v>140353</v>
      </c>
      <c r="E40960" s="1" t="s">
        <v>140354</v>
      </c>
      <c r="F40960" s="1" t="s">
        <v>140355</v>
      </c>
      <c r="G40960" s="1" t="s">
        <v>140338</v>
      </c>
      <c r="H40960" s="1" t="s">
        <v>140339</v>
      </c>
      <c r="I40960" s="1" t="s">
        <v>135900</v>
      </c>
      <c r="J40960" s="1" t="s">
        <v>140356</v>
      </c>
    </row>
    <row r="40961" spans="1:10" x14ac:dyDescent="0.35">
      <c r="A40961" s="1" t="s">
        <v>28041</v>
      </c>
      <c r="B40961" s="1" t="s">
        <v>135894</v>
      </c>
      <c r="C40961" s="1" t="s">
        <v>40</v>
      </c>
      <c r="D40961" s="1" t="s">
        <v>61514</v>
      </c>
      <c r="E40961" s="1" t="s">
        <v>140357</v>
      </c>
      <c r="F40961" s="1" t="s">
        <v>140358</v>
      </c>
      <c r="G40961" s="1" t="s">
        <v>140338</v>
      </c>
      <c r="H40961" s="1" t="s">
        <v>140339</v>
      </c>
      <c r="I40961" s="1" t="s">
        <v>135900</v>
      </c>
      <c r="J40961" s="1" t="s">
        <v>140359</v>
      </c>
    </row>
    <row r="40962" spans="1:10" x14ac:dyDescent="0.35">
      <c r="A40962" s="1" t="s">
        <v>28041</v>
      </c>
      <c r="B40962" s="1" t="s">
        <v>135894</v>
      </c>
      <c r="C40962" s="1" t="s">
        <v>45</v>
      </c>
      <c r="D40962" s="1" t="s">
        <v>26445</v>
      </c>
      <c r="E40962" s="1" t="s">
        <v>140360</v>
      </c>
      <c r="F40962" s="1" t="s">
        <v>140361</v>
      </c>
      <c r="G40962" s="1" t="s">
        <v>140338</v>
      </c>
      <c r="H40962" s="1" t="s">
        <v>140339</v>
      </c>
      <c r="I40962" s="1" t="s">
        <v>135900</v>
      </c>
      <c r="J40962" s="1" t="s">
        <v>140362</v>
      </c>
    </row>
    <row r="40963" spans="1:10" x14ac:dyDescent="0.35">
      <c r="A40963" s="1" t="s">
        <v>28041</v>
      </c>
      <c r="B40963" s="1" t="s">
        <v>135894</v>
      </c>
      <c r="C40963" s="1" t="s">
        <v>50</v>
      </c>
      <c r="D40963" s="1" t="s">
        <v>61920</v>
      </c>
      <c r="E40963" s="1" t="s">
        <v>140363</v>
      </c>
      <c r="F40963" s="1" t="s">
        <v>140364</v>
      </c>
      <c r="G40963" s="1" t="s">
        <v>140338</v>
      </c>
      <c r="H40963" s="1" t="s">
        <v>140339</v>
      </c>
      <c r="I40963" s="1" t="s">
        <v>135900</v>
      </c>
      <c r="J40963" s="1" t="s">
        <v>140365</v>
      </c>
    </row>
    <row r="40964" spans="1:10" x14ac:dyDescent="0.35">
      <c r="A40964" s="1" t="s">
        <v>28041</v>
      </c>
      <c r="B40964" s="1" t="s">
        <v>135894</v>
      </c>
      <c r="C40964" s="1" t="s">
        <v>55</v>
      </c>
      <c r="D40964" s="1" t="s">
        <v>140366</v>
      </c>
      <c r="E40964" s="1" t="s">
        <v>140367</v>
      </c>
      <c r="F40964" s="1" t="s">
        <v>140368</v>
      </c>
      <c r="G40964" s="1" t="s">
        <v>140338</v>
      </c>
      <c r="H40964" s="1" t="s">
        <v>140339</v>
      </c>
      <c r="I40964" s="1" t="s">
        <v>135900</v>
      </c>
      <c r="J40964" s="1" t="s">
        <v>140369</v>
      </c>
    </row>
    <row r="40965" spans="1:10" x14ac:dyDescent="0.35">
      <c r="A40965" s="1" t="s">
        <v>28041</v>
      </c>
      <c r="B40965" s="1" t="s">
        <v>135894</v>
      </c>
      <c r="C40965" s="1" t="s">
        <v>60</v>
      </c>
      <c r="D40965" s="1" t="s">
        <v>79205</v>
      </c>
      <c r="E40965" s="1" t="s">
        <v>140370</v>
      </c>
      <c r="F40965" s="1" t="s">
        <v>140371</v>
      </c>
      <c r="G40965" s="1" t="s">
        <v>140338</v>
      </c>
      <c r="H40965" s="1" t="s">
        <v>140339</v>
      </c>
      <c r="I40965" s="1" t="s">
        <v>135900</v>
      </c>
      <c r="J40965" s="1" t="s">
        <v>140372</v>
      </c>
    </row>
    <row r="40966" spans="1:10" x14ac:dyDescent="0.35">
      <c r="A40966" s="1" t="s">
        <v>28041</v>
      </c>
      <c r="B40966" s="1" t="s">
        <v>135894</v>
      </c>
      <c r="C40966" s="1" t="s">
        <v>65</v>
      </c>
      <c r="D40966" s="1" t="s">
        <v>93688</v>
      </c>
      <c r="E40966" s="1" t="s">
        <v>140373</v>
      </c>
      <c r="F40966" s="1" t="s">
        <v>140374</v>
      </c>
      <c r="G40966" s="1" t="s">
        <v>140338</v>
      </c>
      <c r="H40966" s="1" t="s">
        <v>140339</v>
      </c>
      <c r="I40966" s="1" t="s">
        <v>135900</v>
      </c>
      <c r="J40966" s="1" t="s">
        <v>140375</v>
      </c>
    </row>
    <row r="40967" spans="1:10" x14ac:dyDescent="0.35">
      <c r="A40967" s="1" t="s">
        <v>28041</v>
      </c>
      <c r="B40967" s="1" t="s">
        <v>135894</v>
      </c>
      <c r="C40967" s="1" t="s">
        <v>70</v>
      </c>
      <c r="D40967" s="1" t="s">
        <v>140376</v>
      </c>
      <c r="E40967" s="1" t="s">
        <v>140377</v>
      </c>
      <c r="F40967" s="1" t="s">
        <v>140378</v>
      </c>
      <c r="G40967" s="1" t="s">
        <v>140338</v>
      </c>
      <c r="H40967" s="1" t="s">
        <v>140339</v>
      </c>
      <c r="I40967" s="1" t="s">
        <v>135900</v>
      </c>
      <c r="J40967" s="1" t="s">
        <v>140379</v>
      </c>
    </row>
    <row r="40968" spans="1:10" x14ac:dyDescent="0.35">
      <c r="A40968" s="1" t="s">
        <v>28041</v>
      </c>
      <c r="B40968" s="1" t="s">
        <v>135894</v>
      </c>
      <c r="C40968" s="1" t="s">
        <v>75</v>
      </c>
      <c r="D40968" s="1" t="s">
        <v>140380</v>
      </c>
      <c r="E40968" s="1" t="s">
        <v>140381</v>
      </c>
      <c r="F40968" s="1" t="s">
        <v>140382</v>
      </c>
      <c r="G40968" s="1" t="s">
        <v>140338</v>
      </c>
      <c r="H40968" s="1" t="s">
        <v>140339</v>
      </c>
      <c r="I40968" s="1" t="s">
        <v>135900</v>
      </c>
      <c r="J40968" s="1" t="s">
        <v>140383</v>
      </c>
    </row>
    <row r="40969" spans="1:10" x14ac:dyDescent="0.35">
      <c r="A40969" s="1" t="s">
        <v>28041</v>
      </c>
      <c r="B40969" s="1" t="s">
        <v>135894</v>
      </c>
      <c r="C40969" s="1" t="s">
        <v>80</v>
      </c>
      <c r="D40969" s="1" t="s">
        <v>140384</v>
      </c>
      <c r="E40969" s="1" t="s">
        <v>140385</v>
      </c>
      <c r="F40969" s="1" t="s">
        <v>140386</v>
      </c>
      <c r="G40969" s="1" t="s">
        <v>140338</v>
      </c>
      <c r="H40969" s="1" t="s">
        <v>140339</v>
      </c>
      <c r="I40969" s="1" t="s">
        <v>135900</v>
      </c>
      <c r="J40969" s="1" t="s">
        <v>140387</v>
      </c>
    </row>
    <row r="40970" spans="1:10" x14ac:dyDescent="0.35">
      <c r="A40970" s="1" t="s">
        <v>28041</v>
      </c>
      <c r="B40970" s="1" t="s">
        <v>135894</v>
      </c>
      <c r="C40970" s="1" t="s">
        <v>85</v>
      </c>
      <c r="D40970" s="1" t="s">
        <v>103127</v>
      </c>
      <c r="E40970" s="1" t="s">
        <v>140388</v>
      </c>
      <c r="F40970" s="1" t="s">
        <v>140389</v>
      </c>
      <c r="G40970" s="1" t="s">
        <v>140338</v>
      </c>
      <c r="H40970" s="1" t="s">
        <v>140339</v>
      </c>
      <c r="I40970" s="1" t="s">
        <v>135900</v>
      </c>
      <c r="J40970" s="1" t="s">
        <v>140390</v>
      </c>
    </row>
    <row r="40971" spans="1:10" x14ac:dyDescent="0.35">
      <c r="A40971" s="1" t="s">
        <v>28041</v>
      </c>
      <c r="B40971" s="1" t="s">
        <v>135894</v>
      </c>
      <c r="C40971" s="1" t="s">
        <v>90</v>
      </c>
      <c r="D40971" s="1" t="s">
        <v>63711</v>
      </c>
      <c r="E40971" s="1" t="s">
        <v>140391</v>
      </c>
      <c r="F40971" s="1" t="s">
        <v>140392</v>
      </c>
      <c r="G40971" s="1" t="s">
        <v>140338</v>
      </c>
      <c r="H40971" s="1" t="s">
        <v>140339</v>
      </c>
      <c r="I40971" s="1" t="s">
        <v>135900</v>
      </c>
      <c r="J40971" s="1" t="s">
        <v>140393</v>
      </c>
    </row>
    <row r="40972" spans="1:10" x14ac:dyDescent="0.35">
      <c r="A40972" s="1" t="s">
        <v>28041</v>
      </c>
      <c r="B40972" s="1" t="s">
        <v>135894</v>
      </c>
      <c r="C40972" s="1" t="s">
        <v>95</v>
      </c>
      <c r="D40972" s="1" t="s">
        <v>138249</v>
      </c>
      <c r="E40972" s="1" t="s">
        <v>140394</v>
      </c>
      <c r="F40972" s="1" t="s">
        <v>140395</v>
      </c>
      <c r="G40972" s="1" t="s">
        <v>140338</v>
      </c>
      <c r="H40972" s="1" t="s">
        <v>140339</v>
      </c>
      <c r="I40972" s="1" t="s">
        <v>135900</v>
      </c>
      <c r="J40972" s="1" t="s">
        <v>140396</v>
      </c>
    </row>
    <row r="40973" spans="1:10" x14ac:dyDescent="0.35">
      <c r="A40973" s="1" t="s">
        <v>28041</v>
      </c>
      <c r="B40973" s="1" t="s">
        <v>135894</v>
      </c>
      <c r="C40973" s="1" t="s">
        <v>100</v>
      </c>
      <c r="D40973" s="1" t="s">
        <v>22149</v>
      </c>
      <c r="E40973" s="1" t="s">
        <v>140397</v>
      </c>
      <c r="F40973" s="1" t="s">
        <v>140398</v>
      </c>
      <c r="G40973" s="1" t="s">
        <v>140338</v>
      </c>
      <c r="H40973" s="1" t="s">
        <v>140339</v>
      </c>
      <c r="I40973" s="1" t="s">
        <v>135900</v>
      </c>
      <c r="J40973" s="1" t="s">
        <v>140399</v>
      </c>
    </row>
    <row r="40974" spans="1:10" x14ac:dyDescent="0.35">
      <c r="A40974" s="1" t="s">
        <v>28041</v>
      </c>
      <c r="B40974" s="1" t="s">
        <v>135894</v>
      </c>
      <c r="C40974" s="1" t="s">
        <v>105</v>
      </c>
      <c r="D40974" s="1" t="s">
        <v>88113</v>
      </c>
      <c r="E40974" s="1" t="s">
        <v>140400</v>
      </c>
      <c r="F40974" s="1" t="s">
        <v>140401</v>
      </c>
      <c r="G40974" s="1" t="s">
        <v>140338</v>
      </c>
      <c r="H40974" s="1" t="s">
        <v>140339</v>
      </c>
      <c r="I40974" s="1" t="s">
        <v>135900</v>
      </c>
      <c r="J40974" s="1" t="s">
        <v>140402</v>
      </c>
    </row>
    <row r="40975" spans="1:10" x14ac:dyDescent="0.35">
      <c r="A40975" s="1" t="s">
        <v>28041</v>
      </c>
      <c r="B40975" s="1" t="s">
        <v>135894</v>
      </c>
      <c r="C40975" s="1" t="s">
        <v>110</v>
      </c>
      <c r="D40975" s="1" t="s">
        <v>89607</v>
      </c>
      <c r="E40975" s="1" t="s">
        <v>140403</v>
      </c>
      <c r="F40975" s="1" t="s">
        <v>140404</v>
      </c>
      <c r="G40975" s="1" t="s">
        <v>140338</v>
      </c>
      <c r="H40975" s="1" t="s">
        <v>140339</v>
      </c>
      <c r="I40975" s="1" t="s">
        <v>135900</v>
      </c>
      <c r="J40975" s="1" t="s">
        <v>140405</v>
      </c>
    </row>
    <row r="40976" spans="1:10" x14ac:dyDescent="0.35">
      <c r="A40976" s="1" t="s">
        <v>28041</v>
      </c>
      <c r="B40976" s="1" t="s">
        <v>135894</v>
      </c>
      <c r="C40976" s="1" t="s">
        <v>115</v>
      </c>
      <c r="D40976" s="1" t="s">
        <v>93378</v>
      </c>
      <c r="E40976" s="1" t="s">
        <v>140406</v>
      </c>
      <c r="F40976" s="1" t="s">
        <v>140407</v>
      </c>
      <c r="G40976" s="1" t="s">
        <v>140338</v>
      </c>
      <c r="H40976" s="1" t="s">
        <v>140339</v>
      </c>
      <c r="I40976" s="1" t="s">
        <v>135900</v>
      </c>
      <c r="J40976" s="1" t="s">
        <v>140408</v>
      </c>
    </row>
    <row r="40977" spans="1:10" x14ac:dyDescent="0.35">
      <c r="A40977" s="1" t="s">
        <v>28041</v>
      </c>
      <c r="B40977" s="1" t="s">
        <v>135894</v>
      </c>
      <c r="C40977" s="1" t="s">
        <v>120</v>
      </c>
      <c r="D40977" s="1" t="s">
        <v>140409</v>
      </c>
      <c r="E40977" s="1" t="s">
        <v>140410</v>
      </c>
      <c r="F40977" s="1" t="s">
        <v>140411</v>
      </c>
      <c r="G40977" s="1" t="s">
        <v>140338</v>
      </c>
      <c r="H40977" s="1" t="s">
        <v>140339</v>
      </c>
      <c r="I40977" s="1" t="s">
        <v>135900</v>
      </c>
      <c r="J40977" s="1" t="s">
        <v>140412</v>
      </c>
    </row>
    <row r="40978" spans="1:10" x14ac:dyDescent="0.35">
      <c r="A40978" s="1" t="s">
        <v>28041</v>
      </c>
      <c r="B40978" s="1" t="s">
        <v>135894</v>
      </c>
      <c r="C40978" s="1" t="s">
        <v>125</v>
      </c>
      <c r="D40978" s="1" t="s">
        <v>64514</v>
      </c>
      <c r="E40978" s="1" t="s">
        <v>140413</v>
      </c>
      <c r="F40978" s="1" t="s">
        <v>140414</v>
      </c>
      <c r="G40978" s="1" t="s">
        <v>140338</v>
      </c>
      <c r="H40978" s="1" t="s">
        <v>140339</v>
      </c>
      <c r="I40978" s="1" t="s">
        <v>135900</v>
      </c>
      <c r="J40978" s="1" t="s">
        <v>140415</v>
      </c>
    </row>
    <row r="40979" spans="1:10" x14ac:dyDescent="0.35">
      <c r="A40979" s="1" t="s">
        <v>28041</v>
      </c>
      <c r="B40979" s="1" t="s">
        <v>135894</v>
      </c>
      <c r="C40979" s="1" t="s">
        <v>130</v>
      </c>
      <c r="D40979" s="1" t="s">
        <v>140416</v>
      </c>
      <c r="E40979" s="1" t="s">
        <v>140417</v>
      </c>
      <c r="F40979" s="1" t="s">
        <v>140418</v>
      </c>
      <c r="G40979" s="1" t="s">
        <v>140338</v>
      </c>
      <c r="H40979" s="1" t="s">
        <v>140339</v>
      </c>
      <c r="I40979" s="1" t="s">
        <v>135900</v>
      </c>
      <c r="J40979" s="1" t="s">
        <v>140419</v>
      </c>
    </row>
    <row r="40980" spans="1:10" x14ac:dyDescent="0.35">
      <c r="A40980" s="1" t="s">
        <v>28041</v>
      </c>
      <c r="B40980" s="1" t="s">
        <v>135894</v>
      </c>
      <c r="C40980" s="1" t="s">
        <v>135</v>
      </c>
      <c r="D40980" s="1" t="s">
        <v>64045</v>
      </c>
      <c r="E40980" s="1" t="s">
        <v>140420</v>
      </c>
      <c r="F40980" s="1" t="s">
        <v>140421</v>
      </c>
      <c r="G40980" s="1" t="s">
        <v>140338</v>
      </c>
      <c r="H40980" s="1" t="s">
        <v>140339</v>
      </c>
      <c r="I40980" s="1" t="s">
        <v>135900</v>
      </c>
      <c r="J40980" s="1" t="s">
        <v>140422</v>
      </c>
    </row>
    <row r="40981" spans="1:10" x14ac:dyDescent="0.35">
      <c r="A40981" s="1" t="s">
        <v>28041</v>
      </c>
      <c r="B40981" s="1" t="s">
        <v>135894</v>
      </c>
      <c r="C40981" s="1" t="s">
        <v>140</v>
      </c>
      <c r="D40981" s="1" t="s">
        <v>24691</v>
      </c>
      <c r="E40981" s="1" t="s">
        <v>140423</v>
      </c>
      <c r="F40981" s="1" t="s">
        <v>140424</v>
      </c>
      <c r="G40981" s="1" t="s">
        <v>140338</v>
      </c>
      <c r="H40981" s="1" t="s">
        <v>140339</v>
      </c>
      <c r="I40981" s="1" t="s">
        <v>135900</v>
      </c>
      <c r="J40981" s="1" t="s">
        <v>140425</v>
      </c>
    </row>
    <row r="40982" spans="1:10" x14ac:dyDescent="0.35">
      <c r="A40982" s="1" t="s">
        <v>28041</v>
      </c>
      <c r="B40982" s="1" t="s">
        <v>135894</v>
      </c>
      <c r="C40982" s="1" t="s">
        <v>145</v>
      </c>
      <c r="D40982" s="1" t="s">
        <v>140426</v>
      </c>
      <c r="E40982" s="1" t="s">
        <v>140427</v>
      </c>
      <c r="F40982" s="1" t="s">
        <v>140428</v>
      </c>
      <c r="G40982" s="1" t="s">
        <v>140338</v>
      </c>
      <c r="H40982" s="1" t="s">
        <v>140339</v>
      </c>
      <c r="I40982" s="1" t="s">
        <v>135900</v>
      </c>
      <c r="J40982" s="1" t="s">
        <v>140429</v>
      </c>
    </row>
    <row r="40983" spans="1:10" x14ac:dyDescent="0.35">
      <c r="A40983" s="1" t="s">
        <v>28041</v>
      </c>
      <c r="B40983" s="1" t="s">
        <v>135894</v>
      </c>
      <c r="C40983" s="1" t="s">
        <v>150</v>
      </c>
      <c r="D40983" s="1" t="s">
        <v>98809</v>
      </c>
      <c r="E40983" s="1" t="s">
        <v>140430</v>
      </c>
      <c r="F40983" s="1" t="s">
        <v>140431</v>
      </c>
      <c r="G40983" s="1" t="s">
        <v>140338</v>
      </c>
      <c r="H40983" s="1" t="s">
        <v>140339</v>
      </c>
      <c r="I40983" s="1" t="s">
        <v>135900</v>
      </c>
      <c r="J40983" s="1" t="s">
        <v>140432</v>
      </c>
    </row>
    <row r="40984" spans="1:10" x14ac:dyDescent="0.35">
      <c r="A40984" s="1" t="s">
        <v>28041</v>
      </c>
      <c r="B40984" s="1" t="s">
        <v>135894</v>
      </c>
      <c r="C40984" s="1" t="s">
        <v>155</v>
      </c>
      <c r="D40984" s="1" t="s">
        <v>109522</v>
      </c>
      <c r="E40984" s="1" t="s">
        <v>140433</v>
      </c>
      <c r="F40984" s="1" t="s">
        <v>140434</v>
      </c>
      <c r="G40984" s="1" t="s">
        <v>140338</v>
      </c>
      <c r="H40984" s="1" t="s">
        <v>140339</v>
      </c>
      <c r="I40984" s="1" t="s">
        <v>135900</v>
      </c>
      <c r="J40984" s="1" t="s">
        <v>140435</v>
      </c>
    </row>
    <row r="40985" spans="1:10" x14ac:dyDescent="0.35">
      <c r="A40985" s="1" t="s">
        <v>28041</v>
      </c>
      <c r="B40985" s="1" t="s">
        <v>135894</v>
      </c>
      <c r="C40985" s="1" t="s">
        <v>160</v>
      </c>
      <c r="D40985" s="1" t="s">
        <v>97887</v>
      </c>
      <c r="E40985" s="1" t="s">
        <v>140436</v>
      </c>
      <c r="F40985" s="1" t="s">
        <v>140437</v>
      </c>
      <c r="G40985" s="1" t="s">
        <v>140338</v>
      </c>
      <c r="H40985" s="1" t="s">
        <v>140339</v>
      </c>
      <c r="I40985" s="1" t="s">
        <v>135900</v>
      </c>
      <c r="J40985" s="1" t="s">
        <v>140438</v>
      </c>
    </row>
    <row r="40986" spans="1:10" x14ac:dyDescent="0.35">
      <c r="A40986" s="1" t="s">
        <v>28041</v>
      </c>
      <c r="B40986" s="1" t="s">
        <v>135894</v>
      </c>
      <c r="C40986" s="1" t="s">
        <v>165</v>
      </c>
      <c r="D40986" s="1" t="s">
        <v>140439</v>
      </c>
      <c r="E40986" s="1" t="s">
        <v>140440</v>
      </c>
      <c r="F40986" s="1" t="s">
        <v>140441</v>
      </c>
      <c r="G40986" s="1" t="s">
        <v>140338</v>
      </c>
      <c r="H40986" s="1" t="s">
        <v>140339</v>
      </c>
      <c r="I40986" s="1" t="s">
        <v>135900</v>
      </c>
      <c r="J40986" s="1" t="s">
        <v>140442</v>
      </c>
    </row>
    <row r="40987" spans="1:10" x14ac:dyDescent="0.35">
      <c r="A40987" s="1" t="s">
        <v>28041</v>
      </c>
      <c r="B40987" s="1" t="s">
        <v>135894</v>
      </c>
      <c r="C40987" s="1" t="s">
        <v>170</v>
      </c>
      <c r="D40987" s="1" t="s">
        <v>63694</v>
      </c>
      <c r="E40987" s="1" t="s">
        <v>140443</v>
      </c>
      <c r="F40987" s="1" t="s">
        <v>140444</v>
      </c>
      <c r="G40987" s="1" t="s">
        <v>140338</v>
      </c>
      <c r="H40987" s="1" t="s">
        <v>140339</v>
      </c>
      <c r="I40987" s="1" t="s">
        <v>135900</v>
      </c>
      <c r="J40987" s="1" t="s">
        <v>140445</v>
      </c>
    </row>
    <row r="40988" spans="1:10" x14ac:dyDescent="0.35">
      <c r="A40988" s="1" t="s">
        <v>4492</v>
      </c>
      <c r="B40988" s="1" t="s">
        <v>135894</v>
      </c>
      <c r="C40988" s="1" t="s">
        <v>8</v>
      </c>
      <c r="D40988" s="1" t="s">
        <v>39749</v>
      </c>
      <c r="E40988" s="1" t="s">
        <v>127250</v>
      </c>
      <c r="F40988" s="1" t="s">
        <v>140446</v>
      </c>
      <c r="G40988" s="1" t="s">
        <v>140447</v>
      </c>
      <c r="H40988" s="1" t="s">
        <v>140448</v>
      </c>
      <c r="I40988" s="1" t="s">
        <v>135900</v>
      </c>
      <c r="J40988" s="1" t="s">
        <v>13</v>
      </c>
    </row>
    <row r="40989" spans="1:10" x14ac:dyDescent="0.35">
      <c r="A40989" s="1" t="s">
        <v>4492</v>
      </c>
      <c r="B40989" s="1" t="s">
        <v>135894</v>
      </c>
      <c r="C40989" s="1" t="s">
        <v>15</v>
      </c>
      <c r="D40989" s="1" t="s">
        <v>81173</v>
      </c>
      <c r="E40989" s="1" t="s">
        <v>95811</v>
      </c>
      <c r="F40989" s="1" t="s">
        <v>140449</v>
      </c>
      <c r="G40989" s="1" t="s">
        <v>140447</v>
      </c>
      <c r="H40989" s="1" t="s">
        <v>140448</v>
      </c>
      <c r="I40989" s="1" t="s">
        <v>135900</v>
      </c>
      <c r="J40989" s="1" t="s">
        <v>140450</v>
      </c>
    </row>
    <row r="40990" spans="1:10" x14ac:dyDescent="0.35">
      <c r="A40990" s="1" t="s">
        <v>4492</v>
      </c>
      <c r="B40990" s="1" t="s">
        <v>135894</v>
      </c>
      <c r="C40990" s="1" t="s">
        <v>20</v>
      </c>
      <c r="D40990" s="1" t="s">
        <v>93667</v>
      </c>
      <c r="E40990" s="1" t="s">
        <v>108601</v>
      </c>
      <c r="F40990" s="1" t="s">
        <v>140451</v>
      </c>
      <c r="G40990" s="1" t="s">
        <v>140447</v>
      </c>
      <c r="H40990" s="1" t="s">
        <v>140448</v>
      </c>
      <c r="I40990" s="1" t="s">
        <v>135900</v>
      </c>
      <c r="J40990" s="1" t="s">
        <v>140452</v>
      </c>
    </row>
    <row r="40991" spans="1:10" x14ac:dyDescent="0.35">
      <c r="A40991" s="1" t="s">
        <v>4492</v>
      </c>
      <c r="B40991" s="1" t="s">
        <v>135894</v>
      </c>
      <c r="C40991" s="1" t="s">
        <v>25</v>
      </c>
      <c r="D40991" s="1" t="s">
        <v>137751</v>
      </c>
      <c r="E40991" s="1" t="s">
        <v>95765</v>
      </c>
      <c r="F40991" s="1" t="s">
        <v>110832</v>
      </c>
      <c r="G40991" s="1" t="s">
        <v>140447</v>
      </c>
      <c r="H40991" s="1" t="s">
        <v>140448</v>
      </c>
      <c r="I40991" s="1" t="s">
        <v>135900</v>
      </c>
      <c r="J40991" s="1" t="s">
        <v>140453</v>
      </c>
    </row>
    <row r="40992" spans="1:10" x14ac:dyDescent="0.35">
      <c r="A40992" s="1" t="s">
        <v>4492</v>
      </c>
      <c r="B40992" s="1" t="s">
        <v>135894</v>
      </c>
      <c r="C40992" s="1" t="s">
        <v>30</v>
      </c>
      <c r="D40992" s="1" t="s">
        <v>64249</v>
      </c>
      <c r="E40992" s="1" t="s">
        <v>15981</v>
      </c>
      <c r="F40992" s="1" t="s">
        <v>140454</v>
      </c>
      <c r="G40992" s="1" t="s">
        <v>140447</v>
      </c>
      <c r="H40992" s="1" t="s">
        <v>140448</v>
      </c>
      <c r="I40992" s="1" t="s">
        <v>135900</v>
      </c>
      <c r="J40992" s="1" t="s">
        <v>140455</v>
      </c>
    </row>
    <row r="40993" spans="1:10" x14ac:dyDescent="0.35">
      <c r="A40993" s="1" t="s">
        <v>4492</v>
      </c>
      <c r="B40993" s="1" t="s">
        <v>135894</v>
      </c>
      <c r="C40993" s="1" t="s">
        <v>35</v>
      </c>
      <c r="D40993" s="1" t="s">
        <v>88823</v>
      </c>
      <c r="E40993" s="1" t="s">
        <v>109005</v>
      </c>
      <c r="F40993" s="1" t="s">
        <v>140456</v>
      </c>
      <c r="G40993" s="1" t="s">
        <v>140447</v>
      </c>
      <c r="H40993" s="1" t="s">
        <v>140448</v>
      </c>
      <c r="I40993" s="1" t="s">
        <v>135900</v>
      </c>
      <c r="J40993" s="1" t="s">
        <v>140457</v>
      </c>
    </row>
    <row r="40994" spans="1:10" x14ac:dyDescent="0.35">
      <c r="A40994" s="1" t="s">
        <v>4492</v>
      </c>
      <c r="B40994" s="1" t="s">
        <v>135894</v>
      </c>
      <c r="C40994" s="1" t="s">
        <v>40</v>
      </c>
      <c r="D40994" s="1" t="s">
        <v>140458</v>
      </c>
      <c r="E40994" s="1" t="s">
        <v>140459</v>
      </c>
      <c r="F40994" s="1" t="s">
        <v>140460</v>
      </c>
      <c r="G40994" s="1" t="s">
        <v>140447</v>
      </c>
      <c r="H40994" s="1" t="s">
        <v>140448</v>
      </c>
      <c r="I40994" s="1" t="s">
        <v>135900</v>
      </c>
      <c r="J40994" s="1" t="s">
        <v>140461</v>
      </c>
    </row>
    <row r="40995" spans="1:10" x14ac:dyDescent="0.35">
      <c r="A40995" s="1" t="s">
        <v>4492</v>
      </c>
      <c r="B40995" s="1" t="s">
        <v>135894</v>
      </c>
      <c r="C40995" s="1" t="s">
        <v>45</v>
      </c>
      <c r="D40995" s="1" t="s">
        <v>39401</v>
      </c>
      <c r="E40995" s="1" t="s">
        <v>130432</v>
      </c>
      <c r="F40995" s="1" t="s">
        <v>140462</v>
      </c>
      <c r="G40995" s="1" t="s">
        <v>140447</v>
      </c>
      <c r="H40995" s="1" t="s">
        <v>140448</v>
      </c>
      <c r="I40995" s="1" t="s">
        <v>135900</v>
      </c>
      <c r="J40995" s="1" t="s">
        <v>140463</v>
      </c>
    </row>
    <row r="40996" spans="1:10" x14ac:dyDescent="0.35">
      <c r="A40996" s="1" t="s">
        <v>4492</v>
      </c>
      <c r="B40996" s="1" t="s">
        <v>135894</v>
      </c>
      <c r="C40996" s="1" t="s">
        <v>50</v>
      </c>
      <c r="D40996" s="1" t="s">
        <v>20327</v>
      </c>
      <c r="E40996" s="1" t="s">
        <v>128491</v>
      </c>
      <c r="F40996" s="1" t="s">
        <v>140464</v>
      </c>
      <c r="G40996" s="1" t="s">
        <v>140447</v>
      </c>
      <c r="H40996" s="1" t="s">
        <v>140448</v>
      </c>
      <c r="I40996" s="1" t="s">
        <v>135900</v>
      </c>
      <c r="J40996" s="1" t="s">
        <v>140465</v>
      </c>
    </row>
    <row r="40997" spans="1:10" x14ac:dyDescent="0.35">
      <c r="A40997" s="1" t="s">
        <v>4492</v>
      </c>
      <c r="B40997" s="1" t="s">
        <v>135894</v>
      </c>
      <c r="C40997" s="1" t="s">
        <v>55</v>
      </c>
      <c r="D40997" s="1" t="s">
        <v>7681</v>
      </c>
      <c r="E40997" s="1" t="s">
        <v>127254</v>
      </c>
      <c r="F40997" s="1" t="s">
        <v>140466</v>
      </c>
      <c r="G40997" s="1" t="s">
        <v>140447</v>
      </c>
      <c r="H40997" s="1" t="s">
        <v>140448</v>
      </c>
      <c r="I40997" s="1" t="s">
        <v>135900</v>
      </c>
      <c r="J40997" s="1" t="s">
        <v>140467</v>
      </c>
    </row>
    <row r="40998" spans="1:10" x14ac:dyDescent="0.35">
      <c r="A40998" s="1" t="s">
        <v>4492</v>
      </c>
      <c r="B40998" s="1" t="s">
        <v>135894</v>
      </c>
      <c r="C40998" s="1" t="s">
        <v>60</v>
      </c>
      <c r="D40998" s="1" t="s">
        <v>101933</v>
      </c>
      <c r="E40998" s="1" t="s">
        <v>133801</v>
      </c>
      <c r="F40998" s="1" t="s">
        <v>140468</v>
      </c>
      <c r="G40998" s="1" t="s">
        <v>140447</v>
      </c>
      <c r="H40998" s="1" t="s">
        <v>140448</v>
      </c>
      <c r="I40998" s="1" t="s">
        <v>135900</v>
      </c>
      <c r="J40998" s="1" t="s">
        <v>140469</v>
      </c>
    </row>
    <row r="40999" spans="1:10" x14ac:dyDescent="0.35">
      <c r="A40999" s="1" t="s">
        <v>4492</v>
      </c>
      <c r="B40999" s="1" t="s">
        <v>135894</v>
      </c>
      <c r="C40999" s="1" t="s">
        <v>65</v>
      </c>
      <c r="D40999" s="1" t="s">
        <v>104028</v>
      </c>
      <c r="E40999" s="1" t="s">
        <v>133810</v>
      </c>
      <c r="F40999" s="1" t="s">
        <v>140470</v>
      </c>
      <c r="G40999" s="1" t="s">
        <v>140447</v>
      </c>
      <c r="H40999" s="1" t="s">
        <v>140448</v>
      </c>
      <c r="I40999" s="1" t="s">
        <v>135900</v>
      </c>
      <c r="J40999" s="1" t="s">
        <v>140471</v>
      </c>
    </row>
    <row r="41000" spans="1:10" x14ac:dyDescent="0.35">
      <c r="A41000" s="1" t="s">
        <v>4492</v>
      </c>
      <c r="B41000" s="1" t="s">
        <v>135894</v>
      </c>
      <c r="C41000" s="1" t="s">
        <v>70</v>
      </c>
      <c r="D41000" s="1" t="s">
        <v>140472</v>
      </c>
      <c r="E41000" s="1" t="s">
        <v>130323</v>
      </c>
      <c r="F41000" s="1" t="s">
        <v>140473</v>
      </c>
      <c r="G41000" s="1" t="s">
        <v>140447</v>
      </c>
      <c r="H41000" s="1" t="s">
        <v>140448</v>
      </c>
      <c r="I41000" s="1" t="s">
        <v>135900</v>
      </c>
      <c r="J41000" s="1" t="s">
        <v>140474</v>
      </c>
    </row>
    <row r="41001" spans="1:10" x14ac:dyDescent="0.35">
      <c r="A41001" s="1" t="s">
        <v>4492</v>
      </c>
      <c r="B41001" s="1" t="s">
        <v>135894</v>
      </c>
      <c r="C41001" s="1" t="s">
        <v>75</v>
      </c>
      <c r="D41001" s="1" t="s">
        <v>140475</v>
      </c>
      <c r="E41001" s="1" t="s">
        <v>77706</v>
      </c>
      <c r="F41001" s="1" t="s">
        <v>140476</v>
      </c>
      <c r="G41001" s="1" t="s">
        <v>140447</v>
      </c>
      <c r="H41001" s="1" t="s">
        <v>140448</v>
      </c>
      <c r="I41001" s="1" t="s">
        <v>135900</v>
      </c>
      <c r="J41001" s="1" t="s">
        <v>140477</v>
      </c>
    </row>
    <row r="41002" spans="1:10" x14ac:dyDescent="0.35">
      <c r="A41002" s="1" t="s">
        <v>4492</v>
      </c>
      <c r="B41002" s="1" t="s">
        <v>135894</v>
      </c>
      <c r="C41002" s="1" t="s">
        <v>80</v>
      </c>
      <c r="D41002" s="1" t="s">
        <v>131246</v>
      </c>
      <c r="E41002" s="1" t="s">
        <v>133447</v>
      </c>
      <c r="F41002" s="1" t="s">
        <v>140478</v>
      </c>
      <c r="G41002" s="1" t="s">
        <v>140447</v>
      </c>
      <c r="H41002" s="1" t="s">
        <v>140448</v>
      </c>
      <c r="I41002" s="1" t="s">
        <v>135900</v>
      </c>
      <c r="J41002" s="1" t="s">
        <v>140479</v>
      </c>
    </row>
    <row r="41003" spans="1:10" x14ac:dyDescent="0.35">
      <c r="A41003" s="1" t="s">
        <v>4492</v>
      </c>
      <c r="B41003" s="1" t="s">
        <v>135894</v>
      </c>
      <c r="C41003" s="1" t="s">
        <v>85</v>
      </c>
      <c r="D41003" s="1" t="s">
        <v>140480</v>
      </c>
      <c r="E41003" s="1" t="s">
        <v>105228</v>
      </c>
      <c r="F41003" s="1" t="s">
        <v>140481</v>
      </c>
      <c r="G41003" s="1" t="s">
        <v>140447</v>
      </c>
      <c r="H41003" s="1" t="s">
        <v>140448</v>
      </c>
      <c r="I41003" s="1" t="s">
        <v>135900</v>
      </c>
      <c r="J41003" s="1" t="s">
        <v>140482</v>
      </c>
    </row>
    <row r="41004" spans="1:10" x14ac:dyDescent="0.35">
      <c r="A41004" s="1" t="s">
        <v>4492</v>
      </c>
      <c r="B41004" s="1" t="s">
        <v>135894</v>
      </c>
      <c r="C41004" s="1" t="s">
        <v>90</v>
      </c>
      <c r="D41004" s="1" t="s">
        <v>58392</v>
      </c>
      <c r="E41004" s="1" t="s">
        <v>127221</v>
      </c>
      <c r="F41004" s="1" t="s">
        <v>12740</v>
      </c>
      <c r="G41004" s="1" t="s">
        <v>140447</v>
      </c>
      <c r="H41004" s="1" t="s">
        <v>140448</v>
      </c>
      <c r="I41004" s="1" t="s">
        <v>135900</v>
      </c>
      <c r="J41004" s="1" t="s">
        <v>140483</v>
      </c>
    </row>
    <row r="41005" spans="1:10" x14ac:dyDescent="0.35">
      <c r="A41005" s="1" t="s">
        <v>4492</v>
      </c>
      <c r="B41005" s="1" t="s">
        <v>135894</v>
      </c>
      <c r="C41005" s="1" t="s">
        <v>95</v>
      </c>
      <c r="D41005" s="1" t="s">
        <v>100071</v>
      </c>
      <c r="E41005" s="1" t="s">
        <v>132027</v>
      </c>
      <c r="F41005" s="1" t="s">
        <v>140484</v>
      </c>
      <c r="G41005" s="1" t="s">
        <v>140447</v>
      </c>
      <c r="H41005" s="1" t="s">
        <v>140448</v>
      </c>
      <c r="I41005" s="1" t="s">
        <v>135900</v>
      </c>
      <c r="J41005" s="1" t="s">
        <v>140485</v>
      </c>
    </row>
    <row r="41006" spans="1:10" x14ac:dyDescent="0.35">
      <c r="A41006" s="1" t="s">
        <v>4492</v>
      </c>
      <c r="B41006" s="1" t="s">
        <v>135894</v>
      </c>
      <c r="C41006" s="1" t="s">
        <v>100</v>
      </c>
      <c r="D41006" s="1" t="s">
        <v>140486</v>
      </c>
      <c r="E41006" s="1" t="s">
        <v>128965</v>
      </c>
      <c r="F41006" s="1" t="s">
        <v>140487</v>
      </c>
      <c r="G41006" s="1" t="s">
        <v>140447</v>
      </c>
      <c r="H41006" s="1" t="s">
        <v>140448</v>
      </c>
      <c r="I41006" s="1" t="s">
        <v>135900</v>
      </c>
      <c r="J41006" s="1" t="s">
        <v>140488</v>
      </c>
    </row>
    <row r="41007" spans="1:10" x14ac:dyDescent="0.35">
      <c r="A41007" s="1" t="s">
        <v>4492</v>
      </c>
      <c r="B41007" s="1" t="s">
        <v>135894</v>
      </c>
      <c r="C41007" s="1" t="s">
        <v>105</v>
      </c>
      <c r="D41007" s="1" t="s">
        <v>140489</v>
      </c>
      <c r="E41007" s="1" t="s">
        <v>133468</v>
      </c>
      <c r="F41007" s="1" t="s">
        <v>140490</v>
      </c>
      <c r="G41007" s="1" t="s">
        <v>140447</v>
      </c>
      <c r="H41007" s="1" t="s">
        <v>140448</v>
      </c>
      <c r="I41007" s="1" t="s">
        <v>135900</v>
      </c>
      <c r="J41007" s="1" t="s">
        <v>140491</v>
      </c>
    </row>
    <row r="41008" spans="1:10" x14ac:dyDescent="0.35">
      <c r="A41008" s="1" t="s">
        <v>4492</v>
      </c>
      <c r="B41008" s="1" t="s">
        <v>135894</v>
      </c>
      <c r="C41008" s="1" t="s">
        <v>110</v>
      </c>
      <c r="D41008" s="1" t="s">
        <v>89088</v>
      </c>
      <c r="E41008" s="1" t="s">
        <v>109184</v>
      </c>
      <c r="F41008" s="1" t="s">
        <v>140492</v>
      </c>
      <c r="G41008" s="1" t="s">
        <v>140447</v>
      </c>
      <c r="H41008" s="1" t="s">
        <v>140448</v>
      </c>
      <c r="I41008" s="1" t="s">
        <v>135900</v>
      </c>
      <c r="J41008" s="1" t="s">
        <v>140493</v>
      </c>
    </row>
    <row r="41009" spans="1:10" x14ac:dyDescent="0.35">
      <c r="A41009" s="1" t="s">
        <v>4492</v>
      </c>
      <c r="B41009" s="1" t="s">
        <v>135894</v>
      </c>
      <c r="C41009" s="1" t="s">
        <v>115</v>
      </c>
      <c r="D41009" s="1" t="s">
        <v>140494</v>
      </c>
      <c r="E41009" s="1" t="s">
        <v>30687</v>
      </c>
      <c r="F41009" s="1" t="s">
        <v>140495</v>
      </c>
      <c r="G41009" s="1" t="s">
        <v>140447</v>
      </c>
      <c r="H41009" s="1" t="s">
        <v>140448</v>
      </c>
      <c r="I41009" s="1" t="s">
        <v>135900</v>
      </c>
      <c r="J41009" s="1" t="s">
        <v>140496</v>
      </c>
    </row>
    <row r="41010" spans="1:10" x14ac:dyDescent="0.35">
      <c r="A41010" s="1" t="s">
        <v>4492</v>
      </c>
      <c r="B41010" s="1" t="s">
        <v>135894</v>
      </c>
      <c r="C41010" s="1" t="s">
        <v>120</v>
      </c>
      <c r="D41010" s="1" t="s">
        <v>140497</v>
      </c>
      <c r="E41010" s="1" t="s">
        <v>77684</v>
      </c>
      <c r="F41010" s="1" t="s">
        <v>140498</v>
      </c>
      <c r="G41010" s="1" t="s">
        <v>140447</v>
      </c>
      <c r="H41010" s="1" t="s">
        <v>140448</v>
      </c>
      <c r="I41010" s="1" t="s">
        <v>135900</v>
      </c>
      <c r="J41010" s="1" t="s">
        <v>140499</v>
      </c>
    </row>
    <row r="41011" spans="1:10" x14ac:dyDescent="0.35">
      <c r="A41011" s="1" t="s">
        <v>4492</v>
      </c>
      <c r="B41011" s="1" t="s">
        <v>135894</v>
      </c>
      <c r="C41011" s="1" t="s">
        <v>125</v>
      </c>
      <c r="D41011" s="1" t="s">
        <v>140500</v>
      </c>
      <c r="E41011" s="1" t="s">
        <v>140501</v>
      </c>
      <c r="F41011" s="1" t="s">
        <v>140502</v>
      </c>
      <c r="G41011" s="1" t="s">
        <v>140447</v>
      </c>
      <c r="H41011" s="1" t="s">
        <v>140448</v>
      </c>
      <c r="I41011" s="1" t="s">
        <v>135900</v>
      </c>
      <c r="J41011" s="1" t="s">
        <v>140503</v>
      </c>
    </row>
    <row r="41012" spans="1:10" x14ac:dyDescent="0.35">
      <c r="A41012" s="1" t="s">
        <v>4492</v>
      </c>
      <c r="B41012" s="1" t="s">
        <v>135894</v>
      </c>
      <c r="C41012" s="1" t="s">
        <v>130</v>
      </c>
      <c r="D41012" s="1" t="s">
        <v>140504</v>
      </c>
      <c r="E41012" s="1" t="s">
        <v>30626</v>
      </c>
      <c r="F41012" s="1" t="s">
        <v>140505</v>
      </c>
      <c r="G41012" s="1" t="s">
        <v>140447</v>
      </c>
      <c r="H41012" s="1" t="s">
        <v>140448</v>
      </c>
      <c r="I41012" s="1" t="s">
        <v>135900</v>
      </c>
      <c r="J41012" s="1" t="s">
        <v>140506</v>
      </c>
    </row>
    <row r="41013" spans="1:10" x14ac:dyDescent="0.35">
      <c r="A41013" s="1" t="s">
        <v>4492</v>
      </c>
      <c r="B41013" s="1" t="s">
        <v>135894</v>
      </c>
      <c r="C41013" s="1" t="s">
        <v>135</v>
      </c>
      <c r="D41013" s="1" t="s">
        <v>21944</v>
      </c>
      <c r="E41013" s="1" t="s">
        <v>140134</v>
      </c>
      <c r="F41013" s="1" t="s">
        <v>140507</v>
      </c>
      <c r="G41013" s="1" t="s">
        <v>140447</v>
      </c>
      <c r="H41013" s="1" t="s">
        <v>140448</v>
      </c>
      <c r="I41013" s="1" t="s">
        <v>135900</v>
      </c>
      <c r="J41013" s="1" t="s">
        <v>140508</v>
      </c>
    </row>
    <row r="41014" spans="1:10" x14ac:dyDescent="0.35">
      <c r="A41014" s="1" t="s">
        <v>4492</v>
      </c>
      <c r="B41014" s="1" t="s">
        <v>135894</v>
      </c>
      <c r="C41014" s="1" t="s">
        <v>140</v>
      </c>
      <c r="D41014" s="1" t="s">
        <v>83830</v>
      </c>
      <c r="E41014" s="1" t="s">
        <v>94720</v>
      </c>
      <c r="F41014" s="1" t="s">
        <v>140509</v>
      </c>
      <c r="G41014" s="1" t="s">
        <v>140447</v>
      </c>
      <c r="H41014" s="1" t="s">
        <v>140448</v>
      </c>
      <c r="I41014" s="1" t="s">
        <v>135900</v>
      </c>
      <c r="J41014" s="1" t="s">
        <v>140510</v>
      </c>
    </row>
    <row r="41015" spans="1:10" x14ac:dyDescent="0.35">
      <c r="A41015" s="1" t="s">
        <v>4492</v>
      </c>
      <c r="B41015" s="1" t="s">
        <v>135894</v>
      </c>
      <c r="C41015" s="1" t="s">
        <v>145</v>
      </c>
      <c r="D41015" s="1" t="s">
        <v>21951</v>
      </c>
      <c r="E41015" s="1" t="s">
        <v>33008</v>
      </c>
      <c r="F41015" s="1" t="s">
        <v>140511</v>
      </c>
      <c r="G41015" s="1" t="s">
        <v>140447</v>
      </c>
      <c r="H41015" s="1" t="s">
        <v>140448</v>
      </c>
      <c r="I41015" s="1" t="s">
        <v>135900</v>
      </c>
      <c r="J41015" s="1" t="s">
        <v>140512</v>
      </c>
    </row>
    <row r="41016" spans="1:10" x14ac:dyDescent="0.35">
      <c r="A41016" s="1" t="s">
        <v>4492</v>
      </c>
      <c r="B41016" s="1" t="s">
        <v>135894</v>
      </c>
      <c r="C41016" s="1" t="s">
        <v>150</v>
      </c>
      <c r="D41016" s="1" t="s">
        <v>140513</v>
      </c>
      <c r="E41016" s="1" t="s">
        <v>16216</v>
      </c>
      <c r="F41016" s="1" t="s">
        <v>8593</v>
      </c>
      <c r="G41016" s="1" t="s">
        <v>140447</v>
      </c>
      <c r="H41016" s="1" t="s">
        <v>140448</v>
      </c>
      <c r="I41016" s="1" t="s">
        <v>135900</v>
      </c>
      <c r="J41016" s="1" t="s">
        <v>140514</v>
      </c>
    </row>
    <row r="41017" spans="1:10" x14ac:dyDescent="0.35">
      <c r="A41017" s="1" t="s">
        <v>4492</v>
      </c>
      <c r="B41017" s="1" t="s">
        <v>135894</v>
      </c>
      <c r="C41017" s="1" t="s">
        <v>155</v>
      </c>
      <c r="D41017" s="1" t="s">
        <v>140515</v>
      </c>
      <c r="E41017" s="1" t="s">
        <v>140516</v>
      </c>
      <c r="F41017" s="1" t="s">
        <v>140517</v>
      </c>
      <c r="G41017" s="1" t="s">
        <v>140447</v>
      </c>
      <c r="H41017" s="1" t="s">
        <v>140448</v>
      </c>
      <c r="I41017" s="1" t="s">
        <v>135900</v>
      </c>
      <c r="J41017" s="1" t="s">
        <v>140518</v>
      </c>
    </row>
    <row r="41018" spans="1:10" x14ac:dyDescent="0.35">
      <c r="A41018" s="1" t="s">
        <v>4492</v>
      </c>
      <c r="B41018" s="1" t="s">
        <v>135894</v>
      </c>
      <c r="C41018" s="1" t="s">
        <v>160</v>
      </c>
      <c r="D41018" s="1" t="s">
        <v>140519</v>
      </c>
      <c r="E41018" s="1" t="s">
        <v>127964</v>
      </c>
      <c r="F41018" s="1" t="s">
        <v>140520</v>
      </c>
      <c r="G41018" s="1" t="s">
        <v>140447</v>
      </c>
      <c r="H41018" s="1" t="s">
        <v>140448</v>
      </c>
      <c r="I41018" s="1" t="s">
        <v>135900</v>
      </c>
      <c r="J41018" s="1" t="s">
        <v>140521</v>
      </c>
    </row>
    <row r="41019" spans="1:10" x14ac:dyDescent="0.35">
      <c r="A41019" s="1" t="s">
        <v>4492</v>
      </c>
      <c r="B41019" s="1" t="s">
        <v>135894</v>
      </c>
      <c r="C41019" s="1" t="s">
        <v>165</v>
      </c>
      <c r="D41019" s="1" t="s">
        <v>140522</v>
      </c>
      <c r="E41019" s="1" t="s">
        <v>16216</v>
      </c>
      <c r="F41019" s="1" t="s">
        <v>140523</v>
      </c>
      <c r="G41019" s="1" t="s">
        <v>140447</v>
      </c>
      <c r="H41019" s="1" t="s">
        <v>140448</v>
      </c>
      <c r="I41019" s="1" t="s">
        <v>135900</v>
      </c>
      <c r="J41019" s="1" t="s">
        <v>140524</v>
      </c>
    </row>
    <row r="41020" spans="1:10" x14ac:dyDescent="0.35">
      <c r="A41020" s="1" t="s">
        <v>4492</v>
      </c>
      <c r="B41020" s="1" t="s">
        <v>135894</v>
      </c>
      <c r="C41020" s="1" t="s">
        <v>170</v>
      </c>
      <c r="D41020" s="1" t="s">
        <v>84026</v>
      </c>
      <c r="E41020" s="1" t="s">
        <v>133769</v>
      </c>
      <c r="F41020" s="1" t="s">
        <v>140525</v>
      </c>
      <c r="G41020" s="1" t="s">
        <v>140447</v>
      </c>
      <c r="H41020" s="1" t="s">
        <v>140448</v>
      </c>
      <c r="I41020" s="1" t="s">
        <v>135900</v>
      </c>
      <c r="J41020" s="1" t="s">
        <v>140526</v>
      </c>
    </row>
    <row r="41021" spans="1:10" x14ac:dyDescent="0.35">
      <c r="A41021" s="1" t="s">
        <v>45358</v>
      </c>
      <c r="B41021" s="1" t="s">
        <v>135894</v>
      </c>
      <c r="C41021" s="1" t="s">
        <v>8</v>
      </c>
      <c r="D41021" s="1" t="s">
        <v>108283</v>
      </c>
      <c r="E41021" s="1" t="s">
        <v>140527</v>
      </c>
      <c r="F41021" s="1" t="s">
        <v>140528</v>
      </c>
      <c r="G41021" s="1" t="s">
        <v>140529</v>
      </c>
      <c r="H41021" s="1" t="s">
        <v>140530</v>
      </c>
      <c r="I41021" s="1" t="s">
        <v>135900</v>
      </c>
      <c r="J41021" s="1" t="s">
        <v>13</v>
      </c>
    </row>
    <row r="41022" spans="1:10" x14ac:dyDescent="0.35">
      <c r="A41022" s="1" t="s">
        <v>45358</v>
      </c>
      <c r="B41022" s="1" t="s">
        <v>135894</v>
      </c>
      <c r="C41022" s="1" t="s">
        <v>15</v>
      </c>
      <c r="D41022" s="1" t="s">
        <v>140531</v>
      </c>
      <c r="E41022" s="1" t="s">
        <v>140532</v>
      </c>
      <c r="F41022" s="1" t="s">
        <v>140533</v>
      </c>
      <c r="G41022" s="1" t="s">
        <v>140529</v>
      </c>
      <c r="H41022" s="1" t="s">
        <v>140530</v>
      </c>
      <c r="I41022" s="1" t="s">
        <v>135900</v>
      </c>
      <c r="J41022" s="1" t="s">
        <v>140534</v>
      </c>
    </row>
    <row r="41023" spans="1:10" x14ac:dyDescent="0.35">
      <c r="A41023" s="1" t="s">
        <v>45358</v>
      </c>
      <c r="B41023" s="1" t="s">
        <v>135894</v>
      </c>
      <c r="C41023" s="1" t="s">
        <v>20</v>
      </c>
      <c r="D41023" s="1" t="s">
        <v>127869</v>
      </c>
      <c r="E41023" s="1" t="s">
        <v>140535</v>
      </c>
      <c r="F41023" s="1" t="s">
        <v>140536</v>
      </c>
      <c r="G41023" s="1" t="s">
        <v>140529</v>
      </c>
      <c r="H41023" s="1" t="s">
        <v>140530</v>
      </c>
      <c r="I41023" s="1" t="s">
        <v>135900</v>
      </c>
      <c r="J41023" s="1" t="s">
        <v>140537</v>
      </c>
    </row>
    <row r="41024" spans="1:10" x14ac:dyDescent="0.35">
      <c r="A41024" s="1" t="s">
        <v>45358</v>
      </c>
      <c r="B41024" s="1" t="s">
        <v>135894</v>
      </c>
      <c r="C41024" s="1" t="s">
        <v>25</v>
      </c>
      <c r="D41024" s="1" t="s">
        <v>140538</v>
      </c>
      <c r="E41024" s="1" t="s">
        <v>140539</v>
      </c>
      <c r="F41024" s="1" t="s">
        <v>140540</v>
      </c>
      <c r="G41024" s="1" t="s">
        <v>140529</v>
      </c>
      <c r="H41024" s="1" t="s">
        <v>140530</v>
      </c>
      <c r="I41024" s="1" t="s">
        <v>135900</v>
      </c>
      <c r="J41024" s="1" t="s">
        <v>140541</v>
      </c>
    </row>
    <row r="41025" spans="1:10" x14ac:dyDescent="0.35">
      <c r="A41025" s="1" t="s">
        <v>45358</v>
      </c>
      <c r="B41025" s="1" t="s">
        <v>135894</v>
      </c>
      <c r="C41025" s="1" t="s">
        <v>30</v>
      </c>
      <c r="D41025" s="1" t="s">
        <v>140542</v>
      </c>
      <c r="E41025" s="1" t="s">
        <v>140543</v>
      </c>
      <c r="F41025" s="1" t="s">
        <v>140544</v>
      </c>
      <c r="G41025" s="1" t="s">
        <v>140529</v>
      </c>
      <c r="H41025" s="1" t="s">
        <v>140530</v>
      </c>
      <c r="I41025" s="1" t="s">
        <v>135900</v>
      </c>
      <c r="J41025" s="1" t="s">
        <v>140545</v>
      </c>
    </row>
    <row r="41026" spans="1:10" x14ac:dyDescent="0.35">
      <c r="A41026" s="1" t="s">
        <v>45358</v>
      </c>
      <c r="B41026" s="1" t="s">
        <v>135894</v>
      </c>
      <c r="C41026" s="1" t="s">
        <v>35</v>
      </c>
      <c r="D41026" s="1" t="s">
        <v>67944</v>
      </c>
      <c r="E41026" s="1" t="s">
        <v>140546</v>
      </c>
      <c r="F41026" s="1" t="s">
        <v>140547</v>
      </c>
      <c r="G41026" s="1" t="s">
        <v>140529</v>
      </c>
      <c r="H41026" s="1" t="s">
        <v>140530</v>
      </c>
      <c r="I41026" s="1" t="s">
        <v>135900</v>
      </c>
      <c r="J41026" s="1" t="s">
        <v>140548</v>
      </c>
    </row>
    <row r="41027" spans="1:10" x14ac:dyDescent="0.35">
      <c r="A41027" s="1" t="s">
        <v>45358</v>
      </c>
      <c r="B41027" s="1" t="s">
        <v>135894</v>
      </c>
      <c r="C41027" s="1" t="s">
        <v>40</v>
      </c>
      <c r="D41027" s="1" t="s">
        <v>140549</v>
      </c>
      <c r="E41027" s="1" t="s">
        <v>140550</v>
      </c>
      <c r="F41027" s="1" t="s">
        <v>140551</v>
      </c>
      <c r="G41027" s="1" t="s">
        <v>140529</v>
      </c>
      <c r="H41027" s="1" t="s">
        <v>140530</v>
      </c>
      <c r="I41027" s="1" t="s">
        <v>135900</v>
      </c>
      <c r="J41027" s="1" t="s">
        <v>140552</v>
      </c>
    </row>
    <row r="41028" spans="1:10" x14ac:dyDescent="0.35">
      <c r="A41028" s="1" t="s">
        <v>45358</v>
      </c>
      <c r="B41028" s="1" t="s">
        <v>135894</v>
      </c>
      <c r="C41028" s="1" t="s">
        <v>45</v>
      </c>
      <c r="D41028" s="1" t="s">
        <v>140553</v>
      </c>
      <c r="E41028" s="1" t="s">
        <v>140554</v>
      </c>
      <c r="F41028" s="1" t="s">
        <v>140555</v>
      </c>
      <c r="G41028" s="1" t="s">
        <v>140529</v>
      </c>
      <c r="H41028" s="1" t="s">
        <v>140530</v>
      </c>
      <c r="I41028" s="1" t="s">
        <v>135900</v>
      </c>
      <c r="J41028" s="1" t="s">
        <v>140556</v>
      </c>
    </row>
    <row r="41029" spans="1:10" x14ac:dyDescent="0.35">
      <c r="A41029" s="1" t="s">
        <v>45358</v>
      </c>
      <c r="B41029" s="1" t="s">
        <v>135894</v>
      </c>
      <c r="C41029" s="1" t="s">
        <v>50</v>
      </c>
      <c r="D41029" s="1" t="s">
        <v>68678</v>
      </c>
      <c r="E41029" s="1" t="s">
        <v>140557</v>
      </c>
      <c r="F41029" s="1" t="s">
        <v>140558</v>
      </c>
      <c r="G41029" s="1" t="s">
        <v>140529</v>
      </c>
      <c r="H41029" s="1" t="s">
        <v>140530</v>
      </c>
      <c r="I41029" s="1" t="s">
        <v>135900</v>
      </c>
      <c r="J41029" s="1" t="s">
        <v>140559</v>
      </c>
    </row>
    <row r="41030" spans="1:10" x14ac:dyDescent="0.35">
      <c r="A41030" s="1" t="s">
        <v>45358</v>
      </c>
      <c r="B41030" s="1" t="s">
        <v>135894</v>
      </c>
      <c r="C41030" s="1" t="s">
        <v>55</v>
      </c>
      <c r="D41030" s="1" t="s">
        <v>14669</v>
      </c>
      <c r="E41030" s="1" t="s">
        <v>140560</v>
      </c>
      <c r="F41030" s="1" t="s">
        <v>140561</v>
      </c>
      <c r="G41030" s="1" t="s">
        <v>140529</v>
      </c>
      <c r="H41030" s="1" t="s">
        <v>140530</v>
      </c>
      <c r="I41030" s="1" t="s">
        <v>135900</v>
      </c>
      <c r="J41030" s="1" t="s">
        <v>140562</v>
      </c>
    </row>
    <row r="41031" spans="1:10" x14ac:dyDescent="0.35">
      <c r="A41031" s="1" t="s">
        <v>45358</v>
      </c>
      <c r="B41031" s="1" t="s">
        <v>135894</v>
      </c>
      <c r="C41031" s="1" t="s">
        <v>60</v>
      </c>
      <c r="D41031" s="1" t="s">
        <v>140563</v>
      </c>
      <c r="E41031" s="1" t="s">
        <v>140564</v>
      </c>
      <c r="F41031" s="1" t="s">
        <v>140565</v>
      </c>
      <c r="G41031" s="1" t="s">
        <v>140529</v>
      </c>
      <c r="H41031" s="1" t="s">
        <v>140530</v>
      </c>
      <c r="I41031" s="1" t="s">
        <v>135900</v>
      </c>
      <c r="J41031" s="1" t="s">
        <v>140566</v>
      </c>
    </row>
    <row r="41032" spans="1:10" x14ac:dyDescent="0.35">
      <c r="A41032" s="1" t="s">
        <v>45358</v>
      </c>
      <c r="B41032" s="1" t="s">
        <v>135894</v>
      </c>
      <c r="C41032" s="1" t="s">
        <v>65</v>
      </c>
      <c r="D41032" s="1" t="s">
        <v>15131</v>
      </c>
      <c r="E41032" s="1" t="s">
        <v>140567</v>
      </c>
      <c r="F41032" s="1" t="s">
        <v>140568</v>
      </c>
      <c r="G41032" s="1" t="s">
        <v>140529</v>
      </c>
      <c r="H41032" s="1" t="s">
        <v>140530</v>
      </c>
      <c r="I41032" s="1" t="s">
        <v>135900</v>
      </c>
      <c r="J41032" s="1" t="s">
        <v>140569</v>
      </c>
    </row>
    <row r="41033" spans="1:10" x14ac:dyDescent="0.35">
      <c r="A41033" s="1" t="s">
        <v>45358</v>
      </c>
      <c r="B41033" s="1" t="s">
        <v>135894</v>
      </c>
      <c r="C41033" s="1" t="s">
        <v>70</v>
      </c>
      <c r="D41033" s="1" t="s">
        <v>140570</v>
      </c>
      <c r="E41033" s="1" t="s">
        <v>140571</v>
      </c>
      <c r="F41033" s="1" t="s">
        <v>140572</v>
      </c>
      <c r="G41033" s="1" t="s">
        <v>140529</v>
      </c>
      <c r="H41033" s="1" t="s">
        <v>140530</v>
      </c>
      <c r="I41033" s="1" t="s">
        <v>135900</v>
      </c>
      <c r="J41033" s="1" t="s">
        <v>140573</v>
      </c>
    </row>
    <row r="41034" spans="1:10" x14ac:dyDescent="0.35">
      <c r="A41034" s="1" t="s">
        <v>45358</v>
      </c>
      <c r="B41034" s="1" t="s">
        <v>135894</v>
      </c>
      <c r="C41034" s="1" t="s">
        <v>75</v>
      </c>
      <c r="D41034" s="1" t="s">
        <v>101297</v>
      </c>
      <c r="E41034" s="1" t="s">
        <v>140574</v>
      </c>
      <c r="F41034" s="1" t="s">
        <v>140575</v>
      </c>
      <c r="G41034" s="1" t="s">
        <v>140529</v>
      </c>
      <c r="H41034" s="1" t="s">
        <v>140530</v>
      </c>
      <c r="I41034" s="1" t="s">
        <v>135900</v>
      </c>
      <c r="J41034" s="1" t="s">
        <v>140576</v>
      </c>
    </row>
    <row r="41035" spans="1:10" x14ac:dyDescent="0.35">
      <c r="A41035" s="1" t="s">
        <v>45358</v>
      </c>
      <c r="B41035" s="1" t="s">
        <v>135894</v>
      </c>
      <c r="C41035" s="1" t="s">
        <v>80</v>
      </c>
      <c r="D41035" s="1" t="s">
        <v>94114</v>
      </c>
      <c r="E41035" s="1" t="s">
        <v>140577</v>
      </c>
      <c r="F41035" s="1" t="s">
        <v>140578</v>
      </c>
      <c r="G41035" s="1" t="s">
        <v>140529</v>
      </c>
      <c r="H41035" s="1" t="s">
        <v>140530</v>
      </c>
      <c r="I41035" s="1" t="s">
        <v>135900</v>
      </c>
      <c r="J41035" s="1" t="s">
        <v>140579</v>
      </c>
    </row>
    <row r="41036" spans="1:10" x14ac:dyDescent="0.35">
      <c r="A41036" s="1" t="s">
        <v>45358</v>
      </c>
      <c r="B41036" s="1" t="s">
        <v>135894</v>
      </c>
      <c r="C41036" s="1" t="s">
        <v>85</v>
      </c>
      <c r="D41036" s="1" t="s">
        <v>84510</v>
      </c>
      <c r="E41036" s="1" t="s">
        <v>140580</v>
      </c>
      <c r="F41036" s="1" t="s">
        <v>140581</v>
      </c>
      <c r="G41036" s="1" t="s">
        <v>140529</v>
      </c>
      <c r="H41036" s="1" t="s">
        <v>140530</v>
      </c>
      <c r="I41036" s="1" t="s">
        <v>135900</v>
      </c>
      <c r="J41036" s="1" t="s">
        <v>140582</v>
      </c>
    </row>
    <row r="41037" spans="1:10" x14ac:dyDescent="0.35">
      <c r="A41037" s="1" t="s">
        <v>45358</v>
      </c>
      <c r="B41037" s="1" t="s">
        <v>135894</v>
      </c>
      <c r="C41037" s="1" t="s">
        <v>90</v>
      </c>
      <c r="D41037" s="1" t="s">
        <v>57933</v>
      </c>
      <c r="E41037" s="1" t="s">
        <v>140583</v>
      </c>
      <c r="F41037" s="1" t="s">
        <v>140584</v>
      </c>
      <c r="G41037" s="1" t="s">
        <v>140529</v>
      </c>
      <c r="H41037" s="1" t="s">
        <v>140530</v>
      </c>
      <c r="I41037" s="1" t="s">
        <v>135900</v>
      </c>
      <c r="J41037" s="1" t="s">
        <v>140585</v>
      </c>
    </row>
    <row r="41038" spans="1:10" x14ac:dyDescent="0.35">
      <c r="A41038" s="1" t="s">
        <v>45358</v>
      </c>
      <c r="B41038" s="1" t="s">
        <v>135894</v>
      </c>
      <c r="C41038" s="1" t="s">
        <v>95</v>
      </c>
      <c r="D41038" s="1" t="s">
        <v>75576</v>
      </c>
      <c r="E41038" s="1" t="s">
        <v>140586</v>
      </c>
      <c r="F41038" s="1" t="s">
        <v>140587</v>
      </c>
      <c r="G41038" s="1" t="s">
        <v>140529</v>
      </c>
      <c r="H41038" s="1" t="s">
        <v>140530</v>
      </c>
      <c r="I41038" s="1" t="s">
        <v>135900</v>
      </c>
      <c r="J41038" s="1" t="s">
        <v>140588</v>
      </c>
    </row>
    <row r="41039" spans="1:10" x14ac:dyDescent="0.35">
      <c r="A41039" s="1" t="s">
        <v>45358</v>
      </c>
      <c r="B41039" s="1" t="s">
        <v>135894</v>
      </c>
      <c r="C41039" s="1" t="s">
        <v>100</v>
      </c>
      <c r="D41039" s="1" t="s">
        <v>75802</v>
      </c>
      <c r="E41039" s="1" t="s">
        <v>140589</v>
      </c>
      <c r="F41039" s="1" t="s">
        <v>140590</v>
      </c>
      <c r="G41039" s="1" t="s">
        <v>140529</v>
      </c>
      <c r="H41039" s="1" t="s">
        <v>140530</v>
      </c>
      <c r="I41039" s="1" t="s">
        <v>135900</v>
      </c>
      <c r="J41039" s="1" t="s">
        <v>140591</v>
      </c>
    </row>
    <row r="41040" spans="1:10" x14ac:dyDescent="0.35">
      <c r="A41040" s="1" t="s">
        <v>45358</v>
      </c>
      <c r="B41040" s="1" t="s">
        <v>135894</v>
      </c>
      <c r="C41040" s="1" t="s">
        <v>105</v>
      </c>
      <c r="D41040" s="1" t="s">
        <v>140592</v>
      </c>
      <c r="E41040" s="1" t="s">
        <v>140593</v>
      </c>
      <c r="F41040" s="1" t="s">
        <v>140594</v>
      </c>
      <c r="G41040" s="1" t="s">
        <v>140529</v>
      </c>
      <c r="H41040" s="1" t="s">
        <v>140530</v>
      </c>
      <c r="I41040" s="1" t="s">
        <v>135900</v>
      </c>
      <c r="J41040" s="1" t="s">
        <v>140595</v>
      </c>
    </row>
    <row r="41041" spans="1:10" x14ac:dyDescent="0.35">
      <c r="A41041" s="1" t="s">
        <v>45358</v>
      </c>
      <c r="B41041" s="1" t="s">
        <v>135894</v>
      </c>
      <c r="C41041" s="1" t="s">
        <v>110</v>
      </c>
      <c r="D41041" s="1" t="s">
        <v>122817</v>
      </c>
      <c r="E41041" s="1" t="s">
        <v>140596</v>
      </c>
      <c r="F41041" s="1" t="s">
        <v>140597</v>
      </c>
      <c r="G41041" s="1" t="s">
        <v>140529</v>
      </c>
      <c r="H41041" s="1" t="s">
        <v>140530</v>
      </c>
      <c r="I41041" s="1" t="s">
        <v>135900</v>
      </c>
      <c r="J41041" s="1" t="s">
        <v>140598</v>
      </c>
    </row>
    <row r="41042" spans="1:10" x14ac:dyDescent="0.35">
      <c r="A41042" s="1" t="s">
        <v>45358</v>
      </c>
      <c r="B41042" s="1" t="s">
        <v>135894</v>
      </c>
      <c r="C41042" s="1" t="s">
        <v>115</v>
      </c>
      <c r="D41042" s="1" t="s">
        <v>140599</v>
      </c>
      <c r="E41042" s="1" t="s">
        <v>140600</v>
      </c>
      <c r="F41042" s="1" t="s">
        <v>140601</v>
      </c>
      <c r="G41042" s="1" t="s">
        <v>140529</v>
      </c>
      <c r="H41042" s="1" t="s">
        <v>140530</v>
      </c>
      <c r="I41042" s="1" t="s">
        <v>135900</v>
      </c>
      <c r="J41042" s="1" t="s">
        <v>140602</v>
      </c>
    </row>
    <row r="41043" spans="1:10" x14ac:dyDescent="0.35">
      <c r="A41043" s="1" t="s">
        <v>45358</v>
      </c>
      <c r="B41043" s="1" t="s">
        <v>135894</v>
      </c>
      <c r="C41043" s="1" t="s">
        <v>120</v>
      </c>
      <c r="D41043" s="1" t="s">
        <v>138759</v>
      </c>
      <c r="E41043" s="1" t="s">
        <v>140603</v>
      </c>
      <c r="F41043" s="1" t="s">
        <v>140604</v>
      </c>
      <c r="G41043" s="1" t="s">
        <v>140529</v>
      </c>
      <c r="H41043" s="1" t="s">
        <v>140530</v>
      </c>
      <c r="I41043" s="1" t="s">
        <v>135900</v>
      </c>
      <c r="J41043" s="1" t="s">
        <v>140605</v>
      </c>
    </row>
    <row r="41044" spans="1:10" x14ac:dyDescent="0.35">
      <c r="A41044" s="1" t="s">
        <v>45358</v>
      </c>
      <c r="B41044" s="1" t="s">
        <v>135894</v>
      </c>
      <c r="C41044" s="1" t="s">
        <v>125</v>
      </c>
      <c r="D41044" s="1" t="s">
        <v>66901</v>
      </c>
      <c r="E41044" s="1" t="s">
        <v>140606</v>
      </c>
      <c r="F41044" s="1" t="s">
        <v>140607</v>
      </c>
      <c r="G41044" s="1" t="s">
        <v>140529</v>
      </c>
      <c r="H41044" s="1" t="s">
        <v>140530</v>
      </c>
      <c r="I41044" s="1" t="s">
        <v>135900</v>
      </c>
      <c r="J41044" s="1" t="s">
        <v>140608</v>
      </c>
    </row>
    <row r="41045" spans="1:10" x14ac:dyDescent="0.35">
      <c r="A41045" s="1" t="s">
        <v>45358</v>
      </c>
      <c r="B41045" s="1" t="s">
        <v>135894</v>
      </c>
      <c r="C41045" s="1" t="s">
        <v>130</v>
      </c>
      <c r="D41045" s="1" t="s">
        <v>62558</v>
      </c>
      <c r="E41045" s="1" t="s">
        <v>140609</v>
      </c>
      <c r="F41045" s="1" t="s">
        <v>140610</v>
      </c>
      <c r="G41045" s="1" t="s">
        <v>140529</v>
      </c>
      <c r="H41045" s="1" t="s">
        <v>140530</v>
      </c>
      <c r="I41045" s="1" t="s">
        <v>135900</v>
      </c>
      <c r="J41045" s="1" t="s">
        <v>140611</v>
      </c>
    </row>
    <row r="41046" spans="1:10" x14ac:dyDescent="0.35">
      <c r="A41046" s="1" t="s">
        <v>45358</v>
      </c>
      <c r="B41046" s="1" t="s">
        <v>135894</v>
      </c>
      <c r="C41046" s="1" t="s">
        <v>135</v>
      </c>
      <c r="D41046" s="1" t="s">
        <v>140612</v>
      </c>
      <c r="E41046" s="1" t="s">
        <v>140613</v>
      </c>
      <c r="F41046" s="1" t="s">
        <v>140614</v>
      </c>
      <c r="G41046" s="1" t="s">
        <v>140529</v>
      </c>
      <c r="H41046" s="1" t="s">
        <v>140530</v>
      </c>
      <c r="I41046" s="1" t="s">
        <v>135900</v>
      </c>
      <c r="J41046" s="1" t="s">
        <v>140615</v>
      </c>
    </row>
    <row r="41047" spans="1:10" x14ac:dyDescent="0.35">
      <c r="A41047" s="1" t="s">
        <v>45358</v>
      </c>
      <c r="B41047" s="1" t="s">
        <v>135894</v>
      </c>
      <c r="C41047" s="1" t="s">
        <v>140</v>
      </c>
      <c r="D41047" s="1" t="s">
        <v>140616</v>
      </c>
      <c r="E41047" s="1" t="s">
        <v>140617</v>
      </c>
      <c r="F41047" s="1" t="s">
        <v>140618</v>
      </c>
      <c r="G41047" s="1" t="s">
        <v>140529</v>
      </c>
      <c r="H41047" s="1" t="s">
        <v>140530</v>
      </c>
      <c r="I41047" s="1" t="s">
        <v>135900</v>
      </c>
      <c r="J41047" s="1" t="s">
        <v>140619</v>
      </c>
    </row>
    <row r="41048" spans="1:10" x14ac:dyDescent="0.35">
      <c r="A41048" s="1" t="s">
        <v>45358</v>
      </c>
      <c r="B41048" s="1" t="s">
        <v>135894</v>
      </c>
      <c r="C41048" s="1" t="s">
        <v>145</v>
      </c>
      <c r="D41048" s="1" t="s">
        <v>60631</v>
      </c>
      <c r="E41048" s="1" t="s">
        <v>140620</v>
      </c>
      <c r="F41048" s="1" t="s">
        <v>140621</v>
      </c>
      <c r="G41048" s="1" t="s">
        <v>140529</v>
      </c>
      <c r="H41048" s="1" t="s">
        <v>140530</v>
      </c>
      <c r="I41048" s="1" t="s">
        <v>135900</v>
      </c>
      <c r="J41048" s="1" t="s">
        <v>140622</v>
      </c>
    </row>
    <row r="41049" spans="1:10" x14ac:dyDescent="0.35">
      <c r="A41049" s="1" t="s">
        <v>45358</v>
      </c>
      <c r="B41049" s="1" t="s">
        <v>135894</v>
      </c>
      <c r="C41049" s="1" t="s">
        <v>150</v>
      </c>
      <c r="D41049" s="1" t="s">
        <v>52400</v>
      </c>
      <c r="E41049" s="1" t="s">
        <v>140623</v>
      </c>
      <c r="F41049" s="1" t="s">
        <v>140624</v>
      </c>
      <c r="G41049" s="1" t="s">
        <v>140529</v>
      </c>
      <c r="H41049" s="1" t="s">
        <v>140530</v>
      </c>
      <c r="I41049" s="1" t="s">
        <v>135900</v>
      </c>
      <c r="J41049" s="1" t="s">
        <v>140625</v>
      </c>
    </row>
    <row r="41050" spans="1:10" x14ac:dyDescent="0.35">
      <c r="A41050" s="1" t="s">
        <v>45358</v>
      </c>
      <c r="B41050" s="1" t="s">
        <v>135894</v>
      </c>
      <c r="C41050" s="1" t="s">
        <v>155</v>
      </c>
      <c r="D41050" s="1" t="s">
        <v>140626</v>
      </c>
      <c r="E41050" s="1" t="s">
        <v>140627</v>
      </c>
      <c r="F41050" s="1" t="s">
        <v>140628</v>
      </c>
      <c r="G41050" s="1" t="s">
        <v>140529</v>
      </c>
      <c r="H41050" s="1" t="s">
        <v>140530</v>
      </c>
      <c r="I41050" s="1" t="s">
        <v>135900</v>
      </c>
      <c r="J41050" s="1" t="s">
        <v>140629</v>
      </c>
    </row>
    <row r="41051" spans="1:10" x14ac:dyDescent="0.35">
      <c r="A41051" s="1" t="s">
        <v>45358</v>
      </c>
      <c r="B41051" s="1" t="s">
        <v>135894</v>
      </c>
      <c r="C41051" s="1" t="s">
        <v>160</v>
      </c>
      <c r="D41051" s="1" t="s">
        <v>103753</v>
      </c>
      <c r="E41051" s="1" t="s">
        <v>140630</v>
      </c>
      <c r="F41051" s="1" t="s">
        <v>140631</v>
      </c>
      <c r="G41051" s="1" t="s">
        <v>140529</v>
      </c>
      <c r="H41051" s="1" t="s">
        <v>140530</v>
      </c>
      <c r="I41051" s="1" t="s">
        <v>135900</v>
      </c>
      <c r="J41051" s="1" t="s">
        <v>140632</v>
      </c>
    </row>
    <row r="41052" spans="1:10" x14ac:dyDescent="0.35">
      <c r="A41052" s="1" t="s">
        <v>45358</v>
      </c>
      <c r="B41052" s="1" t="s">
        <v>135894</v>
      </c>
      <c r="C41052" s="1" t="s">
        <v>165</v>
      </c>
      <c r="D41052" s="1" t="s">
        <v>140633</v>
      </c>
      <c r="E41052" s="1" t="s">
        <v>140623</v>
      </c>
      <c r="F41052" s="1" t="s">
        <v>140634</v>
      </c>
      <c r="G41052" s="1" t="s">
        <v>140529</v>
      </c>
      <c r="H41052" s="1" t="s">
        <v>140530</v>
      </c>
      <c r="I41052" s="1" t="s">
        <v>135900</v>
      </c>
      <c r="J41052" s="1" t="s">
        <v>140635</v>
      </c>
    </row>
    <row r="41053" spans="1:10" x14ac:dyDescent="0.35">
      <c r="A41053" s="1" t="s">
        <v>45358</v>
      </c>
      <c r="B41053" s="1" t="s">
        <v>135894</v>
      </c>
      <c r="C41053" s="1" t="s">
        <v>170</v>
      </c>
      <c r="D41053" s="1" t="s">
        <v>69599</v>
      </c>
      <c r="E41053" s="1" t="s">
        <v>140636</v>
      </c>
      <c r="F41053" s="1" t="s">
        <v>140637</v>
      </c>
      <c r="G41053" s="1" t="s">
        <v>140529</v>
      </c>
      <c r="H41053" s="1" t="s">
        <v>140530</v>
      </c>
      <c r="I41053" s="1" t="s">
        <v>135900</v>
      </c>
      <c r="J41053" s="1" t="s">
        <v>140638</v>
      </c>
    </row>
    <row r="41054" spans="1:10" x14ac:dyDescent="0.35">
      <c r="A41054" s="1" t="s">
        <v>115812</v>
      </c>
      <c r="B41054" s="1" t="s">
        <v>135894</v>
      </c>
      <c r="C41054" s="1" t="s">
        <v>8</v>
      </c>
      <c r="D41054" s="1" t="s">
        <v>140639</v>
      </c>
      <c r="E41054" s="1" t="s">
        <v>140640</v>
      </c>
      <c r="F41054" s="1" t="s">
        <v>140641</v>
      </c>
      <c r="G41054" s="1" t="s">
        <v>140642</v>
      </c>
      <c r="H41054" s="1" t="s">
        <v>140643</v>
      </c>
      <c r="I41054" s="1" t="s">
        <v>135900</v>
      </c>
      <c r="J41054" s="1" t="s">
        <v>13</v>
      </c>
    </row>
    <row r="41055" spans="1:10" x14ac:dyDescent="0.35">
      <c r="A41055" s="1" t="s">
        <v>115812</v>
      </c>
      <c r="B41055" s="1" t="s">
        <v>135894</v>
      </c>
      <c r="C41055" s="1" t="s">
        <v>15</v>
      </c>
      <c r="D41055" s="1" t="s">
        <v>75668</v>
      </c>
      <c r="E41055" s="1" t="s">
        <v>140644</v>
      </c>
      <c r="F41055" s="1" t="s">
        <v>140645</v>
      </c>
      <c r="G41055" s="1" t="s">
        <v>140642</v>
      </c>
      <c r="H41055" s="1" t="s">
        <v>140643</v>
      </c>
      <c r="I41055" s="1" t="s">
        <v>135900</v>
      </c>
      <c r="J41055" s="1" t="s">
        <v>140646</v>
      </c>
    </row>
    <row r="41056" spans="1:10" x14ac:dyDescent="0.35">
      <c r="A41056" s="1" t="s">
        <v>115812</v>
      </c>
      <c r="B41056" s="1" t="s">
        <v>135894</v>
      </c>
      <c r="C41056" s="1" t="s">
        <v>20</v>
      </c>
      <c r="D41056" s="1" t="s">
        <v>99620</v>
      </c>
      <c r="E41056" s="1" t="s">
        <v>140647</v>
      </c>
      <c r="F41056" s="1" t="s">
        <v>140648</v>
      </c>
      <c r="G41056" s="1" t="s">
        <v>140642</v>
      </c>
      <c r="H41056" s="1" t="s">
        <v>140643</v>
      </c>
      <c r="I41056" s="1" t="s">
        <v>135900</v>
      </c>
      <c r="J41056" s="1" t="s">
        <v>140649</v>
      </c>
    </row>
    <row r="41057" spans="1:10" x14ac:dyDescent="0.35">
      <c r="A41057" s="1" t="s">
        <v>115812</v>
      </c>
      <c r="B41057" s="1" t="s">
        <v>135894</v>
      </c>
      <c r="C41057" s="1" t="s">
        <v>25</v>
      </c>
      <c r="D41057" s="1" t="s">
        <v>140650</v>
      </c>
      <c r="E41057" s="1" t="s">
        <v>140651</v>
      </c>
      <c r="F41057" s="1" t="s">
        <v>140652</v>
      </c>
      <c r="G41057" s="1" t="s">
        <v>140642</v>
      </c>
      <c r="H41057" s="1" t="s">
        <v>140643</v>
      </c>
      <c r="I41057" s="1" t="s">
        <v>135900</v>
      </c>
      <c r="J41057" s="1" t="s">
        <v>140653</v>
      </c>
    </row>
    <row r="41058" spans="1:10" x14ac:dyDescent="0.35">
      <c r="A41058" s="1" t="s">
        <v>115812</v>
      </c>
      <c r="B41058" s="1" t="s">
        <v>135894</v>
      </c>
      <c r="C41058" s="1" t="s">
        <v>30</v>
      </c>
      <c r="D41058" s="1" t="s">
        <v>61477</v>
      </c>
      <c r="E41058" s="1" t="s">
        <v>140654</v>
      </c>
      <c r="F41058" s="1" t="s">
        <v>140655</v>
      </c>
      <c r="G41058" s="1" t="s">
        <v>140642</v>
      </c>
      <c r="H41058" s="1" t="s">
        <v>140643</v>
      </c>
      <c r="I41058" s="1" t="s">
        <v>135900</v>
      </c>
      <c r="J41058" s="1" t="s">
        <v>140656</v>
      </c>
    </row>
    <row r="41059" spans="1:10" x14ac:dyDescent="0.35">
      <c r="A41059" s="1" t="s">
        <v>115812</v>
      </c>
      <c r="B41059" s="1" t="s">
        <v>135894</v>
      </c>
      <c r="C41059" s="1" t="s">
        <v>35</v>
      </c>
      <c r="D41059" s="1" t="s">
        <v>64040</v>
      </c>
      <c r="E41059" s="1" t="s">
        <v>140657</v>
      </c>
      <c r="F41059" s="1" t="s">
        <v>140658</v>
      </c>
      <c r="G41059" s="1" t="s">
        <v>140642</v>
      </c>
      <c r="H41059" s="1" t="s">
        <v>140643</v>
      </c>
      <c r="I41059" s="1" t="s">
        <v>135900</v>
      </c>
      <c r="J41059" s="1" t="s">
        <v>140659</v>
      </c>
    </row>
    <row r="41060" spans="1:10" x14ac:dyDescent="0.35">
      <c r="A41060" s="1" t="s">
        <v>115812</v>
      </c>
      <c r="B41060" s="1" t="s">
        <v>135894</v>
      </c>
      <c r="C41060" s="1" t="s">
        <v>40</v>
      </c>
      <c r="D41060" s="1" t="s">
        <v>84846</v>
      </c>
      <c r="E41060" s="1" t="s">
        <v>140660</v>
      </c>
      <c r="F41060" s="1" t="s">
        <v>140661</v>
      </c>
      <c r="G41060" s="1" t="s">
        <v>140642</v>
      </c>
      <c r="H41060" s="1" t="s">
        <v>140643</v>
      </c>
      <c r="I41060" s="1" t="s">
        <v>135900</v>
      </c>
      <c r="J41060" s="1" t="s">
        <v>140662</v>
      </c>
    </row>
    <row r="41061" spans="1:10" x14ac:dyDescent="0.35">
      <c r="A41061" s="1" t="s">
        <v>115812</v>
      </c>
      <c r="B41061" s="1" t="s">
        <v>135894</v>
      </c>
      <c r="C41061" s="1" t="s">
        <v>45</v>
      </c>
      <c r="D41061" s="1" t="s">
        <v>94766</v>
      </c>
      <c r="E41061" s="1" t="s">
        <v>140663</v>
      </c>
      <c r="F41061" s="1" t="s">
        <v>140664</v>
      </c>
      <c r="G41061" s="1" t="s">
        <v>140642</v>
      </c>
      <c r="H41061" s="1" t="s">
        <v>140643</v>
      </c>
      <c r="I41061" s="1" t="s">
        <v>135900</v>
      </c>
      <c r="J41061" s="1" t="s">
        <v>140665</v>
      </c>
    </row>
    <row r="41062" spans="1:10" x14ac:dyDescent="0.35">
      <c r="A41062" s="1" t="s">
        <v>115812</v>
      </c>
      <c r="B41062" s="1" t="s">
        <v>135894</v>
      </c>
      <c r="C41062" s="1" t="s">
        <v>50</v>
      </c>
      <c r="D41062" s="1" t="s">
        <v>93534</v>
      </c>
      <c r="E41062" s="1" t="s">
        <v>140666</v>
      </c>
      <c r="F41062" s="1" t="s">
        <v>140667</v>
      </c>
      <c r="G41062" s="1" t="s">
        <v>140642</v>
      </c>
      <c r="H41062" s="1" t="s">
        <v>140643</v>
      </c>
      <c r="I41062" s="1" t="s">
        <v>135900</v>
      </c>
      <c r="J41062" s="1" t="s">
        <v>140668</v>
      </c>
    </row>
    <row r="41063" spans="1:10" x14ac:dyDescent="0.35">
      <c r="A41063" s="1" t="s">
        <v>115812</v>
      </c>
      <c r="B41063" s="1" t="s">
        <v>135894</v>
      </c>
      <c r="C41063" s="1" t="s">
        <v>55</v>
      </c>
      <c r="D41063" s="1" t="s">
        <v>140669</v>
      </c>
      <c r="E41063" s="1" t="s">
        <v>140670</v>
      </c>
      <c r="F41063" s="1" t="s">
        <v>140671</v>
      </c>
      <c r="G41063" s="1" t="s">
        <v>140642</v>
      </c>
      <c r="H41063" s="1" t="s">
        <v>140643</v>
      </c>
      <c r="I41063" s="1" t="s">
        <v>135900</v>
      </c>
      <c r="J41063" s="1" t="s">
        <v>140672</v>
      </c>
    </row>
    <row r="41064" spans="1:10" x14ac:dyDescent="0.35">
      <c r="A41064" s="1" t="s">
        <v>115812</v>
      </c>
      <c r="B41064" s="1" t="s">
        <v>135894</v>
      </c>
      <c r="C41064" s="1" t="s">
        <v>60</v>
      </c>
      <c r="D41064" s="1" t="s">
        <v>56803</v>
      </c>
      <c r="E41064" s="1" t="s">
        <v>140673</v>
      </c>
      <c r="F41064" s="1" t="s">
        <v>140674</v>
      </c>
      <c r="G41064" s="1" t="s">
        <v>140642</v>
      </c>
      <c r="H41064" s="1" t="s">
        <v>140643</v>
      </c>
      <c r="I41064" s="1" t="s">
        <v>135900</v>
      </c>
      <c r="J41064" s="1" t="s">
        <v>140675</v>
      </c>
    </row>
    <row r="41065" spans="1:10" x14ac:dyDescent="0.35">
      <c r="A41065" s="1" t="s">
        <v>115812</v>
      </c>
      <c r="B41065" s="1" t="s">
        <v>135894</v>
      </c>
      <c r="C41065" s="1" t="s">
        <v>65</v>
      </c>
      <c r="D41065" s="1" t="s">
        <v>62969</v>
      </c>
      <c r="E41065" s="1" t="s">
        <v>140676</v>
      </c>
      <c r="F41065" s="1" t="s">
        <v>140677</v>
      </c>
      <c r="G41065" s="1" t="s">
        <v>140642</v>
      </c>
      <c r="H41065" s="1" t="s">
        <v>140643</v>
      </c>
      <c r="I41065" s="1" t="s">
        <v>135900</v>
      </c>
      <c r="J41065" s="1" t="s">
        <v>140678</v>
      </c>
    </row>
    <row r="41066" spans="1:10" x14ac:dyDescent="0.35">
      <c r="A41066" s="1" t="s">
        <v>115812</v>
      </c>
      <c r="B41066" s="1" t="s">
        <v>135894</v>
      </c>
      <c r="C41066" s="1" t="s">
        <v>70</v>
      </c>
      <c r="D41066" s="1" t="s">
        <v>12561</v>
      </c>
      <c r="E41066" s="1" t="s">
        <v>140679</v>
      </c>
      <c r="F41066" s="1" t="s">
        <v>140680</v>
      </c>
      <c r="G41066" s="1" t="s">
        <v>140642</v>
      </c>
      <c r="H41066" s="1" t="s">
        <v>140643</v>
      </c>
      <c r="I41066" s="1" t="s">
        <v>135900</v>
      </c>
      <c r="J41066" s="1" t="s">
        <v>140681</v>
      </c>
    </row>
    <row r="41067" spans="1:10" x14ac:dyDescent="0.35">
      <c r="A41067" s="1" t="s">
        <v>115812</v>
      </c>
      <c r="B41067" s="1" t="s">
        <v>135894</v>
      </c>
      <c r="C41067" s="1" t="s">
        <v>75</v>
      </c>
      <c r="D41067" s="1" t="s">
        <v>100478</v>
      </c>
      <c r="E41067" s="1" t="s">
        <v>140682</v>
      </c>
      <c r="F41067" s="1" t="s">
        <v>140683</v>
      </c>
      <c r="G41067" s="1" t="s">
        <v>140642</v>
      </c>
      <c r="H41067" s="1" t="s">
        <v>140643</v>
      </c>
      <c r="I41067" s="1" t="s">
        <v>135900</v>
      </c>
      <c r="J41067" s="1" t="s">
        <v>140684</v>
      </c>
    </row>
    <row r="41068" spans="1:10" x14ac:dyDescent="0.35">
      <c r="A41068" s="1" t="s">
        <v>115812</v>
      </c>
      <c r="B41068" s="1" t="s">
        <v>135894</v>
      </c>
      <c r="C41068" s="1" t="s">
        <v>80</v>
      </c>
      <c r="D41068" s="1" t="s">
        <v>140685</v>
      </c>
      <c r="E41068" s="1" t="s">
        <v>140686</v>
      </c>
      <c r="F41068" s="1" t="s">
        <v>140687</v>
      </c>
      <c r="G41068" s="1" t="s">
        <v>140642</v>
      </c>
      <c r="H41068" s="1" t="s">
        <v>140643</v>
      </c>
      <c r="I41068" s="1" t="s">
        <v>135900</v>
      </c>
      <c r="J41068" s="1" t="s">
        <v>140688</v>
      </c>
    </row>
    <row r="41069" spans="1:10" x14ac:dyDescent="0.35">
      <c r="A41069" s="1" t="s">
        <v>115812</v>
      </c>
      <c r="B41069" s="1" t="s">
        <v>135894</v>
      </c>
      <c r="C41069" s="1" t="s">
        <v>85</v>
      </c>
      <c r="D41069" s="1" t="s">
        <v>90086</v>
      </c>
      <c r="E41069" s="1" t="s">
        <v>140689</v>
      </c>
      <c r="F41069" s="1" t="s">
        <v>140690</v>
      </c>
      <c r="G41069" s="1" t="s">
        <v>140642</v>
      </c>
      <c r="H41069" s="1" t="s">
        <v>140643</v>
      </c>
      <c r="I41069" s="1" t="s">
        <v>135900</v>
      </c>
      <c r="J41069" s="1" t="s">
        <v>140691</v>
      </c>
    </row>
    <row r="41070" spans="1:10" x14ac:dyDescent="0.35">
      <c r="A41070" s="1" t="s">
        <v>115812</v>
      </c>
      <c r="B41070" s="1" t="s">
        <v>135894</v>
      </c>
      <c r="C41070" s="1" t="s">
        <v>90</v>
      </c>
      <c r="D41070" s="1" t="s">
        <v>140692</v>
      </c>
      <c r="E41070" s="1" t="s">
        <v>140693</v>
      </c>
      <c r="F41070" s="1" t="s">
        <v>140694</v>
      </c>
      <c r="G41070" s="1" t="s">
        <v>140642</v>
      </c>
      <c r="H41070" s="1" t="s">
        <v>140643</v>
      </c>
      <c r="I41070" s="1" t="s">
        <v>135900</v>
      </c>
      <c r="J41070" s="1" t="s">
        <v>140695</v>
      </c>
    </row>
    <row r="41071" spans="1:10" x14ac:dyDescent="0.35">
      <c r="A41071" s="1" t="s">
        <v>115812</v>
      </c>
      <c r="B41071" s="1" t="s">
        <v>135894</v>
      </c>
      <c r="C41071" s="1" t="s">
        <v>95</v>
      </c>
      <c r="D41071" s="1" t="s">
        <v>60230</v>
      </c>
      <c r="E41071" s="1" t="s">
        <v>140696</v>
      </c>
      <c r="F41071" s="1" t="s">
        <v>140697</v>
      </c>
      <c r="G41071" s="1" t="s">
        <v>140642</v>
      </c>
      <c r="H41071" s="1" t="s">
        <v>140643</v>
      </c>
      <c r="I41071" s="1" t="s">
        <v>135900</v>
      </c>
      <c r="J41071" s="1" t="s">
        <v>140698</v>
      </c>
    </row>
    <row r="41072" spans="1:10" x14ac:dyDescent="0.35">
      <c r="A41072" s="1" t="s">
        <v>115812</v>
      </c>
      <c r="B41072" s="1" t="s">
        <v>135894</v>
      </c>
      <c r="C41072" s="1" t="s">
        <v>100</v>
      </c>
      <c r="D41072" s="1" t="s">
        <v>140699</v>
      </c>
      <c r="E41072" s="1" t="s">
        <v>140700</v>
      </c>
      <c r="F41072" s="1" t="s">
        <v>140701</v>
      </c>
      <c r="G41072" s="1" t="s">
        <v>140642</v>
      </c>
      <c r="H41072" s="1" t="s">
        <v>140643</v>
      </c>
      <c r="I41072" s="1" t="s">
        <v>135900</v>
      </c>
      <c r="J41072" s="1" t="s">
        <v>140702</v>
      </c>
    </row>
    <row r="41073" spans="1:10" x14ac:dyDescent="0.35">
      <c r="A41073" s="1" t="s">
        <v>115812</v>
      </c>
      <c r="B41073" s="1" t="s">
        <v>135894</v>
      </c>
      <c r="C41073" s="1" t="s">
        <v>105</v>
      </c>
      <c r="D41073" s="1" t="s">
        <v>140703</v>
      </c>
      <c r="E41073" s="1" t="s">
        <v>140704</v>
      </c>
      <c r="F41073" s="1" t="s">
        <v>140705</v>
      </c>
      <c r="G41073" s="1" t="s">
        <v>140642</v>
      </c>
      <c r="H41073" s="1" t="s">
        <v>140643</v>
      </c>
      <c r="I41073" s="1" t="s">
        <v>135900</v>
      </c>
      <c r="J41073" s="1" t="s">
        <v>140706</v>
      </c>
    </row>
    <row r="41074" spans="1:10" x14ac:dyDescent="0.35">
      <c r="A41074" s="1" t="s">
        <v>115812</v>
      </c>
      <c r="B41074" s="1" t="s">
        <v>135894</v>
      </c>
      <c r="C41074" s="1" t="s">
        <v>110</v>
      </c>
      <c r="D41074" s="1" t="s">
        <v>26830</v>
      </c>
      <c r="E41074" s="1" t="s">
        <v>140707</v>
      </c>
      <c r="F41074" s="1" t="s">
        <v>140708</v>
      </c>
      <c r="G41074" s="1" t="s">
        <v>140642</v>
      </c>
      <c r="H41074" s="1" t="s">
        <v>140643</v>
      </c>
      <c r="I41074" s="1" t="s">
        <v>135900</v>
      </c>
      <c r="J41074" s="1" t="s">
        <v>140709</v>
      </c>
    </row>
    <row r="41075" spans="1:10" x14ac:dyDescent="0.35">
      <c r="A41075" s="1" t="s">
        <v>115812</v>
      </c>
      <c r="B41075" s="1" t="s">
        <v>135894</v>
      </c>
      <c r="C41075" s="1" t="s">
        <v>115</v>
      </c>
      <c r="D41075" s="1" t="s">
        <v>140710</v>
      </c>
      <c r="E41075" s="1" t="s">
        <v>140711</v>
      </c>
      <c r="F41075" s="1" t="s">
        <v>140712</v>
      </c>
      <c r="G41075" s="1" t="s">
        <v>140642</v>
      </c>
      <c r="H41075" s="1" t="s">
        <v>140643</v>
      </c>
      <c r="I41075" s="1" t="s">
        <v>135900</v>
      </c>
      <c r="J41075" s="1" t="s">
        <v>140713</v>
      </c>
    </row>
    <row r="41076" spans="1:10" x14ac:dyDescent="0.35">
      <c r="A41076" s="1" t="s">
        <v>115812</v>
      </c>
      <c r="B41076" s="1" t="s">
        <v>135894</v>
      </c>
      <c r="C41076" s="1" t="s">
        <v>120</v>
      </c>
      <c r="D41076" s="1" t="s">
        <v>100474</v>
      </c>
      <c r="E41076" s="1" t="s">
        <v>140714</v>
      </c>
      <c r="F41076" s="1" t="s">
        <v>140715</v>
      </c>
      <c r="G41076" s="1" t="s">
        <v>140642</v>
      </c>
      <c r="H41076" s="1" t="s">
        <v>140643</v>
      </c>
      <c r="I41076" s="1" t="s">
        <v>135900</v>
      </c>
      <c r="J41076" s="1" t="s">
        <v>140716</v>
      </c>
    </row>
    <row r="41077" spans="1:10" x14ac:dyDescent="0.35">
      <c r="A41077" s="1" t="s">
        <v>115812</v>
      </c>
      <c r="B41077" s="1" t="s">
        <v>135894</v>
      </c>
      <c r="C41077" s="1" t="s">
        <v>125</v>
      </c>
      <c r="D41077" s="1" t="s">
        <v>7677</v>
      </c>
      <c r="E41077" s="1" t="s">
        <v>140717</v>
      </c>
      <c r="F41077" s="1" t="s">
        <v>140718</v>
      </c>
      <c r="G41077" s="1" t="s">
        <v>140642</v>
      </c>
      <c r="H41077" s="1" t="s">
        <v>140643</v>
      </c>
      <c r="I41077" s="1" t="s">
        <v>135900</v>
      </c>
      <c r="J41077" s="1" t="s">
        <v>140719</v>
      </c>
    </row>
    <row r="41078" spans="1:10" x14ac:dyDescent="0.35">
      <c r="A41078" s="1" t="s">
        <v>115812</v>
      </c>
      <c r="B41078" s="1" t="s">
        <v>135894</v>
      </c>
      <c r="C41078" s="1" t="s">
        <v>130</v>
      </c>
      <c r="D41078" s="1" t="s">
        <v>140720</v>
      </c>
      <c r="E41078" s="1" t="s">
        <v>140721</v>
      </c>
      <c r="F41078" s="1" t="s">
        <v>140722</v>
      </c>
      <c r="G41078" s="1" t="s">
        <v>140642</v>
      </c>
      <c r="H41078" s="1" t="s">
        <v>140643</v>
      </c>
      <c r="I41078" s="1" t="s">
        <v>135900</v>
      </c>
      <c r="J41078" s="1" t="s">
        <v>140723</v>
      </c>
    </row>
    <row r="41079" spans="1:10" x14ac:dyDescent="0.35">
      <c r="A41079" s="1" t="s">
        <v>115812</v>
      </c>
      <c r="B41079" s="1" t="s">
        <v>135894</v>
      </c>
      <c r="C41079" s="1" t="s">
        <v>135</v>
      </c>
      <c r="D41079" s="1" t="s">
        <v>99980</v>
      </c>
      <c r="E41079" s="1" t="s">
        <v>140724</v>
      </c>
      <c r="F41079" s="1" t="s">
        <v>140725</v>
      </c>
      <c r="G41079" s="1" t="s">
        <v>140642</v>
      </c>
      <c r="H41079" s="1" t="s">
        <v>140643</v>
      </c>
      <c r="I41079" s="1" t="s">
        <v>135900</v>
      </c>
      <c r="J41079" s="1" t="s">
        <v>140726</v>
      </c>
    </row>
    <row r="41080" spans="1:10" x14ac:dyDescent="0.35">
      <c r="A41080" s="1" t="s">
        <v>115812</v>
      </c>
      <c r="B41080" s="1" t="s">
        <v>135894</v>
      </c>
      <c r="C41080" s="1" t="s">
        <v>140</v>
      </c>
      <c r="D41080" s="1" t="s">
        <v>140727</v>
      </c>
      <c r="E41080" s="1" t="s">
        <v>140728</v>
      </c>
      <c r="F41080" s="1" t="s">
        <v>140729</v>
      </c>
      <c r="G41080" s="1" t="s">
        <v>140642</v>
      </c>
      <c r="H41080" s="1" t="s">
        <v>140643</v>
      </c>
      <c r="I41080" s="1" t="s">
        <v>135900</v>
      </c>
      <c r="J41080" s="1" t="s">
        <v>140730</v>
      </c>
    </row>
    <row r="41081" spans="1:10" x14ac:dyDescent="0.35">
      <c r="A41081" s="1" t="s">
        <v>115812</v>
      </c>
      <c r="B41081" s="1" t="s">
        <v>135894</v>
      </c>
      <c r="C41081" s="1" t="s">
        <v>145</v>
      </c>
      <c r="D41081" s="1" t="s">
        <v>128836</v>
      </c>
      <c r="E41081" s="1" t="s">
        <v>140731</v>
      </c>
      <c r="F41081" s="1" t="s">
        <v>140732</v>
      </c>
      <c r="G41081" s="1" t="s">
        <v>140642</v>
      </c>
      <c r="H41081" s="1" t="s">
        <v>140643</v>
      </c>
      <c r="I41081" s="1" t="s">
        <v>135900</v>
      </c>
      <c r="J41081" s="1" t="s">
        <v>140733</v>
      </c>
    </row>
    <row r="41082" spans="1:10" x14ac:dyDescent="0.35">
      <c r="A41082" s="1" t="s">
        <v>115812</v>
      </c>
      <c r="B41082" s="1" t="s">
        <v>135894</v>
      </c>
      <c r="C41082" s="1" t="s">
        <v>150</v>
      </c>
      <c r="D41082" s="1" t="s">
        <v>100836</v>
      </c>
      <c r="E41082" s="1" t="s">
        <v>140734</v>
      </c>
      <c r="F41082" s="1" t="s">
        <v>140735</v>
      </c>
      <c r="G41082" s="1" t="s">
        <v>140642</v>
      </c>
      <c r="H41082" s="1" t="s">
        <v>140643</v>
      </c>
      <c r="I41082" s="1" t="s">
        <v>135900</v>
      </c>
      <c r="J41082" s="1" t="s">
        <v>140736</v>
      </c>
    </row>
    <row r="41083" spans="1:10" x14ac:dyDescent="0.35">
      <c r="A41083" s="1" t="s">
        <v>115812</v>
      </c>
      <c r="B41083" s="1" t="s">
        <v>135894</v>
      </c>
      <c r="C41083" s="1" t="s">
        <v>155</v>
      </c>
      <c r="D41083" s="1" t="s">
        <v>39233</v>
      </c>
      <c r="E41083" s="1" t="s">
        <v>140737</v>
      </c>
      <c r="F41083" s="1" t="s">
        <v>140738</v>
      </c>
      <c r="G41083" s="1" t="s">
        <v>140642</v>
      </c>
      <c r="H41083" s="1" t="s">
        <v>140643</v>
      </c>
      <c r="I41083" s="1" t="s">
        <v>135900</v>
      </c>
      <c r="J41083" s="1" t="s">
        <v>140739</v>
      </c>
    </row>
    <row r="41084" spans="1:10" x14ac:dyDescent="0.35">
      <c r="A41084" s="1" t="s">
        <v>115812</v>
      </c>
      <c r="B41084" s="1" t="s">
        <v>135894</v>
      </c>
      <c r="C41084" s="1" t="s">
        <v>160</v>
      </c>
      <c r="D41084" s="1" t="s">
        <v>68426</v>
      </c>
      <c r="E41084" s="1" t="s">
        <v>140740</v>
      </c>
      <c r="F41084" s="1" t="s">
        <v>140741</v>
      </c>
      <c r="G41084" s="1" t="s">
        <v>140642</v>
      </c>
      <c r="H41084" s="1" t="s">
        <v>140643</v>
      </c>
      <c r="I41084" s="1" t="s">
        <v>135900</v>
      </c>
      <c r="J41084" s="1" t="s">
        <v>140742</v>
      </c>
    </row>
    <row r="41085" spans="1:10" x14ac:dyDescent="0.35">
      <c r="A41085" s="1" t="s">
        <v>115812</v>
      </c>
      <c r="B41085" s="1" t="s">
        <v>135894</v>
      </c>
      <c r="C41085" s="1" t="s">
        <v>165</v>
      </c>
      <c r="D41085" s="1" t="s">
        <v>56746</v>
      </c>
      <c r="E41085" s="1" t="s">
        <v>140743</v>
      </c>
      <c r="F41085" s="1" t="s">
        <v>140744</v>
      </c>
      <c r="G41085" s="1" t="s">
        <v>140642</v>
      </c>
      <c r="H41085" s="1" t="s">
        <v>140643</v>
      </c>
      <c r="I41085" s="1" t="s">
        <v>135900</v>
      </c>
      <c r="J41085" s="1" t="s">
        <v>140745</v>
      </c>
    </row>
    <row r="41086" spans="1:10" x14ac:dyDescent="0.35">
      <c r="A41086" s="1" t="s">
        <v>115812</v>
      </c>
      <c r="B41086" s="1" t="s">
        <v>135894</v>
      </c>
      <c r="C41086" s="1" t="s">
        <v>170</v>
      </c>
      <c r="D41086" s="1" t="s">
        <v>140746</v>
      </c>
      <c r="E41086" s="1" t="s">
        <v>140747</v>
      </c>
      <c r="F41086" s="1" t="s">
        <v>140748</v>
      </c>
      <c r="G41086" s="1" t="s">
        <v>140642</v>
      </c>
      <c r="H41086" s="1" t="s">
        <v>140643</v>
      </c>
      <c r="I41086" s="1" t="s">
        <v>135900</v>
      </c>
      <c r="J41086" s="1" t="s">
        <v>140749</v>
      </c>
    </row>
    <row r="41087" spans="1:10" x14ac:dyDescent="0.35">
      <c r="A41087" s="1" t="s">
        <v>25583</v>
      </c>
      <c r="B41087" s="1" t="s">
        <v>135894</v>
      </c>
      <c r="C41087" s="1" t="s">
        <v>8</v>
      </c>
      <c r="D41087" s="1" t="s">
        <v>140750</v>
      </c>
      <c r="E41087" s="1" t="s">
        <v>140751</v>
      </c>
      <c r="F41087" s="1" t="s">
        <v>140752</v>
      </c>
      <c r="G41087" s="1" t="s">
        <v>140753</v>
      </c>
      <c r="H41087" s="1" t="s">
        <v>140754</v>
      </c>
      <c r="I41087" s="1" t="s">
        <v>135900</v>
      </c>
      <c r="J41087" s="1" t="s">
        <v>13</v>
      </c>
    </row>
    <row r="41088" spans="1:10" x14ac:dyDescent="0.35">
      <c r="A41088" s="1" t="s">
        <v>25583</v>
      </c>
      <c r="B41088" s="1" t="s">
        <v>135894</v>
      </c>
      <c r="C41088" s="1" t="s">
        <v>15</v>
      </c>
      <c r="D41088" s="1" t="s">
        <v>140755</v>
      </c>
      <c r="E41088" s="1" t="s">
        <v>140756</v>
      </c>
      <c r="F41088" s="1" t="s">
        <v>140757</v>
      </c>
      <c r="G41088" s="1" t="s">
        <v>140753</v>
      </c>
      <c r="H41088" s="1" t="s">
        <v>140754</v>
      </c>
      <c r="I41088" s="1" t="s">
        <v>135900</v>
      </c>
      <c r="J41088" s="1" t="s">
        <v>140758</v>
      </c>
    </row>
    <row r="41089" spans="1:10" x14ac:dyDescent="0.35">
      <c r="A41089" s="1" t="s">
        <v>25583</v>
      </c>
      <c r="B41089" s="1" t="s">
        <v>135894</v>
      </c>
      <c r="C41089" s="1" t="s">
        <v>20</v>
      </c>
      <c r="D41089" s="1" t="s">
        <v>81181</v>
      </c>
      <c r="E41089" s="1" t="s">
        <v>140759</v>
      </c>
      <c r="F41089" s="1" t="s">
        <v>140760</v>
      </c>
      <c r="G41089" s="1" t="s">
        <v>140753</v>
      </c>
      <c r="H41089" s="1" t="s">
        <v>140754</v>
      </c>
      <c r="I41089" s="1" t="s">
        <v>135900</v>
      </c>
      <c r="J41089" s="1" t="s">
        <v>140761</v>
      </c>
    </row>
    <row r="41090" spans="1:10" x14ac:dyDescent="0.35">
      <c r="A41090" s="1" t="s">
        <v>25583</v>
      </c>
      <c r="B41090" s="1" t="s">
        <v>135894</v>
      </c>
      <c r="C41090" s="1" t="s">
        <v>25</v>
      </c>
      <c r="D41090" s="1" t="s">
        <v>139817</v>
      </c>
      <c r="E41090" s="1" t="s">
        <v>140762</v>
      </c>
      <c r="F41090" s="1" t="s">
        <v>140763</v>
      </c>
      <c r="G41090" s="1" t="s">
        <v>140753</v>
      </c>
      <c r="H41090" s="1" t="s">
        <v>140754</v>
      </c>
      <c r="I41090" s="1" t="s">
        <v>135900</v>
      </c>
      <c r="J41090" s="1" t="s">
        <v>140764</v>
      </c>
    </row>
    <row r="41091" spans="1:10" x14ac:dyDescent="0.35">
      <c r="A41091" s="1" t="s">
        <v>25583</v>
      </c>
      <c r="B41091" s="1" t="s">
        <v>135894</v>
      </c>
      <c r="C41091" s="1" t="s">
        <v>30</v>
      </c>
      <c r="D41091" s="1" t="s">
        <v>86371</v>
      </c>
      <c r="E41091" s="1" t="s">
        <v>140765</v>
      </c>
      <c r="F41091" s="1" t="s">
        <v>140766</v>
      </c>
      <c r="G41091" s="1" t="s">
        <v>140753</v>
      </c>
      <c r="H41091" s="1" t="s">
        <v>140754</v>
      </c>
      <c r="I41091" s="1" t="s">
        <v>135900</v>
      </c>
      <c r="J41091" s="1" t="s">
        <v>140767</v>
      </c>
    </row>
    <row r="41092" spans="1:10" x14ac:dyDescent="0.35">
      <c r="A41092" s="1" t="s">
        <v>25583</v>
      </c>
      <c r="B41092" s="1" t="s">
        <v>135894</v>
      </c>
      <c r="C41092" s="1" t="s">
        <v>35</v>
      </c>
      <c r="D41092" s="1" t="s">
        <v>91999</v>
      </c>
      <c r="E41092" s="1" t="s">
        <v>140768</v>
      </c>
      <c r="F41092" s="1" t="s">
        <v>140769</v>
      </c>
      <c r="G41092" s="1" t="s">
        <v>140753</v>
      </c>
      <c r="H41092" s="1" t="s">
        <v>140754</v>
      </c>
      <c r="I41092" s="1" t="s">
        <v>135900</v>
      </c>
      <c r="J41092" s="1" t="s">
        <v>140770</v>
      </c>
    </row>
    <row r="41093" spans="1:10" x14ac:dyDescent="0.35">
      <c r="A41093" s="1" t="s">
        <v>25583</v>
      </c>
      <c r="B41093" s="1" t="s">
        <v>135894</v>
      </c>
      <c r="C41093" s="1" t="s">
        <v>40</v>
      </c>
      <c r="D41093" s="1" t="s">
        <v>100487</v>
      </c>
      <c r="E41093" s="1" t="s">
        <v>140771</v>
      </c>
      <c r="F41093" s="1" t="s">
        <v>140772</v>
      </c>
      <c r="G41093" s="1" t="s">
        <v>140753</v>
      </c>
      <c r="H41093" s="1" t="s">
        <v>140754</v>
      </c>
      <c r="I41093" s="1" t="s">
        <v>135900</v>
      </c>
      <c r="J41093" s="1" t="s">
        <v>140773</v>
      </c>
    </row>
    <row r="41094" spans="1:10" x14ac:dyDescent="0.35">
      <c r="A41094" s="1" t="s">
        <v>25583</v>
      </c>
      <c r="B41094" s="1" t="s">
        <v>135894</v>
      </c>
      <c r="C41094" s="1" t="s">
        <v>45</v>
      </c>
      <c r="D41094" s="1" t="s">
        <v>140774</v>
      </c>
      <c r="E41094" s="1" t="s">
        <v>140775</v>
      </c>
      <c r="F41094" s="1" t="s">
        <v>140776</v>
      </c>
      <c r="G41094" s="1" t="s">
        <v>140753</v>
      </c>
      <c r="H41094" s="1" t="s">
        <v>140754</v>
      </c>
      <c r="I41094" s="1" t="s">
        <v>135900</v>
      </c>
      <c r="J41094" s="1" t="s">
        <v>140777</v>
      </c>
    </row>
    <row r="41095" spans="1:10" x14ac:dyDescent="0.35">
      <c r="A41095" s="1" t="s">
        <v>25583</v>
      </c>
      <c r="B41095" s="1" t="s">
        <v>135894</v>
      </c>
      <c r="C41095" s="1" t="s">
        <v>50</v>
      </c>
      <c r="D41095" s="1" t="s">
        <v>61739</v>
      </c>
      <c r="E41095" s="1" t="s">
        <v>140778</v>
      </c>
      <c r="F41095" s="1" t="s">
        <v>140779</v>
      </c>
      <c r="G41095" s="1" t="s">
        <v>140753</v>
      </c>
      <c r="H41095" s="1" t="s">
        <v>140754</v>
      </c>
      <c r="I41095" s="1" t="s">
        <v>135900</v>
      </c>
      <c r="J41095" s="1" t="s">
        <v>140780</v>
      </c>
    </row>
    <row r="41096" spans="1:10" x14ac:dyDescent="0.35">
      <c r="A41096" s="1" t="s">
        <v>25583</v>
      </c>
      <c r="B41096" s="1" t="s">
        <v>135894</v>
      </c>
      <c r="C41096" s="1" t="s">
        <v>55</v>
      </c>
      <c r="D41096" s="1" t="s">
        <v>140781</v>
      </c>
      <c r="E41096" s="1" t="s">
        <v>140782</v>
      </c>
      <c r="F41096" s="1" t="s">
        <v>140783</v>
      </c>
      <c r="G41096" s="1" t="s">
        <v>140753</v>
      </c>
      <c r="H41096" s="1" t="s">
        <v>140754</v>
      </c>
      <c r="I41096" s="1" t="s">
        <v>135900</v>
      </c>
      <c r="J41096" s="1" t="s">
        <v>140784</v>
      </c>
    </row>
    <row r="41097" spans="1:10" x14ac:dyDescent="0.35">
      <c r="A41097" s="1" t="s">
        <v>25583</v>
      </c>
      <c r="B41097" s="1" t="s">
        <v>135894</v>
      </c>
      <c r="C41097" s="1" t="s">
        <v>60</v>
      </c>
      <c r="D41097" s="1" t="s">
        <v>103749</v>
      </c>
      <c r="E41097" s="1" t="s">
        <v>140785</v>
      </c>
      <c r="F41097" s="1" t="s">
        <v>140786</v>
      </c>
      <c r="G41097" s="1" t="s">
        <v>140753</v>
      </c>
      <c r="H41097" s="1" t="s">
        <v>140754</v>
      </c>
      <c r="I41097" s="1" t="s">
        <v>135900</v>
      </c>
      <c r="J41097" s="1" t="s">
        <v>140787</v>
      </c>
    </row>
    <row r="41098" spans="1:10" x14ac:dyDescent="0.35">
      <c r="A41098" s="1" t="s">
        <v>25583</v>
      </c>
      <c r="B41098" s="1" t="s">
        <v>135894</v>
      </c>
      <c r="C41098" s="1" t="s">
        <v>65</v>
      </c>
      <c r="D41098" s="1" t="s">
        <v>140788</v>
      </c>
      <c r="E41098" s="1" t="s">
        <v>140789</v>
      </c>
      <c r="F41098" s="1" t="s">
        <v>140790</v>
      </c>
      <c r="G41098" s="1" t="s">
        <v>140753</v>
      </c>
      <c r="H41098" s="1" t="s">
        <v>140754</v>
      </c>
      <c r="I41098" s="1" t="s">
        <v>135900</v>
      </c>
      <c r="J41098" s="1" t="s">
        <v>140791</v>
      </c>
    </row>
    <row r="41099" spans="1:10" x14ac:dyDescent="0.35">
      <c r="A41099" s="1" t="s">
        <v>25583</v>
      </c>
      <c r="B41099" s="1" t="s">
        <v>135894</v>
      </c>
      <c r="C41099" s="1" t="s">
        <v>70</v>
      </c>
      <c r="D41099" s="1" t="s">
        <v>138026</v>
      </c>
      <c r="E41099" s="1" t="s">
        <v>140792</v>
      </c>
      <c r="F41099" s="1" t="s">
        <v>140793</v>
      </c>
      <c r="G41099" s="1" t="s">
        <v>140753</v>
      </c>
      <c r="H41099" s="1" t="s">
        <v>140754</v>
      </c>
      <c r="I41099" s="1" t="s">
        <v>135900</v>
      </c>
      <c r="J41099" s="1" t="s">
        <v>140794</v>
      </c>
    </row>
    <row r="41100" spans="1:10" x14ac:dyDescent="0.35">
      <c r="A41100" s="1" t="s">
        <v>25583</v>
      </c>
      <c r="B41100" s="1" t="s">
        <v>135894</v>
      </c>
      <c r="C41100" s="1" t="s">
        <v>75</v>
      </c>
      <c r="D41100" s="1" t="s">
        <v>140795</v>
      </c>
      <c r="E41100" s="1" t="s">
        <v>140796</v>
      </c>
      <c r="F41100" s="1" t="s">
        <v>140797</v>
      </c>
      <c r="G41100" s="1" t="s">
        <v>140753</v>
      </c>
      <c r="H41100" s="1" t="s">
        <v>140754</v>
      </c>
      <c r="I41100" s="1" t="s">
        <v>135900</v>
      </c>
      <c r="J41100" s="1" t="s">
        <v>140798</v>
      </c>
    </row>
    <row r="41101" spans="1:10" x14ac:dyDescent="0.35">
      <c r="A41101" s="1" t="s">
        <v>25583</v>
      </c>
      <c r="B41101" s="1" t="s">
        <v>135894</v>
      </c>
      <c r="C41101" s="1" t="s">
        <v>80</v>
      </c>
      <c r="D41101" s="1" t="s">
        <v>60480</v>
      </c>
      <c r="E41101" s="1" t="s">
        <v>140799</v>
      </c>
      <c r="F41101" s="1" t="s">
        <v>140800</v>
      </c>
      <c r="G41101" s="1" t="s">
        <v>140753</v>
      </c>
      <c r="H41101" s="1" t="s">
        <v>140754</v>
      </c>
      <c r="I41101" s="1" t="s">
        <v>135900</v>
      </c>
      <c r="J41101" s="1" t="s">
        <v>140801</v>
      </c>
    </row>
    <row r="41102" spans="1:10" x14ac:dyDescent="0.35">
      <c r="A41102" s="1" t="s">
        <v>25583</v>
      </c>
      <c r="B41102" s="1" t="s">
        <v>135894</v>
      </c>
      <c r="C41102" s="1" t="s">
        <v>85</v>
      </c>
      <c r="D41102" s="1" t="s">
        <v>98569</v>
      </c>
      <c r="E41102" s="1" t="s">
        <v>140802</v>
      </c>
      <c r="F41102" s="1" t="s">
        <v>140803</v>
      </c>
      <c r="G41102" s="1" t="s">
        <v>140753</v>
      </c>
      <c r="H41102" s="1" t="s">
        <v>140754</v>
      </c>
      <c r="I41102" s="1" t="s">
        <v>135900</v>
      </c>
      <c r="J41102" s="1" t="s">
        <v>140804</v>
      </c>
    </row>
    <row r="41103" spans="1:10" x14ac:dyDescent="0.35">
      <c r="A41103" s="1" t="s">
        <v>25583</v>
      </c>
      <c r="B41103" s="1" t="s">
        <v>135894</v>
      </c>
      <c r="C41103" s="1" t="s">
        <v>90</v>
      </c>
      <c r="D41103" s="1" t="s">
        <v>63469</v>
      </c>
      <c r="E41103" s="1" t="s">
        <v>140805</v>
      </c>
      <c r="F41103" s="1" t="s">
        <v>140806</v>
      </c>
      <c r="G41103" s="1" t="s">
        <v>140753</v>
      </c>
      <c r="H41103" s="1" t="s">
        <v>140754</v>
      </c>
      <c r="I41103" s="1" t="s">
        <v>135900</v>
      </c>
      <c r="J41103" s="1" t="s">
        <v>140807</v>
      </c>
    </row>
    <row r="41104" spans="1:10" x14ac:dyDescent="0.35">
      <c r="A41104" s="1" t="s">
        <v>25583</v>
      </c>
      <c r="B41104" s="1" t="s">
        <v>135894</v>
      </c>
      <c r="C41104" s="1" t="s">
        <v>95</v>
      </c>
      <c r="D41104" s="1" t="s">
        <v>65139</v>
      </c>
      <c r="E41104" s="1" t="s">
        <v>140808</v>
      </c>
      <c r="F41104" s="1" t="s">
        <v>140809</v>
      </c>
      <c r="G41104" s="1" t="s">
        <v>140753</v>
      </c>
      <c r="H41104" s="1" t="s">
        <v>140754</v>
      </c>
      <c r="I41104" s="1" t="s">
        <v>135900</v>
      </c>
      <c r="J41104" s="1" t="s">
        <v>140810</v>
      </c>
    </row>
    <row r="41105" spans="1:10" x14ac:dyDescent="0.35">
      <c r="A41105" s="1" t="s">
        <v>25583</v>
      </c>
      <c r="B41105" s="1" t="s">
        <v>135894</v>
      </c>
      <c r="C41105" s="1" t="s">
        <v>100</v>
      </c>
      <c r="D41105" s="1" t="s">
        <v>140811</v>
      </c>
      <c r="E41105" s="1" t="s">
        <v>140812</v>
      </c>
      <c r="F41105" s="1" t="s">
        <v>140813</v>
      </c>
      <c r="G41105" s="1" t="s">
        <v>140753</v>
      </c>
      <c r="H41105" s="1" t="s">
        <v>140754</v>
      </c>
      <c r="I41105" s="1" t="s">
        <v>135900</v>
      </c>
      <c r="J41105" s="1" t="s">
        <v>140814</v>
      </c>
    </row>
    <row r="41106" spans="1:10" x14ac:dyDescent="0.35">
      <c r="A41106" s="1" t="s">
        <v>25583</v>
      </c>
      <c r="B41106" s="1" t="s">
        <v>135894</v>
      </c>
      <c r="C41106" s="1" t="s">
        <v>105</v>
      </c>
      <c r="D41106" s="1" t="s">
        <v>92305</v>
      </c>
      <c r="E41106" s="1" t="s">
        <v>140815</v>
      </c>
      <c r="F41106" s="1" t="s">
        <v>140816</v>
      </c>
      <c r="G41106" s="1" t="s">
        <v>140753</v>
      </c>
      <c r="H41106" s="1" t="s">
        <v>140754</v>
      </c>
      <c r="I41106" s="1" t="s">
        <v>135900</v>
      </c>
      <c r="J41106" s="1" t="s">
        <v>140817</v>
      </c>
    </row>
    <row r="41107" spans="1:10" x14ac:dyDescent="0.35">
      <c r="A41107" s="1" t="s">
        <v>25583</v>
      </c>
      <c r="B41107" s="1" t="s">
        <v>135894</v>
      </c>
      <c r="C41107" s="1" t="s">
        <v>110</v>
      </c>
      <c r="D41107" s="1" t="s">
        <v>140818</v>
      </c>
      <c r="E41107" s="1" t="s">
        <v>140819</v>
      </c>
      <c r="F41107" s="1" t="s">
        <v>140820</v>
      </c>
      <c r="G41107" s="1" t="s">
        <v>140753</v>
      </c>
      <c r="H41107" s="1" t="s">
        <v>140754</v>
      </c>
      <c r="I41107" s="1" t="s">
        <v>135900</v>
      </c>
      <c r="J41107" s="1" t="s">
        <v>140821</v>
      </c>
    </row>
    <row r="41108" spans="1:10" x14ac:dyDescent="0.35">
      <c r="A41108" s="1" t="s">
        <v>25583</v>
      </c>
      <c r="B41108" s="1" t="s">
        <v>135894</v>
      </c>
      <c r="C41108" s="1" t="s">
        <v>115</v>
      </c>
      <c r="D41108" s="1" t="s">
        <v>140822</v>
      </c>
      <c r="E41108" s="1" t="s">
        <v>140823</v>
      </c>
      <c r="F41108" s="1" t="s">
        <v>140824</v>
      </c>
      <c r="G41108" s="1" t="s">
        <v>140753</v>
      </c>
      <c r="H41108" s="1" t="s">
        <v>140754</v>
      </c>
      <c r="I41108" s="1" t="s">
        <v>135900</v>
      </c>
      <c r="J41108" s="1" t="s">
        <v>140825</v>
      </c>
    </row>
    <row r="41109" spans="1:10" x14ac:dyDescent="0.35">
      <c r="A41109" s="1" t="s">
        <v>25583</v>
      </c>
      <c r="B41109" s="1" t="s">
        <v>135894</v>
      </c>
      <c r="C41109" s="1" t="s">
        <v>120</v>
      </c>
      <c r="D41109" s="1" t="s">
        <v>140826</v>
      </c>
      <c r="E41109" s="1" t="s">
        <v>140827</v>
      </c>
      <c r="F41109" s="1" t="s">
        <v>140828</v>
      </c>
      <c r="G41109" s="1" t="s">
        <v>140753</v>
      </c>
      <c r="H41109" s="1" t="s">
        <v>140754</v>
      </c>
      <c r="I41109" s="1" t="s">
        <v>135900</v>
      </c>
      <c r="J41109" s="1" t="s">
        <v>140829</v>
      </c>
    </row>
    <row r="41110" spans="1:10" x14ac:dyDescent="0.35">
      <c r="A41110" s="1" t="s">
        <v>25583</v>
      </c>
      <c r="B41110" s="1" t="s">
        <v>135894</v>
      </c>
      <c r="C41110" s="1" t="s">
        <v>125</v>
      </c>
      <c r="D41110" s="1" t="s">
        <v>140830</v>
      </c>
      <c r="E41110" s="1" t="s">
        <v>140831</v>
      </c>
      <c r="F41110" s="1" t="s">
        <v>140832</v>
      </c>
      <c r="G41110" s="1" t="s">
        <v>140753</v>
      </c>
      <c r="H41110" s="1" t="s">
        <v>140754</v>
      </c>
      <c r="I41110" s="1" t="s">
        <v>135900</v>
      </c>
      <c r="J41110" s="1" t="s">
        <v>140833</v>
      </c>
    </row>
    <row r="41111" spans="1:10" x14ac:dyDescent="0.35">
      <c r="A41111" s="1" t="s">
        <v>25583</v>
      </c>
      <c r="B41111" s="1" t="s">
        <v>135894</v>
      </c>
      <c r="C41111" s="1" t="s">
        <v>130</v>
      </c>
      <c r="D41111" s="1" t="s">
        <v>12589</v>
      </c>
      <c r="E41111" s="1" t="s">
        <v>140834</v>
      </c>
      <c r="F41111" s="1" t="s">
        <v>140835</v>
      </c>
      <c r="G41111" s="1" t="s">
        <v>140753</v>
      </c>
      <c r="H41111" s="1" t="s">
        <v>140754</v>
      </c>
      <c r="I41111" s="1" t="s">
        <v>135900</v>
      </c>
      <c r="J41111" s="1" t="s">
        <v>140836</v>
      </c>
    </row>
    <row r="41112" spans="1:10" x14ac:dyDescent="0.35">
      <c r="A41112" s="1" t="s">
        <v>25583</v>
      </c>
      <c r="B41112" s="1" t="s">
        <v>135894</v>
      </c>
      <c r="C41112" s="1" t="s">
        <v>135</v>
      </c>
      <c r="D41112" s="1" t="s">
        <v>140837</v>
      </c>
      <c r="E41112" s="1" t="s">
        <v>140838</v>
      </c>
      <c r="F41112" s="1" t="s">
        <v>140839</v>
      </c>
      <c r="G41112" s="1" t="s">
        <v>140753</v>
      </c>
      <c r="H41112" s="1" t="s">
        <v>140754</v>
      </c>
      <c r="I41112" s="1" t="s">
        <v>135900</v>
      </c>
      <c r="J41112" s="1" t="s">
        <v>140840</v>
      </c>
    </row>
    <row r="41113" spans="1:10" x14ac:dyDescent="0.35">
      <c r="A41113" s="1" t="s">
        <v>25583</v>
      </c>
      <c r="B41113" s="1" t="s">
        <v>135894</v>
      </c>
      <c r="C41113" s="1" t="s">
        <v>140</v>
      </c>
      <c r="D41113" s="1" t="s">
        <v>140841</v>
      </c>
      <c r="E41113" s="1" t="s">
        <v>140842</v>
      </c>
      <c r="F41113" s="1" t="s">
        <v>140843</v>
      </c>
      <c r="G41113" s="1" t="s">
        <v>140753</v>
      </c>
      <c r="H41113" s="1" t="s">
        <v>140754</v>
      </c>
      <c r="I41113" s="1" t="s">
        <v>135900</v>
      </c>
      <c r="J41113" s="1" t="s">
        <v>140844</v>
      </c>
    </row>
    <row r="41114" spans="1:10" x14ac:dyDescent="0.35">
      <c r="A41114" s="1" t="s">
        <v>25583</v>
      </c>
      <c r="B41114" s="1" t="s">
        <v>135894</v>
      </c>
      <c r="C41114" s="1" t="s">
        <v>145</v>
      </c>
      <c r="D41114" s="1" t="s">
        <v>8165</v>
      </c>
      <c r="E41114" s="1" t="s">
        <v>140845</v>
      </c>
      <c r="F41114" s="1" t="s">
        <v>140846</v>
      </c>
      <c r="G41114" s="1" t="s">
        <v>140753</v>
      </c>
      <c r="H41114" s="1" t="s">
        <v>140754</v>
      </c>
      <c r="I41114" s="1" t="s">
        <v>135900</v>
      </c>
      <c r="J41114" s="1" t="s">
        <v>140847</v>
      </c>
    </row>
    <row r="41115" spans="1:10" x14ac:dyDescent="0.35">
      <c r="A41115" s="1" t="s">
        <v>25583</v>
      </c>
      <c r="B41115" s="1" t="s">
        <v>135894</v>
      </c>
      <c r="C41115" s="1" t="s">
        <v>150</v>
      </c>
      <c r="D41115" s="1" t="s">
        <v>140848</v>
      </c>
      <c r="E41115" s="1" t="s">
        <v>140849</v>
      </c>
      <c r="F41115" s="1" t="s">
        <v>140850</v>
      </c>
      <c r="G41115" s="1" t="s">
        <v>140753</v>
      </c>
      <c r="H41115" s="1" t="s">
        <v>140754</v>
      </c>
      <c r="I41115" s="1" t="s">
        <v>135900</v>
      </c>
      <c r="J41115" s="1" t="s">
        <v>140851</v>
      </c>
    </row>
    <row r="41116" spans="1:10" x14ac:dyDescent="0.35">
      <c r="A41116" s="1" t="s">
        <v>25583</v>
      </c>
      <c r="B41116" s="1" t="s">
        <v>135894</v>
      </c>
      <c r="C41116" s="1" t="s">
        <v>155</v>
      </c>
      <c r="D41116" s="1" t="s">
        <v>140852</v>
      </c>
      <c r="E41116" s="1" t="s">
        <v>140853</v>
      </c>
      <c r="F41116" s="1" t="s">
        <v>140854</v>
      </c>
      <c r="G41116" s="1" t="s">
        <v>140753</v>
      </c>
      <c r="H41116" s="1" t="s">
        <v>140754</v>
      </c>
      <c r="I41116" s="1" t="s">
        <v>135900</v>
      </c>
      <c r="J41116" s="1" t="s">
        <v>140855</v>
      </c>
    </row>
    <row r="41117" spans="1:10" x14ac:dyDescent="0.35">
      <c r="A41117" s="1" t="s">
        <v>25583</v>
      </c>
      <c r="B41117" s="1" t="s">
        <v>135894</v>
      </c>
      <c r="C41117" s="1" t="s">
        <v>160</v>
      </c>
      <c r="D41117" s="1" t="s">
        <v>140856</v>
      </c>
      <c r="E41117" s="1" t="s">
        <v>140857</v>
      </c>
      <c r="F41117" s="1" t="s">
        <v>140858</v>
      </c>
      <c r="G41117" s="1" t="s">
        <v>140753</v>
      </c>
      <c r="H41117" s="1" t="s">
        <v>140754</v>
      </c>
      <c r="I41117" s="1" t="s">
        <v>135900</v>
      </c>
      <c r="J41117" s="1" t="s">
        <v>140859</v>
      </c>
    </row>
    <row r="41118" spans="1:10" x14ac:dyDescent="0.35">
      <c r="A41118" s="1" t="s">
        <v>25583</v>
      </c>
      <c r="B41118" s="1" t="s">
        <v>135894</v>
      </c>
      <c r="C41118" s="1" t="s">
        <v>165</v>
      </c>
      <c r="D41118" s="1" t="s">
        <v>140860</v>
      </c>
      <c r="E41118" s="1" t="s">
        <v>140861</v>
      </c>
      <c r="F41118" s="1" t="s">
        <v>140862</v>
      </c>
      <c r="G41118" s="1" t="s">
        <v>140753</v>
      </c>
      <c r="H41118" s="1" t="s">
        <v>140754</v>
      </c>
      <c r="I41118" s="1" t="s">
        <v>135900</v>
      </c>
      <c r="J41118" s="1" t="s">
        <v>140863</v>
      </c>
    </row>
    <row r="41119" spans="1:10" x14ac:dyDescent="0.35">
      <c r="A41119" s="1" t="s">
        <v>25583</v>
      </c>
      <c r="B41119" s="1" t="s">
        <v>135894</v>
      </c>
      <c r="C41119" s="1" t="s">
        <v>170</v>
      </c>
      <c r="D41119" s="1" t="s">
        <v>140864</v>
      </c>
      <c r="E41119" s="1" t="s">
        <v>140865</v>
      </c>
      <c r="F41119" s="1" t="s">
        <v>140866</v>
      </c>
      <c r="G41119" s="1" t="s">
        <v>140753</v>
      </c>
      <c r="H41119" s="1" t="s">
        <v>140754</v>
      </c>
      <c r="I41119" s="1" t="s">
        <v>135900</v>
      </c>
      <c r="J41119" s="1" t="s">
        <v>140867</v>
      </c>
    </row>
    <row r="41120" spans="1:10" x14ac:dyDescent="0.35">
      <c r="A41120" s="1" t="s">
        <v>27937</v>
      </c>
      <c r="B41120" s="1" t="s">
        <v>135894</v>
      </c>
      <c r="C41120" s="1" t="s">
        <v>8</v>
      </c>
      <c r="D41120" s="1" t="s">
        <v>140868</v>
      </c>
      <c r="E41120" s="1" t="s">
        <v>55452</v>
      </c>
      <c r="F41120" s="1" t="s">
        <v>140869</v>
      </c>
      <c r="G41120" s="1" t="s">
        <v>140870</v>
      </c>
      <c r="H41120" s="1" t="s">
        <v>140871</v>
      </c>
      <c r="I41120" s="1" t="s">
        <v>135900</v>
      </c>
      <c r="J41120" s="1" t="s">
        <v>13</v>
      </c>
    </row>
    <row r="41121" spans="1:10" x14ac:dyDescent="0.35">
      <c r="A41121" s="1" t="s">
        <v>27937</v>
      </c>
      <c r="B41121" s="1" t="s">
        <v>135894</v>
      </c>
      <c r="C41121" s="1" t="s">
        <v>15</v>
      </c>
      <c r="D41121" s="1" t="s">
        <v>91615</v>
      </c>
      <c r="E41121" s="1" t="s">
        <v>59335</v>
      </c>
      <c r="F41121" s="1" t="s">
        <v>140872</v>
      </c>
      <c r="G41121" s="1" t="s">
        <v>140870</v>
      </c>
      <c r="H41121" s="1" t="s">
        <v>140871</v>
      </c>
      <c r="I41121" s="1" t="s">
        <v>135900</v>
      </c>
      <c r="J41121" s="1" t="s">
        <v>140873</v>
      </c>
    </row>
    <row r="41122" spans="1:10" x14ac:dyDescent="0.35">
      <c r="A41122" s="1" t="s">
        <v>27937</v>
      </c>
      <c r="B41122" s="1" t="s">
        <v>135894</v>
      </c>
      <c r="C41122" s="1" t="s">
        <v>20</v>
      </c>
      <c r="D41122" s="1" t="s">
        <v>140874</v>
      </c>
      <c r="E41122" s="1" t="s">
        <v>32351</v>
      </c>
      <c r="F41122" s="1" t="s">
        <v>140875</v>
      </c>
      <c r="G41122" s="1" t="s">
        <v>140870</v>
      </c>
      <c r="H41122" s="1" t="s">
        <v>140871</v>
      </c>
      <c r="I41122" s="1" t="s">
        <v>135900</v>
      </c>
      <c r="J41122" s="1" t="s">
        <v>140876</v>
      </c>
    </row>
    <row r="41123" spans="1:10" x14ac:dyDescent="0.35">
      <c r="A41123" s="1" t="s">
        <v>27937</v>
      </c>
      <c r="B41123" s="1" t="s">
        <v>135894</v>
      </c>
      <c r="C41123" s="1" t="s">
        <v>25</v>
      </c>
      <c r="D41123" s="1" t="s">
        <v>131778</v>
      </c>
      <c r="E41123" s="1" t="s">
        <v>55230</v>
      </c>
      <c r="F41123" s="1" t="s">
        <v>140877</v>
      </c>
      <c r="G41123" s="1" t="s">
        <v>140870</v>
      </c>
      <c r="H41123" s="1" t="s">
        <v>140871</v>
      </c>
      <c r="I41123" s="1" t="s">
        <v>135900</v>
      </c>
      <c r="J41123" s="1" t="s">
        <v>140878</v>
      </c>
    </row>
    <row r="41124" spans="1:10" x14ac:dyDescent="0.35">
      <c r="A41124" s="1" t="s">
        <v>27937</v>
      </c>
      <c r="B41124" s="1" t="s">
        <v>135894</v>
      </c>
      <c r="C41124" s="1" t="s">
        <v>30</v>
      </c>
      <c r="D41124" s="1" t="s">
        <v>136073</v>
      </c>
      <c r="E41124" s="1" t="s">
        <v>32076</v>
      </c>
      <c r="F41124" s="1" t="s">
        <v>140879</v>
      </c>
      <c r="G41124" s="1" t="s">
        <v>140870</v>
      </c>
      <c r="H41124" s="1" t="s">
        <v>140871</v>
      </c>
      <c r="I41124" s="1" t="s">
        <v>135900</v>
      </c>
      <c r="J41124" s="1" t="s">
        <v>140880</v>
      </c>
    </row>
    <row r="41125" spans="1:10" x14ac:dyDescent="0.35">
      <c r="A41125" s="1" t="s">
        <v>27937</v>
      </c>
      <c r="B41125" s="1" t="s">
        <v>135894</v>
      </c>
      <c r="C41125" s="1" t="s">
        <v>35</v>
      </c>
      <c r="D41125" s="1" t="s">
        <v>140881</v>
      </c>
      <c r="E41125" s="1" t="s">
        <v>56917</v>
      </c>
      <c r="F41125" s="1" t="s">
        <v>140882</v>
      </c>
      <c r="G41125" s="1" t="s">
        <v>140870</v>
      </c>
      <c r="H41125" s="1" t="s">
        <v>140871</v>
      </c>
      <c r="I41125" s="1" t="s">
        <v>135900</v>
      </c>
      <c r="J41125" s="1" t="s">
        <v>140883</v>
      </c>
    </row>
    <row r="41126" spans="1:10" x14ac:dyDescent="0.35">
      <c r="A41126" s="1" t="s">
        <v>27937</v>
      </c>
      <c r="B41126" s="1" t="s">
        <v>135894</v>
      </c>
      <c r="C41126" s="1" t="s">
        <v>40</v>
      </c>
      <c r="D41126" s="1" t="s">
        <v>140884</v>
      </c>
      <c r="E41126" s="1" t="s">
        <v>53920</v>
      </c>
      <c r="F41126" s="1" t="s">
        <v>140885</v>
      </c>
      <c r="G41126" s="1" t="s">
        <v>140870</v>
      </c>
      <c r="H41126" s="1" t="s">
        <v>140871</v>
      </c>
      <c r="I41126" s="1" t="s">
        <v>135900</v>
      </c>
      <c r="J41126" s="1" t="s">
        <v>140886</v>
      </c>
    </row>
    <row r="41127" spans="1:10" x14ac:dyDescent="0.35">
      <c r="A41127" s="1" t="s">
        <v>27937</v>
      </c>
      <c r="B41127" s="1" t="s">
        <v>135894</v>
      </c>
      <c r="C41127" s="1" t="s">
        <v>45</v>
      </c>
      <c r="D41127" s="1" t="s">
        <v>140887</v>
      </c>
      <c r="E41127" s="1" t="s">
        <v>56082</v>
      </c>
      <c r="F41127" s="1" t="s">
        <v>140888</v>
      </c>
      <c r="G41127" s="1" t="s">
        <v>140870</v>
      </c>
      <c r="H41127" s="1" t="s">
        <v>140871</v>
      </c>
      <c r="I41127" s="1" t="s">
        <v>135900</v>
      </c>
      <c r="J41127" s="1" t="s">
        <v>140889</v>
      </c>
    </row>
    <row r="41128" spans="1:10" x14ac:dyDescent="0.35">
      <c r="A41128" s="1" t="s">
        <v>27937</v>
      </c>
      <c r="B41128" s="1" t="s">
        <v>135894</v>
      </c>
      <c r="C41128" s="1" t="s">
        <v>50</v>
      </c>
      <c r="D41128" s="1" t="s">
        <v>60450</v>
      </c>
      <c r="E41128" s="1" t="s">
        <v>61432</v>
      </c>
      <c r="F41128" s="1" t="s">
        <v>140890</v>
      </c>
      <c r="G41128" s="1" t="s">
        <v>140870</v>
      </c>
      <c r="H41128" s="1" t="s">
        <v>140871</v>
      </c>
      <c r="I41128" s="1" t="s">
        <v>135900</v>
      </c>
      <c r="J41128" s="1" t="s">
        <v>140891</v>
      </c>
    </row>
    <row r="41129" spans="1:10" x14ac:dyDescent="0.35">
      <c r="A41129" s="1" t="s">
        <v>27937</v>
      </c>
      <c r="B41129" s="1" t="s">
        <v>135894</v>
      </c>
      <c r="C41129" s="1" t="s">
        <v>55</v>
      </c>
      <c r="D41129" s="1" t="s">
        <v>140892</v>
      </c>
      <c r="E41129" s="1" t="s">
        <v>65303</v>
      </c>
      <c r="F41129" s="1" t="s">
        <v>140893</v>
      </c>
      <c r="G41129" s="1" t="s">
        <v>140870</v>
      </c>
      <c r="H41129" s="1" t="s">
        <v>140871</v>
      </c>
      <c r="I41129" s="1" t="s">
        <v>135900</v>
      </c>
      <c r="J41129" s="1" t="s">
        <v>140894</v>
      </c>
    </row>
    <row r="41130" spans="1:10" x14ac:dyDescent="0.35">
      <c r="A41130" s="1" t="s">
        <v>27937</v>
      </c>
      <c r="B41130" s="1" t="s">
        <v>135894</v>
      </c>
      <c r="C41130" s="1" t="s">
        <v>60</v>
      </c>
      <c r="D41130" s="1" t="s">
        <v>41688</v>
      </c>
      <c r="E41130" s="1" t="s">
        <v>56104</v>
      </c>
      <c r="F41130" s="1" t="s">
        <v>140895</v>
      </c>
      <c r="G41130" s="1" t="s">
        <v>140870</v>
      </c>
      <c r="H41130" s="1" t="s">
        <v>140871</v>
      </c>
      <c r="I41130" s="1" t="s">
        <v>135900</v>
      </c>
      <c r="J41130" s="1" t="s">
        <v>140896</v>
      </c>
    </row>
    <row r="41131" spans="1:10" x14ac:dyDescent="0.35">
      <c r="A41131" s="1" t="s">
        <v>27937</v>
      </c>
      <c r="B41131" s="1" t="s">
        <v>135894</v>
      </c>
      <c r="C41131" s="1" t="s">
        <v>65</v>
      </c>
      <c r="D41131" s="1" t="s">
        <v>140897</v>
      </c>
      <c r="E41131" s="1" t="s">
        <v>21960</v>
      </c>
      <c r="F41131" s="1" t="s">
        <v>140898</v>
      </c>
      <c r="G41131" s="1" t="s">
        <v>140870</v>
      </c>
      <c r="H41131" s="1" t="s">
        <v>140871</v>
      </c>
      <c r="I41131" s="1" t="s">
        <v>135900</v>
      </c>
      <c r="J41131" s="1" t="s">
        <v>140899</v>
      </c>
    </row>
    <row r="41132" spans="1:10" x14ac:dyDescent="0.35">
      <c r="A41132" s="1" t="s">
        <v>27937</v>
      </c>
      <c r="B41132" s="1" t="s">
        <v>135894</v>
      </c>
      <c r="C41132" s="1" t="s">
        <v>70</v>
      </c>
      <c r="D41132" s="1" t="s">
        <v>68228</v>
      </c>
      <c r="E41132" s="1" t="s">
        <v>12757</v>
      </c>
      <c r="F41132" s="1" t="s">
        <v>140900</v>
      </c>
      <c r="G41132" s="1" t="s">
        <v>140870</v>
      </c>
      <c r="H41132" s="1" t="s">
        <v>140871</v>
      </c>
      <c r="I41132" s="1" t="s">
        <v>135900</v>
      </c>
      <c r="J41132" s="1" t="s">
        <v>140901</v>
      </c>
    </row>
    <row r="41133" spans="1:10" x14ac:dyDescent="0.35">
      <c r="A41133" s="1" t="s">
        <v>27937</v>
      </c>
      <c r="B41133" s="1" t="s">
        <v>135894</v>
      </c>
      <c r="C41133" s="1" t="s">
        <v>75</v>
      </c>
      <c r="D41133" s="1" t="s">
        <v>140902</v>
      </c>
      <c r="E41133" s="1" t="s">
        <v>12849</v>
      </c>
      <c r="F41133" s="1" t="s">
        <v>140903</v>
      </c>
      <c r="G41133" s="1" t="s">
        <v>140870</v>
      </c>
      <c r="H41133" s="1" t="s">
        <v>140871</v>
      </c>
      <c r="I41133" s="1" t="s">
        <v>135900</v>
      </c>
      <c r="J41133" s="1" t="s">
        <v>140904</v>
      </c>
    </row>
    <row r="41134" spans="1:10" x14ac:dyDescent="0.35">
      <c r="A41134" s="1" t="s">
        <v>27937</v>
      </c>
      <c r="B41134" s="1" t="s">
        <v>135894</v>
      </c>
      <c r="C41134" s="1" t="s">
        <v>80</v>
      </c>
      <c r="D41134" s="1" t="s">
        <v>133429</v>
      </c>
      <c r="E41134" s="1" t="s">
        <v>23491</v>
      </c>
      <c r="F41134" s="1" t="s">
        <v>140905</v>
      </c>
      <c r="G41134" s="1" t="s">
        <v>140870</v>
      </c>
      <c r="H41134" s="1" t="s">
        <v>140871</v>
      </c>
      <c r="I41134" s="1" t="s">
        <v>135900</v>
      </c>
      <c r="J41134" s="1" t="s">
        <v>140906</v>
      </c>
    </row>
    <row r="41135" spans="1:10" x14ac:dyDescent="0.35">
      <c r="A41135" s="1" t="s">
        <v>27937</v>
      </c>
      <c r="B41135" s="1" t="s">
        <v>135894</v>
      </c>
      <c r="C41135" s="1" t="s">
        <v>85</v>
      </c>
      <c r="D41135" s="1" t="s">
        <v>131307</v>
      </c>
      <c r="E41135" s="1" t="s">
        <v>22056</v>
      </c>
      <c r="F41135" s="1" t="s">
        <v>140907</v>
      </c>
      <c r="G41135" s="1" t="s">
        <v>140870</v>
      </c>
      <c r="H41135" s="1" t="s">
        <v>140871</v>
      </c>
      <c r="I41135" s="1" t="s">
        <v>135900</v>
      </c>
      <c r="J41135" s="1" t="s">
        <v>140908</v>
      </c>
    </row>
    <row r="41136" spans="1:10" x14ac:dyDescent="0.35">
      <c r="A41136" s="1" t="s">
        <v>27937</v>
      </c>
      <c r="B41136" s="1" t="s">
        <v>135894</v>
      </c>
      <c r="C41136" s="1" t="s">
        <v>90</v>
      </c>
      <c r="D41136" s="1" t="s">
        <v>140909</v>
      </c>
      <c r="E41136" s="1" t="s">
        <v>15245</v>
      </c>
      <c r="F41136" s="1" t="s">
        <v>140910</v>
      </c>
      <c r="G41136" s="1" t="s">
        <v>140870</v>
      </c>
      <c r="H41136" s="1" t="s">
        <v>140871</v>
      </c>
      <c r="I41136" s="1" t="s">
        <v>135900</v>
      </c>
      <c r="J41136" s="1" t="s">
        <v>140911</v>
      </c>
    </row>
    <row r="41137" spans="1:10" x14ac:dyDescent="0.35">
      <c r="A41137" s="1" t="s">
        <v>27937</v>
      </c>
      <c r="B41137" s="1" t="s">
        <v>135894</v>
      </c>
      <c r="C41137" s="1" t="s">
        <v>95</v>
      </c>
      <c r="D41137" s="1" t="s">
        <v>80721</v>
      </c>
      <c r="E41137" s="1" t="s">
        <v>21834</v>
      </c>
      <c r="F41137" s="1" t="s">
        <v>140912</v>
      </c>
      <c r="G41137" s="1" t="s">
        <v>140870</v>
      </c>
      <c r="H41137" s="1" t="s">
        <v>140871</v>
      </c>
      <c r="I41137" s="1" t="s">
        <v>135900</v>
      </c>
      <c r="J41137" s="1" t="s">
        <v>140913</v>
      </c>
    </row>
    <row r="41138" spans="1:10" x14ac:dyDescent="0.35">
      <c r="A41138" s="1" t="s">
        <v>27937</v>
      </c>
      <c r="B41138" s="1" t="s">
        <v>135894</v>
      </c>
      <c r="C41138" s="1" t="s">
        <v>100</v>
      </c>
      <c r="D41138" s="1" t="s">
        <v>140914</v>
      </c>
      <c r="E41138" s="1" t="s">
        <v>140915</v>
      </c>
      <c r="F41138" s="1" t="s">
        <v>140916</v>
      </c>
      <c r="G41138" s="1" t="s">
        <v>140870</v>
      </c>
      <c r="H41138" s="1" t="s">
        <v>140871</v>
      </c>
      <c r="I41138" s="1" t="s">
        <v>135900</v>
      </c>
      <c r="J41138" s="1" t="s">
        <v>140917</v>
      </c>
    </row>
    <row r="41139" spans="1:10" x14ac:dyDescent="0.35">
      <c r="A41139" s="1" t="s">
        <v>27937</v>
      </c>
      <c r="B41139" s="1" t="s">
        <v>135894</v>
      </c>
      <c r="C41139" s="1" t="s">
        <v>105</v>
      </c>
      <c r="D41139" s="1" t="s">
        <v>140918</v>
      </c>
      <c r="E41139" s="1" t="s">
        <v>15245</v>
      </c>
      <c r="F41139" s="1" t="s">
        <v>140919</v>
      </c>
      <c r="G41139" s="1" t="s">
        <v>140870</v>
      </c>
      <c r="H41139" s="1" t="s">
        <v>140871</v>
      </c>
      <c r="I41139" s="1" t="s">
        <v>135900</v>
      </c>
      <c r="J41139" s="1" t="s">
        <v>140920</v>
      </c>
    </row>
    <row r="41140" spans="1:10" x14ac:dyDescent="0.35">
      <c r="A41140" s="1" t="s">
        <v>27937</v>
      </c>
      <c r="B41140" s="1" t="s">
        <v>135894</v>
      </c>
      <c r="C41140" s="1" t="s">
        <v>110</v>
      </c>
      <c r="D41140" s="1" t="s">
        <v>140921</v>
      </c>
      <c r="E41140" s="1" t="s">
        <v>140922</v>
      </c>
      <c r="F41140" s="1" t="s">
        <v>140923</v>
      </c>
      <c r="G41140" s="1" t="s">
        <v>140870</v>
      </c>
      <c r="H41140" s="1" t="s">
        <v>140871</v>
      </c>
      <c r="I41140" s="1" t="s">
        <v>135900</v>
      </c>
      <c r="J41140" s="1" t="s">
        <v>140924</v>
      </c>
    </row>
    <row r="41141" spans="1:10" x14ac:dyDescent="0.35">
      <c r="A41141" s="1" t="s">
        <v>27937</v>
      </c>
      <c r="B41141" s="1" t="s">
        <v>135894</v>
      </c>
      <c r="C41141" s="1" t="s">
        <v>115</v>
      </c>
      <c r="D41141" s="1" t="s">
        <v>137580</v>
      </c>
      <c r="E41141" s="1" t="s">
        <v>23176</v>
      </c>
      <c r="F41141" s="1" t="s">
        <v>140925</v>
      </c>
      <c r="G41141" s="1" t="s">
        <v>140870</v>
      </c>
      <c r="H41141" s="1" t="s">
        <v>140871</v>
      </c>
      <c r="I41141" s="1" t="s">
        <v>135900</v>
      </c>
      <c r="J41141" s="1" t="s">
        <v>140926</v>
      </c>
    </row>
    <row r="41142" spans="1:10" x14ac:dyDescent="0.35">
      <c r="A41142" s="1" t="s">
        <v>27937</v>
      </c>
      <c r="B41142" s="1" t="s">
        <v>135894</v>
      </c>
      <c r="C41142" s="1" t="s">
        <v>120</v>
      </c>
      <c r="D41142" s="1" t="s">
        <v>102722</v>
      </c>
      <c r="E41142" s="1" t="s">
        <v>41202</v>
      </c>
      <c r="F41142" s="1" t="s">
        <v>140927</v>
      </c>
      <c r="G41142" s="1" t="s">
        <v>140870</v>
      </c>
      <c r="H41142" s="1" t="s">
        <v>140871</v>
      </c>
      <c r="I41142" s="1" t="s">
        <v>135900</v>
      </c>
      <c r="J41142" s="1" t="s">
        <v>140928</v>
      </c>
    </row>
    <row r="41143" spans="1:10" x14ac:dyDescent="0.35">
      <c r="A41143" s="1" t="s">
        <v>27937</v>
      </c>
      <c r="B41143" s="1" t="s">
        <v>135894</v>
      </c>
      <c r="C41143" s="1" t="s">
        <v>125</v>
      </c>
      <c r="D41143" s="1" t="s">
        <v>140929</v>
      </c>
      <c r="E41143" s="1" t="s">
        <v>15340</v>
      </c>
      <c r="F41143" s="1" t="s">
        <v>140930</v>
      </c>
      <c r="G41143" s="1" t="s">
        <v>140870</v>
      </c>
      <c r="H41143" s="1" t="s">
        <v>140871</v>
      </c>
      <c r="I41143" s="1" t="s">
        <v>135900</v>
      </c>
      <c r="J41143" s="1" t="s">
        <v>140931</v>
      </c>
    </row>
    <row r="41144" spans="1:10" x14ac:dyDescent="0.35">
      <c r="A41144" s="1" t="s">
        <v>27937</v>
      </c>
      <c r="B41144" s="1" t="s">
        <v>135894</v>
      </c>
      <c r="C41144" s="1" t="s">
        <v>130</v>
      </c>
      <c r="D41144" s="1" t="s">
        <v>65651</v>
      </c>
      <c r="E41144" s="1" t="s">
        <v>54747</v>
      </c>
      <c r="F41144" s="1" t="s">
        <v>140932</v>
      </c>
      <c r="G41144" s="1" t="s">
        <v>140870</v>
      </c>
      <c r="H41144" s="1" t="s">
        <v>140871</v>
      </c>
      <c r="I41144" s="1" t="s">
        <v>135900</v>
      </c>
      <c r="J41144" s="1" t="s">
        <v>140933</v>
      </c>
    </row>
    <row r="41145" spans="1:10" x14ac:dyDescent="0.35">
      <c r="A41145" s="1" t="s">
        <v>27937</v>
      </c>
      <c r="B41145" s="1" t="s">
        <v>135894</v>
      </c>
      <c r="C41145" s="1" t="s">
        <v>135</v>
      </c>
      <c r="D41145" s="1" t="s">
        <v>63216</v>
      </c>
      <c r="E41145" s="1" t="s">
        <v>140934</v>
      </c>
      <c r="F41145" s="1" t="s">
        <v>140935</v>
      </c>
      <c r="G41145" s="1" t="s">
        <v>140870</v>
      </c>
      <c r="H41145" s="1" t="s">
        <v>140871</v>
      </c>
      <c r="I41145" s="1" t="s">
        <v>135900</v>
      </c>
      <c r="J41145" s="1" t="s">
        <v>140936</v>
      </c>
    </row>
    <row r="41146" spans="1:10" x14ac:dyDescent="0.35">
      <c r="A41146" s="1" t="s">
        <v>27937</v>
      </c>
      <c r="B41146" s="1" t="s">
        <v>135894</v>
      </c>
      <c r="C41146" s="1" t="s">
        <v>140</v>
      </c>
      <c r="D41146" s="1" t="s">
        <v>140937</v>
      </c>
      <c r="E41146" s="1" t="s">
        <v>16186</v>
      </c>
      <c r="F41146" s="1" t="s">
        <v>140938</v>
      </c>
      <c r="G41146" s="1" t="s">
        <v>140870</v>
      </c>
      <c r="H41146" s="1" t="s">
        <v>140871</v>
      </c>
      <c r="I41146" s="1" t="s">
        <v>135900</v>
      </c>
      <c r="J41146" s="1" t="s">
        <v>140939</v>
      </c>
    </row>
    <row r="41147" spans="1:10" x14ac:dyDescent="0.35">
      <c r="A41147" s="1" t="s">
        <v>27937</v>
      </c>
      <c r="B41147" s="1" t="s">
        <v>135894</v>
      </c>
      <c r="C41147" s="1" t="s">
        <v>145</v>
      </c>
      <c r="D41147" s="1" t="s">
        <v>39085</v>
      </c>
      <c r="E41147" s="1" t="s">
        <v>55315</v>
      </c>
      <c r="F41147" s="1" t="s">
        <v>140940</v>
      </c>
      <c r="G41147" s="1" t="s">
        <v>140870</v>
      </c>
      <c r="H41147" s="1" t="s">
        <v>140871</v>
      </c>
      <c r="I41147" s="1" t="s">
        <v>135900</v>
      </c>
      <c r="J41147" s="1" t="s">
        <v>140941</v>
      </c>
    </row>
    <row r="41148" spans="1:10" x14ac:dyDescent="0.35">
      <c r="A41148" s="1" t="s">
        <v>27937</v>
      </c>
      <c r="B41148" s="1" t="s">
        <v>135894</v>
      </c>
      <c r="C41148" s="1" t="s">
        <v>150</v>
      </c>
      <c r="D41148" s="1" t="s">
        <v>140942</v>
      </c>
      <c r="E41148" s="1" t="s">
        <v>15841</v>
      </c>
      <c r="F41148" s="1" t="s">
        <v>140943</v>
      </c>
      <c r="G41148" s="1" t="s">
        <v>140870</v>
      </c>
      <c r="H41148" s="1" t="s">
        <v>140871</v>
      </c>
      <c r="I41148" s="1" t="s">
        <v>135900</v>
      </c>
      <c r="J41148" s="1" t="s">
        <v>140944</v>
      </c>
    </row>
    <row r="41149" spans="1:10" x14ac:dyDescent="0.35">
      <c r="A41149" s="1" t="s">
        <v>27937</v>
      </c>
      <c r="B41149" s="1" t="s">
        <v>135894</v>
      </c>
      <c r="C41149" s="1" t="s">
        <v>155</v>
      </c>
      <c r="D41149" s="1" t="s">
        <v>19911</v>
      </c>
      <c r="E41149" s="1" t="s">
        <v>99853</v>
      </c>
      <c r="F41149" s="1" t="s">
        <v>140945</v>
      </c>
      <c r="G41149" s="1" t="s">
        <v>140870</v>
      </c>
      <c r="H41149" s="1" t="s">
        <v>140871</v>
      </c>
      <c r="I41149" s="1" t="s">
        <v>135900</v>
      </c>
      <c r="J41149" s="1" t="s">
        <v>140946</v>
      </c>
    </row>
    <row r="41150" spans="1:10" x14ac:dyDescent="0.35">
      <c r="A41150" s="1" t="s">
        <v>27937</v>
      </c>
      <c r="B41150" s="1" t="s">
        <v>135894</v>
      </c>
      <c r="C41150" s="1" t="s">
        <v>160</v>
      </c>
      <c r="D41150" s="1" t="s">
        <v>140947</v>
      </c>
      <c r="E41150" s="1" t="s">
        <v>21974</v>
      </c>
      <c r="F41150" s="1" t="s">
        <v>140948</v>
      </c>
      <c r="G41150" s="1" t="s">
        <v>140870</v>
      </c>
      <c r="H41150" s="1" t="s">
        <v>140871</v>
      </c>
      <c r="I41150" s="1" t="s">
        <v>135900</v>
      </c>
      <c r="J41150" s="1" t="s">
        <v>140949</v>
      </c>
    </row>
    <row r="41151" spans="1:10" x14ac:dyDescent="0.35">
      <c r="A41151" s="1" t="s">
        <v>27937</v>
      </c>
      <c r="B41151" s="1" t="s">
        <v>135894</v>
      </c>
      <c r="C41151" s="1" t="s">
        <v>165</v>
      </c>
      <c r="D41151" s="1" t="s">
        <v>140950</v>
      </c>
      <c r="E41151" s="1" t="s">
        <v>24258</v>
      </c>
      <c r="F41151" s="1" t="s">
        <v>140951</v>
      </c>
      <c r="G41151" s="1" t="s">
        <v>140870</v>
      </c>
      <c r="H41151" s="1" t="s">
        <v>140871</v>
      </c>
      <c r="I41151" s="1" t="s">
        <v>135900</v>
      </c>
      <c r="J41151" s="1" t="s">
        <v>140952</v>
      </c>
    </row>
    <row r="41152" spans="1:10" x14ac:dyDescent="0.35">
      <c r="A41152" s="1" t="s">
        <v>27937</v>
      </c>
      <c r="B41152" s="1" t="s">
        <v>135894</v>
      </c>
      <c r="C41152" s="1" t="s">
        <v>170</v>
      </c>
      <c r="D41152" s="1" t="s">
        <v>140953</v>
      </c>
      <c r="E41152" s="1" t="s">
        <v>55452</v>
      </c>
      <c r="F41152" s="1" t="s">
        <v>140954</v>
      </c>
      <c r="G41152" s="1" t="s">
        <v>140870</v>
      </c>
      <c r="H41152" s="1" t="s">
        <v>140871</v>
      </c>
      <c r="I41152" s="1" t="s">
        <v>135900</v>
      </c>
      <c r="J41152" s="1" t="s">
        <v>140955</v>
      </c>
    </row>
    <row r="41153" spans="1:10" x14ac:dyDescent="0.35">
      <c r="A41153" s="1" t="s">
        <v>9309</v>
      </c>
      <c r="B41153" s="1" t="s">
        <v>140956</v>
      </c>
      <c r="C41153" s="1" t="s">
        <v>8</v>
      </c>
      <c r="D41153" s="1" t="s">
        <v>960</v>
      </c>
      <c r="E41153" s="1" t="s">
        <v>140957</v>
      </c>
      <c r="F41153" s="1" t="s">
        <v>140958</v>
      </c>
      <c r="G41153" s="1" t="s">
        <v>140959</v>
      </c>
      <c r="H41153" s="1" t="s">
        <v>140960</v>
      </c>
      <c r="I41153" s="1" t="s">
        <v>140961</v>
      </c>
      <c r="J41153" s="1" t="s">
        <v>13</v>
      </c>
    </row>
    <row r="41154" spans="1:10" x14ac:dyDescent="0.35">
      <c r="A41154" s="1" t="s">
        <v>9309</v>
      </c>
      <c r="B41154" s="1" t="s">
        <v>140956</v>
      </c>
      <c r="C41154" s="1" t="s">
        <v>15</v>
      </c>
      <c r="D41154" s="1" t="s">
        <v>140962</v>
      </c>
      <c r="E41154" s="1" t="s">
        <v>140963</v>
      </c>
      <c r="F41154" s="1" t="s">
        <v>140964</v>
      </c>
      <c r="G41154" s="1" t="s">
        <v>140959</v>
      </c>
      <c r="H41154" s="1" t="s">
        <v>140960</v>
      </c>
      <c r="I41154" s="1" t="s">
        <v>140961</v>
      </c>
      <c r="J41154" s="1" t="s">
        <v>140965</v>
      </c>
    </row>
    <row r="41155" spans="1:10" x14ac:dyDescent="0.35">
      <c r="A41155" s="1" t="s">
        <v>9309</v>
      </c>
      <c r="B41155" s="1" t="s">
        <v>140956</v>
      </c>
      <c r="C41155" s="1" t="s">
        <v>20</v>
      </c>
      <c r="D41155" s="1" t="s">
        <v>75343</v>
      </c>
      <c r="E41155" s="1" t="s">
        <v>140966</v>
      </c>
      <c r="F41155" s="1" t="s">
        <v>140967</v>
      </c>
      <c r="G41155" s="1" t="s">
        <v>140959</v>
      </c>
      <c r="H41155" s="1" t="s">
        <v>140960</v>
      </c>
      <c r="I41155" s="1" t="s">
        <v>140961</v>
      </c>
      <c r="J41155" s="1" t="s">
        <v>140968</v>
      </c>
    </row>
    <row r="41156" spans="1:10" x14ac:dyDescent="0.35">
      <c r="A41156" s="1" t="s">
        <v>9309</v>
      </c>
      <c r="B41156" s="1" t="s">
        <v>140956</v>
      </c>
      <c r="C41156" s="1" t="s">
        <v>25</v>
      </c>
      <c r="D41156" s="1" t="s">
        <v>3156</v>
      </c>
      <c r="E41156" s="1" t="s">
        <v>140969</v>
      </c>
      <c r="F41156" s="1" t="s">
        <v>140970</v>
      </c>
      <c r="G41156" s="1" t="s">
        <v>140959</v>
      </c>
      <c r="H41156" s="1" t="s">
        <v>140960</v>
      </c>
      <c r="I41156" s="1" t="s">
        <v>140961</v>
      </c>
      <c r="J41156" s="1" t="s">
        <v>140971</v>
      </c>
    </row>
    <row r="41157" spans="1:10" x14ac:dyDescent="0.35">
      <c r="A41157" s="1" t="s">
        <v>9309</v>
      </c>
      <c r="B41157" s="1" t="s">
        <v>140956</v>
      </c>
      <c r="C41157" s="1" t="s">
        <v>30</v>
      </c>
      <c r="D41157" s="1" t="s">
        <v>140972</v>
      </c>
      <c r="E41157" s="1" t="s">
        <v>140973</v>
      </c>
      <c r="F41157" s="1" t="s">
        <v>140974</v>
      </c>
      <c r="G41157" s="1" t="s">
        <v>140959</v>
      </c>
      <c r="H41157" s="1" t="s">
        <v>140960</v>
      </c>
      <c r="I41157" s="1" t="s">
        <v>140961</v>
      </c>
      <c r="J41157" s="1" t="s">
        <v>140975</v>
      </c>
    </row>
    <row r="41158" spans="1:10" x14ac:dyDescent="0.35">
      <c r="A41158" s="1" t="s">
        <v>9309</v>
      </c>
      <c r="B41158" s="1" t="s">
        <v>140956</v>
      </c>
      <c r="C41158" s="1" t="s">
        <v>35</v>
      </c>
      <c r="D41158" s="1" t="s">
        <v>140976</v>
      </c>
      <c r="E41158" s="1" t="s">
        <v>140977</v>
      </c>
      <c r="F41158" s="1" t="s">
        <v>140978</v>
      </c>
      <c r="G41158" s="1" t="s">
        <v>140959</v>
      </c>
      <c r="H41158" s="1" t="s">
        <v>140960</v>
      </c>
      <c r="I41158" s="1" t="s">
        <v>140961</v>
      </c>
      <c r="J41158" s="1" t="s">
        <v>140979</v>
      </c>
    </row>
    <row r="41159" spans="1:10" x14ac:dyDescent="0.35">
      <c r="A41159" s="1" t="s">
        <v>9309</v>
      </c>
      <c r="B41159" s="1" t="s">
        <v>140956</v>
      </c>
      <c r="C41159" s="1" t="s">
        <v>40</v>
      </c>
      <c r="D41159" s="1" t="s">
        <v>16990</v>
      </c>
      <c r="E41159" s="1" t="s">
        <v>140980</v>
      </c>
      <c r="F41159" s="1" t="s">
        <v>140981</v>
      </c>
      <c r="G41159" s="1" t="s">
        <v>140959</v>
      </c>
      <c r="H41159" s="1" t="s">
        <v>140960</v>
      </c>
      <c r="I41159" s="1" t="s">
        <v>140961</v>
      </c>
      <c r="J41159" s="1" t="s">
        <v>140982</v>
      </c>
    </row>
    <row r="41160" spans="1:10" x14ac:dyDescent="0.35">
      <c r="A41160" s="1" t="s">
        <v>9309</v>
      </c>
      <c r="B41160" s="1" t="s">
        <v>140956</v>
      </c>
      <c r="C41160" s="1" t="s">
        <v>45</v>
      </c>
      <c r="D41160" s="1" t="s">
        <v>75303</v>
      </c>
      <c r="E41160" s="1" t="s">
        <v>140983</v>
      </c>
      <c r="F41160" s="1" t="s">
        <v>140984</v>
      </c>
      <c r="G41160" s="1" t="s">
        <v>140959</v>
      </c>
      <c r="H41160" s="1" t="s">
        <v>140960</v>
      </c>
      <c r="I41160" s="1" t="s">
        <v>140961</v>
      </c>
      <c r="J41160" s="1" t="s">
        <v>140985</v>
      </c>
    </row>
    <row r="41161" spans="1:10" x14ac:dyDescent="0.35">
      <c r="A41161" s="1" t="s">
        <v>9309</v>
      </c>
      <c r="B41161" s="1" t="s">
        <v>140956</v>
      </c>
      <c r="C41161" s="1" t="s">
        <v>50</v>
      </c>
      <c r="D41161" s="1" t="s">
        <v>140986</v>
      </c>
      <c r="E41161" s="1" t="s">
        <v>140987</v>
      </c>
      <c r="F41161" s="1" t="s">
        <v>140988</v>
      </c>
      <c r="G41161" s="1" t="s">
        <v>140959</v>
      </c>
      <c r="H41161" s="1" t="s">
        <v>140960</v>
      </c>
      <c r="I41161" s="1" t="s">
        <v>140961</v>
      </c>
      <c r="J41161" s="1" t="s">
        <v>140989</v>
      </c>
    </row>
    <row r="41162" spans="1:10" x14ac:dyDescent="0.35">
      <c r="A41162" s="1" t="s">
        <v>9309</v>
      </c>
      <c r="B41162" s="1" t="s">
        <v>140956</v>
      </c>
      <c r="C41162" s="1" t="s">
        <v>55</v>
      </c>
      <c r="D41162" s="1" t="s">
        <v>140990</v>
      </c>
      <c r="E41162" s="1" t="s">
        <v>140991</v>
      </c>
      <c r="F41162" s="1" t="s">
        <v>140992</v>
      </c>
      <c r="G41162" s="1" t="s">
        <v>140959</v>
      </c>
      <c r="H41162" s="1" t="s">
        <v>140960</v>
      </c>
      <c r="I41162" s="1" t="s">
        <v>140961</v>
      </c>
      <c r="J41162" s="1" t="s">
        <v>140993</v>
      </c>
    </row>
    <row r="41163" spans="1:10" x14ac:dyDescent="0.35">
      <c r="A41163" s="1" t="s">
        <v>9309</v>
      </c>
      <c r="B41163" s="1" t="s">
        <v>140956</v>
      </c>
      <c r="C41163" s="1" t="s">
        <v>60</v>
      </c>
      <c r="D41163" s="1" t="s">
        <v>74132</v>
      </c>
      <c r="E41163" s="1" t="s">
        <v>140994</v>
      </c>
      <c r="F41163" s="1" t="s">
        <v>140995</v>
      </c>
      <c r="G41163" s="1" t="s">
        <v>140959</v>
      </c>
      <c r="H41163" s="1" t="s">
        <v>140960</v>
      </c>
      <c r="I41163" s="1" t="s">
        <v>140961</v>
      </c>
      <c r="J41163" s="1" t="s">
        <v>140996</v>
      </c>
    </row>
    <row r="41164" spans="1:10" x14ac:dyDescent="0.35">
      <c r="A41164" s="1" t="s">
        <v>9309</v>
      </c>
      <c r="B41164" s="1" t="s">
        <v>140956</v>
      </c>
      <c r="C41164" s="1" t="s">
        <v>65</v>
      </c>
      <c r="D41164" s="1" t="s">
        <v>3168</v>
      </c>
      <c r="E41164" s="1" t="s">
        <v>140997</v>
      </c>
      <c r="F41164" s="1" t="s">
        <v>140998</v>
      </c>
      <c r="G41164" s="1" t="s">
        <v>140959</v>
      </c>
      <c r="H41164" s="1" t="s">
        <v>140960</v>
      </c>
      <c r="I41164" s="1" t="s">
        <v>140961</v>
      </c>
      <c r="J41164" s="1" t="s">
        <v>140999</v>
      </c>
    </row>
    <row r="41165" spans="1:10" x14ac:dyDescent="0.35">
      <c r="A41165" s="1" t="s">
        <v>9309</v>
      </c>
      <c r="B41165" s="1" t="s">
        <v>140956</v>
      </c>
      <c r="C41165" s="1" t="s">
        <v>70</v>
      </c>
      <c r="D41165" s="1" t="s">
        <v>141000</v>
      </c>
      <c r="E41165" s="1" t="s">
        <v>141001</v>
      </c>
      <c r="F41165" s="1" t="s">
        <v>141002</v>
      </c>
      <c r="G41165" s="1" t="s">
        <v>140959</v>
      </c>
      <c r="H41165" s="1" t="s">
        <v>140960</v>
      </c>
      <c r="I41165" s="1" t="s">
        <v>140961</v>
      </c>
      <c r="J41165" s="1" t="s">
        <v>141003</v>
      </c>
    </row>
    <row r="41166" spans="1:10" x14ac:dyDescent="0.35">
      <c r="A41166" s="1" t="s">
        <v>9309</v>
      </c>
      <c r="B41166" s="1" t="s">
        <v>140956</v>
      </c>
      <c r="C41166" s="1" t="s">
        <v>75</v>
      </c>
      <c r="D41166" s="1" t="s">
        <v>5931</v>
      </c>
      <c r="E41166" s="1" t="s">
        <v>141004</v>
      </c>
      <c r="F41166" s="1" t="s">
        <v>141005</v>
      </c>
      <c r="G41166" s="1" t="s">
        <v>140959</v>
      </c>
      <c r="H41166" s="1" t="s">
        <v>140960</v>
      </c>
      <c r="I41166" s="1" t="s">
        <v>140961</v>
      </c>
      <c r="J41166" s="1" t="s">
        <v>141006</v>
      </c>
    </row>
    <row r="41167" spans="1:10" x14ac:dyDescent="0.35">
      <c r="A41167" s="1" t="s">
        <v>9309</v>
      </c>
      <c r="B41167" s="1" t="s">
        <v>140956</v>
      </c>
      <c r="C41167" s="1" t="s">
        <v>80</v>
      </c>
      <c r="D41167" s="1" t="s">
        <v>107883</v>
      </c>
      <c r="E41167" s="1" t="s">
        <v>141007</v>
      </c>
      <c r="F41167" s="1" t="s">
        <v>141008</v>
      </c>
      <c r="G41167" s="1" t="s">
        <v>140959</v>
      </c>
      <c r="H41167" s="1" t="s">
        <v>140960</v>
      </c>
      <c r="I41167" s="1" t="s">
        <v>140961</v>
      </c>
      <c r="J41167" s="1" t="s">
        <v>141009</v>
      </c>
    </row>
    <row r="41168" spans="1:10" x14ac:dyDescent="0.35">
      <c r="A41168" s="1" t="s">
        <v>9309</v>
      </c>
      <c r="B41168" s="1" t="s">
        <v>140956</v>
      </c>
      <c r="C41168" s="1" t="s">
        <v>85</v>
      </c>
      <c r="D41168" s="1" t="s">
        <v>141010</v>
      </c>
      <c r="E41168" s="1" t="s">
        <v>141011</v>
      </c>
      <c r="F41168" s="1" t="s">
        <v>141012</v>
      </c>
      <c r="G41168" s="1" t="s">
        <v>140959</v>
      </c>
      <c r="H41168" s="1" t="s">
        <v>140960</v>
      </c>
      <c r="I41168" s="1" t="s">
        <v>140961</v>
      </c>
      <c r="J41168" s="1" t="s">
        <v>141013</v>
      </c>
    </row>
    <row r="41169" spans="1:10" x14ac:dyDescent="0.35">
      <c r="A41169" s="1" t="s">
        <v>9309</v>
      </c>
      <c r="B41169" s="1" t="s">
        <v>140956</v>
      </c>
      <c r="C41169" s="1" t="s">
        <v>90</v>
      </c>
      <c r="D41169" s="1" t="s">
        <v>141014</v>
      </c>
      <c r="E41169" s="1" t="s">
        <v>141015</v>
      </c>
      <c r="F41169" s="1" t="s">
        <v>141016</v>
      </c>
      <c r="G41169" s="1" t="s">
        <v>140959</v>
      </c>
      <c r="H41169" s="1" t="s">
        <v>140960</v>
      </c>
      <c r="I41169" s="1" t="s">
        <v>140961</v>
      </c>
      <c r="J41169" s="1" t="s">
        <v>141017</v>
      </c>
    </row>
    <row r="41170" spans="1:10" x14ac:dyDescent="0.35">
      <c r="A41170" s="1" t="s">
        <v>9309</v>
      </c>
      <c r="B41170" s="1" t="s">
        <v>140956</v>
      </c>
      <c r="C41170" s="1" t="s">
        <v>95</v>
      </c>
      <c r="D41170" s="1" t="s">
        <v>141018</v>
      </c>
      <c r="E41170" s="1" t="s">
        <v>141019</v>
      </c>
      <c r="F41170" s="1" t="s">
        <v>141020</v>
      </c>
      <c r="G41170" s="1" t="s">
        <v>140959</v>
      </c>
      <c r="H41170" s="1" t="s">
        <v>140960</v>
      </c>
      <c r="I41170" s="1" t="s">
        <v>140961</v>
      </c>
      <c r="J41170" s="1" t="s">
        <v>141021</v>
      </c>
    </row>
    <row r="41171" spans="1:10" x14ac:dyDescent="0.35">
      <c r="A41171" s="1" t="s">
        <v>9309</v>
      </c>
      <c r="B41171" s="1" t="s">
        <v>140956</v>
      </c>
      <c r="C41171" s="1" t="s">
        <v>100</v>
      </c>
      <c r="D41171" s="1" t="s">
        <v>54742</v>
      </c>
      <c r="E41171" s="1" t="s">
        <v>141022</v>
      </c>
      <c r="F41171" s="1" t="s">
        <v>141023</v>
      </c>
      <c r="G41171" s="1" t="s">
        <v>140959</v>
      </c>
      <c r="H41171" s="1" t="s">
        <v>140960</v>
      </c>
      <c r="I41171" s="1" t="s">
        <v>140961</v>
      </c>
      <c r="J41171" s="1" t="s">
        <v>141024</v>
      </c>
    </row>
    <row r="41172" spans="1:10" x14ac:dyDescent="0.35">
      <c r="A41172" s="1" t="s">
        <v>9309</v>
      </c>
      <c r="B41172" s="1" t="s">
        <v>140956</v>
      </c>
      <c r="C41172" s="1" t="s">
        <v>105</v>
      </c>
      <c r="D41172" s="1" t="s">
        <v>141025</v>
      </c>
      <c r="E41172" s="1" t="s">
        <v>141026</v>
      </c>
      <c r="F41172" s="1" t="s">
        <v>141027</v>
      </c>
      <c r="G41172" s="1" t="s">
        <v>140959</v>
      </c>
      <c r="H41172" s="1" t="s">
        <v>140960</v>
      </c>
      <c r="I41172" s="1" t="s">
        <v>140961</v>
      </c>
      <c r="J41172" s="1" t="s">
        <v>141028</v>
      </c>
    </row>
    <row r="41173" spans="1:10" x14ac:dyDescent="0.35">
      <c r="A41173" s="1" t="s">
        <v>9309</v>
      </c>
      <c r="B41173" s="1" t="s">
        <v>140956</v>
      </c>
      <c r="C41173" s="1" t="s">
        <v>110</v>
      </c>
      <c r="D41173" s="1" t="s">
        <v>138960</v>
      </c>
      <c r="E41173" s="1" t="s">
        <v>141029</v>
      </c>
      <c r="F41173" s="1" t="s">
        <v>141030</v>
      </c>
      <c r="G41173" s="1" t="s">
        <v>140959</v>
      </c>
      <c r="H41173" s="1" t="s">
        <v>140960</v>
      </c>
      <c r="I41173" s="1" t="s">
        <v>140961</v>
      </c>
      <c r="J41173" s="1" t="s">
        <v>141031</v>
      </c>
    </row>
    <row r="41174" spans="1:10" x14ac:dyDescent="0.35">
      <c r="A41174" s="1" t="s">
        <v>9309</v>
      </c>
      <c r="B41174" s="1" t="s">
        <v>140956</v>
      </c>
      <c r="C41174" s="1" t="s">
        <v>115</v>
      </c>
      <c r="D41174" s="1" t="s">
        <v>109242</v>
      </c>
      <c r="E41174" s="1" t="s">
        <v>141032</v>
      </c>
      <c r="F41174" s="1" t="s">
        <v>141033</v>
      </c>
      <c r="G41174" s="1" t="s">
        <v>140959</v>
      </c>
      <c r="H41174" s="1" t="s">
        <v>140960</v>
      </c>
      <c r="I41174" s="1" t="s">
        <v>140961</v>
      </c>
      <c r="J41174" s="1" t="s">
        <v>141034</v>
      </c>
    </row>
    <row r="41175" spans="1:10" x14ac:dyDescent="0.35">
      <c r="A41175" s="1" t="s">
        <v>9309</v>
      </c>
      <c r="B41175" s="1" t="s">
        <v>140956</v>
      </c>
      <c r="C41175" s="1" t="s">
        <v>120</v>
      </c>
      <c r="D41175" s="1" t="s">
        <v>98760</v>
      </c>
      <c r="E41175" s="1" t="s">
        <v>141035</v>
      </c>
      <c r="F41175" s="1" t="s">
        <v>141036</v>
      </c>
      <c r="G41175" s="1" t="s">
        <v>140959</v>
      </c>
      <c r="H41175" s="1" t="s">
        <v>140960</v>
      </c>
      <c r="I41175" s="1" t="s">
        <v>140961</v>
      </c>
      <c r="J41175" s="1" t="s">
        <v>141037</v>
      </c>
    </row>
    <row r="41176" spans="1:10" x14ac:dyDescent="0.35">
      <c r="A41176" s="1" t="s">
        <v>9309</v>
      </c>
      <c r="B41176" s="1" t="s">
        <v>140956</v>
      </c>
      <c r="C41176" s="1" t="s">
        <v>125</v>
      </c>
      <c r="D41176" s="1" t="s">
        <v>141038</v>
      </c>
      <c r="E41176" s="1" t="s">
        <v>141039</v>
      </c>
      <c r="F41176" s="1" t="s">
        <v>141040</v>
      </c>
      <c r="G41176" s="1" t="s">
        <v>140959</v>
      </c>
      <c r="H41176" s="1" t="s">
        <v>140960</v>
      </c>
      <c r="I41176" s="1" t="s">
        <v>140961</v>
      </c>
      <c r="J41176" s="1" t="s">
        <v>141041</v>
      </c>
    </row>
    <row r="41177" spans="1:10" x14ac:dyDescent="0.35">
      <c r="A41177" s="1" t="s">
        <v>9309</v>
      </c>
      <c r="B41177" s="1" t="s">
        <v>140956</v>
      </c>
      <c r="C41177" s="1" t="s">
        <v>130</v>
      </c>
      <c r="D41177" s="1" t="s">
        <v>141042</v>
      </c>
      <c r="E41177" s="1" t="s">
        <v>141043</v>
      </c>
      <c r="F41177" s="1" t="s">
        <v>141044</v>
      </c>
      <c r="G41177" s="1" t="s">
        <v>140959</v>
      </c>
      <c r="H41177" s="1" t="s">
        <v>140960</v>
      </c>
      <c r="I41177" s="1" t="s">
        <v>140961</v>
      </c>
      <c r="J41177" s="1" t="s">
        <v>141045</v>
      </c>
    </row>
    <row r="41178" spans="1:10" x14ac:dyDescent="0.35">
      <c r="A41178" s="1" t="s">
        <v>9309</v>
      </c>
      <c r="B41178" s="1" t="s">
        <v>140956</v>
      </c>
      <c r="C41178" s="1" t="s">
        <v>135</v>
      </c>
      <c r="D41178" s="1" t="s">
        <v>88024</v>
      </c>
      <c r="E41178" s="1" t="s">
        <v>141046</v>
      </c>
      <c r="F41178" s="1" t="s">
        <v>141047</v>
      </c>
      <c r="G41178" s="1" t="s">
        <v>140959</v>
      </c>
      <c r="H41178" s="1" t="s">
        <v>140960</v>
      </c>
      <c r="I41178" s="1" t="s">
        <v>140961</v>
      </c>
      <c r="J41178" s="1" t="s">
        <v>141048</v>
      </c>
    </row>
    <row r="41179" spans="1:10" x14ac:dyDescent="0.35">
      <c r="A41179" s="1" t="s">
        <v>9309</v>
      </c>
      <c r="B41179" s="1" t="s">
        <v>140956</v>
      </c>
      <c r="C41179" s="1" t="s">
        <v>140</v>
      </c>
      <c r="D41179" s="1" t="s">
        <v>141049</v>
      </c>
      <c r="E41179" s="1" t="s">
        <v>141050</v>
      </c>
      <c r="F41179" s="1" t="s">
        <v>141051</v>
      </c>
      <c r="G41179" s="1" t="s">
        <v>140959</v>
      </c>
      <c r="H41179" s="1" t="s">
        <v>140960</v>
      </c>
      <c r="I41179" s="1" t="s">
        <v>140961</v>
      </c>
      <c r="J41179" s="1" t="s">
        <v>141052</v>
      </c>
    </row>
    <row r="41180" spans="1:10" x14ac:dyDescent="0.35">
      <c r="A41180" s="1" t="s">
        <v>9309</v>
      </c>
      <c r="B41180" s="1" t="s">
        <v>140956</v>
      </c>
      <c r="C41180" s="1" t="s">
        <v>145</v>
      </c>
      <c r="D41180" s="1" t="s">
        <v>141053</v>
      </c>
      <c r="E41180" s="1" t="s">
        <v>141054</v>
      </c>
      <c r="F41180" s="1" t="s">
        <v>141055</v>
      </c>
      <c r="G41180" s="1" t="s">
        <v>140959</v>
      </c>
      <c r="H41180" s="1" t="s">
        <v>140960</v>
      </c>
      <c r="I41180" s="1" t="s">
        <v>140961</v>
      </c>
      <c r="J41180" s="1" t="s">
        <v>141056</v>
      </c>
    </row>
    <row r="41181" spans="1:10" x14ac:dyDescent="0.35">
      <c r="A41181" s="1" t="s">
        <v>9309</v>
      </c>
      <c r="B41181" s="1" t="s">
        <v>140956</v>
      </c>
      <c r="C41181" s="1" t="s">
        <v>150</v>
      </c>
      <c r="D41181" s="1" t="s">
        <v>141057</v>
      </c>
      <c r="E41181" s="1" t="s">
        <v>141058</v>
      </c>
      <c r="F41181" s="1" t="s">
        <v>141059</v>
      </c>
      <c r="G41181" s="1" t="s">
        <v>140959</v>
      </c>
      <c r="H41181" s="1" t="s">
        <v>140960</v>
      </c>
      <c r="I41181" s="1" t="s">
        <v>140961</v>
      </c>
      <c r="J41181" s="1" t="s">
        <v>141060</v>
      </c>
    </row>
    <row r="41182" spans="1:10" x14ac:dyDescent="0.35">
      <c r="A41182" s="1" t="s">
        <v>9309</v>
      </c>
      <c r="B41182" s="1" t="s">
        <v>140956</v>
      </c>
      <c r="C41182" s="1" t="s">
        <v>155</v>
      </c>
      <c r="D41182" s="1" t="s">
        <v>22407</v>
      </c>
      <c r="E41182" s="1" t="s">
        <v>141061</v>
      </c>
      <c r="F41182" s="1" t="s">
        <v>141062</v>
      </c>
      <c r="G41182" s="1" t="s">
        <v>140959</v>
      </c>
      <c r="H41182" s="1" t="s">
        <v>140960</v>
      </c>
      <c r="I41182" s="1" t="s">
        <v>140961</v>
      </c>
      <c r="J41182" s="1" t="s">
        <v>141063</v>
      </c>
    </row>
    <row r="41183" spans="1:10" x14ac:dyDescent="0.35">
      <c r="A41183" s="1" t="s">
        <v>9309</v>
      </c>
      <c r="B41183" s="1" t="s">
        <v>140956</v>
      </c>
      <c r="C41183" s="1" t="s">
        <v>160</v>
      </c>
      <c r="D41183" s="1" t="s">
        <v>69033</v>
      </c>
      <c r="E41183" s="1" t="s">
        <v>141064</v>
      </c>
      <c r="F41183" s="1" t="s">
        <v>141065</v>
      </c>
      <c r="G41183" s="1" t="s">
        <v>140959</v>
      </c>
      <c r="H41183" s="1" t="s">
        <v>140960</v>
      </c>
      <c r="I41183" s="1" t="s">
        <v>140961</v>
      </c>
      <c r="J41183" s="1" t="s">
        <v>141066</v>
      </c>
    </row>
    <row r="41184" spans="1:10" x14ac:dyDescent="0.35">
      <c r="A41184" s="1" t="s">
        <v>9309</v>
      </c>
      <c r="B41184" s="1" t="s">
        <v>140956</v>
      </c>
      <c r="C41184" s="1" t="s">
        <v>165</v>
      </c>
      <c r="D41184" s="1" t="s">
        <v>76920</v>
      </c>
      <c r="E41184" s="1" t="s">
        <v>141067</v>
      </c>
      <c r="F41184" s="1" t="s">
        <v>141068</v>
      </c>
      <c r="G41184" s="1" t="s">
        <v>140959</v>
      </c>
      <c r="H41184" s="1" t="s">
        <v>140960</v>
      </c>
      <c r="I41184" s="1" t="s">
        <v>140961</v>
      </c>
      <c r="J41184" s="1" t="s">
        <v>141069</v>
      </c>
    </row>
    <row r="41185" spans="1:10" x14ac:dyDescent="0.35">
      <c r="A41185" s="1" t="s">
        <v>9309</v>
      </c>
      <c r="B41185" s="1" t="s">
        <v>140956</v>
      </c>
      <c r="C41185" s="1" t="s">
        <v>170</v>
      </c>
      <c r="D41185" s="1" t="s">
        <v>69645</v>
      </c>
      <c r="E41185" s="1" t="s">
        <v>141070</v>
      </c>
      <c r="F41185" s="1" t="s">
        <v>141071</v>
      </c>
      <c r="G41185" s="1" t="s">
        <v>140959</v>
      </c>
      <c r="H41185" s="1" t="s">
        <v>140960</v>
      </c>
      <c r="I41185" s="1" t="s">
        <v>140961</v>
      </c>
      <c r="J41185" s="1" t="s">
        <v>141072</v>
      </c>
    </row>
    <row r="41186" spans="1:10" x14ac:dyDescent="0.35">
      <c r="A41186" s="1" t="s">
        <v>141073</v>
      </c>
      <c r="B41186" s="1" t="s">
        <v>140956</v>
      </c>
      <c r="C41186" s="1" t="s">
        <v>8</v>
      </c>
      <c r="D41186" s="1" t="s">
        <v>18435</v>
      </c>
      <c r="E41186" s="1" t="s">
        <v>141074</v>
      </c>
      <c r="F41186" s="1" t="s">
        <v>141075</v>
      </c>
      <c r="G41186" s="1" t="s">
        <v>141076</v>
      </c>
      <c r="H41186" s="1" t="s">
        <v>141077</v>
      </c>
      <c r="I41186" s="1" t="s">
        <v>140961</v>
      </c>
      <c r="J41186" s="1" t="s">
        <v>13</v>
      </c>
    </row>
    <row r="41187" spans="1:10" x14ac:dyDescent="0.35">
      <c r="A41187" s="1" t="s">
        <v>141073</v>
      </c>
      <c r="B41187" s="1" t="s">
        <v>140956</v>
      </c>
      <c r="C41187" s="1" t="s">
        <v>15</v>
      </c>
      <c r="D41187" s="1" t="s">
        <v>141078</v>
      </c>
      <c r="E41187" s="1" t="s">
        <v>141079</v>
      </c>
      <c r="F41187" s="1" t="s">
        <v>141080</v>
      </c>
      <c r="G41187" s="1" t="s">
        <v>141076</v>
      </c>
      <c r="H41187" s="1" t="s">
        <v>141077</v>
      </c>
      <c r="I41187" s="1" t="s">
        <v>140961</v>
      </c>
      <c r="J41187" s="1" t="s">
        <v>141081</v>
      </c>
    </row>
    <row r="41188" spans="1:10" x14ac:dyDescent="0.35">
      <c r="A41188" s="1" t="s">
        <v>141073</v>
      </c>
      <c r="B41188" s="1" t="s">
        <v>140956</v>
      </c>
      <c r="C41188" s="1" t="s">
        <v>20</v>
      </c>
      <c r="D41188" s="1" t="s">
        <v>5794</v>
      </c>
      <c r="E41188" s="1" t="s">
        <v>141082</v>
      </c>
      <c r="F41188" s="1" t="s">
        <v>141083</v>
      </c>
      <c r="G41188" s="1" t="s">
        <v>141076</v>
      </c>
      <c r="H41188" s="1" t="s">
        <v>141077</v>
      </c>
      <c r="I41188" s="1" t="s">
        <v>140961</v>
      </c>
      <c r="J41188" s="1" t="s">
        <v>141084</v>
      </c>
    </row>
    <row r="41189" spans="1:10" x14ac:dyDescent="0.35">
      <c r="A41189" s="1" t="s">
        <v>141073</v>
      </c>
      <c r="B41189" s="1" t="s">
        <v>140956</v>
      </c>
      <c r="C41189" s="1" t="s">
        <v>25</v>
      </c>
      <c r="D41189" s="1" t="s">
        <v>141085</v>
      </c>
      <c r="E41189" s="1" t="s">
        <v>141086</v>
      </c>
      <c r="F41189" s="1" t="s">
        <v>141087</v>
      </c>
      <c r="G41189" s="1" t="s">
        <v>141076</v>
      </c>
      <c r="H41189" s="1" t="s">
        <v>141077</v>
      </c>
      <c r="I41189" s="1" t="s">
        <v>140961</v>
      </c>
      <c r="J41189" s="1" t="s">
        <v>141088</v>
      </c>
    </row>
    <row r="41190" spans="1:10" x14ac:dyDescent="0.35">
      <c r="A41190" s="1" t="s">
        <v>141073</v>
      </c>
      <c r="B41190" s="1" t="s">
        <v>140956</v>
      </c>
      <c r="C41190" s="1" t="s">
        <v>30</v>
      </c>
      <c r="D41190" s="1" t="s">
        <v>49461</v>
      </c>
      <c r="E41190" s="1" t="s">
        <v>141089</v>
      </c>
      <c r="F41190" s="1" t="s">
        <v>141090</v>
      </c>
      <c r="G41190" s="1" t="s">
        <v>141076</v>
      </c>
      <c r="H41190" s="1" t="s">
        <v>141077</v>
      </c>
      <c r="I41190" s="1" t="s">
        <v>140961</v>
      </c>
      <c r="J41190" s="1" t="s">
        <v>141091</v>
      </c>
    </row>
    <row r="41191" spans="1:10" x14ac:dyDescent="0.35">
      <c r="A41191" s="1" t="s">
        <v>141073</v>
      </c>
      <c r="B41191" s="1" t="s">
        <v>140956</v>
      </c>
      <c r="C41191" s="1" t="s">
        <v>35</v>
      </c>
      <c r="D41191" s="1" t="s">
        <v>118586</v>
      </c>
      <c r="E41191" s="1" t="s">
        <v>141092</v>
      </c>
      <c r="F41191" s="1" t="s">
        <v>141093</v>
      </c>
      <c r="G41191" s="1" t="s">
        <v>141076</v>
      </c>
      <c r="H41191" s="1" t="s">
        <v>141077</v>
      </c>
      <c r="I41191" s="1" t="s">
        <v>140961</v>
      </c>
      <c r="J41191" s="1" t="s">
        <v>141094</v>
      </c>
    </row>
    <row r="41192" spans="1:10" x14ac:dyDescent="0.35">
      <c r="A41192" s="1" t="s">
        <v>141073</v>
      </c>
      <c r="B41192" s="1" t="s">
        <v>140956</v>
      </c>
      <c r="C41192" s="1" t="s">
        <v>40</v>
      </c>
      <c r="D41192" s="1" t="s">
        <v>34857</v>
      </c>
      <c r="E41192" s="1" t="s">
        <v>141095</v>
      </c>
      <c r="F41192" s="1" t="s">
        <v>141096</v>
      </c>
      <c r="G41192" s="1" t="s">
        <v>141076</v>
      </c>
      <c r="H41192" s="1" t="s">
        <v>141077</v>
      </c>
      <c r="I41192" s="1" t="s">
        <v>140961</v>
      </c>
      <c r="J41192" s="1" t="s">
        <v>141097</v>
      </c>
    </row>
    <row r="41193" spans="1:10" x14ac:dyDescent="0.35">
      <c r="A41193" s="1" t="s">
        <v>141073</v>
      </c>
      <c r="B41193" s="1" t="s">
        <v>140956</v>
      </c>
      <c r="C41193" s="1" t="s">
        <v>45</v>
      </c>
      <c r="D41193" s="1" t="s">
        <v>141098</v>
      </c>
      <c r="E41193" s="1" t="s">
        <v>141099</v>
      </c>
      <c r="F41193" s="1" t="s">
        <v>141100</v>
      </c>
      <c r="G41193" s="1" t="s">
        <v>141076</v>
      </c>
      <c r="H41193" s="1" t="s">
        <v>141077</v>
      </c>
      <c r="I41193" s="1" t="s">
        <v>140961</v>
      </c>
      <c r="J41193" s="1" t="s">
        <v>141101</v>
      </c>
    </row>
    <row r="41194" spans="1:10" x14ac:dyDescent="0.35">
      <c r="A41194" s="1" t="s">
        <v>141073</v>
      </c>
      <c r="B41194" s="1" t="s">
        <v>140956</v>
      </c>
      <c r="C41194" s="1" t="s">
        <v>50</v>
      </c>
      <c r="D41194" s="1" t="s">
        <v>110737</v>
      </c>
      <c r="E41194" s="1" t="s">
        <v>141102</v>
      </c>
      <c r="F41194" s="1" t="s">
        <v>141103</v>
      </c>
      <c r="G41194" s="1" t="s">
        <v>141076</v>
      </c>
      <c r="H41194" s="1" t="s">
        <v>141077</v>
      </c>
      <c r="I41194" s="1" t="s">
        <v>140961</v>
      </c>
      <c r="J41194" s="1" t="s">
        <v>141104</v>
      </c>
    </row>
    <row r="41195" spans="1:10" x14ac:dyDescent="0.35">
      <c r="A41195" s="1" t="s">
        <v>141073</v>
      </c>
      <c r="B41195" s="1" t="s">
        <v>140956</v>
      </c>
      <c r="C41195" s="1" t="s">
        <v>55</v>
      </c>
      <c r="D41195" s="1" t="s">
        <v>126401</v>
      </c>
      <c r="E41195" s="1" t="s">
        <v>141105</v>
      </c>
      <c r="F41195" s="1" t="s">
        <v>141106</v>
      </c>
      <c r="G41195" s="1" t="s">
        <v>141076</v>
      </c>
      <c r="H41195" s="1" t="s">
        <v>141077</v>
      </c>
      <c r="I41195" s="1" t="s">
        <v>140961</v>
      </c>
      <c r="J41195" s="1" t="s">
        <v>141107</v>
      </c>
    </row>
    <row r="41196" spans="1:10" x14ac:dyDescent="0.35">
      <c r="A41196" s="1" t="s">
        <v>141073</v>
      </c>
      <c r="B41196" s="1" t="s">
        <v>140956</v>
      </c>
      <c r="C41196" s="1" t="s">
        <v>60</v>
      </c>
      <c r="D41196" s="1" t="s">
        <v>135389</v>
      </c>
      <c r="E41196" s="1" t="s">
        <v>141108</v>
      </c>
      <c r="F41196" s="1" t="s">
        <v>141109</v>
      </c>
      <c r="G41196" s="1" t="s">
        <v>141076</v>
      </c>
      <c r="H41196" s="1" t="s">
        <v>141077</v>
      </c>
      <c r="I41196" s="1" t="s">
        <v>140961</v>
      </c>
      <c r="J41196" s="1" t="s">
        <v>141110</v>
      </c>
    </row>
    <row r="41197" spans="1:10" x14ac:dyDescent="0.35">
      <c r="A41197" s="1" t="s">
        <v>141073</v>
      </c>
      <c r="B41197" s="1" t="s">
        <v>140956</v>
      </c>
      <c r="C41197" s="1" t="s">
        <v>65</v>
      </c>
      <c r="D41197" s="1" t="s">
        <v>13242</v>
      </c>
      <c r="E41197" s="1" t="s">
        <v>141111</v>
      </c>
      <c r="F41197" s="1" t="s">
        <v>141112</v>
      </c>
      <c r="G41197" s="1" t="s">
        <v>141076</v>
      </c>
      <c r="H41197" s="1" t="s">
        <v>141077</v>
      </c>
      <c r="I41197" s="1" t="s">
        <v>140961</v>
      </c>
      <c r="J41197" s="1" t="s">
        <v>141113</v>
      </c>
    </row>
    <row r="41198" spans="1:10" x14ac:dyDescent="0.35">
      <c r="A41198" s="1" t="s">
        <v>141073</v>
      </c>
      <c r="B41198" s="1" t="s">
        <v>140956</v>
      </c>
      <c r="C41198" s="1" t="s">
        <v>70</v>
      </c>
      <c r="D41198" s="1" t="s">
        <v>141114</v>
      </c>
      <c r="E41198" s="1" t="s">
        <v>141115</v>
      </c>
      <c r="F41198" s="1" t="s">
        <v>141116</v>
      </c>
      <c r="G41198" s="1" t="s">
        <v>141076</v>
      </c>
      <c r="H41198" s="1" t="s">
        <v>141077</v>
      </c>
      <c r="I41198" s="1" t="s">
        <v>140961</v>
      </c>
      <c r="J41198" s="1" t="s">
        <v>141117</v>
      </c>
    </row>
    <row r="41199" spans="1:10" x14ac:dyDescent="0.35">
      <c r="A41199" s="1" t="s">
        <v>141073</v>
      </c>
      <c r="B41199" s="1" t="s">
        <v>140956</v>
      </c>
      <c r="C41199" s="1" t="s">
        <v>75</v>
      </c>
      <c r="D41199" s="1" t="s">
        <v>115159</v>
      </c>
      <c r="E41199" s="1" t="s">
        <v>141118</v>
      </c>
      <c r="F41199" s="1" t="s">
        <v>141119</v>
      </c>
      <c r="G41199" s="1" t="s">
        <v>141076</v>
      </c>
      <c r="H41199" s="1" t="s">
        <v>141077</v>
      </c>
      <c r="I41199" s="1" t="s">
        <v>140961</v>
      </c>
      <c r="J41199" s="1" t="s">
        <v>141120</v>
      </c>
    </row>
    <row r="41200" spans="1:10" x14ac:dyDescent="0.35">
      <c r="A41200" s="1" t="s">
        <v>141073</v>
      </c>
      <c r="B41200" s="1" t="s">
        <v>140956</v>
      </c>
      <c r="C41200" s="1" t="s">
        <v>80</v>
      </c>
      <c r="D41200" s="1" t="s">
        <v>141121</v>
      </c>
      <c r="E41200" s="1" t="s">
        <v>141122</v>
      </c>
      <c r="F41200" s="1" t="s">
        <v>141123</v>
      </c>
      <c r="G41200" s="1" t="s">
        <v>141076</v>
      </c>
      <c r="H41200" s="1" t="s">
        <v>141077</v>
      </c>
      <c r="I41200" s="1" t="s">
        <v>140961</v>
      </c>
      <c r="J41200" s="1" t="s">
        <v>141124</v>
      </c>
    </row>
    <row r="41201" spans="1:10" x14ac:dyDescent="0.35">
      <c r="A41201" s="1" t="s">
        <v>141073</v>
      </c>
      <c r="B41201" s="1" t="s">
        <v>140956</v>
      </c>
      <c r="C41201" s="1" t="s">
        <v>85</v>
      </c>
      <c r="D41201" s="1" t="s">
        <v>141125</v>
      </c>
      <c r="E41201" s="1" t="s">
        <v>141126</v>
      </c>
      <c r="F41201" s="1" t="s">
        <v>141127</v>
      </c>
      <c r="G41201" s="1" t="s">
        <v>141076</v>
      </c>
      <c r="H41201" s="1" t="s">
        <v>141077</v>
      </c>
      <c r="I41201" s="1" t="s">
        <v>140961</v>
      </c>
      <c r="J41201" s="1" t="s">
        <v>141128</v>
      </c>
    </row>
    <row r="41202" spans="1:10" x14ac:dyDescent="0.35">
      <c r="A41202" s="1" t="s">
        <v>141073</v>
      </c>
      <c r="B41202" s="1" t="s">
        <v>140956</v>
      </c>
      <c r="C41202" s="1" t="s">
        <v>90</v>
      </c>
      <c r="D41202" s="1" t="s">
        <v>69365</v>
      </c>
      <c r="E41202" s="1" t="s">
        <v>141129</v>
      </c>
      <c r="F41202" s="1" t="s">
        <v>141130</v>
      </c>
      <c r="G41202" s="1" t="s">
        <v>141076</v>
      </c>
      <c r="H41202" s="1" t="s">
        <v>141077</v>
      </c>
      <c r="I41202" s="1" t="s">
        <v>140961</v>
      </c>
      <c r="J41202" s="1" t="s">
        <v>141131</v>
      </c>
    </row>
    <row r="41203" spans="1:10" x14ac:dyDescent="0.35">
      <c r="A41203" s="1" t="s">
        <v>141073</v>
      </c>
      <c r="B41203" s="1" t="s">
        <v>140956</v>
      </c>
      <c r="C41203" s="1" t="s">
        <v>95</v>
      </c>
      <c r="D41203" s="1" t="s">
        <v>128358</v>
      </c>
      <c r="E41203" s="1" t="s">
        <v>141132</v>
      </c>
      <c r="F41203" s="1" t="s">
        <v>141133</v>
      </c>
      <c r="G41203" s="1" t="s">
        <v>141076</v>
      </c>
      <c r="H41203" s="1" t="s">
        <v>141077</v>
      </c>
      <c r="I41203" s="1" t="s">
        <v>140961</v>
      </c>
      <c r="J41203" s="1" t="s">
        <v>141134</v>
      </c>
    </row>
    <row r="41204" spans="1:10" x14ac:dyDescent="0.35">
      <c r="A41204" s="1" t="s">
        <v>141073</v>
      </c>
      <c r="B41204" s="1" t="s">
        <v>140956</v>
      </c>
      <c r="C41204" s="1" t="s">
        <v>100</v>
      </c>
      <c r="D41204" s="1" t="s">
        <v>109183</v>
      </c>
      <c r="E41204" s="1" t="s">
        <v>141135</v>
      </c>
      <c r="F41204" s="1" t="s">
        <v>141136</v>
      </c>
      <c r="G41204" s="1" t="s">
        <v>141076</v>
      </c>
      <c r="H41204" s="1" t="s">
        <v>141077</v>
      </c>
      <c r="I41204" s="1" t="s">
        <v>140961</v>
      </c>
      <c r="J41204" s="1" t="s">
        <v>141137</v>
      </c>
    </row>
    <row r="41205" spans="1:10" x14ac:dyDescent="0.35">
      <c r="A41205" s="1" t="s">
        <v>141073</v>
      </c>
      <c r="B41205" s="1" t="s">
        <v>140956</v>
      </c>
      <c r="C41205" s="1" t="s">
        <v>105</v>
      </c>
      <c r="D41205" s="1" t="s">
        <v>17280</v>
      </c>
      <c r="E41205" s="1" t="s">
        <v>141138</v>
      </c>
      <c r="F41205" s="1" t="s">
        <v>141139</v>
      </c>
      <c r="G41205" s="1" t="s">
        <v>141076</v>
      </c>
      <c r="H41205" s="1" t="s">
        <v>141077</v>
      </c>
      <c r="I41205" s="1" t="s">
        <v>140961</v>
      </c>
      <c r="J41205" s="1" t="s">
        <v>141140</v>
      </c>
    </row>
    <row r="41206" spans="1:10" x14ac:dyDescent="0.35">
      <c r="A41206" s="1" t="s">
        <v>141073</v>
      </c>
      <c r="B41206" s="1" t="s">
        <v>140956</v>
      </c>
      <c r="C41206" s="1" t="s">
        <v>110</v>
      </c>
      <c r="D41206" s="1" t="s">
        <v>141141</v>
      </c>
      <c r="E41206" s="1" t="s">
        <v>141142</v>
      </c>
      <c r="F41206" s="1" t="s">
        <v>141143</v>
      </c>
      <c r="G41206" s="1" t="s">
        <v>141076</v>
      </c>
      <c r="H41206" s="1" t="s">
        <v>141077</v>
      </c>
      <c r="I41206" s="1" t="s">
        <v>140961</v>
      </c>
      <c r="J41206" s="1" t="s">
        <v>141144</v>
      </c>
    </row>
    <row r="41207" spans="1:10" x14ac:dyDescent="0.35">
      <c r="A41207" s="1" t="s">
        <v>141073</v>
      </c>
      <c r="B41207" s="1" t="s">
        <v>140956</v>
      </c>
      <c r="C41207" s="1" t="s">
        <v>115</v>
      </c>
      <c r="D41207" s="1" t="s">
        <v>64441</v>
      </c>
      <c r="E41207" s="1" t="s">
        <v>141145</v>
      </c>
      <c r="F41207" s="1" t="s">
        <v>141146</v>
      </c>
      <c r="G41207" s="1" t="s">
        <v>141076</v>
      </c>
      <c r="H41207" s="1" t="s">
        <v>141077</v>
      </c>
      <c r="I41207" s="1" t="s">
        <v>140961</v>
      </c>
      <c r="J41207" s="1" t="s">
        <v>141147</v>
      </c>
    </row>
    <row r="41208" spans="1:10" x14ac:dyDescent="0.35">
      <c r="A41208" s="1" t="s">
        <v>141073</v>
      </c>
      <c r="B41208" s="1" t="s">
        <v>140956</v>
      </c>
      <c r="C41208" s="1" t="s">
        <v>120</v>
      </c>
      <c r="D41208" s="1" t="s">
        <v>58271</v>
      </c>
      <c r="E41208" s="1" t="s">
        <v>141148</v>
      </c>
      <c r="F41208" s="1" t="s">
        <v>141149</v>
      </c>
      <c r="G41208" s="1" t="s">
        <v>141076</v>
      </c>
      <c r="H41208" s="1" t="s">
        <v>141077</v>
      </c>
      <c r="I41208" s="1" t="s">
        <v>140961</v>
      </c>
      <c r="J41208" s="1" t="s">
        <v>141150</v>
      </c>
    </row>
    <row r="41209" spans="1:10" x14ac:dyDescent="0.35">
      <c r="A41209" s="1" t="s">
        <v>141073</v>
      </c>
      <c r="B41209" s="1" t="s">
        <v>140956</v>
      </c>
      <c r="C41209" s="1" t="s">
        <v>125</v>
      </c>
      <c r="D41209" s="1" t="s">
        <v>141151</v>
      </c>
      <c r="E41209" s="1" t="s">
        <v>141152</v>
      </c>
      <c r="F41209" s="1" t="s">
        <v>141153</v>
      </c>
      <c r="G41209" s="1" t="s">
        <v>141076</v>
      </c>
      <c r="H41209" s="1" t="s">
        <v>141077</v>
      </c>
      <c r="I41209" s="1" t="s">
        <v>140961</v>
      </c>
      <c r="J41209" s="1" t="s">
        <v>141154</v>
      </c>
    </row>
    <row r="41210" spans="1:10" x14ac:dyDescent="0.35">
      <c r="A41210" s="1" t="s">
        <v>141073</v>
      </c>
      <c r="B41210" s="1" t="s">
        <v>140956</v>
      </c>
      <c r="C41210" s="1" t="s">
        <v>130</v>
      </c>
      <c r="D41210" s="1" t="s">
        <v>78101</v>
      </c>
      <c r="E41210" s="1" t="s">
        <v>141155</v>
      </c>
      <c r="F41210" s="1" t="s">
        <v>141156</v>
      </c>
      <c r="G41210" s="1" t="s">
        <v>141076</v>
      </c>
      <c r="H41210" s="1" t="s">
        <v>141077</v>
      </c>
      <c r="I41210" s="1" t="s">
        <v>140961</v>
      </c>
      <c r="J41210" s="1" t="s">
        <v>141157</v>
      </c>
    </row>
    <row r="41211" spans="1:10" x14ac:dyDescent="0.35">
      <c r="A41211" s="1" t="s">
        <v>141073</v>
      </c>
      <c r="B41211" s="1" t="s">
        <v>140956</v>
      </c>
      <c r="C41211" s="1" t="s">
        <v>135</v>
      </c>
      <c r="D41211" s="1" t="s">
        <v>141158</v>
      </c>
      <c r="E41211" s="1" t="s">
        <v>141159</v>
      </c>
      <c r="F41211" s="1" t="s">
        <v>141160</v>
      </c>
      <c r="G41211" s="1" t="s">
        <v>141076</v>
      </c>
      <c r="H41211" s="1" t="s">
        <v>141077</v>
      </c>
      <c r="I41211" s="1" t="s">
        <v>140961</v>
      </c>
      <c r="J41211" s="1" t="s">
        <v>141161</v>
      </c>
    </row>
    <row r="41212" spans="1:10" x14ac:dyDescent="0.35">
      <c r="A41212" s="1" t="s">
        <v>141073</v>
      </c>
      <c r="B41212" s="1" t="s">
        <v>140956</v>
      </c>
      <c r="C41212" s="1" t="s">
        <v>140</v>
      </c>
      <c r="D41212" s="1" t="s">
        <v>58113</v>
      </c>
      <c r="E41212" s="1" t="s">
        <v>141162</v>
      </c>
      <c r="F41212" s="1" t="s">
        <v>141163</v>
      </c>
      <c r="G41212" s="1" t="s">
        <v>141076</v>
      </c>
      <c r="H41212" s="1" t="s">
        <v>141077</v>
      </c>
      <c r="I41212" s="1" t="s">
        <v>140961</v>
      </c>
      <c r="J41212" s="1" t="s">
        <v>141164</v>
      </c>
    </row>
    <row r="41213" spans="1:10" x14ac:dyDescent="0.35">
      <c r="A41213" s="1" t="s">
        <v>141073</v>
      </c>
      <c r="B41213" s="1" t="s">
        <v>140956</v>
      </c>
      <c r="C41213" s="1" t="s">
        <v>145</v>
      </c>
      <c r="D41213" s="1" t="s">
        <v>61882</v>
      </c>
      <c r="E41213" s="1" t="s">
        <v>141165</v>
      </c>
      <c r="F41213" s="1" t="s">
        <v>141166</v>
      </c>
      <c r="G41213" s="1" t="s">
        <v>141076</v>
      </c>
      <c r="H41213" s="1" t="s">
        <v>141077</v>
      </c>
      <c r="I41213" s="1" t="s">
        <v>140961</v>
      </c>
      <c r="J41213" s="1" t="s">
        <v>141167</v>
      </c>
    </row>
    <row r="41214" spans="1:10" x14ac:dyDescent="0.35">
      <c r="A41214" s="1" t="s">
        <v>141073</v>
      </c>
      <c r="B41214" s="1" t="s">
        <v>140956</v>
      </c>
      <c r="C41214" s="1" t="s">
        <v>150</v>
      </c>
      <c r="D41214" s="1" t="s">
        <v>20642</v>
      </c>
      <c r="E41214" s="1" t="s">
        <v>141168</v>
      </c>
      <c r="F41214" s="1" t="s">
        <v>141169</v>
      </c>
      <c r="G41214" s="1" t="s">
        <v>141076</v>
      </c>
      <c r="H41214" s="1" t="s">
        <v>141077</v>
      </c>
      <c r="I41214" s="1" t="s">
        <v>140961</v>
      </c>
      <c r="J41214" s="1" t="s">
        <v>141170</v>
      </c>
    </row>
    <row r="41215" spans="1:10" x14ac:dyDescent="0.35">
      <c r="A41215" s="1" t="s">
        <v>141073</v>
      </c>
      <c r="B41215" s="1" t="s">
        <v>140956</v>
      </c>
      <c r="C41215" s="1" t="s">
        <v>155</v>
      </c>
      <c r="D41215" s="1" t="s">
        <v>85795</v>
      </c>
      <c r="E41215" s="1" t="s">
        <v>141171</v>
      </c>
      <c r="F41215" s="1" t="s">
        <v>141172</v>
      </c>
      <c r="G41215" s="1" t="s">
        <v>141076</v>
      </c>
      <c r="H41215" s="1" t="s">
        <v>141077</v>
      </c>
      <c r="I41215" s="1" t="s">
        <v>140961</v>
      </c>
      <c r="J41215" s="1" t="s">
        <v>141173</v>
      </c>
    </row>
    <row r="41216" spans="1:10" x14ac:dyDescent="0.35">
      <c r="A41216" s="1" t="s">
        <v>141073</v>
      </c>
      <c r="B41216" s="1" t="s">
        <v>140956</v>
      </c>
      <c r="C41216" s="1" t="s">
        <v>160</v>
      </c>
      <c r="D41216" s="1" t="s">
        <v>66872</v>
      </c>
      <c r="E41216" s="1" t="s">
        <v>141174</v>
      </c>
      <c r="F41216" s="1" t="s">
        <v>141175</v>
      </c>
      <c r="G41216" s="1" t="s">
        <v>141076</v>
      </c>
      <c r="H41216" s="1" t="s">
        <v>141077</v>
      </c>
      <c r="I41216" s="1" t="s">
        <v>140961</v>
      </c>
      <c r="J41216" s="1" t="s">
        <v>141176</v>
      </c>
    </row>
    <row r="41217" spans="1:10" x14ac:dyDescent="0.35">
      <c r="A41217" s="1" t="s">
        <v>141073</v>
      </c>
      <c r="B41217" s="1" t="s">
        <v>140956</v>
      </c>
      <c r="C41217" s="1" t="s">
        <v>165</v>
      </c>
      <c r="D41217" s="1" t="s">
        <v>141177</v>
      </c>
      <c r="E41217" s="1" t="s">
        <v>141178</v>
      </c>
      <c r="F41217" s="1" t="s">
        <v>141179</v>
      </c>
      <c r="G41217" s="1" t="s">
        <v>141076</v>
      </c>
      <c r="H41217" s="1" t="s">
        <v>141077</v>
      </c>
      <c r="I41217" s="1" t="s">
        <v>140961</v>
      </c>
      <c r="J41217" s="1" t="s">
        <v>141180</v>
      </c>
    </row>
    <row r="41218" spans="1:10" x14ac:dyDescent="0.35">
      <c r="A41218" s="1" t="s">
        <v>141073</v>
      </c>
      <c r="B41218" s="1" t="s">
        <v>140956</v>
      </c>
      <c r="C41218" s="1" t="s">
        <v>170</v>
      </c>
      <c r="D41218" s="1" t="s">
        <v>22312</v>
      </c>
      <c r="E41218" s="1" t="s">
        <v>141181</v>
      </c>
      <c r="F41218" s="1" t="s">
        <v>141182</v>
      </c>
      <c r="G41218" s="1" t="s">
        <v>141076</v>
      </c>
      <c r="H41218" s="1" t="s">
        <v>141077</v>
      </c>
      <c r="I41218" s="1" t="s">
        <v>140961</v>
      </c>
      <c r="J41218" s="1" t="s">
        <v>141183</v>
      </c>
    </row>
    <row r="41219" spans="1:10" x14ac:dyDescent="0.35">
      <c r="A41219" s="1" t="s">
        <v>1505</v>
      </c>
      <c r="B41219" s="1" t="s">
        <v>140956</v>
      </c>
      <c r="C41219" s="1" t="s">
        <v>8</v>
      </c>
      <c r="D41219" s="1" t="s">
        <v>134936</v>
      </c>
      <c r="E41219" s="1" t="s">
        <v>141184</v>
      </c>
      <c r="F41219" s="1" t="s">
        <v>141185</v>
      </c>
      <c r="G41219" s="1" t="s">
        <v>141186</v>
      </c>
      <c r="H41219" s="1" t="s">
        <v>141187</v>
      </c>
      <c r="I41219" s="1" t="s">
        <v>140961</v>
      </c>
      <c r="J41219" s="1" t="s">
        <v>13</v>
      </c>
    </row>
    <row r="41220" spans="1:10" x14ac:dyDescent="0.35">
      <c r="A41220" s="1" t="s">
        <v>1505</v>
      </c>
      <c r="B41220" s="1" t="s">
        <v>140956</v>
      </c>
      <c r="C41220" s="1" t="s">
        <v>15</v>
      </c>
      <c r="D41220" s="1" t="s">
        <v>45500</v>
      </c>
      <c r="E41220" s="1" t="s">
        <v>141188</v>
      </c>
      <c r="F41220" s="1" t="s">
        <v>141189</v>
      </c>
      <c r="G41220" s="1" t="s">
        <v>141186</v>
      </c>
      <c r="H41220" s="1" t="s">
        <v>141187</v>
      </c>
      <c r="I41220" s="1" t="s">
        <v>140961</v>
      </c>
      <c r="J41220" s="1" t="s">
        <v>141190</v>
      </c>
    </row>
    <row r="41221" spans="1:10" x14ac:dyDescent="0.35">
      <c r="A41221" s="1" t="s">
        <v>1505</v>
      </c>
      <c r="B41221" s="1" t="s">
        <v>140956</v>
      </c>
      <c r="C41221" s="1" t="s">
        <v>20</v>
      </c>
      <c r="D41221" s="1" t="s">
        <v>141191</v>
      </c>
      <c r="E41221" s="1" t="s">
        <v>141192</v>
      </c>
      <c r="F41221" s="1" t="s">
        <v>141193</v>
      </c>
      <c r="G41221" s="1" t="s">
        <v>141186</v>
      </c>
      <c r="H41221" s="1" t="s">
        <v>141187</v>
      </c>
      <c r="I41221" s="1" t="s">
        <v>140961</v>
      </c>
      <c r="J41221" s="1" t="s">
        <v>141194</v>
      </c>
    </row>
    <row r="41222" spans="1:10" x14ac:dyDescent="0.35">
      <c r="A41222" s="1" t="s">
        <v>1505</v>
      </c>
      <c r="B41222" s="1" t="s">
        <v>140956</v>
      </c>
      <c r="C41222" s="1" t="s">
        <v>25</v>
      </c>
      <c r="D41222" s="1" t="s">
        <v>141195</v>
      </c>
      <c r="E41222" s="1" t="s">
        <v>141196</v>
      </c>
      <c r="F41222" s="1" t="s">
        <v>141197</v>
      </c>
      <c r="G41222" s="1" t="s">
        <v>141186</v>
      </c>
      <c r="H41222" s="1" t="s">
        <v>141187</v>
      </c>
      <c r="I41222" s="1" t="s">
        <v>140961</v>
      </c>
      <c r="J41222" s="1" t="s">
        <v>141198</v>
      </c>
    </row>
    <row r="41223" spans="1:10" x14ac:dyDescent="0.35">
      <c r="A41223" s="1" t="s">
        <v>1505</v>
      </c>
      <c r="B41223" s="1" t="s">
        <v>140956</v>
      </c>
      <c r="C41223" s="1" t="s">
        <v>30</v>
      </c>
      <c r="D41223" s="1" t="s">
        <v>14506</v>
      </c>
      <c r="E41223" s="1" t="s">
        <v>141199</v>
      </c>
      <c r="F41223" s="1" t="s">
        <v>141200</v>
      </c>
      <c r="G41223" s="1" t="s">
        <v>141186</v>
      </c>
      <c r="H41223" s="1" t="s">
        <v>141187</v>
      </c>
      <c r="I41223" s="1" t="s">
        <v>140961</v>
      </c>
      <c r="J41223" s="1" t="s">
        <v>141201</v>
      </c>
    </row>
    <row r="41224" spans="1:10" x14ac:dyDescent="0.35">
      <c r="A41224" s="1" t="s">
        <v>1505</v>
      </c>
      <c r="B41224" s="1" t="s">
        <v>140956</v>
      </c>
      <c r="C41224" s="1" t="s">
        <v>35</v>
      </c>
      <c r="D41224" s="1" t="s">
        <v>104453</v>
      </c>
      <c r="E41224" s="1" t="s">
        <v>141202</v>
      </c>
      <c r="F41224" s="1" t="s">
        <v>141203</v>
      </c>
      <c r="G41224" s="1" t="s">
        <v>141186</v>
      </c>
      <c r="H41224" s="1" t="s">
        <v>141187</v>
      </c>
      <c r="I41224" s="1" t="s">
        <v>140961</v>
      </c>
      <c r="J41224" s="1" t="s">
        <v>141204</v>
      </c>
    </row>
    <row r="41225" spans="1:10" x14ac:dyDescent="0.35">
      <c r="A41225" s="1" t="s">
        <v>1505</v>
      </c>
      <c r="B41225" s="1" t="s">
        <v>140956</v>
      </c>
      <c r="C41225" s="1" t="s">
        <v>40</v>
      </c>
      <c r="D41225" s="1" t="s">
        <v>28570</v>
      </c>
      <c r="E41225" s="1" t="s">
        <v>141205</v>
      </c>
      <c r="F41225" s="1" t="s">
        <v>141206</v>
      </c>
      <c r="G41225" s="1" t="s">
        <v>141186</v>
      </c>
      <c r="H41225" s="1" t="s">
        <v>141187</v>
      </c>
      <c r="I41225" s="1" t="s">
        <v>140961</v>
      </c>
      <c r="J41225" s="1" t="s">
        <v>141207</v>
      </c>
    </row>
    <row r="41226" spans="1:10" x14ac:dyDescent="0.35">
      <c r="A41226" s="1" t="s">
        <v>1505</v>
      </c>
      <c r="B41226" s="1" t="s">
        <v>140956</v>
      </c>
      <c r="C41226" s="1" t="s">
        <v>45</v>
      </c>
      <c r="D41226" s="1" t="s">
        <v>14514</v>
      </c>
      <c r="E41226" s="1" t="s">
        <v>141208</v>
      </c>
      <c r="F41226" s="1" t="s">
        <v>141209</v>
      </c>
      <c r="G41226" s="1" t="s">
        <v>141186</v>
      </c>
      <c r="H41226" s="1" t="s">
        <v>141187</v>
      </c>
      <c r="I41226" s="1" t="s">
        <v>140961</v>
      </c>
      <c r="J41226" s="1" t="s">
        <v>116173</v>
      </c>
    </row>
    <row r="41227" spans="1:10" x14ac:dyDescent="0.35">
      <c r="A41227" s="1" t="s">
        <v>1505</v>
      </c>
      <c r="B41227" s="1" t="s">
        <v>140956</v>
      </c>
      <c r="C41227" s="1" t="s">
        <v>50</v>
      </c>
      <c r="D41227" s="1" t="s">
        <v>111042</v>
      </c>
      <c r="E41227" s="1" t="s">
        <v>141210</v>
      </c>
      <c r="F41227" s="1" t="s">
        <v>141211</v>
      </c>
      <c r="G41227" s="1" t="s">
        <v>141186</v>
      </c>
      <c r="H41227" s="1" t="s">
        <v>141187</v>
      </c>
      <c r="I41227" s="1" t="s">
        <v>140961</v>
      </c>
      <c r="J41227" s="1" t="s">
        <v>141212</v>
      </c>
    </row>
    <row r="41228" spans="1:10" x14ac:dyDescent="0.35">
      <c r="A41228" s="1" t="s">
        <v>1505</v>
      </c>
      <c r="B41228" s="1" t="s">
        <v>140956</v>
      </c>
      <c r="C41228" s="1" t="s">
        <v>55</v>
      </c>
      <c r="D41228" s="1" t="s">
        <v>45020</v>
      </c>
      <c r="E41228" s="1" t="s">
        <v>141213</v>
      </c>
      <c r="F41228" s="1" t="s">
        <v>141214</v>
      </c>
      <c r="G41228" s="1" t="s">
        <v>141186</v>
      </c>
      <c r="H41228" s="1" t="s">
        <v>141187</v>
      </c>
      <c r="I41228" s="1" t="s">
        <v>140961</v>
      </c>
      <c r="J41228" s="1" t="s">
        <v>141215</v>
      </c>
    </row>
    <row r="41229" spans="1:10" x14ac:dyDescent="0.35">
      <c r="A41229" s="1" t="s">
        <v>1505</v>
      </c>
      <c r="B41229" s="1" t="s">
        <v>140956</v>
      </c>
      <c r="C41229" s="1" t="s">
        <v>60</v>
      </c>
      <c r="D41229" s="1" t="s">
        <v>141216</v>
      </c>
      <c r="E41229" s="1" t="s">
        <v>141217</v>
      </c>
      <c r="F41229" s="1" t="s">
        <v>141218</v>
      </c>
      <c r="G41229" s="1" t="s">
        <v>141186</v>
      </c>
      <c r="H41229" s="1" t="s">
        <v>141187</v>
      </c>
      <c r="I41229" s="1" t="s">
        <v>140961</v>
      </c>
      <c r="J41229" s="1" t="s">
        <v>141219</v>
      </c>
    </row>
    <row r="41230" spans="1:10" x14ac:dyDescent="0.35">
      <c r="A41230" s="1" t="s">
        <v>1505</v>
      </c>
      <c r="B41230" s="1" t="s">
        <v>140956</v>
      </c>
      <c r="C41230" s="1" t="s">
        <v>65</v>
      </c>
      <c r="D41230" s="1" t="s">
        <v>141220</v>
      </c>
      <c r="E41230" s="1" t="s">
        <v>141221</v>
      </c>
      <c r="F41230" s="1" t="s">
        <v>141222</v>
      </c>
      <c r="G41230" s="1" t="s">
        <v>141186</v>
      </c>
      <c r="H41230" s="1" t="s">
        <v>141187</v>
      </c>
      <c r="I41230" s="1" t="s">
        <v>140961</v>
      </c>
      <c r="J41230" s="1" t="s">
        <v>141223</v>
      </c>
    </row>
    <row r="41231" spans="1:10" x14ac:dyDescent="0.35">
      <c r="A41231" s="1" t="s">
        <v>1505</v>
      </c>
      <c r="B41231" s="1" t="s">
        <v>140956</v>
      </c>
      <c r="C41231" s="1" t="s">
        <v>70</v>
      </c>
      <c r="D41231" s="1" t="s">
        <v>48301</v>
      </c>
      <c r="E41231" s="1" t="s">
        <v>141224</v>
      </c>
      <c r="F41231" s="1" t="s">
        <v>141225</v>
      </c>
      <c r="G41231" s="1" t="s">
        <v>141186</v>
      </c>
      <c r="H41231" s="1" t="s">
        <v>141187</v>
      </c>
      <c r="I41231" s="1" t="s">
        <v>140961</v>
      </c>
      <c r="J41231" s="1" t="s">
        <v>141226</v>
      </c>
    </row>
    <row r="41232" spans="1:10" x14ac:dyDescent="0.35">
      <c r="A41232" s="1" t="s">
        <v>1505</v>
      </c>
      <c r="B41232" s="1" t="s">
        <v>140956</v>
      </c>
      <c r="C41232" s="1" t="s">
        <v>75</v>
      </c>
      <c r="D41232" s="1" t="s">
        <v>36042</v>
      </c>
      <c r="E41232" s="1" t="s">
        <v>141227</v>
      </c>
      <c r="F41232" s="1" t="s">
        <v>141228</v>
      </c>
      <c r="G41232" s="1" t="s">
        <v>141186</v>
      </c>
      <c r="H41232" s="1" t="s">
        <v>141187</v>
      </c>
      <c r="I41232" s="1" t="s">
        <v>140961</v>
      </c>
      <c r="J41232" s="1" t="s">
        <v>141229</v>
      </c>
    </row>
    <row r="41233" spans="1:10" x14ac:dyDescent="0.35">
      <c r="A41233" s="1" t="s">
        <v>1505</v>
      </c>
      <c r="B41233" s="1" t="s">
        <v>140956</v>
      </c>
      <c r="C41233" s="1" t="s">
        <v>80</v>
      </c>
      <c r="D41233" s="1" t="s">
        <v>141230</v>
      </c>
      <c r="E41233" s="1" t="s">
        <v>141231</v>
      </c>
      <c r="F41233" s="1" t="s">
        <v>141232</v>
      </c>
      <c r="G41233" s="1" t="s">
        <v>141186</v>
      </c>
      <c r="H41233" s="1" t="s">
        <v>141187</v>
      </c>
      <c r="I41233" s="1" t="s">
        <v>140961</v>
      </c>
      <c r="J41233" s="1" t="s">
        <v>141233</v>
      </c>
    </row>
    <row r="41234" spans="1:10" x14ac:dyDescent="0.35">
      <c r="A41234" s="1" t="s">
        <v>1505</v>
      </c>
      <c r="B41234" s="1" t="s">
        <v>140956</v>
      </c>
      <c r="C41234" s="1" t="s">
        <v>85</v>
      </c>
      <c r="D41234" s="1" t="s">
        <v>49780</v>
      </c>
      <c r="E41234" s="1" t="s">
        <v>141234</v>
      </c>
      <c r="F41234" s="1" t="s">
        <v>141235</v>
      </c>
      <c r="G41234" s="1" t="s">
        <v>141186</v>
      </c>
      <c r="H41234" s="1" t="s">
        <v>141187</v>
      </c>
      <c r="I41234" s="1" t="s">
        <v>140961</v>
      </c>
      <c r="J41234" s="1" t="s">
        <v>141236</v>
      </c>
    </row>
    <row r="41235" spans="1:10" x14ac:dyDescent="0.35">
      <c r="A41235" s="1" t="s">
        <v>1505</v>
      </c>
      <c r="B41235" s="1" t="s">
        <v>140956</v>
      </c>
      <c r="C41235" s="1" t="s">
        <v>90</v>
      </c>
      <c r="D41235" s="1" t="s">
        <v>74108</v>
      </c>
      <c r="E41235" s="1" t="s">
        <v>141237</v>
      </c>
      <c r="F41235" s="1" t="s">
        <v>141238</v>
      </c>
      <c r="G41235" s="1" t="s">
        <v>141186</v>
      </c>
      <c r="H41235" s="1" t="s">
        <v>141187</v>
      </c>
      <c r="I41235" s="1" t="s">
        <v>140961</v>
      </c>
      <c r="J41235" s="1" t="s">
        <v>141239</v>
      </c>
    </row>
    <row r="41236" spans="1:10" x14ac:dyDescent="0.35">
      <c r="A41236" s="1" t="s">
        <v>1505</v>
      </c>
      <c r="B41236" s="1" t="s">
        <v>140956</v>
      </c>
      <c r="C41236" s="1" t="s">
        <v>95</v>
      </c>
      <c r="D41236" s="1" t="s">
        <v>17171</v>
      </c>
      <c r="E41236" s="1" t="s">
        <v>141240</v>
      </c>
      <c r="F41236" s="1" t="s">
        <v>141241</v>
      </c>
      <c r="G41236" s="1" t="s">
        <v>141186</v>
      </c>
      <c r="H41236" s="1" t="s">
        <v>141187</v>
      </c>
      <c r="I41236" s="1" t="s">
        <v>140961</v>
      </c>
      <c r="J41236" s="1" t="s">
        <v>141242</v>
      </c>
    </row>
    <row r="41237" spans="1:10" x14ac:dyDescent="0.35">
      <c r="A41237" s="1" t="s">
        <v>1505</v>
      </c>
      <c r="B41237" s="1" t="s">
        <v>140956</v>
      </c>
      <c r="C41237" s="1" t="s">
        <v>100</v>
      </c>
      <c r="D41237" s="1" t="s">
        <v>141243</v>
      </c>
      <c r="E41237" s="1" t="s">
        <v>141244</v>
      </c>
      <c r="F41237" s="1" t="s">
        <v>141245</v>
      </c>
      <c r="G41237" s="1" t="s">
        <v>141186</v>
      </c>
      <c r="H41237" s="1" t="s">
        <v>141187</v>
      </c>
      <c r="I41237" s="1" t="s">
        <v>140961</v>
      </c>
      <c r="J41237" s="1" t="s">
        <v>141246</v>
      </c>
    </row>
    <row r="41238" spans="1:10" x14ac:dyDescent="0.35">
      <c r="A41238" s="1" t="s">
        <v>1505</v>
      </c>
      <c r="B41238" s="1" t="s">
        <v>140956</v>
      </c>
      <c r="C41238" s="1" t="s">
        <v>105</v>
      </c>
      <c r="D41238" s="1" t="s">
        <v>48036</v>
      </c>
      <c r="E41238" s="1" t="s">
        <v>141247</v>
      </c>
      <c r="F41238" s="1" t="s">
        <v>141248</v>
      </c>
      <c r="G41238" s="1" t="s">
        <v>141186</v>
      </c>
      <c r="H41238" s="1" t="s">
        <v>141187</v>
      </c>
      <c r="I41238" s="1" t="s">
        <v>140961</v>
      </c>
      <c r="J41238" s="1" t="s">
        <v>141249</v>
      </c>
    </row>
    <row r="41239" spans="1:10" x14ac:dyDescent="0.35">
      <c r="A41239" s="1" t="s">
        <v>1505</v>
      </c>
      <c r="B41239" s="1" t="s">
        <v>140956</v>
      </c>
      <c r="C41239" s="1" t="s">
        <v>110</v>
      </c>
      <c r="D41239" s="1" t="s">
        <v>82078</v>
      </c>
      <c r="E41239" s="1" t="s">
        <v>141250</v>
      </c>
      <c r="F41239" s="1" t="s">
        <v>141251</v>
      </c>
      <c r="G41239" s="1" t="s">
        <v>141186</v>
      </c>
      <c r="H41239" s="1" t="s">
        <v>141187</v>
      </c>
      <c r="I41239" s="1" t="s">
        <v>140961</v>
      </c>
      <c r="J41239" s="1" t="s">
        <v>141252</v>
      </c>
    </row>
    <row r="41240" spans="1:10" x14ac:dyDescent="0.35">
      <c r="A41240" s="1" t="s">
        <v>1505</v>
      </c>
      <c r="B41240" s="1" t="s">
        <v>140956</v>
      </c>
      <c r="C41240" s="1" t="s">
        <v>115</v>
      </c>
      <c r="D41240" s="1" t="s">
        <v>3136</v>
      </c>
      <c r="E41240" s="1" t="s">
        <v>141253</v>
      </c>
      <c r="F41240" s="1" t="s">
        <v>141254</v>
      </c>
      <c r="G41240" s="1" t="s">
        <v>141186</v>
      </c>
      <c r="H41240" s="1" t="s">
        <v>141187</v>
      </c>
      <c r="I41240" s="1" t="s">
        <v>140961</v>
      </c>
      <c r="J41240" s="1" t="s">
        <v>141255</v>
      </c>
    </row>
    <row r="41241" spans="1:10" x14ac:dyDescent="0.35">
      <c r="A41241" s="1" t="s">
        <v>1505</v>
      </c>
      <c r="B41241" s="1" t="s">
        <v>140956</v>
      </c>
      <c r="C41241" s="1" t="s">
        <v>120</v>
      </c>
      <c r="D41241" s="1" t="s">
        <v>32205</v>
      </c>
      <c r="E41241" s="1" t="s">
        <v>141256</v>
      </c>
      <c r="F41241" s="1" t="s">
        <v>141257</v>
      </c>
      <c r="G41241" s="1" t="s">
        <v>141186</v>
      </c>
      <c r="H41241" s="1" t="s">
        <v>141187</v>
      </c>
      <c r="I41241" s="1" t="s">
        <v>140961</v>
      </c>
      <c r="J41241" s="1" t="s">
        <v>141258</v>
      </c>
    </row>
    <row r="41242" spans="1:10" x14ac:dyDescent="0.35">
      <c r="A41242" s="1" t="s">
        <v>1505</v>
      </c>
      <c r="B41242" s="1" t="s">
        <v>140956</v>
      </c>
      <c r="C41242" s="1" t="s">
        <v>125</v>
      </c>
      <c r="D41242" s="1" t="s">
        <v>3473</v>
      </c>
      <c r="E41242" s="1" t="s">
        <v>141259</v>
      </c>
      <c r="F41242" s="1" t="s">
        <v>141260</v>
      </c>
      <c r="G41242" s="1" t="s">
        <v>141186</v>
      </c>
      <c r="H41242" s="1" t="s">
        <v>141187</v>
      </c>
      <c r="I41242" s="1" t="s">
        <v>140961</v>
      </c>
      <c r="J41242" s="1" t="s">
        <v>141261</v>
      </c>
    </row>
    <row r="41243" spans="1:10" x14ac:dyDescent="0.35">
      <c r="A41243" s="1" t="s">
        <v>1505</v>
      </c>
      <c r="B41243" s="1" t="s">
        <v>140956</v>
      </c>
      <c r="C41243" s="1" t="s">
        <v>130</v>
      </c>
      <c r="D41243" s="1" t="s">
        <v>125772</v>
      </c>
      <c r="E41243" s="1" t="s">
        <v>141262</v>
      </c>
      <c r="F41243" s="1" t="s">
        <v>141263</v>
      </c>
      <c r="G41243" s="1" t="s">
        <v>141186</v>
      </c>
      <c r="H41243" s="1" t="s">
        <v>141187</v>
      </c>
      <c r="I41243" s="1" t="s">
        <v>140961</v>
      </c>
      <c r="J41243" s="1" t="s">
        <v>141264</v>
      </c>
    </row>
    <row r="41244" spans="1:10" x14ac:dyDescent="0.35">
      <c r="A41244" s="1" t="s">
        <v>1505</v>
      </c>
      <c r="B41244" s="1" t="s">
        <v>140956</v>
      </c>
      <c r="C41244" s="1" t="s">
        <v>135</v>
      </c>
      <c r="D41244" s="1" t="s">
        <v>133580</v>
      </c>
      <c r="E41244" s="1" t="s">
        <v>141265</v>
      </c>
      <c r="F41244" s="1" t="s">
        <v>141266</v>
      </c>
      <c r="G41244" s="1" t="s">
        <v>141186</v>
      </c>
      <c r="H41244" s="1" t="s">
        <v>141187</v>
      </c>
      <c r="I41244" s="1" t="s">
        <v>140961</v>
      </c>
      <c r="J41244" s="1" t="s">
        <v>141267</v>
      </c>
    </row>
    <row r="41245" spans="1:10" x14ac:dyDescent="0.35">
      <c r="A41245" s="1" t="s">
        <v>1505</v>
      </c>
      <c r="B41245" s="1" t="s">
        <v>140956</v>
      </c>
      <c r="C41245" s="1" t="s">
        <v>140</v>
      </c>
      <c r="D41245" s="1" t="s">
        <v>61627</v>
      </c>
      <c r="E41245" s="1" t="s">
        <v>141268</v>
      </c>
      <c r="F41245" s="1" t="s">
        <v>141269</v>
      </c>
      <c r="G41245" s="1" t="s">
        <v>141186</v>
      </c>
      <c r="H41245" s="1" t="s">
        <v>141187</v>
      </c>
      <c r="I41245" s="1" t="s">
        <v>140961</v>
      </c>
      <c r="J41245" s="1" t="s">
        <v>141270</v>
      </c>
    </row>
    <row r="41246" spans="1:10" x14ac:dyDescent="0.35">
      <c r="A41246" s="1" t="s">
        <v>1505</v>
      </c>
      <c r="B41246" s="1" t="s">
        <v>140956</v>
      </c>
      <c r="C41246" s="1" t="s">
        <v>145</v>
      </c>
      <c r="D41246" s="1" t="s">
        <v>114537</v>
      </c>
      <c r="E41246" s="1" t="s">
        <v>141271</v>
      </c>
      <c r="F41246" s="1" t="s">
        <v>141272</v>
      </c>
      <c r="G41246" s="1" t="s">
        <v>141186</v>
      </c>
      <c r="H41246" s="1" t="s">
        <v>141187</v>
      </c>
      <c r="I41246" s="1" t="s">
        <v>140961</v>
      </c>
      <c r="J41246" s="1" t="s">
        <v>141273</v>
      </c>
    </row>
    <row r="41247" spans="1:10" x14ac:dyDescent="0.35">
      <c r="A41247" s="1" t="s">
        <v>1505</v>
      </c>
      <c r="B41247" s="1" t="s">
        <v>140956</v>
      </c>
      <c r="C41247" s="1" t="s">
        <v>150</v>
      </c>
      <c r="D41247" s="1" t="s">
        <v>77339</v>
      </c>
      <c r="E41247" s="1" t="s">
        <v>141274</v>
      </c>
      <c r="F41247" s="1" t="s">
        <v>141275</v>
      </c>
      <c r="G41247" s="1" t="s">
        <v>141186</v>
      </c>
      <c r="H41247" s="1" t="s">
        <v>141187</v>
      </c>
      <c r="I41247" s="1" t="s">
        <v>140961</v>
      </c>
      <c r="J41247" s="1" t="s">
        <v>141276</v>
      </c>
    </row>
    <row r="41248" spans="1:10" x14ac:dyDescent="0.35">
      <c r="A41248" s="1" t="s">
        <v>1505</v>
      </c>
      <c r="B41248" s="1" t="s">
        <v>140956</v>
      </c>
      <c r="C41248" s="1" t="s">
        <v>155</v>
      </c>
      <c r="D41248" s="1" t="s">
        <v>106137</v>
      </c>
      <c r="E41248" s="1" t="s">
        <v>141277</v>
      </c>
      <c r="F41248" s="1" t="s">
        <v>141278</v>
      </c>
      <c r="G41248" s="1" t="s">
        <v>141186</v>
      </c>
      <c r="H41248" s="1" t="s">
        <v>141187</v>
      </c>
      <c r="I41248" s="1" t="s">
        <v>140961</v>
      </c>
      <c r="J41248" s="1" t="s">
        <v>141279</v>
      </c>
    </row>
    <row r="41249" spans="1:10" x14ac:dyDescent="0.35">
      <c r="A41249" s="1" t="s">
        <v>1505</v>
      </c>
      <c r="B41249" s="1" t="s">
        <v>140956</v>
      </c>
      <c r="C41249" s="1" t="s">
        <v>160</v>
      </c>
      <c r="D41249" s="1" t="s">
        <v>11266</v>
      </c>
      <c r="E41249" s="1" t="s">
        <v>141280</v>
      </c>
      <c r="F41249" s="1" t="s">
        <v>141281</v>
      </c>
      <c r="G41249" s="1" t="s">
        <v>141186</v>
      </c>
      <c r="H41249" s="1" t="s">
        <v>141187</v>
      </c>
      <c r="I41249" s="1" t="s">
        <v>140961</v>
      </c>
      <c r="J41249" s="1" t="s">
        <v>141282</v>
      </c>
    </row>
    <row r="41250" spans="1:10" x14ac:dyDescent="0.35">
      <c r="A41250" s="1" t="s">
        <v>1505</v>
      </c>
      <c r="B41250" s="1" t="s">
        <v>140956</v>
      </c>
      <c r="C41250" s="1" t="s">
        <v>165</v>
      </c>
      <c r="D41250" s="1" t="s">
        <v>68115</v>
      </c>
      <c r="E41250" s="1" t="s">
        <v>141283</v>
      </c>
      <c r="F41250" s="1" t="s">
        <v>141284</v>
      </c>
      <c r="G41250" s="1" t="s">
        <v>141186</v>
      </c>
      <c r="H41250" s="1" t="s">
        <v>141187</v>
      </c>
      <c r="I41250" s="1" t="s">
        <v>140961</v>
      </c>
      <c r="J41250" s="1" t="s">
        <v>141285</v>
      </c>
    </row>
    <row r="41251" spans="1:10" x14ac:dyDescent="0.35">
      <c r="A41251" s="1" t="s">
        <v>1505</v>
      </c>
      <c r="B41251" s="1" t="s">
        <v>140956</v>
      </c>
      <c r="C41251" s="1" t="s">
        <v>170</v>
      </c>
      <c r="D41251" s="1" t="s">
        <v>141286</v>
      </c>
      <c r="E41251" s="1" t="s">
        <v>141287</v>
      </c>
      <c r="F41251" s="1" t="s">
        <v>141288</v>
      </c>
      <c r="G41251" s="1" t="s">
        <v>141186</v>
      </c>
      <c r="H41251" s="1" t="s">
        <v>141187</v>
      </c>
      <c r="I41251" s="1" t="s">
        <v>140961</v>
      </c>
      <c r="J41251" s="1" t="s">
        <v>141289</v>
      </c>
    </row>
    <row r="41252" spans="1:10" x14ac:dyDescent="0.35">
      <c r="A41252" s="1" t="s">
        <v>10530</v>
      </c>
      <c r="B41252" s="1" t="s">
        <v>140956</v>
      </c>
      <c r="C41252" s="1" t="s">
        <v>8</v>
      </c>
      <c r="D41252" s="1" t="s">
        <v>141290</v>
      </c>
      <c r="E41252" s="1" t="s">
        <v>141291</v>
      </c>
      <c r="F41252" s="1" t="s">
        <v>141292</v>
      </c>
      <c r="G41252" s="1" t="s">
        <v>141293</v>
      </c>
      <c r="H41252" s="1" t="s">
        <v>141294</v>
      </c>
      <c r="I41252" s="1" t="s">
        <v>140961</v>
      </c>
      <c r="J41252" s="1" t="s">
        <v>13</v>
      </c>
    </row>
    <row r="41253" spans="1:10" x14ac:dyDescent="0.35">
      <c r="A41253" s="1" t="s">
        <v>10530</v>
      </c>
      <c r="B41253" s="1" t="s">
        <v>140956</v>
      </c>
      <c r="C41253" s="1" t="s">
        <v>15</v>
      </c>
      <c r="D41253" s="1" t="s">
        <v>141295</v>
      </c>
      <c r="E41253" s="1" t="s">
        <v>141296</v>
      </c>
      <c r="F41253" s="1" t="s">
        <v>141297</v>
      </c>
      <c r="G41253" s="1" t="s">
        <v>141293</v>
      </c>
      <c r="H41253" s="1" t="s">
        <v>141294</v>
      </c>
      <c r="I41253" s="1" t="s">
        <v>140961</v>
      </c>
      <c r="J41253" s="1" t="s">
        <v>141298</v>
      </c>
    </row>
    <row r="41254" spans="1:10" x14ac:dyDescent="0.35">
      <c r="A41254" s="1" t="s">
        <v>10530</v>
      </c>
      <c r="B41254" s="1" t="s">
        <v>140956</v>
      </c>
      <c r="C41254" s="1" t="s">
        <v>20</v>
      </c>
      <c r="D41254" s="1" t="s">
        <v>141299</v>
      </c>
      <c r="E41254" s="1" t="s">
        <v>141300</v>
      </c>
      <c r="F41254" s="1" t="s">
        <v>141301</v>
      </c>
      <c r="G41254" s="1" t="s">
        <v>141293</v>
      </c>
      <c r="H41254" s="1" t="s">
        <v>141294</v>
      </c>
      <c r="I41254" s="1" t="s">
        <v>140961</v>
      </c>
      <c r="J41254" s="1" t="s">
        <v>141302</v>
      </c>
    </row>
    <row r="41255" spans="1:10" x14ac:dyDescent="0.35">
      <c r="A41255" s="1" t="s">
        <v>10530</v>
      </c>
      <c r="B41255" s="1" t="s">
        <v>140956</v>
      </c>
      <c r="C41255" s="1" t="s">
        <v>25</v>
      </c>
      <c r="D41255" s="1" t="s">
        <v>98666</v>
      </c>
      <c r="E41255" s="1" t="s">
        <v>141303</v>
      </c>
      <c r="F41255" s="1" t="s">
        <v>141304</v>
      </c>
      <c r="G41255" s="1" t="s">
        <v>141293</v>
      </c>
      <c r="H41255" s="1" t="s">
        <v>141294</v>
      </c>
      <c r="I41255" s="1" t="s">
        <v>140961</v>
      </c>
      <c r="J41255" s="1" t="s">
        <v>141305</v>
      </c>
    </row>
    <row r="41256" spans="1:10" x14ac:dyDescent="0.35">
      <c r="A41256" s="1" t="s">
        <v>10530</v>
      </c>
      <c r="B41256" s="1" t="s">
        <v>140956</v>
      </c>
      <c r="C41256" s="1" t="s">
        <v>30</v>
      </c>
      <c r="D41256" s="1" t="s">
        <v>141306</v>
      </c>
      <c r="E41256" s="1" t="s">
        <v>141307</v>
      </c>
      <c r="F41256" s="1" t="s">
        <v>141308</v>
      </c>
      <c r="G41256" s="1" t="s">
        <v>141293</v>
      </c>
      <c r="H41256" s="1" t="s">
        <v>141294</v>
      </c>
      <c r="I41256" s="1" t="s">
        <v>140961</v>
      </c>
      <c r="J41256" s="1" t="s">
        <v>141309</v>
      </c>
    </row>
    <row r="41257" spans="1:10" x14ac:dyDescent="0.35">
      <c r="A41257" s="1" t="s">
        <v>10530</v>
      </c>
      <c r="B41257" s="1" t="s">
        <v>140956</v>
      </c>
      <c r="C41257" s="1" t="s">
        <v>35</v>
      </c>
      <c r="D41257" s="1" t="s">
        <v>141310</v>
      </c>
      <c r="E41257" s="1" t="s">
        <v>141311</v>
      </c>
      <c r="F41257" s="1" t="s">
        <v>141312</v>
      </c>
      <c r="G41257" s="1" t="s">
        <v>141293</v>
      </c>
      <c r="H41257" s="1" t="s">
        <v>141294</v>
      </c>
      <c r="I41257" s="1" t="s">
        <v>140961</v>
      </c>
      <c r="J41257" s="1" t="s">
        <v>141313</v>
      </c>
    </row>
    <row r="41258" spans="1:10" x14ac:dyDescent="0.35">
      <c r="A41258" s="1" t="s">
        <v>10530</v>
      </c>
      <c r="B41258" s="1" t="s">
        <v>140956</v>
      </c>
      <c r="C41258" s="1" t="s">
        <v>40</v>
      </c>
      <c r="D41258" s="1" t="s">
        <v>141314</v>
      </c>
      <c r="E41258" s="1" t="s">
        <v>141315</v>
      </c>
      <c r="F41258" s="1" t="s">
        <v>141316</v>
      </c>
      <c r="G41258" s="1" t="s">
        <v>141293</v>
      </c>
      <c r="H41258" s="1" t="s">
        <v>141294</v>
      </c>
      <c r="I41258" s="1" t="s">
        <v>140961</v>
      </c>
      <c r="J41258" s="1" t="s">
        <v>141317</v>
      </c>
    </row>
    <row r="41259" spans="1:10" x14ac:dyDescent="0.35">
      <c r="A41259" s="1" t="s">
        <v>10530</v>
      </c>
      <c r="B41259" s="1" t="s">
        <v>140956</v>
      </c>
      <c r="C41259" s="1" t="s">
        <v>45</v>
      </c>
      <c r="D41259" s="1" t="s">
        <v>141318</v>
      </c>
      <c r="E41259" s="1" t="s">
        <v>141319</v>
      </c>
      <c r="F41259" s="1" t="s">
        <v>141320</v>
      </c>
      <c r="G41259" s="1" t="s">
        <v>141293</v>
      </c>
      <c r="H41259" s="1" t="s">
        <v>141294</v>
      </c>
      <c r="I41259" s="1" t="s">
        <v>140961</v>
      </c>
      <c r="J41259" s="1" t="s">
        <v>141321</v>
      </c>
    </row>
    <row r="41260" spans="1:10" x14ac:dyDescent="0.35">
      <c r="A41260" s="1" t="s">
        <v>10530</v>
      </c>
      <c r="B41260" s="1" t="s">
        <v>140956</v>
      </c>
      <c r="C41260" s="1" t="s">
        <v>50</v>
      </c>
      <c r="D41260" s="1" t="s">
        <v>141322</v>
      </c>
      <c r="E41260" s="1" t="s">
        <v>141323</v>
      </c>
      <c r="F41260" s="1" t="s">
        <v>141324</v>
      </c>
      <c r="G41260" s="1" t="s">
        <v>141293</v>
      </c>
      <c r="H41260" s="1" t="s">
        <v>141294</v>
      </c>
      <c r="I41260" s="1" t="s">
        <v>140961</v>
      </c>
      <c r="J41260" s="1" t="s">
        <v>141325</v>
      </c>
    </row>
    <row r="41261" spans="1:10" x14ac:dyDescent="0.35">
      <c r="A41261" s="1" t="s">
        <v>10530</v>
      </c>
      <c r="B41261" s="1" t="s">
        <v>140956</v>
      </c>
      <c r="C41261" s="1" t="s">
        <v>55</v>
      </c>
      <c r="D41261" s="1" t="s">
        <v>141326</v>
      </c>
      <c r="E41261" s="1" t="s">
        <v>141327</v>
      </c>
      <c r="F41261" s="1" t="s">
        <v>141328</v>
      </c>
      <c r="G41261" s="1" t="s">
        <v>141293</v>
      </c>
      <c r="H41261" s="1" t="s">
        <v>141294</v>
      </c>
      <c r="I41261" s="1" t="s">
        <v>140961</v>
      </c>
      <c r="J41261" s="1" t="s">
        <v>141329</v>
      </c>
    </row>
    <row r="41262" spans="1:10" x14ac:dyDescent="0.35">
      <c r="A41262" s="1" t="s">
        <v>10530</v>
      </c>
      <c r="B41262" s="1" t="s">
        <v>140956</v>
      </c>
      <c r="C41262" s="1" t="s">
        <v>60</v>
      </c>
      <c r="D41262" s="1" t="s">
        <v>69409</v>
      </c>
      <c r="E41262" s="1" t="s">
        <v>141330</v>
      </c>
      <c r="F41262" s="1" t="s">
        <v>141331</v>
      </c>
      <c r="G41262" s="1" t="s">
        <v>141293</v>
      </c>
      <c r="H41262" s="1" t="s">
        <v>141294</v>
      </c>
      <c r="I41262" s="1" t="s">
        <v>140961</v>
      </c>
      <c r="J41262" s="1" t="s">
        <v>141332</v>
      </c>
    </row>
    <row r="41263" spans="1:10" x14ac:dyDescent="0.35">
      <c r="A41263" s="1" t="s">
        <v>10530</v>
      </c>
      <c r="B41263" s="1" t="s">
        <v>140956</v>
      </c>
      <c r="C41263" s="1" t="s">
        <v>65</v>
      </c>
      <c r="D41263" s="1" t="s">
        <v>56253</v>
      </c>
      <c r="E41263" s="1" t="s">
        <v>141333</v>
      </c>
      <c r="F41263" s="1" t="s">
        <v>141334</v>
      </c>
      <c r="G41263" s="1" t="s">
        <v>141293</v>
      </c>
      <c r="H41263" s="1" t="s">
        <v>141294</v>
      </c>
      <c r="I41263" s="1" t="s">
        <v>140961</v>
      </c>
      <c r="J41263" s="1" t="s">
        <v>141335</v>
      </c>
    </row>
    <row r="41264" spans="1:10" x14ac:dyDescent="0.35">
      <c r="A41264" s="1" t="s">
        <v>10530</v>
      </c>
      <c r="B41264" s="1" t="s">
        <v>140956</v>
      </c>
      <c r="C41264" s="1" t="s">
        <v>70</v>
      </c>
      <c r="D41264" s="1" t="s">
        <v>16731</v>
      </c>
      <c r="E41264" s="1" t="s">
        <v>141336</v>
      </c>
      <c r="F41264" s="1" t="s">
        <v>141337</v>
      </c>
      <c r="G41264" s="1" t="s">
        <v>141293</v>
      </c>
      <c r="H41264" s="1" t="s">
        <v>141294</v>
      </c>
      <c r="I41264" s="1" t="s">
        <v>140961</v>
      </c>
      <c r="J41264" s="1" t="s">
        <v>141338</v>
      </c>
    </row>
    <row r="41265" spans="1:10" x14ac:dyDescent="0.35">
      <c r="A41265" s="1" t="s">
        <v>10530</v>
      </c>
      <c r="B41265" s="1" t="s">
        <v>140956</v>
      </c>
      <c r="C41265" s="1" t="s">
        <v>75</v>
      </c>
      <c r="D41265" s="1" t="s">
        <v>141339</v>
      </c>
      <c r="E41265" s="1" t="s">
        <v>141340</v>
      </c>
      <c r="F41265" s="1" t="s">
        <v>141341</v>
      </c>
      <c r="G41265" s="1" t="s">
        <v>141293</v>
      </c>
      <c r="H41265" s="1" t="s">
        <v>141294</v>
      </c>
      <c r="I41265" s="1" t="s">
        <v>140961</v>
      </c>
      <c r="J41265" s="1" t="s">
        <v>141342</v>
      </c>
    </row>
    <row r="41266" spans="1:10" x14ac:dyDescent="0.35">
      <c r="A41266" s="1" t="s">
        <v>10530</v>
      </c>
      <c r="B41266" s="1" t="s">
        <v>140956</v>
      </c>
      <c r="C41266" s="1" t="s">
        <v>80</v>
      </c>
      <c r="D41266" s="1" t="s">
        <v>134542</v>
      </c>
      <c r="E41266" s="1" t="s">
        <v>141343</v>
      </c>
      <c r="F41266" s="1" t="s">
        <v>141344</v>
      </c>
      <c r="G41266" s="1" t="s">
        <v>141293</v>
      </c>
      <c r="H41266" s="1" t="s">
        <v>141294</v>
      </c>
      <c r="I41266" s="1" t="s">
        <v>140961</v>
      </c>
      <c r="J41266" s="1" t="s">
        <v>141345</v>
      </c>
    </row>
    <row r="41267" spans="1:10" x14ac:dyDescent="0.35">
      <c r="A41267" s="1" t="s">
        <v>10530</v>
      </c>
      <c r="B41267" s="1" t="s">
        <v>140956</v>
      </c>
      <c r="C41267" s="1" t="s">
        <v>85</v>
      </c>
      <c r="D41267" s="1" t="s">
        <v>141346</v>
      </c>
      <c r="E41267" s="1" t="s">
        <v>141347</v>
      </c>
      <c r="F41267" s="1" t="s">
        <v>141348</v>
      </c>
      <c r="G41267" s="1" t="s">
        <v>141293</v>
      </c>
      <c r="H41267" s="1" t="s">
        <v>141294</v>
      </c>
      <c r="I41267" s="1" t="s">
        <v>140961</v>
      </c>
      <c r="J41267" s="1" t="s">
        <v>141349</v>
      </c>
    </row>
    <row r="41268" spans="1:10" x14ac:dyDescent="0.35">
      <c r="A41268" s="1" t="s">
        <v>10530</v>
      </c>
      <c r="B41268" s="1" t="s">
        <v>140956</v>
      </c>
      <c r="C41268" s="1" t="s">
        <v>90</v>
      </c>
      <c r="D41268" s="1" t="s">
        <v>141350</v>
      </c>
      <c r="E41268" s="1" t="s">
        <v>141351</v>
      </c>
      <c r="F41268" s="1" t="s">
        <v>141352</v>
      </c>
      <c r="G41268" s="1" t="s">
        <v>141293</v>
      </c>
      <c r="H41268" s="1" t="s">
        <v>141294</v>
      </c>
      <c r="I41268" s="1" t="s">
        <v>140961</v>
      </c>
      <c r="J41268" s="1" t="s">
        <v>141353</v>
      </c>
    </row>
    <row r="41269" spans="1:10" x14ac:dyDescent="0.35">
      <c r="A41269" s="1" t="s">
        <v>10530</v>
      </c>
      <c r="B41269" s="1" t="s">
        <v>140956</v>
      </c>
      <c r="C41269" s="1" t="s">
        <v>95</v>
      </c>
      <c r="D41269" s="1" t="s">
        <v>141354</v>
      </c>
      <c r="E41269" s="1" t="s">
        <v>141355</v>
      </c>
      <c r="F41269" s="1" t="s">
        <v>141356</v>
      </c>
      <c r="G41269" s="1" t="s">
        <v>141293</v>
      </c>
      <c r="H41269" s="1" t="s">
        <v>141294</v>
      </c>
      <c r="I41269" s="1" t="s">
        <v>140961</v>
      </c>
      <c r="J41269" s="1" t="s">
        <v>141357</v>
      </c>
    </row>
    <row r="41270" spans="1:10" x14ac:dyDescent="0.35">
      <c r="A41270" s="1" t="s">
        <v>10530</v>
      </c>
      <c r="B41270" s="1" t="s">
        <v>140956</v>
      </c>
      <c r="C41270" s="1" t="s">
        <v>100</v>
      </c>
      <c r="D41270" s="1" t="s">
        <v>141358</v>
      </c>
      <c r="E41270" s="1" t="s">
        <v>141359</v>
      </c>
      <c r="F41270" s="1" t="s">
        <v>141360</v>
      </c>
      <c r="G41270" s="1" t="s">
        <v>141293</v>
      </c>
      <c r="H41270" s="1" t="s">
        <v>141294</v>
      </c>
      <c r="I41270" s="1" t="s">
        <v>140961</v>
      </c>
      <c r="J41270" s="1" t="s">
        <v>141361</v>
      </c>
    </row>
    <row r="41271" spans="1:10" x14ac:dyDescent="0.35">
      <c r="A41271" s="1" t="s">
        <v>10530</v>
      </c>
      <c r="B41271" s="1" t="s">
        <v>140956</v>
      </c>
      <c r="C41271" s="1" t="s">
        <v>105</v>
      </c>
      <c r="D41271" s="1" t="s">
        <v>141362</v>
      </c>
      <c r="E41271" s="1" t="s">
        <v>141363</v>
      </c>
      <c r="F41271" s="1" t="s">
        <v>141364</v>
      </c>
      <c r="G41271" s="1" t="s">
        <v>141293</v>
      </c>
      <c r="H41271" s="1" t="s">
        <v>141294</v>
      </c>
      <c r="I41271" s="1" t="s">
        <v>140961</v>
      </c>
      <c r="J41271" s="1" t="s">
        <v>141365</v>
      </c>
    </row>
    <row r="41272" spans="1:10" x14ac:dyDescent="0.35">
      <c r="A41272" s="1" t="s">
        <v>10530</v>
      </c>
      <c r="B41272" s="1" t="s">
        <v>140956</v>
      </c>
      <c r="C41272" s="1" t="s">
        <v>110</v>
      </c>
      <c r="D41272" s="1" t="s">
        <v>141366</v>
      </c>
      <c r="E41272" s="1" t="s">
        <v>141367</v>
      </c>
      <c r="F41272" s="1" t="s">
        <v>141368</v>
      </c>
      <c r="G41272" s="1" t="s">
        <v>141293</v>
      </c>
      <c r="H41272" s="1" t="s">
        <v>141294</v>
      </c>
      <c r="I41272" s="1" t="s">
        <v>140961</v>
      </c>
      <c r="J41272" s="1" t="s">
        <v>141369</v>
      </c>
    </row>
    <row r="41273" spans="1:10" x14ac:dyDescent="0.35">
      <c r="A41273" s="1" t="s">
        <v>10530</v>
      </c>
      <c r="B41273" s="1" t="s">
        <v>140956</v>
      </c>
      <c r="C41273" s="1" t="s">
        <v>115</v>
      </c>
      <c r="D41273" s="1" t="s">
        <v>141370</v>
      </c>
      <c r="E41273" s="1" t="s">
        <v>141371</v>
      </c>
      <c r="F41273" s="1" t="s">
        <v>141372</v>
      </c>
      <c r="G41273" s="1" t="s">
        <v>141293</v>
      </c>
      <c r="H41273" s="1" t="s">
        <v>141294</v>
      </c>
      <c r="I41273" s="1" t="s">
        <v>140961</v>
      </c>
      <c r="J41273" s="1" t="s">
        <v>141373</v>
      </c>
    </row>
    <row r="41274" spans="1:10" x14ac:dyDescent="0.35">
      <c r="A41274" s="1" t="s">
        <v>10530</v>
      </c>
      <c r="B41274" s="1" t="s">
        <v>140956</v>
      </c>
      <c r="C41274" s="1" t="s">
        <v>120</v>
      </c>
      <c r="D41274" s="1" t="s">
        <v>141374</v>
      </c>
      <c r="E41274" s="1" t="s">
        <v>141375</v>
      </c>
      <c r="F41274" s="1" t="s">
        <v>141376</v>
      </c>
      <c r="G41274" s="1" t="s">
        <v>141293</v>
      </c>
      <c r="H41274" s="1" t="s">
        <v>141294</v>
      </c>
      <c r="I41274" s="1" t="s">
        <v>140961</v>
      </c>
      <c r="J41274" s="1" t="s">
        <v>141377</v>
      </c>
    </row>
    <row r="41275" spans="1:10" x14ac:dyDescent="0.35">
      <c r="A41275" s="1" t="s">
        <v>10530</v>
      </c>
      <c r="B41275" s="1" t="s">
        <v>140956</v>
      </c>
      <c r="C41275" s="1" t="s">
        <v>125</v>
      </c>
      <c r="D41275" s="1" t="s">
        <v>141378</v>
      </c>
      <c r="E41275" s="1" t="s">
        <v>141379</v>
      </c>
      <c r="F41275" s="1" t="s">
        <v>141380</v>
      </c>
      <c r="G41275" s="1" t="s">
        <v>141293</v>
      </c>
      <c r="H41275" s="1" t="s">
        <v>141294</v>
      </c>
      <c r="I41275" s="1" t="s">
        <v>140961</v>
      </c>
      <c r="J41275" s="1" t="s">
        <v>141381</v>
      </c>
    </row>
    <row r="41276" spans="1:10" x14ac:dyDescent="0.35">
      <c r="A41276" s="1" t="s">
        <v>10530</v>
      </c>
      <c r="B41276" s="1" t="s">
        <v>140956</v>
      </c>
      <c r="C41276" s="1" t="s">
        <v>130</v>
      </c>
      <c r="D41276" s="1" t="s">
        <v>141382</v>
      </c>
      <c r="E41276" s="1" t="s">
        <v>141383</v>
      </c>
      <c r="F41276" s="1" t="s">
        <v>141384</v>
      </c>
      <c r="G41276" s="1" t="s">
        <v>141293</v>
      </c>
      <c r="H41276" s="1" t="s">
        <v>141294</v>
      </c>
      <c r="I41276" s="1" t="s">
        <v>140961</v>
      </c>
      <c r="J41276" s="1" t="s">
        <v>141385</v>
      </c>
    </row>
    <row r="41277" spans="1:10" x14ac:dyDescent="0.35">
      <c r="A41277" s="1" t="s">
        <v>10530</v>
      </c>
      <c r="B41277" s="1" t="s">
        <v>140956</v>
      </c>
      <c r="C41277" s="1" t="s">
        <v>135</v>
      </c>
      <c r="D41277" s="1" t="s">
        <v>141386</v>
      </c>
      <c r="E41277" s="1" t="s">
        <v>141387</v>
      </c>
      <c r="F41277" s="1" t="s">
        <v>141388</v>
      </c>
      <c r="G41277" s="1" t="s">
        <v>141293</v>
      </c>
      <c r="H41277" s="1" t="s">
        <v>141294</v>
      </c>
      <c r="I41277" s="1" t="s">
        <v>140961</v>
      </c>
      <c r="J41277" s="1" t="s">
        <v>141389</v>
      </c>
    </row>
    <row r="41278" spans="1:10" x14ac:dyDescent="0.35">
      <c r="A41278" s="1" t="s">
        <v>10530</v>
      </c>
      <c r="B41278" s="1" t="s">
        <v>140956</v>
      </c>
      <c r="C41278" s="1" t="s">
        <v>140</v>
      </c>
      <c r="D41278" s="1" t="s">
        <v>141390</v>
      </c>
      <c r="E41278" s="1" t="s">
        <v>141391</v>
      </c>
      <c r="F41278" s="1" t="s">
        <v>141392</v>
      </c>
      <c r="G41278" s="1" t="s">
        <v>141293</v>
      </c>
      <c r="H41278" s="1" t="s">
        <v>141294</v>
      </c>
      <c r="I41278" s="1" t="s">
        <v>140961</v>
      </c>
      <c r="J41278" s="1" t="s">
        <v>141393</v>
      </c>
    </row>
    <row r="41279" spans="1:10" x14ac:dyDescent="0.35">
      <c r="A41279" s="1" t="s">
        <v>10530</v>
      </c>
      <c r="B41279" s="1" t="s">
        <v>140956</v>
      </c>
      <c r="C41279" s="1" t="s">
        <v>145</v>
      </c>
      <c r="D41279" s="1" t="s">
        <v>141394</v>
      </c>
      <c r="E41279" s="1" t="s">
        <v>141395</v>
      </c>
      <c r="F41279" s="1" t="s">
        <v>141396</v>
      </c>
      <c r="G41279" s="1" t="s">
        <v>141293</v>
      </c>
      <c r="H41279" s="1" t="s">
        <v>141294</v>
      </c>
      <c r="I41279" s="1" t="s">
        <v>140961</v>
      </c>
      <c r="J41279" s="1" t="s">
        <v>141397</v>
      </c>
    </row>
    <row r="41280" spans="1:10" x14ac:dyDescent="0.35">
      <c r="A41280" s="1" t="s">
        <v>10530</v>
      </c>
      <c r="B41280" s="1" t="s">
        <v>140956</v>
      </c>
      <c r="C41280" s="1" t="s">
        <v>150</v>
      </c>
      <c r="D41280" s="1" t="s">
        <v>141398</v>
      </c>
      <c r="E41280" s="1" t="s">
        <v>141399</v>
      </c>
      <c r="F41280" s="1" t="s">
        <v>141400</v>
      </c>
      <c r="G41280" s="1" t="s">
        <v>141293</v>
      </c>
      <c r="H41280" s="1" t="s">
        <v>141294</v>
      </c>
      <c r="I41280" s="1" t="s">
        <v>140961</v>
      </c>
      <c r="J41280" s="1" t="s">
        <v>141401</v>
      </c>
    </row>
    <row r="41281" spans="1:10" x14ac:dyDescent="0.35">
      <c r="A41281" s="1" t="s">
        <v>10530</v>
      </c>
      <c r="B41281" s="1" t="s">
        <v>140956</v>
      </c>
      <c r="C41281" s="1" t="s">
        <v>155</v>
      </c>
      <c r="D41281" s="1" t="s">
        <v>141402</v>
      </c>
      <c r="E41281" s="1" t="s">
        <v>141403</v>
      </c>
      <c r="F41281" s="1" t="s">
        <v>141404</v>
      </c>
      <c r="G41281" s="1" t="s">
        <v>141293</v>
      </c>
      <c r="H41281" s="1" t="s">
        <v>141294</v>
      </c>
      <c r="I41281" s="1" t="s">
        <v>140961</v>
      </c>
      <c r="J41281" s="1" t="s">
        <v>141405</v>
      </c>
    </row>
    <row r="41282" spans="1:10" x14ac:dyDescent="0.35">
      <c r="A41282" s="1" t="s">
        <v>10530</v>
      </c>
      <c r="B41282" s="1" t="s">
        <v>140956</v>
      </c>
      <c r="C41282" s="1" t="s">
        <v>160</v>
      </c>
      <c r="D41282" s="1" t="s">
        <v>141406</v>
      </c>
      <c r="E41282" s="1" t="s">
        <v>141407</v>
      </c>
      <c r="F41282" s="1" t="s">
        <v>141408</v>
      </c>
      <c r="G41282" s="1" t="s">
        <v>141293</v>
      </c>
      <c r="H41282" s="1" t="s">
        <v>141294</v>
      </c>
      <c r="I41282" s="1" t="s">
        <v>140961</v>
      </c>
      <c r="J41282" s="1" t="s">
        <v>141409</v>
      </c>
    </row>
    <row r="41283" spans="1:10" x14ac:dyDescent="0.35">
      <c r="A41283" s="1" t="s">
        <v>10530</v>
      </c>
      <c r="B41283" s="1" t="s">
        <v>140956</v>
      </c>
      <c r="C41283" s="1" t="s">
        <v>165</v>
      </c>
      <c r="D41283" s="1" t="s">
        <v>141410</v>
      </c>
      <c r="E41283" s="1" t="s">
        <v>141411</v>
      </c>
      <c r="F41283" s="1" t="s">
        <v>141412</v>
      </c>
      <c r="G41283" s="1" t="s">
        <v>141293</v>
      </c>
      <c r="H41283" s="1" t="s">
        <v>141294</v>
      </c>
      <c r="I41283" s="1" t="s">
        <v>140961</v>
      </c>
      <c r="J41283" s="1" t="s">
        <v>141413</v>
      </c>
    </row>
    <row r="41284" spans="1:10" x14ac:dyDescent="0.35">
      <c r="A41284" s="1" t="s">
        <v>10530</v>
      </c>
      <c r="B41284" s="1" t="s">
        <v>140956</v>
      </c>
      <c r="C41284" s="1" t="s">
        <v>170</v>
      </c>
      <c r="D41284" s="1" t="s">
        <v>141414</v>
      </c>
      <c r="E41284" s="1" t="s">
        <v>141415</v>
      </c>
      <c r="F41284" s="1" t="s">
        <v>141416</v>
      </c>
      <c r="G41284" s="1" t="s">
        <v>141293</v>
      </c>
      <c r="H41284" s="1" t="s">
        <v>141294</v>
      </c>
      <c r="I41284" s="1" t="s">
        <v>140961</v>
      </c>
      <c r="J41284" s="1" t="s">
        <v>141417</v>
      </c>
    </row>
    <row r="41285" spans="1:10" x14ac:dyDescent="0.35">
      <c r="A41285" s="1" t="s">
        <v>4496</v>
      </c>
      <c r="B41285" s="1" t="s">
        <v>140956</v>
      </c>
      <c r="C41285" s="1" t="s">
        <v>8</v>
      </c>
      <c r="D41285" s="1" t="s">
        <v>141418</v>
      </c>
      <c r="E41285" s="1" t="s">
        <v>141419</v>
      </c>
      <c r="F41285" s="1" t="s">
        <v>141420</v>
      </c>
      <c r="G41285" s="1" t="s">
        <v>141421</v>
      </c>
      <c r="H41285" s="1" t="s">
        <v>141422</v>
      </c>
      <c r="I41285" s="1" t="s">
        <v>140961</v>
      </c>
      <c r="J41285" s="1" t="s">
        <v>13</v>
      </c>
    </row>
    <row r="41286" spans="1:10" x14ac:dyDescent="0.35">
      <c r="A41286" s="1" t="s">
        <v>4496</v>
      </c>
      <c r="B41286" s="1" t="s">
        <v>140956</v>
      </c>
      <c r="C41286" s="1" t="s">
        <v>15</v>
      </c>
      <c r="D41286" s="1" t="s">
        <v>141423</v>
      </c>
      <c r="E41286" s="1" t="s">
        <v>141424</v>
      </c>
      <c r="F41286" s="1" t="s">
        <v>141425</v>
      </c>
      <c r="G41286" s="1" t="s">
        <v>141421</v>
      </c>
      <c r="H41286" s="1" t="s">
        <v>141422</v>
      </c>
      <c r="I41286" s="1" t="s">
        <v>140961</v>
      </c>
      <c r="J41286" s="1" t="s">
        <v>141426</v>
      </c>
    </row>
    <row r="41287" spans="1:10" x14ac:dyDescent="0.35">
      <c r="A41287" s="1" t="s">
        <v>4496</v>
      </c>
      <c r="B41287" s="1" t="s">
        <v>140956</v>
      </c>
      <c r="C41287" s="1" t="s">
        <v>20</v>
      </c>
      <c r="D41287" s="1" t="s">
        <v>75149</v>
      </c>
      <c r="E41287" s="1" t="s">
        <v>141427</v>
      </c>
      <c r="F41287" s="1" t="s">
        <v>141428</v>
      </c>
      <c r="G41287" s="1" t="s">
        <v>141421</v>
      </c>
      <c r="H41287" s="1" t="s">
        <v>141422</v>
      </c>
      <c r="I41287" s="1" t="s">
        <v>140961</v>
      </c>
      <c r="J41287" s="1" t="s">
        <v>141429</v>
      </c>
    </row>
    <row r="41288" spans="1:10" x14ac:dyDescent="0.35">
      <c r="A41288" s="1" t="s">
        <v>4496</v>
      </c>
      <c r="B41288" s="1" t="s">
        <v>140956</v>
      </c>
      <c r="C41288" s="1" t="s">
        <v>25</v>
      </c>
      <c r="D41288" s="1" t="s">
        <v>141430</v>
      </c>
      <c r="E41288" s="1" t="s">
        <v>141431</v>
      </c>
      <c r="F41288" s="1" t="s">
        <v>141432</v>
      </c>
      <c r="G41288" s="1" t="s">
        <v>141421</v>
      </c>
      <c r="H41288" s="1" t="s">
        <v>141422</v>
      </c>
      <c r="I41288" s="1" t="s">
        <v>140961</v>
      </c>
      <c r="J41288" s="1" t="s">
        <v>141433</v>
      </c>
    </row>
    <row r="41289" spans="1:10" x14ac:dyDescent="0.35">
      <c r="A41289" s="1" t="s">
        <v>4496</v>
      </c>
      <c r="B41289" s="1" t="s">
        <v>140956</v>
      </c>
      <c r="C41289" s="1" t="s">
        <v>30</v>
      </c>
      <c r="D41289" s="1" t="s">
        <v>141434</v>
      </c>
      <c r="E41289" s="1" t="s">
        <v>141435</v>
      </c>
      <c r="F41289" s="1" t="s">
        <v>141436</v>
      </c>
      <c r="G41289" s="1" t="s">
        <v>141421</v>
      </c>
      <c r="H41289" s="1" t="s">
        <v>141422</v>
      </c>
      <c r="I41289" s="1" t="s">
        <v>140961</v>
      </c>
      <c r="J41289" s="1" t="s">
        <v>141437</v>
      </c>
    </row>
    <row r="41290" spans="1:10" x14ac:dyDescent="0.35">
      <c r="A41290" s="1" t="s">
        <v>4496</v>
      </c>
      <c r="B41290" s="1" t="s">
        <v>140956</v>
      </c>
      <c r="C41290" s="1" t="s">
        <v>35</v>
      </c>
      <c r="D41290" s="1" t="s">
        <v>141438</v>
      </c>
      <c r="E41290" s="1" t="s">
        <v>141439</v>
      </c>
      <c r="F41290" s="1" t="s">
        <v>141440</v>
      </c>
      <c r="G41290" s="1" t="s">
        <v>141421</v>
      </c>
      <c r="H41290" s="1" t="s">
        <v>141422</v>
      </c>
      <c r="I41290" s="1" t="s">
        <v>140961</v>
      </c>
      <c r="J41290" s="1" t="s">
        <v>141441</v>
      </c>
    </row>
    <row r="41291" spans="1:10" x14ac:dyDescent="0.35">
      <c r="A41291" s="1" t="s">
        <v>4496</v>
      </c>
      <c r="B41291" s="1" t="s">
        <v>140956</v>
      </c>
      <c r="C41291" s="1" t="s">
        <v>40</v>
      </c>
      <c r="D41291" s="1" t="s">
        <v>73438</v>
      </c>
      <c r="E41291" s="1" t="s">
        <v>141442</v>
      </c>
      <c r="F41291" s="1" t="s">
        <v>141443</v>
      </c>
      <c r="G41291" s="1" t="s">
        <v>141421</v>
      </c>
      <c r="H41291" s="1" t="s">
        <v>141422</v>
      </c>
      <c r="I41291" s="1" t="s">
        <v>140961</v>
      </c>
      <c r="J41291" s="1" t="s">
        <v>141444</v>
      </c>
    </row>
    <row r="41292" spans="1:10" x14ac:dyDescent="0.35">
      <c r="A41292" s="1" t="s">
        <v>4496</v>
      </c>
      <c r="B41292" s="1" t="s">
        <v>140956</v>
      </c>
      <c r="C41292" s="1" t="s">
        <v>45</v>
      </c>
      <c r="D41292" s="1" t="s">
        <v>114402</v>
      </c>
      <c r="E41292" s="1" t="s">
        <v>141445</v>
      </c>
      <c r="F41292" s="1" t="s">
        <v>141446</v>
      </c>
      <c r="G41292" s="1" t="s">
        <v>141421</v>
      </c>
      <c r="H41292" s="1" t="s">
        <v>141422</v>
      </c>
      <c r="I41292" s="1" t="s">
        <v>140961</v>
      </c>
      <c r="J41292" s="1" t="s">
        <v>141447</v>
      </c>
    </row>
    <row r="41293" spans="1:10" x14ac:dyDescent="0.35">
      <c r="A41293" s="1" t="s">
        <v>4496</v>
      </c>
      <c r="B41293" s="1" t="s">
        <v>140956</v>
      </c>
      <c r="C41293" s="1" t="s">
        <v>50</v>
      </c>
      <c r="D41293" s="1" t="s">
        <v>2465</v>
      </c>
      <c r="E41293" s="1" t="s">
        <v>141448</v>
      </c>
      <c r="F41293" s="1" t="s">
        <v>141449</v>
      </c>
      <c r="G41293" s="1" t="s">
        <v>141421</v>
      </c>
      <c r="H41293" s="1" t="s">
        <v>141422</v>
      </c>
      <c r="I41293" s="1" t="s">
        <v>140961</v>
      </c>
      <c r="J41293" s="1" t="s">
        <v>141450</v>
      </c>
    </row>
    <row r="41294" spans="1:10" x14ac:dyDescent="0.35">
      <c r="A41294" s="1" t="s">
        <v>4496</v>
      </c>
      <c r="B41294" s="1" t="s">
        <v>140956</v>
      </c>
      <c r="C41294" s="1" t="s">
        <v>55</v>
      </c>
      <c r="D41294" s="1" t="s">
        <v>141451</v>
      </c>
      <c r="E41294" s="1" t="s">
        <v>141452</v>
      </c>
      <c r="F41294" s="1" t="s">
        <v>141453</v>
      </c>
      <c r="G41294" s="1" t="s">
        <v>141421</v>
      </c>
      <c r="H41294" s="1" t="s">
        <v>141422</v>
      </c>
      <c r="I41294" s="1" t="s">
        <v>140961</v>
      </c>
      <c r="J41294" s="1" t="s">
        <v>141454</v>
      </c>
    </row>
    <row r="41295" spans="1:10" x14ac:dyDescent="0.35">
      <c r="A41295" s="1" t="s">
        <v>4496</v>
      </c>
      <c r="B41295" s="1" t="s">
        <v>140956</v>
      </c>
      <c r="C41295" s="1" t="s">
        <v>60</v>
      </c>
      <c r="D41295" s="1" t="s">
        <v>16252</v>
      </c>
      <c r="E41295" s="1" t="s">
        <v>141455</v>
      </c>
      <c r="F41295" s="1" t="s">
        <v>141456</v>
      </c>
      <c r="G41295" s="1" t="s">
        <v>141421</v>
      </c>
      <c r="H41295" s="1" t="s">
        <v>141422</v>
      </c>
      <c r="I41295" s="1" t="s">
        <v>140961</v>
      </c>
      <c r="J41295" s="1" t="s">
        <v>141457</v>
      </c>
    </row>
    <row r="41296" spans="1:10" x14ac:dyDescent="0.35">
      <c r="A41296" s="1" t="s">
        <v>4496</v>
      </c>
      <c r="B41296" s="1" t="s">
        <v>140956</v>
      </c>
      <c r="C41296" s="1" t="s">
        <v>65</v>
      </c>
      <c r="D41296" s="1" t="s">
        <v>141458</v>
      </c>
      <c r="E41296" s="1" t="s">
        <v>141459</v>
      </c>
      <c r="F41296" s="1" t="s">
        <v>141460</v>
      </c>
      <c r="G41296" s="1" t="s">
        <v>141421</v>
      </c>
      <c r="H41296" s="1" t="s">
        <v>141422</v>
      </c>
      <c r="I41296" s="1" t="s">
        <v>140961</v>
      </c>
      <c r="J41296" s="1" t="s">
        <v>141461</v>
      </c>
    </row>
    <row r="41297" spans="1:10" x14ac:dyDescent="0.35">
      <c r="A41297" s="1" t="s">
        <v>4496</v>
      </c>
      <c r="B41297" s="1" t="s">
        <v>140956</v>
      </c>
      <c r="C41297" s="1" t="s">
        <v>70</v>
      </c>
      <c r="D41297" s="1" t="s">
        <v>141462</v>
      </c>
      <c r="E41297" s="1" t="s">
        <v>141463</v>
      </c>
      <c r="F41297" s="1" t="s">
        <v>141464</v>
      </c>
      <c r="G41297" s="1" t="s">
        <v>141421</v>
      </c>
      <c r="H41297" s="1" t="s">
        <v>141422</v>
      </c>
      <c r="I41297" s="1" t="s">
        <v>140961</v>
      </c>
      <c r="J41297" s="1" t="s">
        <v>141465</v>
      </c>
    </row>
    <row r="41298" spans="1:10" x14ac:dyDescent="0.35">
      <c r="A41298" s="1" t="s">
        <v>4496</v>
      </c>
      <c r="B41298" s="1" t="s">
        <v>140956</v>
      </c>
      <c r="C41298" s="1" t="s">
        <v>75</v>
      </c>
      <c r="D41298" s="1" t="s">
        <v>141466</v>
      </c>
      <c r="E41298" s="1" t="s">
        <v>141467</v>
      </c>
      <c r="F41298" s="1" t="s">
        <v>141468</v>
      </c>
      <c r="G41298" s="1" t="s">
        <v>141421</v>
      </c>
      <c r="H41298" s="1" t="s">
        <v>141422</v>
      </c>
      <c r="I41298" s="1" t="s">
        <v>140961</v>
      </c>
      <c r="J41298" s="1" t="s">
        <v>141469</v>
      </c>
    </row>
    <row r="41299" spans="1:10" x14ac:dyDescent="0.35">
      <c r="A41299" s="1" t="s">
        <v>4496</v>
      </c>
      <c r="B41299" s="1" t="s">
        <v>140956</v>
      </c>
      <c r="C41299" s="1" t="s">
        <v>80</v>
      </c>
      <c r="D41299" s="1" t="s">
        <v>123789</v>
      </c>
      <c r="E41299" s="1" t="s">
        <v>141470</v>
      </c>
      <c r="F41299" s="1" t="s">
        <v>141471</v>
      </c>
      <c r="G41299" s="1" t="s">
        <v>141421</v>
      </c>
      <c r="H41299" s="1" t="s">
        <v>141422</v>
      </c>
      <c r="I41299" s="1" t="s">
        <v>140961</v>
      </c>
      <c r="J41299" s="1" t="s">
        <v>141472</v>
      </c>
    </row>
    <row r="41300" spans="1:10" x14ac:dyDescent="0.35">
      <c r="A41300" s="1" t="s">
        <v>4496</v>
      </c>
      <c r="B41300" s="1" t="s">
        <v>140956</v>
      </c>
      <c r="C41300" s="1" t="s">
        <v>85</v>
      </c>
      <c r="D41300" s="1" t="s">
        <v>42091</v>
      </c>
      <c r="E41300" s="1" t="s">
        <v>141473</v>
      </c>
      <c r="F41300" s="1" t="s">
        <v>141474</v>
      </c>
      <c r="G41300" s="1" t="s">
        <v>141421</v>
      </c>
      <c r="H41300" s="1" t="s">
        <v>141422</v>
      </c>
      <c r="I41300" s="1" t="s">
        <v>140961</v>
      </c>
      <c r="J41300" s="1" t="s">
        <v>141475</v>
      </c>
    </row>
    <row r="41301" spans="1:10" x14ac:dyDescent="0.35">
      <c r="A41301" s="1" t="s">
        <v>4496</v>
      </c>
      <c r="B41301" s="1" t="s">
        <v>140956</v>
      </c>
      <c r="C41301" s="1" t="s">
        <v>90</v>
      </c>
      <c r="D41301" s="1" t="s">
        <v>141476</v>
      </c>
      <c r="E41301" s="1" t="s">
        <v>141477</v>
      </c>
      <c r="F41301" s="1" t="s">
        <v>141478</v>
      </c>
      <c r="G41301" s="1" t="s">
        <v>141421</v>
      </c>
      <c r="H41301" s="1" t="s">
        <v>141422</v>
      </c>
      <c r="I41301" s="1" t="s">
        <v>140961</v>
      </c>
      <c r="J41301" s="1" t="s">
        <v>141479</v>
      </c>
    </row>
    <row r="41302" spans="1:10" x14ac:dyDescent="0.35">
      <c r="A41302" s="1" t="s">
        <v>4496</v>
      </c>
      <c r="B41302" s="1" t="s">
        <v>140956</v>
      </c>
      <c r="C41302" s="1" t="s">
        <v>95</v>
      </c>
      <c r="D41302" s="1" t="s">
        <v>141480</v>
      </c>
      <c r="E41302" s="1" t="s">
        <v>141481</v>
      </c>
      <c r="F41302" s="1" t="s">
        <v>141482</v>
      </c>
      <c r="G41302" s="1" t="s">
        <v>141421</v>
      </c>
      <c r="H41302" s="1" t="s">
        <v>141422</v>
      </c>
      <c r="I41302" s="1" t="s">
        <v>140961</v>
      </c>
      <c r="J41302" s="1" t="s">
        <v>141483</v>
      </c>
    </row>
    <row r="41303" spans="1:10" x14ac:dyDescent="0.35">
      <c r="A41303" s="1" t="s">
        <v>4496</v>
      </c>
      <c r="B41303" s="1" t="s">
        <v>140956</v>
      </c>
      <c r="C41303" s="1" t="s">
        <v>100</v>
      </c>
      <c r="D41303" s="1" t="s">
        <v>141484</v>
      </c>
      <c r="E41303" s="1" t="s">
        <v>141485</v>
      </c>
      <c r="F41303" s="1" t="s">
        <v>141486</v>
      </c>
      <c r="G41303" s="1" t="s">
        <v>141421</v>
      </c>
      <c r="H41303" s="1" t="s">
        <v>141422</v>
      </c>
      <c r="I41303" s="1" t="s">
        <v>140961</v>
      </c>
      <c r="J41303" s="1" t="s">
        <v>141487</v>
      </c>
    </row>
    <row r="41304" spans="1:10" x14ac:dyDescent="0.35">
      <c r="A41304" s="1" t="s">
        <v>4496</v>
      </c>
      <c r="B41304" s="1" t="s">
        <v>140956</v>
      </c>
      <c r="C41304" s="1" t="s">
        <v>105</v>
      </c>
      <c r="D41304" s="1" t="s">
        <v>13676</v>
      </c>
      <c r="E41304" s="1" t="s">
        <v>141488</v>
      </c>
      <c r="F41304" s="1" t="s">
        <v>141489</v>
      </c>
      <c r="G41304" s="1" t="s">
        <v>141421</v>
      </c>
      <c r="H41304" s="1" t="s">
        <v>141422</v>
      </c>
      <c r="I41304" s="1" t="s">
        <v>140961</v>
      </c>
      <c r="J41304" s="1" t="s">
        <v>141490</v>
      </c>
    </row>
    <row r="41305" spans="1:10" x14ac:dyDescent="0.35">
      <c r="A41305" s="1" t="s">
        <v>4496</v>
      </c>
      <c r="B41305" s="1" t="s">
        <v>140956</v>
      </c>
      <c r="C41305" s="1" t="s">
        <v>110</v>
      </c>
      <c r="D41305" s="1" t="s">
        <v>141491</v>
      </c>
      <c r="E41305" s="1" t="s">
        <v>141492</v>
      </c>
      <c r="F41305" s="1" t="s">
        <v>141493</v>
      </c>
      <c r="G41305" s="1" t="s">
        <v>141421</v>
      </c>
      <c r="H41305" s="1" t="s">
        <v>141422</v>
      </c>
      <c r="I41305" s="1" t="s">
        <v>140961</v>
      </c>
      <c r="J41305" s="1" t="s">
        <v>141494</v>
      </c>
    </row>
    <row r="41306" spans="1:10" x14ac:dyDescent="0.35">
      <c r="A41306" s="1" t="s">
        <v>4496</v>
      </c>
      <c r="B41306" s="1" t="s">
        <v>140956</v>
      </c>
      <c r="C41306" s="1" t="s">
        <v>115</v>
      </c>
      <c r="D41306" s="1" t="s">
        <v>141495</v>
      </c>
      <c r="E41306" s="1" t="s">
        <v>141496</v>
      </c>
      <c r="F41306" s="1" t="s">
        <v>141497</v>
      </c>
      <c r="G41306" s="1" t="s">
        <v>141421</v>
      </c>
      <c r="H41306" s="1" t="s">
        <v>141422</v>
      </c>
      <c r="I41306" s="1" t="s">
        <v>140961</v>
      </c>
      <c r="J41306" s="1" t="s">
        <v>141498</v>
      </c>
    </row>
    <row r="41307" spans="1:10" x14ac:dyDescent="0.35">
      <c r="A41307" s="1" t="s">
        <v>4496</v>
      </c>
      <c r="B41307" s="1" t="s">
        <v>140956</v>
      </c>
      <c r="C41307" s="1" t="s">
        <v>120</v>
      </c>
      <c r="D41307" s="1" t="s">
        <v>81973</v>
      </c>
      <c r="E41307" s="1" t="s">
        <v>141499</v>
      </c>
      <c r="F41307" s="1" t="s">
        <v>141500</v>
      </c>
      <c r="G41307" s="1" t="s">
        <v>141421</v>
      </c>
      <c r="H41307" s="1" t="s">
        <v>141422</v>
      </c>
      <c r="I41307" s="1" t="s">
        <v>140961</v>
      </c>
      <c r="J41307" s="1" t="s">
        <v>141501</v>
      </c>
    </row>
    <row r="41308" spans="1:10" x14ac:dyDescent="0.35">
      <c r="A41308" s="1" t="s">
        <v>4496</v>
      </c>
      <c r="B41308" s="1" t="s">
        <v>140956</v>
      </c>
      <c r="C41308" s="1" t="s">
        <v>125</v>
      </c>
      <c r="D41308" s="1" t="s">
        <v>141502</v>
      </c>
      <c r="E41308" s="1" t="s">
        <v>141503</v>
      </c>
      <c r="F41308" s="1" t="s">
        <v>141504</v>
      </c>
      <c r="G41308" s="1" t="s">
        <v>141421</v>
      </c>
      <c r="H41308" s="1" t="s">
        <v>141422</v>
      </c>
      <c r="I41308" s="1" t="s">
        <v>140961</v>
      </c>
      <c r="J41308" s="1" t="s">
        <v>141505</v>
      </c>
    </row>
    <row r="41309" spans="1:10" x14ac:dyDescent="0.35">
      <c r="A41309" s="1" t="s">
        <v>4496</v>
      </c>
      <c r="B41309" s="1" t="s">
        <v>140956</v>
      </c>
      <c r="C41309" s="1" t="s">
        <v>130</v>
      </c>
      <c r="D41309" s="1" t="s">
        <v>141506</v>
      </c>
      <c r="E41309" s="1" t="s">
        <v>141507</v>
      </c>
      <c r="F41309" s="1" t="s">
        <v>141508</v>
      </c>
      <c r="G41309" s="1" t="s">
        <v>141421</v>
      </c>
      <c r="H41309" s="1" t="s">
        <v>141422</v>
      </c>
      <c r="I41309" s="1" t="s">
        <v>140961</v>
      </c>
      <c r="J41309" s="1" t="s">
        <v>141509</v>
      </c>
    </row>
    <row r="41310" spans="1:10" x14ac:dyDescent="0.35">
      <c r="A41310" s="1" t="s">
        <v>4496</v>
      </c>
      <c r="B41310" s="1" t="s">
        <v>140956</v>
      </c>
      <c r="C41310" s="1" t="s">
        <v>135</v>
      </c>
      <c r="D41310" s="1" t="s">
        <v>141510</v>
      </c>
      <c r="E41310" s="1" t="s">
        <v>141511</v>
      </c>
      <c r="F41310" s="1" t="s">
        <v>141512</v>
      </c>
      <c r="G41310" s="1" t="s">
        <v>141421</v>
      </c>
      <c r="H41310" s="1" t="s">
        <v>141422</v>
      </c>
      <c r="I41310" s="1" t="s">
        <v>140961</v>
      </c>
      <c r="J41310" s="1" t="s">
        <v>141513</v>
      </c>
    </row>
    <row r="41311" spans="1:10" x14ac:dyDescent="0.35">
      <c r="A41311" s="1" t="s">
        <v>4496</v>
      </c>
      <c r="B41311" s="1" t="s">
        <v>140956</v>
      </c>
      <c r="C41311" s="1" t="s">
        <v>140</v>
      </c>
      <c r="D41311" s="1" t="s">
        <v>141514</v>
      </c>
      <c r="E41311" s="1" t="s">
        <v>141515</v>
      </c>
      <c r="F41311" s="1" t="s">
        <v>141516</v>
      </c>
      <c r="G41311" s="1" t="s">
        <v>141421</v>
      </c>
      <c r="H41311" s="1" t="s">
        <v>141422</v>
      </c>
      <c r="I41311" s="1" t="s">
        <v>140961</v>
      </c>
      <c r="J41311" s="1" t="s">
        <v>141517</v>
      </c>
    </row>
    <row r="41312" spans="1:10" x14ac:dyDescent="0.35">
      <c r="A41312" s="1" t="s">
        <v>4496</v>
      </c>
      <c r="B41312" s="1" t="s">
        <v>140956</v>
      </c>
      <c r="C41312" s="1" t="s">
        <v>145</v>
      </c>
      <c r="D41312" s="1" t="s">
        <v>108361</v>
      </c>
      <c r="E41312" s="1" t="s">
        <v>141518</v>
      </c>
      <c r="F41312" s="1" t="s">
        <v>141519</v>
      </c>
      <c r="G41312" s="1" t="s">
        <v>141421</v>
      </c>
      <c r="H41312" s="1" t="s">
        <v>141422</v>
      </c>
      <c r="I41312" s="1" t="s">
        <v>140961</v>
      </c>
      <c r="J41312" s="1" t="s">
        <v>141520</v>
      </c>
    </row>
    <row r="41313" spans="1:10" x14ac:dyDescent="0.35">
      <c r="A41313" s="1" t="s">
        <v>4496</v>
      </c>
      <c r="B41313" s="1" t="s">
        <v>140956</v>
      </c>
      <c r="C41313" s="1" t="s">
        <v>150</v>
      </c>
      <c r="D41313" s="1" t="s">
        <v>104719</v>
      </c>
      <c r="E41313" s="1" t="s">
        <v>141521</v>
      </c>
      <c r="F41313" s="1" t="s">
        <v>141522</v>
      </c>
      <c r="G41313" s="1" t="s">
        <v>141421</v>
      </c>
      <c r="H41313" s="1" t="s">
        <v>141422</v>
      </c>
      <c r="I41313" s="1" t="s">
        <v>140961</v>
      </c>
      <c r="J41313" s="1" t="s">
        <v>141523</v>
      </c>
    </row>
    <row r="41314" spans="1:10" x14ac:dyDescent="0.35">
      <c r="A41314" s="1" t="s">
        <v>4496</v>
      </c>
      <c r="B41314" s="1" t="s">
        <v>140956</v>
      </c>
      <c r="C41314" s="1" t="s">
        <v>155</v>
      </c>
      <c r="D41314" s="1" t="s">
        <v>13589</v>
      </c>
      <c r="E41314" s="1" t="s">
        <v>141524</v>
      </c>
      <c r="F41314" s="1" t="s">
        <v>141525</v>
      </c>
      <c r="G41314" s="1" t="s">
        <v>141421</v>
      </c>
      <c r="H41314" s="1" t="s">
        <v>141422</v>
      </c>
      <c r="I41314" s="1" t="s">
        <v>140961</v>
      </c>
      <c r="J41314" s="1" t="s">
        <v>141526</v>
      </c>
    </row>
    <row r="41315" spans="1:10" x14ac:dyDescent="0.35">
      <c r="A41315" s="1" t="s">
        <v>4496</v>
      </c>
      <c r="B41315" s="1" t="s">
        <v>140956</v>
      </c>
      <c r="C41315" s="1" t="s">
        <v>160</v>
      </c>
      <c r="D41315" s="1" t="s">
        <v>141527</v>
      </c>
      <c r="E41315" s="1" t="s">
        <v>141528</v>
      </c>
      <c r="F41315" s="1" t="s">
        <v>141529</v>
      </c>
      <c r="G41315" s="1" t="s">
        <v>141421</v>
      </c>
      <c r="H41315" s="1" t="s">
        <v>141422</v>
      </c>
      <c r="I41315" s="1" t="s">
        <v>140961</v>
      </c>
      <c r="J41315" s="1" t="s">
        <v>141530</v>
      </c>
    </row>
    <row r="41316" spans="1:10" x14ac:dyDescent="0.35">
      <c r="A41316" s="1" t="s">
        <v>4496</v>
      </c>
      <c r="B41316" s="1" t="s">
        <v>140956</v>
      </c>
      <c r="C41316" s="1" t="s">
        <v>165</v>
      </c>
      <c r="D41316" s="1" t="s">
        <v>90765</v>
      </c>
      <c r="E41316" s="1" t="s">
        <v>141531</v>
      </c>
      <c r="F41316" s="1" t="s">
        <v>141532</v>
      </c>
      <c r="G41316" s="1" t="s">
        <v>141421</v>
      </c>
      <c r="H41316" s="1" t="s">
        <v>141422</v>
      </c>
      <c r="I41316" s="1" t="s">
        <v>140961</v>
      </c>
      <c r="J41316" s="1" t="s">
        <v>141533</v>
      </c>
    </row>
    <row r="41317" spans="1:10" x14ac:dyDescent="0.35">
      <c r="A41317" s="1" t="s">
        <v>4496</v>
      </c>
      <c r="B41317" s="1" t="s">
        <v>140956</v>
      </c>
      <c r="C41317" s="1" t="s">
        <v>170</v>
      </c>
      <c r="D41317" s="1" t="s">
        <v>59705</v>
      </c>
      <c r="E41317" s="1" t="s">
        <v>141534</v>
      </c>
      <c r="F41317" s="1" t="s">
        <v>141535</v>
      </c>
      <c r="G41317" s="1" t="s">
        <v>141421</v>
      </c>
      <c r="H41317" s="1" t="s">
        <v>141422</v>
      </c>
      <c r="I41317" s="1" t="s">
        <v>140961</v>
      </c>
      <c r="J41317" s="1" t="s">
        <v>141536</v>
      </c>
    </row>
    <row r="41318" spans="1:10" x14ac:dyDescent="0.35">
      <c r="A41318" s="1" t="s">
        <v>1185</v>
      </c>
      <c r="B41318" s="1" t="s">
        <v>140956</v>
      </c>
      <c r="C41318" s="1" t="s">
        <v>8</v>
      </c>
      <c r="D41318" s="1" t="s">
        <v>120951</v>
      </c>
      <c r="E41318" s="1" t="s">
        <v>141537</v>
      </c>
      <c r="F41318" s="1" t="s">
        <v>141538</v>
      </c>
      <c r="G41318" s="1" t="s">
        <v>141539</v>
      </c>
      <c r="H41318" s="1" t="s">
        <v>141540</v>
      </c>
      <c r="I41318" s="1" t="s">
        <v>140961</v>
      </c>
      <c r="J41318" s="1" t="s">
        <v>13</v>
      </c>
    </row>
    <row r="41319" spans="1:10" x14ac:dyDescent="0.35">
      <c r="A41319" s="1" t="s">
        <v>1185</v>
      </c>
      <c r="B41319" s="1" t="s">
        <v>140956</v>
      </c>
      <c r="C41319" s="1" t="s">
        <v>15</v>
      </c>
      <c r="D41319" s="1" t="s">
        <v>3619</v>
      </c>
      <c r="E41319" s="1" t="s">
        <v>141541</v>
      </c>
      <c r="F41319" s="1" t="s">
        <v>141542</v>
      </c>
      <c r="G41319" s="1" t="s">
        <v>141539</v>
      </c>
      <c r="H41319" s="1" t="s">
        <v>141540</v>
      </c>
      <c r="I41319" s="1" t="s">
        <v>140961</v>
      </c>
      <c r="J41319" s="1" t="s">
        <v>141543</v>
      </c>
    </row>
    <row r="41320" spans="1:10" x14ac:dyDescent="0.35">
      <c r="A41320" s="1" t="s">
        <v>1185</v>
      </c>
      <c r="B41320" s="1" t="s">
        <v>140956</v>
      </c>
      <c r="C41320" s="1" t="s">
        <v>20</v>
      </c>
      <c r="D41320" s="1" t="s">
        <v>141544</v>
      </c>
      <c r="E41320" s="1" t="s">
        <v>141545</v>
      </c>
      <c r="F41320" s="1" t="s">
        <v>141546</v>
      </c>
      <c r="G41320" s="1" t="s">
        <v>141539</v>
      </c>
      <c r="H41320" s="1" t="s">
        <v>141540</v>
      </c>
      <c r="I41320" s="1" t="s">
        <v>140961</v>
      </c>
      <c r="J41320" s="1" t="s">
        <v>141547</v>
      </c>
    </row>
    <row r="41321" spans="1:10" x14ac:dyDescent="0.35">
      <c r="A41321" s="1" t="s">
        <v>1185</v>
      </c>
      <c r="B41321" s="1" t="s">
        <v>140956</v>
      </c>
      <c r="C41321" s="1" t="s">
        <v>25</v>
      </c>
      <c r="D41321" s="1" t="s">
        <v>141548</v>
      </c>
      <c r="E41321" s="1" t="s">
        <v>141549</v>
      </c>
      <c r="F41321" s="1" t="s">
        <v>141550</v>
      </c>
      <c r="G41321" s="1" t="s">
        <v>141539</v>
      </c>
      <c r="H41321" s="1" t="s">
        <v>141540</v>
      </c>
      <c r="I41321" s="1" t="s">
        <v>140961</v>
      </c>
      <c r="J41321" s="1" t="s">
        <v>141551</v>
      </c>
    </row>
    <row r="41322" spans="1:10" x14ac:dyDescent="0.35">
      <c r="A41322" s="1" t="s">
        <v>1185</v>
      </c>
      <c r="B41322" s="1" t="s">
        <v>140956</v>
      </c>
      <c r="C41322" s="1" t="s">
        <v>30</v>
      </c>
      <c r="D41322" s="1" t="s">
        <v>33929</v>
      </c>
      <c r="E41322" s="1" t="s">
        <v>141552</v>
      </c>
      <c r="F41322" s="1" t="s">
        <v>141553</v>
      </c>
      <c r="G41322" s="1" t="s">
        <v>141539</v>
      </c>
      <c r="H41322" s="1" t="s">
        <v>141540</v>
      </c>
      <c r="I41322" s="1" t="s">
        <v>140961</v>
      </c>
      <c r="J41322" s="1" t="s">
        <v>141554</v>
      </c>
    </row>
    <row r="41323" spans="1:10" x14ac:dyDescent="0.35">
      <c r="A41323" s="1" t="s">
        <v>1185</v>
      </c>
      <c r="B41323" s="1" t="s">
        <v>140956</v>
      </c>
      <c r="C41323" s="1" t="s">
        <v>35</v>
      </c>
      <c r="D41323" s="1" t="s">
        <v>37435</v>
      </c>
      <c r="E41323" s="1" t="s">
        <v>141555</v>
      </c>
      <c r="F41323" s="1" t="s">
        <v>141556</v>
      </c>
      <c r="G41323" s="1" t="s">
        <v>141539</v>
      </c>
      <c r="H41323" s="1" t="s">
        <v>141540</v>
      </c>
      <c r="I41323" s="1" t="s">
        <v>140961</v>
      </c>
      <c r="J41323" s="1" t="s">
        <v>141557</v>
      </c>
    </row>
    <row r="41324" spans="1:10" x14ac:dyDescent="0.35">
      <c r="A41324" s="1" t="s">
        <v>1185</v>
      </c>
      <c r="B41324" s="1" t="s">
        <v>140956</v>
      </c>
      <c r="C41324" s="1" t="s">
        <v>40</v>
      </c>
      <c r="D41324" s="1" t="s">
        <v>141558</v>
      </c>
      <c r="E41324" s="1" t="s">
        <v>141559</v>
      </c>
      <c r="F41324" s="1" t="s">
        <v>141560</v>
      </c>
      <c r="G41324" s="1" t="s">
        <v>141539</v>
      </c>
      <c r="H41324" s="1" t="s">
        <v>141540</v>
      </c>
      <c r="I41324" s="1" t="s">
        <v>140961</v>
      </c>
      <c r="J41324" s="1" t="s">
        <v>141561</v>
      </c>
    </row>
    <row r="41325" spans="1:10" x14ac:dyDescent="0.35">
      <c r="A41325" s="1" t="s">
        <v>1185</v>
      </c>
      <c r="B41325" s="1" t="s">
        <v>140956</v>
      </c>
      <c r="C41325" s="1" t="s">
        <v>45</v>
      </c>
      <c r="D41325" s="1" t="s">
        <v>141562</v>
      </c>
      <c r="E41325" s="1" t="s">
        <v>141563</v>
      </c>
      <c r="F41325" s="1" t="s">
        <v>141564</v>
      </c>
      <c r="G41325" s="1" t="s">
        <v>141539</v>
      </c>
      <c r="H41325" s="1" t="s">
        <v>141540</v>
      </c>
      <c r="I41325" s="1" t="s">
        <v>140961</v>
      </c>
      <c r="J41325" s="1" t="s">
        <v>28720</v>
      </c>
    </row>
    <row r="41326" spans="1:10" x14ac:dyDescent="0.35">
      <c r="A41326" s="1" t="s">
        <v>1185</v>
      </c>
      <c r="B41326" s="1" t="s">
        <v>140956</v>
      </c>
      <c r="C41326" s="1" t="s">
        <v>50</v>
      </c>
      <c r="D41326" s="1" t="s">
        <v>141565</v>
      </c>
      <c r="E41326" s="1" t="s">
        <v>141566</v>
      </c>
      <c r="F41326" s="1" t="s">
        <v>141567</v>
      </c>
      <c r="G41326" s="1" t="s">
        <v>141539</v>
      </c>
      <c r="H41326" s="1" t="s">
        <v>141540</v>
      </c>
      <c r="I41326" s="1" t="s">
        <v>140961</v>
      </c>
      <c r="J41326" s="1" t="s">
        <v>141568</v>
      </c>
    </row>
    <row r="41327" spans="1:10" x14ac:dyDescent="0.35">
      <c r="A41327" s="1" t="s">
        <v>1185</v>
      </c>
      <c r="B41327" s="1" t="s">
        <v>140956</v>
      </c>
      <c r="C41327" s="1" t="s">
        <v>55</v>
      </c>
      <c r="D41327" s="1" t="s">
        <v>37395</v>
      </c>
      <c r="E41327" s="1" t="s">
        <v>141569</v>
      </c>
      <c r="F41327" s="1" t="s">
        <v>141570</v>
      </c>
      <c r="G41327" s="1" t="s">
        <v>141539</v>
      </c>
      <c r="H41327" s="1" t="s">
        <v>141540</v>
      </c>
      <c r="I41327" s="1" t="s">
        <v>140961</v>
      </c>
      <c r="J41327" s="1" t="s">
        <v>141571</v>
      </c>
    </row>
    <row r="41328" spans="1:10" x14ac:dyDescent="0.35">
      <c r="A41328" s="1" t="s">
        <v>1185</v>
      </c>
      <c r="B41328" s="1" t="s">
        <v>140956</v>
      </c>
      <c r="C41328" s="1" t="s">
        <v>60</v>
      </c>
      <c r="D41328" s="1" t="s">
        <v>141572</v>
      </c>
      <c r="E41328" s="1" t="s">
        <v>141573</v>
      </c>
      <c r="F41328" s="1" t="s">
        <v>141574</v>
      </c>
      <c r="G41328" s="1" t="s">
        <v>141539</v>
      </c>
      <c r="H41328" s="1" t="s">
        <v>141540</v>
      </c>
      <c r="I41328" s="1" t="s">
        <v>140961</v>
      </c>
      <c r="J41328" s="1" t="s">
        <v>141575</v>
      </c>
    </row>
    <row r="41329" spans="1:10" x14ac:dyDescent="0.35">
      <c r="A41329" s="1" t="s">
        <v>1185</v>
      </c>
      <c r="B41329" s="1" t="s">
        <v>140956</v>
      </c>
      <c r="C41329" s="1" t="s">
        <v>65</v>
      </c>
      <c r="D41329" s="1" t="s">
        <v>141576</v>
      </c>
      <c r="E41329" s="1" t="s">
        <v>141577</v>
      </c>
      <c r="F41329" s="1" t="s">
        <v>141578</v>
      </c>
      <c r="G41329" s="1" t="s">
        <v>141539</v>
      </c>
      <c r="H41329" s="1" t="s">
        <v>141540</v>
      </c>
      <c r="I41329" s="1" t="s">
        <v>140961</v>
      </c>
      <c r="J41329" s="1" t="s">
        <v>141579</v>
      </c>
    </row>
    <row r="41330" spans="1:10" x14ac:dyDescent="0.35">
      <c r="A41330" s="1" t="s">
        <v>1185</v>
      </c>
      <c r="B41330" s="1" t="s">
        <v>140956</v>
      </c>
      <c r="C41330" s="1" t="s">
        <v>70</v>
      </c>
      <c r="D41330" s="1" t="s">
        <v>17025</v>
      </c>
      <c r="E41330" s="1" t="s">
        <v>141580</v>
      </c>
      <c r="F41330" s="1" t="s">
        <v>141581</v>
      </c>
      <c r="G41330" s="1" t="s">
        <v>141539</v>
      </c>
      <c r="H41330" s="1" t="s">
        <v>141540</v>
      </c>
      <c r="I41330" s="1" t="s">
        <v>140961</v>
      </c>
      <c r="J41330" s="1" t="s">
        <v>141582</v>
      </c>
    </row>
    <row r="41331" spans="1:10" x14ac:dyDescent="0.35">
      <c r="A41331" s="1" t="s">
        <v>1185</v>
      </c>
      <c r="B41331" s="1" t="s">
        <v>140956</v>
      </c>
      <c r="C41331" s="1" t="s">
        <v>75</v>
      </c>
      <c r="D41331" s="1" t="s">
        <v>71687</v>
      </c>
      <c r="E41331" s="1" t="s">
        <v>141583</v>
      </c>
      <c r="F41331" s="1" t="s">
        <v>141584</v>
      </c>
      <c r="G41331" s="1" t="s">
        <v>141539</v>
      </c>
      <c r="H41331" s="1" t="s">
        <v>141540</v>
      </c>
      <c r="I41331" s="1" t="s">
        <v>140961</v>
      </c>
      <c r="J41331" s="1" t="s">
        <v>141585</v>
      </c>
    </row>
    <row r="41332" spans="1:10" x14ac:dyDescent="0.35">
      <c r="A41332" s="1" t="s">
        <v>1185</v>
      </c>
      <c r="B41332" s="1" t="s">
        <v>140956</v>
      </c>
      <c r="C41332" s="1" t="s">
        <v>80</v>
      </c>
      <c r="D41332" s="1" t="s">
        <v>141586</v>
      </c>
      <c r="E41332" s="1" t="s">
        <v>141587</v>
      </c>
      <c r="F41332" s="1" t="s">
        <v>141588</v>
      </c>
      <c r="G41332" s="1" t="s">
        <v>141539</v>
      </c>
      <c r="H41332" s="1" t="s">
        <v>141540</v>
      </c>
      <c r="I41332" s="1" t="s">
        <v>140961</v>
      </c>
      <c r="J41332" s="1" t="s">
        <v>141589</v>
      </c>
    </row>
    <row r="41333" spans="1:10" x14ac:dyDescent="0.35">
      <c r="A41333" s="1" t="s">
        <v>1185</v>
      </c>
      <c r="B41333" s="1" t="s">
        <v>140956</v>
      </c>
      <c r="C41333" s="1" t="s">
        <v>85</v>
      </c>
      <c r="D41333" s="1" t="s">
        <v>107473</v>
      </c>
      <c r="E41333" s="1" t="s">
        <v>141590</v>
      </c>
      <c r="F41333" s="1" t="s">
        <v>141591</v>
      </c>
      <c r="G41333" s="1" t="s">
        <v>141539</v>
      </c>
      <c r="H41333" s="1" t="s">
        <v>141540</v>
      </c>
      <c r="I41333" s="1" t="s">
        <v>140961</v>
      </c>
      <c r="J41333" s="1" t="s">
        <v>141592</v>
      </c>
    </row>
    <row r="41334" spans="1:10" x14ac:dyDescent="0.35">
      <c r="A41334" s="1" t="s">
        <v>1185</v>
      </c>
      <c r="B41334" s="1" t="s">
        <v>140956</v>
      </c>
      <c r="C41334" s="1" t="s">
        <v>90</v>
      </c>
      <c r="D41334" s="1" t="s">
        <v>141593</v>
      </c>
      <c r="E41334" s="1" t="s">
        <v>141594</v>
      </c>
      <c r="F41334" s="1" t="s">
        <v>141595</v>
      </c>
      <c r="G41334" s="1" t="s">
        <v>141539</v>
      </c>
      <c r="H41334" s="1" t="s">
        <v>141540</v>
      </c>
      <c r="I41334" s="1" t="s">
        <v>140961</v>
      </c>
      <c r="J41334" s="1" t="s">
        <v>141596</v>
      </c>
    </row>
    <row r="41335" spans="1:10" x14ac:dyDescent="0.35">
      <c r="A41335" s="1" t="s">
        <v>1185</v>
      </c>
      <c r="B41335" s="1" t="s">
        <v>140956</v>
      </c>
      <c r="C41335" s="1" t="s">
        <v>95</v>
      </c>
      <c r="D41335" s="1" t="s">
        <v>22640</v>
      </c>
      <c r="E41335" s="1" t="s">
        <v>141597</v>
      </c>
      <c r="F41335" s="1" t="s">
        <v>141598</v>
      </c>
      <c r="G41335" s="1" t="s">
        <v>141539</v>
      </c>
      <c r="H41335" s="1" t="s">
        <v>141540</v>
      </c>
      <c r="I41335" s="1" t="s">
        <v>140961</v>
      </c>
      <c r="J41335" s="1" t="s">
        <v>141599</v>
      </c>
    </row>
    <row r="41336" spans="1:10" x14ac:dyDescent="0.35">
      <c r="A41336" s="1" t="s">
        <v>1185</v>
      </c>
      <c r="B41336" s="1" t="s">
        <v>140956</v>
      </c>
      <c r="C41336" s="1" t="s">
        <v>100</v>
      </c>
      <c r="D41336" s="1" t="s">
        <v>57346</v>
      </c>
      <c r="E41336" s="1" t="s">
        <v>141600</v>
      </c>
      <c r="F41336" s="1" t="s">
        <v>141601</v>
      </c>
      <c r="G41336" s="1" t="s">
        <v>141539</v>
      </c>
      <c r="H41336" s="1" t="s">
        <v>141540</v>
      </c>
      <c r="I41336" s="1" t="s">
        <v>140961</v>
      </c>
      <c r="J41336" s="1" t="s">
        <v>141602</v>
      </c>
    </row>
    <row r="41337" spans="1:10" x14ac:dyDescent="0.35">
      <c r="A41337" s="1" t="s">
        <v>1185</v>
      </c>
      <c r="B41337" s="1" t="s">
        <v>140956</v>
      </c>
      <c r="C41337" s="1" t="s">
        <v>105</v>
      </c>
      <c r="D41337" s="1" t="s">
        <v>141603</v>
      </c>
      <c r="E41337" s="1" t="s">
        <v>141604</v>
      </c>
      <c r="F41337" s="1" t="s">
        <v>141605</v>
      </c>
      <c r="G41337" s="1" t="s">
        <v>141539</v>
      </c>
      <c r="H41337" s="1" t="s">
        <v>141540</v>
      </c>
      <c r="I41337" s="1" t="s">
        <v>140961</v>
      </c>
      <c r="J41337" s="1" t="s">
        <v>141606</v>
      </c>
    </row>
    <row r="41338" spans="1:10" x14ac:dyDescent="0.35">
      <c r="A41338" s="1" t="s">
        <v>1185</v>
      </c>
      <c r="B41338" s="1" t="s">
        <v>140956</v>
      </c>
      <c r="C41338" s="1" t="s">
        <v>110</v>
      </c>
      <c r="D41338" s="1" t="s">
        <v>91991</v>
      </c>
      <c r="E41338" s="1" t="s">
        <v>141607</v>
      </c>
      <c r="F41338" s="1" t="s">
        <v>141608</v>
      </c>
      <c r="G41338" s="1" t="s">
        <v>141539</v>
      </c>
      <c r="H41338" s="1" t="s">
        <v>141540</v>
      </c>
      <c r="I41338" s="1" t="s">
        <v>140961</v>
      </c>
      <c r="J41338" s="1" t="s">
        <v>141609</v>
      </c>
    </row>
    <row r="41339" spans="1:10" x14ac:dyDescent="0.35">
      <c r="A41339" s="1" t="s">
        <v>1185</v>
      </c>
      <c r="B41339" s="1" t="s">
        <v>140956</v>
      </c>
      <c r="C41339" s="1" t="s">
        <v>115</v>
      </c>
      <c r="D41339" s="1" t="s">
        <v>141610</v>
      </c>
      <c r="E41339" s="1" t="s">
        <v>141611</v>
      </c>
      <c r="F41339" s="1" t="s">
        <v>141612</v>
      </c>
      <c r="G41339" s="1" t="s">
        <v>141539</v>
      </c>
      <c r="H41339" s="1" t="s">
        <v>141540</v>
      </c>
      <c r="I41339" s="1" t="s">
        <v>140961</v>
      </c>
      <c r="J41339" s="1" t="s">
        <v>141613</v>
      </c>
    </row>
    <row r="41340" spans="1:10" x14ac:dyDescent="0.35">
      <c r="A41340" s="1" t="s">
        <v>1185</v>
      </c>
      <c r="B41340" s="1" t="s">
        <v>140956</v>
      </c>
      <c r="C41340" s="1" t="s">
        <v>120</v>
      </c>
      <c r="D41340" s="1" t="s">
        <v>141614</v>
      </c>
      <c r="E41340" s="1" t="s">
        <v>141615</v>
      </c>
      <c r="F41340" s="1" t="s">
        <v>141616</v>
      </c>
      <c r="G41340" s="1" t="s">
        <v>141539</v>
      </c>
      <c r="H41340" s="1" t="s">
        <v>141540</v>
      </c>
      <c r="I41340" s="1" t="s">
        <v>140961</v>
      </c>
      <c r="J41340" s="1" t="s">
        <v>141617</v>
      </c>
    </row>
    <row r="41341" spans="1:10" x14ac:dyDescent="0.35">
      <c r="A41341" s="1" t="s">
        <v>1185</v>
      </c>
      <c r="B41341" s="1" t="s">
        <v>140956</v>
      </c>
      <c r="C41341" s="1" t="s">
        <v>125</v>
      </c>
      <c r="D41341" s="1" t="s">
        <v>141618</v>
      </c>
      <c r="E41341" s="1" t="s">
        <v>141619</v>
      </c>
      <c r="F41341" s="1" t="s">
        <v>141620</v>
      </c>
      <c r="G41341" s="1" t="s">
        <v>141539</v>
      </c>
      <c r="H41341" s="1" t="s">
        <v>141540</v>
      </c>
      <c r="I41341" s="1" t="s">
        <v>140961</v>
      </c>
      <c r="J41341" s="1" t="s">
        <v>141621</v>
      </c>
    </row>
    <row r="41342" spans="1:10" x14ac:dyDescent="0.35">
      <c r="A41342" s="1" t="s">
        <v>1185</v>
      </c>
      <c r="B41342" s="1" t="s">
        <v>140956</v>
      </c>
      <c r="C41342" s="1" t="s">
        <v>130</v>
      </c>
      <c r="D41342" s="1" t="s">
        <v>141622</v>
      </c>
      <c r="E41342" s="1" t="s">
        <v>141623</v>
      </c>
      <c r="F41342" s="1" t="s">
        <v>141624</v>
      </c>
      <c r="G41342" s="1" t="s">
        <v>141539</v>
      </c>
      <c r="H41342" s="1" t="s">
        <v>141540</v>
      </c>
      <c r="I41342" s="1" t="s">
        <v>140961</v>
      </c>
      <c r="J41342" s="1" t="s">
        <v>141625</v>
      </c>
    </row>
    <row r="41343" spans="1:10" x14ac:dyDescent="0.35">
      <c r="A41343" s="1" t="s">
        <v>1185</v>
      </c>
      <c r="B41343" s="1" t="s">
        <v>140956</v>
      </c>
      <c r="C41343" s="1" t="s">
        <v>135</v>
      </c>
      <c r="D41343" s="1" t="s">
        <v>141626</v>
      </c>
      <c r="E41343" s="1" t="s">
        <v>141627</v>
      </c>
      <c r="F41343" s="1" t="s">
        <v>141628</v>
      </c>
      <c r="G41343" s="1" t="s">
        <v>141539</v>
      </c>
      <c r="H41343" s="1" t="s">
        <v>141540</v>
      </c>
      <c r="I41343" s="1" t="s">
        <v>140961</v>
      </c>
      <c r="J41343" s="1" t="s">
        <v>141629</v>
      </c>
    </row>
    <row r="41344" spans="1:10" x14ac:dyDescent="0.35">
      <c r="A41344" s="1" t="s">
        <v>1185</v>
      </c>
      <c r="B41344" s="1" t="s">
        <v>140956</v>
      </c>
      <c r="C41344" s="1" t="s">
        <v>140</v>
      </c>
      <c r="D41344" s="1" t="s">
        <v>24469</v>
      </c>
      <c r="E41344" s="1" t="s">
        <v>141630</v>
      </c>
      <c r="F41344" s="1" t="s">
        <v>141631</v>
      </c>
      <c r="G41344" s="1" t="s">
        <v>141539</v>
      </c>
      <c r="H41344" s="1" t="s">
        <v>141540</v>
      </c>
      <c r="I41344" s="1" t="s">
        <v>140961</v>
      </c>
      <c r="J41344" s="1" t="s">
        <v>141632</v>
      </c>
    </row>
    <row r="41345" spans="1:10" x14ac:dyDescent="0.35">
      <c r="A41345" s="1" t="s">
        <v>1185</v>
      </c>
      <c r="B41345" s="1" t="s">
        <v>140956</v>
      </c>
      <c r="C41345" s="1" t="s">
        <v>145</v>
      </c>
      <c r="D41345" s="1" t="s">
        <v>17316</v>
      </c>
      <c r="E41345" s="1" t="s">
        <v>141633</v>
      </c>
      <c r="F41345" s="1" t="s">
        <v>141634</v>
      </c>
      <c r="G41345" s="1" t="s">
        <v>141539</v>
      </c>
      <c r="H41345" s="1" t="s">
        <v>141540</v>
      </c>
      <c r="I41345" s="1" t="s">
        <v>140961</v>
      </c>
      <c r="J41345" s="1" t="s">
        <v>141635</v>
      </c>
    </row>
    <row r="41346" spans="1:10" x14ac:dyDescent="0.35">
      <c r="A41346" s="1" t="s">
        <v>1185</v>
      </c>
      <c r="B41346" s="1" t="s">
        <v>140956</v>
      </c>
      <c r="C41346" s="1" t="s">
        <v>150</v>
      </c>
      <c r="D41346" s="1" t="s">
        <v>70393</v>
      </c>
      <c r="E41346" s="1" t="s">
        <v>141636</v>
      </c>
      <c r="F41346" s="1" t="s">
        <v>141637</v>
      </c>
      <c r="G41346" s="1" t="s">
        <v>141539</v>
      </c>
      <c r="H41346" s="1" t="s">
        <v>141540</v>
      </c>
      <c r="I41346" s="1" t="s">
        <v>140961</v>
      </c>
      <c r="J41346" s="1" t="s">
        <v>141638</v>
      </c>
    </row>
    <row r="41347" spans="1:10" x14ac:dyDescent="0.35">
      <c r="A41347" s="1" t="s">
        <v>1185</v>
      </c>
      <c r="B41347" s="1" t="s">
        <v>140956</v>
      </c>
      <c r="C41347" s="1" t="s">
        <v>155</v>
      </c>
      <c r="D41347" s="1" t="s">
        <v>141639</v>
      </c>
      <c r="E41347" s="1" t="s">
        <v>141640</v>
      </c>
      <c r="F41347" s="1" t="s">
        <v>141641</v>
      </c>
      <c r="G41347" s="1" t="s">
        <v>141539</v>
      </c>
      <c r="H41347" s="1" t="s">
        <v>141540</v>
      </c>
      <c r="I41347" s="1" t="s">
        <v>140961</v>
      </c>
      <c r="J41347" s="1" t="s">
        <v>141642</v>
      </c>
    </row>
    <row r="41348" spans="1:10" x14ac:dyDescent="0.35">
      <c r="A41348" s="1" t="s">
        <v>1185</v>
      </c>
      <c r="B41348" s="1" t="s">
        <v>140956</v>
      </c>
      <c r="C41348" s="1" t="s">
        <v>160</v>
      </c>
      <c r="D41348" s="1" t="s">
        <v>57731</v>
      </c>
      <c r="E41348" s="1" t="s">
        <v>141643</v>
      </c>
      <c r="F41348" s="1" t="s">
        <v>141644</v>
      </c>
      <c r="G41348" s="1" t="s">
        <v>141539</v>
      </c>
      <c r="H41348" s="1" t="s">
        <v>141540</v>
      </c>
      <c r="I41348" s="1" t="s">
        <v>140961</v>
      </c>
      <c r="J41348" s="1" t="s">
        <v>141645</v>
      </c>
    </row>
    <row r="41349" spans="1:10" x14ac:dyDescent="0.35">
      <c r="A41349" s="1" t="s">
        <v>1185</v>
      </c>
      <c r="B41349" s="1" t="s">
        <v>140956</v>
      </c>
      <c r="C41349" s="1" t="s">
        <v>165</v>
      </c>
      <c r="D41349" s="1" t="s">
        <v>101453</v>
      </c>
      <c r="E41349" s="1" t="s">
        <v>141646</v>
      </c>
      <c r="F41349" s="1" t="s">
        <v>141647</v>
      </c>
      <c r="G41349" s="1" t="s">
        <v>141539</v>
      </c>
      <c r="H41349" s="1" t="s">
        <v>141540</v>
      </c>
      <c r="I41349" s="1" t="s">
        <v>140961</v>
      </c>
      <c r="J41349" s="1" t="s">
        <v>141648</v>
      </c>
    </row>
    <row r="41350" spans="1:10" x14ac:dyDescent="0.35">
      <c r="A41350" s="1" t="s">
        <v>1185</v>
      </c>
      <c r="B41350" s="1" t="s">
        <v>140956</v>
      </c>
      <c r="C41350" s="1" t="s">
        <v>170</v>
      </c>
      <c r="D41350" s="1" t="s">
        <v>141649</v>
      </c>
      <c r="E41350" s="1" t="s">
        <v>141650</v>
      </c>
      <c r="F41350" s="1" t="s">
        <v>141651</v>
      </c>
      <c r="G41350" s="1" t="s">
        <v>141539</v>
      </c>
      <c r="H41350" s="1" t="s">
        <v>141540</v>
      </c>
      <c r="I41350" s="1" t="s">
        <v>140961</v>
      </c>
      <c r="J41350" s="1" t="s">
        <v>141652</v>
      </c>
    </row>
    <row r="41351" spans="1:10" x14ac:dyDescent="0.35">
      <c r="A41351" s="1" t="s">
        <v>117448</v>
      </c>
      <c r="B41351" s="1" t="s">
        <v>140956</v>
      </c>
      <c r="C41351" s="1" t="s">
        <v>8</v>
      </c>
      <c r="D41351" s="1" t="s">
        <v>141653</v>
      </c>
      <c r="E41351" s="1" t="s">
        <v>141654</v>
      </c>
      <c r="F41351" s="1" t="s">
        <v>141655</v>
      </c>
      <c r="G41351" s="1" t="s">
        <v>141656</v>
      </c>
      <c r="H41351" s="1" t="s">
        <v>141657</v>
      </c>
      <c r="I41351" s="1" t="s">
        <v>140961</v>
      </c>
      <c r="J41351" s="1" t="s">
        <v>13</v>
      </c>
    </row>
    <row r="41352" spans="1:10" x14ac:dyDescent="0.35">
      <c r="A41352" s="1" t="s">
        <v>117448</v>
      </c>
      <c r="B41352" s="1" t="s">
        <v>140956</v>
      </c>
      <c r="C41352" s="1" t="s">
        <v>15</v>
      </c>
      <c r="D41352" s="1" t="s">
        <v>141658</v>
      </c>
      <c r="E41352" s="1" t="s">
        <v>141659</v>
      </c>
      <c r="F41352" s="1" t="s">
        <v>141660</v>
      </c>
      <c r="G41352" s="1" t="s">
        <v>141656</v>
      </c>
      <c r="H41352" s="1" t="s">
        <v>141657</v>
      </c>
      <c r="I41352" s="1" t="s">
        <v>140961</v>
      </c>
      <c r="J41352" s="1" t="s">
        <v>141661</v>
      </c>
    </row>
    <row r="41353" spans="1:10" x14ac:dyDescent="0.35">
      <c r="A41353" s="1" t="s">
        <v>117448</v>
      </c>
      <c r="B41353" s="1" t="s">
        <v>140956</v>
      </c>
      <c r="C41353" s="1" t="s">
        <v>20</v>
      </c>
      <c r="D41353" s="1" t="s">
        <v>141662</v>
      </c>
      <c r="E41353" s="1" t="s">
        <v>141663</v>
      </c>
      <c r="F41353" s="1" t="s">
        <v>141664</v>
      </c>
      <c r="G41353" s="1" t="s">
        <v>141656</v>
      </c>
      <c r="H41353" s="1" t="s">
        <v>141657</v>
      </c>
      <c r="I41353" s="1" t="s">
        <v>140961</v>
      </c>
      <c r="J41353" s="1" t="s">
        <v>141665</v>
      </c>
    </row>
    <row r="41354" spans="1:10" x14ac:dyDescent="0.35">
      <c r="A41354" s="1" t="s">
        <v>117448</v>
      </c>
      <c r="B41354" s="1" t="s">
        <v>140956</v>
      </c>
      <c r="C41354" s="1" t="s">
        <v>25</v>
      </c>
      <c r="D41354" s="1" t="s">
        <v>15410</v>
      </c>
      <c r="E41354" s="1" t="s">
        <v>141666</v>
      </c>
      <c r="F41354" s="1" t="s">
        <v>141667</v>
      </c>
      <c r="G41354" s="1" t="s">
        <v>141656</v>
      </c>
      <c r="H41354" s="1" t="s">
        <v>141657</v>
      </c>
      <c r="I41354" s="1" t="s">
        <v>140961</v>
      </c>
      <c r="J41354" s="1" t="s">
        <v>141668</v>
      </c>
    </row>
    <row r="41355" spans="1:10" x14ac:dyDescent="0.35">
      <c r="A41355" s="1" t="s">
        <v>117448</v>
      </c>
      <c r="B41355" s="1" t="s">
        <v>140956</v>
      </c>
      <c r="C41355" s="1" t="s">
        <v>30</v>
      </c>
      <c r="D41355" s="1" t="s">
        <v>48900</v>
      </c>
      <c r="E41355" s="1" t="s">
        <v>141669</v>
      </c>
      <c r="F41355" s="1" t="s">
        <v>141670</v>
      </c>
      <c r="G41355" s="1" t="s">
        <v>141656</v>
      </c>
      <c r="H41355" s="1" t="s">
        <v>141657</v>
      </c>
      <c r="I41355" s="1" t="s">
        <v>140961</v>
      </c>
      <c r="J41355" s="1" t="s">
        <v>141671</v>
      </c>
    </row>
    <row r="41356" spans="1:10" x14ac:dyDescent="0.35">
      <c r="A41356" s="1" t="s">
        <v>117448</v>
      </c>
      <c r="B41356" s="1" t="s">
        <v>140956</v>
      </c>
      <c r="C41356" s="1" t="s">
        <v>35</v>
      </c>
      <c r="D41356" s="1" t="s">
        <v>74299</v>
      </c>
      <c r="E41356" s="1" t="s">
        <v>141672</v>
      </c>
      <c r="F41356" s="1" t="s">
        <v>141673</v>
      </c>
      <c r="G41356" s="1" t="s">
        <v>141656</v>
      </c>
      <c r="H41356" s="1" t="s">
        <v>141657</v>
      </c>
      <c r="I41356" s="1" t="s">
        <v>140961</v>
      </c>
      <c r="J41356" s="1" t="s">
        <v>141674</v>
      </c>
    </row>
    <row r="41357" spans="1:10" x14ac:dyDescent="0.35">
      <c r="A41357" s="1" t="s">
        <v>117448</v>
      </c>
      <c r="B41357" s="1" t="s">
        <v>140956</v>
      </c>
      <c r="C41357" s="1" t="s">
        <v>40</v>
      </c>
      <c r="D41357" s="1" t="s">
        <v>35754</v>
      </c>
      <c r="E41357" s="1" t="s">
        <v>141675</v>
      </c>
      <c r="F41357" s="1" t="s">
        <v>141676</v>
      </c>
      <c r="G41357" s="1" t="s">
        <v>141656</v>
      </c>
      <c r="H41357" s="1" t="s">
        <v>141657</v>
      </c>
      <c r="I41357" s="1" t="s">
        <v>140961</v>
      </c>
      <c r="J41357" s="1" t="s">
        <v>141677</v>
      </c>
    </row>
    <row r="41358" spans="1:10" x14ac:dyDescent="0.35">
      <c r="A41358" s="1" t="s">
        <v>117448</v>
      </c>
      <c r="B41358" s="1" t="s">
        <v>140956</v>
      </c>
      <c r="C41358" s="1" t="s">
        <v>45</v>
      </c>
      <c r="D41358" s="1" t="s">
        <v>37373</v>
      </c>
      <c r="E41358" s="1" t="s">
        <v>141678</v>
      </c>
      <c r="F41358" s="1" t="s">
        <v>141679</v>
      </c>
      <c r="G41358" s="1" t="s">
        <v>141656</v>
      </c>
      <c r="H41358" s="1" t="s">
        <v>141657</v>
      </c>
      <c r="I41358" s="1" t="s">
        <v>140961</v>
      </c>
      <c r="J41358" s="1" t="s">
        <v>141680</v>
      </c>
    </row>
    <row r="41359" spans="1:10" x14ac:dyDescent="0.35">
      <c r="A41359" s="1" t="s">
        <v>117448</v>
      </c>
      <c r="B41359" s="1" t="s">
        <v>140956</v>
      </c>
      <c r="C41359" s="1" t="s">
        <v>50</v>
      </c>
      <c r="D41359" s="1" t="s">
        <v>71366</v>
      </c>
      <c r="E41359" s="1" t="s">
        <v>141681</v>
      </c>
      <c r="F41359" s="1" t="s">
        <v>141682</v>
      </c>
      <c r="G41359" s="1" t="s">
        <v>141656</v>
      </c>
      <c r="H41359" s="1" t="s">
        <v>141657</v>
      </c>
      <c r="I41359" s="1" t="s">
        <v>140961</v>
      </c>
      <c r="J41359" s="1" t="s">
        <v>141683</v>
      </c>
    </row>
    <row r="41360" spans="1:10" x14ac:dyDescent="0.35">
      <c r="A41360" s="1" t="s">
        <v>117448</v>
      </c>
      <c r="B41360" s="1" t="s">
        <v>140956</v>
      </c>
      <c r="C41360" s="1" t="s">
        <v>55</v>
      </c>
      <c r="D41360" s="1" t="s">
        <v>16009</v>
      </c>
      <c r="E41360" s="1" t="s">
        <v>141684</v>
      </c>
      <c r="F41360" s="1" t="s">
        <v>141685</v>
      </c>
      <c r="G41360" s="1" t="s">
        <v>141656</v>
      </c>
      <c r="H41360" s="1" t="s">
        <v>141657</v>
      </c>
      <c r="I41360" s="1" t="s">
        <v>140961</v>
      </c>
      <c r="J41360" s="1" t="s">
        <v>141686</v>
      </c>
    </row>
    <row r="41361" spans="1:10" x14ac:dyDescent="0.35">
      <c r="A41361" s="1" t="s">
        <v>117448</v>
      </c>
      <c r="B41361" s="1" t="s">
        <v>140956</v>
      </c>
      <c r="C41361" s="1" t="s">
        <v>60</v>
      </c>
      <c r="D41361" s="1" t="s">
        <v>135610</v>
      </c>
      <c r="E41361" s="1" t="s">
        <v>141687</v>
      </c>
      <c r="F41361" s="1" t="s">
        <v>141688</v>
      </c>
      <c r="G41361" s="1" t="s">
        <v>141656</v>
      </c>
      <c r="H41361" s="1" t="s">
        <v>141657</v>
      </c>
      <c r="I41361" s="1" t="s">
        <v>140961</v>
      </c>
      <c r="J41361" s="1" t="s">
        <v>141689</v>
      </c>
    </row>
    <row r="41362" spans="1:10" x14ac:dyDescent="0.35">
      <c r="A41362" s="1" t="s">
        <v>117448</v>
      </c>
      <c r="B41362" s="1" t="s">
        <v>140956</v>
      </c>
      <c r="C41362" s="1" t="s">
        <v>65</v>
      </c>
      <c r="D41362" s="1" t="s">
        <v>253</v>
      </c>
      <c r="E41362" s="1" t="s">
        <v>141690</v>
      </c>
      <c r="F41362" s="1" t="s">
        <v>141691</v>
      </c>
      <c r="G41362" s="1" t="s">
        <v>141656</v>
      </c>
      <c r="H41362" s="1" t="s">
        <v>141657</v>
      </c>
      <c r="I41362" s="1" t="s">
        <v>140961</v>
      </c>
      <c r="J41362" s="1" t="s">
        <v>141692</v>
      </c>
    </row>
    <row r="41363" spans="1:10" x14ac:dyDescent="0.35">
      <c r="A41363" s="1" t="s">
        <v>117448</v>
      </c>
      <c r="B41363" s="1" t="s">
        <v>140956</v>
      </c>
      <c r="C41363" s="1" t="s">
        <v>70</v>
      </c>
      <c r="D41363" s="1" t="s">
        <v>15783</v>
      </c>
      <c r="E41363" s="1" t="s">
        <v>141693</v>
      </c>
      <c r="F41363" s="1" t="s">
        <v>141694</v>
      </c>
      <c r="G41363" s="1" t="s">
        <v>141656</v>
      </c>
      <c r="H41363" s="1" t="s">
        <v>141657</v>
      </c>
      <c r="I41363" s="1" t="s">
        <v>140961</v>
      </c>
      <c r="J41363" s="1" t="s">
        <v>141695</v>
      </c>
    </row>
    <row r="41364" spans="1:10" x14ac:dyDescent="0.35">
      <c r="A41364" s="1" t="s">
        <v>117448</v>
      </c>
      <c r="B41364" s="1" t="s">
        <v>140956</v>
      </c>
      <c r="C41364" s="1" t="s">
        <v>75</v>
      </c>
      <c r="D41364" s="1" t="s">
        <v>33199</v>
      </c>
      <c r="E41364" s="1" t="s">
        <v>141696</v>
      </c>
      <c r="F41364" s="1" t="s">
        <v>141697</v>
      </c>
      <c r="G41364" s="1" t="s">
        <v>141656</v>
      </c>
      <c r="H41364" s="1" t="s">
        <v>141657</v>
      </c>
      <c r="I41364" s="1" t="s">
        <v>140961</v>
      </c>
      <c r="J41364" s="1" t="s">
        <v>141698</v>
      </c>
    </row>
    <row r="41365" spans="1:10" x14ac:dyDescent="0.35">
      <c r="A41365" s="1" t="s">
        <v>117448</v>
      </c>
      <c r="B41365" s="1" t="s">
        <v>140956</v>
      </c>
      <c r="C41365" s="1" t="s">
        <v>80</v>
      </c>
      <c r="D41365" s="1" t="s">
        <v>123836</v>
      </c>
      <c r="E41365" s="1" t="s">
        <v>141699</v>
      </c>
      <c r="F41365" s="1" t="s">
        <v>141700</v>
      </c>
      <c r="G41365" s="1" t="s">
        <v>141656</v>
      </c>
      <c r="H41365" s="1" t="s">
        <v>141657</v>
      </c>
      <c r="I41365" s="1" t="s">
        <v>140961</v>
      </c>
      <c r="J41365" s="1" t="s">
        <v>141701</v>
      </c>
    </row>
    <row r="41366" spans="1:10" x14ac:dyDescent="0.35">
      <c r="A41366" s="1" t="s">
        <v>117448</v>
      </c>
      <c r="B41366" s="1" t="s">
        <v>140956</v>
      </c>
      <c r="C41366" s="1" t="s">
        <v>85</v>
      </c>
      <c r="D41366" s="1" t="s">
        <v>38342</v>
      </c>
      <c r="E41366" s="1" t="s">
        <v>141702</v>
      </c>
      <c r="F41366" s="1" t="s">
        <v>141703</v>
      </c>
      <c r="G41366" s="1" t="s">
        <v>141656</v>
      </c>
      <c r="H41366" s="1" t="s">
        <v>141657</v>
      </c>
      <c r="I41366" s="1" t="s">
        <v>140961</v>
      </c>
      <c r="J41366" s="1" t="s">
        <v>141704</v>
      </c>
    </row>
    <row r="41367" spans="1:10" x14ac:dyDescent="0.35">
      <c r="A41367" s="1" t="s">
        <v>117448</v>
      </c>
      <c r="B41367" s="1" t="s">
        <v>140956</v>
      </c>
      <c r="C41367" s="1" t="s">
        <v>90</v>
      </c>
      <c r="D41367" s="1" t="s">
        <v>42058</v>
      </c>
      <c r="E41367" s="1" t="s">
        <v>141705</v>
      </c>
      <c r="F41367" s="1" t="s">
        <v>141706</v>
      </c>
      <c r="G41367" s="1" t="s">
        <v>141656</v>
      </c>
      <c r="H41367" s="1" t="s">
        <v>141657</v>
      </c>
      <c r="I41367" s="1" t="s">
        <v>140961</v>
      </c>
      <c r="J41367" s="1" t="s">
        <v>141707</v>
      </c>
    </row>
    <row r="41368" spans="1:10" x14ac:dyDescent="0.35">
      <c r="A41368" s="1" t="s">
        <v>117448</v>
      </c>
      <c r="B41368" s="1" t="s">
        <v>140956</v>
      </c>
      <c r="C41368" s="1" t="s">
        <v>95</v>
      </c>
      <c r="D41368" s="1" t="s">
        <v>37173</v>
      </c>
      <c r="E41368" s="1" t="s">
        <v>141708</v>
      </c>
      <c r="F41368" s="1" t="s">
        <v>141709</v>
      </c>
      <c r="G41368" s="1" t="s">
        <v>141656</v>
      </c>
      <c r="H41368" s="1" t="s">
        <v>141657</v>
      </c>
      <c r="I41368" s="1" t="s">
        <v>140961</v>
      </c>
      <c r="J41368" s="1" t="s">
        <v>141710</v>
      </c>
    </row>
    <row r="41369" spans="1:10" x14ac:dyDescent="0.35">
      <c r="A41369" s="1" t="s">
        <v>117448</v>
      </c>
      <c r="B41369" s="1" t="s">
        <v>140956</v>
      </c>
      <c r="C41369" s="1" t="s">
        <v>100</v>
      </c>
      <c r="D41369" s="1" t="s">
        <v>141711</v>
      </c>
      <c r="E41369" s="1" t="s">
        <v>141712</v>
      </c>
      <c r="F41369" s="1" t="s">
        <v>141713</v>
      </c>
      <c r="G41369" s="1" t="s">
        <v>141656</v>
      </c>
      <c r="H41369" s="1" t="s">
        <v>141657</v>
      </c>
      <c r="I41369" s="1" t="s">
        <v>140961</v>
      </c>
      <c r="J41369" s="1" t="s">
        <v>141714</v>
      </c>
    </row>
    <row r="41370" spans="1:10" x14ac:dyDescent="0.35">
      <c r="A41370" s="1" t="s">
        <v>117448</v>
      </c>
      <c r="B41370" s="1" t="s">
        <v>140956</v>
      </c>
      <c r="C41370" s="1" t="s">
        <v>105</v>
      </c>
      <c r="D41370" s="1" t="s">
        <v>31545</v>
      </c>
      <c r="E41370" s="1" t="s">
        <v>141715</v>
      </c>
      <c r="F41370" s="1" t="s">
        <v>141716</v>
      </c>
      <c r="G41370" s="1" t="s">
        <v>141656</v>
      </c>
      <c r="H41370" s="1" t="s">
        <v>141657</v>
      </c>
      <c r="I41370" s="1" t="s">
        <v>140961</v>
      </c>
      <c r="J41370" s="1" t="s">
        <v>141717</v>
      </c>
    </row>
    <row r="41371" spans="1:10" x14ac:dyDescent="0.35">
      <c r="A41371" s="1" t="s">
        <v>117448</v>
      </c>
      <c r="B41371" s="1" t="s">
        <v>140956</v>
      </c>
      <c r="C41371" s="1" t="s">
        <v>110</v>
      </c>
      <c r="D41371" s="1" t="s">
        <v>141718</v>
      </c>
      <c r="E41371" s="1" t="s">
        <v>141719</v>
      </c>
      <c r="F41371" s="1" t="s">
        <v>141720</v>
      </c>
      <c r="G41371" s="1" t="s">
        <v>141656</v>
      </c>
      <c r="H41371" s="1" t="s">
        <v>141657</v>
      </c>
      <c r="I41371" s="1" t="s">
        <v>140961</v>
      </c>
      <c r="J41371" s="1" t="s">
        <v>141721</v>
      </c>
    </row>
    <row r="41372" spans="1:10" x14ac:dyDescent="0.35">
      <c r="A41372" s="1" t="s">
        <v>117448</v>
      </c>
      <c r="B41372" s="1" t="s">
        <v>140956</v>
      </c>
      <c r="C41372" s="1" t="s">
        <v>115</v>
      </c>
      <c r="D41372" s="1" t="s">
        <v>141722</v>
      </c>
      <c r="E41372" s="1" t="s">
        <v>141723</v>
      </c>
      <c r="F41372" s="1" t="s">
        <v>141724</v>
      </c>
      <c r="G41372" s="1" t="s">
        <v>141656</v>
      </c>
      <c r="H41372" s="1" t="s">
        <v>141657</v>
      </c>
      <c r="I41372" s="1" t="s">
        <v>140961</v>
      </c>
      <c r="J41372" s="1" t="s">
        <v>141725</v>
      </c>
    </row>
    <row r="41373" spans="1:10" x14ac:dyDescent="0.35">
      <c r="A41373" s="1" t="s">
        <v>117448</v>
      </c>
      <c r="B41373" s="1" t="s">
        <v>140956</v>
      </c>
      <c r="C41373" s="1" t="s">
        <v>120</v>
      </c>
      <c r="D41373" s="1" t="s">
        <v>141726</v>
      </c>
      <c r="E41373" s="1" t="s">
        <v>141727</v>
      </c>
      <c r="F41373" s="1" t="s">
        <v>141728</v>
      </c>
      <c r="G41373" s="1" t="s">
        <v>141656</v>
      </c>
      <c r="H41373" s="1" t="s">
        <v>141657</v>
      </c>
      <c r="I41373" s="1" t="s">
        <v>140961</v>
      </c>
      <c r="J41373" s="1" t="s">
        <v>141729</v>
      </c>
    </row>
    <row r="41374" spans="1:10" x14ac:dyDescent="0.35">
      <c r="A41374" s="1" t="s">
        <v>117448</v>
      </c>
      <c r="B41374" s="1" t="s">
        <v>140956</v>
      </c>
      <c r="C41374" s="1" t="s">
        <v>125</v>
      </c>
      <c r="D41374" s="1" t="s">
        <v>46399</v>
      </c>
      <c r="E41374" s="1" t="s">
        <v>141730</v>
      </c>
      <c r="F41374" s="1" t="s">
        <v>141731</v>
      </c>
      <c r="G41374" s="1" t="s">
        <v>141656</v>
      </c>
      <c r="H41374" s="1" t="s">
        <v>141657</v>
      </c>
      <c r="I41374" s="1" t="s">
        <v>140961</v>
      </c>
      <c r="J41374" s="1" t="s">
        <v>141732</v>
      </c>
    </row>
    <row r="41375" spans="1:10" x14ac:dyDescent="0.35">
      <c r="A41375" s="1" t="s">
        <v>117448</v>
      </c>
      <c r="B41375" s="1" t="s">
        <v>140956</v>
      </c>
      <c r="C41375" s="1" t="s">
        <v>130</v>
      </c>
      <c r="D41375" s="1" t="s">
        <v>135064</v>
      </c>
      <c r="E41375" s="1" t="s">
        <v>141733</v>
      </c>
      <c r="F41375" s="1" t="s">
        <v>141734</v>
      </c>
      <c r="G41375" s="1" t="s">
        <v>141656</v>
      </c>
      <c r="H41375" s="1" t="s">
        <v>141657</v>
      </c>
      <c r="I41375" s="1" t="s">
        <v>140961</v>
      </c>
      <c r="J41375" s="1" t="s">
        <v>141735</v>
      </c>
    </row>
    <row r="41376" spans="1:10" x14ac:dyDescent="0.35">
      <c r="A41376" s="1" t="s">
        <v>117448</v>
      </c>
      <c r="B41376" s="1" t="s">
        <v>140956</v>
      </c>
      <c r="C41376" s="1" t="s">
        <v>135</v>
      </c>
      <c r="D41376" s="1" t="s">
        <v>42102</v>
      </c>
      <c r="E41376" s="1" t="s">
        <v>141736</v>
      </c>
      <c r="F41376" s="1" t="s">
        <v>141737</v>
      </c>
      <c r="G41376" s="1" t="s">
        <v>141656</v>
      </c>
      <c r="H41376" s="1" t="s">
        <v>141657</v>
      </c>
      <c r="I41376" s="1" t="s">
        <v>140961</v>
      </c>
      <c r="J41376" s="1" t="s">
        <v>141738</v>
      </c>
    </row>
    <row r="41377" spans="1:10" x14ac:dyDescent="0.35">
      <c r="A41377" s="1" t="s">
        <v>117448</v>
      </c>
      <c r="B41377" s="1" t="s">
        <v>140956</v>
      </c>
      <c r="C41377" s="1" t="s">
        <v>140</v>
      </c>
      <c r="D41377" s="1" t="s">
        <v>141739</v>
      </c>
      <c r="E41377" s="1" t="s">
        <v>141740</v>
      </c>
      <c r="F41377" s="1" t="s">
        <v>141741</v>
      </c>
      <c r="G41377" s="1" t="s">
        <v>141656</v>
      </c>
      <c r="H41377" s="1" t="s">
        <v>141657</v>
      </c>
      <c r="I41377" s="1" t="s">
        <v>140961</v>
      </c>
      <c r="J41377" s="1" t="s">
        <v>141742</v>
      </c>
    </row>
    <row r="41378" spans="1:10" x14ac:dyDescent="0.35">
      <c r="A41378" s="1" t="s">
        <v>117448</v>
      </c>
      <c r="B41378" s="1" t="s">
        <v>140956</v>
      </c>
      <c r="C41378" s="1" t="s">
        <v>145</v>
      </c>
      <c r="D41378" s="1" t="s">
        <v>141743</v>
      </c>
      <c r="E41378" s="1" t="s">
        <v>141744</v>
      </c>
      <c r="F41378" s="1" t="s">
        <v>141745</v>
      </c>
      <c r="G41378" s="1" t="s">
        <v>141656</v>
      </c>
      <c r="H41378" s="1" t="s">
        <v>141657</v>
      </c>
      <c r="I41378" s="1" t="s">
        <v>140961</v>
      </c>
      <c r="J41378" s="1" t="s">
        <v>141746</v>
      </c>
    </row>
    <row r="41379" spans="1:10" x14ac:dyDescent="0.35">
      <c r="A41379" s="1" t="s">
        <v>117448</v>
      </c>
      <c r="B41379" s="1" t="s">
        <v>140956</v>
      </c>
      <c r="C41379" s="1" t="s">
        <v>150</v>
      </c>
      <c r="D41379" s="1" t="s">
        <v>141747</v>
      </c>
      <c r="E41379" s="1" t="s">
        <v>141748</v>
      </c>
      <c r="F41379" s="1" t="s">
        <v>141749</v>
      </c>
      <c r="G41379" s="1" t="s">
        <v>141656</v>
      </c>
      <c r="H41379" s="1" t="s">
        <v>141657</v>
      </c>
      <c r="I41379" s="1" t="s">
        <v>140961</v>
      </c>
      <c r="J41379" s="1" t="s">
        <v>141750</v>
      </c>
    </row>
    <row r="41380" spans="1:10" x14ac:dyDescent="0.35">
      <c r="A41380" s="1" t="s">
        <v>117448</v>
      </c>
      <c r="B41380" s="1" t="s">
        <v>140956</v>
      </c>
      <c r="C41380" s="1" t="s">
        <v>155</v>
      </c>
      <c r="D41380" s="1" t="s">
        <v>141751</v>
      </c>
      <c r="E41380" s="1" t="s">
        <v>141752</v>
      </c>
      <c r="F41380" s="1" t="s">
        <v>141753</v>
      </c>
      <c r="G41380" s="1" t="s">
        <v>141656</v>
      </c>
      <c r="H41380" s="1" t="s">
        <v>141657</v>
      </c>
      <c r="I41380" s="1" t="s">
        <v>140961</v>
      </c>
      <c r="J41380" s="1" t="s">
        <v>141754</v>
      </c>
    </row>
    <row r="41381" spans="1:10" x14ac:dyDescent="0.35">
      <c r="A41381" s="1" t="s">
        <v>117448</v>
      </c>
      <c r="B41381" s="1" t="s">
        <v>140956</v>
      </c>
      <c r="C41381" s="1" t="s">
        <v>160</v>
      </c>
      <c r="D41381" s="1" t="s">
        <v>11079</v>
      </c>
      <c r="E41381" s="1" t="s">
        <v>141755</v>
      </c>
      <c r="F41381" s="1" t="s">
        <v>141756</v>
      </c>
      <c r="G41381" s="1" t="s">
        <v>141656</v>
      </c>
      <c r="H41381" s="1" t="s">
        <v>141657</v>
      </c>
      <c r="I41381" s="1" t="s">
        <v>140961</v>
      </c>
      <c r="J41381" s="1" t="s">
        <v>141757</v>
      </c>
    </row>
    <row r="41382" spans="1:10" x14ac:dyDescent="0.35">
      <c r="A41382" s="1" t="s">
        <v>117448</v>
      </c>
      <c r="B41382" s="1" t="s">
        <v>140956</v>
      </c>
      <c r="C41382" s="1" t="s">
        <v>165</v>
      </c>
      <c r="D41382" s="1" t="s">
        <v>67892</v>
      </c>
      <c r="E41382" s="1" t="s">
        <v>141758</v>
      </c>
      <c r="F41382" s="1" t="s">
        <v>141759</v>
      </c>
      <c r="G41382" s="1" t="s">
        <v>141656</v>
      </c>
      <c r="H41382" s="1" t="s">
        <v>141657</v>
      </c>
      <c r="I41382" s="1" t="s">
        <v>140961</v>
      </c>
      <c r="J41382" s="1" t="s">
        <v>141760</v>
      </c>
    </row>
    <row r="41383" spans="1:10" x14ac:dyDescent="0.35">
      <c r="A41383" s="1" t="s">
        <v>117448</v>
      </c>
      <c r="B41383" s="1" t="s">
        <v>140956</v>
      </c>
      <c r="C41383" s="1" t="s">
        <v>170</v>
      </c>
      <c r="D41383" s="1" t="s">
        <v>109088</v>
      </c>
      <c r="E41383" s="1" t="s">
        <v>141761</v>
      </c>
      <c r="F41383" s="1" t="s">
        <v>141762</v>
      </c>
      <c r="G41383" s="1" t="s">
        <v>141656</v>
      </c>
      <c r="H41383" s="1" t="s">
        <v>141657</v>
      </c>
      <c r="I41383" s="1" t="s">
        <v>140961</v>
      </c>
      <c r="J41383" s="1" t="s">
        <v>65774</v>
      </c>
    </row>
    <row r="41384" spans="1:10" x14ac:dyDescent="0.35">
      <c r="A41384" s="1" t="s">
        <v>9338</v>
      </c>
      <c r="B41384" s="1" t="s">
        <v>140956</v>
      </c>
      <c r="C41384" s="1" t="s">
        <v>8</v>
      </c>
      <c r="D41384" s="1" t="s">
        <v>141763</v>
      </c>
      <c r="E41384" s="1" t="s">
        <v>141764</v>
      </c>
      <c r="F41384" s="1" t="s">
        <v>141765</v>
      </c>
      <c r="G41384" s="1" t="s">
        <v>141766</v>
      </c>
      <c r="H41384" s="1" t="s">
        <v>141767</v>
      </c>
      <c r="I41384" s="1" t="s">
        <v>140961</v>
      </c>
      <c r="J41384" s="1" t="s">
        <v>13</v>
      </c>
    </row>
    <row r="41385" spans="1:10" x14ac:dyDescent="0.35">
      <c r="A41385" s="1" t="s">
        <v>9338</v>
      </c>
      <c r="B41385" s="1" t="s">
        <v>140956</v>
      </c>
      <c r="C41385" s="1" t="s">
        <v>15</v>
      </c>
      <c r="D41385" s="1" t="s">
        <v>35715</v>
      </c>
      <c r="E41385" s="1" t="s">
        <v>141768</v>
      </c>
      <c r="F41385" s="1" t="s">
        <v>141769</v>
      </c>
      <c r="G41385" s="1" t="s">
        <v>141766</v>
      </c>
      <c r="H41385" s="1" t="s">
        <v>141767</v>
      </c>
      <c r="I41385" s="1" t="s">
        <v>140961</v>
      </c>
      <c r="J41385" s="1" t="s">
        <v>141770</v>
      </c>
    </row>
    <row r="41386" spans="1:10" x14ac:dyDescent="0.35">
      <c r="A41386" s="1" t="s">
        <v>9338</v>
      </c>
      <c r="B41386" s="1" t="s">
        <v>140956</v>
      </c>
      <c r="C41386" s="1" t="s">
        <v>20</v>
      </c>
      <c r="D41386" s="1" t="s">
        <v>115306</v>
      </c>
      <c r="E41386" s="1" t="s">
        <v>141771</v>
      </c>
      <c r="F41386" s="1" t="s">
        <v>141772</v>
      </c>
      <c r="G41386" s="1" t="s">
        <v>141766</v>
      </c>
      <c r="H41386" s="1" t="s">
        <v>141767</v>
      </c>
      <c r="I41386" s="1" t="s">
        <v>140961</v>
      </c>
      <c r="J41386" s="1" t="s">
        <v>141773</v>
      </c>
    </row>
    <row r="41387" spans="1:10" x14ac:dyDescent="0.35">
      <c r="A41387" s="1" t="s">
        <v>9338</v>
      </c>
      <c r="B41387" s="1" t="s">
        <v>140956</v>
      </c>
      <c r="C41387" s="1" t="s">
        <v>25</v>
      </c>
      <c r="D41387" s="1" t="s">
        <v>73187</v>
      </c>
      <c r="E41387" s="1" t="s">
        <v>141774</v>
      </c>
      <c r="F41387" s="1" t="s">
        <v>141775</v>
      </c>
      <c r="G41387" s="1" t="s">
        <v>141766</v>
      </c>
      <c r="H41387" s="1" t="s">
        <v>141767</v>
      </c>
      <c r="I41387" s="1" t="s">
        <v>140961</v>
      </c>
      <c r="J41387" s="1" t="s">
        <v>141776</v>
      </c>
    </row>
    <row r="41388" spans="1:10" x14ac:dyDescent="0.35">
      <c r="A41388" s="1" t="s">
        <v>9338</v>
      </c>
      <c r="B41388" s="1" t="s">
        <v>140956</v>
      </c>
      <c r="C41388" s="1" t="s">
        <v>30</v>
      </c>
      <c r="D41388" s="1" t="s">
        <v>14553</v>
      </c>
      <c r="E41388" s="1" t="s">
        <v>141777</v>
      </c>
      <c r="F41388" s="1" t="s">
        <v>141778</v>
      </c>
      <c r="G41388" s="1" t="s">
        <v>141766</v>
      </c>
      <c r="H41388" s="1" t="s">
        <v>141767</v>
      </c>
      <c r="I41388" s="1" t="s">
        <v>140961</v>
      </c>
      <c r="J41388" s="1" t="s">
        <v>141779</v>
      </c>
    </row>
    <row r="41389" spans="1:10" x14ac:dyDescent="0.35">
      <c r="A41389" s="1" t="s">
        <v>9338</v>
      </c>
      <c r="B41389" s="1" t="s">
        <v>140956</v>
      </c>
      <c r="C41389" s="1" t="s">
        <v>35</v>
      </c>
      <c r="D41389" s="1" t="s">
        <v>141780</v>
      </c>
      <c r="E41389" s="1" t="s">
        <v>141781</v>
      </c>
      <c r="F41389" s="1" t="s">
        <v>141782</v>
      </c>
      <c r="G41389" s="1" t="s">
        <v>141766</v>
      </c>
      <c r="H41389" s="1" t="s">
        <v>141767</v>
      </c>
      <c r="I41389" s="1" t="s">
        <v>140961</v>
      </c>
      <c r="J41389" s="1" t="s">
        <v>141783</v>
      </c>
    </row>
    <row r="41390" spans="1:10" x14ac:dyDescent="0.35">
      <c r="A41390" s="1" t="s">
        <v>9338</v>
      </c>
      <c r="B41390" s="1" t="s">
        <v>140956</v>
      </c>
      <c r="C41390" s="1" t="s">
        <v>40</v>
      </c>
      <c r="D41390" s="1" t="s">
        <v>141784</v>
      </c>
      <c r="E41390" s="1" t="s">
        <v>141785</v>
      </c>
      <c r="F41390" s="1" t="s">
        <v>141786</v>
      </c>
      <c r="G41390" s="1" t="s">
        <v>141766</v>
      </c>
      <c r="H41390" s="1" t="s">
        <v>141767</v>
      </c>
      <c r="I41390" s="1" t="s">
        <v>140961</v>
      </c>
      <c r="J41390" s="1" t="s">
        <v>141787</v>
      </c>
    </row>
    <row r="41391" spans="1:10" x14ac:dyDescent="0.35">
      <c r="A41391" s="1" t="s">
        <v>9338</v>
      </c>
      <c r="B41391" s="1" t="s">
        <v>140956</v>
      </c>
      <c r="C41391" s="1" t="s">
        <v>45</v>
      </c>
      <c r="D41391" s="1" t="s">
        <v>37299</v>
      </c>
      <c r="E41391" s="1" t="s">
        <v>141788</v>
      </c>
      <c r="F41391" s="1" t="s">
        <v>141789</v>
      </c>
      <c r="G41391" s="1" t="s">
        <v>141766</v>
      </c>
      <c r="H41391" s="1" t="s">
        <v>141767</v>
      </c>
      <c r="I41391" s="1" t="s">
        <v>140961</v>
      </c>
      <c r="J41391" s="1" t="s">
        <v>141790</v>
      </c>
    </row>
    <row r="41392" spans="1:10" x14ac:dyDescent="0.35">
      <c r="A41392" s="1" t="s">
        <v>9338</v>
      </c>
      <c r="B41392" s="1" t="s">
        <v>140956</v>
      </c>
      <c r="C41392" s="1" t="s">
        <v>50</v>
      </c>
      <c r="D41392" s="1" t="s">
        <v>141791</v>
      </c>
      <c r="E41392" s="1" t="s">
        <v>141792</v>
      </c>
      <c r="F41392" s="1" t="s">
        <v>141793</v>
      </c>
      <c r="G41392" s="1" t="s">
        <v>141766</v>
      </c>
      <c r="H41392" s="1" t="s">
        <v>141767</v>
      </c>
      <c r="I41392" s="1" t="s">
        <v>140961</v>
      </c>
      <c r="J41392" s="1" t="s">
        <v>141794</v>
      </c>
    </row>
    <row r="41393" spans="1:10" x14ac:dyDescent="0.35">
      <c r="A41393" s="1" t="s">
        <v>9338</v>
      </c>
      <c r="B41393" s="1" t="s">
        <v>140956</v>
      </c>
      <c r="C41393" s="1" t="s">
        <v>55</v>
      </c>
      <c r="D41393" s="1" t="s">
        <v>2905</v>
      </c>
      <c r="E41393" s="1" t="s">
        <v>141795</v>
      </c>
      <c r="F41393" s="1" t="s">
        <v>141796</v>
      </c>
      <c r="G41393" s="1" t="s">
        <v>141766</v>
      </c>
      <c r="H41393" s="1" t="s">
        <v>141767</v>
      </c>
      <c r="I41393" s="1" t="s">
        <v>140961</v>
      </c>
      <c r="J41393" s="1" t="s">
        <v>141797</v>
      </c>
    </row>
    <row r="41394" spans="1:10" x14ac:dyDescent="0.35">
      <c r="A41394" s="1" t="s">
        <v>9338</v>
      </c>
      <c r="B41394" s="1" t="s">
        <v>140956</v>
      </c>
      <c r="C41394" s="1" t="s">
        <v>60</v>
      </c>
      <c r="D41394" s="1" t="s">
        <v>141798</v>
      </c>
      <c r="E41394" s="1" t="s">
        <v>141799</v>
      </c>
      <c r="F41394" s="1" t="s">
        <v>141800</v>
      </c>
      <c r="G41394" s="1" t="s">
        <v>141766</v>
      </c>
      <c r="H41394" s="1" t="s">
        <v>141767</v>
      </c>
      <c r="I41394" s="1" t="s">
        <v>140961</v>
      </c>
      <c r="J41394" s="1" t="s">
        <v>141801</v>
      </c>
    </row>
    <row r="41395" spans="1:10" x14ac:dyDescent="0.35">
      <c r="A41395" s="1" t="s">
        <v>9338</v>
      </c>
      <c r="B41395" s="1" t="s">
        <v>140956</v>
      </c>
      <c r="C41395" s="1" t="s">
        <v>65</v>
      </c>
      <c r="D41395" s="1" t="s">
        <v>141802</v>
      </c>
      <c r="E41395" s="1" t="s">
        <v>141803</v>
      </c>
      <c r="F41395" s="1" t="s">
        <v>141804</v>
      </c>
      <c r="G41395" s="1" t="s">
        <v>141766</v>
      </c>
      <c r="H41395" s="1" t="s">
        <v>141767</v>
      </c>
      <c r="I41395" s="1" t="s">
        <v>140961</v>
      </c>
      <c r="J41395" s="1" t="s">
        <v>141805</v>
      </c>
    </row>
    <row r="41396" spans="1:10" x14ac:dyDescent="0.35">
      <c r="A41396" s="1" t="s">
        <v>9338</v>
      </c>
      <c r="B41396" s="1" t="s">
        <v>140956</v>
      </c>
      <c r="C41396" s="1" t="s">
        <v>70</v>
      </c>
      <c r="D41396" s="1" t="s">
        <v>111993</v>
      </c>
      <c r="E41396" s="1" t="s">
        <v>141806</v>
      </c>
      <c r="F41396" s="1" t="s">
        <v>141807</v>
      </c>
      <c r="G41396" s="1" t="s">
        <v>141766</v>
      </c>
      <c r="H41396" s="1" t="s">
        <v>141767</v>
      </c>
      <c r="I41396" s="1" t="s">
        <v>140961</v>
      </c>
      <c r="J41396" s="1" t="s">
        <v>141808</v>
      </c>
    </row>
    <row r="41397" spans="1:10" x14ac:dyDescent="0.35">
      <c r="A41397" s="1" t="s">
        <v>9338</v>
      </c>
      <c r="B41397" s="1" t="s">
        <v>140956</v>
      </c>
      <c r="C41397" s="1" t="s">
        <v>75</v>
      </c>
      <c r="D41397" s="1" t="s">
        <v>141809</v>
      </c>
      <c r="E41397" s="1" t="s">
        <v>141810</v>
      </c>
      <c r="F41397" s="1" t="s">
        <v>141811</v>
      </c>
      <c r="G41397" s="1" t="s">
        <v>141766</v>
      </c>
      <c r="H41397" s="1" t="s">
        <v>141767</v>
      </c>
      <c r="I41397" s="1" t="s">
        <v>140961</v>
      </c>
      <c r="J41397" s="1" t="s">
        <v>141812</v>
      </c>
    </row>
    <row r="41398" spans="1:10" x14ac:dyDescent="0.35">
      <c r="A41398" s="1" t="s">
        <v>9338</v>
      </c>
      <c r="B41398" s="1" t="s">
        <v>140956</v>
      </c>
      <c r="C41398" s="1" t="s">
        <v>80</v>
      </c>
      <c r="D41398" s="1" t="s">
        <v>141813</v>
      </c>
      <c r="E41398" s="1" t="s">
        <v>141814</v>
      </c>
      <c r="F41398" s="1" t="s">
        <v>141815</v>
      </c>
      <c r="G41398" s="1" t="s">
        <v>141766</v>
      </c>
      <c r="H41398" s="1" t="s">
        <v>141767</v>
      </c>
      <c r="I41398" s="1" t="s">
        <v>140961</v>
      </c>
      <c r="J41398" s="1" t="s">
        <v>141816</v>
      </c>
    </row>
    <row r="41399" spans="1:10" x14ac:dyDescent="0.35">
      <c r="A41399" s="1" t="s">
        <v>9338</v>
      </c>
      <c r="B41399" s="1" t="s">
        <v>140956</v>
      </c>
      <c r="C41399" s="1" t="s">
        <v>85</v>
      </c>
      <c r="D41399" s="1" t="s">
        <v>111105</v>
      </c>
      <c r="E41399" s="1" t="s">
        <v>141817</v>
      </c>
      <c r="F41399" s="1" t="s">
        <v>141818</v>
      </c>
      <c r="G41399" s="1" t="s">
        <v>141766</v>
      </c>
      <c r="H41399" s="1" t="s">
        <v>141767</v>
      </c>
      <c r="I41399" s="1" t="s">
        <v>140961</v>
      </c>
      <c r="J41399" s="1" t="s">
        <v>141819</v>
      </c>
    </row>
    <row r="41400" spans="1:10" x14ac:dyDescent="0.35">
      <c r="A41400" s="1" t="s">
        <v>9338</v>
      </c>
      <c r="B41400" s="1" t="s">
        <v>140956</v>
      </c>
      <c r="C41400" s="1" t="s">
        <v>90</v>
      </c>
      <c r="D41400" s="1" t="s">
        <v>115591</v>
      </c>
      <c r="E41400" s="1" t="s">
        <v>141820</v>
      </c>
      <c r="F41400" s="1" t="s">
        <v>141821</v>
      </c>
      <c r="G41400" s="1" t="s">
        <v>141766</v>
      </c>
      <c r="H41400" s="1" t="s">
        <v>141767</v>
      </c>
      <c r="I41400" s="1" t="s">
        <v>140961</v>
      </c>
      <c r="J41400" s="1" t="s">
        <v>141822</v>
      </c>
    </row>
    <row r="41401" spans="1:10" x14ac:dyDescent="0.35">
      <c r="A41401" s="1" t="s">
        <v>9338</v>
      </c>
      <c r="B41401" s="1" t="s">
        <v>140956</v>
      </c>
      <c r="C41401" s="1" t="s">
        <v>95</v>
      </c>
      <c r="D41401" s="1" t="s">
        <v>34704</v>
      </c>
      <c r="E41401" s="1" t="s">
        <v>141823</v>
      </c>
      <c r="F41401" s="1" t="s">
        <v>141824</v>
      </c>
      <c r="G41401" s="1" t="s">
        <v>141766</v>
      </c>
      <c r="H41401" s="1" t="s">
        <v>141767</v>
      </c>
      <c r="I41401" s="1" t="s">
        <v>140961</v>
      </c>
      <c r="J41401" s="1" t="s">
        <v>141825</v>
      </c>
    </row>
    <row r="41402" spans="1:10" x14ac:dyDescent="0.35">
      <c r="A41402" s="1" t="s">
        <v>9338</v>
      </c>
      <c r="B41402" s="1" t="s">
        <v>140956</v>
      </c>
      <c r="C41402" s="1" t="s">
        <v>100</v>
      </c>
      <c r="D41402" s="1" t="s">
        <v>104131</v>
      </c>
      <c r="E41402" s="1" t="s">
        <v>141826</v>
      </c>
      <c r="F41402" s="1" t="s">
        <v>141827</v>
      </c>
      <c r="G41402" s="1" t="s">
        <v>141766</v>
      </c>
      <c r="H41402" s="1" t="s">
        <v>141767</v>
      </c>
      <c r="I41402" s="1" t="s">
        <v>140961</v>
      </c>
      <c r="J41402" s="1" t="s">
        <v>141828</v>
      </c>
    </row>
    <row r="41403" spans="1:10" x14ac:dyDescent="0.35">
      <c r="A41403" s="1" t="s">
        <v>9338</v>
      </c>
      <c r="B41403" s="1" t="s">
        <v>140956</v>
      </c>
      <c r="C41403" s="1" t="s">
        <v>105</v>
      </c>
      <c r="D41403" s="1" t="s">
        <v>141829</v>
      </c>
      <c r="E41403" s="1" t="s">
        <v>141830</v>
      </c>
      <c r="F41403" s="1" t="s">
        <v>141831</v>
      </c>
      <c r="G41403" s="1" t="s">
        <v>141766</v>
      </c>
      <c r="H41403" s="1" t="s">
        <v>141767</v>
      </c>
      <c r="I41403" s="1" t="s">
        <v>140961</v>
      </c>
      <c r="J41403" s="1" t="s">
        <v>141832</v>
      </c>
    </row>
    <row r="41404" spans="1:10" x14ac:dyDescent="0.35">
      <c r="A41404" s="1" t="s">
        <v>9338</v>
      </c>
      <c r="B41404" s="1" t="s">
        <v>140956</v>
      </c>
      <c r="C41404" s="1" t="s">
        <v>110</v>
      </c>
      <c r="D41404" s="1" t="s">
        <v>13007</v>
      </c>
      <c r="E41404" s="1" t="s">
        <v>141833</v>
      </c>
      <c r="F41404" s="1" t="s">
        <v>141834</v>
      </c>
      <c r="G41404" s="1" t="s">
        <v>141766</v>
      </c>
      <c r="H41404" s="1" t="s">
        <v>141767</v>
      </c>
      <c r="I41404" s="1" t="s">
        <v>140961</v>
      </c>
      <c r="J41404" s="1" t="s">
        <v>141835</v>
      </c>
    </row>
    <row r="41405" spans="1:10" x14ac:dyDescent="0.35">
      <c r="A41405" s="1" t="s">
        <v>9338</v>
      </c>
      <c r="B41405" s="1" t="s">
        <v>140956</v>
      </c>
      <c r="C41405" s="1" t="s">
        <v>115</v>
      </c>
      <c r="D41405" s="1" t="s">
        <v>141836</v>
      </c>
      <c r="E41405" s="1" t="s">
        <v>141837</v>
      </c>
      <c r="F41405" s="1" t="s">
        <v>141838</v>
      </c>
      <c r="G41405" s="1" t="s">
        <v>141766</v>
      </c>
      <c r="H41405" s="1" t="s">
        <v>141767</v>
      </c>
      <c r="I41405" s="1" t="s">
        <v>140961</v>
      </c>
      <c r="J41405" s="1" t="s">
        <v>141839</v>
      </c>
    </row>
    <row r="41406" spans="1:10" x14ac:dyDescent="0.35">
      <c r="A41406" s="1" t="s">
        <v>9338</v>
      </c>
      <c r="B41406" s="1" t="s">
        <v>140956</v>
      </c>
      <c r="C41406" s="1" t="s">
        <v>120</v>
      </c>
      <c r="D41406" s="1" t="s">
        <v>141840</v>
      </c>
      <c r="E41406" s="1" t="s">
        <v>141841</v>
      </c>
      <c r="F41406" s="1" t="s">
        <v>141842</v>
      </c>
      <c r="G41406" s="1" t="s">
        <v>141766</v>
      </c>
      <c r="H41406" s="1" t="s">
        <v>141767</v>
      </c>
      <c r="I41406" s="1" t="s">
        <v>140961</v>
      </c>
      <c r="J41406" s="1" t="s">
        <v>141843</v>
      </c>
    </row>
    <row r="41407" spans="1:10" x14ac:dyDescent="0.35">
      <c r="A41407" s="1" t="s">
        <v>9338</v>
      </c>
      <c r="B41407" s="1" t="s">
        <v>140956</v>
      </c>
      <c r="C41407" s="1" t="s">
        <v>125</v>
      </c>
      <c r="D41407" s="1" t="s">
        <v>74445</v>
      </c>
      <c r="E41407" s="1" t="s">
        <v>141844</v>
      </c>
      <c r="F41407" s="1" t="s">
        <v>141845</v>
      </c>
      <c r="G41407" s="1" t="s">
        <v>141766</v>
      </c>
      <c r="H41407" s="1" t="s">
        <v>141767</v>
      </c>
      <c r="I41407" s="1" t="s">
        <v>140961</v>
      </c>
      <c r="J41407" s="1" t="s">
        <v>141846</v>
      </c>
    </row>
    <row r="41408" spans="1:10" x14ac:dyDescent="0.35">
      <c r="A41408" s="1" t="s">
        <v>9338</v>
      </c>
      <c r="B41408" s="1" t="s">
        <v>140956</v>
      </c>
      <c r="C41408" s="1" t="s">
        <v>130</v>
      </c>
      <c r="D41408" s="1" t="s">
        <v>71103</v>
      </c>
      <c r="E41408" s="1" t="s">
        <v>141847</v>
      </c>
      <c r="F41408" s="1" t="s">
        <v>141848</v>
      </c>
      <c r="G41408" s="1" t="s">
        <v>141766</v>
      </c>
      <c r="H41408" s="1" t="s">
        <v>141767</v>
      </c>
      <c r="I41408" s="1" t="s">
        <v>140961</v>
      </c>
      <c r="J41408" s="1" t="s">
        <v>141849</v>
      </c>
    </row>
    <row r="41409" spans="1:10" x14ac:dyDescent="0.35">
      <c r="A41409" s="1" t="s">
        <v>9338</v>
      </c>
      <c r="B41409" s="1" t="s">
        <v>140956</v>
      </c>
      <c r="C41409" s="1" t="s">
        <v>135</v>
      </c>
      <c r="D41409" s="1" t="s">
        <v>113296</v>
      </c>
      <c r="E41409" s="1" t="s">
        <v>141850</v>
      </c>
      <c r="F41409" s="1" t="s">
        <v>141851</v>
      </c>
      <c r="G41409" s="1" t="s">
        <v>141766</v>
      </c>
      <c r="H41409" s="1" t="s">
        <v>141767</v>
      </c>
      <c r="I41409" s="1" t="s">
        <v>140961</v>
      </c>
      <c r="J41409" s="1" t="s">
        <v>141852</v>
      </c>
    </row>
    <row r="41410" spans="1:10" x14ac:dyDescent="0.35">
      <c r="A41410" s="1" t="s">
        <v>9338</v>
      </c>
      <c r="B41410" s="1" t="s">
        <v>140956</v>
      </c>
      <c r="C41410" s="1" t="s">
        <v>140</v>
      </c>
      <c r="D41410" s="1" t="s">
        <v>141853</v>
      </c>
      <c r="E41410" s="1" t="s">
        <v>141854</v>
      </c>
      <c r="F41410" s="1" t="s">
        <v>141855</v>
      </c>
      <c r="G41410" s="1" t="s">
        <v>141766</v>
      </c>
      <c r="H41410" s="1" t="s">
        <v>141767</v>
      </c>
      <c r="I41410" s="1" t="s">
        <v>140961</v>
      </c>
      <c r="J41410" s="1" t="s">
        <v>141856</v>
      </c>
    </row>
    <row r="41411" spans="1:10" x14ac:dyDescent="0.35">
      <c r="A41411" s="1" t="s">
        <v>9338</v>
      </c>
      <c r="B41411" s="1" t="s">
        <v>140956</v>
      </c>
      <c r="C41411" s="1" t="s">
        <v>145</v>
      </c>
      <c r="D41411" s="1" t="s">
        <v>24551</v>
      </c>
      <c r="E41411" s="1" t="s">
        <v>141857</v>
      </c>
      <c r="F41411" s="1" t="s">
        <v>141858</v>
      </c>
      <c r="G41411" s="1" t="s">
        <v>141766</v>
      </c>
      <c r="H41411" s="1" t="s">
        <v>141767</v>
      </c>
      <c r="I41411" s="1" t="s">
        <v>140961</v>
      </c>
      <c r="J41411" s="1" t="s">
        <v>141859</v>
      </c>
    </row>
    <row r="41412" spans="1:10" x14ac:dyDescent="0.35">
      <c r="A41412" s="1" t="s">
        <v>9338</v>
      </c>
      <c r="B41412" s="1" t="s">
        <v>140956</v>
      </c>
      <c r="C41412" s="1" t="s">
        <v>150</v>
      </c>
      <c r="D41412" s="1" t="s">
        <v>141860</v>
      </c>
      <c r="E41412" s="1" t="s">
        <v>141861</v>
      </c>
      <c r="F41412" s="1" t="s">
        <v>141862</v>
      </c>
      <c r="G41412" s="1" t="s">
        <v>141766</v>
      </c>
      <c r="H41412" s="1" t="s">
        <v>141767</v>
      </c>
      <c r="I41412" s="1" t="s">
        <v>140961</v>
      </c>
      <c r="J41412" s="1" t="s">
        <v>141863</v>
      </c>
    </row>
    <row r="41413" spans="1:10" x14ac:dyDescent="0.35">
      <c r="A41413" s="1" t="s">
        <v>9338</v>
      </c>
      <c r="B41413" s="1" t="s">
        <v>140956</v>
      </c>
      <c r="C41413" s="1" t="s">
        <v>155</v>
      </c>
      <c r="D41413" s="1" t="s">
        <v>65804</v>
      </c>
      <c r="E41413" s="1" t="s">
        <v>141864</v>
      </c>
      <c r="F41413" s="1" t="s">
        <v>141865</v>
      </c>
      <c r="G41413" s="1" t="s">
        <v>141766</v>
      </c>
      <c r="H41413" s="1" t="s">
        <v>141767</v>
      </c>
      <c r="I41413" s="1" t="s">
        <v>140961</v>
      </c>
      <c r="J41413" s="1" t="s">
        <v>141866</v>
      </c>
    </row>
    <row r="41414" spans="1:10" x14ac:dyDescent="0.35">
      <c r="A41414" s="1" t="s">
        <v>9338</v>
      </c>
      <c r="B41414" s="1" t="s">
        <v>140956</v>
      </c>
      <c r="C41414" s="1" t="s">
        <v>160</v>
      </c>
      <c r="D41414" s="1" t="s">
        <v>22395</v>
      </c>
      <c r="E41414" s="1" t="s">
        <v>141867</v>
      </c>
      <c r="F41414" s="1" t="s">
        <v>141868</v>
      </c>
      <c r="G41414" s="1" t="s">
        <v>141766</v>
      </c>
      <c r="H41414" s="1" t="s">
        <v>141767</v>
      </c>
      <c r="I41414" s="1" t="s">
        <v>140961</v>
      </c>
      <c r="J41414" s="1" t="s">
        <v>141869</v>
      </c>
    </row>
    <row r="41415" spans="1:10" x14ac:dyDescent="0.35">
      <c r="A41415" s="1" t="s">
        <v>9338</v>
      </c>
      <c r="B41415" s="1" t="s">
        <v>140956</v>
      </c>
      <c r="C41415" s="1" t="s">
        <v>165</v>
      </c>
      <c r="D41415" s="1" t="s">
        <v>141870</v>
      </c>
      <c r="E41415" s="1" t="s">
        <v>141871</v>
      </c>
      <c r="F41415" s="1" t="s">
        <v>141872</v>
      </c>
      <c r="G41415" s="1" t="s">
        <v>141766</v>
      </c>
      <c r="H41415" s="1" t="s">
        <v>141767</v>
      </c>
      <c r="I41415" s="1" t="s">
        <v>140961</v>
      </c>
      <c r="J41415" s="1" t="s">
        <v>141873</v>
      </c>
    </row>
    <row r="41416" spans="1:10" x14ac:dyDescent="0.35">
      <c r="A41416" s="1" t="s">
        <v>9338</v>
      </c>
      <c r="B41416" s="1" t="s">
        <v>140956</v>
      </c>
      <c r="C41416" s="1" t="s">
        <v>170</v>
      </c>
      <c r="D41416" s="1" t="s">
        <v>93636</v>
      </c>
      <c r="E41416" s="1" t="s">
        <v>141874</v>
      </c>
      <c r="F41416" s="1" t="s">
        <v>141875</v>
      </c>
      <c r="G41416" s="1" t="s">
        <v>141766</v>
      </c>
      <c r="H41416" s="1" t="s">
        <v>141767</v>
      </c>
      <c r="I41416" s="1" t="s">
        <v>140961</v>
      </c>
      <c r="J41416" s="1" t="s">
        <v>141876</v>
      </c>
    </row>
    <row r="41417" spans="1:10" x14ac:dyDescent="0.35">
      <c r="A41417" s="1" t="s">
        <v>12899</v>
      </c>
      <c r="B41417" s="1" t="s">
        <v>140956</v>
      </c>
      <c r="C41417" s="1" t="s">
        <v>8</v>
      </c>
      <c r="D41417" s="1" t="s">
        <v>141877</v>
      </c>
      <c r="E41417" s="1" t="s">
        <v>141878</v>
      </c>
      <c r="F41417" s="1" t="s">
        <v>141879</v>
      </c>
      <c r="G41417" s="1" t="s">
        <v>141880</v>
      </c>
      <c r="H41417" s="1" t="s">
        <v>141881</v>
      </c>
      <c r="I41417" s="1" t="s">
        <v>140961</v>
      </c>
      <c r="J41417" s="1" t="s">
        <v>13</v>
      </c>
    </row>
    <row r="41418" spans="1:10" x14ac:dyDescent="0.35">
      <c r="A41418" s="1" t="s">
        <v>12899</v>
      </c>
      <c r="B41418" s="1" t="s">
        <v>140956</v>
      </c>
      <c r="C41418" s="1" t="s">
        <v>15</v>
      </c>
      <c r="D41418" s="1" t="s">
        <v>37019</v>
      </c>
      <c r="E41418" s="1" t="s">
        <v>141882</v>
      </c>
      <c r="F41418" s="1" t="s">
        <v>141883</v>
      </c>
      <c r="G41418" s="1" t="s">
        <v>141880</v>
      </c>
      <c r="H41418" s="1" t="s">
        <v>141881</v>
      </c>
      <c r="I41418" s="1" t="s">
        <v>140961</v>
      </c>
      <c r="J41418" s="1" t="s">
        <v>141884</v>
      </c>
    </row>
    <row r="41419" spans="1:10" x14ac:dyDescent="0.35">
      <c r="A41419" s="1" t="s">
        <v>12899</v>
      </c>
      <c r="B41419" s="1" t="s">
        <v>140956</v>
      </c>
      <c r="C41419" s="1" t="s">
        <v>20</v>
      </c>
      <c r="D41419" s="1" t="s">
        <v>141885</v>
      </c>
      <c r="E41419" s="1" t="s">
        <v>141886</v>
      </c>
      <c r="F41419" s="1" t="s">
        <v>141887</v>
      </c>
      <c r="G41419" s="1" t="s">
        <v>141880</v>
      </c>
      <c r="H41419" s="1" t="s">
        <v>141881</v>
      </c>
      <c r="I41419" s="1" t="s">
        <v>140961</v>
      </c>
      <c r="J41419" s="1" t="s">
        <v>141888</v>
      </c>
    </row>
    <row r="41420" spans="1:10" x14ac:dyDescent="0.35">
      <c r="A41420" s="1" t="s">
        <v>12899</v>
      </c>
      <c r="B41420" s="1" t="s">
        <v>140956</v>
      </c>
      <c r="C41420" s="1" t="s">
        <v>25</v>
      </c>
      <c r="D41420" s="1" t="s">
        <v>141889</v>
      </c>
      <c r="E41420" s="1" t="s">
        <v>141890</v>
      </c>
      <c r="F41420" s="1" t="s">
        <v>141891</v>
      </c>
      <c r="G41420" s="1" t="s">
        <v>141880</v>
      </c>
      <c r="H41420" s="1" t="s">
        <v>141881</v>
      </c>
      <c r="I41420" s="1" t="s">
        <v>140961</v>
      </c>
      <c r="J41420" s="1" t="s">
        <v>141892</v>
      </c>
    </row>
    <row r="41421" spans="1:10" x14ac:dyDescent="0.35">
      <c r="A41421" s="1" t="s">
        <v>12899</v>
      </c>
      <c r="B41421" s="1" t="s">
        <v>140956</v>
      </c>
      <c r="C41421" s="1" t="s">
        <v>30</v>
      </c>
      <c r="D41421" s="1" t="s">
        <v>141893</v>
      </c>
      <c r="E41421" s="1" t="s">
        <v>141894</v>
      </c>
      <c r="F41421" s="1" t="s">
        <v>141895</v>
      </c>
      <c r="G41421" s="1" t="s">
        <v>141880</v>
      </c>
      <c r="H41421" s="1" t="s">
        <v>141881</v>
      </c>
      <c r="I41421" s="1" t="s">
        <v>140961</v>
      </c>
      <c r="J41421" s="1" t="s">
        <v>141896</v>
      </c>
    </row>
    <row r="41422" spans="1:10" x14ac:dyDescent="0.35">
      <c r="A41422" s="1" t="s">
        <v>12899</v>
      </c>
      <c r="B41422" s="1" t="s">
        <v>140956</v>
      </c>
      <c r="C41422" s="1" t="s">
        <v>35</v>
      </c>
      <c r="D41422" s="1" t="s">
        <v>47599</v>
      </c>
      <c r="E41422" s="1" t="s">
        <v>141897</v>
      </c>
      <c r="F41422" s="1" t="s">
        <v>141898</v>
      </c>
      <c r="G41422" s="1" t="s">
        <v>141880</v>
      </c>
      <c r="H41422" s="1" t="s">
        <v>141881</v>
      </c>
      <c r="I41422" s="1" t="s">
        <v>140961</v>
      </c>
      <c r="J41422" s="1" t="s">
        <v>141899</v>
      </c>
    </row>
    <row r="41423" spans="1:10" x14ac:dyDescent="0.35">
      <c r="A41423" s="1" t="s">
        <v>12899</v>
      </c>
      <c r="B41423" s="1" t="s">
        <v>140956</v>
      </c>
      <c r="C41423" s="1" t="s">
        <v>40</v>
      </c>
      <c r="D41423" s="1" t="s">
        <v>141900</v>
      </c>
      <c r="E41423" s="1" t="s">
        <v>141901</v>
      </c>
      <c r="F41423" s="1" t="s">
        <v>141902</v>
      </c>
      <c r="G41423" s="1" t="s">
        <v>141880</v>
      </c>
      <c r="H41423" s="1" t="s">
        <v>141881</v>
      </c>
      <c r="I41423" s="1" t="s">
        <v>140961</v>
      </c>
      <c r="J41423" s="1" t="s">
        <v>141903</v>
      </c>
    </row>
    <row r="41424" spans="1:10" x14ac:dyDescent="0.35">
      <c r="A41424" s="1" t="s">
        <v>12899</v>
      </c>
      <c r="B41424" s="1" t="s">
        <v>140956</v>
      </c>
      <c r="C41424" s="1" t="s">
        <v>45</v>
      </c>
      <c r="D41424" s="1" t="s">
        <v>141904</v>
      </c>
      <c r="E41424" s="1" t="s">
        <v>141905</v>
      </c>
      <c r="F41424" s="1" t="s">
        <v>141906</v>
      </c>
      <c r="G41424" s="1" t="s">
        <v>141880</v>
      </c>
      <c r="H41424" s="1" t="s">
        <v>141881</v>
      </c>
      <c r="I41424" s="1" t="s">
        <v>140961</v>
      </c>
      <c r="J41424" s="1" t="s">
        <v>141907</v>
      </c>
    </row>
    <row r="41425" spans="1:10" x14ac:dyDescent="0.35">
      <c r="A41425" s="1" t="s">
        <v>12899</v>
      </c>
      <c r="B41425" s="1" t="s">
        <v>140956</v>
      </c>
      <c r="C41425" s="1" t="s">
        <v>50</v>
      </c>
      <c r="D41425" s="1" t="s">
        <v>141908</v>
      </c>
      <c r="E41425" s="1" t="s">
        <v>141909</v>
      </c>
      <c r="F41425" s="1" t="s">
        <v>141910</v>
      </c>
      <c r="G41425" s="1" t="s">
        <v>141880</v>
      </c>
      <c r="H41425" s="1" t="s">
        <v>141881</v>
      </c>
      <c r="I41425" s="1" t="s">
        <v>140961</v>
      </c>
      <c r="J41425" s="1" t="s">
        <v>141911</v>
      </c>
    </row>
    <row r="41426" spans="1:10" x14ac:dyDescent="0.35">
      <c r="A41426" s="1" t="s">
        <v>12899</v>
      </c>
      <c r="B41426" s="1" t="s">
        <v>140956</v>
      </c>
      <c r="C41426" s="1" t="s">
        <v>55</v>
      </c>
      <c r="D41426" s="1" t="s">
        <v>141912</v>
      </c>
      <c r="E41426" s="1" t="s">
        <v>141913</v>
      </c>
      <c r="F41426" s="1" t="s">
        <v>141914</v>
      </c>
      <c r="G41426" s="1" t="s">
        <v>141880</v>
      </c>
      <c r="H41426" s="1" t="s">
        <v>141881</v>
      </c>
      <c r="I41426" s="1" t="s">
        <v>140961</v>
      </c>
      <c r="J41426" s="1" t="s">
        <v>141915</v>
      </c>
    </row>
    <row r="41427" spans="1:10" x14ac:dyDescent="0.35">
      <c r="A41427" s="1" t="s">
        <v>12899</v>
      </c>
      <c r="B41427" s="1" t="s">
        <v>140956</v>
      </c>
      <c r="C41427" s="1" t="s">
        <v>60</v>
      </c>
      <c r="D41427" s="1" t="s">
        <v>141916</v>
      </c>
      <c r="E41427" s="1" t="s">
        <v>141917</v>
      </c>
      <c r="F41427" s="1" t="s">
        <v>141918</v>
      </c>
      <c r="G41427" s="1" t="s">
        <v>141880</v>
      </c>
      <c r="H41427" s="1" t="s">
        <v>141881</v>
      </c>
      <c r="I41427" s="1" t="s">
        <v>140961</v>
      </c>
      <c r="J41427" s="1" t="s">
        <v>141919</v>
      </c>
    </row>
    <row r="41428" spans="1:10" x14ac:dyDescent="0.35">
      <c r="A41428" s="1" t="s">
        <v>12899</v>
      </c>
      <c r="B41428" s="1" t="s">
        <v>140956</v>
      </c>
      <c r="C41428" s="1" t="s">
        <v>65</v>
      </c>
      <c r="D41428" s="1" t="s">
        <v>141920</v>
      </c>
      <c r="E41428" s="1" t="s">
        <v>141921</v>
      </c>
      <c r="F41428" s="1" t="s">
        <v>141922</v>
      </c>
      <c r="G41428" s="1" t="s">
        <v>141880</v>
      </c>
      <c r="H41428" s="1" t="s">
        <v>141881</v>
      </c>
      <c r="I41428" s="1" t="s">
        <v>140961</v>
      </c>
      <c r="J41428" s="1" t="s">
        <v>141923</v>
      </c>
    </row>
    <row r="41429" spans="1:10" x14ac:dyDescent="0.35">
      <c r="A41429" s="1" t="s">
        <v>12899</v>
      </c>
      <c r="B41429" s="1" t="s">
        <v>140956</v>
      </c>
      <c r="C41429" s="1" t="s">
        <v>70</v>
      </c>
      <c r="D41429" s="1" t="s">
        <v>141924</v>
      </c>
      <c r="E41429" s="1" t="s">
        <v>141925</v>
      </c>
      <c r="F41429" s="1" t="s">
        <v>141926</v>
      </c>
      <c r="G41429" s="1" t="s">
        <v>141880</v>
      </c>
      <c r="H41429" s="1" t="s">
        <v>141881</v>
      </c>
      <c r="I41429" s="1" t="s">
        <v>140961</v>
      </c>
      <c r="J41429" s="1" t="s">
        <v>141927</v>
      </c>
    </row>
    <row r="41430" spans="1:10" x14ac:dyDescent="0.35">
      <c r="A41430" s="1" t="s">
        <v>12899</v>
      </c>
      <c r="B41430" s="1" t="s">
        <v>140956</v>
      </c>
      <c r="C41430" s="1" t="s">
        <v>75</v>
      </c>
      <c r="D41430" s="1" t="s">
        <v>13494</v>
      </c>
      <c r="E41430" s="1" t="s">
        <v>141928</v>
      </c>
      <c r="F41430" s="1" t="s">
        <v>141929</v>
      </c>
      <c r="G41430" s="1" t="s">
        <v>141880</v>
      </c>
      <c r="H41430" s="1" t="s">
        <v>141881</v>
      </c>
      <c r="I41430" s="1" t="s">
        <v>140961</v>
      </c>
      <c r="J41430" s="1" t="s">
        <v>141930</v>
      </c>
    </row>
    <row r="41431" spans="1:10" x14ac:dyDescent="0.35">
      <c r="A41431" s="1" t="s">
        <v>12899</v>
      </c>
      <c r="B41431" s="1" t="s">
        <v>140956</v>
      </c>
      <c r="C41431" s="1" t="s">
        <v>80</v>
      </c>
      <c r="D41431" s="1" t="s">
        <v>141931</v>
      </c>
      <c r="E41431" s="1" t="s">
        <v>141932</v>
      </c>
      <c r="F41431" s="1" t="s">
        <v>141933</v>
      </c>
      <c r="G41431" s="1" t="s">
        <v>141880</v>
      </c>
      <c r="H41431" s="1" t="s">
        <v>141881</v>
      </c>
      <c r="I41431" s="1" t="s">
        <v>140961</v>
      </c>
      <c r="J41431" s="1" t="s">
        <v>141934</v>
      </c>
    </row>
    <row r="41432" spans="1:10" x14ac:dyDescent="0.35">
      <c r="A41432" s="1" t="s">
        <v>12899</v>
      </c>
      <c r="B41432" s="1" t="s">
        <v>140956</v>
      </c>
      <c r="C41432" s="1" t="s">
        <v>85</v>
      </c>
      <c r="D41432" s="1" t="s">
        <v>141935</v>
      </c>
      <c r="E41432" s="1" t="s">
        <v>141936</v>
      </c>
      <c r="F41432" s="1" t="s">
        <v>141937</v>
      </c>
      <c r="G41432" s="1" t="s">
        <v>141880</v>
      </c>
      <c r="H41432" s="1" t="s">
        <v>141881</v>
      </c>
      <c r="I41432" s="1" t="s">
        <v>140961</v>
      </c>
      <c r="J41432" s="1" t="s">
        <v>141938</v>
      </c>
    </row>
    <row r="41433" spans="1:10" x14ac:dyDescent="0.35">
      <c r="A41433" s="1" t="s">
        <v>12899</v>
      </c>
      <c r="B41433" s="1" t="s">
        <v>140956</v>
      </c>
      <c r="C41433" s="1" t="s">
        <v>90</v>
      </c>
      <c r="D41433" s="1" t="s">
        <v>91501</v>
      </c>
      <c r="E41433" s="1" t="s">
        <v>141939</v>
      </c>
      <c r="F41433" s="1" t="s">
        <v>141940</v>
      </c>
      <c r="G41433" s="1" t="s">
        <v>141880</v>
      </c>
      <c r="H41433" s="1" t="s">
        <v>141881</v>
      </c>
      <c r="I41433" s="1" t="s">
        <v>140961</v>
      </c>
      <c r="J41433" s="1" t="s">
        <v>141941</v>
      </c>
    </row>
    <row r="41434" spans="1:10" x14ac:dyDescent="0.35">
      <c r="A41434" s="1" t="s">
        <v>12899</v>
      </c>
      <c r="B41434" s="1" t="s">
        <v>140956</v>
      </c>
      <c r="C41434" s="1" t="s">
        <v>95</v>
      </c>
      <c r="D41434" s="1" t="s">
        <v>126218</v>
      </c>
      <c r="E41434" s="1" t="s">
        <v>141942</v>
      </c>
      <c r="F41434" s="1" t="s">
        <v>141943</v>
      </c>
      <c r="G41434" s="1" t="s">
        <v>141880</v>
      </c>
      <c r="H41434" s="1" t="s">
        <v>141881</v>
      </c>
      <c r="I41434" s="1" t="s">
        <v>140961</v>
      </c>
      <c r="J41434" s="1" t="s">
        <v>141944</v>
      </c>
    </row>
    <row r="41435" spans="1:10" x14ac:dyDescent="0.35">
      <c r="A41435" s="1" t="s">
        <v>12899</v>
      </c>
      <c r="B41435" s="1" t="s">
        <v>140956</v>
      </c>
      <c r="C41435" s="1" t="s">
        <v>100</v>
      </c>
      <c r="D41435" s="1" t="s">
        <v>56081</v>
      </c>
      <c r="E41435" s="1" t="s">
        <v>141945</v>
      </c>
      <c r="F41435" s="1" t="s">
        <v>141946</v>
      </c>
      <c r="G41435" s="1" t="s">
        <v>141880</v>
      </c>
      <c r="H41435" s="1" t="s">
        <v>141881</v>
      </c>
      <c r="I41435" s="1" t="s">
        <v>140961</v>
      </c>
      <c r="J41435" s="1" t="s">
        <v>141947</v>
      </c>
    </row>
    <row r="41436" spans="1:10" x14ac:dyDescent="0.35">
      <c r="A41436" s="1" t="s">
        <v>12899</v>
      </c>
      <c r="B41436" s="1" t="s">
        <v>140956</v>
      </c>
      <c r="C41436" s="1" t="s">
        <v>105</v>
      </c>
      <c r="D41436" s="1" t="s">
        <v>102222</v>
      </c>
      <c r="E41436" s="1" t="s">
        <v>141948</v>
      </c>
      <c r="F41436" s="1" t="s">
        <v>141949</v>
      </c>
      <c r="G41436" s="1" t="s">
        <v>141880</v>
      </c>
      <c r="H41436" s="1" t="s">
        <v>141881</v>
      </c>
      <c r="I41436" s="1" t="s">
        <v>140961</v>
      </c>
      <c r="J41436" s="1" t="s">
        <v>141950</v>
      </c>
    </row>
    <row r="41437" spans="1:10" x14ac:dyDescent="0.35">
      <c r="A41437" s="1" t="s">
        <v>12899</v>
      </c>
      <c r="B41437" s="1" t="s">
        <v>140956</v>
      </c>
      <c r="C41437" s="1" t="s">
        <v>110</v>
      </c>
      <c r="D41437" s="1" t="s">
        <v>141951</v>
      </c>
      <c r="E41437" s="1" t="s">
        <v>141952</v>
      </c>
      <c r="F41437" s="1" t="s">
        <v>141953</v>
      </c>
      <c r="G41437" s="1" t="s">
        <v>141880</v>
      </c>
      <c r="H41437" s="1" t="s">
        <v>141881</v>
      </c>
      <c r="I41437" s="1" t="s">
        <v>140961</v>
      </c>
      <c r="J41437" s="1" t="s">
        <v>141954</v>
      </c>
    </row>
    <row r="41438" spans="1:10" x14ac:dyDescent="0.35">
      <c r="A41438" s="1" t="s">
        <v>12899</v>
      </c>
      <c r="B41438" s="1" t="s">
        <v>140956</v>
      </c>
      <c r="C41438" s="1" t="s">
        <v>115</v>
      </c>
      <c r="D41438" s="1" t="s">
        <v>132169</v>
      </c>
      <c r="E41438" s="1" t="s">
        <v>141955</v>
      </c>
      <c r="F41438" s="1" t="s">
        <v>141956</v>
      </c>
      <c r="G41438" s="1" t="s">
        <v>141880</v>
      </c>
      <c r="H41438" s="1" t="s">
        <v>141881</v>
      </c>
      <c r="I41438" s="1" t="s">
        <v>140961</v>
      </c>
      <c r="J41438" s="1" t="s">
        <v>141957</v>
      </c>
    </row>
    <row r="41439" spans="1:10" x14ac:dyDescent="0.35">
      <c r="A41439" s="1" t="s">
        <v>12899</v>
      </c>
      <c r="B41439" s="1" t="s">
        <v>140956</v>
      </c>
      <c r="C41439" s="1" t="s">
        <v>120</v>
      </c>
      <c r="D41439" s="1" t="s">
        <v>141958</v>
      </c>
      <c r="E41439" s="1" t="s">
        <v>141959</v>
      </c>
      <c r="F41439" s="1" t="s">
        <v>141960</v>
      </c>
      <c r="G41439" s="1" t="s">
        <v>141880</v>
      </c>
      <c r="H41439" s="1" t="s">
        <v>141881</v>
      </c>
      <c r="I41439" s="1" t="s">
        <v>140961</v>
      </c>
      <c r="J41439" s="1" t="s">
        <v>141961</v>
      </c>
    </row>
    <row r="41440" spans="1:10" x14ac:dyDescent="0.35">
      <c r="A41440" s="1" t="s">
        <v>12899</v>
      </c>
      <c r="B41440" s="1" t="s">
        <v>140956</v>
      </c>
      <c r="C41440" s="1" t="s">
        <v>125</v>
      </c>
      <c r="D41440" s="1" t="s">
        <v>141962</v>
      </c>
      <c r="E41440" s="1" t="s">
        <v>141963</v>
      </c>
      <c r="F41440" s="1" t="s">
        <v>141964</v>
      </c>
      <c r="G41440" s="1" t="s">
        <v>141880</v>
      </c>
      <c r="H41440" s="1" t="s">
        <v>141881</v>
      </c>
      <c r="I41440" s="1" t="s">
        <v>140961</v>
      </c>
      <c r="J41440" s="1" t="s">
        <v>141965</v>
      </c>
    </row>
    <row r="41441" spans="1:10" x14ac:dyDescent="0.35">
      <c r="A41441" s="1" t="s">
        <v>12899</v>
      </c>
      <c r="B41441" s="1" t="s">
        <v>140956</v>
      </c>
      <c r="C41441" s="1" t="s">
        <v>130</v>
      </c>
      <c r="D41441" s="1" t="s">
        <v>77116</v>
      </c>
      <c r="E41441" s="1" t="s">
        <v>141966</v>
      </c>
      <c r="F41441" s="1" t="s">
        <v>141967</v>
      </c>
      <c r="G41441" s="1" t="s">
        <v>141880</v>
      </c>
      <c r="H41441" s="1" t="s">
        <v>141881</v>
      </c>
      <c r="I41441" s="1" t="s">
        <v>140961</v>
      </c>
      <c r="J41441" s="1" t="s">
        <v>141968</v>
      </c>
    </row>
    <row r="41442" spans="1:10" x14ac:dyDescent="0.35">
      <c r="A41442" s="1" t="s">
        <v>12899</v>
      </c>
      <c r="B41442" s="1" t="s">
        <v>140956</v>
      </c>
      <c r="C41442" s="1" t="s">
        <v>135</v>
      </c>
      <c r="D41442" s="1" t="s">
        <v>52841</v>
      </c>
      <c r="E41442" s="1" t="s">
        <v>141969</v>
      </c>
      <c r="F41442" s="1" t="s">
        <v>141970</v>
      </c>
      <c r="G41442" s="1" t="s">
        <v>141880</v>
      </c>
      <c r="H41442" s="1" t="s">
        <v>141881</v>
      </c>
      <c r="I41442" s="1" t="s">
        <v>140961</v>
      </c>
      <c r="J41442" s="1" t="s">
        <v>141971</v>
      </c>
    </row>
    <row r="41443" spans="1:10" x14ac:dyDescent="0.35">
      <c r="A41443" s="1" t="s">
        <v>12899</v>
      </c>
      <c r="B41443" s="1" t="s">
        <v>140956</v>
      </c>
      <c r="C41443" s="1" t="s">
        <v>140</v>
      </c>
      <c r="D41443" s="1" t="s">
        <v>136355</v>
      </c>
      <c r="E41443" s="1" t="s">
        <v>141972</v>
      </c>
      <c r="F41443" s="1" t="s">
        <v>141973</v>
      </c>
      <c r="G41443" s="1" t="s">
        <v>141880</v>
      </c>
      <c r="H41443" s="1" t="s">
        <v>141881</v>
      </c>
      <c r="I41443" s="1" t="s">
        <v>140961</v>
      </c>
      <c r="J41443" s="1" t="s">
        <v>141974</v>
      </c>
    </row>
    <row r="41444" spans="1:10" x14ac:dyDescent="0.35">
      <c r="A41444" s="1" t="s">
        <v>12899</v>
      </c>
      <c r="B41444" s="1" t="s">
        <v>140956</v>
      </c>
      <c r="C41444" s="1" t="s">
        <v>145</v>
      </c>
      <c r="D41444" s="1" t="s">
        <v>141975</v>
      </c>
      <c r="E41444" s="1" t="s">
        <v>141976</v>
      </c>
      <c r="F41444" s="1" t="s">
        <v>141977</v>
      </c>
      <c r="G41444" s="1" t="s">
        <v>141880</v>
      </c>
      <c r="H41444" s="1" t="s">
        <v>141881</v>
      </c>
      <c r="I41444" s="1" t="s">
        <v>140961</v>
      </c>
      <c r="J41444" s="1" t="s">
        <v>141978</v>
      </c>
    </row>
    <row r="41445" spans="1:10" x14ac:dyDescent="0.35">
      <c r="A41445" s="1" t="s">
        <v>12899</v>
      </c>
      <c r="B41445" s="1" t="s">
        <v>140956</v>
      </c>
      <c r="C41445" s="1" t="s">
        <v>150</v>
      </c>
      <c r="D41445" s="1" t="s">
        <v>69620</v>
      </c>
      <c r="E41445" s="1" t="s">
        <v>141979</v>
      </c>
      <c r="F41445" s="1" t="s">
        <v>141980</v>
      </c>
      <c r="G41445" s="1" t="s">
        <v>141880</v>
      </c>
      <c r="H41445" s="1" t="s">
        <v>141881</v>
      </c>
      <c r="I41445" s="1" t="s">
        <v>140961</v>
      </c>
      <c r="J41445" s="1" t="s">
        <v>141981</v>
      </c>
    </row>
    <row r="41446" spans="1:10" x14ac:dyDescent="0.35">
      <c r="A41446" s="1" t="s">
        <v>12899</v>
      </c>
      <c r="B41446" s="1" t="s">
        <v>140956</v>
      </c>
      <c r="C41446" s="1" t="s">
        <v>155</v>
      </c>
      <c r="D41446" s="1" t="s">
        <v>23442</v>
      </c>
      <c r="E41446" s="1" t="s">
        <v>141982</v>
      </c>
      <c r="F41446" s="1" t="s">
        <v>141983</v>
      </c>
      <c r="G41446" s="1" t="s">
        <v>141880</v>
      </c>
      <c r="H41446" s="1" t="s">
        <v>141881</v>
      </c>
      <c r="I41446" s="1" t="s">
        <v>140961</v>
      </c>
      <c r="J41446" s="1" t="s">
        <v>141984</v>
      </c>
    </row>
    <row r="41447" spans="1:10" x14ac:dyDescent="0.35">
      <c r="A41447" s="1" t="s">
        <v>12899</v>
      </c>
      <c r="B41447" s="1" t="s">
        <v>140956</v>
      </c>
      <c r="C41447" s="1" t="s">
        <v>160</v>
      </c>
      <c r="D41447" s="1" t="s">
        <v>99970</v>
      </c>
      <c r="E41447" s="1" t="s">
        <v>141985</v>
      </c>
      <c r="F41447" s="1" t="s">
        <v>141986</v>
      </c>
      <c r="G41447" s="1" t="s">
        <v>141880</v>
      </c>
      <c r="H41447" s="1" t="s">
        <v>141881</v>
      </c>
      <c r="I41447" s="1" t="s">
        <v>140961</v>
      </c>
      <c r="J41447" s="1" t="s">
        <v>141987</v>
      </c>
    </row>
    <row r="41448" spans="1:10" x14ac:dyDescent="0.35">
      <c r="A41448" s="1" t="s">
        <v>12899</v>
      </c>
      <c r="B41448" s="1" t="s">
        <v>140956</v>
      </c>
      <c r="C41448" s="1" t="s">
        <v>165</v>
      </c>
      <c r="D41448" s="1" t="s">
        <v>96447</v>
      </c>
      <c r="E41448" s="1" t="s">
        <v>141988</v>
      </c>
      <c r="F41448" s="1" t="s">
        <v>141989</v>
      </c>
      <c r="G41448" s="1" t="s">
        <v>141880</v>
      </c>
      <c r="H41448" s="1" t="s">
        <v>141881</v>
      </c>
      <c r="I41448" s="1" t="s">
        <v>140961</v>
      </c>
      <c r="J41448" s="1" t="s">
        <v>141990</v>
      </c>
    </row>
    <row r="41449" spans="1:10" x14ac:dyDescent="0.35">
      <c r="A41449" s="1" t="s">
        <v>12899</v>
      </c>
      <c r="B41449" s="1" t="s">
        <v>140956</v>
      </c>
      <c r="C41449" s="1" t="s">
        <v>170</v>
      </c>
      <c r="D41449" s="1" t="s">
        <v>141991</v>
      </c>
      <c r="E41449" s="1" t="s">
        <v>141992</v>
      </c>
      <c r="F41449" s="1" t="s">
        <v>141993</v>
      </c>
      <c r="G41449" s="1" t="s">
        <v>141880</v>
      </c>
      <c r="H41449" s="1" t="s">
        <v>141881</v>
      </c>
      <c r="I41449" s="1" t="s">
        <v>140961</v>
      </c>
      <c r="J41449" s="1" t="s">
        <v>141994</v>
      </c>
    </row>
    <row r="41450" spans="1:10" x14ac:dyDescent="0.35">
      <c r="A41450" s="1" t="s">
        <v>4321</v>
      </c>
      <c r="B41450" s="1" t="s">
        <v>140956</v>
      </c>
      <c r="C41450" s="1" t="s">
        <v>8</v>
      </c>
      <c r="D41450" s="1" t="s">
        <v>141995</v>
      </c>
      <c r="E41450" s="1" t="s">
        <v>141996</v>
      </c>
      <c r="F41450" s="1" t="s">
        <v>141997</v>
      </c>
      <c r="G41450" s="1" t="s">
        <v>141998</v>
      </c>
      <c r="H41450" s="1" t="s">
        <v>141999</v>
      </c>
      <c r="I41450" s="1" t="s">
        <v>140961</v>
      </c>
      <c r="J41450" s="1" t="s">
        <v>13</v>
      </c>
    </row>
    <row r="41451" spans="1:10" x14ac:dyDescent="0.35">
      <c r="A41451" s="1" t="s">
        <v>4321</v>
      </c>
      <c r="B41451" s="1" t="s">
        <v>140956</v>
      </c>
      <c r="C41451" s="1" t="s">
        <v>15</v>
      </c>
      <c r="D41451" s="1" t="s">
        <v>142000</v>
      </c>
      <c r="E41451" s="1" t="s">
        <v>142001</v>
      </c>
      <c r="F41451" s="1" t="s">
        <v>142002</v>
      </c>
      <c r="G41451" s="1" t="s">
        <v>141998</v>
      </c>
      <c r="H41451" s="1" t="s">
        <v>141999</v>
      </c>
      <c r="I41451" s="1" t="s">
        <v>140961</v>
      </c>
      <c r="J41451" s="1" t="s">
        <v>142003</v>
      </c>
    </row>
    <row r="41452" spans="1:10" x14ac:dyDescent="0.35">
      <c r="A41452" s="1" t="s">
        <v>4321</v>
      </c>
      <c r="B41452" s="1" t="s">
        <v>140956</v>
      </c>
      <c r="C41452" s="1" t="s">
        <v>20</v>
      </c>
      <c r="D41452" s="1" t="s">
        <v>142004</v>
      </c>
      <c r="E41452" s="1" t="s">
        <v>142005</v>
      </c>
      <c r="F41452" s="1" t="s">
        <v>142006</v>
      </c>
      <c r="G41452" s="1" t="s">
        <v>141998</v>
      </c>
      <c r="H41452" s="1" t="s">
        <v>141999</v>
      </c>
      <c r="I41452" s="1" t="s">
        <v>140961</v>
      </c>
      <c r="J41452" s="1" t="s">
        <v>142007</v>
      </c>
    </row>
    <row r="41453" spans="1:10" x14ac:dyDescent="0.35">
      <c r="A41453" s="1" t="s">
        <v>4321</v>
      </c>
      <c r="B41453" s="1" t="s">
        <v>140956</v>
      </c>
      <c r="C41453" s="1" t="s">
        <v>25</v>
      </c>
      <c r="D41453" s="1" t="s">
        <v>142008</v>
      </c>
      <c r="E41453" s="1" t="s">
        <v>142009</v>
      </c>
      <c r="F41453" s="1" t="s">
        <v>142010</v>
      </c>
      <c r="G41453" s="1" t="s">
        <v>141998</v>
      </c>
      <c r="H41453" s="1" t="s">
        <v>141999</v>
      </c>
      <c r="I41453" s="1" t="s">
        <v>140961</v>
      </c>
      <c r="J41453" s="1" t="s">
        <v>142011</v>
      </c>
    </row>
    <row r="41454" spans="1:10" x14ac:dyDescent="0.35">
      <c r="A41454" s="1" t="s">
        <v>4321</v>
      </c>
      <c r="B41454" s="1" t="s">
        <v>140956</v>
      </c>
      <c r="C41454" s="1" t="s">
        <v>30</v>
      </c>
      <c r="D41454" s="1" t="s">
        <v>142012</v>
      </c>
      <c r="E41454" s="1" t="s">
        <v>142013</v>
      </c>
      <c r="F41454" s="1" t="s">
        <v>142014</v>
      </c>
      <c r="G41454" s="1" t="s">
        <v>141998</v>
      </c>
      <c r="H41454" s="1" t="s">
        <v>141999</v>
      </c>
      <c r="I41454" s="1" t="s">
        <v>140961</v>
      </c>
      <c r="J41454" s="1" t="s">
        <v>142015</v>
      </c>
    </row>
    <row r="41455" spans="1:10" x14ac:dyDescent="0.35">
      <c r="A41455" s="1" t="s">
        <v>4321</v>
      </c>
      <c r="B41455" s="1" t="s">
        <v>140956</v>
      </c>
      <c r="C41455" s="1" t="s">
        <v>35</v>
      </c>
      <c r="D41455" s="1" t="s">
        <v>142016</v>
      </c>
      <c r="E41455" s="1" t="s">
        <v>142017</v>
      </c>
      <c r="F41455" s="1" t="s">
        <v>142018</v>
      </c>
      <c r="G41455" s="1" t="s">
        <v>141998</v>
      </c>
      <c r="H41455" s="1" t="s">
        <v>141999</v>
      </c>
      <c r="I41455" s="1" t="s">
        <v>140961</v>
      </c>
      <c r="J41455" s="1" t="s">
        <v>142019</v>
      </c>
    </row>
    <row r="41456" spans="1:10" x14ac:dyDescent="0.35">
      <c r="A41456" s="1" t="s">
        <v>4321</v>
      </c>
      <c r="B41456" s="1" t="s">
        <v>140956</v>
      </c>
      <c r="C41456" s="1" t="s">
        <v>40</v>
      </c>
      <c r="D41456" s="1" t="s">
        <v>30558</v>
      </c>
      <c r="E41456" s="1" t="s">
        <v>142020</v>
      </c>
      <c r="F41456" s="1" t="s">
        <v>142021</v>
      </c>
      <c r="G41456" s="1" t="s">
        <v>141998</v>
      </c>
      <c r="H41456" s="1" t="s">
        <v>141999</v>
      </c>
      <c r="I41456" s="1" t="s">
        <v>140961</v>
      </c>
      <c r="J41456" s="1" t="s">
        <v>142022</v>
      </c>
    </row>
    <row r="41457" spans="1:10" x14ac:dyDescent="0.35">
      <c r="A41457" s="1" t="s">
        <v>4321</v>
      </c>
      <c r="B41457" s="1" t="s">
        <v>140956</v>
      </c>
      <c r="C41457" s="1" t="s">
        <v>45</v>
      </c>
      <c r="D41457" s="1" t="s">
        <v>142023</v>
      </c>
      <c r="E41457" s="1" t="s">
        <v>142024</v>
      </c>
      <c r="F41457" s="1" t="s">
        <v>142025</v>
      </c>
      <c r="G41457" s="1" t="s">
        <v>141998</v>
      </c>
      <c r="H41457" s="1" t="s">
        <v>141999</v>
      </c>
      <c r="I41457" s="1" t="s">
        <v>140961</v>
      </c>
      <c r="J41457" s="1" t="s">
        <v>142026</v>
      </c>
    </row>
    <row r="41458" spans="1:10" x14ac:dyDescent="0.35">
      <c r="A41458" s="1" t="s">
        <v>4321</v>
      </c>
      <c r="B41458" s="1" t="s">
        <v>140956</v>
      </c>
      <c r="C41458" s="1" t="s">
        <v>50</v>
      </c>
      <c r="D41458" s="1" t="s">
        <v>75107</v>
      </c>
      <c r="E41458" s="1" t="s">
        <v>142027</v>
      </c>
      <c r="F41458" s="1" t="s">
        <v>142028</v>
      </c>
      <c r="G41458" s="1" t="s">
        <v>141998</v>
      </c>
      <c r="H41458" s="1" t="s">
        <v>141999</v>
      </c>
      <c r="I41458" s="1" t="s">
        <v>140961</v>
      </c>
      <c r="J41458" s="1" t="s">
        <v>142029</v>
      </c>
    </row>
    <row r="41459" spans="1:10" x14ac:dyDescent="0.35">
      <c r="A41459" s="1" t="s">
        <v>4321</v>
      </c>
      <c r="B41459" s="1" t="s">
        <v>140956</v>
      </c>
      <c r="C41459" s="1" t="s">
        <v>55</v>
      </c>
      <c r="D41459" s="1" t="s">
        <v>25655</v>
      </c>
      <c r="E41459" s="1" t="s">
        <v>142030</v>
      </c>
      <c r="F41459" s="1" t="s">
        <v>142031</v>
      </c>
      <c r="G41459" s="1" t="s">
        <v>141998</v>
      </c>
      <c r="H41459" s="1" t="s">
        <v>141999</v>
      </c>
      <c r="I41459" s="1" t="s">
        <v>140961</v>
      </c>
      <c r="J41459" s="1" t="s">
        <v>142032</v>
      </c>
    </row>
    <row r="41460" spans="1:10" x14ac:dyDescent="0.35">
      <c r="A41460" s="1" t="s">
        <v>4321</v>
      </c>
      <c r="B41460" s="1" t="s">
        <v>140956</v>
      </c>
      <c r="C41460" s="1" t="s">
        <v>60</v>
      </c>
      <c r="D41460" s="1" t="s">
        <v>3172</v>
      </c>
      <c r="E41460" s="1" t="s">
        <v>142033</v>
      </c>
      <c r="F41460" s="1" t="s">
        <v>142034</v>
      </c>
      <c r="G41460" s="1" t="s">
        <v>141998</v>
      </c>
      <c r="H41460" s="1" t="s">
        <v>141999</v>
      </c>
      <c r="I41460" s="1" t="s">
        <v>140961</v>
      </c>
      <c r="J41460" s="1" t="s">
        <v>142035</v>
      </c>
    </row>
    <row r="41461" spans="1:10" x14ac:dyDescent="0.35">
      <c r="A41461" s="1" t="s">
        <v>4321</v>
      </c>
      <c r="B41461" s="1" t="s">
        <v>140956</v>
      </c>
      <c r="C41461" s="1" t="s">
        <v>65</v>
      </c>
      <c r="D41461" s="1" t="s">
        <v>142036</v>
      </c>
      <c r="E41461" s="1" t="s">
        <v>142037</v>
      </c>
      <c r="F41461" s="1" t="s">
        <v>142038</v>
      </c>
      <c r="G41461" s="1" t="s">
        <v>141998</v>
      </c>
      <c r="H41461" s="1" t="s">
        <v>141999</v>
      </c>
      <c r="I41461" s="1" t="s">
        <v>140961</v>
      </c>
      <c r="J41461" s="1" t="s">
        <v>142039</v>
      </c>
    </row>
    <row r="41462" spans="1:10" x14ac:dyDescent="0.35">
      <c r="A41462" s="1" t="s">
        <v>4321</v>
      </c>
      <c r="B41462" s="1" t="s">
        <v>140956</v>
      </c>
      <c r="C41462" s="1" t="s">
        <v>70</v>
      </c>
      <c r="D41462" s="1" t="s">
        <v>114179</v>
      </c>
      <c r="E41462" s="1" t="s">
        <v>142040</v>
      </c>
      <c r="F41462" s="1" t="s">
        <v>142041</v>
      </c>
      <c r="G41462" s="1" t="s">
        <v>141998</v>
      </c>
      <c r="H41462" s="1" t="s">
        <v>141999</v>
      </c>
      <c r="I41462" s="1" t="s">
        <v>140961</v>
      </c>
      <c r="J41462" s="1" t="s">
        <v>142042</v>
      </c>
    </row>
    <row r="41463" spans="1:10" x14ac:dyDescent="0.35">
      <c r="A41463" s="1" t="s">
        <v>4321</v>
      </c>
      <c r="B41463" s="1" t="s">
        <v>140956</v>
      </c>
      <c r="C41463" s="1" t="s">
        <v>75</v>
      </c>
      <c r="D41463" s="1" t="s">
        <v>142043</v>
      </c>
      <c r="E41463" s="1" t="s">
        <v>142044</v>
      </c>
      <c r="F41463" s="1" t="s">
        <v>142045</v>
      </c>
      <c r="G41463" s="1" t="s">
        <v>141998</v>
      </c>
      <c r="H41463" s="1" t="s">
        <v>141999</v>
      </c>
      <c r="I41463" s="1" t="s">
        <v>140961</v>
      </c>
      <c r="J41463" s="1" t="s">
        <v>142046</v>
      </c>
    </row>
    <row r="41464" spans="1:10" x14ac:dyDescent="0.35">
      <c r="A41464" s="1" t="s">
        <v>4321</v>
      </c>
      <c r="B41464" s="1" t="s">
        <v>140956</v>
      </c>
      <c r="C41464" s="1" t="s">
        <v>80</v>
      </c>
      <c r="D41464" s="1" t="s">
        <v>142047</v>
      </c>
      <c r="E41464" s="1" t="s">
        <v>142048</v>
      </c>
      <c r="F41464" s="1" t="s">
        <v>142049</v>
      </c>
      <c r="G41464" s="1" t="s">
        <v>141998</v>
      </c>
      <c r="H41464" s="1" t="s">
        <v>141999</v>
      </c>
      <c r="I41464" s="1" t="s">
        <v>140961</v>
      </c>
      <c r="J41464" s="1" t="s">
        <v>142050</v>
      </c>
    </row>
    <row r="41465" spans="1:10" x14ac:dyDescent="0.35">
      <c r="A41465" s="1" t="s">
        <v>4321</v>
      </c>
      <c r="B41465" s="1" t="s">
        <v>140956</v>
      </c>
      <c r="C41465" s="1" t="s">
        <v>85</v>
      </c>
      <c r="D41465" s="1" t="s">
        <v>82106</v>
      </c>
      <c r="E41465" s="1" t="s">
        <v>142051</v>
      </c>
      <c r="F41465" s="1" t="s">
        <v>142052</v>
      </c>
      <c r="G41465" s="1" t="s">
        <v>141998</v>
      </c>
      <c r="H41465" s="1" t="s">
        <v>141999</v>
      </c>
      <c r="I41465" s="1" t="s">
        <v>140961</v>
      </c>
      <c r="J41465" s="1" t="s">
        <v>142053</v>
      </c>
    </row>
    <row r="41466" spans="1:10" x14ac:dyDescent="0.35">
      <c r="A41466" s="1" t="s">
        <v>4321</v>
      </c>
      <c r="B41466" s="1" t="s">
        <v>140956</v>
      </c>
      <c r="C41466" s="1" t="s">
        <v>90</v>
      </c>
      <c r="D41466" s="1" t="s">
        <v>141889</v>
      </c>
      <c r="E41466" s="1" t="s">
        <v>142054</v>
      </c>
      <c r="F41466" s="1" t="s">
        <v>142055</v>
      </c>
      <c r="G41466" s="1" t="s">
        <v>141998</v>
      </c>
      <c r="H41466" s="1" t="s">
        <v>141999</v>
      </c>
      <c r="I41466" s="1" t="s">
        <v>140961</v>
      </c>
      <c r="J41466" s="1" t="s">
        <v>142056</v>
      </c>
    </row>
    <row r="41467" spans="1:10" x14ac:dyDescent="0.35">
      <c r="A41467" s="1" t="s">
        <v>4321</v>
      </c>
      <c r="B41467" s="1" t="s">
        <v>140956</v>
      </c>
      <c r="C41467" s="1" t="s">
        <v>95</v>
      </c>
      <c r="D41467" s="1" t="s">
        <v>107458</v>
      </c>
      <c r="E41467" s="1" t="s">
        <v>142057</v>
      </c>
      <c r="F41467" s="1" t="s">
        <v>142058</v>
      </c>
      <c r="G41467" s="1" t="s">
        <v>141998</v>
      </c>
      <c r="H41467" s="1" t="s">
        <v>141999</v>
      </c>
      <c r="I41467" s="1" t="s">
        <v>140961</v>
      </c>
      <c r="J41467" s="1" t="s">
        <v>142059</v>
      </c>
    </row>
    <row r="41468" spans="1:10" x14ac:dyDescent="0.35">
      <c r="A41468" s="1" t="s">
        <v>4321</v>
      </c>
      <c r="B41468" s="1" t="s">
        <v>140956</v>
      </c>
      <c r="C41468" s="1" t="s">
        <v>100</v>
      </c>
      <c r="D41468" s="1" t="s">
        <v>142060</v>
      </c>
      <c r="E41468" s="1" t="s">
        <v>142061</v>
      </c>
      <c r="F41468" s="1" t="s">
        <v>142062</v>
      </c>
      <c r="G41468" s="1" t="s">
        <v>141998</v>
      </c>
      <c r="H41468" s="1" t="s">
        <v>141999</v>
      </c>
      <c r="I41468" s="1" t="s">
        <v>140961</v>
      </c>
      <c r="J41468" s="1" t="s">
        <v>142063</v>
      </c>
    </row>
    <row r="41469" spans="1:10" x14ac:dyDescent="0.35">
      <c r="A41469" s="1" t="s">
        <v>4321</v>
      </c>
      <c r="B41469" s="1" t="s">
        <v>140956</v>
      </c>
      <c r="C41469" s="1" t="s">
        <v>105</v>
      </c>
      <c r="D41469" s="1" t="s">
        <v>12690</v>
      </c>
      <c r="E41469" s="1" t="s">
        <v>142064</v>
      </c>
      <c r="F41469" s="1" t="s">
        <v>142065</v>
      </c>
      <c r="G41469" s="1" t="s">
        <v>141998</v>
      </c>
      <c r="H41469" s="1" t="s">
        <v>141999</v>
      </c>
      <c r="I41469" s="1" t="s">
        <v>140961</v>
      </c>
      <c r="J41469" s="1" t="s">
        <v>142066</v>
      </c>
    </row>
    <row r="41470" spans="1:10" x14ac:dyDescent="0.35">
      <c r="A41470" s="1" t="s">
        <v>4321</v>
      </c>
      <c r="B41470" s="1" t="s">
        <v>140956</v>
      </c>
      <c r="C41470" s="1" t="s">
        <v>110</v>
      </c>
      <c r="D41470" s="1" t="s">
        <v>142067</v>
      </c>
      <c r="E41470" s="1" t="s">
        <v>142068</v>
      </c>
      <c r="F41470" s="1" t="s">
        <v>142069</v>
      </c>
      <c r="G41470" s="1" t="s">
        <v>141998</v>
      </c>
      <c r="H41470" s="1" t="s">
        <v>141999</v>
      </c>
      <c r="I41470" s="1" t="s">
        <v>140961</v>
      </c>
      <c r="J41470" s="1" t="s">
        <v>142070</v>
      </c>
    </row>
    <row r="41471" spans="1:10" x14ac:dyDescent="0.35">
      <c r="A41471" s="1" t="s">
        <v>4321</v>
      </c>
      <c r="B41471" s="1" t="s">
        <v>140956</v>
      </c>
      <c r="C41471" s="1" t="s">
        <v>115</v>
      </c>
      <c r="D41471" s="1" t="s">
        <v>142071</v>
      </c>
      <c r="E41471" s="1" t="s">
        <v>142072</v>
      </c>
      <c r="F41471" s="1" t="s">
        <v>142073</v>
      </c>
      <c r="G41471" s="1" t="s">
        <v>141998</v>
      </c>
      <c r="H41471" s="1" t="s">
        <v>141999</v>
      </c>
      <c r="I41471" s="1" t="s">
        <v>140961</v>
      </c>
      <c r="J41471" s="1" t="s">
        <v>142074</v>
      </c>
    </row>
    <row r="41472" spans="1:10" x14ac:dyDescent="0.35">
      <c r="A41472" s="1" t="s">
        <v>4321</v>
      </c>
      <c r="B41472" s="1" t="s">
        <v>140956</v>
      </c>
      <c r="C41472" s="1" t="s">
        <v>120</v>
      </c>
      <c r="D41472" s="1" t="s">
        <v>53065</v>
      </c>
      <c r="E41472" s="1" t="s">
        <v>142075</v>
      </c>
      <c r="F41472" s="1" t="s">
        <v>142076</v>
      </c>
      <c r="G41472" s="1" t="s">
        <v>141998</v>
      </c>
      <c r="H41472" s="1" t="s">
        <v>141999</v>
      </c>
      <c r="I41472" s="1" t="s">
        <v>140961</v>
      </c>
      <c r="J41472" s="1" t="s">
        <v>142077</v>
      </c>
    </row>
    <row r="41473" spans="1:10" x14ac:dyDescent="0.35">
      <c r="A41473" s="1" t="s">
        <v>4321</v>
      </c>
      <c r="B41473" s="1" t="s">
        <v>140956</v>
      </c>
      <c r="C41473" s="1" t="s">
        <v>125</v>
      </c>
      <c r="D41473" s="1" t="s">
        <v>142078</v>
      </c>
      <c r="E41473" s="1" t="s">
        <v>142079</v>
      </c>
      <c r="F41473" s="1" t="s">
        <v>142080</v>
      </c>
      <c r="G41473" s="1" t="s">
        <v>141998</v>
      </c>
      <c r="H41473" s="1" t="s">
        <v>141999</v>
      </c>
      <c r="I41473" s="1" t="s">
        <v>140961</v>
      </c>
      <c r="J41473" s="1" t="s">
        <v>142081</v>
      </c>
    </row>
    <row r="41474" spans="1:10" x14ac:dyDescent="0.35">
      <c r="A41474" s="1" t="s">
        <v>4321</v>
      </c>
      <c r="B41474" s="1" t="s">
        <v>140956</v>
      </c>
      <c r="C41474" s="1" t="s">
        <v>130</v>
      </c>
      <c r="D41474" s="1" t="s">
        <v>142082</v>
      </c>
      <c r="E41474" s="1" t="s">
        <v>142083</v>
      </c>
      <c r="F41474" s="1" t="s">
        <v>142084</v>
      </c>
      <c r="G41474" s="1" t="s">
        <v>141998</v>
      </c>
      <c r="H41474" s="1" t="s">
        <v>141999</v>
      </c>
      <c r="I41474" s="1" t="s">
        <v>140961</v>
      </c>
      <c r="J41474" s="1" t="s">
        <v>142085</v>
      </c>
    </row>
    <row r="41475" spans="1:10" x14ac:dyDescent="0.35">
      <c r="A41475" s="1" t="s">
        <v>4321</v>
      </c>
      <c r="B41475" s="1" t="s">
        <v>140956</v>
      </c>
      <c r="C41475" s="1" t="s">
        <v>135</v>
      </c>
      <c r="D41475" s="1" t="s">
        <v>142086</v>
      </c>
      <c r="E41475" s="1" t="s">
        <v>142087</v>
      </c>
      <c r="F41475" s="1" t="s">
        <v>142088</v>
      </c>
      <c r="G41475" s="1" t="s">
        <v>141998</v>
      </c>
      <c r="H41475" s="1" t="s">
        <v>141999</v>
      </c>
      <c r="I41475" s="1" t="s">
        <v>140961</v>
      </c>
      <c r="J41475" s="1" t="s">
        <v>142089</v>
      </c>
    </row>
    <row r="41476" spans="1:10" x14ac:dyDescent="0.35">
      <c r="A41476" s="1" t="s">
        <v>4321</v>
      </c>
      <c r="B41476" s="1" t="s">
        <v>140956</v>
      </c>
      <c r="C41476" s="1" t="s">
        <v>140</v>
      </c>
      <c r="D41476" s="1" t="s">
        <v>142090</v>
      </c>
      <c r="E41476" s="1" t="s">
        <v>142091</v>
      </c>
      <c r="F41476" s="1" t="s">
        <v>142092</v>
      </c>
      <c r="G41476" s="1" t="s">
        <v>141998</v>
      </c>
      <c r="H41476" s="1" t="s">
        <v>141999</v>
      </c>
      <c r="I41476" s="1" t="s">
        <v>140961</v>
      </c>
      <c r="J41476" s="1" t="s">
        <v>142093</v>
      </c>
    </row>
    <row r="41477" spans="1:10" x14ac:dyDescent="0.35">
      <c r="A41477" s="1" t="s">
        <v>4321</v>
      </c>
      <c r="B41477" s="1" t="s">
        <v>140956</v>
      </c>
      <c r="C41477" s="1" t="s">
        <v>145</v>
      </c>
      <c r="D41477" s="1" t="s">
        <v>109133</v>
      </c>
      <c r="E41477" s="1" t="s">
        <v>142094</v>
      </c>
      <c r="F41477" s="1" t="s">
        <v>142095</v>
      </c>
      <c r="G41477" s="1" t="s">
        <v>141998</v>
      </c>
      <c r="H41477" s="1" t="s">
        <v>141999</v>
      </c>
      <c r="I41477" s="1" t="s">
        <v>140961</v>
      </c>
      <c r="J41477" s="1" t="s">
        <v>142096</v>
      </c>
    </row>
    <row r="41478" spans="1:10" x14ac:dyDescent="0.35">
      <c r="A41478" s="1" t="s">
        <v>4321</v>
      </c>
      <c r="B41478" s="1" t="s">
        <v>140956</v>
      </c>
      <c r="C41478" s="1" t="s">
        <v>150</v>
      </c>
      <c r="D41478" s="1" t="s">
        <v>142097</v>
      </c>
      <c r="E41478" s="1" t="s">
        <v>142098</v>
      </c>
      <c r="F41478" s="1" t="s">
        <v>142099</v>
      </c>
      <c r="G41478" s="1" t="s">
        <v>141998</v>
      </c>
      <c r="H41478" s="1" t="s">
        <v>141999</v>
      </c>
      <c r="I41478" s="1" t="s">
        <v>140961</v>
      </c>
      <c r="J41478" s="1" t="s">
        <v>142100</v>
      </c>
    </row>
    <row r="41479" spans="1:10" x14ac:dyDescent="0.35">
      <c r="A41479" s="1" t="s">
        <v>4321</v>
      </c>
      <c r="B41479" s="1" t="s">
        <v>140956</v>
      </c>
      <c r="C41479" s="1" t="s">
        <v>155</v>
      </c>
      <c r="D41479" s="1" t="s">
        <v>142101</v>
      </c>
      <c r="E41479" s="1" t="s">
        <v>142102</v>
      </c>
      <c r="F41479" s="1" t="s">
        <v>142103</v>
      </c>
      <c r="G41479" s="1" t="s">
        <v>141998</v>
      </c>
      <c r="H41479" s="1" t="s">
        <v>141999</v>
      </c>
      <c r="I41479" s="1" t="s">
        <v>140961</v>
      </c>
      <c r="J41479" s="1" t="s">
        <v>142104</v>
      </c>
    </row>
    <row r="41480" spans="1:10" x14ac:dyDescent="0.35">
      <c r="A41480" s="1" t="s">
        <v>4321</v>
      </c>
      <c r="B41480" s="1" t="s">
        <v>140956</v>
      </c>
      <c r="C41480" s="1" t="s">
        <v>160</v>
      </c>
      <c r="D41480" s="1" t="s">
        <v>80366</v>
      </c>
      <c r="E41480" s="1" t="s">
        <v>142105</v>
      </c>
      <c r="F41480" s="1" t="s">
        <v>142106</v>
      </c>
      <c r="G41480" s="1" t="s">
        <v>141998</v>
      </c>
      <c r="H41480" s="1" t="s">
        <v>141999</v>
      </c>
      <c r="I41480" s="1" t="s">
        <v>140961</v>
      </c>
      <c r="J41480" s="1" t="s">
        <v>142107</v>
      </c>
    </row>
    <row r="41481" spans="1:10" x14ac:dyDescent="0.35">
      <c r="A41481" s="1" t="s">
        <v>4321</v>
      </c>
      <c r="B41481" s="1" t="s">
        <v>140956</v>
      </c>
      <c r="C41481" s="1" t="s">
        <v>165</v>
      </c>
      <c r="D41481" s="1" t="s">
        <v>53720</v>
      </c>
      <c r="E41481" s="1" t="s">
        <v>142108</v>
      </c>
      <c r="F41481" s="1" t="s">
        <v>142109</v>
      </c>
      <c r="G41481" s="1" t="s">
        <v>141998</v>
      </c>
      <c r="H41481" s="1" t="s">
        <v>141999</v>
      </c>
      <c r="I41481" s="1" t="s">
        <v>140961</v>
      </c>
      <c r="J41481" s="1" t="s">
        <v>142110</v>
      </c>
    </row>
    <row r="41482" spans="1:10" x14ac:dyDescent="0.35">
      <c r="A41482" s="1" t="s">
        <v>4321</v>
      </c>
      <c r="B41482" s="1" t="s">
        <v>140956</v>
      </c>
      <c r="C41482" s="1" t="s">
        <v>170</v>
      </c>
      <c r="D41482" s="1" t="s">
        <v>142111</v>
      </c>
      <c r="E41482" s="1" t="s">
        <v>142112</v>
      </c>
      <c r="F41482" s="1" t="s">
        <v>142113</v>
      </c>
      <c r="G41482" s="1" t="s">
        <v>141998</v>
      </c>
      <c r="H41482" s="1" t="s">
        <v>141999</v>
      </c>
      <c r="I41482" s="1" t="s">
        <v>140961</v>
      </c>
      <c r="J41482" s="1" t="s">
        <v>142114</v>
      </c>
    </row>
    <row r="41483" spans="1:10" x14ac:dyDescent="0.35">
      <c r="A41483" s="1" t="s">
        <v>13155</v>
      </c>
      <c r="B41483" s="1" t="s">
        <v>140956</v>
      </c>
      <c r="C41483" s="1" t="s">
        <v>8</v>
      </c>
      <c r="D41483" s="1" t="s">
        <v>142115</v>
      </c>
      <c r="E41483" s="1" t="s">
        <v>142116</v>
      </c>
      <c r="F41483" s="1" t="s">
        <v>142117</v>
      </c>
      <c r="G41483" s="1" t="s">
        <v>142118</v>
      </c>
      <c r="H41483" s="1" t="s">
        <v>142119</v>
      </c>
      <c r="I41483" s="1" t="s">
        <v>140961</v>
      </c>
      <c r="J41483" s="1" t="s">
        <v>13</v>
      </c>
    </row>
    <row r="41484" spans="1:10" x14ac:dyDescent="0.35">
      <c r="A41484" s="1" t="s">
        <v>13155</v>
      </c>
      <c r="B41484" s="1" t="s">
        <v>140956</v>
      </c>
      <c r="C41484" s="1" t="s">
        <v>15</v>
      </c>
      <c r="D41484" s="1" t="s">
        <v>142120</v>
      </c>
      <c r="E41484" s="1" t="s">
        <v>142121</v>
      </c>
      <c r="F41484" s="1" t="s">
        <v>142122</v>
      </c>
      <c r="G41484" s="1" t="s">
        <v>142118</v>
      </c>
      <c r="H41484" s="1" t="s">
        <v>142119</v>
      </c>
      <c r="I41484" s="1" t="s">
        <v>140961</v>
      </c>
      <c r="J41484" s="1" t="s">
        <v>142123</v>
      </c>
    </row>
    <row r="41485" spans="1:10" x14ac:dyDescent="0.35">
      <c r="A41485" s="1" t="s">
        <v>13155</v>
      </c>
      <c r="B41485" s="1" t="s">
        <v>140956</v>
      </c>
      <c r="C41485" s="1" t="s">
        <v>20</v>
      </c>
      <c r="D41485" s="1" t="s">
        <v>74149</v>
      </c>
      <c r="E41485" s="1" t="s">
        <v>142124</v>
      </c>
      <c r="F41485" s="1" t="s">
        <v>142125</v>
      </c>
      <c r="G41485" s="1" t="s">
        <v>142118</v>
      </c>
      <c r="H41485" s="1" t="s">
        <v>142119</v>
      </c>
      <c r="I41485" s="1" t="s">
        <v>140961</v>
      </c>
      <c r="J41485" s="1" t="s">
        <v>142126</v>
      </c>
    </row>
    <row r="41486" spans="1:10" x14ac:dyDescent="0.35">
      <c r="A41486" s="1" t="s">
        <v>13155</v>
      </c>
      <c r="B41486" s="1" t="s">
        <v>140956</v>
      </c>
      <c r="C41486" s="1" t="s">
        <v>25</v>
      </c>
      <c r="D41486" s="1" t="s">
        <v>72454</v>
      </c>
      <c r="E41486" s="1" t="s">
        <v>142127</v>
      </c>
      <c r="F41486" s="1" t="s">
        <v>142128</v>
      </c>
      <c r="G41486" s="1" t="s">
        <v>142118</v>
      </c>
      <c r="H41486" s="1" t="s">
        <v>142119</v>
      </c>
      <c r="I41486" s="1" t="s">
        <v>140961</v>
      </c>
      <c r="J41486" s="1" t="s">
        <v>142129</v>
      </c>
    </row>
    <row r="41487" spans="1:10" x14ac:dyDescent="0.35">
      <c r="A41487" s="1" t="s">
        <v>13155</v>
      </c>
      <c r="B41487" s="1" t="s">
        <v>140956</v>
      </c>
      <c r="C41487" s="1" t="s">
        <v>30</v>
      </c>
      <c r="D41487" s="1" t="s">
        <v>35486</v>
      </c>
      <c r="E41487" s="1" t="s">
        <v>142130</v>
      </c>
      <c r="F41487" s="1" t="s">
        <v>142131</v>
      </c>
      <c r="G41487" s="1" t="s">
        <v>142118</v>
      </c>
      <c r="H41487" s="1" t="s">
        <v>142119</v>
      </c>
      <c r="I41487" s="1" t="s">
        <v>140961</v>
      </c>
      <c r="J41487" s="1" t="s">
        <v>142132</v>
      </c>
    </row>
    <row r="41488" spans="1:10" x14ac:dyDescent="0.35">
      <c r="A41488" s="1" t="s">
        <v>13155</v>
      </c>
      <c r="B41488" s="1" t="s">
        <v>140956</v>
      </c>
      <c r="C41488" s="1" t="s">
        <v>35</v>
      </c>
      <c r="D41488" s="1" t="s">
        <v>118638</v>
      </c>
      <c r="E41488" s="1" t="s">
        <v>142133</v>
      </c>
      <c r="F41488" s="1" t="s">
        <v>142134</v>
      </c>
      <c r="G41488" s="1" t="s">
        <v>142118</v>
      </c>
      <c r="H41488" s="1" t="s">
        <v>142119</v>
      </c>
      <c r="I41488" s="1" t="s">
        <v>140961</v>
      </c>
      <c r="J41488" s="1" t="s">
        <v>142135</v>
      </c>
    </row>
    <row r="41489" spans="1:10" x14ac:dyDescent="0.35">
      <c r="A41489" s="1" t="s">
        <v>13155</v>
      </c>
      <c r="B41489" s="1" t="s">
        <v>140956</v>
      </c>
      <c r="C41489" s="1" t="s">
        <v>40</v>
      </c>
      <c r="D41489" s="1" t="s">
        <v>142136</v>
      </c>
      <c r="E41489" s="1" t="s">
        <v>142137</v>
      </c>
      <c r="F41489" s="1" t="s">
        <v>142138</v>
      </c>
      <c r="G41489" s="1" t="s">
        <v>142118</v>
      </c>
      <c r="H41489" s="1" t="s">
        <v>142119</v>
      </c>
      <c r="I41489" s="1" t="s">
        <v>140961</v>
      </c>
      <c r="J41489" s="1" t="s">
        <v>142139</v>
      </c>
    </row>
    <row r="41490" spans="1:10" x14ac:dyDescent="0.35">
      <c r="A41490" s="1" t="s">
        <v>13155</v>
      </c>
      <c r="B41490" s="1" t="s">
        <v>140956</v>
      </c>
      <c r="C41490" s="1" t="s">
        <v>45</v>
      </c>
      <c r="D41490" s="1" t="s">
        <v>142140</v>
      </c>
      <c r="E41490" s="1" t="s">
        <v>142141</v>
      </c>
      <c r="F41490" s="1" t="s">
        <v>142142</v>
      </c>
      <c r="G41490" s="1" t="s">
        <v>142118</v>
      </c>
      <c r="H41490" s="1" t="s">
        <v>142119</v>
      </c>
      <c r="I41490" s="1" t="s">
        <v>140961</v>
      </c>
      <c r="J41490" s="1" t="s">
        <v>142143</v>
      </c>
    </row>
    <row r="41491" spans="1:10" x14ac:dyDescent="0.35">
      <c r="A41491" s="1" t="s">
        <v>13155</v>
      </c>
      <c r="B41491" s="1" t="s">
        <v>140956</v>
      </c>
      <c r="C41491" s="1" t="s">
        <v>50</v>
      </c>
      <c r="D41491" s="1" t="s">
        <v>15791</v>
      </c>
      <c r="E41491" s="1" t="s">
        <v>142144</v>
      </c>
      <c r="F41491" s="1" t="s">
        <v>142145</v>
      </c>
      <c r="G41491" s="1" t="s">
        <v>142118</v>
      </c>
      <c r="H41491" s="1" t="s">
        <v>142119</v>
      </c>
      <c r="I41491" s="1" t="s">
        <v>140961</v>
      </c>
      <c r="J41491" s="1" t="s">
        <v>142146</v>
      </c>
    </row>
    <row r="41492" spans="1:10" x14ac:dyDescent="0.35">
      <c r="A41492" s="1" t="s">
        <v>13155</v>
      </c>
      <c r="B41492" s="1" t="s">
        <v>140956</v>
      </c>
      <c r="C41492" s="1" t="s">
        <v>55</v>
      </c>
      <c r="D41492" s="1" t="s">
        <v>82415</v>
      </c>
      <c r="E41492" s="1" t="s">
        <v>142147</v>
      </c>
      <c r="F41492" s="1" t="s">
        <v>142148</v>
      </c>
      <c r="G41492" s="1" t="s">
        <v>142118</v>
      </c>
      <c r="H41492" s="1" t="s">
        <v>142119</v>
      </c>
      <c r="I41492" s="1" t="s">
        <v>140961</v>
      </c>
      <c r="J41492" s="1" t="s">
        <v>142149</v>
      </c>
    </row>
    <row r="41493" spans="1:10" x14ac:dyDescent="0.35">
      <c r="A41493" s="1" t="s">
        <v>13155</v>
      </c>
      <c r="B41493" s="1" t="s">
        <v>140956</v>
      </c>
      <c r="C41493" s="1" t="s">
        <v>60</v>
      </c>
      <c r="D41493" s="1" t="s">
        <v>135728</v>
      </c>
      <c r="E41493" s="1" t="s">
        <v>142150</v>
      </c>
      <c r="F41493" s="1" t="s">
        <v>142151</v>
      </c>
      <c r="G41493" s="1" t="s">
        <v>142118</v>
      </c>
      <c r="H41493" s="1" t="s">
        <v>142119</v>
      </c>
      <c r="I41493" s="1" t="s">
        <v>140961</v>
      </c>
      <c r="J41493" s="1" t="s">
        <v>142152</v>
      </c>
    </row>
    <row r="41494" spans="1:10" x14ac:dyDescent="0.35">
      <c r="A41494" s="1" t="s">
        <v>13155</v>
      </c>
      <c r="B41494" s="1" t="s">
        <v>140956</v>
      </c>
      <c r="C41494" s="1" t="s">
        <v>65</v>
      </c>
      <c r="D41494" s="1" t="s">
        <v>142153</v>
      </c>
      <c r="E41494" s="1" t="s">
        <v>142154</v>
      </c>
      <c r="F41494" s="1" t="s">
        <v>142155</v>
      </c>
      <c r="G41494" s="1" t="s">
        <v>142118</v>
      </c>
      <c r="H41494" s="1" t="s">
        <v>142119</v>
      </c>
      <c r="I41494" s="1" t="s">
        <v>140961</v>
      </c>
      <c r="J41494" s="1" t="s">
        <v>142156</v>
      </c>
    </row>
    <row r="41495" spans="1:10" x14ac:dyDescent="0.35">
      <c r="A41495" s="1" t="s">
        <v>13155</v>
      </c>
      <c r="B41495" s="1" t="s">
        <v>140956</v>
      </c>
      <c r="C41495" s="1" t="s">
        <v>70</v>
      </c>
      <c r="D41495" s="1" t="s">
        <v>9071</v>
      </c>
      <c r="E41495" s="1" t="s">
        <v>142157</v>
      </c>
      <c r="F41495" s="1" t="s">
        <v>142158</v>
      </c>
      <c r="G41495" s="1" t="s">
        <v>142118</v>
      </c>
      <c r="H41495" s="1" t="s">
        <v>142119</v>
      </c>
      <c r="I41495" s="1" t="s">
        <v>140961</v>
      </c>
      <c r="J41495" s="1" t="s">
        <v>142159</v>
      </c>
    </row>
    <row r="41496" spans="1:10" x14ac:dyDescent="0.35">
      <c r="A41496" s="1" t="s">
        <v>13155</v>
      </c>
      <c r="B41496" s="1" t="s">
        <v>140956</v>
      </c>
      <c r="C41496" s="1" t="s">
        <v>75</v>
      </c>
      <c r="D41496" s="1" t="s">
        <v>142160</v>
      </c>
      <c r="E41496" s="1" t="s">
        <v>142161</v>
      </c>
      <c r="F41496" s="1" t="s">
        <v>142162</v>
      </c>
      <c r="G41496" s="1" t="s">
        <v>142118</v>
      </c>
      <c r="H41496" s="1" t="s">
        <v>142119</v>
      </c>
      <c r="I41496" s="1" t="s">
        <v>140961</v>
      </c>
      <c r="J41496" s="1" t="s">
        <v>142163</v>
      </c>
    </row>
    <row r="41497" spans="1:10" x14ac:dyDescent="0.35">
      <c r="A41497" s="1" t="s">
        <v>13155</v>
      </c>
      <c r="B41497" s="1" t="s">
        <v>140956</v>
      </c>
      <c r="C41497" s="1" t="s">
        <v>80</v>
      </c>
      <c r="D41497" s="1" t="s">
        <v>11483</v>
      </c>
      <c r="E41497" s="1" t="s">
        <v>142164</v>
      </c>
      <c r="F41497" s="1" t="s">
        <v>142165</v>
      </c>
      <c r="G41497" s="1" t="s">
        <v>142118</v>
      </c>
      <c r="H41497" s="1" t="s">
        <v>142119</v>
      </c>
      <c r="I41497" s="1" t="s">
        <v>140961</v>
      </c>
      <c r="J41497" s="1" t="s">
        <v>142166</v>
      </c>
    </row>
    <row r="41498" spans="1:10" x14ac:dyDescent="0.35">
      <c r="A41498" s="1" t="s">
        <v>13155</v>
      </c>
      <c r="B41498" s="1" t="s">
        <v>140956</v>
      </c>
      <c r="C41498" s="1" t="s">
        <v>85</v>
      </c>
      <c r="D41498" s="1" t="s">
        <v>142167</v>
      </c>
      <c r="E41498" s="1" t="s">
        <v>142168</v>
      </c>
      <c r="F41498" s="1" t="s">
        <v>142169</v>
      </c>
      <c r="G41498" s="1" t="s">
        <v>142118</v>
      </c>
      <c r="H41498" s="1" t="s">
        <v>142119</v>
      </c>
      <c r="I41498" s="1" t="s">
        <v>140961</v>
      </c>
      <c r="J41498" s="1" t="s">
        <v>142170</v>
      </c>
    </row>
    <row r="41499" spans="1:10" x14ac:dyDescent="0.35">
      <c r="A41499" s="1" t="s">
        <v>13155</v>
      </c>
      <c r="B41499" s="1" t="s">
        <v>140956</v>
      </c>
      <c r="C41499" s="1" t="s">
        <v>90</v>
      </c>
      <c r="D41499" s="1" t="s">
        <v>57407</v>
      </c>
      <c r="E41499" s="1" t="s">
        <v>142171</v>
      </c>
      <c r="F41499" s="1" t="s">
        <v>142172</v>
      </c>
      <c r="G41499" s="1" t="s">
        <v>142118</v>
      </c>
      <c r="H41499" s="1" t="s">
        <v>142119</v>
      </c>
      <c r="I41499" s="1" t="s">
        <v>140961</v>
      </c>
      <c r="J41499" s="1" t="s">
        <v>142173</v>
      </c>
    </row>
    <row r="41500" spans="1:10" x14ac:dyDescent="0.35">
      <c r="A41500" s="1" t="s">
        <v>13155</v>
      </c>
      <c r="B41500" s="1" t="s">
        <v>140956</v>
      </c>
      <c r="C41500" s="1" t="s">
        <v>95</v>
      </c>
      <c r="D41500" s="1" t="s">
        <v>85592</v>
      </c>
      <c r="E41500" s="1" t="s">
        <v>142174</v>
      </c>
      <c r="F41500" s="1" t="s">
        <v>142175</v>
      </c>
      <c r="G41500" s="1" t="s">
        <v>142118</v>
      </c>
      <c r="H41500" s="1" t="s">
        <v>142119</v>
      </c>
      <c r="I41500" s="1" t="s">
        <v>140961</v>
      </c>
      <c r="J41500" s="1" t="s">
        <v>142176</v>
      </c>
    </row>
    <row r="41501" spans="1:10" x14ac:dyDescent="0.35">
      <c r="A41501" s="1" t="s">
        <v>13155</v>
      </c>
      <c r="B41501" s="1" t="s">
        <v>140956</v>
      </c>
      <c r="C41501" s="1" t="s">
        <v>100</v>
      </c>
      <c r="D41501" s="1" t="s">
        <v>142177</v>
      </c>
      <c r="E41501" s="1" t="s">
        <v>142178</v>
      </c>
      <c r="F41501" s="1" t="s">
        <v>142179</v>
      </c>
      <c r="G41501" s="1" t="s">
        <v>142118</v>
      </c>
      <c r="H41501" s="1" t="s">
        <v>142119</v>
      </c>
      <c r="I41501" s="1" t="s">
        <v>140961</v>
      </c>
      <c r="J41501" s="1" t="s">
        <v>142180</v>
      </c>
    </row>
    <row r="41502" spans="1:10" x14ac:dyDescent="0.35">
      <c r="A41502" s="1" t="s">
        <v>13155</v>
      </c>
      <c r="B41502" s="1" t="s">
        <v>140956</v>
      </c>
      <c r="C41502" s="1" t="s">
        <v>105</v>
      </c>
      <c r="D41502" s="1" t="s">
        <v>78528</v>
      </c>
      <c r="E41502" s="1" t="s">
        <v>142181</v>
      </c>
      <c r="F41502" s="1" t="s">
        <v>142182</v>
      </c>
      <c r="G41502" s="1" t="s">
        <v>142118</v>
      </c>
      <c r="H41502" s="1" t="s">
        <v>142119</v>
      </c>
      <c r="I41502" s="1" t="s">
        <v>140961</v>
      </c>
      <c r="J41502" s="1" t="s">
        <v>142183</v>
      </c>
    </row>
    <row r="41503" spans="1:10" x14ac:dyDescent="0.35">
      <c r="A41503" s="1" t="s">
        <v>13155</v>
      </c>
      <c r="B41503" s="1" t="s">
        <v>140956</v>
      </c>
      <c r="C41503" s="1" t="s">
        <v>110</v>
      </c>
      <c r="D41503" s="1" t="s">
        <v>142184</v>
      </c>
      <c r="E41503" s="1" t="s">
        <v>142185</v>
      </c>
      <c r="F41503" s="1" t="s">
        <v>142186</v>
      </c>
      <c r="G41503" s="1" t="s">
        <v>142118</v>
      </c>
      <c r="H41503" s="1" t="s">
        <v>142119</v>
      </c>
      <c r="I41503" s="1" t="s">
        <v>140961</v>
      </c>
      <c r="J41503" s="1" t="s">
        <v>142187</v>
      </c>
    </row>
    <row r="41504" spans="1:10" x14ac:dyDescent="0.35">
      <c r="A41504" s="1" t="s">
        <v>13155</v>
      </c>
      <c r="B41504" s="1" t="s">
        <v>140956</v>
      </c>
      <c r="C41504" s="1" t="s">
        <v>115</v>
      </c>
      <c r="D41504" s="1" t="s">
        <v>67536</v>
      </c>
      <c r="E41504" s="1" t="s">
        <v>142188</v>
      </c>
      <c r="F41504" s="1" t="s">
        <v>142189</v>
      </c>
      <c r="G41504" s="1" t="s">
        <v>142118</v>
      </c>
      <c r="H41504" s="1" t="s">
        <v>142119</v>
      </c>
      <c r="I41504" s="1" t="s">
        <v>140961</v>
      </c>
      <c r="J41504" s="1" t="s">
        <v>142190</v>
      </c>
    </row>
    <row r="41505" spans="1:10" x14ac:dyDescent="0.35">
      <c r="A41505" s="1" t="s">
        <v>13155</v>
      </c>
      <c r="B41505" s="1" t="s">
        <v>140956</v>
      </c>
      <c r="C41505" s="1" t="s">
        <v>120</v>
      </c>
      <c r="D41505" s="1" t="s">
        <v>142191</v>
      </c>
      <c r="E41505" s="1" t="s">
        <v>142192</v>
      </c>
      <c r="F41505" s="1" t="s">
        <v>142193</v>
      </c>
      <c r="G41505" s="1" t="s">
        <v>142118</v>
      </c>
      <c r="H41505" s="1" t="s">
        <v>142119</v>
      </c>
      <c r="I41505" s="1" t="s">
        <v>140961</v>
      </c>
      <c r="J41505" s="1" t="s">
        <v>142194</v>
      </c>
    </row>
    <row r="41506" spans="1:10" x14ac:dyDescent="0.35">
      <c r="A41506" s="1" t="s">
        <v>13155</v>
      </c>
      <c r="B41506" s="1" t="s">
        <v>140956</v>
      </c>
      <c r="C41506" s="1" t="s">
        <v>125</v>
      </c>
      <c r="D41506" s="1" t="s">
        <v>142195</v>
      </c>
      <c r="E41506" s="1" t="s">
        <v>142196</v>
      </c>
      <c r="F41506" s="1" t="s">
        <v>142197</v>
      </c>
      <c r="G41506" s="1" t="s">
        <v>142118</v>
      </c>
      <c r="H41506" s="1" t="s">
        <v>142119</v>
      </c>
      <c r="I41506" s="1" t="s">
        <v>140961</v>
      </c>
      <c r="J41506" s="1" t="s">
        <v>142198</v>
      </c>
    </row>
    <row r="41507" spans="1:10" x14ac:dyDescent="0.35">
      <c r="A41507" s="1" t="s">
        <v>13155</v>
      </c>
      <c r="B41507" s="1" t="s">
        <v>140956</v>
      </c>
      <c r="C41507" s="1" t="s">
        <v>130</v>
      </c>
      <c r="D41507" s="1" t="s">
        <v>102902</v>
      </c>
      <c r="E41507" s="1" t="s">
        <v>142199</v>
      </c>
      <c r="F41507" s="1" t="s">
        <v>142200</v>
      </c>
      <c r="G41507" s="1" t="s">
        <v>142118</v>
      </c>
      <c r="H41507" s="1" t="s">
        <v>142119</v>
      </c>
      <c r="I41507" s="1" t="s">
        <v>140961</v>
      </c>
      <c r="J41507" s="1" t="s">
        <v>142201</v>
      </c>
    </row>
    <row r="41508" spans="1:10" x14ac:dyDescent="0.35">
      <c r="A41508" s="1" t="s">
        <v>13155</v>
      </c>
      <c r="B41508" s="1" t="s">
        <v>140956</v>
      </c>
      <c r="C41508" s="1" t="s">
        <v>135</v>
      </c>
      <c r="D41508" s="1" t="s">
        <v>142202</v>
      </c>
      <c r="E41508" s="1" t="s">
        <v>142203</v>
      </c>
      <c r="F41508" s="1" t="s">
        <v>142204</v>
      </c>
      <c r="G41508" s="1" t="s">
        <v>142118</v>
      </c>
      <c r="H41508" s="1" t="s">
        <v>142119</v>
      </c>
      <c r="I41508" s="1" t="s">
        <v>140961</v>
      </c>
      <c r="J41508" s="1" t="s">
        <v>142205</v>
      </c>
    </row>
    <row r="41509" spans="1:10" x14ac:dyDescent="0.35">
      <c r="A41509" s="1" t="s">
        <v>13155</v>
      </c>
      <c r="B41509" s="1" t="s">
        <v>140956</v>
      </c>
      <c r="C41509" s="1" t="s">
        <v>140</v>
      </c>
      <c r="D41509" s="1" t="s">
        <v>142206</v>
      </c>
      <c r="E41509" s="1" t="s">
        <v>142207</v>
      </c>
      <c r="F41509" s="1" t="s">
        <v>142208</v>
      </c>
      <c r="G41509" s="1" t="s">
        <v>142118</v>
      </c>
      <c r="H41509" s="1" t="s">
        <v>142119</v>
      </c>
      <c r="I41509" s="1" t="s">
        <v>140961</v>
      </c>
      <c r="J41509" s="1" t="s">
        <v>142209</v>
      </c>
    </row>
    <row r="41510" spans="1:10" x14ac:dyDescent="0.35">
      <c r="A41510" s="1" t="s">
        <v>13155</v>
      </c>
      <c r="B41510" s="1" t="s">
        <v>140956</v>
      </c>
      <c r="C41510" s="1" t="s">
        <v>145</v>
      </c>
      <c r="D41510" s="1" t="s">
        <v>142210</v>
      </c>
      <c r="E41510" s="1" t="s">
        <v>142211</v>
      </c>
      <c r="F41510" s="1" t="s">
        <v>142212</v>
      </c>
      <c r="G41510" s="1" t="s">
        <v>142118</v>
      </c>
      <c r="H41510" s="1" t="s">
        <v>142119</v>
      </c>
      <c r="I41510" s="1" t="s">
        <v>140961</v>
      </c>
      <c r="J41510" s="1" t="s">
        <v>142213</v>
      </c>
    </row>
    <row r="41511" spans="1:10" x14ac:dyDescent="0.35">
      <c r="A41511" s="1" t="s">
        <v>13155</v>
      </c>
      <c r="B41511" s="1" t="s">
        <v>140956</v>
      </c>
      <c r="C41511" s="1" t="s">
        <v>150</v>
      </c>
      <c r="D41511" s="1" t="s">
        <v>142214</v>
      </c>
      <c r="E41511" s="1" t="s">
        <v>142215</v>
      </c>
      <c r="F41511" s="1" t="s">
        <v>142216</v>
      </c>
      <c r="G41511" s="1" t="s">
        <v>142118</v>
      </c>
      <c r="H41511" s="1" t="s">
        <v>142119</v>
      </c>
      <c r="I41511" s="1" t="s">
        <v>140961</v>
      </c>
      <c r="J41511" s="1" t="s">
        <v>142217</v>
      </c>
    </row>
    <row r="41512" spans="1:10" x14ac:dyDescent="0.35">
      <c r="A41512" s="1" t="s">
        <v>13155</v>
      </c>
      <c r="B41512" s="1" t="s">
        <v>140956</v>
      </c>
      <c r="C41512" s="1" t="s">
        <v>155</v>
      </c>
      <c r="D41512" s="1" t="s">
        <v>142218</v>
      </c>
      <c r="E41512" s="1" t="s">
        <v>142219</v>
      </c>
      <c r="F41512" s="1" t="s">
        <v>142220</v>
      </c>
      <c r="G41512" s="1" t="s">
        <v>142118</v>
      </c>
      <c r="H41512" s="1" t="s">
        <v>142119</v>
      </c>
      <c r="I41512" s="1" t="s">
        <v>140961</v>
      </c>
      <c r="J41512" s="1" t="s">
        <v>142221</v>
      </c>
    </row>
    <row r="41513" spans="1:10" x14ac:dyDescent="0.35">
      <c r="A41513" s="1" t="s">
        <v>13155</v>
      </c>
      <c r="B41513" s="1" t="s">
        <v>140956</v>
      </c>
      <c r="C41513" s="1" t="s">
        <v>160</v>
      </c>
      <c r="D41513" s="1" t="s">
        <v>142222</v>
      </c>
      <c r="E41513" s="1" t="s">
        <v>142223</v>
      </c>
      <c r="F41513" s="1" t="s">
        <v>142224</v>
      </c>
      <c r="G41513" s="1" t="s">
        <v>142118</v>
      </c>
      <c r="H41513" s="1" t="s">
        <v>142119</v>
      </c>
      <c r="I41513" s="1" t="s">
        <v>140961</v>
      </c>
      <c r="J41513" s="1" t="s">
        <v>142225</v>
      </c>
    </row>
    <row r="41514" spans="1:10" x14ac:dyDescent="0.35">
      <c r="A41514" s="1" t="s">
        <v>13155</v>
      </c>
      <c r="B41514" s="1" t="s">
        <v>140956</v>
      </c>
      <c r="C41514" s="1" t="s">
        <v>165</v>
      </c>
      <c r="D41514" s="1" t="s">
        <v>34149</v>
      </c>
      <c r="E41514" s="1" t="s">
        <v>142226</v>
      </c>
      <c r="F41514" s="1" t="s">
        <v>142227</v>
      </c>
      <c r="G41514" s="1" t="s">
        <v>142118</v>
      </c>
      <c r="H41514" s="1" t="s">
        <v>142119</v>
      </c>
      <c r="I41514" s="1" t="s">
        <v>140961</v>
      </c>
      <c r="J41514" s="1" t="s">
        <v>142228</v>
      </c>
    </row>
    <row r="41515" spans="1:10" x14ac:dyDescent="0.35">
      <c r="A41515" s="1" t="s">
        <v>13155</v>
      </c>
      <c r="B41515" s="1" t="s">
        <v>140956</v>
      </c>
      <c r="C41515" s="1" t="s">
        <v>170</v>
      </c>
      <c r="D41515" s="1" t="s">
        <v>142229</v>
      </c>
      <c r="E41515" s="1" t="s">
        <v>142230</v>
      </c>
      <c r="F41515" s="1" t="s">
        <v>142231</v>
      </c>
      <c r="G41515" s="1" t="s">
        <v>142118</v>
      </c>
      <c r="H41515" s="1" t="s">
        <v>142119</v>
      </c>
      <c r="I41515" s="1" t="s">
        <v>140961</v>
      </c>
      <c r="J41515" s="1" t="s">
        <v>142232</v>
      </c>
    </row>
    <row r="41516" spans="1:10" x14ac:dyDescent="0.35">
      <c r="A41516" s="1" t="s">
        <v>27358</v>
      </c>
      <c r="B41516" s="1" t="s">
        <v>140956</v>
      </c>
      <c r="C41516" s="1" t="s">
        <v>8</v>
      </c>
      <c r="D41516" s="1" t="s">
        <v>142233</v>
      </c>
      <c r="E41516" s="1" t="s">
        <v>142234</v>
      </c>
      <c r="F41516" s="1" t="s">
        <v>142235</v>
      </c>
      <c r="G41516" s="1" t="s">
        <v>142236</v>
      </c>
      <c r="H41516" s="1" t="s">
        <v>142237</v>
      </c>
      <c r="I41516" s="1" t="s">
        <v>140961</v>
      </c>
      <c r="J41516" s="1" t="s">
        <v>13</v>
      </c>
    </row>
    <row r="41517" spans="1:10" x14ac:dyDescent="0.35">
      <c r="A41517" s="1" t="s">
        <v>27358</v>
      </c>
      <c r="B41517" s="1" t="s">
        <v>140956</v>
      </c>
      <c r="C41517" s="1" t="s">
        <v>15</v>
      </c>
      <c r="D41517" s="1" t="s">
        <v>142238</v>
      </c>
      <c r="E41517" s="1" t="s">
        <v>142239</v>
      </c>
      <c r="F41517" s="1" t="s">
        <v>142240</v>
      </c>
      <c r="G41517" s="1" t="s">
        <v>142236</v>
      </c>
      <c r="H41517" s="1" t="s">
        <v>142237</v>
      </c>
      <c r="I41517" s="1" t="s">
        <v>140961</v>
      </c>
      <c r="J41517" s="1" t="s">
        <v>142241</v>
      </c>
    </row>
    <row r="41518" spans="1:10" x14ac:dyDescent="0.35">
      <c r="A41518" s="1" t="s">
        <v>27358</v>
      </c>
      <c r="B41518" s="1" t="s">
        <v>140956</v>
      </c>
      <c r="C41518" s="1" t="s">
        <v>20</v>
      </c>
      <c r="D41518" s="1" t="s">
        <v>142242</v>
      </c>
      <c r="E41518" s="1" t="s">
        <v>142243</v>
      </c>
      <c r="F41518" s="1" t="s">
        <v>142244</v>
      </c>
      <c r="G41518" s="1" t="s">
        <v>142236</v>
      </c>
      <c r="H41518" s="1" t="s">
        <v>142237</v>
      </c>
      <c r="I41518" s="1" t="s">
        <v>140961</v>
      </c>
      <c r="J41518" s="1" t="s">
        <v>142245</v>
      </c>
    </row>
    <row r="41519" spans="1:10" x14ac:dyDescent="0.35">
      <c r="A41519" s="1" t="s">
        <v>27358</v>
      </c>
      <c r="B41519" s="1" t="s">
        <v>140956</v>
      </c>
      <c r="C41519" s="1" t="s">
        <v>25</v>
      </c>
      <c r="D41519" s="1" t="s">
        <v>142246</v>
      </c>
      <c r="E41519" s="1" t="s">
        <v>142247</v>
      </c>
      <c r="F41519" s="1" t="s">
        <v>142248</v>
      </c>
      <c r="G41519" s="1" t="s">
        <v>142236</v>
      </c>
      <c r="H41519" s="1" t="s">
        <v>142237</v>
      </c>
      <c r="I41519" s="1" t="s">
        <v>140961</v>
      </c>
      <c r="J41519" s="1" t="s">
        <v>142249</v>
      </c>
    </row>
    <row r="41520" spans="1:10" x14ac:dyDescent="0.35">
      <c r="A41520" s="1" t="s">
        <v>27358</v>
      </c>
      <c r="B41520" s="1" t="s">
        <v>140956</v>
      </c>
      <c r="C41520" s="1" t="s">
        <v>30</v>
      </c>
      <c r="D41520" s="1" t="s">
        <v>142250</v>
      </c>
      <c r="E41520" s="1" t="s">
        <v>142251</v>
      </c>
      <c r="F41520" s="1" t="s">
        <v>142252</v>
      </c>
      <c r="G41520" s="1" t="s">
        <v>142236</v>
      </c>
      <c r="H41520" s="1" t="s">
        <v>142237</v>
      </c>
      <c r="I41520" s="1" t="s">
        <v>140961</v>
      </c>
      <c r="J41520" s="1" t="s">
        <v>142253</v>
      </c>
    </row>
    <row r="41521" spans="1:10" x14ac:dyDescent="0.35">
      <c r="A41521" s="1" t="s">
        <v>27358</v>
      </c>
      <c r="B41521" s="1" t="s">
        <v>140956</v>
      </c>
      <c r="C41521" s="1" t="s">
        <v>35</v>
      </c>
      <c r="D41521" s="1" t="s">
        <v>142254</v>
      </c>
      <c r="E41521" s="1" t="s">
        <v>142255</v>
      </c>
      <c r="F41521" s="1" t="s">
        <v>142256</v>
      </c>
      <c r="G41521" s="1" t="s">
        <v>142236</v>
      </c>
      <c r="H41521" s="1" t="s">
        <v>142237</v>
      </c>
      <c r="I41521" s="1" t="s">
        <v>140961</v>
      </c>
      <c r="J41521" s="1" t="s">
        <v>142257</v>
      </c>
    </row>
    <row r="41522" spans="1:10" x14ac:dyDescent="0.35">
      <c r="A41522" s="1" t="s">
        <v>27358</v>
      </c>
      <c r="B41522" s="1" t="s">
        <v>140956</v>
      </c>
      <c r="C41522" s="1" t="s">
        <v>40</v>
      </c>
      <c r="D41522" s="1" t="s">
        <v>118638</v>
      </c>
      <c r="E41522" s="1" t="s">
        <v>142258</v>
      </c>
      <c r="F41522" s="1" t="s">
        <v>142259</v>
      </c>
      <c r="G41522" s="1" t="s">
        <v>142236</v>
      </c>
      <c r="H41522" s="1" t="s">
        <v>142237</v>
      </c>
      <c r="I41522" s="1" t="s">
        <v>140961</v>
      </c>
      <c r="J41522" s="1" t="s">
        <v>142260</v>
      </c>
    </row>
    <row r="41523" spans="1:10" x14ac:dyDescent="0.35">
      <c r="A41523" s="1" t="s">
        <v>27358</v>
      </c>
      <c r="B41523" s="1" t="s">
        <v>140956</v>
      </c>
      <c r="C41523" s="1" t="s">
        <v>45</v>
      </c>
      <c r="D41523" s="1" t="s">
        <v>51</v>
      </c>
      <c r="E41523" s="1" t="s">
        <v>142261</v>
      </c>
      <c r="F41523" s="1" t="s">
        <v>142262</v>
      </c>
      <c r="G41523" s="1" t="s">
        <v>142236</v>
      </c>
      <c r="H41523" s="1" t="s">
        <v>142237</v>
      </c>
      <c r="I41523" s="1" t="s">
        <v>140961</v>
      </c>
      <c r="J41523" s="1" t="s">
        <v>142263</v>
      </c>
    </row>
    <row r="41524" spans="1:10" x14ac:dyDescent="0.35">
      <c r="A41524" s="1" t="s">
        <v>27358</v>
      </c>
      <c r="B41524" s="1" t="s">
        <v>140956</v>
      </c>
      <c r="C41524" s="1" t="s">
        <v>50</v>
      </c>
      <c r="D41524" s="1" t="s">
        <v>30607</v>
      </c>
      <c r="E41524" s="1" t="s">
        <v>142264</v>
      </c>
      <c r="F41524" s="1" t="s">
        <v>142265</v>
      </c>
      <c r="G41524" s="1" t="s">
        <v>142236</v>
      </c>
      <c r="H41524" s="1" t="s">
        <v>142237</v>
      </c>
      <c r="I41524" s="1" t="s">
        <v>140961</v>
      </c>
      <c r="J41524" s="1" t="s">
        <v>142266</v>
      </c>
    </row>
    <row r="41525" spans="1:10" x14ac:dyDescent="0.35">
      <c r="A41525" s="1" t="s">
        <v>27358</v>
      </c>
      <c r="B41525" s="1" t="s">
        <v>140956</v>
      </c>
      <c r="C41525" s="1" t="s">
        <v>55</v>
      </c>
      <c r="D41525" s="1" t="s">
        <v>38596</v>
      </c>
      <c r="E41525" s="1" t="s">
        <v>142267</v>
      </c>
      <c r="F41525" s="1" t="s">
        <v>142268</v>
      </c>
      <c r="G41525" s="1" t="s">
        <v>142236</v>
      </c>
      <c r="H41525" s="1" t="s">
        <v>142237</v>
      </c>
      <c r="I41525" s="1" t="s">
        <v>140961</v>
      </c>
      <c r="J41525" s="1" t="s">
        <v>142269</v>
      </c>
    </row>
    <row r="41526" spans="1:10" x14ac:dyDescent="0.35">
      <c r="A41526" s="1" t="s">
        <v>27358</v>
      </c>
      <c r="B41526" s="1" t="s">
        <v>140956</v>
      </c>
      <c r="C41526" s="1" t="s">
        <v>60</v>
      </c>
      <c r="D41526" s="1" t="s">
        <v>74898</v>
      </c>
      <c r="E41526" s="1" t="s">
        <v>142270</v>
      </c>
      <c r="F41526" s="1" t="s">
        <v>142271</v>
      </c>
      <c r="G41526" s="1" t="s">
        <v>142236</v>
      </c>
      <c r="H41526" s="1" t="s">
        <v>142237</v>
      </c>
      <c r="I41526" s="1" t="s">
        <v>140961</v>
      </c>
      <c r="J41526" s="1" t="s">
        <v>142272</v>
      </c>
    </row>
    <row r="41527" spans="1:10" x14ac:dyDescent="0.35">
      <c r="A41527" s="1" t="s">
        <v>27358</v>
      </c>
      <c r="B41527" s="1" t="s">
        <v>140956</v>
      </c>
      <c r="C41527" s="1" t="s">
        <v>65</v>
      </c>
      <c r="D41527" s="1" t="s">
        <v>142273</v>
      </c>
      <c r="E41527" s="1" t="s">
        <v>142274</v>
      </c>
      <c r="F41527" s="1" t="s">
        <v>142275</v>
      </c>
      <c r="G41527" s="1" t="s">
        <v>142236</v>
      </c>
      <c r="H41527" s="1" t="s">
        <v>142237</v>
      </c>
      <c r="I41527" s="1" t="s">
        <v>140961</v>
      </c>
      <c r="J41527" s="1" t="s">
        <v>142276</v>
      </c>
    </row>
    <row r="41528" spans="1:10" x14ac:dyDescent="0.35">
      <c r="A41528" s="1" t="s">
        <v>27358</v>
      </c>
      <c r="B41528" s="1" t="s">
        <v>140956</v>
      </c>
      <c r="C41528" s="1" t="s">
        <v>70</v>
      </c>
      <c r="D41528" s="1" t="s">
        <v>142277</v>
      </c>
      <c r="E41528" s="1" t="s">
        <v>142278</v>
      </c>
      <c r="F41528" s="1" t="s">
        <v>142279</v>
      </c>
      <c r="G41528" s="1" t="s">
        <v>142236</v>
      </c>
      <c r="H41528" s="1" t="s">
        <v>142237</v>
      </c>
      <c r="I41528" s="1" t="s">
        <v>140961</v>
      </c>
      <c r="J41528" s="1" t="s">
        <v>142280</v>
      </c>
    </row>
    <row r="41529" spans="1:10" x14ac:dyDescent="0.35">
      <c r="A41529" s="1" t="s">
        <v>27358</v>
      </c>
      <c r="B41529" s="1" t="s">
        <v>140956</v>
      </c>
      <c r="C41529" s="1" t="s">
        <v>75</v>
      </c>
      <c r="D41529" s="1" t="s">
        <v>105023</v>
      </c>
      <c r="E41529" s="1" t="s">
        <v>142281</v>
      </c>
      <c r="F41529" s="1" t="s">
        <v>142282</v>
      </c>
      <c r="G41529" s="1" t="s">
        <v>142236</v>
      </c>
      <c r="H41529" s="1" t="s">
        <v>142237</v>
      </c>
      <c r="I41529" s="1" t="s">
        <v>140961</v>
      </c>
      <c r="J41529" s="1" t="s">
        <v>142283</v>
      </c>
    </row>
    <row r="41530" spans="1:10" x14ac:dyDescent="0.35">
      <c r="A41530" s="1" t="s">
        <v>27358</v>
      </c>
      <c r="B41530" s="1" t="s">
        <v>140956</v>
      </c>
      <c r="C41530" s="1" t="s">
        <v>80</v>
      </c>
      <c r="D41530" s="1" t="s">
        <v>142284</v>
      </c>
      <c r="E41530" s="1" t="s">
        <v>142285</v>
      </c>
      <c r="F41530" s="1" t="s">
        <v>142286</v>
      </c>
      <c r="G41530" s="1" t="s">
        <v>142236</v>
      </c>
      <c r="H41530" s="1" t="s">
        <v>142237</v>
      </c>
      <c r="I41530" s="1" t="s">
        <v>140961</v>
      </c>
      <c r="J41530" s="1" t="s">
        <v>142287</v>
      </c>
    </row>
    <row r="41531" spans="1:10" x14ac:dyDescent="0.35">
      <c r="A41531" s="1" t="s">
        <v>27358</v>
      </c>
      <c r="B41531" s="1" t="s">
        <v>140956</v>
      </c>
      <c r="C41531" s="1" t="s">
        <v>85</v>
      </c>
      <c r="D41531" s="1" t="s">
        <v>142288</v>
      </c>
      <c r="E41531" s="1" t="s">
        <v>142289</v>
      </c>
      <c r="F41531" s="1" t="s">
        <v>142290</v>
      </c>
      <c r="G41531" s="1" t="s">
        <v>142236</v>
      </c>
      <c r="H41531" s="1" t="s">
        <v>142237</v>
      </c>
      <c r="I41531" s="1" t="s">
        <v>140961</v>
      </c>
      <c r="J41531" s="1" t="s">
        <v>142291</v>
      </c>
    </row>
    <row r="41532" spans="1:10" x14ac:dyDescent="0.35">
      <c r="A41532" s="1" t="s">
        <v>27358</v>
      </c>
      <c r="B41532" s="1" t="s">
        <v>140956</v>
      </c>
      <c r="C41532" s="1" t="s">
        <v>90</v>
      </c>
      <c r="D41532" s="1" t="s">
        <v>142292</v>
      </c>
      <c r="E41532" s="1" t="s">
        <v>142293</v>
      </c>
      <c r="F41532" s="1" t="s">
        <v>142294</v>
      </c>
      <c r="G41532" s="1" t="s">
        <v>142236</v>
      </c>
      <c r="H41532" s="1" t="s">
        <v>142237</v>
      </c>
      <c r="I41532" s="1" t="s">
        <v>140961</v>
      </c>
      <c r="J41532" s="1" t="s">
        <v>142295</v>
      </c>
    </row>
    <row r="41533" spans="1:10" x14ac:dyDescent="0.35">
      <c r="A41533" s="1" t="s">
        <v>27358</v>
      </c>
      <c r="B41533" s="1" t="s">
        <v>140956</v>
      </c>
      <c r="C41533" s="1" t="s">
        <v>95</v>
      </c>
      <c r="D41533" s="1" t="s">
        <v>142296</v>
      </c>
      <c r="E41533" s="1" t="s">
        <v>142297</v>
      </c>
      <c r="F41533" s="1" t="s">
        <v>142298</v>
      </c>
      <c r="G41533" s="1" t="s">
        <v>142236</v>
      </c>
      <c r="H41533" s="1" t="s">
        <v>142237</v>
      </c>
      <c r="I41533" s="1" t="s">
        <v>140961</v>
      </c>
      <c r="J41533" s="1" t="s">
        <v>142299</v>
      </c>
    </row>
    <row r="41534" spans="1:10" x14ac:dyDescent="0.35">
      <c r="A41534" s="1" t="s">
        <v>27358</v>
      </c>
      <c r="B41534" s="1" t="s">
        <v>140956</v>
      </c>
      <c r="C41534" s="1" t="s">
        <v>100</v>
      </c>
      <c r="D41534" s="1" t="s">
        <v>142300</v>
      </c>
      <c r="E41534" s="1" t="s">
        <v>142301</v>
      </c>
      <c r="F41534" s="1" t="s">
        <v>142302</v>
      </c>
      <c r="G41534" s="1" t="s">
        <v>142236</v>
      </c>
      <c r="H41534" s="1" t="s">
        <v>142237</v>
      </c>
      <c r="I41534" s="1" t="s">
        <v>140961</v>
      </c>
      <c r="J41534" s="1" t="s">
        <v>142303</v>
      </c>
    </row>
    <row r="41535" spans="1:10" x14ac:dyDescent="0.35">
      <c r="A41535" s="1" t="s">
        <v>27358</v>
      </c>
      <c r="B41535" s="1" t="s">
        <v>140956</v>
      </c>
      <c r="C41535" s="1" t="s">
        <v>105</v>
      </c>
      <c r="D41535" s="1" t="s">
        <v>66326</v>
      </c>
      <c r="E41535" s="1" t="s">
        <v>142304</v>
      </c>
      <c r="F41535" s="1" t="s">
        <v>142305</v>
      </c>
      <c r="G41535" s="1" t="s">
        <v>142236</v>
      </c>
      <c r="H41535" s="1" t="s">
        <v>142237</v>
      </c>
      <c r="I41535" s="1" t="s">
        <v>140961</v>
      </c>
      <c r="J41535" s="1" t="s">
        <v>142306</v>
      </c>
    </row>
    <row r="41536" spans="1:10" x14ac:dyDescent="0.35">
      <c r="A41536" s="1" t="s">
        <v>27358</v>
      </c>
      <c r="B41536" s="1" t="s">
        <v>140956</v>
      </c>
      <c r="C41536" s="1" t="s">
        <v>110</v>
      </c>
      <c r="D41536" s="1" t="s">
        <v>109258</v>
      </c>
      <c r="E41536" s="1" t="s">
        <v>142307</v>
      </c>
      <c r="F41536" s="1" t="s">
        <v>142308</v>
      </c>
      <c r="G41536" s="1" t="s">
        <v>142236</v>
      </c>
      <c r="H41536" s="1" t="s">
        <v>142237</v>
      </c>
      <c r="I41536" s="1" t="s">
        <v>140961</v>
      </c>
      <c r="J41536" s="1" t="s">
        <v>142309</v>
      </c>
    </row>
    <row r="41537" spans="1:10" x14ac:dyDescent="0.35">
      <c r="A41537" s="1" t="s">
        <v>27358</v>
      </c>
      <c r="B41537" s="1" t="s">
        <v>140956</v>
      </c>
      <c r="C41537" s="1" t="s">
        <v>115</v>
      </c>
      <c r="D41537" s="1" t="s">
        <v>142310</v>
      </c>
      <c r="E41537" s="1" t="s">
        <v>142311</v>
      </c>
      <c r="F41537" s="1" t="s">
        <v>142312</v>
      </c>
      <c r="G41537" s="1" t="s">
        <v>142236</v>
      </c>
      <c r="H41537" s="1" t="s">
        <v>142237</v>
      </c>
      <c r="I41537" s="1" t="s">
        <v>140961</v>
      </c>
      <c r="J41537" s="1" t="s">
        <v>142313</v>
      </c>
    </row>
    <row r="41538" spans="1:10" x14ac:dyDescent="0.35">
      <c r="A41538" s="1" t="s">
        <v>27358</v>
      </c>
      <c r="B41538" s="1" t="s">
        <v>140956</v>
      </c>
      <c r="C41538" s="1" t="s">
        <v>120</v>
      </c>
      <c r="D41538" s="1" t="s">
        <v>138093</v>
      </c>
      <c r="E41538" s="1" t="s">
        <v>142314</v>
      </c>
      <c r="F41538" s="1" t="s">
        <v>142315</v>
      </c>
      <c r="G41538" s="1" t="s">
        <v>142236</v>
      </c>
      <c r="H41538" s="1" t="s">
        <v>142237</v>
      </c>
      <c r="I41538" s="1" t="s">
        <v>140961</v>
      </c>
      <c r="J41538" s="1" t="s">
        <v>142316</v>
      </c>
    </row>
    <row r="41539" spans="1:10" x14ac:dyDescent="0.35">
      <c r="A41539" s="1" t="s">
        <v>27358</v>
      </c>
      <c r="B41539" s="1" t="s">
        <v>140956</v>
      </c>
      <c r="C41539" s="1" t="s">
        <v>125</v>
      </c>
      <c r="D41539" s="1" t="s">
        <v>61122</v>
      </c>
      <c r="E41539" s="1" t="s">
        <v>142317</v>
      </c>
      <c r="F41539" s="1" t="s">
        <v>142318</v>
      </c>
      <c r="G41539" s="1" t="s">
        <v>142236</v>
      </c>
      <c r="H41539" s="1" t="s">
        <v>142237</v>
      </c>
      <c r="I41539" s="1" t="s">
        <v>140961</v>
      </c>
      <c r="J41539" s="1" t="s">
        <v>142319</v>
      </c>
    </row>
    <row r="41540" spans="1:10" x14ac:dyDescent="0.35">
      <c r="A41540" s="1" t="s">
        <v>27358</v>
      </c>
      <c r="B41540" s="1" t="s">
        <v>140956</v>
      </c>
      <c r="C41540" s="1" t="s">
        <v>130</v>
      </c>
      <c r="D41540" s="1" t="s">
        <v>142320</v>
      </c>
      <c r="E41540" s="1" t="s">
        <v>142321</v>
      </c>
      <c r="F41540" s="1" t="s">
        <v>142322</v>
      </c>
      <c r="G41540" s="1" t="s">
        <v>142236</v>
      </c>
      <c r="H41540" s="1" t="s">
        <v>142237</v>
      </c>
      <c r="I41540" s="1" t="s">
        <v>140961</v>
      </c>
      <c r="J41540" s="1" t="s">
        <v>142323</v>
      </c>
    </row>
    <row r="41541" spans="1:10" x14ac:dyDescent="0.35">
      <c r="A41541" s="1" t="s">
        <v>27358</v>
      </c>
      <c r="B41541" s="1" t="s">
        <v>140956</v>
      </c>
      <c r="C41541" s="1" t="s">
        <v>135</v>
      </c>
      <c r="D41541" s="1" t="s">
        <v>104610</v>
      </c>
      <c r="E41541" s="1" t="s">
        <v>142324</v>
      </c>
      <c r="F41541" s="1" t="s">
        <v>142325</v>
      </c>
      <c r="G41541" s="1" t="s">
        <v>142236</v>
      </c>
      <c r="H41541" s="1" t="s">
        <v>142237</v>
      </c>
      <c r="I41541" s="1" t="s">
        <v>140961</v>
      </c>
      <c r="J41541" s="1" t="s">
        <v>142326</v>
      </c>
    </row>
    <row r="41542" spans="1:10" x14ac:dyDescent="0.35">
      <c r="A41542" s="1" t="s">
        <v>27358</v>
      </c>
      <c r="B41542" s="1" t="s">
        <v>140956</v>
      </c>
      <c r="C41542" s="1" t="s">
        <v>140</v>
      </c>
      <c r="D41542" s="1" t="s">
        <v>10377</v>
      </c>
      <c r="E41542" s="1" t="s">
        <v>142327</v>
      </c>
      <c r="F41542" s="1" t="s">
        <v>142328</v>
      </c>
      <c r="G41542" s="1" t="s">
        <v>142236</v>
      </c>
      <c r="H41542" s="1" t="s">
        <v>142237</v>
      </c>
      <c r="I41542" s="1" t="s">
        <v>140961</v>
      </c>
      <c r="J41542" s="1" t="s">
        <v>142329</v>
      </c>
    </row>
    <row r="41543" spans="1:10" x14ac:dyDescent="0.35">
      <c r="A41543" s="1" t="s">
        <v>27358</v>
      </c>
      <c r="B41543" s="1" t="s">
        <v>140956</v>
      </c>
      <c r="C41543" s="1" t="s">
        <v>145</v>
      </c>
      <c r="D41543" s="1" t="s">
        <v>142330</v>
      </c>
      <c r="E41543" s="1" t="s">
        <v>142331</v>
      </c>
      <c r="F41543" s="1" t="s">
        <v>142332</v>
      </c>
      <c r="G41543" s="1" t="s">
        <v>142236</v>
      </c>
      <c r="H41543" s="1" t="s">
        <v>142237</v>
      </c>
      <c r="I41543" s="1" t="s">
        <v>140961</v>
      </c>
      <c r="J41543" s="1" t="s">
        <v>142333</v>
      </c>
    </row>
    <row r="41544" spans="1:10" x14ac:dyDescent="0.35">
      <c r="A41544" s="1" t="s">
        <v>27358</v>
      </c>
      <c r="B41544" s="1" t="s">
        <v>140956</v>
      </c>
      <c r="C41544" s="1" t="s">
        <v>150</v>
      </c>
      <c r="D41544" s="1" t="s">
        <v>3675</v>
      </c>
      <c r="E41544" s="1" t="s">
        <v>142334</v>
      </c>
      <c r="F41544" s="1" t="s">
        <v>142335</v>
      </c>
      <c r="G41544" s="1" t="s">
        <v>142236</v>
      </c>
      <c r="H41544" s="1" t="s">
        <v>142237</v>
      </c>
      <c r="I41544" s="1" t="s">
        <v>140961</v>
      </c>
      <c r="J41544" s="1" t="s">
        <v>142336</v>
      </c>
    </row>
    <row r="41545" spans="1:10" x14ac:dyDescent="0.35">
      <c r="A41545" s="1" t="s">
        <v>27358</v>
      </c>
      <c r="B41545" s="1" t="s">
        <v>140956</v>
      </c>
      <c r="C41545" s="1" t="s">
        <v>155</v>
      </c>
      <c r="D41545" s="1" t="s">
        <v>36407</v>
      </c>
      <c r="E41545" s="1" t="s">
        <v>142337</v>
      </c>
      <c r="F41545" s="1" t="s">
        <v>142338</v>
      </c>
      <c r="G41545" s="1" t="s">
        <v>142236</v>
      </c>
      <c r="H41545" s="1" t="s">
        <v>142237</v>
      </c>
      <c r="I41545" s="1" t="s">
        <v>140961</v>
      </c>
      <c r="J41545" s="1" t="s">
        <v>142339</v>
      </c>
    </row>
    <row r="41546" spans="1:10" x14ac:dyDescent="0.35">
      <c r="A41546" s="1" t="s">
        <v>27358</v>
      </c>
      <c r="B41546" s="1" t="s">
        <v>140956</v>
      </c>
      <c r="C41546" s="1" t="s">
        <v>160</v>
      </c>
      <c r="D41546" s="1" t="s">
        <v>142340</v>
      </c>
      <c r="E41546" s="1" t="s">
        <v>142341</v>
      </c>
      <c r="F41546" s="1" t="s">
        <v>142342</v>
      </c>
      <c r="G41546" s="1" t="s">
        <v>142236</v>
      </c>
      <c r="H41546" s="1" t="s">
        <v>142237</v>
      </c>
      <c r="I41546" s="1" t="s">
        <v>140961</v>
      </c>
      <c r="J41546" s="1" t="s">
        <v>142343</v>
      </c>
    </row>
    <row r="41547" spans="1:10" x14ac:dyDescent="0.35">
      <c r="A41547" s="1" t="s">
        <v>27358</v>
      </c>
      <c r="B41547" s="1" t="s">
        <v>140956</v>
      </c>
      <c r="C41547" s="1" t="s">
        <v>165</v>
      </c>
      <c r="D41547" s="1" t="s">
        <v>118785</v>
      </c>
      <c r="E41547" s="1" t="s">
        <v>142344</v>
      </c>
      <c r="F41547" s="1" t="s">
        <v>142345</v>
      </c>
      <c r="G41547" s="1" t="s">
        <v>142236</v>
      </c>
      <c r="H41547" s="1" t="s">
        <v>142237</v>
      </c>
      <c r="I41547" s="1" t="s">
        <v>140961</v>
      </c>
      <c r="J41547" s="1" t="s">
        <v>142346</v>
      </c>
    </row>
    <row r="41548" spans="1:10" x14ac:dyDescent="0.35">
      <c r="A41548" s="1" t="s">
        <v>27358</v>
      </c>
      <c r="B41548" s="1" t="s">
        <v>140956</v>
      </c>
      <c r="C41548" s="1" t="s">
        <v>170</v>
      </c>
      <c r="D41548" s="1" t="s">
        <v>45912</v>
      </c>
      <c r="E41548" s="1" t="s">
        <v>142347</v>
      </c>
      <c r="F41548" s="1" t="s">
        <v>142348</v>
      </c>
      <c r="G41548" s="1" t="s">
        <v>142236</v>
      </c>
      <c r="H41548" s="1" t="s">
        <v>142237</v>
      </c>
      <c r="I41548" s="1" t="s">
        <v>140961</v>
      </c>
      <c r="J41548" s="1" t="s">
        <v>142349</v>
      </c>
    </row>
    <row r="41549" spans="1:10" x14ac:dyDescent="0.35">
      <c r="A41549" s="1" t="s">
        <v>10522</v>
      </c>
      <c r="B41549" s="1" t="s">
        <v>140956</v>
      </c>
      <c r="C41549" s="1" t="s">
        <v>8</v>
      </c>
      <c r="D41549" s="1" t="s">
        <v>29208</v>
      </c>
      <c r="E41549" s="1" t="s">
        <v>142350</v>
      </c>
      <c r="F41549" s="1" t="s">
        <v>142351</v>
      </c>
      <c r="G41549" s="1" t="s">
        <v>142352</v>
      </c>
      <c r="H41549" s="1" t="s">
        <v>142353</v>
      </c>
      <c r="I41549" s="1" t="s">
        <v>140961</v>
      </c>
      <c r="J41549" s="1" t="s">
        <v>13</v>
      </c>
    </row>
    <row r="41550" spans="1:10" x14ac:dyDescent="0.35">
      <c r="A41550" s="1" t="s">
        <v>10522</v>
      </c>
      <c r="B41550" s="1" t="s">
        <v>140956</v>
      </c>
      <c r="C41550" s="1" t="s">
        <v>15</v>
      </c>
      <c r="D41550" s="1" t="s">
        <v>1707</v>
      </c>
      <c r="E41550" s="1" t="s">
        <v>142354</v>
      </c>
      <c r="F41550" s="1" t="s">
        <v>142355</v>
      </c>
      <c r="G41550" s="1" t="s">
        <v>142352</v>
      </c>
      <c r="H41550" s="1" t="s">
        <v>142353</v>
      </c>
      <c r="I41550" s="1" t="s">
        <v>140961</v>
      </c>
      <c r="J41550" s="1" t="s">
        <v>142356</v>
      </c>
    </row>
    <row r="41551" spans="1:10" x14ac:dyDescent="0.35">
      <c r="A41551" s="1" t="s">
        <v>10522</v>
      </c>
      <c r="B41551" s="1" t="s">
        <v>140956</v>
      </c>
      <c r="C41551" s="1" t="s">
        <v>20</v>
      </c>
      <c r="D41551" s="1" t="s">
        <v>28443</v>
      </c>
      <c r="E41551" s="1" t="s">
        <v>142357</v>
      </c>
      <c r="F41551" s="1" t="s">
        <v>142358</v>
      </c>
      <c r="G41551" s="1" t="s">
        <v>142352</v>
      </c>
      <c r="H41551" s="1" t="s">
        <v>142353</v>
      </c>
      <c r="I41551" s="1" t="s">
        <v>140961</v>
      </c>
      <c r="J41551" s="1" t="s">
        <v>142359</v>
      </c>
    </row>
    <row r="41552" spans="1:10" x14ac:dyDescent="0.35">
      <c r="A41552" s="1" t="s">
        <v>10522</v>
      </c>
      <c r="B41552" s="1" t="s">
        <v>140956</v>
      </c>
      <c r="C41552" s="1" t="s">
        <v>25</v>
      </c>
      <c r="D41552" s="1" t="s">
        <v>2031</v>
      </c>
      <c r="E41552" s="1" t="s">
        <v>142360</v>
      </c>
      <c r="F41552" s="1" t="s">
        <v>142361</v>
      </c>
      <c r="G41552" s="1" t="s">
        <v>142352</v>
      </c>
      <c r="H41552" s="1" t="s">
        <v>142353</v>
      </c>
      <c r="I41552" s="1" t="s">
        <v>140961</v>
      </c>
      <c r="J41552" s="1" t="s">
        <v>142362</v>
      </c>
    </row>
    <row r="41553" spans="1:10" x14ac:dyDescent="0.35">
      <c r="A41553" s="1" t="s">
        <v>10522</v>
      </c>
      <c r="B41553" s="1" t="s">
        <v>140956</v>
      </c>
      <c r="C41553" s="1" t="s">
        <v>30</v>
      </c>
      <c r="D41553" s="1" t="s">
        <v>142363</v>
      </c>
      <c r="E41553" s="1" t="s">
        <v>142364</v>
      </c>
      <c r="F41553" s="1" t="s">
        <v>142365</v>
      </c>
      <c r="G41553" s="1" t="s">
        <v>142352</v>
      </c>
      <c r="H41553" s="1" t="s">
        <v>142353</v>
      </c>
      <c r="I41553" s="1" t="s">
        <v>140961</v>
      </c>
      <c r="J41553" s="1" t="s">
        <v>142366</v>
      </c>
    </row>
    <row r="41554" spans="1:10" x14ac:dyDescent="0.35">
      <c r="A41554" s="1" t="s">
        <v>10522</v>
      </c>
      <c r="B41554" s="1" t="s">
        <v>140956</v>
      </c>
      <c r="C41554" s="1" t="s">
        <v>35</v>
      </c>
      <c r="D41554" s="1" t="s">
        <v>45131</v>
      </c>
      <c r="E41554" s="1" t="s">
        <v>142367</v>
      </c>
      <c r="F41554" s="1" t="s">
        <v>142368</v>
      </c>
      <c r="G41554" s="1" t="s">
        <v>142352</v>
      </c>
      <c r="H41554" s="1" t="s">
        <v>142353</v>
      </c>
      <c r="I41554" s="1" t="s">
        <v>140961</v>
      </c>
      <c r="J41554" s="1" t="s">
        <v>142369</v>
      </c>
    </row>
    <row r="41555" spans="1:10" x14ac:dyDescent="0.35">
      <c r="A41555" s="1" t="s">
        <v>10522</v>
      </c>
      <c r="B41555" s="1" t="s">
        <v>140956</v>
      </c>
      <c r="C41555" s="1" t="s">
        <v>40</v>
      </c>
      <c r="D41555" s="1" t="s">
        <v>14150</v>
      </c>
      <c r="E41555" s="1" t="s">
        <v>142370</v>
      </c>
      <c r="F41555" s="1" t="s">
        <v>142371</v>
      </c>
      <c r="G41555" s="1" t="s">
        <v>142352</v>
      </c>
      <c r="H41555" s="1" t="s">
        <v>142353</v>
      </c>
      <c r="I41555" s="1" t="s">
        <v>140961</v>
      </c>
      <c r="J41555" s="1" t="s">
        <v>142372</v>
      </c>
    </row>
    <row r="41556" spans="1:10" x14ac:dyDescent="0.35">
      <c r="A41556" s="1" t="s">
        <v>10522</v>
      </c>
      <c r="B41556" s="1" t="s">
        <v>140956</v>
      </c>
      <c r="C41556" s="1" t="s">
        <v>45</v>
      </c>
      <c r="D41556" s="1" t="s">
        <v>142373</v>
      </c>
      <c r="E41556" s="1" t="s">
        <v>142374</v>
      </c>
      <c r="F41556" s="1" t="s">
        <v>142375</v>
      </c>
      <c r="G41556" s="1" t="s">
        <v>142352</v>
      </c>
      <c r="H41556" s="1" t="s">
        <v>142353</v>
      </c>
      <c r="I41556" s="1" t="s">
        <v>140961</v>
      </c>
      <c r="J41556" s="1" t="s">
        <v>142376</v>
      </c>
    </row>
    <row r="41557" spans="1:10" x14ac:dyDescent="0.35">
      <c r="A41557" s="1" t="s">
        <v>10522</v>
      </c>
      <c r="B41557" s="1" t="s">
        <v>140956</v>
      </c>
      <c r="C41557" s="1" t="s">
        <v>50</v>
      </c>
      <c r="D41557" s="1" t="s">
        <v>142377</v>
      </c>
      <c r="E41557" s="1" t="s">
        <v>142378</v>
      </c>
      <c r="F41557" s="1" t="s">
        <v>142379</v>
      </c>
      <c r="G41557" s="1" t="s">
        <v>142352</v>
      </c>
      <c r="H41557" s="1" t="s">
        <v>142353</v>
      </c>
      <c r="I41557" s="1" t="s">
        <v>140961</v>
      </c>
      <c r="J41557" s="1" t="s">
        <v>142380</v>
      </c>
    </row>
    <row r="41558" spans="1:10" x14ac:dyDescent="0.35">
      <c r="A41558" s="1" t="s">
        <v>10522</v>
      </c>
      <c r="B41558" s="1" t="s">
        <v>140956</v>
      </c>
      <c r="C41558" s="1" t="s">
        <v>55</v>
      </c>
      <c r="D41558" s="1" t="s">
        <v>4713</v>
      </c>
      <c r="E41558" s="1" t="s">
        <v>142381</v>
      </c>
      <c r="F41558" s="1" t="s">
        <v>142382</v>
      </c>
      <c r="G41558" s="1" t="s">
        <v>142352</v>
      </c>
      <c r="H41558" s="1" t="s">
        <v>142353</v>
      </c>
      <c r="I41558" s="1" t="s">
        <v>140961</v>
      </c>
      <c r="J41558" s="1" t="s">
        <v>142383</v>
      </c>
    </row>
    <row r="41559" spans="1:10" x14ac:dyDescent="0.35">
      <c r="A41559" s="1" t="s">
        <v>10522</v>
      </c>
      <c r="B41559" s="1" t="s">
        <v>140956</v>
      </c>
      <c r="C41559" s="1" t="s">
        <v>60</v>
      </c>
      <c r="D41559" s="1" t="s">
        <v>111046</v>
      </c>
      <c r="E41559" s="1" t="s">
        <v>142384</v>
      </c>
      <c r="F41559" s="1" t="s">
        <v>142385</v>
      </c>
      <c r="G41559" s="1" t="s">
        <v>142352</v>
      </c>
      <c r="H41559" s="1" t="s">
        <v>142353</v>
      </c>
      <c r="I41559" s="1" t="s">
        <v>140961</v>
      </c>
      <c r="J41559" s="1" t="s">
        <v>142386</v>
      </c>
    </row>
    <row r="41560" spans="1:10" x14ac:dyDescent="0.35">
      <c r="A41560" s="1" t="s">
        <v>10522</v>
      </c>
      <c r="B41560" s="1" t="s">
        <v>140956</v>
      </c>
      <c r="C41560" s="1" t="s">
        <v>65</v>
      </c>
      <c r="D41560" s="1" t="s">
        <v>29374</v>
      </c>
      <c r="E41560" s="1" t="s">
        <v>142387</v>
      </c>
      <c r="F41560" s="1" t="s">
        <v>142388</v>
      </c>
      <c r="G41560" s="1" t="s">
        <v>142352</v>
      </c>
      <c r="H41560" s="1" t="s">
        <v>142353</v>
      </c>
      <c r="I41560" s="1" t="s">
        <v>140961</v>
      </c>
      <c r="J41560" s="1" t="s">
        <v>142389</v>
      </c>
    </row>
    <row r="41561" spans="1:10" x14ac:dyDescent="0.35">
      <c r="A41561" s="1" t="s">
        <v>10522</v>
      </c>
      <c r="B41561" s="1" t="s">
        <v>140956</v>
      </c>
      <c r="C41561" s="1" t="s">
        <v>70</v>
      </c>
      <c r="D41561" s="1" t="s">
        <v>111408</v>
      </c>
      <c r="E41561" s="1" t="s">
        <v>142390</v>
      </c>
      <c r="F41561" s="1" t="s">
        <v>142391</v>
      </c>
      <c r="G41561" s="1" t="s">
        <v>142352</v>
      </c>
      <c r="H41561" s="1" t="s">
        <v>142353</v>
      </c>
      <c r="I41561" s="1" t="s">
        <v>140961</v>
      </c>
      <c r="J41561" s="1" t="s">
        <v>142392</v>
      </c>
    </row>
    <row r="41562" spans="1:10" x14ac:dyDescent="0.35">
      <c r="A41562" s="1" t="s">
        <v>10522</v>
      </c>
      <c r="B41562" s="1" t="s">
        <v>140956</v>
      </c>
      <c r="C41562" s="1" t="s">
        <v>75</v>
      </c>
      <c r="D41562" s="1" t="s">
        <v>45504</v>
      </c>
      <c r="E41562" s="1" t="s">
        <v>142393</v>
      </c>
      <c r="F41562" s="1" t="s">
        <v>142394</v>
      </c>
      <c r="G41562" s="1" t="s">
        <v>142352</v>
      </c>
      <c r="H41562" s="1" t="s">
        <v>142353</v>
      </c>
      <c r="I41562" s="1" t="s">
        <v>140961</v>
      </c>
      <c r="J41562" s="1" t="s">
        <v>142395</v>
      </c>
    </row>
    <row r="41563" spans="1:10" x14ac:dyDescent="0.35">
      <c r="A41563" s="1" t="s">
        <v>10522</v>
      </c>
      <c r="B41563" s="1" t="s">
        <v>140956</v>
      </c>
      <c r="C41563" s="1" t="s">
        <v>80</v>
      </c>
      <c r="D41563" s="1" t="s">
        <v>142396</v>
      </c>
      <c r="E41563" s="1" t="s">
        <v>142397</v>
      </c>
      <c r="F41563" s="1" t="s">
        <v>142398</v>
      </c>
      <c r="G41563" s="1" t="s">
        <v>142352</v>
      </c>
      <c r="H41563" s="1" t="s">
        <v>142353</v>
      </c>
      <c r="I41563" s="1" t="s">
        <v>140961</v>
      </c>
      <c r="J41563" s="1" t="s">
        <v>142399</v>
      </c>
    </row>
    <row r="41564" spans="1:10" x14ac:dyDescent="0.35">
      <c r="A41564" s="1" t="s">
        <v>10522</v>
      </c>
      <c r="B41564" s="1" t="s">
        <v>140956</v>
      </c>
      <c r="C41564" s="1" t="s">
        <v>85</v>
      </c>
      <c r="D41564" s="1" t="s">
        <v>83627</v>
      </c>
      <c r="E41564" s="1" t="s">
        <v>142400</v>
      </c>
      <c r="F41564" s="1" t="s">
        <v>142401</v>
      </c>
      <c r="G41564" s="1" t="s">
        <v>142352</v>
      </c>
      <c r="H41564" s="1" t="s">
        <v>142353</v>
      </c>
      <c r="I41564" s="1" t="s">
        <v>140961</v>
      </c>
      <c r="J41564" s="1" t="s">
        <v>142402</v>
      </c>
    </row>
    <row r="41565" spans="1:10" x14ac:dyDescent="0.35">
      <c r="A41565" s="1" t="s">
        <v>10522</v>
      </c>
      <c r="B41565" s="1" t="s">
        <v>140956</v>
      </c>
      <c r="C41565" s="1" t="s">
        <v>90</v>
      </c>
      <c r="D41565" s="1" t="s">
        <v>83220</v>
      </c>
      <c r="E41565" s="1" t="s">
        <v>142403</v>
      </c>
      <c r="F41565" s="1" t="s">
        <v>142404</v>
      </c>
      <c r="G41565" s="1" t="s">
        <v>142352</v>
      </c>
      <c r="H41565" s="1" t="s">
        <v>142353</v>
      </c>
      <c r="I41565" s="1" t="s">
        <v>140961</v>
      </c>
      <c r="J41565" s="1" t="s">
        <v>142405</v>
      </c>
    </row>
    <row r="41566" spans="1:10" x14ac:dyDescent="0.35">
      <c r="A41566" s="1" t="s">
        <v>10522</v>
      </c>
      <c r="B41566" s="1" t="s">
        <v>140956</v>
      </c>
      <c r="C41566" s="1" t="s">
        <v>95</v>
      </c>
      <c r="D41566" s="1" t="s">
        <v>142406</v>
      </c>
      <c r="E41566" s="1" t="s">
        <v>142407</v>
      </c>
      <c r="F41566" s="1" t="s">
        <v>142408</v>
      </c>
      <c r="G41566" s="1" t="s">
        <v>142352</v>
      </c>
      <c r="H41566" s="1" t="s">
        <v>142353</v>
      </c>
      <c r="I41566" s="1" t="s">
        <v>140961</v>
      </c>
      <c r="J41566" s="1" t="s">
        <v>142409</v>
      </c>
    </row>
    <row r="41567" spans="1:10" x14ac:dyDescent="0.35">
      <c r="A41567" s="1" t="s">
        <v>10522</v>
      </c>
      <c r="B41567" s="1" t="s">
        <v>140956</v>
      </c>
      <c r="C41567" s="1" t="s">
        <v>100</v>
      </c>
      <c r="D41567" s="1" t="s">
        <v>142242</v>
      </c>
      <c r="E41567" s="1" t="s">
        <v>142410</v>
      </c>
      <c r="F41567" s="1" t="s">
        <v>142411</v>
      </c>
      <c r="G41567" s="1" t="s">
        <v>142352</v>
      </c>
      <c r="H41567" s="1" t="s">
        <v>142353</v>
      </c>
      <c r="I41567" s="1" t="s">
        <v>140961</v>
      </c>
      <c r="J41567" s="1" t="s">
        <v>142412</v>
      </c>
    </row>
    <row r="41568" spans="1:10" x14ac:dyDescent="0.35">
      <c r="A41568" s="1" t="s">
        <v>10522</v>
      </c>
      <c r="B41568" s="1" t="s">
        <v>140956</v>
      </c>
      <c r="C41568" s="1" t="s">
        <v>105</v>
      </c>
      <c r="D41568" s="1" t="s">
        <v>2996</v>
      </c>
      <c r="E41568" s="1" t="s">
        <v>142413</v>
      </c>
      <c r="F41568" s="1" t="s">
        <v>142414</v>
      </c>
      <c r="G41568" s="1" t="s">
        <v>142352</v>
      </c>
      <c r="H41568" s="1" t="s">
        <v>142353</v>
      </c>
      <c r="I41568" s="1" t="s">
        <v>140961</v>
      </c>
      <c r="J41568" s="1" t="s">
        <v>142415</v>
      </c>
    </row>
    <row r="41569" spans="1:10" x14ac:dyDescent="0.35">
      <c r="A41569" s="1" t="s">
        <v>10522</v>
      </c>
      <c r="B41569" s="1" t="s">
        <v>140956</v>
      </c>
      <c r="C41569" s="1" t="s">
        <v>110</v>
      </c>
      <c r="D41569" s="1" t="s">
        <v>75062</v>
      </c>
      <c r="E41569" s="1" t="s">
        <v>142416</v>
      </c>
      <c r="F41569" s="1" t="s">
        <v>142417</v>
      </c>
      <c r="G41569" s="1" t="s">
        <v>142352</v>
      </c>
      <c r="H41569" s="1" t="s">
        <v>142353</v>
      </c>
      <c r="I41569" s="1" t="s">
        <v>140961</v>
      </c>
      <c r="J41569" s="1" t="s">
        <v>142418</v>
      </c>
    </row>
    <row r="41570" spans="1:10" x14ac:dyDescent="0.35">
      <c r="A41570" s="1" t="s">
        <v>10522</v>
      </c>
      <c r="B41570" s="1" t="s">
        <v>140956</v>
      </c>
      <c r="C41570" s="1" t="s">
        <v>115</v>
      </c>
      <c r="D41570" s="1" t="s">
        <v>142419</v>
      </c>
      <c r="E41570" s="1" t="s">
        <v>142420</v>
      </c>
      <c r="F41570" s="1" t="s">
        <v>142421</v>
      </c>
      <c r="G41570" s="1" t="s">
        <v>142352</v>
      </c>
      <c r="H41570" s="1" t="s">
        <v>142353</v>
      </c>
      <c r="I41570" s="1" t="s">
        <v>140961</v>
      </c>
      <c r="J41570" s="1" t="s">
        <v>142422</v>
      </c>
    </row>
    <row r="41571" spans="1:10" x14ac:dyDescent="0.35">
      <c r="A41571" s="1" t="s">
        <v>10522</v>
      </c>
      <c r="B41571" s="1" t="s">
        <v>140956</v>
      </c>
      <c r="C41571" s="1" t="s">
        <v>120</v>
      </c>
      <c r="D41571" s="1" t="s">
        <v>33028</v>
      </c>
      <c r="E41571" s="1" t="s">
        <v>142423</v>
      </c>
      <c r="F41571" s="1" t="s">
        <v>142424</v>
      </c>
      <c r="G41571" s="1" t="s">
        <v>142352</v>
      </c>
      <c r="H41571" s="1" t="s">
        <v>142353</v>
      </c>
      <c r="I41571" s="1" t="s">
        <v>140961</v>
      </c>
      <c r="J41571" s="1" t="s">
        <v>142425</v>
      </c>
    </row>
    <row r="41572" spans="1:10" x14ac:dyDescent="0.35">
      <c r="A41572" s="1" t="s">
        <v>10522</v>
      </c>
      <c r="B41572" s="1" t="s">
        <v>140956</v>
      </c>
      <c r="C41572" s="1" t="s">
        <v>125</v>
      </c>
      <c r="D41572" s="1" t="s">
        <v>13287</v>
      </c>
      <c r="E41572" s="1" t="s">
        <v>142426</v>
      </c>
      <c r="F41572" s="1" t="s">
        <v>142427</v>
      </c>
      <c r="G41572" s="1" t="s">
        <v>142352</v>
      </c>
      <c r="H41572" s="1" t="s">
        <v>142353</v>
      </c>
      <c r="I41572" s="1" t="s">
        <v>140961</v>
      </c>
      <c r="J41572" s="1" t="s">
        <v>142428</v>
      </c>
    </row>
    <row r="41573" spans="1:10" x14ac:dyDescent="0.35">
      <c r="A41573" s="1" t="s">
        <v>10522</v>
      </c>
      <c r="B41573" s="1" t="s">
        <v>140956</v>
      </c>
      <c r="C41573" s="1" t="s">
        <v>130</v>
      </c>
      <c r="D41573" s="1" t="s">
        <v>10574</v>
      </c>
      <c r="E41573" s="1" t="s">
        <v>142429</v>
      </c>
      <c r="F41573" s="1" t="s">
        <v>142430</v>
      </c>
      <c r="G41573" s="1" t="s">
        <v>142352</v>
      </c>
      <c r="H41573" s="1" t="s">
        <v>142353</v>
      </c>
      <c r="I41573" s="1" t="s">
        <v>140961</v>
      </c>
      <c r="J41573" s="1" t="s">
        <v>142431</v>
      </c>
    </row>
    <row r="41574" spans="1:10" x14ac:dyDescent="0.35">
      <c r="A41574" s="1" t="s">
        <v>10522</v>
      </c>
      <c r="B41574" s="1" t="s">
        <v>140956</v>
      </c>
      <c r="C41574" s="1" t="s">
        <v>135</v>
      </c>
      <c r="D41574" s="1" t="s">
        <v>142432</v>
      </c>
      <c r="E41574" s="1" t="s">
        <v>142433</v>
      </c>
      <c r="F41574" s="1" t="s">
        <v>142434</v>
      </c>
      <c r="G41574" s="1" t="s">
        <v>142352</v>
      </c>
      <c r="H41574" s="1" t="s">
        <v>142353</v>
      </c>
      <c r="I41574" s="1" t="s">
        <v>140961</v>
      </c>
      <c r="J41574" s="1" t="s">
        <v>142435</v>
      </c>
    </row>
    <row r="41575" spans="1:10" x14ac:dyDescent="0.35">
      <c r="A41575" s="1" t="s">
        <v>10522</v>
      </c>
      <c r="B41575" s="1" t="s">
        <v>140956</v>
      </c>
      <c r="C41575" s="1" t="s">
        <v>140</v>
      </c>
      <c r="D41575" s="1" t="s">
        <v>142436</v>
      </c>
      <c r="E41575" s="1" t="s">
        <v>142437</v>
      </c>
      <c r="F41575" s="1" t="s">
        <v>142438</v>
      </c>
      <c r="G41575" s="1" t="s">
        <v>142352</v>
      </c>
      <c r="H41575" s="1" t="s">
        <v>142353</v>
      </c>
      <c r="I41575" s="1" t="s">
        <v>140961</v>
      </c>
      <c r="J41575" s="1" t="s">
        <v>142439</v>
      </c>
    </row>
    <row r="41576" spans="1:10" x14ac:dyDescent="0.35">
      <c r="A41576" s="1" t="s">
        <v>10522</v>
      </c>
      <c r="B41576" s="1" t="s">
        <v>140956</v>
      </c>
      <c r="C41576" s="1" t="s">
        <v>145</v>
      </c>
      <c r="D41576" s="1" t="s">
        <v>22071</v>
      </c>
      <c r="E41576" s="1" t="s">
        <v>142440</v>
      </c>
      <c r="F41576" s="1" t="s">
        <v>142441</v>
      </c>
      <c r="G41576" s="1" t="s">
        <v>142352</v>
      </c>
      <c r="H41576" s="1" t="s">
        <v>142353</v>
      </c>
      <c r="I41576" s="1" t="s">
        <v>140961</v>
      </c>
      <c r="J41576" s="1" t="s">
        <v>142442</v>
      </c>
    </row>
    <row r="41577" spans="1:10" x14ac:dyDescent="0.35">
      <c r="A41577" s="1" t="s">
        <v>10522</v>
      </c>
      <c r="B41577" s="1" t="s">
        <v>140956</v>
      </c>
      <c r="C41577" s="1" t="s">
        <v>150</v>
      </c>
      <c r="D41577" s="1" t="s">
        <v>94155</v>
      </c>
      <c r="E41577" s="1" t="s">
        <v>142443</v>
      </c>
      <c r="F41577" s="1" t="s">
        <v>142444</v>
      </c>
      <c r="G41577" s="1" t="s">
        <v>142352</v>
      </c>
      <c r="H41577" s="1" t="s">
        <v>142353</v>
      </c>
      <c r="I41577" s="1" t="s">
        <v>140961</v>
      </c>
      <c r="J41577" s="1" t="s">
        <v>142445</v>
      </c>
    </row>
    <row r="41578" spans="1:10" x14ac:dyDescent="0.35">
      <c r="A41578" s="1" t="s">
        <v>10522</v>
      </c>
      <c r="B41578" s="1" t="s">
        <v>140956</v>
      </c>
      <c r="C41578" s="1" t="s">
        <v>155</v>
      </c>
      <c r="D41578" s="1" t="s">
        <v>69923</v>
      </c>
      <c r="E41578" s="1" t="s">
        <v>142446</v>
      </c>
      <c r="F41578" s="1" t="s">
        <v>142447</v>
      </c>
      <c r="G41578" s="1" t="s">
        <v>142352</v>
      </c>
      <c r="H41578" s="1" t="s">
        <v>142353</v>
      </c>
      <c r="I41578" s="1" t="s">
        <v>140961</v>
      </c>
      <c r="J41578" s="1" t="s">
        <v>142448</v>
      </c>
    </row>
    <row r="41579" spans="1:10" x14ac:dyDescent="0.35">
      <c r="A41579" s="1" t="s">
        <v>10522</v>
      </c>
      <c r="B41579" s="1" t="s">
        <v>140956</v>
      </c>
      <c r="C41579" s="1" t="s">
        <v>160</v>
      </c>
      <c r="D41579" s="1" t="s">
        <v>142449</v>
      </c>
      <c r="E41579" s="1" t="s">
        <v>142450</v>
      </c>
      <c r="F41579" s="1" t="s">
        <v>142451</v>
      </c>
      <c r="G41579" s="1" t="s">
        <v>142352</v>
      </c>
      <c r="H41579" s="1" t="s">
        <v>142353</v>
      </c>
      <c r="I41579" s="1" t="s">
        <v>140961</v>
      </c>
      <c r="J41579" s="1" t="s">
        <v>142452</v>
      </c>
    </row>
    <row r="41580" spans="1:10" x14ac:dyDescent="0.35">
      <c r="A41580" s="1" t="s">
        <v>10522</v>
      </c>
      <c r="B41580" s="1" t="s">
        <v>140956</v>
      </c>
      <c r="C41580" s="1" t="s">
        <v>165</v>
      </c>
      <c r="D41580" s="1" t="s">
        <v>92105</v>
      </c>
      <c r="E41580" s="1" t="s">
        <v>142453</v>
      </c>
      <c r="F41580" s="1" t="s">
        <v>142454</v>
      </c>
      <c r="G41580" s="1" t="s">
        <v>142352</v>
      </c>
      <c r="H41580" s="1" t="s">
        <v>142353</v>
      </c>
      <c r="I41580" s="1" t="s">
        <v>140961</v>
      </c>
      <c r="J41580" s="1" t="s">
        <v>142455</v>
      </c>
    </row>
    <row r="41581" spans="1:10" x14ac:dyDescent="0.35">
      <c r="A41581" s="1" t="s">
        <v>10522</v>
      </c>
      <c r="B41581" s="1" t="s">
        <v>140956</v>
      </c>
      <c r="C41581" s="1" t="s">
        <v>170</v>
      </c>
      <c r="D41581" s="1" t="s">
        <v>76340</v>
      </c>
      <c r="E41581" s="1" t="s">
        <v>142456</v>
      </c>
      <c r="F41581" s="1" t="s">
        <v>142457</v>
      </c>
      <c r="G41581" s="1" t="s">
        <v>142352</v>
      </c>
      <c r="H41581" s="1" t="s">
        <v>142353</v>
      </c>
      <c r="I41581" s="1" t="s">
        <v>140961</v>
      </c>
      <c r="J41581" s="1" t="s">
        <v>142458</v>
      </c>
    </row>
    <row r="41582" spans="1:10" x14ac:dyDescent="0.35">
      <c r="A41582" s="1" t="s">
        <v>10537</v>
      </c>
      <c r="B41582" s="1" t="s">
        <v>140956</v>
      </c>
      <c r="C41582" s="1" t="s">
        <v>8</v>
      </c>
      <c r="D41582" s="1" t="s">
        <v>45016</v>
      </c>
      <c r="E41582" s="1" t="s">
        <v>142459</v>
      </c>
      <c r="F41582" s="1" t="s">
        <v>142460</v>
      </c>
      <c r="G41582" s="1" t="s">
        <v>142461</v>
      </c>
      <c r="H41582" s="1" t="s">
        <v>142462</v>
      </c>
      <c r="I41582" s="1" t="s">
        <v>140961</v>
      </c>
      <c r="J41582" s="1" t="s">
        <v>13</v>
      </c>
    </row>
    <row r="41583" spans="1:10" x14ac:dyDescent="0.35">
      <c r="A41583" s="1" t="s">
        <v>10537</v>
      </c>
      <c r="B41583" s="1" t="s">
        <v>140956</v>
      </c>
      <c r="C41583" s="1" t="s">
        <v>15</v>
      </c>
      <c r="D41583" s="1" t="s">
        <v>44150</v>
      </c>
      <c r="E41583" s="1" t="s">
        <v>142463</v>
      </c>
      <c r="F41583" s="1" t="s">
        <v>142464</v>
      </c>
      <c r="G41583" s="1" t="s">
        <v>142461</v>
      </c>
      <c r="H41583" s="1" t="s">
        <v>142462</v>
      </c>
      <c r="I41583" s="1" t="s">
        <v>140961</v>
      </c>
      <c r="J41583" s="1" t="s">
        <v>142465</v>
      </c>
    </row>
    <row r="41584" spans="1:10" x14ac:dyDescent="0.35">
      <c r="A41584" s="1" t="s">
        <v>10537</v>
      </c>
      <c r="B41584" s="1" t="s">
        <v>140956</v>
      </c>
      <c r="C41584" s="1" t="s">
        <v>20</v>
      </c>
      <c r="D41584" s="1" t="s">
        <v>117032</v>
      </c>
      <c r="E41584" s="1" t="s">
        <v>142466</v>
      </c>
      <c r="F41584" s="1" t="s">
        <v>142467</v>
      </c>
      <c r="G41584" s="1" t="s">
        <v>142461</v>
      </c>
      <c r="H41584" s="1" t="s">
        <v>142462</v>
      </c>
      <c r="I41584" s="1" t="s">
        <v>140961</v>
      </c>
      <c r="J41584" s="1" t="s">
        <v>142468</v>
      </c>
    </row>
    <row r="41585" spans="1:10" x14ac:dyDescent="0.35">
      <c r="A41585" s="1" t="s">
        <v>10537</v>
      </c>
      <c r="B41585" s="1" t="s">
        <v>140956</v>
      </c>
      <c r="C41585" s="1" t="s">
        <v>25</v>
      </c>
      <c r="D41585" s="1" t="s">
        <v>2059</v>
      </c>
      <c r="E41585" s="1" t="s">
        <v>142469</v>
      </c>
      <c r="F41585" s="1" t="s">
        <v>142470</v>
      </c>
      <c r="G41585" s="1" t="s">
        <v>142461</v>
      </c>
      <c r="H41585" s="1" t="s">
        <v>142462</v>
      </c>
      <c r="I41585" s="1" t="s">
        <v>140961</v>
      </c>
      <c r="J41585" s="1" t="s">
        <v>142471</v>
      </c>
    </row>
    <row r="41586" spans="1:10" x14ac:dyDescent="0.35">
      <c r="A41586" s="1" t="s">
        <v>10537</v>
      </c>
      <c r="B41586" s="1" t="s">
        <v>140956</v>
      </c>
      <c r="C41586" s="1" t="s">
        <v>30</v>
      </c>
      <c r="D41586" s="1" t="s">
        <v>142472</v>
      </c>
      <c r="E41586" s="1" t="s">
        <v>142473</v>
      </c>
      <c r="F41586" s="1" t="s">
        <v>142474</v>
      </c>
      <c r="G41586" s="1" t="s">
        <v>142461</v>
      </c>
      <c r="H41586" s="1" t="s">
        <v>142462</v>
      </c>
      <c r="I41586" s="1" t="s">
        <v>140961</v>
      </c>
      <c r="J41586" s="1" t="s">
        <v>142475</v>
      </c>
    </row>
    <row r="41587" spans="1:10" x14ac:dyDescent="0.35">
      <c r="A41587" s="1" t="s">
        <v>10537</v>
      </c>
      <c r="B41587" s="1" t="s">
        <v>140956</v>
      </c>
      <c r="C41587" s="1" t="s">
        <v>35</v>
      </c>
      <c r="D41587" s="1" t="s">
        <v>29764</v>
      </c>
      <c r="E41587" s="1" t="s">
        <v>142476</v>
      </c>
      <c r="F41587" s="1" t="s">
        <v>142477</v>
      </c>
      <c r="G41587" s="1" t="s">
        <v>142461</v>
      </c>
      <c r="H41587" s="1" t="s">
        <v>142462</v>
      </c>
      <c r="I41587" s="1" t="s">
        <v>140961</v>
      </c>
      <c r="J41587" s="1" t="s">
        <v>142478</v>
      </c>
    </row>
    <row r="41588" spans="1:10" x14ac:dyDescent="0.35">
      <c r="A41588" s="1" t="s">
        <v>10537</v>
      </c>
      <c r="B41588" s="1" t="s">
        <v>140956</v>
      </c>
      <c r="C41588" s="1" t="s">
        <v>40</v>
      </c>
      <c r="D41588" s="1" t="s">
        <v>142479</v>
      </c>
      <c r="E41588" s="1" t="s">
        <v>142480</v>
      </c>
      <c r="F41588" s="1" t="s">
        <v>142481</v>
      </c>
      <c r="G41588" s="1" t="s">
        <v>142461</v>
      </c>
      <c r="H41588" s="1" t="s">
        <v>142462</v>
      </c>
      <c r="I41588" s="1" t="s">
        <v>140961</v>
      </c>
      <c r="J41588" s="1" t="s">
        <v>142482</v>
      </c>
    </row>
    <row r="41589" spans="1:10" x14ac:dyDescent="0.35">
      <c r="A41589" s="1" t="s">
        <v>10537</v>
      </c>
      <c r="B41589" s="1" t="s">
        <v>140956</v>
      </c>
      <c r="C41589" s="1" t="s">
        <v>45</v>
      </c>
      <c r="D41589" s="1" t="s">
        <v>3604</v>
      </c>
      <c r="E41589" s="1" t="s">
        <v>142483</v>
      </c>
      <c r="F41589" s="1" t="s">
        <v>142484</v>
      </c>
      <c r="G41589" s="1" t="s">
        <v>142461</v>
      </c>
      <c r="H41589" s="1" t="s">
        <v>142462</v>
      </c>
      <c r="I41589" s="1" t="s">
        <v>140961</v>
      </c>
      <c r="J41589" s="1" t="s">
        <v>142485</v>
      </c>
    </row>
    <row r="41590" spans="1:10" x14ac:dyDescent="0.35">
      <c r="A41590" s="1" t="s">
        <v>10537</v>
      </c>
      <c r="B41590" s="1" t="s">
        <v>140956</v>
      </c>
      <c r="C41590" s="1" t="s">
        <v>50</v>
      </c>
      <c r="D41590" s="1" t="s">
        <v>10262</v>
      </c>
      <c r="E41590" s="1" t="s">
        <v>142486</v>
      </c>
      <c r="F41590" s="1" t="s">
        <v>142487</v>
      </c>
      <c r="G41590" s="1" t="s">
        <v>142461</v>
      </c>
      <c r="H41590" s="1" t="s">
        <v>142462</v>
      </c>
      <c r="I41590" s="1" t="s">
        <v>140961</v>
      </c>
      <c r="J41590" s="1" t="s">
        <v>142488</v>
      </c>
    </row>
    <row r="41591" spans="1:10" x14ac:dyDescent="0.35">
      <c r="A41591" s="1" t="s">
        <v>10537</v>
      </c>
      <c r="B41591" s="1" t="s">
        <v>140956</v>
      </c>
      <c r="C41591" s="1" t="s">
        <v>55</v>
      </c>
      <c r="D41591" s="1" t="s">
        <v>10288</v>
      </c>
      <c r="E41591" s="1" t="s">
        <v>142489</v>
      </c>
      <c r="F41591" s="1" t="s">
        <v>142490</v>
      </c>
      <c r="G41591" s="1" t="s">
        <v>142461</v>
      </c>
      <c r="H41591" s="1" t="s">
        <v>142462</v>
      </c>
      <c r="I41591" s="1" t="s">
        <v>140961</v>
      </c>
      <c r="J41591" s="1" t="s">
        <v>142491</v>
      </c>
    </row>
    <row r="41592" spans="1:10" x14ac:dyDescent="0.35">
      <c r="A41592" s="1" t="s">
        <v>10537</v>
      </c>
      <c r="B41592" s="1" t="s">
        <v>140956</v>
      </c>
      <c r="C41592" s="1" t="s">
        <v>60</v>
      </c>
      <c r="D41592" s="1" t="s">
        <v>110635</v>
      </c>
      <c r="E41592" s="1" t="s">
        <v>142492</v>
      </c>
      <c r="F41592" s="1" t="s">
        <v>142493</v>
      </c>
      <c r="G41592" s="1" t="s">
        <v>142461</v>
      </c>
      <c r="H41592" s="1" t="s">
        <v>142462</v>
      </c>
      <c r="I41592" s="1" t="s">
        <v>140961</v>
      </c>
      <c r="J41592" s="1" t="s">
        <v>142494</v>
      </c>
    </row>
    <row r="41593" spans="1:10" x14ac:dyDescent="0.35">
      <c r="A41593" s="1" t="s">
        <v>10537</v>
      </c>
      <c r="B41593" s="1" t="s">
        <v>140956</v>
      </c>
      <c r="C41593" s="1" t="s">
        <v>65</v>
      </c>
      <c r="D41593" s="1" t="s">
        <v>142495</v>
      </c>
      <c r="E41593" s="1" t="s">
        <v>142496</v>
      </c>
      <c r="F41593" s="1" t="s">
        <v>142497</v>
      </c>
      <c r="G41593" s="1" t="s">
        <v>142461</v>
      </c>
      <c r="H41593" s="1" t="s">
        <v>142462</v>
      </c>
      <c r="I41593" s="1" t="s">
        <v>140961</v>
      </c>
      <c r="J41593" s="1" t="s">
        <v>142498</v>
      </c>
    </row>
    <row r="41594" spans="1:10" x14ac:dyDescent="0.35">
      <c r="A41594" s="1" t="s">
        <v>10537</v>
      </c>
      <c r="B41594" s="1" t="s">
        <v>140956</v>
      </c>
      <c r="C41594" s="1" t="s">
        <v>70</v>
      </c>
      <c r="D41594" s="1" t="s">
        <v>142499</v>
      </c>
      <c r="E41594" s="1" t="s">
        <v>142500</v>
      </c>
      <c r="F41594" s="1" t="s">
        <v>142501</v>
      </c>
      <c r="G41594" s="1" t="s">
        <v>142461</v>
      </c>
      <c r="H41594" s="1" t="s">
        <v>142462</v>
      </c>
      <c r="I41594" s="1" t="s">
        <v>140961</v>
      </c>
      <c r="J41594" s="1" t="s">
        <v>142502</v>
      </c>
    </row>
    <row r="41595" spans="1:10" x14ac:dyDescent="0.35">
      <c r="A41595" s="1" t="s">
        <v>10537</v>
      </c>
      <c r="B41595" s="1" t="s">
        <v>140956</v>
      </c>
      <c r="C41595" s="1" t="s">
        <v>75</v>
      </c>
      <c r="D41595" s="1" t="s">
        <v>142503</v>
      </c>
      <c r="E41595" s="1" t="s">
        <v>142504</v>
      </c>
      <c r="F41595" s="1" t="s">
        <v>142505</v>
      </c>
      <c r="G41595" s="1" t="s">
        <v>142461</v>
      </c>
      <c r="H41595" s="1" t="s">
        <v>142462</v>
      </c>
      <c r="I41595" s="1" t="s">
        <v>140961</v>
      </c>
      <c r="J41595" s="1" t="s">
        <v>142506</v>
      </c>
    </row>
    <row r="41596" spans="1:10" x14ac:dyDescent="0.35">
      <c r="A41596" s="1" t="s">
        <v>10537</v>
      </c>
      <c r="B41596" s="1" t="s">
        <v>140956</v>
      </c>
      <c r="C41596" s="1" t="s">
        <v>80</v>
      </c>
      <c r="D41596" s="1" t="s">
        <v>142507</v>
      </c>
      <c r="E41596" s="1" t="s">
        <v>142508</v>
      </c>
      <c r="F41596" s="1" t="s">
        <v>142509</v>
      </c>
      <c r="G41596" s="1" t="s">
        <v>142461</v>
      </c>
      <c r="H41596" s="1" t="s">
        <v>142462</v>
      </c>
      <c r="I41596" s="1" t="s">
        <v>140961</v>
      </c>
      <c r="J41596" s="1" t="s">
        <v>142510</v>
      </c>
    </row>
    <row r="41597" spans="1:10" x14ac:dyDescent="0.35">
      <c r="A41597" s="1" t="s">
        <v>10537</v>
      </c>
      <c r="B41597" s="1" t="s">
        <v>140956</v>
      </c>
      <c r="C41597" s="1" t="s">
        <v>85</v>
      </c>
      <c r="D41597" s="1" t="s">
        <v>7590</v>
      </c>
      <c r="E41597" s="1" t="s">
        <v>142511</v>
      </c>
      <c r="F41597" s="1" t="s">
        <v>142512</v>
      </c>
      <c r="G41597" s="1" t="s">
        <v>142461</v>
      </c>
      <c r="H41597" s="1" t="s">
        <v>142462</v>
      </c>
      <c r="I41597" s="1" t="s">
        <v>140961</v>
      </c>
      <c r="J41597" s="1" t="s">
        <v>142513</v>
      </c>
    </row>
    <row r="41598" spans="1:10" x14ac:dyDescent="0.35">
      <c r="A41598" s="1" t="s">
        <v>10537</v>
      </c>
      <c r="B41598" s="1" t="s">
        <v>140956</v>
      </c>
      <c r="C41598" s="1" t="s">
        <v>90</v>
      </c>
      <c r="D41598" s="1" t="s">
        <v>142514</v>
      </c>
      <c r="E41598" s="1" t="s">
        <v>142515</v>
      </c>
      <c r="F41598" s="1" t="s">
        <v>142516</v>
      </c>
      <c r="G41598" s="1" t="s">
        <v>142461</v>
      </c>
      <c r="H41598" s="1" t="s">
        <v>142462</v>
      </c>
      <c r="I41598" s="1" t="s">
        <v>140961</v>
      </c>
      <c r="J41598" s="1" t="s">
        <v>142517</v>
      </c>
    </row>
    <row r="41599" spans="1:10" x14ac:dyDescent="0.35">
      <c r="A41599" s="1" t="s">
        <v>10537</v>
      </c>
      <c r="B41599" s="1" t="s">
        <v>140956</v>
      </c>
      <c r="C41599" s="1" t="s">
        <v>95</v>
      </c>
      <c r="D41599" s="1" t="s">
        <v>28809</v>
      </c>
      <c r="E41599" s="1" t="s">
        <v>142518</v>
      </c>
      <c r="F41599" s="1" t="s">
        <v>142519</v>
      </c>
      <c r="G41599" s="1" t="s">
        <v>142461</v>
      </c>
      <c r="H41599" s="1" t="s">
        <v>142462</v>
      </c>
      <c r="I41599" s="1" t="s">
        <v>140961</v>
      </c>
      <c r="J41599" s="1" t="s">
        <v>142520</v>
      </c>
    </row>
    <row r="41600" spans="1:10" x14ac:dyDescent="0.35">
      <c r="A41600" s="1" t="s">
        <v>10537</v>
      </c>
      <c r="B41600" s="1" t="s">
        <v>140956</v>
      </c>
      <c r="C41600" s="1" t="s">
        <v>100</v>
      </c>
      <c r="D41600" s="1" t="s">
        <v>142521</v>
      </c>
      <c r="E41600" s="1" t="s">
        <v>142522</v>
      </c>
      <c r="F41600" s="1" t="s">
        <v>142523</v>
      </c>
      <c r="G41600" s="1" t="s">
        <v>142461</v>
      </c>
      <c r="H41600" s="1" t="s">
        <v>142462</v>
      </c>
      <c r="I41600" s="1" t="s">
        <v>140961</v>
      </c>
      <c r="J41600" s="1" t="s">
        <v>142524</v>
      </c>
    </row>
    <row r="41601" spans="1:10" x14ac:dyDescent="0.35">
      <c r="A41601" s="1" t="s">
        <v>10537</v>
      </c>
      <c r="B41601" s="1" t="s">
        <v>140956</v>
      </c>
      <c r="C41601" s="1" t="s">
        <v>105</v>
      </c>
      <c r="D41601" s="1" t="s">
        <v>142525</v>
      </c>
      <c r="E41601" s="1" t="s">
        <v>142526</v>
      </c>
      <c r="F41601" s="1" t="s">
        <v>142527</v>
      </c>
      <c r="G41601" s="1" t="s">
        <v>142461</v>
      </c>
      <c r="H41601" s="1" t="s">
        <v>142462</v>
      </c>
      <c r="I41601" s="1" t="s">
        <v>140961</v>
      </c>
      <c r="J41601" s="1" t="s">
        <v>142528</v>
      </c>
    </row>
    <row r="41602" spans="1:10" x14ac:dyDescent="0.35">
      <c r="A41602" s="1" t="s">
        <v>10537</v>
      </c>
      <c r="B41602" s="1" t="s">
        <v>140956</v>
      </c>
      <c r="C41602" s="1" t="s">
        <v>110</v>
      </c>
      <c r="D41602" s="1" t="s">
        <v>118369</v>
      </c>
      <c r="E41602" s="1" t="s">
        <v>142529</v>
      </c>
      <c r="F41602" s="1" t="s">
        <v>142530</v>
      </c>
      <c r="G41602" s="1" t="s">
        <v>142461</v>
      </c>
      <c r="H41602" s="1" t="s">
        <v>142462</v>
      </c>
      <c r="I41602" s="1" t="s">
        <v>140961</v>
      </c>
      <c r="J41602" s="1" t="s">
        <v>142531</v>
      </c>
    </row>
    <row r="41603" spans="1:10" x14ac:dyDescent="0.35">
      <c r="A41603" s="1" t="s">
        <v>10537</v>
      </c>
      <c r="B41603" s="1" t="s">
        <v>140956</v>
      </c>
      <c r="C41603" s="1" t="s">
        <v>115</v>
      </c>
      <c r="D41603" s="1" t="s">
        <v>142532</v>
      </c>
      <c r="E41603" s="1" t="s">
        <v>142533</v>
      </c>
      <c r="F41603" s="1" t="s">
        <v>142534</v>
      </c>
      <c r="G41603" s="1" t="s">
        <v>142461</v>
      </c>
      <c r="H41603" s="1" t="s">
        <v>142462</v>
      </c>
      <c r="I41603" s="1" t="s">
        <v>140961</v>
      </c>
      <c r="J41603" s="1" t="s">
        <v>142535</v>
      </c>
    </row>
    <row r="41604" spans="1:10" x14ac:dyDescent="0.35">
      <c r="A41604" s="1" t="s">
        <v>10537</v>
      </c>
      <c r="B41604" s="1" t="s">
        <v>140956</v>
      </c>
      <c r="C41604" s="1" t="s">
        <v>120</v>
      </c>
      <c r="D41604" s="1" t="s">
        <v>104479</v>
      </c>
      <c r="E41604" s="1" t="s">
        <v>142536</v>
      </c>
      <c r="F41604" s="1" t="s">
        <v>142537</v>
      </c>
      <c r="G41604" s="1" t="s">
        <v>142461</v>
      </c>
      <c r="H41604" s="1" t="s">
        <v>142462</v>
      </c>
      <c r="I41604" s="1" t="s">
        <v>140961</v>
      </c>
      <c r="J41604" s="1" t="s">
        <v>142538</v>
      </c>
    </row>
    <row r="41605" spans="1:10" x14ac:dyDescent="0.35">
      <c r="A41605" s="1" t="s">
        <v>10537</v>
      </c>
      <c r="B41605" s="1" t="s">
        <v>140956</v>
      </c>
      <c r="C41605" s="1" t="s">
        <v>125</v>
      </c>
      <c r="D41605" s="1" t="s">
        <v>104404</v>
      </c>
      <c r="E41605" s="1" t="s">
        <v>142539</v>
      </c>
      <c r="F41605" s="1" t="s">
        <v>142540</v>
      </c>
      <c r="G41605" s="1" t="s">
        <v>142461</v>
      </c>
      <c r="H41605" s="1" t="s">
        <v>142462</v>
      </c>
      <c r="I41605" s="1" t="s">
        <v>140961</v>
      </c>
      <c r="J41605" s="1" t="s">
        <v>142541</v>
      </c>
    </row>
    <row r="41606" spans="1:10" x14ac:dyDescent="0.35">
      <c r="A41606" s="1" t="s">
        <v>10537</v>
      </c>
      <c r="B41606" s="1" t="s">
        <v>140956</v>
      </c>
      <c r="C41606" s="1" t="s">
        <v>130</v>
      </c>
      <c r="D41606" s="1" t="s">
        <v>1456</v>
      </c>
      <c r="E41606" s="1" t="s">
        <v>142542</v>
      </c>
      <c r="F41606" s="1" t="s">
        <v>142543</v>
      </c>
      <c r="G41606" s="1" t="s">
        <v>142461</v>
      </c>
      <c r="H41606" s="1" t="s">
        <v>142462</v>
      </c>
      <c r="I41606" s="1" t="s">
        <v>140961</v>
      </c>
      <c r="J41606" s="1" t="s">
        <v>142544</v>
      </c>
    </row>
    <row r="41607" spans="1:10" x14ac:dyDescent="0.35">
      <c r="A41607" s="1" t="s">
        <v>10537</v>
      </c>
      <c r="B41607" s="1" t="s">
        <v>140956</v>
      </c>
      <c r="C41607" s="1" t="s">
        <v>135</v>
      </c>
      <c r="D41607" s="1" t="s">
        <v>31007</v>
      </c>
      <c r="E41607" s="1" t="s">
        <v>142545</v>
      </c>
      <c r="F41607" s="1" t="s">
        <v>142546</v>
      </c>
      <c r="G41607" s="1" t="s">
        <v>142461</v>
      </c>
      <c r="H41607" s="1" t="s">
        <v>142462</v>
      </c>
      <c r="I41607" s="1" t="s">
        <v>140961</v>
      </c>
      <c r="J41607" s="1" t="s">
        <v>142547</v>
      </c>
    </row>
    <row r="41608" spans="1:10" x14ac:dyDescent="0.35">
      <c r="A41608" s="1" t="s">
        <v>10537</v>
      </c>
      <c r="B41608" s="1" t="s">
        <v>140956</v>
      </c>
      <c r="C41608" s="1" t="s">
        <v>140</v>
      </c>
      <c r="D41608" s="1" t="s">
        <v>7187</v>
      </c>
      <c r="E41608" s="1" t="s">
        <v>142548</v>
      </c>
      <c r="F41608" s="1" t="s">
        <v>142549</v>
      </c>
      <c r="G41608" s="1" t="s">
        <v>142461</v>
      </c>
      <c r="H41608" s="1" t="s">
        <v>142462</v>
      </c>
      <c r="I41608" s="1" t="s">
        <v>140961</v>
      </c>
      <c r="J41608" s="1" t="s">
        <v>142550</v>
      </c>
    </row>
    <row r="41609" spans="1:10" x14ac:dyDescent="0.35">
      <c r="A41609" s="1" t="s">
        <v>10537</v>
      </c>
      <c r="B41609" s="1" t="s">
        <v>140956</v>
      </c>
      <c r="C41609" s="1" t="s">
        <v>145</v>
      </c>
      <c r="D41609" s="1" t="s">
        <v>18879</v>
      </c>
      <c r="E41609" s="1" t="s">
        <v>142551</v>
      </c>
      <c r="F41609" s="1" t="s">
        <v>142552</v>
      </c>
      <c r="G41609" s="1" t="s">
        <v>142461</v>
      </c>
      <c r="H41609" s="1" t="s">
        <v>142462</v>
      </c>
      <c r="I41609" s="1" t="s">
        <v>140961</v>
      </c>
      <c r="J41609" s="1" t="s">
        <v>142553</v>
      </c>
    </row>
    <row r="41610" spans="1:10" x14ac:dyDescent="0.35">
      <c r="A41610" s="1" t="s">
        <v>10537</v>
      </c>
      <c r="B41610" s="1" t="s">
        <v>140956</v>
      </c>
      <c r="C41610" s="1" t="s">
        <v>150</v>
      </c>
      <c r="D41610" s="1" t="s">
        <v>140990</v>
      </c>
      <c r="E41610" s="1" t="s">
        <v>142554</v>
      </c>
      <c r="F41610" s="1" t="s">
        <v>142555</v>
      </c>
      <c r="G41610" s="1" t="s">
        <v>142461</v>
      </c>
      <c r="H41610" s="1" t="s">
        <v>142462</v>
      </c>
      <c r="I41610" s="1" t="s">
        <v>140961</v>
      </c>
      <c r="J41610" s="1" t="s">
        <v>142556</v>
      </c>
    </row>
    <row r="41611" spans="1:10" x14ac:dyDescent="0.35">
      <c r="A41611" s="1" t="s">
        <v>10537</v>
      </c>
      <c r="B41611" s="1" t="s">
        <v>140956</v>
      </c>
      <c r="C41611" s="1" t="s">
        <v>155</v>
      </c>
      <c r="D41611" s="1" t="s">
        <v>106</v>
      </c>
      <c r="E41611" s="1" t="s">
        <v>142557</v>
      </c>
      <c r="F41611" s="1" t="s">
        <v>142558</v>
      </c>
      <c r="G41611" s="1" t="s">
        <v>142461</v>
      </c>
      <c r="H41611" s="1" t="s">
        <v>142462</v>
      </c>
      <c r="I41611" s="1" t="s">
        <v>140961</v>
      </c>
      <c r="J41611" s="1" t="s">
        <v>142559</v>
      </c>
    </row>
    <row r="41612" spans="1:10" x14ac:dyDescent="0.35">
      <c r="A41612" s="1" t="s">
        <v>10537</v>
      </c>
      <c r="B41612" s="1" t="s">
        <v>140956</v>
      </c>
      <c r="C41612" s="1" t="s">
        <v>160</v>
      </c>
      <c r="D41612" s="1" t="s">
        <v>124263</v>
      </c>
      <c r="E41612" s="1" t="s">
        <v>142560</v>
      </c>
      <c r="F41612" s="1" t="s">
        <v>142561</v>
      </c>
      <c r="G41612" s="1" t="s">
        <v>142461</v>
      </c>
      <c r="H41612" s="1" t="s">
        <v>142462</v>
      </c>
      <c r="I41612" s="1" t="s">
        <v>140961</v>
      </c>
      <c r="J41612" s="1" t="s">
        <v>142562</v>
      </c>
    </row>
    <row r="41613" spans="1:10" x14ac:dyDescent="0.35">
      <c r="A41613" s="1" t="s">
        <v>10537</v>
      </c>
      <c r="B41613" s="1" t="s">
        <v>140956</v>
      </c>
      <c r="C41613" s="1" t="s">
        <v>165</v>
      </c>
      <c r="D41613" s="1" t="s">
        <v>126595</v>
      </c>
      <c r="E41613" s="1" t="s">
        <v>142563</v>
      </c>
      <c r="F41613" s="1" t="s">
        <v>142564</v>
      </c>
      <c r="G41613" s="1" t="s">
        <v>142461</v>
      </c>
      <c r="H41613" s="1" t="s">
        <v>142462</v>
      </c>
      <c r="I41613" s="1" t="s">
        <v>140961</v>
      </c>
      <c r="J41613" s="1" t="s">
        <v>142565</v>
      </c>
    </row>
    <row r="41614" spans="1:10" x14ac:dyDescent="0.35">
      <c r="A41614" s="1" t="s">
        <v>10537</v>
      </c>
      <c r="B41614" s="1" t="s">
        <v>140956</v>
      </c>
      <c r="C41614" s="1" t="s">
        <v>170</v>
      </c>
      <c r="D41614" s="1" t="s">
        <v>18989</v>
      </c>
      <c r="E41614" s="1" t="s">
        <v>142566</v>
      </c>
      <c r="F41614" s="1" t="s">
        <v>142567</v>
      </c>
      <c r="G41614" s="1" t="s">
        <v>142461</v>
      </c>
      <c r="H41614" s="1" t="s">
        <v>142462</v>
      </c>
      <c r="I41614" s="1" t="s">
        <v>140961</v>
      </c>
      <c r="J41614" s="1" t="s">
        <v>142568</v>
      </c>
    </row>
    <row r="41615" spans="1:10" x14ac:dyDescent="0.35">
      <c r="A41615" s="1" t="s">
        <v>142569</v>
      </c>
      <c r="B41615" s="1" t="s">
        <v>142570</v>
      </c>
      <c r="C41615" s="1" t="s">
        <v>8</v>
      </c>
      <c r="D41615" s="1" t="s">
        <v>8295</v>
      </c>
      <c r="E41615" s="1" t="s">
        <v>142571</v>
      </c>
      <c r="F41615" s="1" t="s">
        <v>142572</v>
      </c>
      <c r="G41615" s="1" t="s">
        <v>142573</v>
      </c>
      <c r="H41615" s="1" t="s">
        <v>142574</v>
      </c>
      <c r="I41615" s="1" t="s">
        <v>142575</v>
      </c>
      <c r="J41615" s="1" t="s">
        <v>13</v>
      </c>
    </row>
    <row r="41616" spans="1:10" x14ac:dyDescent="0.35">
      <c r="A41616" s="1" t="s">
        <v>142569</v>
      </c>
      <c r="B41616" s="1" t="s">
        <v>142570</v>
      </c>
      <c r="C41616" s="1" t="s">
        <v>15</v>
      </c>
      <c r="D41616" s="1" t="s">
        <v>120781</v>
      </c>
      <c r="E41616" s="1" t="s">
        <v>142576</v>
      </c>
      <c r="F41616" s="1" t="s">
        <v>142577</v>
      </c>
      <c r="G41616" s="1" t="s">
        <v>142573</v>
      </c>
      <c r="H41616" s="1" t="s">
        <v>142574</v>
      </c>
      <c r="I41616" s="1" t="s">
        <v>142575</v>
      </c>
      <c r="J41616" s="1" t="s">
        <v>142578</v>
      </c>
    </row>
    <row r="41617" spans="1:10" x14ac:dyDescent="0.35">
      <c r="A41617" s="1" t="s">
        <v>142569</v>
      </c>
      <c r="B41617" s="1" t="s">
        <v>142570</v>
      </c>
      <c r="C41617" s="1" t="s">
        <v>20</v>
      </c>
      <c r="D41617" s="1" t="s">
        <v>27749</v>
      </c>
      <c r="E41617" s="1" t="s">
        <v>142579</v>
      </c>
      <c r="F41617" s="1" t="s">
        <v>142580</v>
      </c>
      <c r="G41617" s="1" t="s">
        <v>142573</v>
      </c>
      <c r="H41617" s="1" t="s">
        <v>142574</v>
      </c>
      <c r="I41617" s="1" t="s">
        <v>142575</v>
      </c>
      <c r="J41617" s="1" t="s">
        <v>142581</v>
      </c>
    </row>
    <row r="41618" spans="1:10" x14ac:dyDescent="0.35">
      <c r="A41618" s="1" t="s">
        <v>142569</v>
      </c>
      <c r="B41618" s="1" t="s">
        <v>142570</v>
      </c>
      <c r="C41618" s="1" t="s">
        <v>25</v>
      </c>
      <c r="D41618" s="1" t="s">
        <v>6455</v>
      </c>
      <c r="E41618" s="1" t="s">
        <v>142582</v>
      </c>
      <c r="F41618" s="1" t="s">
        <v>142583</v>
      </c>
      <c r="G41618" s="1" t="s">
        <v>142573</v>
      </c>
      <c r="H41618" s="1" t="s">
        <v>142574</v>
      </c>
      <c r="I41618" s="1" t="s">
        <v>142575</v>
      </c>
      <c r="J41618" s="1" t="s">
        <v>142584</v>
      </c>
    </row>
    <row r="41619" spans="1:10" x14ac:dyDescent="0.35">
      <c r="A41619" s="1" t="s">
        <v>142569</v>
      </c>
      <c r="B41619" s="1" t="s">
        <v>142570</v>
      </c>
      <c r="C41619" s="1" t="s">
        <v>30</v>
      </c>
      <c r="D41619" s="1" t="s">
        <v>7033</v>
      </c>
      <c r="E41619" s="1" t="s">
        <v>142585</v>
      </c>
      <c r="F41619" s="1" t="s">
        <v>142586</v>
      </c>
      <c r="G41619" s="1" t="s">
        <v>142573</v>
      </c>
      <c r="H41619" s="1" t="s">
        <v>142574</v>
      </c>
      <c r="I41619" s="1" t="s">
        <v>142575</v>
      </c>
      <c r="J41619" s="1" t="s">
        <v>142587</v>
      </c>
    </row>
    <row r="41620" spans="1:10" x14ac:dyDescent="0.35">
      <c r="A41620" s="1" t="s">
        <v>142569</v>
      </c>
      <c r="B41620" s="1" t="s">
        <v>142570</v>
      </c>
      <c r="C41620" s="1" t="s">
        <v>35</v>
      </c>
      <c r="D41620" s="1" t="s">
        <v>27951</v>
      </c>
      <c r="E41620" s="1" t="s">
        <v>142588</v>
      </c>
      <c r="F41620" s="1" t="s">
        <v>142589</v>
      </c>
      <c r="G41620" s="1" t="s">
        <v>142573</v>
      </c>
      <c r="H41620" s="1" t="s">
        <v>142574</v>
      </c>
      <c r="I41620" s="1" t="s">
        <v>142575</v>
      </c>
      <c r="J41620" s="1" t="s">
        <v>142590</v>
      </c>
    </row>
    <row r="41621" spans="1:10" x14ac:dyDescent="0.35">
      <c r="A41621" s="1" t="s">
        <v>142569</v>
      </c>
      <c r="B41621" s="1" t="s">
        <v>142570</v>
      </c>
      <c r="C41621" s="1" t="s">
        <v>40</v>
      </c>
      <c r="D41621" s="1" t="s">
        <v>1225</v>
      </c>
      <c r="E41621" s="1" t="s">
        <v>142591</v>
      </c>
      <c r="F41621" s="1" t="s">
        <v>142592</v>
      </c>
      <c r="G41621" s="1" t="s">
        <v>142573</v>
      </c>
      <c r="H41621" s="1" t="s">
        <v>142574</v>
      </c>
      <c r="I41621" s="1" t="s">
        <v>142575</v>
      </c>
      <c r="J41621" s="1" t="s">
        <v>142593</v>
      </c>
    </row>
    <row r="41622" spans="1:10" x14ac:dyDescent="0.35">
      <c r="A41622" s="1" t="s">
        <v>142569</v>
      </c>
      <c r="B41622" s="1" t="s">
        <v>142570</v>
      </c>
      <c r="C41622" s="1" t="s">
        <v>45</v>
      </c>
      <c r="D41622" s="1" t="s">
        <v>6447</v>
      </c>
      <c r="E41622" s="1" t="s">
        <v>142594</v>
      </c>
      <c r="F41622" s="1" t="s">
        <v>142595</v>
      </c>
      <c r="G41622" s="1" t="s">
        <v>142573</v>
      </c>
      <c r="H41622" s="1" t="s">
        <v>142574</v>
      </c>
      <c r="I41622" s="1" t="s">
        <v>142575</v>
      </c>
      <c r="J41622" s="1" t="s">
        <v>142596</v>
      </c>
    </row>
    <row r="41623" spans="1:10" x14ac:dyDescent="0.35">
      <c r="A41623" s="1" t="s">
        <v>142569</v>
      </c>
      <c r="B41623" s="1" t="s">
        <v>142570</v>
      </c>
      <c r="C41623" s="1" t="s">
        <v>50</v>
      </c>
      <c r="D41623" s="1" t="s">
        <v>9399</v>
      </c>
      <c r="E41623" s="1" t="s">
        <v>142597</v>
      </c>
      <c r="F41623" s="1" t="s">
        <v>142598</v>
      </c>
      <c r="G41623" s="1" t="s">
        <v>142573</v>
      </c>
      <c r="H41623" s="1" t="s">
        <v>142574</v>
      </c>
      <c r="I41623" s="1" t="s">
        <v>142575</v>
      </c>
      <c r="J41623" s="1" t="s">
        <v>142599</v>
      </c>
    </row>
    <row r="41624" spans="1:10" x14ac:dyDescent="0.35">
      <c r="A41624" s="1" t="s">
        <v>142569</v>
      </c>
      <c r="B41624" s="1" t="s">
        <v>142570</v>
      </c>
      <c r="C41624" s="1" t="s">
        <v>55</v>
      </c>
      <c r="D41624" s="1" t="s">
        <v>10288</v>
      </c>
      <c r="E41624" s="1" t="s">
        <v>142600</v>
      </c>
      <c r="F41624" s="1" t="s">
        <v>142601</v>
      </c>
      <c r="G41624" s="1" t="s">
        <v>142573</v>
      </c>
      <c r="H41624" s="1" t="s">
        <v>142574</v>
      </c>
      <c r="I41624" s="1" t="s">
        <v>142575</v>
      </c>
      <c r="J41624" s="1" t="s">
        <v>142602</v>
      </c>
    </row>
    <row r="41625" spans="1:10" x14ac:dyDescent="0.35">
      <c r="A41625" s="1" t="s">
        <v>142569</v>
      </c>
      <c r="B41625" s="1" t="s">
        <v>142570</v>
      </c>
      <c r="C41625" s="1" t="s">
        <v>60</v>
      </c>
      <c r="D41625" s="1" t="s">
        <v>117929</v>
      </c>
      <c r="E41625" s="1" t="s">
        <v>142603</v>
      </c>
      <c r="F41625" s="1" t="s">
        <v>142604</v>
      </c>
      <c r="G41625" s="1" t="s">
        <v>142573</v>
      </c>
      <c r="H41625" s="1" t="s">
        <v>142574</v>
      </c>
      <c r="I41625" s="1" t="s">
        <v>142575</v>
      </c>
      <c r="J41625" s="1" t="s">
        <v>142605</v>
      </c>
    </row>
    <row r="41626" spans="1:10" x14ac:dyDescent="0.35">
      <c r="A41626" s="1" t="s">
        <v>142569</v>
      </c>
      <c r="B41626" s="1" t="s">
        <v>142570</v>
      </c>
      <c r="C41626" s="1" t="s">
        <v>65</v>
      </c>
      <c r="D41626" s="1" t="s">
        <v>121731</v>
      </c>
      <c r="E41626" s="1" t="s">
        <v>142606</v>
      </c>
      <c r="F41626" s="1" t="s">
        <v>142607</v>
      </c>
      <c r="G41626" s="1" t="s">
        <v>142573</v>
      </c>
      <c r="H41626" s="1" t="s">
        <v>142574</v>
      </c>
      <c r="I41626" s="1" t="s">
        <v>142575</v>
      </c>
      <c r="J41626" s="1" t="s">
        <v>142608</v>
      </c>
    </row>
    <row r="41627" spans="1:10" x14ac:dyDescent="0.35">
      <c r="A41627" s="1" t="s">
        <v>142569</v>
      </c>
      <c r="B41627" s="1" t="s">
        <v>142570</v>
      </c>
      <c r="C41627" s="1" t="s">
        <v>70</v>
      </c>
      <c r="D41627" s="1" t="s">
        <v>142609</v>
      </c>
      <c r="E41627" s="1" t="s">
        <v>142610</v>
      </c>
      <c r="F41627" s="1" t="s">
        <v>142611</v>
      </c>
      <c r="G41627" s="1" t="s">
        <v>142573</v>
      </c>
      <c r="H41627" s="1" t="s">
        <v>142574</v>
      </c>
      <c r="I41627" s="1" t="s">
        <v>142575</v>
      </c>
      <c r="J41627" s="1" t="s">
        <v>142612</v>
      </c>
    </row>
    <row r="41628" spans="1:10" x14ac:dyDescent="0.35">
      <c r="A41628" s="1" t="s">
        <v>142569</v>
      </c>
      <c r="B41628" s="1" t="s">
        <v>142570</v>
      </c>
      <c r="C41628" s="1" t="s">
        <v>75</v>
      </c>
      <c r="D41628" s="1" t="s">
        <v>27731</v>
      </c>
      <c r="E41628" s="1" t="s">
        <v>142613</v>
      </c>
      <c r="F41628" s="1" t="s">
        <v>142614</v>
      </c>
      <c r="G41628" s="1" t="s">
        <v>142573</v>
      </c>
      <c r="H41628" s="1" t="s">
        <v>142574</v>
      </c>
      <c r="I41628" s="1" t="s">
        <v>142575</v>
      </c>
      <c r="J41628" s="1" t="s">
        <v>142615</v>
      </c>
    </row>
    <row r="41629" spans="1:10" x14ac:dyDescent="0.35">
      <c r="A41629" s="1" t="s">
        <v>142569</v>
      </c>
      <c r="B41629" s="1" t="s">
        <v>142570</v>
      </c>
      <c r="C41629" s="1" t="s">
        <v>80</v>
      </c>
      <c r="D41629" s="1" t="s">
        <v>5508</v>
      </c>
      <c r="E41629" s="1" t="s">
        <v>142616</v>
      </c>
      <c r="F41629" s="1" t="s">
        <v>142617</v>
      </c>
      <c r="G41629" s="1" t="s">
        <v>142573</v>
      </c>
      <c r="H41629" s="1" t="s">
        <v>142574</v>
      </c>
      <c r="I41629" s="1" t="s">
        <v>142575</v>
      </c>
      <c r="J41629" s="1" t="s">
        <v>142618</v>
      </c>
    </row>
    <row r="41630" spans="1:10" x14ac:dyDescent="0.35">
      <c r="A41630" s="1" t="s">
        <v>142569</v>
      </c>
      <c r="B41630" s="1" t="s">
        <v>142570</v>
      </c>
      <c r="C41630" s="1" t="s">
        <v>85</v>
      </c>
      <c r="D41630" s="1" t="s">
        <v>6451</v>
      </c>
      <c r="E41630" s="1" t="s">
        <v>142619</v>
      </c>
      <c r="F41630" s="1" t="s">
        <v>142620</v>
      </c>
      <c r="G41630" s="1" t="s">
        <v>142573</v>
      </c>
      <c r="H41630" s="1" t="s">
        <v>142574</v>
      </c>
      <c r="I41630" s="1" t="s">
        <v>142575</v>
      </c>
      <c r="J41630" s="1" t="s">
        <v>142621</v>
      </c>
    </row>
    <row r="41631" spans="1:10" x14ac:dyDescent="0.35">
      <c r="A41631" s="1" t="s">
        <v>142569</v>
      </c>
      <c r="B41631" s="1" t="s">
        <v>142570</v>
      </c>
      <c r="C41631" s="1" t="s">
        <v>90</v>
      </c>
      <c r="D41631" s="1" t="s">
        <v>27749</v>
      </c>
      <c r="E41631" s="1" t="s">
        <v>142622</v>
      </c>
      <c r="F41631" s="1" t="s">
        <v>142623</v>
      </c>
      <c r="G41631" s="1" t="s">
        <v>142573</v>
      </c>
      <c r="H41631" s="1" t="s">
        <v>142574</v>
      </c>
      <c r="I41631" s="1" t="s">
        <v>142575</v>
      </c>
      <c r="J41631" s="1" t="s">
        <v>142624</v>
      </c>
    </row>
    <row r="41632" spans="1:10" x14ac:dyDescent="0.35">
      <c r="A41632" s="1" t="s">
        <v>142569</v>
      </c>
      <c r="B41632" s="1" t="s">
        <v>142570</v>
      </c>
      <c r="C41632" s="1" t="s">
        <v>95</v>
      </c>
      <c r="D41632" s="1" t="s">
        <v>121502</v>
      </c>
      <c r="E41632" s="1" t="s">
        <v>142625</v>
      </c>
      <c r="F41632" s="1" t="s">
        <v>142626</v>
      </c>
      <c r="G41632" s="1" t="s">
        <v>142573</v>
      </c>
      <c r="H41632" s="1" t="s">
        <v>142574</v>
      </c>
      <c r="I41632" s="1" t="s">
        <v>142575</v>
      </c>
      <c r="J41632" s="1" t="s">
        <v>142627</v>
      </c>
    </row>
    <row r="41633" spans="1:10" x14ac:dyDescent="0.35">
      <c r="A41633" s="1" t="s">
        <v>142569</v>
      </c>
      <c r="B41633" s="1" t="s">
        <v>142570</v>
      </c>
      <c r="C41633" s="1" t="s">
        <v>100</v>
      </c>
      <c r="D41633" s="1" t="s">
        <v>27741</v>
      </c>
      <c r="E41633" s="1" t="s">
        <v>142628</v>
      </c>
      <c r="F41633" s="1" t="s">
        <v>142629</v>
      </c>
      <c r="G41633" s="1" t="s">
        <v>142573</v>
      </c>
      <c r="H41633" s="1" t="s">
        <v>142574</v>
      </c>
      <c r="I41633" s="1" t="s">
        <v>142575</v>
      </c>
      <c r="J41633" s="1" t="s">
        <v>142630</v>
      </c>
    </row>
    <row r="41634" spans="1:10" x14ac:dyDescent="0.35">
      <c r="A41634" s="1" t="s">
        <v>142569</v>
      </c>
      <c r="B41634" s="1" t="s">
        <v>142570</v>
      </c>
      <c r="C41634" s="1" t="s">
        <v>105</v>
      </c>
      <c r="D41634" s="1" t="s">
        <v>27958</v>
      </c>
      <c r="E41634" s="1" t="s">
        <v>142631</v>
      </c>
      <c r="F41634" s="1" t="s">
        <v>142632</v>
      </c>
      <c r="G41634" s="1" t="s">
        <v>142573</v>
      </c>
      <c r="H41634" s="1" t="s">
        <v>142574</v>
      </c>
      <c r="I41634" s="1" t="s">
        <v>142575</v>
      </c>
      <c r="J41634" s="1" t="s">
        <v>142633</v>
      </c>
    </row>
    <row r="41635" spans="1:10" x14ac:dyDescent="0.35">
      <c r="A41635" s="1" t="s">
        <v>142569</v>
      </c>
      <c r="B41635" s="1" t="s">
        <v>142570</v>
      </c>
      <c r="C41635" s="1" t="s">
        <v>110</v>
      </c>
      <c r="D41635" s="1" t="s">
        <v>10274</v>
      </c>
      <c r="E41635" s="1" t="s">
        <v>142634</v>
      </c>
      <c r="F41635" s="1" t="s">
        <v>142635</v>
      </c>
      <c r="G41635" s="1" t="s">
        <v>142573</v>
      </c>
      <c r="H41635" s="1" t="s">
        <v>142574</v>
      </c>
      <c r="I41635" s="1" t="s">
        <v>142575</v>
      </c>
      <c r="J41635" s="1" t="s">
        <v>142636</v>
      </c>
    </row>
    <row r="41636" spans="1:10" x14ac:dyDescent="0.35">
      <c r="A41636" s="1" t="s">
        <v>142569</v>
      </c>
      <c r="B41636" s="1" t="s">
        <v>142570</v>
      </c>
      <c r="C41636" s="1" t="s">
        <v>115</v>
      </c>
      <c r="D41636" s="1" t="s">
        <v>4384</v>
      </c>
      <c r="E41636" s="1" t="s">
        <v>142637</v>
      </c>
      <c r="F41636" s="1" t="s">
        <v>142638</v>
      </c>
      <c r="G41636" s="1" t="s">
        <v>142573</v>
      </c>
      <c r="H41636" s="1" t="s">
        <v>142574</v>
      </c>
      <c r="I41636" s="1" t="s">
        <v>142575</v>
      </c>
      <c r="J41636" s="1" t="s">
        <v>142639</v>
      </c>
    </row>
    <row r="41637" spans="1:10" x14ac:dyDescent="0.35">
      <c r="A41637" s="1" t="s">
        <v>142569</v>
      </c>
      <c r="B41637" s="1" t="s">
        <v>142570</v>
      </c>
      <c r="C41637" s="1" t="s">
        <v>120</v>
      </c>
      <c r="D41637" s="1" t="s">
        <v>8288</v>
      </c>
      <c r="E41637" s="1" t="s">
        <v>142640</v>
      </c>
      <c r="F41637" s="1" t="s">
        <v>142641</v>
      </c>
      <c r="G41637" s="1" t="s">
        <v>142573</v>
      </c>
      <c r="H41637" s="1" t="s">
        <v>142574</v>
      </c>
      <c r="I41637" s="1" t="s">
        <v>142575</v>
      </c>
      <c r="J41637" s="1" t="s">
        <v>142642</v>
      </c>
    </row>
    <row r="41638" spans="1:10" x14ac:dyDescent="0.35">
      <c r="A41638" s="1" t="s">
        <v>142569</v>
      </c>
      <c r="B41638" s="1" t="s">
        <v>142570</v>
      </c>
      <c r="C41638" s="1" t="s">
        <v>125</v>
      </c>
      <c r="D41638" s="1" t="s">
        <v>142643</v>
      </c>
      <c r="E41638" s="1" t="s">
        <v>142644</v>
      </c>
      <c r="F41638" s="1" t="s">
        <v>142645</v>
      </c>
      <c r="G41638" s="1" t="s">
        <v>142573</v>
      </c>
      <c r="H41638" s="1" t="s">
        <v>142574</v>
      </c>
      <c r="I41638" s="1" t="s">
        <v>142575</v>
      </c>
      <c r="J41638" s="1" t="s">
        <v>142646</v>
      </c>
    </row>
    <row r="41639" spans="1:10" x14ac:dyDescent="0.35">
      <c r="A41639" s="1" t="s">
        <v>142569</v>
      </c>
      <c r="B41639" s="1" t="s">
        <v>142570</v>
      </c>
      <c r="C41639" s="1" t="s">
        <v>130</v>
      </c>
      <c r="D41639" s="1" t="s">
        <v>142647</v>
      </c>
      <c r="E41639" s="1" t="s">
        <v>142648</v>
      </c>
      <c r="F41639" s="1" t="s">
        <v>142649</v>
      </c>
      <c r="G41639" s="1" t="s">
        <v>142573</v>
      </c>
      <c r="H41639" s="1" t="s">
        <v>142574</v>
      </c>
      <c r="I41639" s="1" t="s">
        <v>142575</v>
      </c>
      <c r="J41639" s="1" t="s">
        <v>142650</v>
      </c>
    </row>
    <row r="41640" spans="1:10" x14ac:dyDescent="0.35">
      <c r="A41640" s="1" t="s">
        <v>142569</v>
      </c>
      <c r="B41640" s="1" t="s">
        <v>142570</v>
      </c>
      <c r="C41640" s="1" t="s">
        <v>135</v>
      </c>
      <c r="D41640" s="1" t="s">
        <v>142651</v>
      </c>
      <c r="E41640" s="1" t="s">
        <v>142652</v>
      </c>
      <c r="F41640" s="1" t="s">
        <v>142653</v>
      </c>
      <c r="G41640" s="1" t="s">
        <v>142573</v>
      </c>
      <c r="H41640" s="1" t="s">
        <v>142574</v>
      </c>
      <c r="I41640" s="1" t="s">
        <v>142575</v>
      </c>
      <c r="J41640" s="1" t="s">
        <v>142654</v>
      </c>
    </row>
    <row r="41641" spans="1:10" x14ac:dyDescent="0.35">
      <c r="A41641" s="1" t="s">
        <v>142569</v>
      </c>
      <c r="B41641" s="1" t="s">
        <v>142570</v>
      </c>
      <c r="C41641" s="1" t="s">
        <v>140</v>
      </c>
      <c r="D41641" s="1" t="s">
        <v>29907</v>
      </c>
      <c r="E41641" s="1" t="s">
        <v>142655</v>
      </c>
      <c r="F41641" s="1" t="s">
        <v>142656</v>
      </c>
      <c r="G41641" s="1" t="s">
        <v>142573</v>
      </c>
      <c r="H41641" s="1" t="s">
        <v>142574</v>
      </c>
      <c r="I41641" s="1" t="s">
        <v>142575</v>
      </c>
      <c r="J41641" s="1" t="s">
        <v>142657</v>
      </c>
    </row>
    <row r="41642" spans="1:10" x14ac:dyDescent="0.35">
      <c r="A41642" s="1" t="s">
        <v>142569</v>
      </c>
      <c r="B41642" s="1" t="s">
        <v>142570</v>
      </c>
      <c r="C41642" s="1" t="s">
        <v>145</v>
      </c>
      <c r="D41642" s="1" t="s">
        <v>142658</v>
      </c>
      <c r="E41642" s="1" t="s">
        <v>142659</v>
      </c>
      <c r="F41642" s="1" t="s">
        <v>142660</v>
      </c>
      <c r="G41642" s="1" t="s">
        <v>142573</v>
      </c>
      <c r="H41642" s="1" t="s">
        <v>142574</v>
      </c>
      <c r="I41642" s="1" t="s">
        <v>142575</v>
      </c>
      <c r="J41642" s="1" t="s">
        <v>142661</v>
      </c>
    </row>
    <row r="41643" spans="1:10" x14ac:dyDescent="0.35">
      <c r="A41643" s="1" t="s">
        <v>142569</v>
      </c>
      <c r="B41643" s="1" t="s">
        <v>142570</v>
      </c>
      <c r="C41643" s="1" t="s">
        <v>150</v>
      </c>
      <c r="D41643" s="1" t="s">
        <v>111524</v>
      </c>
      <c r="E41643" s="1" t="s">
        <v>142662</v>
      </c>
      <c r="F41643" s="1" t="s">
        <v>142663</v>
      </c>
      <c r="G41643" s="1" t="s">
        <v>142573</v>
      </c>
      <c r="H41643" s="1" t="s">
        <v>142574</v>
      </c>
      <c r="I41643" s="1" t="s">
        <v>142575</v>
      </c>
      <c r="J41643" s="1" t="s">
        <v>142664</v>
      </c>
    </row>
    <row r="41644" spans="1:10" x14ac:dyDescent="0.35">
      <c r="A41644" s="1" t="s">
        <v>142569</v>
      </c>
      <c r="B41644" s="1" t="s">
        <v>142570</v>
      </c>
      <c r="C41644" s="1" t="s">
        <v>155</v>
      </c>
      <c r="D41644" s="1" t="s">
        <v>110582</v>
      </c>
      <c r="E41644" s="1" t="s">
        <v>142665</v>
      </c>
      <c r="F41644" s="1" t="s">
        <v>142666</v>
      </c>
      <c r="G41644" s="1" t="s">
        <v>142573</v>
      </c>
      <c r="H41644" s="1" t="s">
        <v>142574</v>
      </c>
      <c r="I41644" s="1" t="s">
        <v>142575</v>
      </c>
      <c r="J41644" s="1" t="s">
        <v>142667</v>
      </c>
    </row>
    <row r="41645" spans="1:10" x14ac:dyDescent="0.35">
      <c r="A41645" s="1" t="s">
        <v>142569</v>
      </c>
      <c r="B41645" s="1" t="s">
        <v>142570</v>
      </c>
      <c r="C41645" s="1" t="s">
        <v>160</v>
      </c>
      <c r="D41645" s="1" t="s">
        <v>6854</v>
      </c>
      <c r="E41645" s="1" t="s">
        <v>142668</v>
      </c>
      <c r="F41645" s="1" t="s">
        <v>142669</v>
      </c>
      <c r="G41645" s="1" t="s">
        <v>142573</v>
      </c>
      <c r="H41645" s="1" t="s">
        <v>142574</v>
      </c>
      <c r="I41645" s="1" t="s">
        <v>142575</v>
      </c>
      <c r="J41645" s="1" t="s">
        <v>142670</v>
      </c>
    </row>
    <row r="41646" spans="1:10" x14ac:dyDescent="0.35">
      <c r="A41646" s="1" t="s">
        <v>142569</v>
      </c>
      <c r="B41646" s="1" t="s">
        <v>142570</v>
      </c>
      <c r="C41646" s="1" t="s">
        <v>165</v>
      </c>
      <c r="D41646" s="1" t="s">
        <v>104318</v>
      </c>
      <c r="E41646" s="1" t="s">
        <v>142671</v>
      </c>
      <c r="F41646" s="1" t="s">
        <v>142672</v>
      </c>
      <c r="G41646" s="1" t="s">
        <v>142573</v>
      </c>
      <c r="H41646" s="1" t="s">
        <v>142574</v>
      </c>
      <c r="I41646" s="1" t="s">
        <v>142575</v>
      </c>
      <c r="J41646" s="1" t="s">
        <v>142673</v>
      </c>
    </row>
    <row r="41647" spans="1:10" x14ac:dyDescent="0.35">
      <c r="A41647" s="1" t="s">
        <v>142569</v>
      </c>
      <c r="B41647" s="1" t="s">
        <v>142570</v>
      </c>
      <c r="C41647" s="1" t="s">
        <v>170</v>
      </c>
      <c r="D41647" s="1" t="s">
        <v>4777</v>
      </c>
      <c r="E41647" s="1" t="s">
        <v>142674</v>
      </c>
      <c r="F41647" s="1" t="s">
        <v>142675</v>
      </c>
      <c r="G41647" s="1" t="s">
        <v>142573</v>
      </c>
      <c r="H41647" s="1" t="s">
        <v>142574</v>
      </c>
      <c r="I41647" s="1" t="s">
        <v>142575</v>
      </c>
      <c r="J41647" s="1" t="s">
        <v>142676</v>
      </c>
    </row>
    <row r="41648" spans="1:10" x14ac:dyDescent="0.35">
      <c r="A41648" s="1" t="s">
        <v>9324</v>
      </c>
      <c r="B41648" s="1" t="s">
        <v>142570</v>
      </c>
      <c r="C41648" s="1" t="s">
        <v>8</v>
      </c>
      <c r="D41648" s="1" t="s">
        <v>26008</v>
      </c>
      <c r="E41648" s="1" t="s">
        <v>111232</v>
      </c>
      <c r="F41648" s="1" t="s">
        <v>142677</v>
      </c>
      <c r="G41648" s="1" t="s">
        <v>142678</v>
      </c>
      <c r="H41648" s="1" t="s">
        <v>142679</v>
      </c>
      <c r="I41648" s="1" t="s">
        <v>142575</v>
      </c>
      <c r="J41648" s="1" t="s">
        <v>13</v>
      </c>
    </row>
    <row r="41649" spans="1:10" x14ac:dyDescent="0.35">
      <c r="A41649" s="1" t="s">
        <v>9324</v>
      </c>
      <c r="B41649" s="1" t="s">
        <v>142570</v>
      </c>
      <c r="C41649" s="1" t="s">
        <v>15</v>
      </c>
      <c r="D41649" s="1" t="s">
        <v>10122</v>
      </c>
      <c r="E41649" s="1" t="s">
        <v>142680</v>
      </c>
      <c r="F41649" s="1" t="s">
        <v>142681</v>
      </c>
      <c r="G41649" s="1" t="s">
        <v>142678</v>
      </c>
      <c r="H41649" s="1" t="s">
        <v>142679</v>
      </c>
      <c r="I41649" s="1" t="s">
        <v>142575</v>
      </c>
      <c r="J41649" s="1" t="s">
        <v>142682</v>
      </c>
    </row>
    <row r="41650" spans="1:10" x14ac:dyDescent="0.35">
      <c r="A41650" s="1" t="s">
        <v>9324</v>
      </c>
      <c r="B41650" s="1" t="s">
        <v>142570</v>
      </c>
      <c r="C41650" s="1" t="s">
        <v>20</v>
      </c>
      <c r="D41650" s="1" t="s">
        <v>104441</v>
      </c>
      <c r="E41650" s="1" t="s">
        <v>111213</v>
      </c>
      <c r="F41650" s="1" t="s">
        <v>142683</v>
      </c>
      <c r="G41650" s="1" t="s">
        <v>142678</v>
      </c>
      <c r="H41650" s="1" t="s">
        <v>142679</v>
      </c>
      <c r="I41650" s="1" t="s">
        <v>142575</v>
      </c>
      <c r="J41650" s="1" t="s">
        <v>142684</v>
      </c>
    </row>
    <row r="41651" spans="1:10" x14ac:dyDescent="0.35">
      <c r="A41651" s="1" t="s">
        <v>9324</v>
      </c>
      <c r="B41651" s="1" t="s">
        <v>142570</v>
      </c>
      <c r="C41651" s="1" t="s">
        <v>25</v>
      </c>
      <c r="D41651" s="1" t="s">
        <v>30037</v>
      </c>
      <c r="E41651" s="1" t="s">
        <v>109526</v>
      </c>
      <c r="F41651" s="1" t="s">
        <v>142685</v>
      </c>
      <c r="G41651" s="1" t="s">
        <v>142678</v>
      </c>
      <c r="H41651" s="1" t="s">
        <v>142679</v>
      </c>
      <c r="I41651" s="1" t="s">
        <v>142575</v>
      </c>
      <c r="J41651" s="1" t="s">
        <v>142686</v>
      </c>
    </row>
    <row r="41652" spans="1:10" x14ac:dyDescent="0.35">
      <c r="A41652" s="1" t="s">
        <v>9324</v>
      </c>
      <c r="B41652" s="1" t="s">
        <v>142570</v>
      </c>
      <c r="C41652" s="1" t="s">
        <v>30</v>
      </c>
      <c r="D41652" s="1" t="s">
        <v>10194</v>
      </c>
      <c r="E41652" s="1" t="s">
        <v>133079</v>
      </c>
      <c r="F41652" s="1" t="s">
        <v>142677</v>
      </c>
      <c r="G41652" s="1" t="s">
        <v>142678</v>
      </c>
      <c r="H41652" s="1" t="s">
        <v>142679</v>
      </c>
      <c r="I41652" s="1" t="s">
        <v>142575</v>
      </c>
      <c r="J41652" s="1" t="s">
        <v>142687</v>
      </c>
    </row>
    <row r="41653" spans="1:10" x14ac:dyDescent="0.35">
      <c r="A41653" s="1" t="s">
        <v>9324</v>
      </c>
      <c r="B41653" s="1" t="s">
        <v>142570</v>
      </c>
      <c r="C41653" s="1" t="s">
        <v>35</v>
      </c>
      <c r="D41653" s="1" t="s">
        <v>2081</v>
      </c>
      <c r="E41653" s="1" t="s">
        <v>131808</v>
      </c>
      <c r="F41653" s="1" t="s">
        <v>142688</v>
      </c>
      <c r="G41653" s="1" t="s">
        <v>142678</v>
      </c>
      <c r="H41653" s="1" t="s">
        <v>142679</v>
      </c>
      <c r="I41653" s="1" t="s">
        <v>142575</v>
      </c>
      <c r="J41653" s="1" t="s">
        <v>142689</v>
      </c>
    </row>
    <row r="41654" spans="1:10" x14ac:dyDescent="0.35">
      <c r="A41654" s="1" t="s">
        <v>9324</v>
      </c>
      <c r="B41654" s="1" t="s">
        <v>142570</v>
      </c>
      <c r="C41654" s="1" t="s">
        <v>40</v>
      </c>
      <c r="D41654" s="1" t="s">
        <v>1667</v>
      </c>
      <c r="E41654" s="1" t="s">
        <v>133079</v>
      </c>
      <c r="F41654" s="1" t="s">
        <v>142690</v>
      </c>
      <c r="G41654" s="1" t="s">
        <v>142678</v>
      </c>
      <c r="H41654" s="1" t="s">
        <v>142679</v>
      </c>
      <c r="I41654" s="1" t="s">
        <v>142575</v>
      </c>
      <c r="J41654" s="1" t="s">
        <v>142691</v>
      </c>
    </row>
    <row r="41655" spans="1:10" x14ac:dyDescent="0.35">
      <c r="A41655" s="1" t="s">
        <v>9324</v>
      </c>
      <c r="B41655" s="1" t="s">
        <v>142570</v>
      </c>
      <c r="C41655" s="1" t="s">
        <v>45</v>
      </c>
      <c r="D41655" s="1" t="s">
        <v>142692</v>
      </c>
      <c r="E41655" s="1" t="s">
        <v>126664</v>
      </c>
      <c r="F41655" s="1" t="s">
        <v>28139</v>
      </c>
      <c r="G41655" s="1" t="s">
        <v>142678</v>
      </c>
      <c r="H41655" s="1" t="s">
        <v>142679</v>
      </c>
      <c r="I41655" s="1" t="s">
        <v>142575</v>
      </c>
      <c r="J41655" s="1" t="s">
        <v>142693</v>
      </c>
    </row>
    <row r="41656" spans="1:10" x14ac:dyDescent="0.35">
      <c r="A41656" s="1" t="s">
        <v>9324</v>
      </c>
      <c r="B41656" s="1" t="s">
        <v>142570</v>
      </c>
      <c r="C41656" s="1" t="s">
        <v>50</v>
      </c>
      <c r="D41656" s="1" t="s">
        <v>142694</v>
      </c>
      <c r="E41656" s="1" t="s">
        <v>142695</v>
      </c>
      <c r="F41656" s="1" t="s">
        <v>142696</v>
      </c>
      <c r="G41656" s="1" t="s">
        <v>142678</v>
      </c>
      <c r="H41656" s="1" t="s">
        <v>142679</v>
      </c>
      <c r="I41656" s="1" t="s">
        <v>142575</v>
      </c>
      <c r="J41656" s="1" t="s">
        <v>142697</v>
      </c>
    </row>
    <row r="41657" spans="1:10" x14ac:dyDescent="0.35">
      <c r="A41657" s="1" t="s">
        <v>9324</v>
      </c>
      <c r="B41657" s="1" t="s">
        <v>142570</v>
      </c>
      <c r="C41657" s="1" t="s">
        <v>55</v>
      </c>
      <c r="D41657" s="1" t="s">
        <v>2031</v>
      </c>
      <c r="E41657" s="1" t="s">
        <v>111232</v>
      </c>
      <c r="F41657" s="1" t="s">
        <v>142698</v>
      </c>
      <c r="G41657" s="1" t="s">
        <v>142678</v>
      </c>
      <c r="H41657" s="1" t="s">
        <v>142679</v>
      </c>
      <c r="I41657" s="1" t="s">
        <v>142575</v>
      </c>
      <c r="J41657" s="1" t="s">
        <v>3362</v>
      </c>
    </row>
    <row r="41658" spans="1:10" x14ac:dyDescent="0.35">
      <c r="A41658" s="1" t="s">
        <v>9324</v>
      </c>
      <c r="B41658" s="1" t="s">
        <v>142570</v>
      </c>
      <c r="C41658" s="1" t="s">
        <v>60</v>
      </c>
      <c r="D41658" s="1" t="s">
        <v>142699</v>
      </c>
      <c r="E41658" s="1" t="s">
        <v>107337</v>
      </c>
      <c r="F41658" s="1" t="s">
        <v>142700</v>
      </c>
      <c r="G41658" s="1" t="s">
        <v>142678</v>
      </c>
      <c r="H41658" s="1" t="s">
        <v>142679</v>
      </c>
      <c r="I41658" s="1" t="s">
        <v>142575</v>
      </c>
      <c r="J41658" s="1" t="s">
        <v>142701</v>
      </c>
    </row>
    <row r="41659" spans="1:10" x14ac:dyDescent="0.35">
      <c r="A41659" s="1" t="s">
        <v>9324</v>
      </c>
      <c r="B41659" s="1" t="s">
        <v>142570</v>
      </c>
      <c r="C41659" s="1" t="s">
        <v>65</v>
      </c>
      <c r="D41659" s="1" t="s">
        <v>14755</v>
      </c>
      <c r="E41659" s="1" t="s">
        <v>142702</v>
      </c>
      <c r="F41659" s="1" t="s">
        <v>142703</v>
      </c>
      <c r="G41659" s="1" t="s">
        <v>142678</v>
      </c>
      <c r="H41659" s="1" t="s">
        <v>142679</v>
      </c>
      <c r="I41659" s="1" t="s">
        <v>142575</v>
      </c>
      <c r="J41659" s="1" t="s">
        <v>142704</v>
      </c>
    </row>
    <row r="41660" spans="1:10" x14ac:dyDescent="0.35">
      <c r="A41660" s="1" t="s">
        <v>9324</v>
      </c>
      <c r="B41660" s="1" t="s">
        <v>142570</v>
      </c>
      <c r="C41660" s="1" t="s">
        <v>70</v>
      </c>
      <c r="D41660" s="1" t="s">
        <v>109998</v>
      </c>
      <c r="E41660" s="1" t="s">
        <v>142705</v>
      </c>
      <c r="F41660" s="1" t="s">
        <v>142706</v>
      </c>
      <c r="G41660" s="1" t="s">
        <v>142678</v>
      </c>
      <c r="H41660" s="1" t="s">
        <v>142679</v>
      </c>
      <c r="I41660" s="1" t="s">
        <v>142575</v>
      </c>
      <c r="J41660" s="1" t="s">
        <v>142707</v>
      </c>
    </row>
    <row r="41661" spans="1:10" x14ac:dyDescent="0.35">
      <c r="A41661" s="1" t="s">
        <v>9324</v>
      </c>
      <c r="B41661" s="1" t="s">
        <v>142570</v>
      </c>
      <c r="C41661" s="1" t="s">
        <v>75</v>
      </c>
      <c r="D41661" s="1" t="s">
        <v>142499</v>
      </c>
      <c r="E41661" s="1" t="s">
        <v>142708</v>
      </c>
      <c r="F41661" s="1" t="s">
        <v>142709</v>
      </c>
      <c r="G41661" s="1" t="s">
        <v>142678</v>
      </c>
      <c r="H41661" s="1" t="s">
        <v>142679</v>
      </c>
      <c r="I41661" s="1" t="s">
        <v>142575</v>
      </c>
      <c r="J41661" s="1" t="s">
        <v>142710</v>
      </c>
    </row>
    <row r="41662" spans="1:10" x14ac:dyDescent="0.35">
      <c r="A41662" s="1" t="s">
        <v>9324</v>
      </c>
      <c r="B41662" s="1" t="s">
        <v>142570</v>
      </c>
      <c r="C41662" s="1" t="s">
        <v>80</v>
      </c>
      <c r="D41662" s="1" t="s">
        <v>10043</v>
      </c>
      <c r="E41662" s="1" t="s">
        <v>131808</v>
      </c>
      <c r="F41662" s="1" t="s">
        <v>142711</v>
      </c>
      <c r="G41662" s="1" t="s">
        <v>142678</v>
      </c>
      <c r="H41662" s="1" t="s">
        <v>142679</v>
      </c>
      <c r="I41662" s="1" t="s">
        <v>142575</v>
      </c>
      <c r="J41662" s="1" t="s">
        <v>142712</v>
      </c>
    </row>
    <row r="41663" spans="1:10" x14ac:dyDescent="0.35">
      <c r="A41663" s="1" t="s">
        <v>9324</v>
      </c>
      <c r="B41663" s="1" t="s">
        <v>142570</v>
      </c>
      <c r="C41663" s="1" t="s">
        <v>85</v>
      </c>
      <c r="D41663" s="1" t="s">
        <v>15856</v>
      </c>
      <c r="E41663" s="1" t="s">
        <v>107329</v>
      </c>
      <c r="F41663" s="1" t="s">
        <v>142713</v>
      </c>
      <c r="G41663" s="1" t="s">
        <v>142678</v>
      </c>
      <c r="H41663" s="1" t="s">
        <v>142679</v>
      </c>
      <c r="I41663" s="1" t="s">
        <v>142575</v>
      </c>
      <c r="J41663" s="1" t="s">
        <v>142714</v>
      </c>
    </row>
    <row r="41664" spans="1:10" x14ac:dyDescent="0.35">
      <c r="A41664" s="1" t="s">
        <v>9324</v>
      </c>
      <c r="B41664" s="1" t="s">
        <v>142570</v>
      </c>
      <c r="C41664" s="1" t="s">
        <v>90</v>
      </c>
      <c r="D41664" s="1" t="s">
        <v>104441</v>
      </c>
      <c r="E41664" s="1" t="s">
        <v>108930</v>
      </c>
      <c r="F41664" s="1" t="s">
        <v>142715</v>
      </c>
      <c r="G41664" s="1" t="s">
        <v>142678</v>
      </c>
      <c r="H41664" s="1" t="s">
        <v>142679</v>
      </c>
      <c r="I41664" s="1" t="s">
        <v>142575</v>
      </c>
      <c r="J41664" s="1" t="s">
        <v>142716</v>
      </c>
    </row>
    <row r="41665" spans="1:10" x14ac:dyDescent="0.35">
      <c r="A41665" s="1" t="s">
        <v>9324</v>
      </c>
      <c r="B41665" s="1" t="s">
        <v>142570</v>
      </c>
      <c r="C41665" s="1" t="s">
        <v>95</v>
      </c>
      <c r="D41665" s="1" t="s">
        <v>142717</v>
      </c>
      <c r="E41665" s="1" t="s">
        <v>142718</v>
      </c>
      <c r="F41665" s="1" t="s">
        <v>142719</v>
      </c>
      <c r="G41665" s="1" t="s">
        <v>142678</v>
      </c>
      <c r="H41665" s="1" t="s">
        <v>142679</v>
      </c>
      <c r="I41665" s="1" t="s">
        <v>142575</v>
      </c>
      <c r="J41665" s="1" t="s">
        <v>142720</v>
      </c>
    </row>
    <row r="41666" spans="1:10" x14ac:dyDescent="0.35">
      <c r="A41666" s="1" t="s">
        <v>9324</v>
      </c>
      <c r="B41666" s="1" t="s">
        <v>142570</v>
      </c>
      <c r="C41666" s="1" t="s">
        <v>100</v>
      </c>
      <c r="D41666" s="1" t="s">
        <v>8087</v>
      </c>
      <c r="E41666" s="1" t="s">
        <v>131781</v>
      </c>
      <c r="F41666" s="1" t="s">
        <v>142721</v>
      </c>
      <c r="G41666" s="1" t="s">
        <v>142678</v>
      </c>
      <c r="H41666" s="1" t="s">
        <v>142679</v>
      </c>
      <c r="I41666" s="1" t="s">
        <v>142575</v>
      </c>
      <c r="J41666" s="1" t="s">
        <v>142722</v>
      </c>
    </row>
    <row r="41667" spans="1:10" x14ac:dyDescent="0.35">
      <c r="A41667" s="1" t="s">
        <v>9324</v>
      </c>
      <c r="B41667" s="1" t="s">
        <v>142570</v>
      </c>
      <c r="C41667" s="1" t="s">
        <v>105</v>
      </c>
      <c r="D41667" s="1" t="s">
        <v>15224</v>
      </c>
      <c r="E41667" s="1" t="s">
        <v>78659</v>
      </c>
      <c r="F41667" s="1" t="s">
        <v>142723</v>
      </c>
      <c r="G41667" s="1" t="s">
        <v>142678</v>
      </c>
      <c r="H41667" s="1" t="s">
        <v>142679</v>
      </c>
      <c r="I41667" s="1" t="s">
        <v>142575</v>
      </c>
      <c r="J41667" s="1" t="s">
        <v>142724</v>
      </c>
    </row>
    <row r="41668" spans="1:10" x14ac:dyDescent="0.35">
      <c r="A41668" s="1" t="s">
        <v>9324</v>
      </c>
      <c r="B41668" s="1" t="s">
        <v>142570</v>
      </c>
      <c r="C41668" s="1" t="s">
        <v>110</v>
      </c>
      <c r="D41668" s="1" t="s">
        <v>142725</v>
      </c>
      <c r="E41668" s="1" t="s">
        <v>142726</v>
      </c>
      <c r="F41668" s="1" t="s">
        <v>142727</v>
      </c>
      <c r="G41668" s="1" t="s">
        <v>142678</v>
      </c>
      <c r="H41668" s="1" t="s">
        <v>142679</v>
      </c>
      <c r="I41668" s="1" t="s">
        <v>142575</v>
      </c>
      <c r="J41668" s="1" t="s">
        <v>142728</v>
      </c>
    </row>
    <row r="41669" spans="1:10" x14ac:dyDescent="0.35">
      <c r="A41669" s="1" t="s">
        <v>9324</v>
      </c>
      <c r="B41669" s="1" t="s">
        <v>142570</v>
      </c>
      <c r="C41669" s="1" t="s">
        <v>115</v>
      </c>
      <c r="D41669" s="1" t="s">
        <v>119494</v>
      </c>
      <c r="E41669" s="1" t="s">
        <v>133094</v>
      </c>
      <c r="F41669" s="1" t="s">
        <v>140140</v>
      </c>
      <c r="G41669" s="1" t="s">
        <v>142678</v>
      </c>
      <c r="H41669" s="1" t="s">
        <v>142679</v>
      </c>
      <c r="I41669" s="1" t="s">
        <v>142575</v>
      </c>
      <c r="J41669" s="1" t="s">
        <v>142729</v>
      </c>
    </row>
    <row r="41670" spans="1:10" x14ac:dyDescent="0.35">
      <c r="A41670" s="1" t="s">
        <v>9324</v>
      </c>
      <c r="B41670" s="1" t="s">
        <v>142570</v>
      </c>
      <c r="C41670" s="1" t="s">
        <v>120</v>
      </c>
      <c r="D41670" s="1" t="s">
        <v>110830</v>
      </c>
      <c r="E41670" s="1" t="s">
        <v>130020</v>
      </c>
      <c r="F41670" s="1" t="s">
        <v>142730</v>
      </c>
      <c r="G41670" s="1" t="s">
        <v>142678</v>
      </c>
      <c r="H41670" s="1" t="s">
        <v>142679</v>
      </c>
      <c r="I41670" s="1" t="s">
        <v>142575</v>
      </c>
      <c r="J41670" s="1" t="s">
        <v>118404</v>
      </c>
    </row>
    <row r="41671" spans="1:10" x14ac:dyDescent="0.35">
      <c r="A41671" s="1" t="s">
        <v>9324</v>
      </c>
      <c r="B41671" s="1" t="s">
        <v>142570</v>
      </c>
      <c r="C41671" s="1" t="s">
        <v>125</v>
      </c>
      <c r="D41671" s="1" t="s">
        <v>7583</v>
      </c>
      <c r="E41671" s="1" t="s">
        <v>127840</v>
      </c>
      <c r="F41671" s="1" t="s">
        <v>142731</v>
      </c>
      <c r="G41671" s="1" t="s">
        <v>142678</v>
      </c>
      <c r="H41671" s="1" t="s">
        <v>142679</v>
      </c>
      <c r="I41671" s="1" t="s">
        <v>142575</v>
      </c>
      <c r="J41671" s="1" t="s">
        <v>130876</v>
      </c>
    </row>
    <row r="41672" spans="1:10" x14ac:dyDescent="0.35">
      <c r="A41672" s="1" t="s">
        <v>9324</v>
      </c>
      <c r="B41672" s="1" t="s">
        <v>142570</v>
      </c>
      <c r="C41672" s="1" t="s">
        <v>130</v>
      </c>
      <c r="D41672" s="1" t="s">
        <v>142732</v>
      </c>
      <c r="E41672" s="1" t="s">
        <v>142733</v>
      </c>
      <c r="F41672" s="1" t="s">
        <v>142734</v>
      </c>
      <c r="G41672" s="1" t="s">
        <v>142678</v>
      </c>
      <c r="H41672" s="1" t="s">
        <v>142679</v>
      </c>
      <c r="I41672" s="1" t="s">
        <v>142575</v>
      </c>
      <c r="J41672" s="1" t="s">
        <v>142735</v>
      </c>
    </row>
    <row r="41673" spans="1:10" x14ac:dyDescent="0.35">
      <c r="A41673" s="1" t="s">
        <v>9324</v>
      </c>
      <c r="B41673" s="1" t="s">
        <v>142570</v>
      </c>
      <c r="C41673" s="1" t="s">
        <v>135</v>
      </c>
      <c r="D41673" s="1" t="s">
        <v>28102</v>
      </c>
      <c r="E41673" s="1" t="s">
        <v>108933</v>
      </c>
      <c r="F41673" s="1" t="s">
        <v>142736</v>
      </c>
      <c r="G41673" s="1" t="s">
        <v>142678</v>
      </c>
      <c r="H41673" s="1" t="s">
        <v>142679</v>
      </c>
      <c r="I41673" s="1" t="s">
        <v>142575</v>
      </c>
      <c r="J41673" s="1" t="s">
        <v>142737</v>
      </c>
    </row>
    <row r="41674" spans="1:10" x14ac:dyDescent="0.35">
      <c r="A41674" s="1" t="s">
        <v>9324</v>
      </c>
      <c r="B41674" s="1" t="s">
        <v>142570</v>
      </c>
      <c r="C41674" s="1" t="s">
        <v>140</v>
      </c>
      <c r="D41674" s="1" t="s">
        <v>9025</v>
      </c>
      <c r="E41674" s="1" t="s">
        <v>77789</v>
      </c>
      <c r="F41674" s="1" t="s">
        <v>70802</v>
      </c>
      <c r="G41674" s="1" t="s">
        <v>142678</v>
      </c>
      <c r="H41674" s="1" t="s">
        <v>142679</v>
      </c>
      <c r="I41674" s="1" t="s">
        <v>142575</v>
      </c>
      <c r="J41674" s="1" t="s">
        <v>142738</v>
      </c>
    </row>
    <row r="41675" spans="1:10" x14ac:dyDescent="0.35">
      <c r="A41675" s="1" t="s">
        <v>9324</v>
      </c>
      <c r="B41675" s="1" t="s">
        <v>142570</v>
      </c>
      <c r="C41675" s="1" t="s">
        <v>145</v>
      </c>
      <c r="D41675" s="1" t="s">
        <v>36678</v>
      </c>
      <c r="E41675" s="1" t="s">
        <v>142702</v>
      </c>
      <c r="F41675" s="1" t="s">
        <v>142739</v>
      </c>
      <c r="G41675" s="1" t="s">
        <v>142678</v>
      </c>
      <c r="H41675" s="1" t="s">
        <v>142679</v>
      </c>
      <c r="I41675" s="1" t="s">
        <v>142575</v>
      </c>
      <c r="J41675" s="1" t="s">
        <v>142740</v>
      </c>
    </row>
    <row r="41676" spans="1:10" x14ac:dyDescent="0.35">
      <c r="A41676" s="1" t="s">
        <v>9324</v>
      </c>
      <c r="B41676" s="1" t="s">
        <v>142570</v>
      </c>
      <c r="C41676" s="1" t="s">
        <v>150</v>
      </c>
      <c r="D41676" s="1" t="s">
        <v>14210</v>
      </c>
      <c r="E41676" s="1" t="s">
        <v>111245</v>
      </c>
      <c r="F41676" s="1" t="s">
        <v>142741</v>
      </c>
      <c r="G41676" s="1" t="s">
        <v>142678</v>
      </c>
      <c r="H41676" s="1" t="s">
        <v>142679</v>
      </c>
      <c r="I41676" s="1" t="s">
        <v>142575</v>
      </c>
      <c r="J41676" s="1" t="s">
        <v>142742</v>
      </c>
    </row>
    <row r="41677" spans="1:10" x14ac:dyDescent="0.35">
      <c r="A41677" s="1" t="s">
        <v>9324</v>
      </c>
      <c r="B41677" s="1" t="s">
        <v>142570</v>
      </c>
      <c r="C41677" s="1" t="s">
        <v>155</v>
      </c>
      <c r="D41677" s="1" t="s">
        <v>142743</v>
      </c>
      <c r="E41677" s="1" t="s">
        <v>109801</v>
      </c>
      <c r="F41677" s="1" t="s">
        <v>142744</v>
      </c>
      <c r="G41677" s="1" t="s">
        <v>142678</v>
      </c>
      <c r="H41677" s="1" t="s">
        <v>142679</v>
      </c>
      <c r="I41677" s="1" t="s">
        <v>142575</v>
      </c>
      <c r="J41677" s="1" t="s">
        <v>142745</v>
      </c>
    </row>
    <row r="41678" spans="1:10" x14ac:dyDescent="0.35">
      <c r="A41678" s="1" t="s">
        <v>9324</v>
      </c>
      <c r="B41678" s="1" t="s">
        <v>142570</v>
      </c>
      <c r="C41678" s="1" t="s">
        <v>160</v>
      </c>
      <c r="D41678" s="1" t="s">
        <v>118459</v>
      </c>
      <c r="E41678" s="1" t="s">
        <v>142746</v>
      </c>
      <c r="F41678" s="1" t="s">
        <v>142747</v>
      </c>
      <c r="G41678" s="1" t="s">
        <v>142678</v>
      </c>
      <c r="H41678" s="1" t="s">
        <v>142679</v>
      </c>
      <c r="I41678" s="1" t="s">
        <v>142575</v>
      </c>
      <c r="J41678" s="1" t="s">
        <v>142748</v>
      </c>
    </row>
    <row r="41679" spans="1:10" x14ac:dyDescent="0.35">
      <c r="A41679" s="1" t="s">
        <v>9324</v>
      </c>
      <c r="B41679" s="1" t="s">
        <v>142570</v>
      </c>
      <c r="C41679" s="1" t="s">
        <v>165</v>
      </c>
      <c r="D41679" s="1" t="s">
        <v>142749</v>
      </c>
      <c r="E41679" s="1" t="s">
        <v>142750</v>
      </c>
      <c r="F41679" s="1" t="s">
        <v>142751</v>
      </c>
      <c r="G41679" s="1" t="s">
        <v>142678</v>
      </c>
      <c r="H41679" s="1" t="s">
        <v>142679</v>
      </c>
      <c r="I41679" s="1" t="s">
        <v>142575</v>
      </c>
      <c r="J41679" s="1" t="s">
        <v>142752</v>
      </c>
    </row>
    <row r="41680" spans="1:10" x14ac:dyDescent="0.35">
      <c r="A41680" s="1" t="s">
        <v>9324</v>
      </c>
      <c r="B41680" s="1" t="s">
        <v>142570</v>
      </c>
      <c r="C41680" s="1" t="s">
        <v>170</v>
      </c>
      <c r="D41680" s="1" t="s">
        <v>109812</v>
      </c>
      <c r="E41680" s="1" t="s">
        <v>129985</v>
      </c>
      <c r="F41680" s="1" t="s">
        <v>142753</v>
      </c>
      <c r="G41680" s="1" t="s">
        <v>142678</v>
      </c>
      <c r="H41680" s="1" t="s">
        <v>142679</v>
      </c>
      <c r="I41680" s="1" t="s">
        <v>142575</v>
      </c>
      <c r="J41680" s="1" t="s">
        <v>105831</v>
      </c>
    </row>
    <row r="41681" spans="1:10" x14ac:dyDescent="0.35">
      <c r="A41681" s="1" t="s">
        <v>29272</v>
      </c>
      <c r="B41681" s="1" t="s">
        <v>142570</v>
      </c>
      <c r="C41681" s="1" t="s">
        <v>8</v>
      </c>
      <c r="D41681" s="1" t="s">
        <v>4532</v>
      </c>
      <c r="E41681" s="1" t="s">
        <v>142754</v>
      </c>
      <c r="F41681" s="1" t="s">
        <v>142755</v>
      </c>
      <c r="G41681" s="1" t="s">
        <v>142756</v>
      </c>
      <c r="H41681" s="1" t="s">
        <v>142757</v>
      </c>
      <c r="I41681" s="1" t="s">
        <v>142575</v>
      </c>
      <c r="J41681" s="1" t="s">
        <v>13</v>
      </c>
    </row>
    <row r="41682" spans="1:10" x14ac:dyDescent="0.35">
      <c r="A41682" s="1" t="s">
        <v>29272</v>
      </c>
      <c r="B41682" s="1" t="s">
        <v>142570</v>
      </c>
      <c r="C41682" s="1" t="s">
        <v>15</v>
      </c>
      <c r="D41682" s="1" t="s">
        <v>27898</v>
      </c>
      <c r="E41682" s="1" t="s">
        <v>142758</v>
      </c>
      <c r="F41682" s="1" t="s">
        <v>142759</v>
      </c>
      <c r="G41682" s="1" t="s">
        <v>142756</v>
      </c>
      <c r="H41682" s="1" t="s">
        <v>142757</v>
      </c>
      <c r="I41682" s="1" t="s">
        <v>142575</v>
      </c>
      <c r="J41682" s="1" t="s">
        <v>142760</v>
      </c>
    </row>
    <row r="41683" spans="1:10" x14ac:dyDescent="0.35">
      <c r="A41683" s="1" t="s">
        <v>29272</v>
      </c>
      <c r="B41683" s="1" t="s">
        <v>142570</v>
      </c>
      <c r="C41683" s="1" t="s">
        <v>20</v>
      </c>
      <c r="D41683" s="1" t="s">
        <v>121386</v>
      </c>
      <c r="E41683" s="1" t="s">
        <v>110867</v>
      </c>
      <c r="F41683" s="1" t="s">
        <v>14679</v>
      </c>
      <c r="G41683" s="1" t="s">
        <v>142756</v>
      </c>
      <c r="H41683" s="1" t="s">
        <v>142757</v>
      </c>
      <c r="I41683" s="1" t="s">
        <v>142575</v>
      </c>
      <c r="J41683" s="1" t="s">
        <v>142761</v>
      </c>
    </row>
    <row r="41684" spans="1:10" x14ac:dyDescent="0.35">
      <c r="A41684" s="1" t="s">
        <v>29272</v>
      </c>
      <c r="B41684" s="1" t="s">
        <v>142570</v>
      </c>
      <c r="C41684" s="1" t="s">
        <v>25</v>
      </c>
      <c r="D41684" s="1" t="s">
        <v>28728</v>
      </c>
      <c r="E41684" s="1" t="s">
        <v>142762</v>
      </c>
      <c r="F41684" s="1" t="s">
        <v>15912</v>
      </c>
      <c r="G41684" s="1" t="s">
        <v>142756</v>
      </c>
      <c r="H41684" s="1" t="s">
        <v>142757</v>
      </c>
      <c r="I41684" s="1" t="s">
        <v>142575</v>
      </c>
      <c r="J41684" s="1" t="s">
        <v>142763</v>
      </c>
    </row>
    <row r="41685" spans="1:10" x14ac:dyDescent="0.35">
      <c r="A41685" s="1" t="s">
        <v>29272</v>
      </c>
      <c r="B41685" s="1" t="s">
        <v>142570</v>
      </c>
      <c r="C41685" s="1" t="s">
        <v>30</v>
      </c>
      <c r="D41685" s="1" t="s">
        <v>138495</v>
      </c>
      <c r="E41685" s="1" t="s">
        <v>142758</v>
      </c>
      <c r="F41685" s="1" t="s">
        <v>142764</v>
      </c>
      <c r="G41685" s="1" t="s">
        <v>142756</v>
      </c>
      <c r="H41685" s="1" t="s">
        <v>142757</v>
      </c>
      <c r="I41685" s="1" t="s">
        <v>142575</v>
      </c>
      <c r="J41685" s="1" t="s">
        <v>142765</v>
      </c>
    </row>
    <row r="41686" spans="1:10" x14ac:dyDescent="0.35">
      <c r="A41686" s="1" t="s">
        <v>29272</v>
      </c>
      <c r="B41686" s="1" t="s">
        <v>142570</v>
      </c>
      <c r="C41686" s="1" t="s">
        <v>35</v>
      </c>
      <c r="D41686" s="1" t="s">
        <v>27937</v>
      </c>
      <c r="E41686" s="1" t="s">
        <v>135003</v>
      </c>
      <c r="F41686" s="1" t="s">
        <v>142766</v>
      </c>
      <c r="G41686" s="1" t="s">
        <v>142756</v>
      </c>
      <c r="H41686" s="1" t="s">
        <v>142757</v>
      </c>
      <c r="I41686" s="1" t="s">
        <v>142575</v>
      </c>
      <c r="J41686" s="1" t="s">
        <v>142767</v>
      </c>
    </row>
    <row r="41687" spans="1:10" x14ac:dyDescent="0.35">
      <c r="A41687" s="1" t="s">
        <v>29272</v>
      </c>
      <c r="B41687" s="1" t="s">
        <v>142570</v>
      </c>
      <c r="C41687" s="1" t="s">
        <v>40</v>
      </c>
      <c r="D41687" s="1" t="s">
        <v>142768</v>
      </c>
      <c r="E41687" s="1" t="s">
        <v>142769</v>
      </c>
      <c r="F41687" s="1" t="s">
        <v>142770</v>
      </c>
      <c r="G41687" s="1" t="s">
        <v>142756</v>
      </c>
      <c r="H41687" s="1" t="s">
        <v>142757</v>
      </c>
      <c r="I41687" s="1" t="s">
        <v>142575</v>
      </c>
      <c r="J41687" s="1" t="s">
        <v>142771</v>
      </c>
    </row>
    <row r="41688" spans="1:10" x14ac:dyDescent="0.35">
      <c r="A41688" s="1" t="s">
        <v>29272</v>
      </c>
      <c r="B41688" s="1" t="s">
        <v>142570</v>
      </c>
      <c r="C41688" s="1" t="s">
        <v>45</v>
      </c>
      <c r="D41688" s="1" t="s">
        <v>138495</v>
      </c>
      <c r="E41688" s="1" t="s">
        <v>142772</v>
      </c>
      <c r="F41688" s="1" t="s">
        <v>142773</v>
      </c>
      <c r="G41688" s="1" t="s">
        <v>142756</v>
      </c>
      <c r="H41688" s="1" t="s">
        <v>142757</v>
      </c>
      <c r="I41688" s="1" t="s">
        <v>142575</v>
      </c>
      <c r="J41688" s="1" t="s">
        <v>142774</v>
      </c>
    </row>
    <row r="41689" spans="1:10" x14ac:dyDescent="0.35">
      <c r="A41689" s="1" t="s">
        <v>29272</v>
      </c>
      <c r="B41689" s="1" t="s">
        <v>142570</v>
      </c>
      <c r="C41689" s="1" t="s">
        <v>50</v>
      </c>
      <c r="D41689" s="1" t="s">
        <v>4484</v>
      </c>
      <c r="E41689" s="1" t="s">
        <v>142775</v>
      </c>
      <c r="F41689" s="1" t="s">
        <v>41540</v>
      </c>
      <c r="G41689" s="1" t="s">
        <v>142756</v>
      </c>
      <c r="H41689" s="1" t="s">
        <v>142757</v>
      </c>
      <c r="I41689" s="1" t="s">
        <v>142575</v>
      </c>
      <c r="J41689" s="1" t="s">
        <v>142776</v>
      </c>
    </row>
    <row r="41690" spans="1:10" x14ac:dyDescent="0.35">
      <c r="A41690" s="1" t="s">
        <v>29272</v>
      </c>
      <c r="B41690" s="1" t="s">
        <v>142570</v>
      </c>
      <c r="C41690" s="1" t="s">
        <v>55</v>
      </c>
      <c r="D41690" s="1" t="s">
        <v>52062</v>
      </c>
      <c r="E41690" s="1" t="s">
        <v>142777</v>
      </c>
      <c r="F41690" s="1" t="s">
        <v>21171</v>
      </c>
      <c r="G41690" s="1" t="s">
        <v>142756</v>
      </c>
      <c r="H41690" s="1" t="s">
        <v>142757</v>
      </c>
      <c r="I41690" s="1" t="s">
        <v>142575</v>
      </c>
      <c r="J41690" s="1" t="s">
        <v>142778</v>
      </c>
    </row>
    <row r="41691" spans="1:10" x14ac:dyDescent="0.35">
      <c r="A41691" s="1" t="s">
        <v>29272</v>
      </c>
      <c r="B41691" s="1" t="s">
        <v>142570</v>
      </c>
      <c r="C41691" s="1" t="s">
        <v>60</v>
      </c>
      <c r="D41691" s="1" t="s">
        <v>30096</v>
      </c>
      <c r="E41691" s="1" t="s">
        <v>70781</v>
      </c>
      <c r="F41691" s="1" t="s">
        <v>142779</v>
      </c>
      <c r="G41691" s="1" t="s">
        <v>142756</v>
      </c>
      <c r="H41691" s="1" t="s">
        <v>142757</v>
      </c>
      <c r="I41691" s="1" t="s">
        <v>142575</v>
      </c>
      <c r="J41691" s="1" t="s">
        <v>142780</v>
      </c>
    </row>
    <row r="41692" spans="1:10" x14ac:dyDescent="0.35">
      <c r="A41692" s="1" t="s">
        <v>29272</v>
      </c>
      <c r="B41692" s="1" t="s">
        <v>142570</v>
      </c>
      <c r="C41692" s="1" t="s">
        <v>65</v>
      </c>
      <c r="D41692" s="1" t="s">
        <v>1540</v>
      </c>
      <c r="E41692" s="1" t="s">
        <v>142781</v>
      </c>
      <c r="F41692" s="1" t="s">
        <v>142782</v>
      </c>
      <c r="G41692" s="1" t="s">
        <v>142756</v>
      </c>
      <c r="H41692" s="1" t="s">
        <v>142757</v>
      </c>
      <c r="I41692" s="1" t="s">
        <v>142575</v>
      </c>
      <c r="J41692" s="1" t="s">
        <v>142783</v>
      </c>
    </row>
    <row r="41693" spans="1:10" x14ac:dyDescent="0.35">
      <c r="A41693" s="1" t="s">
        <v>29272</v>
      </c>
      <c r="B41693" s="1" t="s">
        <v>142570</v>
      </c>
      <c r="C41693" s="1" t="s">
        <v>70</v>
      </c>
      <c r="D41693" s="1" t="s">
        <v>131452</v>
      </c>
      <c r="E41693" s="1" t="s">
        <v>142784</v>
      </c>
      <c r="F41693" s="1" t="s">
        <v>142785</v>
      </c>
      <c r="G41693" s="1" t="s">
        <v>142756</v>
      </c>
      <c r="H41693" s="1" t="s">
        <v>142757</v>
      </c>
      <c r="I41693" s="1" t="s">
        <v>142575</v>
      </c>
      <c r="J41693" s="1" t="s">
        <v>142786</v>
      </c>
    </row>
    <row r="41694" spans="1:10" x14ac:dyDescent="0.35">
      <c r="A41694" s="1" t="s">
        <v>29272</v>
      </c>
      <c r="B41694" s="1" t="s">
        <v>142570</v>
      </c>
      <c r="C41694" s="1" t="s">
        <v>75</v>
      </c>
      <c r="D41694" s="1" t="s">
        <v>142787</v>
      </c>
      <c r="E41694" s="1" t="s">
        <v>142788</v>
      </c>
      <c r="F41694" s="1" t="s">
        <v>142789</v>
      </c>
      <c r="G41694" s="1" t="s">
        <v>142756</v>
      </c>
      <c r="H41694" s="1" t="s">
        <v>142757</v>
      </c>
      <c r="I41694" s="1" t="s">
        <v>142575</v>
      </c>
      <c r="J41694" s="1" t="s">
        <v>142790</v>
      </c>
    </row>
    <row r="41695" spans="1:10" x14ac:dyDescent="0.35">
      <c r="A41695" s="1" t="s">
        <v>29272</v>
      </c>
      <c r="B41695" s="1" t="s">
        <v>142570</v>
      </c>
      <c r="C41695" s="1" t="s">
        <v>80</v>
      </c>
      <c r="D41695" s="1" t="s">
        <v>4473</v>
      </c>
      <c r="E41695" s="1" t="s">
        <v>142791</v>
      </c>
      <c r="F41695" s="1" t="s">
        <v>142792</v>
      </c>
      <c r="G41695" s="1" t="s">
        <v>142756</v>
      </c>
      <c r="H41695" s="1" t="s">
        <v>142757</v>
      </c>
      <c r="I41695" s="1" t="s">
        <v>142575</v>
      </c>
      <c r="J41695" s="1" t="s">
        <v>142793</v>
      </c>
    </row>
    <row r="41696" spans="1:10" x14ac:dyDescent="0.35">
      <c r="A41696" s="1" t="s">
        <v>29272</v>
      </c>
      <c r="B41696" s="1" t="s">
        <v>142570</v>
      </c>
      <c r="C41696" s="1" t="s">
        <v>85</v>
      </c>
      <c r="D41696" s="1" t="s">
        <v>28141</v>
      </c>
      <c r="E41696" s="1" t="s">
        <v>142794</v>
      </c>
      <c r="F41696" s="1" t="s">
        <v>142795</v>
      </c>
      <c r="G41696" s="1" t="s">
        <v>142756</v>
      </c>
      <c r="H41696" s="1" t="s">
        <v>142757</v>
      </c>
      <c r="I41696" s="1" t="s">
        <v>142575</v>
      </c>
      <c r="J41696" s="1" t="s">
        <v>142796</v>
      </c>
    </row>
    <row r="41697" spans="1:10" x14ac:dyDescent="0.35">
      <c r="A41697" s="1" t="s">
        <v>29272</v>
      </c>
      <c r="B41697" s="1" t="s">
        <v>142570</v>
      </c>
      <c r="C41697" s="1" t="s">
        <v>90</v>
      </c>
      <c r="D41697" s="1" t="s">
        <v>121386</v>
      </c>
      <c r="E41697" s="1" t="s">
        <v>78691</v>
      </c>
      <c r="F41697" s="1" t="s">
        <v>142797</v>
      </c>
      <c r="G41697" s="1" t="s">
        <v>142756</v>
      </c>
      <c r="H41697" s="1" t="s">
        <v>142757</v>
      </c>
      <c r="I41697" s="1" t="s">
        <v>142575</v>
      </c>
      <c r="J41697" s="1" t="s">
        <v>121389</v>
      </c>
    </row>
    <row r="41698" spans="1:10" x14ac:dyDescent="0.35">
      <c r="A41698" s="1" t="s">
        <v>29272</v>
      </c>
      <c r="B41698" s="1" t="s">
        <v>142570</v>
      </c>
      <c r="C41698" s="1" t="s">
        <v>95</v>
      </c>
      <c r="D41698" s="1" t="s">
        <v>4508</v>
      </c>
      <c r="E41698" s="1" t="s">
        <v>142798</v>
      </c>
      <c r="F41698" s="1" t="s">
        <v>142799</v>
      </c>
      <c r="G41698" s="1" t="s">
        <v>142756</v>
      </c>
      <c r="H41698" s="1" t="s">
        <v>142757</v>
      </c>
      <c r="I41698" s="1" t="s">
        <v>142575</v>
      </c>
      <c r="J41698" s="1" t="s">
        <v>142800</v>
      </c>
    </row>
    <row r="41699" spans="1:10" x14ac:dyDescent="0.35">
      <c r="A41699" s="1" t="s">
        <v>29272</v>
      </c>
      <c r="B41699" s="1" t="s">
        <v>142570</v>
      </c>
      <c r="C41699" s="1" t="s">
        <v>100</v>
      </c>
      <c r="D41699" s="1" t="s">
        <v>142801</v>
      </c>
      <c r="E41699" s="1" t="s">
        <v>142802</v>
      </c>
      <c r="F41699" s="1" t="s">
        <v>142803</v>
      </c>
      <c r="G41699" s="1" t="s">
        <v>142756</v>
      </c>
      <c r="H41699" s="1" t="s">
        <v>142757</v>
      </c>
      <c r="I41699" s="1" t="s">
        <v>142575</v>
      </c>
      <c r="J41699" s="1" t="s">
        <v>142804</v>
      </c>
    </row>
    <row r="41700" spans="1:10" x14ac:dyDescent="0.35">
      <c r="A41700" s="1" t="s">
        <v>29272</v>
      </c>
      <c r="B41700" s="1" t="s">
        <v>142570</v>
      </c>
      <c r="C41700" s="1" t="s">
        <v>105</v>
      </c>
      <c r="D41700" s="1" t="s">
        <v>4329</v>
      </c>
      <c r="E41700" s="1" t="s">
        <v>142805</v>
      </c>
      <c r="F41700" s="1" t="s">
        <v>55042</v>
      </c>
      <c r="G41700" s="1" t="s">
        <v>142756</v>
      </c>
      <c r="H41700" s="1" t="s">
        <v>142757</v>
      </c>
      <c r="I41700" s="1" t="s">
        <v>142575</v>
      </c>
      <c r="J41700" s="1" t="s">
        <v>142806</v>
      </c>
    </row>
    <row r="41701" spans="1:10" x14ac:dyDescent="0.35">
      <c r="A41701" s="1" t="s">
        <v>29272</v>
      </c>
      <c r="B41701" s="1" t="s">
        <v>142570</v>
      </c>
      <c r="C41701" s="1" t="s">
        <v>110</v>
      </c>
      <c r="D41701" s="1" t="s">
        <v>9375</v>
      </c>
      <c r="E41701" s="1" t="s">
        <v>142807</v>
      </c>
      <c r="F41701" s="1" t="s">
        <v>142808</v>
      </c>
      <c r="G41701" s="1" t="s">
        <v>142756</v>
      </c>
      <c r="H41701" s="1" t="s">
        <v>142757</v>
      </c>
      <c r="I41701" s="1" t="s">
        <v>142575</v>
      </c>
      <c r="J41701" s="1" t="s">
        <v>142809</v>
      </c>
    </row>
    <row r="41702" spans="1:10" x14ac:dyDescent="0.35">
      <c r="A41702" s="1" t="s">
        <v>29272</v>
      </c>
      <c r="B41702" s="1" t="s">
        <v>142570</v>
      </c>
      <c r="C41702" s="1" t="s">
        <v>115</v>
      </c>
      <c r="D41702" s="1" t="s">
        <v>6392</v>
      </c>
      <c r="E41702" s="1" t="s">
        <v>142810</v>
      </c>
      <c r="F41702" s="1" t="s">
        <v>142811</v>
      </c>
      <c r="G41702" s="1" t="s">
        <v>142756</v>
      </c>
      <c r="H41702" s="1" t="s">
        <v>142757</v>
      </c>
      <c r="I41702" s="1" t="s">
        <v>142575</v>
      </c>
      <c r="J41702" s="1" t="s">
        <v>142812</v>
      </c>
    </row>
    <row r="41703" spans="1:10" x14ac:dyDescent="0.35">
      <c r="A41703" s="1" t="s">
        <v>29272</v>
      </c>
      <c r="B41703" s="1" t="s">
        <v>142570</v>
      </c>
      <c r="C41703" s="1" t="s">
        <v>120</v>
      </c>
      <c r="D41703" s="1" t="s">
        <v>3904</v>
      </c>
      <c r="E41703" s="1" t="s">
        <v>78728</v>
      </c>
      <c r="F41703" s="1" t="s">
        <v>142813</v>
      </c>
      <c r="G41703" s="1" t="s">
        <v>142756</v>
      </c>
      <c r="H41703" s="1" t="s">
        <v>142757</v>
      </c>
      <c r="I41703" s="1" t="s">
        <v>142575</v>
      </c>
      <c r="J41703" s="1" t="s">
        <v>142814</v>
      </c>
    </row>
    <row r="41704" spans="1:10" x14ac:dyDescent="0.35">
      <c r="A41704" s="1" t="s">
        <v>29272</v>
      </c>
      <c r="B41704" s="1" t="s">
        <v>142570</v>
      </c>
      <c r="C41704" s="1" t="s">
        <v>125</v>
      </c>
      <c r="D41704" s="1" t="s">
        <v>28165</v>
      </c>
      <c r="E41704" s="1" t="s">
        <v>142815</v>
      </c>
      <c r="F41704" s="1" t="s">
        <v>142816</v>
      </c>
      <c r="G41704" s="1" t="s">
        <v>142756</v>
      </c>
      <c r="H41704" s="1" t="s">
        <v>142757</v>
      </c>
      <c r="I41704" s="1" t="s">
        <v>142575</v>
      </c>
      <c r="J41704" s="1" t="s">
        <v>142817</v>
      </c>
    </row>
    <row r="41705" spans="1:10" x14ac:dyDescent="0.35">
      <c r="A41705" s="1" t="s">
        <v>29272</v>
      </c>
      <c r="B41705" s="1" t="s">
        <v>142570</v>
      </c>
      <c r="C41705" s="1" t="s">
        <v>130</v>
      </c>
      <c r="D41705" s="1" t="s">
        <v>111798</v>
      </c>
      <c r="E41705" s="1" t="s">
        <v>77845</v>
      </c>
      <c r="F41705" s="1" t="s">
        <v>142818</v>
      </c>
      <c r="G41705" s="1" t="s">
        <v>142756</v>
      </c>
      <c r="H41705" s="1" t="s">
        <v>142757</v>
      </c>
      <c r="I41705" s="1" t="s">
        <v>142575</v>
      </c>
      <c r="J41705" s="1" t="s">
        <v>142819</v>
      </c>
    </row>
    <row r="41706" spans="1:10" x14ac:dyDescent="0.35">
      <c r="A41706" s="1" t="s">
        <v>29272</v>
      </c>
      <c r="B41706" s="1" t="s">
        <v>142570</v>
      </c>
      <c r="C41706" s="1" t="s">
        <v>135</v>
      </c>
      <c r="D41706" s="1" t="s">
        <v>142820</v>
      </c>
      <c r="E41706" s="1" t="s">
        <v>135001</v>
      </c>
      <c r="F41706" s="1" t="s">
        <v>142821</v>
      </c>
      <c r="G41706" s="1" t="s">
        <v>142756</v>
      </c>
      <c r="H41706" s="1" t="s">
        <v>142757</v>
      </c>
      <c r="I41706" s="1" t="s">
        <v>142575</v>
      </c>
      <c r="J41706" s="1" t="s">
        <v>142822</v>
      </c>
    </row>
    <row r="41707" spans="1:10" x14ac:dyDescent="0.35">
      <c r="A41707" s="1" t="s">
        <v>29272</v>
      </c>
      <c r="B41707" s="1" t="s">
        <v>142570</v>
      </c>
      <c r="C41707" s="1" t="s">
        <v>140</v>
      </c>
      <c r="D41707" s="1" t="s">
        <v>14138</v>
      </c>
      <c r="E41707" s="1" t="s">
        <v>135319</v>
      </c>
      <c r="F41707" s="1" t="s">
        <v>142823</v>
      </c>
      <c r="G41707" s="1" t="s">
        <v>142756</v>
      </c>
      <c r="H41707" s="1" t="s">
        <v>142757</v>
      </c>
      <c r="I41707" s="1" t="s">
        <v>142575</v>
      </c>
      <c r="J41707" s="1" t="s">
        <v>142824</v>
      </c>
    </row>
    <row r="41708" spans="1:10" x14ac:dyDescent="0.35">
      <c r="A41708" s="1" t="s">
        <v>29272</v>
      </c>
      <c r="B41708" s="1" t="s">
        <v>142570</v>
      </c>
      <c r="C41708" s="1" t="s">
        <v>145</v>
      </c>
      <c r="D41708" s="1" t="s">
        <v>142825</v>
      </c>
      <c r="E41708" s="1" t="s">
        <v>142826</v>
      </c>
      <c r="F41708" s="1" t="s">
        <v>142827</v>
      </c>
      <c r="G41708" s="1" t="s">
        <v>142756</v>
      </c>
      <c r="H41708" s="1" t="s">
        <v>142757</v>
      </c>
      <c r="I41708" s="1" t="s">
        <v>142575</v>
      </c>
      <c r="J41708" s="1" t="s">
        <v>142828</v>
      </c>
    </row>
    <row r="41709" spans="1:10" x14ac:dyDescent="0.35">
      <c r="A41709" s="1" t="s">
        <v>29272</v>
      </c>
      <c r="B41709" s="1" t="s">
        <v>142570</v>
      </c>
      <c r="C41709" s="1" t="s">
        <v>150</v>
      </c>
      <c r="D41709" s="1" t="s">
        <v>11763</v>
      </c>
      <c r="E41709" s="1" t="s">
        <v>77436</v>
      </c>
      <c r="F41709" s="1" t="s">
        <v>142829</v>
      </c>
      <c r="G41709" s="1" t="s">
        <v>142756</v>
      </c>
      <c r="H41709" s="1" t="s">
        <v>142757</v>
      </c>
      <c r="I41709" s="1" t="s">
        <v>142575</v>
      </c>
      <c r="J41709" s="1" t="s">
        <v>142830</v>
      </c>
    </row>
    <row r="41710" spans="1:10" x14ac:dyDescent="0.35">
      <c r="A41710" s="1" t="s">
        <v>29272</v>
      </c>
      <c r="B41710" s="1" t="s">
        <v>142570</v>
      </c>
      <c r="C41710" s="1" t="s">
        <v>155</v>
      </c>
      <c r="D41710" s="1" t="s">
        <v>142831</v>
      </c>
      <c r="E41710" s="1" t="s">
        <v>135003</v>
      </c>
      <c r="F41710" s="1" t="s">
        <v>142832</v>
      </c>
      <c r="G41710" s="1" t="s">
        <v>142756</v>
      </c>
      <c r="H41710" s="1" t="s">
        <v>142757</v>
      </c>
      <c r="I41710" s="1" t="s">
        <v>142575</v>
      </c>
      <c r="J41710" s="1" t="s">
        <v>142833</v>
      </c>
    </row>
    <row r="41711" spans="1:10" x14ac:dyDescent="0.35">
      <c r="A41711" s="1" t="s">
        <v>29272</v>
      </c>
      <c r="B41711" s="1" t="s">
        <v>142570</v>
      </c>
      <c r="C41711" s="1" t="s">
        <v>160</v>
      </c>
      <c r="D41711" s="1" t="s">
        <v>25239</v>
      </c>
      <c r="E41711" s="1" t="s">
        <v>78691</v>
      </c>
      <c r="F41711" s="1" t="s">
        <v>110150</v>
      </c>
      <c r="G41711" s="1" t="s">
        <v>142756</v>
      </c>
      <c r="H41711" s="1" t="s">
        <v>142757</v>
      </c>
      <c r="I41711" s="1" t="s">
        <v>142575</v>
      </c>
      <c r="J41711" s="1" t="s">
        <v>142834</v>
      </c>
    </row>
    <row r="41712" spans="1:10" x14ac:dyDescent="0.35">
      <c r="A41712" s="1" t="s">
        <v>29272</v>
      </c>
      <c r="B41712" s="1" t="s">
        <v>142570</v>
      </c>
      <c r="C41712" s="1" t="s">
        <v>165</v>
      </c>
      <c r="D41712" s="1" t="s">
        <v>142835</v>
      </c>
      <c r="E41712" s="1" t="s">
        <v>135322</v>
      </c>
      <c r="F41712" s="1" t="s">
        <v>142836</v>
      </c>
      <c r="G41712" s="1" t="s">
        <v>142756</v>
      </c>
      <c r="H41712" s="1" t="s">
        <v>142757</v>
      </c>
      <c r="I41712" s="1" t="s">
        <v>142575</v>
      </c>
      <c r="J41712" s="1" t="s">
        <v>142837</v>
      </c>
    </row>
    <row r="41713" spans="1:10" x14ac:dyDescent="0.35">
      <c r="A41713" s="1" t="s">
        <v>29272</v>
      </c>
      <c r="B41713" s="1" t="s">
        <v>142570</v>
      </c>
      <c r="C41713" s="1" t="s">
        <v>170</v>
      </c>
      <c r="D41713" s="1" t="s">
        <v>44998</v>
      </c>
      <c r="E41713" s="1" t="s">
        <v>142838</v>
      </c>
      <c r="F41713" s="1" t="s">
        <v>142839</v>
      </c>
      <c r="G41713" s="1" t="s">
        <v>142756</v>
      </c>
      <c r="H41713" s="1" t="s">
        <v>142757</v>
      </c>
      <c r="I41713" s="1" t="s">
        <v>142575</v>
      </c>
      <c r="J41713" s="1" t="s">
        <v>142840</v>
      </c>
    </row>
    <row r="41714" spans="1:10" x14ac:dyDescent="0.35">
      <c r="A41714" s="1" t="s">
        <v>142768</v>
      </c>
      <c r="B41714" s="1" t="s">
        <v>142570</v>
      </c>
      <c r="C41714" s="1" t="s">
        <v>8</v>
      </c>
      <c r="D41714" s="1" t="s">
        <v>142841</v>
      </c>
      <c r="E41714" s="1" t="s">
        <v>78711</v>
      </c>
      <c r="F41714" s="1" t="s">
        <v>109951</v>
      </c>
      <c r="G41714" s="1" t="s">
        <v>142842</v>
      </c>
      <c r="H41714" s="1" t="s">
        <v>142843</v>
      </c>
      <c r="I41714" s="1" t="s">
        <v>142575</v>
      </c>
      <c r="J41714" s="1" t="s">
        <v>13</v>
      </c>
    </row>
    <row r="41715" spans="1:10" x14ac:dyDescent="0.35">
      <c r="A41715" s="1" t="s">
        <v>142768</v>
      </c>
      <c r="B41715" s="1" t="s">
        <v>142570</v>
      </c>
      <c r="C41715" s="1" t="s">
        <v>15</v>
      </c>
      <c r="D41715" s="1" t="s">
        <v>141220</v>
      </c>
      <c r="E41715" s="1" t="s">
        <v>142844</v>
      </c>
      <c r="F41715" s="1" t="s">
        <v>142845</v>
      </c>
      <c r="G41715" s="1" t="s">
        <v>142842</v>
      </c>
      <c r="H41715" s="1" t="s">
        <v>142843</v>
      </c>
      <c r="I41715" s="1" t="s">
        <v>142575</v>
      </c>
      <c r="J41715" s="1" t="s">
        <v>142846</v>
      </c>
    </row>
    <row r="41716" spans="1:10" x14ac:dyDescent="0.35">
      <c r="A41716" s="1" t="s">
        <v>142768</v>
      </c>
      <c r="B41716" s="1" t="s">
        <v>142570</v>
      </c>
      <c r="C41716" s="1" t="s">
        <v>20</v>
      </c>
      <c r="D41716" s="1" t="s">
        <v>142847</v>
      </c>
      <c r="E41716" s="1" t="s">
        <v>77800</v>
      </c>
      <c r="F41716" s="1" t="s">
        <v>21248</v>
      </c>
      <c r="G41716" s="1" t="s">
        <v>142842</v>
      </c>
      <c r="H41716" s="1" t="s">
        <v>142843</v>
      </c>
      <c r="I41716" s="1" t="s">
        <v>142575</v>
      </c>
      <c r="J41716" s="1" t="s">
        <v>142848</v>
      </c>
    </row>
    <row r="41717" spans="1:10" x14ac:dyDescent="0.35">
      <c r="A41717" s="1" t="s">
        <v>142768</v>
      </c>
      <c r="B41717" s="1" t="s">
        <v>142570</v>
      </c>
      <c r="C41717" s="1" t="s">
        <v>25</v>
      </c>
      <c r="D41717" s="1" t="s">
        <v>104197</v>
      </c>
      <c r="E41717" s="1" t="s">
        <v>142849</v>
      </c>
      <c r="F41717" s="1" t="s">
        <v>142850</v>
      </c>
      <c r="G41717" s="1" t="s">
        <v>142842</v>
      </c>
      <c r="H41717" s="1" t="s">
        <v>142843</v>
      </c>
      <c r="I41717" s="1" t="s">
        <v>142575</v>
      </c>
      <c r="J41717" s="1" t="s">
        <v>142851</v>
      </c>
    </row>
    <row r="41718" spans="1:10" x14ac:dyDescent="0.35">
      <c r="A41718" s="1" t="s">
        <v>142768</v>
      </c>
      <c r="B41718" s="1" t="s">
        <v>142570</v>
      </c>
      <c r="C41718" s="1" t="s">
        <v>30</v>
      </c>
      <c r="D41718" s="1" t="s">
        <v>142852</v>
      </c>
      <c r="E41718" s="1" t="s">
        <v>142853</v>
      </c>
      <c r="F41718" s="1" t="s">
        <v>142854</v>
      </c>
      <c r="G41718" s="1" t="s">
        <v>142842</v>
      </c>
      <c r="H41718" s="1" t="s">
        <v>142843</v>
      </c>
      <c r="I41718" s="1" t="s">
        <v>142575</v>
      </c>
      <c r="J41718" s="1" t="s">
        <v>142855</v>
      </c>
    </row>
    <row r="41719" spans="1:10" x14ac:dyDescent="0.35">
      <c r="A41719" s="1" t="s">
        <v>142768</v>
      </c>
      <c r="B41719" s="1" t="s">
        <v>142570</v>
      </c>
      <c r="C41719" s="1" t="s">
        <v>35</v>
      </c>
      <c r="D41719" s="1" t="s">
        <v>2398</v>
      </c>
      <c r="E41719" s="1" t="s">
        <v>142856</v>
      </c>
      <c r="F41719" s="1" t="s">
        <v>109519</v>
      </c>
      <c r="G41719" s="1" t="s">
        <v>142842</v>
      </c>
      <c r="H41719" s="1" t="s">
        <v>142843</v>
      </c>
      <c r="I41719" s="1" t="s">
        <v>142575</v>
      </c>
      <c r="J41719" s="1" t="s">
        <v>142857</v>
      </c>
    </row>
    <row r="41720" spans="1:10" x14ac:dyDescent="0.35">
      <c r="A41720" s="1" t="s">
        <v>142768</v>
      </c>
      <c r="B41720" s="1" t="s">
        <v>142570</v>
      </c>
      <c r="C41720" s="1" t="s">
        <v>40</v>
      </c>
      <c r="D41720" s="1" t="s">
        <v>121125</v>
      </c>
      <c r="E41720" s="1" t="s">
        <v>142858</v>
      </c>
      <c r="F41720" s="1" t="s">
        <v>142859</v>
      </c>
      <c r="G41720" s="1" t="s">
        <v>142842</v>
      </c>
      <c r="H41720" s="1" t="s">
        <v>142843</v>
      </c>
      <c r="I41720" s="1" t="s">
        <v>142575</v>
      </c>
      <c r="J41720" s="1" t="s">
        <v>142860</v>
      </c>
    </row>
    <row r="41721" spans="1:10" x14ac:dyDescent="0.35">
      <c r="A41721" s="1" t="s">
        <v>142768</v>
      </c>
      <c r="B41721" s="1" t="s">
        <v>142570</v>
      </c>
      <c r="C41721" s="1" t="s">
        <v>45</v>
      </c>
      <c r="D41721" s="1" t="s">
        <v>34421</v>
      </c>
      <c r="E41721" s="1" t="s">
        <v>142858</v>
      </c>
      <c r="F41721" s="1" t="s">
        <v>142861</v>
      </c>
      <c r="G41721" s="1" t="s">
        <v>142842</v>
      </c>
      <c r="H41721" s="1" t="s">
        <v>142843</v>
      </c>
      <c r="I41721" s="1" t="s">
        <v>142575</v>
      </c>
      <c r="J41721" s="1" t="s">
        <v>142862</v>
      </c>
    </row>
    <row r="41722" spans="1:10" x14ac:dyDescent="0.35">
      <c r="A41722" s="1" t="s">
        <v>142768</v>
      </c>
      <c r="B41722" s="1" t="s">
        <v>142570</v>
      </c>
      <c r="C41722" s="1" t="s">
        <v>50</v>
      </c>
      <c r="D41722" s="1" t="s">
        <v>142863</v>
      </c>
      <c r="E41722" s="1" t="s">
        <v>135295</v>
      </c>
      <c r="F41722" s="1" t="s">
        <v>142864</v>
      </c>
      <c r="G41722" s="1" t="s">
        <v>142842</v>
      </c>
      <c r="H41722" s="1" t="s">
        <v>142843</v>
      </c>
      <c r="I41722" s="1" t="s">
        <v>142575</v>
      </c>
      <c r="J41722" s="1" t="s">
        <v>142865</v>
      </c>
    </row>
    <row r="41723" spans="1:10" x14ac:dyDescent="0.35">
      <c r="A41723" s="1" t="s">
        <v>142768</v>
      </c>
      <c r="B41723" s="1" t="s">
        <v>142570</v>
      </c>
      <c r="C41723" s="1" t="s">
        <v>55</v>
      </c>
      <c r="D41723" s="1" t="s">
        <v>142866</v>
      </c>
      <c r="E41723" s="1" t="s">
        <v>142867</v>
      </c>
      <c r="F41723" s="1" t="s">
        <v>142868</v>
      </c>
      <c r="G41723" s="1" t="s">
        <v>142842</v>
      </c>
      <c r="H41723" s="1" t="s">
        <v>142843</v>
      </c>
      <c r="I41723" s="1" t="s">
        <v>142575</v>
      </c>
      <c r="J41723" s="1" t="s">
        <v>142869</v>
      </c>
    </row>
    <row r="41724" spans="1:10" x14ac:dyDescent="0.35">
      <c r="A41724" s="1" t="s">
        <v>142768</v>
      </c>
      <c r="B41724" s="1" t="s">
        <v>142570</v>
      </c>
      <c r="C41724" s="1" t="s">
        <v>60</v>
      </c>
      <c r="D41724" s="1" t="s">
        <v>7594</v>
      </c>
      <c r="E41724" s="1" t="s">
        <v>142870</v>
      </c>
      <c r="F41724" s="1" t="s">
        <v>142871</v>
      </c>
      <c r="G41724" s="1" t="s">
        <v>142842</v>
      </c>
      <c r="H41724" s="1" t="s">
        <v>142843</v>
      </c>
      <c r="I41724" s="1" t="s">
        <v>142575</v>
      </c>
      <c r="J41724" s="1" t="s">
        <v>142872</v>
      </c>
    </row>
    <row r="41725" spans="1:10" x14ac:dyDescent="0.35">
      <c r="A41725" s="1" t="s">
        <v>142768</v>
      </c>
      <c r="B41725" s="1" t="s">
        <v>142570</v>
      </c>
      <c r="C41725" s="1" t="s">
        <v>65</v>
      </c>
      <c r="D41725" s="1" t="s">
        <v>2829</v>
      </c>
      <c r="E41725" s="1" t="s">
        <v>77902</v>
      </c>
      <c r="F41725" s="1" t="s">
        <v>142873</v>
      </c>
      <c r="G41725" s="1" t="s">
        <v>142842</v>
      </c>
      <c r="H41725" s="1" t="s">
        <v>142843</v>
      </c>
      <c r="I41725" s="1" t="s">
        <v>142575</v>
      </c>
      <c r="J41725" s="1" t="s">
        <v>142874</v>
      </c>
    </row>
    <row r="41726" spans="1:10" x14ac:dyDescent="0.35">
      <c r="A41726" s="1" t="s">
        <v>142768</v>
      </c>
      <c r="B41726" s="1" t="s">
        <v>142570</v>
      </c>
      <c r="C41726" s="1" t="s">
        <v>70</v>
      </c>
      <c r="D41726" s="1" t="s">
        <v>50098</v>
      </c>
      <c r="E41726" s="1" t="s">
        <v>135003</v>
      </c>
      <c r="F41726" s="1" t="s">
        <v>24726</v>
      </c>
      <c r="G41726" s="1" t="s">
        <v>142842</v>
      </c>
      <c r="H41726" s="1" t="s">
        <v>142843</v>
      </c>
      <c r="I41726" s="1" t="s">
        <v>142575</v>
      </c>
      <c r="J41726" s="1" t="s">
        <v>142875</v>
      </c>
    </row>
    <row r="41727" spans="1:10" x14ac:dyDescent="0.35">
      <c r="A41727" s="1" t="s">
        <v>142768</v>
      </c>
      <c r="B41727" s="1" t="s">
        <v>142570</v>
      </c>
      <c r="C41727" s="1" t="s">
        <v>75</v>
      </c>
      <c r="D41727" s="1" t="s">
        <v>142743</v>
      </c>
      <c r="E41727" s="1" t="s">
        <v>109662</v>
      </c>
      <c r="F41727" s="1" t="s">
        <v>102430</v>
      </c>
      <c r="G41727" s="1" t="s">
        <v>142842</v>
      </c>
      <c r="H41727" s="1" t="s">
        <v>142843</v>
      </c>
      <c r="I41727" s="1" t="s">
        <v>142575</v>
      </c>
      <c r="J41727" s="1" t="s">
        <v>142876</v>
      </c>
    </row>
    <row r="41728" spans="1:10" x14ac:dyDescent="0.35">
      <c r="A41728" s="1" t="s">
        <v>142768</v>
      </c>
      <c r="B41728" s="1" t="s">
        <v>142570</v>
      </c>
      <c r="C41728" s="1" t="s">
        <v>80</v>
      </c>
      <c r="D41728" s="1" t="s">
        <v>10995</v>
      </c>
      <c r="E41728" s="1" t="s">
        <v>135295</v>
      </c>
      <c r="F41728" s="1" t="s">
        <v>20966</v>
      </c>
      <c r="G41728" s="1" t="s">
        <v>142842</v>
      </c>
      <c r="H41728" s="1" t="s">
        <v>142843</v>
      </c>
      <c r="I41728" s="1" t="s">
        <v>142575</v>
      </c>
      <c r="J41728" s="1" t="s">
        <v>142877</v>
      </c>
    </row>
    <row r="41729" spans="1:10" x14ac:dyDescent="0.35">
      <c r="A41729" s="1" t="s">
        <v>142768</v>
      </c>
      <c r="B41729" s="1" t="s">
        <v>142570</v>
      </c>
      <c r="C41729" s="1" t="s">
        <v>85</v>
      </c>
      <c r="D41729" s="1" t="s">
        <v>142878</v>
      </c>
      <c r="E41729" s="1" t="s">
        <v>77829</v>
      </c>
      <c r="F41729" s="1" t="s">
        <v>142879</v>
      </c>
      <c r="G41729" s="1" t="s">
        <v>142842</v>
      </c>
      <c r="H41729" s="1" t="s">
        <v>142843</v>
      </c>
      <c r="I41729" s="1" t="s">
        <v>142575</v>
      </c>
      <c r="J41729" s="1" t="s">
        <v>142880</v>
      </c>
    </row>
    <row r="41730" spans="1:10" x14ac:dyDescent="0.35">
      <c r="A41730" s="1" t="s">
        <v>142768</v>
      </c>
      <c r="B41730" s="1" t="s">
        <v>142570</v>
      </c>
      <c r="C41730" s="1" t="s">
        <v>90</v>
      </c>
      <c r="D41730" s="1" t="s">
        <v>6630</v>
      </c>
      <c r="E41730" s="1" t="s">
        <v>142881</v>
      </c>
      <c r="F41730" s="1" t="s">
        <v>142882</v>
      </c>
      <c r="G41730" s="1" t="s">
        <v>142842</v>
      </c>
      <c r="H41730" s="1" t="s">
        <v>142843</v>
      </c>
      <c r="I41730" s="1" t="s">
        <v>142575</v>
      </c>
      <c r="J41730" s="1" t="s">
        <v>142883</v>
      </c>
    </row>
    <row r="41731" spans="1:10" x14ac:dyDescent="0.35">
      <c r="A41731" s="1" t="s">
        <v>142768</v>
      </c>
      <c r="B41731" s="1" t="s">
        <v>142570</v>
      </c>
      <c r="C41731" s="1" t="s">
        <v>95</v>
      </c>
      <c r="D41731" s="1" t="s">
        <v>46468</v>
      </c>
      <c r="E41731" s="1" t="s">
        <v>77443</v>
      </c>
      <c r="F41731" s="1" t="s">
        <v>142884</v>
      </c>
      <c r="G41731" s="1" t="s">
        <v>142842</v>
      </c>
      <c r="H41731" s="1" t="s">
        <v>142843</v>
      </c>
      <c r="I41731" s="1" t="s">
        <v>142575</v>
      </c>
      <c r="J41731" s="1" t="s">
        <v>142885</v>
      </c>
    </row>
    <row r="41732" spans="1:10" x14ac:dyDescent="0.35">
      <c r="A41732" s="1" t="s">
        <v>142768</v>
      </c>
      <c r="B41732" s="1" t="s">
        <v>142570</v>
      </c>
      <c r="C41732" s="1" t="s">
        <v>100</v>
      </c>
      <c r="D41732" s="1" t="s">
        <v>25521</v>
      </c>
      <c r="E41732" s="1" t="s">
        <v>135432</v>
      </c>
      <c r="F41732" s="1" t="s">
        <v>142886</v>
      </c>
      <c r="G41732" s="1" t="s">
        <v>142842</v>
      </c>
      <c r="H41732" s="1" t="s">
        <v>142843</v>
      </c>
      <c r="I41732" s="1" t="s">
        <v>142575</v>
      </c>
      <c r="J41732" s="1" t="s">
        <v>142887</v>
      </c>
    </row>
    <row r="41733" spans="1:10" x14ac:dyDescent="0.35">
      <c r="A41733" s="1" t="s">
        <v>142768</v>
      </c>
      <c r="B41733" s="1" t="s">
        <v>142570</v>
      </c>
      <c r="C41733" s="1" t="s">
        <v>105</v>
      </c>
      <c r="D41733" s="1" t="s">
        <v>142888</v>
      </c>
      <c r="E41733" s="1" t="s">
        <v>142889</v>
      </c>
      <c r="F41733" s="1" t="s">
        <v>22755</v>
      </c>
      <c r="G41733" s="1" t="s">
        <v>142842</v>
      </c>
      <c r="H41733" s="1" t="s">
        <v>142843</v>
      </c>
      <c r="I41733" s="1" t="s">
        <v>142575</v>
      </c>
      <c r="J41733" s="1" t="s">
        <v>142890</v>
      </c>
    </row>
    <row r="41734" spans="1:10" x14ac:dyDescent="0.35">
      <c r="A41734" s="1" t="s">
        <v>142768</v>
      </c>
      <c r="B41734" s="1" t="s">
        <v>142570</v>
      </c>
      <c r="C41734" s="1" t="s">
        <v>110</v>
      </c>
      <c r="D41734" s="1" t="s">
        <v>142891</v>
      </c>
      <c r="E41734" s="1" t="s">
        <v>70859</v>
      </c>
      <c r="F41734" s="1" t="s">
        <v>27481</v>
      </c>
      <c r="G41734" s="1" t="s">
        <v>142842</v>
      </c>
      <c r="H41734" s="1" t="s">
        <v>142843</v>
      </c>
      <c r="I41734" s="1" t="s">
        <v>142575</v>
      </c>
      <c r="J41734" s="1" t="s">
        <v>142892</v>
      </c>
    </row>
    <row r="41735" spans="1:10" x14ac:dyDescent="0.35">
      <c r="A41735" s="1" t="s">
        <v>142768</v>
      </c>
      <c r="B41735" s="1" t="s">
        <v>142570</v>
      </c>
      <c r="C41735" s="1" t="s">
        <v>115</v>
      </c>
      <c r="D41735" s="1" t="s">
        <v>10838</v>
      </c>
      <c r="E41735" s="1" t="s">
        <v>142893</v>
      </c>
      <c r="F41735" s="1" t="s">
        <v>60312</v>
      </c>
      <c r="G41735" s="1" t="s">
        <v>142842</v>
      </c>
      <c r="H41735" s="1" t="s">
        <v>142843</v>
      </c>
      <c r="I41735" s="1" t="s">
        <v>142575</v>
      </c>
      <c r="J41735" s="1" t="s">
        <v>142894</v>
      </c>
    </row>
    <row r="41736" spans="1:10" x14ac:dyDescent="0.35">
      <c r="A41736" s="1" t="s">
        <v>142768</v>
      </c>
      <c r="B41736" s="1" t="s">
        <v>142570</v>
      </c>
      <c r="C41736" s="1" t="s">
        <v>120</v>
      </c>
      <c r="D41736" s="1" t="s">
        <v>28816</v>
      </c>
      <c r="E41736" s="1" t="s">
        <v>135314</v>
      </c>
      <c r="F41736" s="1" t="s">
        <v>142895</v>
      </c>
      <c r="G41736" s="1" t="s">
        <v>142842</v>
      </c>
      <c r="H41736" s="1" t="s">
        <v>142843</v>
      </c>
      <c r="I41736" s="1" t="s">
        <v>142575</v>
      </c>
      <c r="J41736" s="1" t="s">
        <v>142896</v>
      </c>
    </row>
    <row r="41737" spans="1:10" x14ac:dyDescent="0.35">
      <c r="A41737" s="1" t="s">
        <v>142768</v>
      </c>
      <c r="B41737" s="1" t="s">
        <v>142570</v>
      </c>
      <c r="C41737" s="1" t="s">
        <v>125</v>
      </c>
      <c r="D41737" s="1" t="s">
        <v>51115</v>
      </c>
      <c r="E41737" s="1" t="s">
        <v>135310</v>
      </c>
      <c r="F41737" s="1" t="s">
        <v>106149</v>
      </c>
      <c r="G41737" s="1" t="s">
        <v>142842</v>
      </c>
      <c r="H41737" s="1" t="s">
        <v>142843</v>
      </c>
      <c r="I41737" s="1" t="s">
        <v>142575</v>
      </c>
      <c r="J41737" s="1" t="s">
        <v>142897</v>
      </c>
    </row>
    <row r="41738" spans="1:10" x14ac:dyDescent="0.35">
      <c r="A41738" s="1" t="s">
        <v>142768</v>
      </c>
      <c r="B41738" s="1" t="s">
        <v>142570</v>
      </c>
      <c r="C41738" s="1" t="s">
        <v>130</v>
      </c>
      <c r="D41738" s="1" t="s">
        <v>14557</v>
      </c>
      <c r="E41738" s="1" t="s">
        <v>142898</v>
      </c>
      <c r="F41738" s="1" t="s">
        <v>142899</v>
      </c>
      <c r="G41738" s="1" t="s">
        <v>142842</v>
      </c>
      <c r="H41738" s="1" t="s">
        <v>142843</v>
      </c>
      <c r="I41738" s="1" t="s">
        <v>142575</v>
      </c>
      <c r="J41738" s="1" t="s">
        <v>142900</v>
      </c>
    </row>
    <row r="41739" spans="1:10" x14ac:dyDescent="0.35">
      <c r="A41739" s="1" t="s">
        <v>142768</v>
      </c>
      <c r="B41739" s="1" t="s">
        <v>142570</v>
      </c>
      <c r="C41739" s="1" t="s">
        <v>135</v>
      </c>
      <c r="D41739" s="1" t="s">
        <v>35396</v>
      </c>
      <c r="E41739" s="1" t="s">
        <v>142870</v>
      </c>
      <c r="F41739" s="1" t="s">
        <v>142901</v>
      </c>
      <c r="G41739" s="1" t="s">
        <v>142842</v>
      </c>
      <c r="H41739" s="1" t="s">
        <v>142843</v>
      </c>
      <c r="I41739" s="1" t="s">
        <v>142575</v>
      </c>
      <c r="J41739" s="1" t="s">
        <v>142902</v>
      </c>
    </row>
    <row r="41740" spans="1:10" x14ac:dyDescent="0.35">
      <c r="A41740" s="1" t="s">
        <v>142768</v>
      </c>
      <c r="B41740" s="1" t="s">
        <v>142570</v>
      </c>
      <c r="C41740" s="1" t="s">
        <v>140</v>
      </c>
      <c r="D41740" s="1" t="s">
        <v>142903</v>
      </c>
      <c r="E41740" s="1" t="s">
        <v>142904</v>
      </c>
      <c r="F41740" s="1" t="s">
        <v>23674</v>
      </c>
      <c r="G41740" s="1" t="s">
        <v>142842</v>
      </c>
      <c r="H41740" s="1" t="s">
        <v>142843</v>
      </c>
      <c r="I41740" s="1" t="s">
        <v>142575</v>
      </c>
      <c r="J41740" s="1" t="s">
        <v>142905</v>
      </c>
    </row>
    <row r="41741" spans="1:10" x14ac:dyDescent="0.35">
      <c r="A41741" s="1" t="s">
        <v>142768</v>
      </c>
      <c r="B41741" s="1" t="s">
        <v>142570</v>
      </c>
      <c r="C41741" s="1" t="s">
        <v>145</v>
      </c>
      <c r="D41741" s="1" t="s">
        <v>16219</v>
      </c>
      <c r="E41741" s="1" t="s">
        <v>142906</v>
      </c>
      <c r="F41741" s="1" t="s">
        <v>142907</v>
      </c>
      <c r="G41741" s="1" t="s">
        <v>142842</v>
      </c>
      <c r="H41741" s="1" t="s">
        <v>142843</v>
      </c>
      <c r="I41741" s="1" t="s">
        <v>142575</v>
      </c>
      <c r="J41741" s="1" t="s">
        <v>142908</v>
      </c>
    </row>
    <row r="41742" spans="1:10" x14ac:dyDescent="0.35">
      <c r="A41742" s="1" t="s">
        <v>142768</v>
      </c>
      <c r="B41742" s="1" t="s">
        <v>142570</v>
      </c>
      <c r="C41742" s="1" t="s">
        <v>150</v>
      </c>
      <c r="D41742" s="1" t="s">
        <v>142909</v>
      </c>
      <c r="E41742" s="1" t="s">
        <v>142856</v>
      </c>
      <c r="F41742" s="1" t="s">
        <v>142910</v>
      </c>
      <c r="G41742" s="1" t="s">
        <v>142842</v>
      </c>
      <c r="H41742" s="1" t="s">
        <v>142843</v>
      </c>
      <c r="I41742" s="1" t="s">
        <v>142575</v>
      </c>
      <c r="J41742" s="1" t="s">
        <v>142911</v>
      </c>
    </row>
    <row r="41743" spans="1:10" x14ac:dyDescent="0.35">
      <c r="A41743" s="1" t="s">
        <v>142768</v>
      </c>
      <c r="B41743" s="1" t="s">
        <v>142570</v>
      </c>
      <c r="C41743" s="1" t="s">
        <v>155</v>
      </c>
      <c r="D41743" s="1" t="s">
        <v>15270</v>
      </c>
      <c r="E41743" s="1" t="s">
        <v>70859</v>
      </c>
      <c r="F41743" s="1" t="s">
        <v>142912</v>
      </c>
      <c r="G41743" s="1" t="s">
        <v>142842</v>
      </c>
      <c r="H41743" s="1" t="s">
        <v>142843</v>
      </c>
      <c r="I41743" s="1" t="s">
        <v>142575</v>
      </c>
      <c r="J41743" s="1" t="s">
        <v>142913</v>
      </c>
    </row>
    <row r="41744" spans="1:10" x14ac:dyDescent="0.35">
      <c r="A41744" s="1" t="s">
        <v>142768</v>
      </c>
      <c r="B41744" s="1" t="s">
        <v>142570</v>
      </c>
      <c r="C41744" s="1" t="s">
        <v>160</v>
      </c>
      <c r="D41744" s="1" t="s">
        <v>142914</v>
      </c>
      <c r="E41744" s="1" t="s">
        <v>142915</v>
      </c>
      <c r="F41744" s="1" t="s">
        <v>142916</v>
      </c>
      <c r="G41744" s="1" t="s">
        <v>142842</v>
      </c>
      <c r="H41744" s="1" t="s">
        <v>142843</v>
      </c>
      <c r="I41744" s="1" t="s">
        <v>142575</v>
      </c>
      <c r="J41744" s="1" t="s">
        <v>142917</v>
      </c>
    </row>
    <row r="41745" spans="1:10" x14ac:dyDescent="0.35">
      <c r="A41745" s="1" t="s">
        <v>142768</v>
      </c>
      <c r="B41745" s="1" t="s">
        <v>142570</v>
      </c>
      <c r="C41745" s="1" t="s">
        <v>165</v>
      </c>
      <c r="D41745" s="1" t="s">
        <v>117707</v>
      </c>
      <c r="E41745" s="1" t="s">
        <v>142918</v>
      </c>
      <c r="F41745" s="1" t="s">
        <v>142919</v>
      </c>
      <c r="G41745" s="1" t="s">
        <v>142842</v>
      </c>
      <c r="H41745" s="1" t="s">
        <v>142843</v>
      </c>
      <c r="I41745" s="1" t="s">
        <v>142575</v>
      </c>
      <c r="J41745" s="1" t="s">
        <v>142920</v>
      </c>
    </row>
    <row r="41746" spans="1:10" x14ac:dyDescent="0.35">
      <c r="A41746" s="1" t="s">
        <v>142768</v>
      </c>
      <c r="B41746" s="1" t="s">
        <v>142570</v>
      </c>
      <c r="C41746" s="1" t="s">
        <v>170</v>
      </c>
      <c r="D41746" s="1" t="s">
        <v>142921</v>
      </c>
      <c r="E41746" s="1" t="s">
        <v>142922</v>
      </c>
      <c r="F41746" s="1" t="s">
        <v>142923</v>
      </c>
      <c r="G41746" s="1" t="s">
        <v>142842</v>
      </c>
      <c r="H41746" s="1" t="s">
        <v>142843</v>
      </c>
      <c r="I41746" s="1" t="s">
        <v>142575</v>
      </c>
      <c r="J41746" s="1" t="s">
        <v>142924</v>
      </c>
    </row>
    <row r="41747" spans="1:10" x14ac:dyDescent="0.35">
      <c r="A41747" s="1" t="s">
        <v>13892</v>
      </c>
      <c r="B41747" s="1" t="s">
        <v>142570</v>
      </c>
      <c r="C41747" s="1" t="s">
        <v>8</v>
      </c>
      <c r="D41747" s="1" t="s">
        <v>34569</v>
      </c>
      <c r="E41747" s="1" t="s">
        <v>110551</v>
      </c>
      <c r="F41747" s="1" t="s">
        <v>16257</v>
      </c>
      <c r="G41747" s="1" t="s">
        <v>142925</v>
      </c>
      <c r="H41747" s="1" t="s">
        <v>142926</v>
      </c>
      <c r="I41747" s="1" t="s">
        <v>142575</v>
      </c>
      <c r="J41747" s="1" t="s">
        <v>13</v>
      </c>
    </row>
    <row r="41748" spans="1:10" x14ac:dyDescent="0.35">
      <c r="A41748" s="1" t="s">
        <v>13892</v>
      </c>
      <c r="B41748" s="1" t="s">
        <v>142570</v>
      </c>
      <c r="C41748" s="1" t="s">
        <v>15</v>
      </c>
      <c r="D41748" s="1" t="s">
        <v>44165</v>
      </c>
      <c r="E41748" s="1" t="s">
        <v>142927</v>
      </c>
      <c r="F41748" s="1" t="s">
        <v>142928</v>
      </c>
      <c r="G41748" s="1" t="s">
        <v>142925</v>
      </c>
      <c r="H41748" s="1" t="s">
        <v>142926</v>
      </c>
      <c r="I41748" s="1" t="s">
        <v>142575</v>
      </c>
      <c r="J41748" s="1" t="s">
        <v>142929</v>
      </c>
    </row>
    <row r="41749" spans="1:10" x14ac:dyDescent="0.35">
      <c r="A41749" s="1" t="s">
        <v>13892</v>
      </c>
      <c r="B41749" s="1" t="s">
        <v>142570</v>
      </c>
      <c r="C41749" s="1" t="s">
        <v>20</v>
      </c>
      <c r="D41749" s="1" t="s">
        <v>111281</v>
      </c>
      <c r="E41749" s="1" t="s">
        <v>6752</v>
      </c>
      <c r="F41749" s="1" t="s">
        <v>142930</v>
      </c>
      <c r="G41749" s="1" t="s">
        <v>142925</v>
      </c>
      <c r="H41749" s="1" t="s">
        <v>142926</v>
      </c>
      <c r="I41749" s="1" t="s">
        <v>142575</v>
      </c>
      <c r="J41749" s="1" t="s">
        <v>142931</v>
      </c>
    </row>
    <row r="41750" spans="1:10" x14ac:dyDescent="0.35">
      <c r="A41750" s="1" t="s">
        <v>13892</v>
      </c>
      <c r="B41750" s="1" t="s">
        <v>142570</v>
      </c>
      <c r="C41750" s="1" t="s">
        <v>25</v>
      </c>
      <c r="D41750" s="1" t="s">
        <v>28574</v>
      </c>
      <c r="E41750" s="1" t="s">
        <v>73350</v>
      </c>
      <c r="F41750" s="1" t="s">
        <v>142932</v>
      </c>
      <c r="G41750" s="1" t="s">
        <v>142925</v>
      </c>
      <c r="H41750" s="1" t="s">
        <v>142926</v>
      </c>
      <c r="I41750" s="1" t="s">
        <v>142575</v>
      </c>
      <c r="J41750" s="1" t="s">
        <v>142933</v>
      </c>
    </row>
    <row r="41751" spans="1:10" x14ac:dyDescent="0.35">
      <c r="A41751" s="1" t="s">
        <v>13892</v>
      </c>
      <c r="B41751" s="1" t="s">
        <v>142570</v>
      </c>
      <c r="C41751" s="1" t="s">
        <v>30</v>
      </c>
      <c r="D41751" s="1" t="s">
        <v>142934</v>
      </c>
      <c r="E41751" s="1" t="s">
        <v>142935</v>
      </c>
      <c r="F41751" s="1" t="s">
        <v>142936</v>
      </c>
      <c r="G41751" s="1" t="s">
        <v>142925</v>
      </c>
      <c r="H41751" s="1" t="s">
        <v>142926</v>
      </c>
      <c r="I41751" s="1" t="s">
        <v>142575</v>
      </c>
      <c r="J41751" s="1" t="s">
        <v>142937</v>
      </c>
    </row>
    <row r="41752" spans="1:10" x14ac:dyDescent="0.35">
      <c r="A41752" s="1" t="s">
        <v>13892</v>
      </c>
      <c r="B41752" s="1" t="s">
        <v>142570</v>
      </c>
      <c r="C41752" s="1" t="s">
        <v>35</v>
      </c>
      <c r="D41752" s="1" t="s">
        <v>142938</v>
      </c>
      <c r="E41752" s="1" t="s">
        <v>4875</v>
      </c>
      <c r="F41752" s="1" t="s">
        <v>142939</v>
      </c>
      <c r="G41752" s="1" t="s">
        <v>142925</v>
      </c>
      <c r="H41752" s="1" t="s">
        <v>142926</v>
      </c>
      <c r="I41752" s="1" t="s">
        <v>142575</v>
      </c>
      <c r="J41752" s="1" t="s">
        <v>142940</v>
      </c>
    </row>
    <row r="41753" spans="1:10" x14ac:dyDescent="0.35">
      <c r="A41753" s="1" t="s">
        <v>13892</v>
      </c>
      <c r="B41753" s="1" t="s">
        <v>142570</v>
      </c>
      <c r="C41753" s="1" t="s">
        <v>40</v>
      </c>
      <c r="D41753" s="1" t="s">
        <v>7090</v>
      </c>
      <c r="E41753" s="1" t="s">
        <v>142941</v>
      </c>
      <c r="F41753" s="1" t="s">
        <v>56405</v>
      </c>
      <c r="G41753" s="1" t="s">
        <v>142925</v>
      </c>
      <c r="H41753" s="1" t="s">
        <v>142926</v>
      </c>
      <c r="I41753" s="1" t="s">
        <v>142575</v>
      </c>
      <c r="J41753" s="1" t="s">
        <v>142942</v>
      </c>
    </row>
    <row r="41754" spans="1:10" x14ac:dyDescent="0.35">
      <c r="A41754" s="1" t="s">
        <v>13892</v>
      </c>
      <c r="B41754" s="1" t="s">
        <v>142570</v>
      </c>
      <c r="C41754" s="1" t="s">
        <v>45</v>
      </c>
      <c r="D41754" s="1" t="s">
        <v>142934</v>
      </c>
      <c r="E41754" s="1" t="s">
        <v>142943</v>
      </c>
      <c r="F41754" s="1" t="s">
        <v>142944</v>
      </c>
      <c r="G41754" s="1" t="s">
        <v>142925</v>
      </c>
      <c r="H41754" s="1" t="s">
        <v>142926</v>
      </c>
      <c r="I41754" s="1" t="s">
        <v>142575</v>
      </c>
      <c r="J41754" s="1" t="s">
        <v>142945</v>
      </c>
    </row>
    <row r="41755" spans="1:10" x14ac:dyDescent="0.35">
      <c r="A41755" s="1" t="s">
        <v>13892</v>
      </c>
      <c r="B41755" s="1" t="s">
        <v>142570</v>
      </c>
      <c r="C41755" s="1" t="s">
        <v>50</v>
      </c>
      <c r="D41755" s="1" t="s">
        <v>142946</v>
      </c>
      <c r="E41755" s="1" t="s">
        <v>142947</v>
      </c>
      <c r="F41755" s="1" t="s">
        <v>63076</v>
      </c>
      <c r="G41755" s="1" t="s">
        <v>142925</v>
      </c>
      <c r="H41755" s="1" t="s">
        <v>142926</v>
      </c>
      <c r="I41755" s="1" t="s">
        <v>142575</v>
      </c>
      <c r="J41755" s="1" t="s">
        <v>142948</v>
      </c>
    </row>
    <row r="41756" spans="1:10" x14ac:dyDescent="0.35">
      <c r="A41756" s="1" t="s">
        <v>13892</v>
      </c>
      <c r="B41756" s="1" t="s">
        <v>142570</v>
      </c>
      <c r="C41756" s="1" t="s">
        <v>55</v>
      </c>
      <c r="D41756" s="1" t="s">
        <v>142949</v>
      </c>
      <c r="E41756" s="1" t="s">
        <v>110627</v>
      </c>
      <c r="F41756" s="1" t="s">
        <v>31511</v>
      </c>
      <c r="G41756" s="1" t="s">
        <v>142925</v>
      </c>
      <c r="H41756" s="1" t="s">
        <v>142926</v>
      </c>
      <c r="I41756" s="1" t="s">
        <v>142575</v>
      </c>
      <c r="J41756" s="1" t="s">
        <v>142950</v>
      </c>
    </row>
    <row r="41757" spans="1:10" x14ac:dyDescent="0.35">
      <c r="A41757" s="1" t="s">
        <v>13892</v>
      </c>
      <c r="B41757" s="1" t="s">
        <v>142570</v>
      </c>
      <c r="C41757" s="1" t="s">
        <v>60</v>
      </c>
      <c r="D41757" s="1" t="s">
        <v>14037</v>
      </c>
      <c r="E41757" s="1" t="s">
        <v>110674</v>
      </c>
      <c r="F41757" s="1" t="s">
        <v>142951</v>
      </c>
      <c r="G41757" s="1" t="s">
        <v>142925</v>
      </c>
      <c r="H41757" s="1" t="s">
        <v>142926</v>
      </c>
      <c r="I41757" s="1" t="s">
        <v>142575</v>
      </c>
      <c r="J41757" s="1" t="s">
        <v>142952</v>
      </c>
    </row>
    <row r="41758" spans="1:10" x14ac:dyDescent="0.35">
      <c r="A41758" s="1" t="s">
        <v>13892</v>
      </c>
      <c r="B41758" s="1" t="s">
        <v>142570</v>
      </c>
      <c r="C41758" s="1" t="s">
        <v>65</v>
      </c>
      <c r="D41758" s="1" t="s">
        <v>10995</v>
      </c>
      <c r="E41758" s="1" t="s">
        <v>142953</v>
      </c>
      <c r="F41758" s="1" t="s">
        <v>142954</v>
      </c>
      <c r="G41758" s="1" t="s">
        <v>142925</v>
      </c>
      <c r="H41758" s="1" t="s">
        <v>142926</v>
      </c>
      <c r="I41758" s="1" t="s">
        <v>142575</v>
      </c>
      <c r="J41758" s="1" t="s">
        <v>142955</v>
      </c>
    </row>
    <row r="41759" spans="1:10" x14ac:dyDescent="0.35">
      <c r="A41759" s="1" t="s">
        <v>13892</v>
      </c>
      <c r="B41759" s="1" t="s">
        <v>142570</v>
      </c>
      <c r="C41759" s="1" t="s">
        <v>70</v>
      </c>
      <c r="D41759" s="1" t="s">
        <v>112537</v>
      </c>
      <c r="E41759" s="1" t="s">
        <v>142956</v>
      </c>
      <c r="F41759" s="1" t="s">
        <v>142957</v>
      </c>
      <c r="G41759" s="1" t="s">
        <v>142925</v>
      </c>
      <c r="H41759" s="1" t="s">
        <v>142926</v>
      </c>
      <c r="I41759" s="1" t="s">
        <v>142575</v>
      </c>
      <c r="J41759" s="1" t="s">
        <v>142958</v>
      </c>
    </row>
    <row r="41760" spans="1:10" x14ac:dyDescent="0.35">
      <c r="A41760" s="1" t="s">
        <v>13892</v>
      </c>
      <c r="B41760" s="1" t="s">
        <v>142570</v>
      </c>
      <c r="C41760" s="1" t="s">
        <v>75</v>
      </c>
      <c r="D41760" s="1" t="s">
        <v>142959</v>
      </c>
      <c r="E41760" s="1" t="s">
        <v>142960</v>
      </c>
      <c r="F41760" s="1" t="s">
        <v>142961</v>
      </c>
      <c r="G41760" s="1" t="s">
        <v>142925</v>
      </c>
      <c r="H41760" s="1" t="s">
        <v>142926</v>
      </c>
      <c r="I41760" s="1" t="s">
        <v>142575</v>
      </c>
      <c r="J41760" s="1" t="s">
        <v>142962</v>
      </c>
    </row>
    <row r="41761" spans="1:10" x14ac:dyDescent="0.35">
      <c r="A41761" s="1" t="s">
        <v>13892</v>
      </c>
      <c r="B41761" s="1" t="s">
        <v>142570</v>
      </c>
      <c r="C41761" s="1" t="s">
        <v>80</v>
      </c>
      <c r="D41761" s="1" t="s">
        <v>109838</v>
      </c>
      <c r="E41761" s="1" t="s">
        <v>142963</v>
      </c>
      <c r="F41761" s="1" t="s">
        <v>60847</v>
      </c>
      <c r="G41761" s="1" t="s">
        <v>142925</v>
      </c>
      <c r="H41761" s="1" t="s">
        <v>142926</v>
      </c>
      <c r="I41761" s="1" t="s">
        <v>142575</v>
      </c>
      <c r="J41761" s="1" t="s">
        <v>142964</v>
      </c>
    </row>
    <row r="41762" spans="1:10" x14ac:dyDescent="0.35">
      <c r="A41762" s="1" t="s">
        <v>13892</v>
      </c>
      <c r="B41762" s="1" t="s">
        <v>142570</v>
      </c>
      <c r="C41762" s="1" t="s">
        <v>85</v>
      </c>
      <c r="D41762" s="1" t="s">
        <v>142965</v>
      </c>
      <c r="E41762" s="1" t="s">
        <v>6772</v>
      </c>
      <c r="F41762" s="1" t="s">
        <v>54800</v>
      </c>
      <c r="G41762" s="1" t="s">
        <v>142925</v>
      </c>
      <c r="H41762" s="1" t="s">
        <v>142926</v>
      </c>
      <c r="I41762" s="1" t="s">
        <v>142575</v>
      </c>
      <c r="J41762" s="1" t="s">
        <v>142966</v>
      </c>
    </row>
    <row r="41763" spans="1:10" x14ac:dyDescent="0.35">
      <c r="A41763" s="1" t="s">
        <v>13892</v>
      </c>
      <c r="B41763" s="1" t="s">
        <v>142570</v>
      </c>
      <c r="C41763" s="1" t="s">
        <v>90</v>
      </c>
      <c r="D41763" s="1" t="s">
        <v>2394</v>
      </c>
      <c r="E41763" s="1" t="s">
        <v>142967</v>
      </c>
      <c r="F41763" s="1" t="s">
        <v>142968</v>
      </c>
      <c r="G41763" s="1" t="s">
        <v>142925</v>
      </c>
      <c r="H41763" s="1" t="s">
        <v>142926</v>
      </c>
      <c r="I41763" s="1" t="s">
        <v>142575</v>
      </c>
      <c r="J41763" s="1" t="s">
        <v>142969</v>
      </c>
    </row>
    <row r="41764" spans="1:10" x14ac:dyDescent="0.35">
      <c r="A41764" s="1" t="s">
        <v>13892</v>
      </c>
      <c r="B41764" s="1" t="s">
        <v>142570</v>
      </c>
      <c r="C41764" s="1" t="s">
        <v>95</v>
      </c>
      <c r="D41764" s="1" t="s">
        <v>142970</v>
      </c>
      <c r="E41764" s="1" t="s">
        <v>6849</v>
      </c>
      <c r="F41764" s="1" t="s">
        <v>58693</v>
      </c>
      <c r="G41764" s="1" t="s">
        <v>142925</v>
      </c>
      <c r="H41764" s="1" t="s">
        <v>142926</v>
      </c>
      <c r="I41764" s="1" t="s">
        <v>142575</v>
      </c>
      <c r="J41764" s="1" t="s">
        <v>142971</v>
      </c>
    </row>
    <row r="41765" spans="1:10" x14ac:dyDescent="0.35">
      <c r="A41765" s="1" t="s">
        <v>13892</v>
      </c>
      <c r="B41765" s="1" t="s">
        <v>142570</v>
      </c>
      <c r="C41765" s="1" t="s">
        <v>100</v>
      </c>
      <c r="D41765" s="1" t="s">
        <v>142972</v>
      </c>
      <c r="E41765" s="1" t="s">
        <v>6849</v>
      </c>
      <c r="F41765" s="1" t="s">
        <v>58524</v>
      </c>
      <c r="G41765" s="1" t="s">
        <v>142925</v>
      </c>
      <c r="H41765" s="1" t="s">
        <v>142926</v>
      </c>
      <c r="I41765" s="1" t="s">
        <v>142575</v>
      </c>
      <c r="J41765" s="1" t="s">
        <v>142973</v>
      </c>
    </row>
    <row r="41766" spans="1:10" x14ac:dyDescent="0.35">
      <c r="A41766" s="1" t="s">
        <v>13892</v>
      </c>
      <c r="B41766" s="1" t="s">
        <v>142570</v>
      </c>
      <c r="C41766" s="1" t="s">
        <v>105</v>
      </c>
      <c r="D41766" s="1" t="s">
        <v>142974</v>
      </c>
      <c r="E41766" s="1" t="s">
        <v>142975</v>
      </c>
      <c r="F41766" s="1" t="s">
        <v>15577</v>
      </c>
      <c r="G41766" s="1" t="s">
        <v>142925</v>
      </c>
      <c r="H41766" s="1" t="s">
        <v>142926</v>
      </c>
      <c r="I41766" s="1" t="s">
        <v>142575</v>
      </c>
      <c r="J41766" s="1" t="s">
        <v>142976</v>
      </c>
    </row>
    <row r="41767" spans="1:10" x14ac:dyDescent="0.35">
      <c r="A41767" s="1" t="s">
        <v>13892</v>
      </c>
      <c r="B41767" s="1" t="s">
        <v>142570</v>
      </c>
      <c r="C41767" s="1" t="s">
        <v>110</v>
      </c>
      <c r="D41767" s="1" t="s">
        <v>142977</v>
      </c>
      <c r="E41767" s="1" t="s">
        <v>110574</v>
      </c>
      <c r="F41767" s="1" t="s">
        <v>55164</v>
      </c>
      <c r="G41767" s="1" t="s">
        <v>142925</v>
      </c>
      <c r="H41767" s="1" t="s">
        <v>142926</v>
      </c>
      <c r="I41767" s="1" t="s">
        <v>142575</v>
      </c>
      <c r="J41767" s="1" t="s">
        <v>142978</v>
      </c>
    </row>
    <row r="41768" spans="1:10" x14ac:dyDescent="0.35">
      <c r="A41768" s="1" t="s">
        <v>13892</v>
      </c>
      <c r="B41768" s="1" t="s">
        <v>142570</v>
      </c>
      <c r="C41768" s="1" t="s">
        <v>115</v>
      </c>
      <c r="D41768" s="1" t="s">
        <v>73315</v>
      </c>
      <c r="E41768" s="1" t="s">
        <v>142979</v>
      </c>
      <c r="F41768" s="1" t="s">
        <v>56338</v>
      </c>
      <c r="G41768" s="1" t="s">
        <v>142925</v>
      </c>
      <c r="H41768" s="1" t="s">
        <v>142926</v>
      </c>
      <c r="I41768" s="1" t="s">
        <v>142575</v>
      </c>
      <c r="J41768" s="1" t="s">
        <v>142729</v>
      </c>
    </row>
    <row r="41769" spans="1:10" x14ac:dyDescent="0.35">
      <c r="A41769" s="1" t="s">
        <v>13892</v>
      </c>
      <c r="B41769" s="1" t="s">
        <v>142570</v>
      </c>
      <c r="C41769" s="1" t="s">
        <v>120</v>
      </c>
      <c r="D41769" s="1" t="s">
        <v>104178</v>
      </c>
      <c r="E41769" s="1" t="s">
        <v>110598</v>
      </c>
      <c r="F41769" s="1" t="s">
        <v>108928</v>
      </c>
      <c r="G41769" s="1" t="s">
        <v>142925</v>
      </c>
      <c r="H41769" s="1" t="s">
        <v>142926</v>
      </c>
      <c r="I41769" s="1" t="s">
        <v>142575</v>
      </c>
      <c r="J41769" s="1" t="s">
        <v>142980</v>
      </c>
    </row>
    <row r="41770" spans="1:10" x14ac:dyDescent="0.35">
      <c r="A41770" s="1" t="s">
        <v>13892</v>
      </c>
      <c r="B41770" s="1" t="s">
        <v>142570</v>
      </c>
      <c r="C41770" s="1" t="s">
        <v>125</v>
      </c>
      <c r="D41770" s="1" t="s">
        <v>142981</v>
      </c>
      <c r="E41770" s="1" t="s">
        <v>142982</v>
      </c>
      <c r="F41770" s="1" t="s">
        <v>142983</v>
      </c>
      <c r="G41770" s="1" t="s">
        <v>142925</v>
      </c>
      <c r="H41770" s="1" t="s">
        <v>142926</v>
      </c>
      <c r="I41770" s="1" t="s">
        <v>142575</v>
      </c>
      <c r="J41770" s="1" t="s">
        <v>142984</v>
      </c>
    </row>
    <row r="41771" spans="1:10" x14ac:dyDescent="0.35">
      <c r="A41771" s="1" t="s">
        <v>13892</v>
      </c>
      <c r="B41771" s="1" t="s">
        <v>142570</v>
      </c>
      <c r="C41771" s="1" t="s">
        <v>130</v>
      </c>
      <c r="D41771" s="1" t="s">
        <v>142985</v>
      </c>
      <c r="E41771" s="1" t="s">
        <v>142986</v>
      </c>
      <c r="F41771" s="1" t="s">
        <v>142987</v>
      </c>
      <c r="G41771" s="1" t="s">
        <v>142925</v>
      </c>
      <c r="H41771" s="1" t="s">
        <v>142926</v>
      </c>
      <c r="I41771" s="1" t="s">
        <v>142575</v>
      </c>
      <c r="J41771" s="1" t="s">
        <v>142988</v>
      </c>
    </row>
    <row r="41772" spans="1:10" x14ac:dyDescent="0.35">
      <c r="A41772" s="1" t="s">
        <v>13892</v>
      </c>
      <c r="B41772" s="1" t="s">
        <v>142570</v>
      </c>
      <c r="C41772" s="1" t="s">
        <v>135</v>
      </c>
      <c r="D41772" s="1" t="s">
        <v>118401</v>
      </c>
      <c r="E41772" s="1" t="s">
        <v>142989</v>
      </c>
      <c r="F41772" s="1" t="s">
        <v>142990</v>
      </c>
      <c r="G41772" s="1" t="s">
        <v>142925</v>
      </c>
      <c r="H41772" s="1" t="s">
        <v>142926</v>
      </c>
      <c r="I41772" s="1" t="s">
        <v>142575</v>
      </c>
      <c r="J41772" s="1" t="s">
        <v>142991</v>
      </c>
    </row>
    <row r="41773" spans="1:10" x14ac:dyDescent="0.35">
      <c r="A41773" s="1" t="s">
        <v>13892</v>
      </c>
      <c r="B41773" s="1" t="s">
        <v>142570</v>
      </c>
      <c r="C41773" s="1" t="s">
        <v>140</v>
      </c>
      <c r="D41773" s="1" t="s">
        <v>111993</v>
      </c>
      <c r="E41773" s="1" t="s">
        <v>142992</v>
      </c>
      <c r="F41773" s="1" t="s">
        <v>142993</v>
      </c>
      <c r="G41773" s="1" t="s">
        <v>142925</v>
      </c>
      <c r="H41773" s="1" t="s">
        <v>142926</v>
      </c>
      <c r="I41773" s="1" t="s">
        <v>142575</v>
      </c>
      <c r="J41773" s="1" t="s">
        <v>142994</v>
      </c>
    </row>
    <row r="41774" spans="1:10" x14ac:dyDescent="0.35">
      <c r="A41774" s="1" t="s">
        <v>13892</v>
      </c>
      <c r="B41774" s="1" t="s">
        <v>142570</v>
      </c>
      <c r="C41774" s="1" t="s">
        <v>145</v>
      </c>
      <c r="D41774" s="1" t="s">
        <v>46734</v>
      </c>
      <c r="E41774" s="1" t="s">
        <v>142995</v>
      </c>
      <c r="F41774" s="1" t="s">
        <v>142996</v>
      </c>
      <c r="G41774" s="1" t="s">
        <v>142925</v>
      </c>
      <c r="H41774" s="1" t="s">
        <v>142926</v>
      </c>
      <c r="I41774" s="1" t="s">
        <v>142575</v>
      </c>
      <c r="J41774" s="1" t="s">
        <v>142997</v>
      </c>
    </row>
    <row r="41775" spans="1:10" x14ac:dyDescent="0.35">
      <c r="A41775" s="1" t="s">
        <v>13892</v>
      </c>
      <c r="B41775" s="1" t="s">
        <v>142570</v>
      </c>
      <c r="C41775" s="1" t="s">
        <v>150</v>
      </c>
      <c r="D41775" s="1" t="s">
        <v>29124</v>
      </c>
      <c r="E41775" s="1" t="s">
        <v>4859</v>
      </c>
      <c r="F41775" s="1" t="s">
        <v>142998</v>
      </c>
      <c r="G41775" s="1" t="s">
        <v>142925</v>
      </c>
      <c r="H41775" s="1" t="s">
        <v>142926</v>
      </c>
      <c r="I41775" s="1" t="s">
        <v>142575</v>
      </c>
      <c r="J41775" s="1" t="s">
        <v>142999</v>
      </c>
    </row>
    <row r="41776" spans="1:10" x14ac:dyDescent="0.35">
      <c r="A41776" s="1" t="s">
        <v>13892</v>
      </c>
      <c r="B41776" s="1" t="s">
        <v>142570</v>
      </c>
      <c r="C41776" s="1" t="s">
        <v>155</v>
      </c>
      <c r="D41776" s="1" t="s">
        <v>2374</v>
      </c>
      <c r="E41776" s="1" t="s">
        <v>143000</v>
      </c>
      <c r="F41776" s="1" t="s">
        <v>143001</v>
      </c>
      <c r="G41776" s="1" t="s">
        <v>142925</v>
      </c>
      <c r="H41776" s="1" t="s">
        <v>142926</v>
      </c>
      <c r="I41776" s="1" t="s">
        <v>142575</v>
      </c>
      <c r="J41776" s="1" t="s">
        <v>143002</v>
      </c>
    </row>
    <row r="41777" spans="1:10" x14ac:dyDescent="0.35">
      <c r="A41777" s="1" t="s">
        <v>13892</v>
      </c>
      <c r="B41777" s="1" t="s">
        <v>142570</v>
      </c>
      <c r="C41777" s="1" t="s">
        <v>160</v>
      </c>
      <c r="D41777" s="1" t="s">
        <v>6657</v>
      </c>
      <c r="E41777" s="1" t="s">
        <v>143003</v>
      </c>
      <c r="F41777" s="1" t="s">
        <v>143004</v>
      </c>
      <c r="G41777" s="1" t="s">
        <v>142925</v>
      </c>
      <c r="H41777" s="1" t="s">
        <v>142926</v>
      </c>
      <c r="I41777" s="1" t="s">
        <v>142575</v>
      </c>
      <c r="J41777" s="1" t="s">
        <v>143005</v>
      </c>
    </row>
    <row r="41778" spans="1:10" x14ac:dyDescent="0.35">
      <c r="A41778" s="1" t="s">
        <v>13892</v>
      </c>
      <c r="B41778" s="1" t="s">
        <v>142570</v>
      </c>
      <c r="C41778" s="1" t="s">
        <v>165</v>
      </c>
      <c r="D41778" s="1" t="s">
        <v>3383</v>
      </c>
      <c r="E41778" s="1" t="s">
        <v>143006</v>
      </c>
      <c r="F41778" s="1" t="s">
        <v>143007</v>
      </c>
      <c r="G41778" s="1" t="s">
        <v>142925</v>
      </c>
      <c r="H41778" s="1" t="s">
        <v>142926</v>
      </c>
      <c r="I41778" s="1" t="s">
        <v>142575</v>
      </c>
      <c r="J41778" s="1" t="s">
        <v>143008</v>
      </c>
    </row>
    <row r="41779" spans="1:10" x14ac:dyDescent="0.35">
      <c r="A41779" s="1" t="s">
        <v>13892</v>
      </c>
      <c r="B41779" s="1" t="s">
        <v>142570</v>
      </c>
      <c r="C41779" s="1" t="s">
        <v>170</v>
      </c>
      <c r="D41779" s="1" t="s">
        <v>141813</v>
      </c>
      <c r="E41779" s="1" t="s">
        <v>143009</v>
      </c>
      <c r="F41779" s="1" t="s">
        <v>143010</v>
      </c>
      <c r="G41779" s="1" t="s">
        <v>142925</v>
      </c>
      <c r="H41779" s="1" t="s">
        <v>142926</v>
      </c>
      <c r="I41779" s="1" t="s">
        <v>142575</v>
      </c>
      <c r="J41779" s="1" t="s">
        <v>143011</v>
      </c>
    </row>
    <row r="41780" spans="1:10" x14ac:dyDescent="0.35">
      <c r="A41780" s="1" t="s">
        <v>121839</v>
      </c>
      <c r="B41780" s="1" t="s">
        <v>142570</v>
      </c>
      <c r="C41780" s="1" t="s">
        <v>8</v>
      </c>
      <c r="D41780" s="1" t="s">
        <v>143012</v>
      </c>
      <c r="E41780" s="1" t="s">
        <v>143013</v>
      </c>
      <c r="F41780" s="1" t="s">
        <v>143014</v>
      </c>
      <c r="G41780" s="1" t="s">
        <v>143015</v>
      </c>
      <c r="H41780" s="1" t="s">
        <v>143016</v>
      </c>
      <c r="I41780" s="1" t="s">
        <v>142575</v>
      </c>
      <c r="J41780" s="1" t="s">
        <v>13</v>
      </c>
    </row>
    <row r="41781" spans="1:10" x14ac:dyDescent="0.35">
      <c r="A41781" s="1" t="s">
        <v>121839</v>
      </c>
      <c r="B41781" s="1" t="s">
        <v>142570</v>
      </c>
      <c r="C41781" s="1" t="s">
        <v>15</v>
      </c>
      <c r="D41781" s="1" t="s">
        <v>27802</v>
      </c>
      <c r="E41781" s="1" t="s">
        <v>143017</v>
      </c>
      <c r="F41781" s="1" t="s">
        <v>143018</v>
      </c>
      <c r="G41781" s="1" t="s">
        <v>143015</v>
      </c>
      <c r="H41781" s="1" t="s">
        <v>143016</v>
      </c>
      <c r="I41781" s="1" t="s">
        <v>142575</v>
      </c>
      <c r="J41781" s="1" t="s">
        <v>143019</v>
      </c>
    </row>
    <row r="41782" spans="1:10" x14ac:dyDescent="0.35">
      <c r="A41782" s="1" t="s">
        <v>121839</v>
      </c>
      <c r="B41782" s="1" t="s">
        <v>142570</v>
      </c>
      <c r="C41782" s="1" t="s">
        <v>20</v>
      </c>
      <c r="D41782" s="1" t="s">
        <v>111072</v>
      </c>
      <c r="E41782" s="1" t="s">
        <v>143020</v>
      </c>
      <c r="F41782" s="1" t="s">
        <v>143021</v>
      </c>
      <c r="G41782" s="1" t="s">
        <v>143015</v>
      </c>
      <c r="H41782" s="1" t="s">
        <v>143016</v>
      </c>
      <c r="I41782" s="1" t="s">
        <v>142575</v>
      </c>
      <c r="J41782" s="1" t="s">
        <v>143022</v>
      </c>
    </row>
    <row r="41783" spans="1:10" x14ac:dyDescent="0.35">
      <c r="A41783" s="1" t="s">
        <v>121839</v>
      </c>
      <c r="B41783" s="1" t="s">
        <v>142570</v>
      </c>
      <c r="C41783" s="1" t="s">
        <v>25</v>
      </c>
      <c r="D41783" s="1" t="s">
        <v>143023</v>
      </c>
      <c r="E41783" s="1" t="s">
        <v>143024</v>
      </c>
      <c r="F41783" s="1" t="s">
        <v>143025</v>
      </c>
      <c r="G41783" s="1" t="s">
        <v>143015</v>
      </c>
      <c r="H41783" s="1" t="s">
        <v>143016</v>
      </c>
      <c r="I41783" s="1" t="s">
        <v>142575</v>
      </c>
      <c r="J41783" s="1" t="s">
        <v>143026</v>
      </c>
    </row>
    <row r="41784" spans="1:10" x14ac:dyDescent="0.35">
      <c r="A41784" s="1" t="s">
        <v>121839</v>
      </c>
      <c r="B41784" s="1" t="s">
        <v>142570</v>
      </c>
      <c r="C41784" s="1" t="s">
        <v>30</v>
      </c>
      <c r="D41784" s="1" t="s">
        <v>143027</v>
      </c>
      <c r="E41784" s="1" t="s">
        <v>143028</v>
      </c>
      <c r="F41784" s="1" t="s">
        <v>143029</v>
      </c>
      <c r="G41784" s="1" t="s">
        <v>143015</v>
      </c>
      <c r="H41784" s="1" t="s">
        <v>143016</v>
      </c>
      <c r="I41784" s="1" t="s">
        <v>142575</v>
      </c>
      <c r="J41784" s="1" t="s">
        <v>143030</v>
      </c>
    </row>
    <row r="41785" spans="1:10" x14ac:dyDescent="0.35">
      <c r="A41785" s="1" t="s">
        <v>121839</v>
      </c>
      <c r="B41785" s="1" t="s">
        <v>142570</v>
      </c>
      <c r="C41785" s="1" t="s">
        <v>35</v>
      </c>
      <c r="D41785" s="1" t="s">
        <v>29893</v>
      </c>
      <c r="E41785" s="1" t="s">
        <v>143031</v>
      </c>
      <c r="F41785" s="1" t="s">
        <v>143032</v>
      </c>
      <c r="G41785" s="1" t="s">
        <v>143015</v>
      </c>
      <c r="H41785" s="1" t="s">
        <v>143016</v>
      </c>
      <c r="I41785" s="1" t="s">
        <v>142575</v>
      </c>
      <c r="J41785" s="1" t="s">
        <v>143033</v>
      </c>
    </row>
    <row r="41786" spans="1:10" x14ac:dyDescent="0.35">
      <c r="A41786" s="1" t="s">
        <v>121839</v>
      </c>
      <c r="B41786" s="1" t="s">
        <v>142570</v>
      </c>
      <c r="C41786" s="1" t="s">
        <v>40</v>
      </c>
      <c r="D41786" s="1" t="s">
        <v>14138</v>
      </c>
      <c r="E41786" s="1" t="s">
        <v>143034</v>
      </c>
      <c r="F41786" s="1" t="s">
        <v>143035</v>
      </c>
      <c r="G41786" s="1" t="s">
        <v>143015</v>
      </c>
      <c r="H41786" s="1" t="s">
        <v>143016</v>
      </c>
      <c r="I41786" s="1" t="s">
        <v>142575</v>
      </c>
      <c r="J41786" s="1" t="s">
        <v>143036</v>
      </c>
    </row>
    <row r="41787" spans="1:10" x14ac:dyDescent="0.35">
      <c r="A41787" s="1" t="s">
        <v>121839</v>
      </c>
      <c r="B41787" s="1" t="s">
        <v>142570</v>
      </c>
      <c r="C41787" s="1" t="s">
        <v>45</v>
      </c>
      <c r="D41787" s="1" t="s">
        <v>143027</v>
      </c>
      <c r="E41787" s="1" t="s">
        <v>143037</v>
      </c>
      <c r="F41787" s="1" t="s">
        <v>143038</v>
      </c>
      <c r="G41787" s="1" t="s">
        <v>143015</v>
      </c>
      <c r="H41787" s="1" t="s">
        <v>143016</v>
      </c>
      <c r="I41787" s="1" t="s">
        <v>142575</v>
      </c>
      <c r="J41787" s="1" t="s">
        <v>143039</v>
      </c>
    </row>
    <row r="41788" spans="1:10" x14ac:dyDescent="0.35">
      <c r="A41788" s="1" t="s">
        <v>121839</v>
      </c>
      <c r="B41788" s="1" t="s">
        <v>142570</v>
      </c>
      <c r="C41788" s="1" t="s">
        <v>50</v>
      </c>
      <c r="D41788" s="1" t="s">
        <v>8671</v>
      </c>
      <c r="E41788" s="1" t="s">
        <v>143040</v>
      </c>
      <c r="F41788" s="1" t="s">
        <v>143041</v>
      </c>
      <c r="G41788" s="1" t="s">
        <v>143015</v>
      </c>
      <c r="H41788" s="1" t="s">
        <v>143016</v>
      </c>
      <c r="I41788" s="1" t="s">
        <v>142575</v>
      </c>
      <c r="J41788" s="1" t="s">
        <v>143042</v>
      </c>
    </row>
    <row r="41789" spans="1:10" x14ac:dyDescent="0.35">
      <c r="A41789" s="1" t="s">
        <v>121839</v>
      </c>
      <c r="B41789" s="1" t="s">
        <v>142570</v>
      </c>
      <c r="C41789" s="1" t="s">
        <v>55</v>
      </c>
      <c r="D41789" s="1" t="s">
        <v>9916</v>
      </c>
      <c r="E41789" s="1" t="s">
        <v>143043</v>
      </c>
      <c r="F41789" s="1" t="s">
        <v>143044</v>
      </c>
      <c r="G41789" s="1" t="s">
        <v>143015</v>
      </c>
      <c r="H41789" s="1" t="s">
        <v>143016</v>
      </c>
      <c r="I41789" s="1" t="s">
        <v>142575</v>
      </c>
      <c r="J41789" s="1" t="s">
        <v>143045</v>
      </c>
    </row>
    <row r="41790" spans="1:10" x14ac:dyDescent="0.35">
      <c r="A41790" s="1" t="s">
        <v>121839</v>
      </c>
      <c r="B41790" s="1" t="s">
        <v>142570</v>
      </c>
      <c r="C41790" s="1" t="s">
        <v>60</v>
      </c>
      <c r="D41790" s="1" t="s">
        <v>143046</v>
      </c>
      <c r="E41790" s="1" t="s">
        <v>143047</v>
      </c>
      <c r="F41790" s="1" t="s">
        <v>143048</v>
      </c>
      <c r="G41790" s="1" t="s">
        <v>143015</v>
      </c>
      <c r="H41790" s="1" t="s">
        <v>143016</v>
      </c>
      <c r="I41790" s="1" t="s">
        <v>142575</v>
      </c>
      <c r="J41790" s="1" t="s">
        <v>143049</v>
      </c>
    </row>
    <row r="41791" spans="1:10" x14ac:dyDescent="0.35">
      <c r="A41791" s="1" t="s">
        <v>121839</v>
      </c>
      <c r="B41791" s="1" t="s">
        <v>142570</v>
      </c>
      <c r="C41791" s="1" t="s">
        <v>65</v>
      </c>
      <c r="D41791" s="1" t="s">
        <v>111012</v>
      </c>
      <c r="E41791" s="1" t="s">
        <v>143050</v>
      </c>
      <c r="F41791" s="1" t="s">
        <v>143051</v>
      </c>
      <c r="G41791" s="1" t="s">
        <v>143015</v>
      </c>
      <c r="H41791" s="1" t="s">
        <v>143016</v>
      </c>
      <c r="I41791" s="1" t="s">
        <v>142575</v>
      </c>
      <c r="J41791" s="1" t="s">
        <v>143052</v>
      </c>
    </row>
    <row r="41792" spans="1:10" x14ac:dyDescent="0.35">
      <c r="A41792" s="1" t="s">
        <v>121839</v>
      </c>
      <c r="B41792" s="1" t="s">
        <v>142570</v>
      </c>
      <c r="C41792" s="1" t="s">
        <v>70</v>
      </c>
      <c r="D41792" s="1" t="s">
        <v>44871</v>
      </c>
      <c r="E41792" s="1" t="s">
        <v>143053</v>
      </c>
      <c r="F41792" s="1" t="s">
        <v>143054</v>
      </c>
      <c r="G41792" s="1" t="s">
        <v>143015</v>
      </c>
      <c r="H41792" s="1" t="s">
        <v>143016</v>
      </c>
      <c r="I41792" s="1" t="s">
        <v>142575</v>
      </c>
      <c r="J41792" s="1" t="s">
        <v>143055</v>
      </c>
    </row>
    <row r="41793" spans="1:10" x14ac:dyDescent="0.35">
      <c r="A41793" s="1" t="s">
        <v>121839</v>
      </c>
      <c r="B41793" s="1" t="s">
        <v>142570</v>
      </c>
      <c r="C41793" s="1" t="s">
        <v>75</v>
      </c>
      <c r="D41793" s="1" t="s">
        <v>10087</v>
      </c>
      <c r="E41793" s="1" t="s">
        <v>143056</v>
      </c>
      <c r="F41793" s="1" t="s">
        <v>143057</v>
      </c>
      <c r="G41793" s="1" t="s">
        <v>143015</v>
      </c>
      <c r="H41793" s="1" t="s">
        <v>143016</v>
      </c>
      <c r="I41793" s="1" t="s">
        <v>142575</v>
      </c>
      <c r="J41793" s="1" t="s">
        <v>143058</v>
      </c>
    </row>
    <row r="41794" spans="1:10" x14ac:dyDescent="0.35">
      <c r="A41794" s="1" t="s">
        <v>121839</v>
      </c>
      <c r="B41794" s="1" t="s">
        <v>142570</v>
      </c>
      <c r="C41794" s="1" t="s">
        <v>80</v>
      </c>
      <c r="D41794" s="1" t="s">
        <v>14983</v>
      </c>
      <c r="E41794" s="1" t="s">
        <v>143059</v>
      </c>
      <c r="F41794" s="1" t="s">
        <v>143060</v>
      </c>
      <c r="G41794" s="1" t="s">
        <v>143015</v>
      </c>
      <c r="H41794" s="1" t="s">
        <v>143016</v>
      </c>
      <c r="I41794" s="1" t="s">
        <v>142575</v>
      </c>
      <c r="J41794" s="1" t="s">
        <v>143061</v>
      </c>
    </row>
    <row r="41795" spans="1:10" x14ac:dyDescent="0.35">
      <c r="A41795" s="1" t="s">
        <v>121839</v>
      </c>
      <c r="B41795" s="1" t="s">
        <v>142570</v>
      </c>
      <c r="C41795" s="1" t="s">
        <v>85</v>
      </c>
      <c r="D41795" s="1" t="s">
        <v>9920</v>
      </c>
      <c r="E41795" s="1" t="s">
        <v>143062</v>
      </c>
      <c r="F41795" s="1" t="s">
        <v>143063</v>
      </c>
      <c r="G41795" s="1" t="s">
        <v>143015</v>
      </c>
      <c r="H41795" s="1" t="s">
        <v>143016</v>
      </c>
      <c r="I41795" s="1" t="s">
        <v>142575</v>
      </c>
      <c r="J41795" s="1" t="s">
        <v>143064</v>
      </c>
    </row>
    <row r="41796" spans="1:10" x14ac:dyDescent="0.35">
      <c r="A41796" s="1" t="s">
        <v>121839</v>
      </c>
      <c r="B41796" s="1" t="s">
        <v>142570</v>
      </c>
      <c r="C41796" s="1" t="s">
        <v>90</v>
      </c>
      <c r="D41796" s="1" t="s">
        <v>143065</v>
      </c>
      <c r="E41796" s="1" t="s">
        <v>143066</v>
      </c>
      <c r="F41796" s="1" t="s">
        <v>143067</v>
      </c>
      <c r="G41796" s="1" t="s">
        <v>143015</v>
      </c>
      <c r="H41796" s="1" t="s">
        <v>143016</v>
      </c>
      <c r="I41796" s="1" t="s">
        <v>142575</v>
      </c>
      <c r="J41796" s="1" t="s">
        <v>143068</v>
      </c>
    </row>
    <row r="41797" spans="1:10" x14ac:dyDescent="0.35">
      <c r="A41797" s="1" t="s">
        <v>121839</v>
      </c>
      <c r="B41797" s="1" t="s">
        <v>142570</v>
      </c>
      <c r="C41797" s="1" t="s">
        <v>95</v>
      </c>
      <c r="D41797" s="1" t="s">
        <v>143069</v>
      </c>
      <c r="E41797" s="1" t="s">
        <v>143070</v>
      </c>
      <c r="F41797" s="1" t="s">
        <v>143071</v>
      </c>
      <c r="G41797" s="1" t="s">
        <v>143015</v>
      </c>
      <c r="H41797" s="1" t="s">
        <v>143016</v>
      </c>
      <c r="I41797" s="1" t="s">
        <v>142575</v>
      </c>
      <c r="J41797" s="1" t="s">
        <v>143072</v>
      </c>
    </row>
    <row r="41798" spans="1:10" x14ac:dyDescent="0.35">
      <c r="A41798" s="1" t="s">
        <v>121839</v>
      </c>
      <c r="B41798" s="1" t="s">
        <v>142570</v>
      </c>
      <c r="C41798" s="1" t="s">
        <v>100</v>
      </c>
      <c r="D41798" s="1" t="s">
        <v>27603</v>
      </c>
      <c r="E41798" s="1" t="s">
        <v>143073</v>
      </c>
      <c r="F41798" s="1" t="s">
        <v>143074</v>
      </c>
      <c r="G41798" s="1" t="s">
        <v>143015</v>
      </c>
      <c r="H41798" s="1" t="s">
        <v>143016</v>
      </c>
      <c r="I41798" s="1" t="s">
        <v>142575</v>
      </c>
      <c r="J41798" s="1" t="s">
        <v>143075</v>
      </c>
    </row>
    <row r="41799" spans="1:10" x14ac:dyDescent="0.35">
      <c r="A41799" s="1" t="s">
        <v>121839</v>
      </c>
      <c r="B41799" s="1" t="s">
        <v>142570</v>
      </c>
      <c r="C41799" s="1" t="s">
        <v>105</v>
      </c>
      <c r="D41799" s="1" t="s">
        <v>11755</v>
      </c>
      <c r="E41799" s="1" t="s">
        <v>143076</v>
      </c>
      <c r="F41799" s="1" t="s">
        <v>143077</v>
      </c>
      <c r="G41799" s="1" t="s">
        <v>143015</v>
      </c>
      <c r="H41799" s="1" t="s">
        <v>143016</v>
      </c>
      <c r="I41799" s="1" t="s">
        <v>142575</v>
      </c>
      <c r="J41799" s="1" t="s">
        <v>143078</v>
      </c>
    </row>
    <row r="41800" spans="1:10" x14ac:dyDescent="0.35">
      <c r="A41800" s="1" t="s">
        <v>121839</v>
      </c>
      <c r="B41800" s="1" t="s">
        <v>142570</v>
      </c>
      <c r="C41800" s="1" t="s">
        <v>110</v>
      </c>
      <c r="D41800" s="1" t="s">
        <v>8279</v>
      </c>
      <c r="E41800" s="1" t="s">
        <v>143079</v>
      </c>
      <c r="F41800" s="1" t="s">
        <v>143080</v>
      </c>
      <c r="G41800" s="1" t="s">
        <v>143015</v>
      </c>
      <c r="H41800" s="1" t="s">
        <v>143016</v>
      </c>
      <c r="I41800" s="1" t="s">
        <v>142575</v>
      </c>
      <c r="J41800" s="1" t="s">
        <v>143081</v>
      </c>
    </row>
    <row r="41801" spans="1:10" x14ac:dyDescent="0.35">
      <c r="A41801" s="1" t="s">
        <v>121839</v>
      </c>
      <c r="B41801" s="1" t="s">
        <v>142570</v>
      </c>
      <c r="C41801" s="1" t="s">
        <v>115</v>
      </c>
      <c r="D41801" s="1" t="s">
        <v>10106</v>
      </c>
      <c r="E41801" s="1" t="s">
        <v>143082</v>
      </c>
      <c r="F41801" s="1" t="s">
        <v>143083</v>
      </c>
      <c r="G41801" s="1" t="s">
        <v>143015</v>
      </c>
      <c r="H41801" s="1" t="s">
        <v>143016</v>
      </c>
      <c r="I41801" s="1" t="s">
        <v>142575</v>
      </c>
      <c r="J41801" s="1" t="s">
        <v>143084</v>
      </c>
    </row>
    <row r="41802" spans="1:10" x14ac:dyDescent="0.35">
      <c r="A41802" s="1" t="s">
        <v>121839</v>
      </c>
      <c r="B41802" s="1" t="s">
        <v>142570</v>
      </c>
      <c r="C41802" s="1" t="s">
        <v>120</v>
      </c>
      <c r="D41802" s="1" t="s">
        <v>9975</v>
      </c>
      <c r="E41802" s="1" t="s">
        <v>143085</v>
      </c>
      <c r="F41802" s="1" t="s">
        <v>143086</v>
      </c>
      <c r="G41802" s="1" t="s">
        <v>143015</v>
      </c>
      <c r="H41802" s="1" t="s">
        <v>143016</v>
      </c>
      <c r="I41802" s="1" t="s">
        <v>142575</v>
      </c>
      <c r="J41802" s="1" t="s">
        <v>143087</v>
      </c>
    </row>
    <row r="41803" spans="1:10" x14ac:dyDescent="0.35">
      <c r="A41803" s="1" t="s">
        <v>121839</v>
      </c>
      <c r="B41803" s="1" t="s">
        <v>142570</v>
      </c>
      <c r="C41803" s="1" t="s">
        <v>125</v>
      </c>
      <c r="D41803" s="1" t="s">
        <v>143088</v>
      </c>
      <c r="E41803" s="1" t="s">
        <v>143089</v>
      </c>
      <c r="F41803" s="1" t="s">
        <v>143090</v>
      </c>
      <c r="G41803" s="1" t="s">
        <v>143015</v>
      </c>
      <c r="H41803" s="1" t="s">
        <v>143016</v>
      </c>
      <c r="I41803" s="1" t="s">
        <v>142575</v>
      </c>
      <c r="J41803" s="1" t="s">
        <v>143091</v>
      </c>
    </row>
    <row r="41804" spans="1:10" x14ac:dyDescent="0.35">
      <c r="A41804" s="1" t="s">
        <v>121839</v>
      </c>
      <c r="B41804" s="1" t="s">
        <v>142570</v>
      </c>
      <c r="C41804" s="1" t="s">
        <v>130</v>
      </c>
      <c r="D41804" s="1" t="s">
        <v>8032</v>
      </c>
      <c r="E41804" s="1" t="s">
        <v>143092</v>
      </c>
      <c r="F41804" s="1" t="s">
        <v>143093</v>
      </c>
      <c r="G41804" s="1" t="s">
        <v>143015</v>
      </c>
      <c r="H41804" s="1" t="s">
        <v>143016</v>
      </c>
      <c r="I41804" s="1" t="s">
        <v>142575</v>
      </c>
      <c r="J41804" s="1" t="s">
        <v>143094</v>
      </c>
    </row>
    <row r="41805" spans="1:10" x14ac:dyDescent="0.35">
      <c r="A41805" s="1" t="s">
        <v>121839</v>
      </c>
      <c r="B41805" s="1" t="s">
        <v>142570</v>
      </c>
      <c r="C41805" s="1" t="s">
        <v>135</v>
      </c>
      <c r="D41805" s="1" t="s">
        <v>143095</v>
      </c>
      <c r="E41805" s="1" t="s">
        <v>143096</v>
      </c>
      <c r="F41805" s="1" t="s">
        <v>143097</v>
      </c>
      <c r="G41805" s="1" t="s">
        <v>143015</v>
      </c>
      <c r="H41805" s="1" t="s">
        <v>143016</v>
      </c>
      <c r="I41805" s="1" t="s">
        <v>142575</v>
      </c>
      <c r="J41805" s="1" t="s">
        <v>143098</v>
      </c>
    </row>
    <row r="41806" spans="1:10" x14ac:dyDescent="0.35">
      <c r="A41806" s="1" t="s">
        <v>121839</v>
      </c>
      <c r="B41806" s="1" t="s">
        <v>142570</v>
      </c>
      <c r="C41806" s="1" t="s">
        <v>140</v>
      </c>
      <c r="D41806" s="1" t="s">
        <v>111469</v>
      </c>
      <c r="E41806" s="1" t="s">
        <v>143099</v>
      </c>
      <c r="F41806" s="1" t="s">
        <v>143100</v>
      </c>
      <c r="G41806" s="1" t="s">
        <v>143015</v>
      </c>
      <c r="H41806" s="1" t="s">
        <v>143016</v>
      </c>
      <c r="I41806" s="1" t="s">
        <v>142575</v>
      </c>
      <c r="J41806" s="1" t="s">
        <v>143101</v>
      </c>
    </row>
    <row r="41807" spans="1:10" x14ac:dyDescent="0.35">
      <c r="A41807" s="1" t="s">
        <v>121839</v>
      </c>
      <c r="B41807" s="1" t="s">
        <v>142570</v>
      </c>
      <c r="C41807" s="1" t="s">
        <v>145</v>
      </c>
      <c r="D41807" s="1" t="s">
        <v>51020</v>
      </c>
      <c r="E41807" s="1" t="s">
        <v>143102</v>
      </c>
      <c r="F41807" s="1" t="s">
        <v>143103</v>
      </c>
      <c r="G41807" s="1" t="s">
        <v>143015</v>
      </c>
      <c r="H41807" s="1" t="s">
        <v>143016</v>
      </c>
      <c r="I41807" s="1" t="s">
        <v>142575</v>
      </c>
      <c r="J41807" s="1" t="s">
        <v>143104</v>
      </c>
    </row>
    <row r="41808" spans="1:10" x14ac:dyDescent="0.35">
      <c r="A41808" s="1" t="s">
        <v>121839</v>
      </c>
      <c r="B41808" s="1" t="s">
        <v>142570</v>
      </c>
      <c r="C41808" s="1" t="s">
        <v>150</v>
      </c>
      <c r="D41808" s="1" t="s">
        <v>143105</v>
      </c>
      <c r="E41808" s="1" t="s">
        <v>143106</v>
      </c>
      <c r="F41808" s="1" t="s">
        <v>143107</v>
      </c>
      <c r="G41808" s="1" t="s">
        <v>143015</v>
      </c>
      <c r="H41808" s="1" t="s">
        <v>143016</v>
      </c>
      <c r="I41808" s="1" t="s">
        <v>142575</v>
      </c>
      <c r="J41808" s="1" t="s">
        <v>143108</v>
      </c>
    </row>
    <row r="41809" spans="1:10" x14ac:dyDescent="0.35">
      <c r="A41809" s="1" t="s">
        <v>121839</v>
      </c>
      <c r="B41809" s="1" t="s">
        <v>142570</v>
      </c>
      <c r="C41809" s="1" t="s">
        <v>155</v>
      </c>
      <c r="D41809" s="1" t="s">
        <v>4066</v>
      </c>
      <c r="E41809" s="1" t="s">
        <v>143109</v>
      </c>
      <c r="F41809" s="1" t="s">
        <v>143110</v>
      </c>
      <c r="G41809" s="1" t="s">
        <v>143015</v>
      </c>
      <c r="H41809" s="1" t="s">
        <v>143016</v>
      </c>
      <c r="I41809" s="1" t="s">
        <v>142575</v>
      </c>
      <c r="J41809" s="1" t="s">
        <v>143111</v>
      </c>
    </row>
    <row r="41810" spans="1:10" x14ac:dyDescent="0.35">
      <c r="A41810" s="1" t="s">
        <v>121839</v>
      </c>
      <c r="B41810" s="1" t="s">
        <v>142570</v>
      </c>
      <c r="C41810" s="1" t="s">
        <v>160</v>
      </c>
      <c r="D41810" s="1" t="s">
        <v>143112</v>
      </c>
      <c r="E41810" s="1" t="s">
        <v>143113</v>
      </c>
      <c r="F41810" s="1" t="s">
        <v>143114</v>
      </c>
      <c r="G41810" s="1" t="s">
        <v>143015</v>
      </c>
      <c r="H41810" s="1" t="s">
        <v>143016</v>
      </c>
      <c r="I41810" s="1" t="s">
        <v>142575</v>
      </c>
      <c r="J41810" s="1" t="s">
        <v>143115</v>
      </c>
    </row>
    <row r="41811" spans="1:10" x14ac:dyDescent="0.35">
      <c r="A41811" s="1" t="s">
        <v>121839</v>
      </c>
      <c r="B41811" s="1" t="s">
        <v>142570</v>
      </c>
      <c r="C41811" s="1" t="s">
        <v>165</v>
      </c>
      <c r="D41811" s="1" t="s">
        <v>29676</v>
      </c>
      <c r="E41811" s="1" t="s">
        <v>143116</v>
      </c>
      <c r="F41811" s="1" t="s">
        <v>143117</v>
      </c>
      <c r="G41811" s="1" t="s">
        <v>143015</v>
      </c>
      <c r="H41811" s="1" t="s">
        <v>143016</v>
      </c>
      <c r="I41811" s="1" t="s">
        <v>142575</v>
      </c>
      <c r="J41811" s="1" t="s">
        <v>143118</v>
      </c>
    </row>
    <row r="41812" spans="1:10" x14ac:dyDescent="0.35">
      <c r="A41812" s="1" t="s">
        <v>121839</v>
      </c>
      <c r="B41812" s="1" t="s">
        <v>142570</v>
      </c>
      <c r="C41812" s="1" t="s">
        <v>170</v>
      </c>
      <c r="D41812" s="1" t="s">
        <v>143119</v>
      </c>
      <c r="E41812" s="1" t="s">
        <v>143120</v>
      </c>
      <c r="F41812" s="1" t="s">
        <v>143121</v>
      </c>
      <c r="G41812" s="1" t="s">
        <v>143015</v>
      </c>
      <c r="H41812" s="1" t="s">
        <v>143016</v>
      </c>
      <c r="I41812" s="1" t="s">
        <v>142575</v>
      </c>
      <c r="J41812" s="1" t="s">
        <v>143122</v>
      </c>
    </row>
    <row r="41813" spans="1:10" x14ac:dyDescent="0.35">
      <c r="A41813" s="1" t="s">
        <v>10231</v>
      </c>
      <c r="B41813" s="1" t="s">
        <v>142570</v>
      </c>
      <c r="C41813" s="1" t="s">
        <v>8</v>
      </c>
      <c r="D41813" s="1" t="s">
        <v>55</v>
      </c>
      <c r="E41813" s="1" t="s">
        <v>143123</v>
      </c>
      <c r="F41813" s="1" t="s">
        <v>143124</v>
      </c>
      <c r="G41813" s="1" t="s">
        <v>143125</v>
      </c>
      <c r="H41813" s="1" t="s">
        <v>143126</v>
      </c>
      <c r="I41813" s="1" t="s">
        <v>142575</v>
      </c>
      <c r="J41813" s="1" t="s">
        <v>13</v>
      </c>
    </row>
    <row r="41814" spans="1:10" x14ac:dyDescent="0.35">
      <c r="A41814" s="1" t="s">
        <v>10231</v>
      </c>
      <c r="B41814" s="1" t="s">
        <v>142570</v>
      </c>
      <c r="C41814" s="1" t="s">
        <v>15</v>
      </c>
      <c r="D41814" s="1" t="s">
        <v>50616</v>
      </c>
      <c r="E41814" s="1" t="s">
        <v>143127</v>
      </c>
      <c r="F41814" s="1" t="s">
        <v>143128</v>
      </c>
      <c r="G41814" s="1" t="s">
        <v>143125</v>
      </c>
      <c r="H41814" s="1" t="s">
        <v>143126</v>
      </c>
      <c r="I41814" s="1" t="s">
        <v>142575</v>
      </c>
      <c r="J41814" s="1" t="s">
        <v>143129</v>
      </c>
    </row>
    <row r="41815" spans="1:10" x14ac:dyDescent="0.35">
      <c r="A41815" s="1" t="s">
        <v>10231</v>
      </c>
      <c r="B41815" s="1" t="s">
        <v>142570</v>
      </c>
      <c r="C41815" s="1" t="s">
        <v>20</v>
      </c>
      <c r="D41815" s="1" t="s">
        <v>12966</v>
      </c>
      <c r="E41815" s="1" t="s">
        <v>143130</v>
      </c>
      <c r="F41815" s="1" t="s">
        <v>143131</v>
      </c>
      <c r="G41815" s="1" t="s">
        <v>143125</v>
      </c>
      <c r="H41815" s="1" t="s">
        <v>143126</v>
      </c>
      <c r="I41815" s="1" t="s">
        <v>142575</v>
      </c>
      <c r="J41815" s="1" t="s">
        <v>143132</v>
      </c>
    </row>
    <row r="41816" spans="1:10" x14ac:dyDescent="0.35">
      <c r="A41816" s="1" t="s">
        <v>10231</v>
      </c>
      <c r="B41816" s="1" t="s">
        <v>142570</v>
      </c>
      <c r="C41816" s="1" t="s">
        <v>25</v>
      </c>
      <c r="D41816" s="1" t="s">
        <v>46331</v>
      </c>
      <c r="E41816" s="1" t="s">
        <v>143133</v>
      </c>
      <c r="F41816" s="1" t="s">
        <v>143134</v>
      </c>
      <c r="G41816" s="1" t="s">
        <v>143125</v>
      </c>
      <c r="H41816" s="1" t="s">
        <v>143126</v>
      </c>
      <c r="I41816" s="1" t="s">
        <v>142575</v>
      </c>
      <c r="J41816" s="1" t="s">
        <v>143135</v>
      </c>
    </row>
    <row r="41817" spans="1:10" x14ac:dyDescent="0.35">
      <c r="A41817" s="1" t="s">
        <v>10231</v>
      </c>
      <c r="B41817" s="1" t="s">
        <v>142570</v>
      </c>
      <c r="C41817" s="1" t="s">
        <v>30</v>
      </c>
      <c r="D41817" s="1" t="s">
        <v>29637</v>
      </c>
      <c r="E41817" s="1" t="s">
        <v>143136</v>
      </c>
      <c r="F41817" s="1" t="s">
        <v>143137</v>
      </c>
      <c r="G41817" s="1" t="s">
        <v>143125</v>
      </c>
      <c r="H41817" s="1" t="s">
        <v>143126</v>
      </c>
      <c r="I41817" s="1" t="s">
        <v>142575</v>
      </c>
      <c r="J41817" s="1" t="s">
        <v>143138</v>
      </c>
    </row>
    <row r="41818" spans="1:10" x14ac:dyDescent="0.35">
      <c r="A41818" s="1" t="s">
        <v>10231</v>
      </c>
      <c r="B41818" s="1" t="s">
        <v>142570</v>
      </c>
      <c r="C41818" s="1" t="s">
        <v>35</v>
      </c>
      <c r="D41818" s="1" t="s">
        <v>51861</v>
      </c>
      <c r="E41818" s="1" t="s">
        <v>143139</v>
      </c>
      <c r="F41818" s="1" t="s">
        <v>143140</v>
      </c>
      <c r="G41818" s="1" t="s">
        <v>143125</v>
      </c>
      <c r="H41818" s="1" t="s">
        <v>143126</v>
      </c>
      <c r="I41818" s="1" t="s">
        <v>142575</v>
      </c>
      <c r="J41818" s="1" t="s">
        <v>143141</v>
      </c>
    </row>
    <row r="41819" spans="1:10" x14ac:dyDescent="0.35">
      <c r="A41819" s="1" t="s">
        <v>10231</v>
      </c>
      <c r="B41819" s="1" t="s">
        <v>142570</v>
      </c>
      <c r="C41819" s="1" t="s">
        <v>40</v>
      </c>
      <c r="D41819" s="1" t="s">
        <v>120676</v>
      </c>
      <c r="E41819" s="1" t="s">
        <v>143142</v>
      </c>
      <c r="F41819" s="1" t="s">
        <v>143143</v>
      </c>
      <c r="G41819" s="1" t="s">
        <v>143125</v>
      </c>
      <c r="H41819" s="1" t="s">
        <v>143126</v>
      </c>
      <c r="I41819" s="1" t="s">
        <v>142575</v>
      </c>
      <c r="J41819" s="1" t="s">
        <v>143144</v>
      </c>
    </row>
    <row r="41820" spans="1:10" x14ac:dyDescent="0.35">
      <c r="A41820" s="1" t="s">
        <v>10231</v>
      </c>
      <c r="B41820" s="1" t="s">
        <v>142570</v>
      </c>
      <c r="C41820" s="1" t="s">
        <v>45</v>
      </c>
      <c r="D41820" s="1" t="s">
        <v>29637</v>
      </c>
      <c r="E41820" s="1" t="s">
        <v>143145</v>
      </c>
      <c r="F41820" s="1" t="s">
        <v>143146</v>
      </c>
      <c r="G41820" s="1" t="s">
        <v>143125</v>
      </c>
      <c r="H41820" s="1" t="s">
        <v>143126</v>
      </c>
      <c r="I41820" s="1" t="s">
        <v>142575</v>
      </c>
      <c r="J41820" s="1" t="s">
        <v>143147</v>
      </c>
    </row>
    <row r="41821" spans="1:10" x14ac:dyDescent="0.35">
      <c r="A41821" s="1" t="s">
        <v>10231</v>
      </c>
      <c r="B41821" s="1" t="s">
        <v>142570</v>
      </c>
      <c r="C41821" s="1" t="s">
        <v>50</v>
      </c>
      <c r="D41821" s="1" t="s">
        <v>28945</v>
      </c>
      <c r="E41821" s="1" t="s">
        <v>143148</v>
      </c>
      <c r="F41821" s="1" t="s">
        <v>143149</v>
      </c>
      <c r="G41821" s="1" t="s">
        <v>143125</v>
      </c>
      <c r="H41821" s="1" t="s">
        <v>143126</v>
      </c>
      <c r="I41821" s="1" t="s">
        <v>142575</v>
      </c>
      <c r="J41821" s="1" t="s">
        <v>143150</v>
      </c>
    </row>
    <row r="41822" spans="1:10" x14ac:dyDescent="0.35">
      <c r="A41822" s="1" t="s">
        <v>10231</v>
      </c>
      <c r="B41822" s="1" t="s">
        <v>142570</v>
      </c>
      <c r="C41822" s="1" t="s">
        <v>55</v>
      </c>
      <c r="D41822" s="1" t="s">
        <v>4353</v>
      </c>
      <c r="E41822" s="1" t="s">
        <v>143151</v>
      </c>
      <c r="F41822" s="1" t="s">
        <v>143152</v>
      </c>
      <c r="G41822" s="1" t="s">
        <v>143125</v>
      </c>
      <c r="H41822" s="1" t="s">
        <v>143126</v>
      </c>
      <c r="I41822" s="1" t="s">
        <v>142575</v>
      </c>
      <c r="J41822" s="1" t="s">
        <v>143153</v>
      </c>
    </row>
    <row r="41823" spans="1:10" x14ac:dyDescent="0.35">
      <c r="A41823" s="1" t="s">
        <v>10231</v>
      </c>
      <c r="B41823" s="1" t="s">
        <v>142570</v>
      </c>
      <c r="C41823" s="1" t="s">
        <v>60</v>
      </c>
      <c r="D41823" s="1" t="s">
        <v>143154</v>
      </c>
      <c r="E41823" s="1" t="s">
        <v>143155</v>
      </c>
      <c r="F41823" s="1" t="s">
        <v>143156</v>
      </c>
      <c r="G41823" s="1" t="s">
        <v>143125</v>
      </c>
      <c r="H41823" s="1" t="s">
        <v>143126</v>
      </c>
      <c r="I41823" s="1" t="s">
        <v>142575</v>
      </c>
      <c r="J41823" s="1" t="s">
        <v>143157</v>
      </c>
    </row>
    <row r="41824" spans="1:10" x14ac:dyDescent="0.35">
      <c r="A41824" s="1" t="s">
        <v>10231</v>
      </c>
      <c r="B41824" s="1" t="s">
        <v>142570</v>
      </c>
      <c r="C41824" s="1" t="s">
        <v>65</v>
      </c>
      <c r="D41824" s="1" t="s">
        <v>10503</v>
      </c>
      <c r="E41824" s="1" t="s">
        <v>143158</v>
      </c>
      <c r="F41824" s="1" t="s">
        <v>143159</v>
      </c>
      <c r="G41824" s="1" t="s">
        <v>143125</v>
      </c>
      <c r="H41824" s="1" t="s">
        <v>143126</v>
      </c>
      <c r="I41824" s="1" t="s">
        <v>142575</v>
      </c>
      <c r="J41824" s="1" t="s">
        <v>143160</v>
      </c>
    </row>
    <row r="41825" spans="1:10" x14ac:dyDescent="0.35">
      <c r="A41825" s="1" t="s">
        <v>10231</v>
      </c>
      <c r="B41825" s="1" t="s">
        <v>142570</v>
      </c>
      <c r="C41825" s="1" t="s">
        <v>70</v>
      </c>
      <c r="D41825" s="1" t="s">
        <v>28506</v>
      </c>
      <c r="E41825" s="1" t="s">
        <v>143161</v>
      </c>
      <c r="F41825" s="1" t="s">
        <v>143162</v>
      </c>
      <c r="G41825" s="1" t="s">
        <v>143125</v>
      </c>
      <c r="H41825" s="1" t="s">
        <v>143126</v>
      </c>
      <c r="I41825" s="1" t="s">
        <v>142575</v>
      </c>
      <c r="J41825" s="1" t="s">
        <v>143163</v>
      </c>
    </row>
    <row r="41826" spans="1:10" x14ac:dyDescent="0.35">
      <c r="A41826" s="1" t="s">
        <v>10231</v>
      </c>
      <c r="B41826" s="1" t="s">
        <v>142570</v>
      </c>
      <c r="C41826" s="1" t="s">
        <v>75</v>
      </c>
      <c r="D41826" s="1" t="s">
        <v>10231</v>
      </c>
      <c r="E41826" s="1" t="s">
        <v>143164</v>
      </c>
      <c r="F41826" s="1" t="s">
        <v>143165</v>
      </c>
      <c r="G41826" s="1" t="s">
        <v>143125</v>
      </c>
      <c r="H41826" s="1" t="s">
        <v>143126</v>
      </c>
      <c r="I41826" s="1" t="s">
        <v>142575</v>
      </c>
      <c r="J41826" s="1" t="s">
        <v>143166</v>
      </c>
    </row>
    <row r="41827" spans="1:10" x14ac:dyDescent="0.35">
      <c r="A41827" s="1" t="s">
        <v>10231</v>
      </c>
      <c r="B41827" s="1" t="s">
        <v>142570</v>
      </c>
      <c r="C41827" s="1" t="s">
        <v>80</v>
      </c>
      <c r="D41827" s="1" t="s">
        <v>4333</v>
      </c>
      <c r="E41827" s="1" t="s">
        <v>143167</v>
      </c>
      <c r="F41827" s="1" t="s">
        <v>143168</v>
      </c>
      <c r="G41827" s="1" t="s">
        <v>143125</v>
      </c>
      <c r="H41827" s="1" t="s">
        <v>143126</v>
      </c>
      <c r="I41827" s="1" t="s">
        <v>142575</v>
      </c>
      <c r="J41827" s="1" t="s">
        <v>143169</v>
      </c>
    </row>
    <row r="41828" spans="1:10" x14ac:dyDescent="0.35">
      <c r="A41828" s="1" t="s">
        <v>10231</v>
      </c>
      <c r="B41828" s="1" t="s">
        <v>142570</v>
      </c>
      <c r="C41828" s="1" t="s">
        <v>85</v>
      </c>
      <c r="D41828" s="1" t="s">
        <v>5527</v>
      </c>
      <c r="E41828" s="1" t="s">
        <v>143170</v>
      </c>
      <c r="F41828" s="1" t="s">
        <v>143171</v>
      </c>
      <c r="G41828" s="1" t="s">
        <v>143125</v>
      </c>
      <c r="H41828" s="1" t="s">
        <v>143126</v>
      </c>
      <c r="I41828" s="1" t="s">
        <v>142575</v>
      </c>
      <c r="J41828" s="1" t="s">
        <v>143172</v>
      </c>
    </row>
    <row r="41829" spans="1:10" x14ac:dyDescent="0.35">
      <c r="A41829" s="1" t="s">
        <v>10231</v>
      </c>
      <c r="B41829" s="1" t="s">
        <v>142570</v>
      </c>
      <c r="C41829" s="1" t="s">
        <v>90</v>
      </c>
      <c r="D41829" s="1" t="s">
        <v>4349</v>
      </c>
      <c r="E41829" s="1" t="s">
        <v>143173</v>
      </c>
      <c r="F41829" s="1" t="s">
        <v>143174</v>
      </c>
      <c r="G41829" s="1" t="s">
        <v>143125</v>
      </c>
      <c r="H41829" s="1" t="s">
        <v>143126</v>
      </c>
      <c r="I41829" s="1" t="s">
        <v>142575</v>
      </c>
      <c r="J41829" s="1" t="s">
        <v>143175</v>
      </c>
    </row>
    <row r="41830" spans="1:10" x14ac:dyDescent="0.35">
      <c r="A41830" s="1" t="s">
        <v>10231</v>
      </c>
      <c r="B41830" s="1" t="s">
        <v>142570</v>
      </c>
      <c r="C41830" s="1" t="s">
        <v>95</v>
      </c>
      <c r="D41830" s="1" t="s">
        <v>5494</v>
      </c>
      <c r="E41830" s="1" t="s">
        <v>143176</v>
      </c>
      <c r="F41830" s="1" t="s">
        <v>143177</v>
      </c>
      <c r="G41830" s="1" t="s">
        <v>143125</v>
      </c>
      <c r="H41830" s="1" t="s">
        <v>143126</v>
      </c>
      <c r="I41830" s="1" t="s">
        <v>142575</v>
      </c>
      <c r="J41830" s="1" t="s">
        <v>143178</v>
      </c>
    </row>
    <row r="41831" spans="1:10" x14ac:dyDescent="0.35">
      <c r="A41831" s="1" t="s">
        <v>10231</v>
      </c>
      <c r="B41831" s="1" t="s">
        <v>142570</v>
      </c>
      <c r="C41831" s="1" t="s">
        <v>100</v>
      </c>
      <c r="D41831" s="1" t="s">
        <v>6392</v>
      </c>
      <c r="E41831" s="1" t="s">
        <v>143179</v>
      </c>
      <c r="F41831" s="1" t="s">
        <v>143180</v>
      </c>
      <c r="G41831" s="1" t="s">
        <v>143125</v>
      </c>
      <c r="H41831" s="1" t="s">
        <v>143126</v>
      </c>
      <c r="I41831" s="1" t="s">
        <v>142575</v>
      </c>
      <c r="J41831" s="1" t="s">
        <v>143181</v>
      </c>
    </row>
    <row r="41832" spans="1:10" x14ac:dyDescent="0.35">
      <c r="A41832" s="1" t="s">
        <v>10231</v>
      </c>
      <c r="B41832" s="1" t="s">
        <v>142570</v>
      </c>
      <c r="C41832" s="1" t="s">
        <v>105</v>
      </c>
      <c r="D41832" s="1" t="s">
        <v>143182</v>
      </c>
      <c r="E41832" s="1" t="s">
        <v>143183</v>
      </c>
      <c r="F41832" s="1" t="s">
        <v>143184</v>
      </c>
      <c r="G41832" s="1" t="s">
        <v>143125</v>
      </c>
      <c r="H41832" s="1" t="s">
        <v>143126</v>
      </c>
      <c r="I41832" s="1" t="s">
        <v>142575</v>
      </c>
      <c r="J41832" s="1" t="s">
        <v>143185</v>
      </c>
    </row>
    <row r="41833" spans="1:10" x14ac:dyDescent="0.35">
      <c r="A41833" s="1" t="s">
        <v>10231</v>
      </c>
      <c r="B41833" s="1" t="s">
        <v>142570</v>
      </c>
      <c r="C41833" s="1" t="s">
        <v>110</v>
      </c>
      <c r="D41833" s="1" t="s">
        <v>65</v>
      </c>
      <c r="E41833" s="1" t="s">
        <v>143186</v>
      </c>
      <c r="F41833" s="1" t="s">
        <v>143187</v>
      </c>
      <c r="G41833" s="1" t="s">
        <v>143125</v>
      </c>
      <c r="H41833" s="1" t="s">
        <v>143126</v>
      </c>
      <c r="I41833" s="1" t="s">
        <v>142575</v>
      </c>
      <c r="J41833" s="1" t="s">
        <v>143188</v>
      </c>
    </row>
    <row r="41834" spans="1:10" x14ac:dyDescent="0.35">
      <c r="A41834" s="1" t="s">
        <v>10231</v>
      </c>
      <c r="B41834" s="1" t="s">
        <v>142570</v>
      </c>
      <c r="C41834" s="1" t="s">
        <v>115</v>
      </c>
      <c r="D41834" s="1" t="s">
        <v>3953</v>
      </c>
      <c r="E41834" s="1" t="s">
        <v>143179</v>
      </c>
      <c r="F41834" s="1" t="s">
        <v>143189</v>
      </c>
      <c r="G41834" s="1" t="s">
        <v>143125</v>
      </c>
      <c r="H41834" s="1" t="s">
        <v>143126</v>
      </c>
      <c r="I41834" s="1" t="s">
        <v>142575</v>
      </c>
      <c r="J41834" s="1" t="s">
        <v>143190</v>
      </c>
    </row>
    <row r="41835" spans="1:10" x14ac:dyDescent="0.35">
      <c r="A41835" s="1" t="s">
        <v>10231</v>
      </c>
      <c r="B41835" s="1" t="s">
        <v>142570</v>
      </c>
      <c r="C41835" s="1" t="s">
        <v>120</v>
      </c>
      <c r="D41835" s="1" t="s">
        <v>3995</v>
      </c>
      <c r="E41835" s="1" t="s">
        <v>143191</v>
      </c>
      <c r="F41835" s="1" t="s">
        <v>143192</v>
      </c>
      <c r="G41835" s="1" t="s">
        <v>143125</v>
      </c>
      <c r="H41835" s="1" t="s">
        <v>143126</v>
      </c>
      <c r="I41835" s="1" t="s">
        <v>142575</v>
      </c>
      <c r="J41835" s="1" t="s">
        <v>143193</v>
      </c>
    </row>
    <row r="41836" spans="1:10" x14ac:dyDescent="0.35">
      <c r="A41836" s="1" t="s">
        <v>10231</v>
      </c>
      <c r="B41836" s="1" t="s">
        <v>142570</v>
      </c>
      <c r="C41836" s="1" t="s">
        <v>125</v>
      </c>
      <c r="D41836" s="1" t="s">
        <v>11742</v>
      </c>
      <c r="E41836" s="1" t="s">
        <v>143194</v>
      </c>
      <c r="F41836" s="1" t="s">
        <v>143195</v>
      </c>
      <c r="G41836" s="1" t="s">
        <v>143125</v>
      </c>
      <c r="H41836" s="1" t="s">
        <v>143126</v>
      </c>
      <c r="I41836" s="1" t="s">
        <v>142575</v>
      </c>
      <c r="J41836" s="1" t="s">
        <v>143196</v>
      </c>
    </row>
    <row r="41837" spans="1:10" x14ac:dyDescent="0.35">
      <c r="A41837" s="1" t="s">
        <v>10231</v>
      </c>
      <c r="B41837" s="1" t="s">
        <v>142570</v>
      </c>
      <c r="C41837" s="1" t="s">
        <v>130</v>
      </c>
      <c r="D41837" s="1" t="s">
        <v>143197</v>
      </c>
      <c r="E41837" s="1" t="s">
        <v>143198</v>
      </c>
      <c r="F41837" s="1" t="s">
        <v>143199</v>
      </c>
      <c r="G41837" s="1" t="s">
        <v>143125</v>
      </c>
      <c r="H41837" s="1" t="s">
        <v>143126</v>
      </c>
      <c r="I41837" s="1" t="s">
        <v>142575</v>
      </c>
      <c r="J41837" s="1" t="s">
        <v>143200</v>
      </c>
    </row>
    <row r="41838" spans="1:10" x14ac:dyDescent="0.35">
      <c r="A41838" s="1" t="s">
        <v>10231</v>
      </c>
      <c r="B41838" s="1" t="s">
        <v>142570</v>
      </c>
      <c r="C41838" s="1" t="s">
        <v>135</v>
      </c>
      <c r="D41838" s="1" t="s">
        <v>143201</v>
      </c>
      <c r="E41838" s="1" t="s">
        <v>143202</v>
      </c>
      <c r="F41838" s="1" t="s">
        <v>143203</v>
      </c>
      <c r="G41838" s="1" t="s">
        <v>143125</v>
      </c>
      <c r="H41838" s="1" t="s">
        <v>143126</v>
      </c>
      <c r="I41838" s="1" t="s">
        <v>142575</v>
      </c>
      <c r="J41838" s="1" t="s">
        <v>143204</v>
      </c>
    </row>
    <row r="41839" spans="1:10" x14ac:dyDescent="0.35">
      <c r="A41839" s="1" t="s">
        <v>10231</v>
      </c>
      <c r="B41839" s="1" t="s">
        <v>142570</v>
      </c>
      <c r="C41839" s="1" t="s">
        <v>140</v>
      </c>
      <c r="D41839" s="1" t="s">
        <v>14161</v>
      </c>
      <c r="E41839" s="1" t="s">
        <v>143205</v>
      </c>
      <c r="F41839" s="1" t="s">
        <v>143206</v>
      </c>
      <c r="G41839" s="1" t="s">
        <v>143125</v>
      </c>
      <c r="H41839" s="1" t="s">
        <v>143126</v>
      </c>
      <c r="I41839" s="1" t="s">
        <v>142575</v>
      </c>
      <c r="J41839" s="1" t="s">
        <v>143207</v>
      </c>
    </row>
    <row r="41840" spans="1:10" x14ac:dyDescent="0.35">
      <c r="A41840" s="1" t="s">
        <v>10231</v>
      </c>
      <c r="B41840" s="1" t="s">
        <v>142570</v>
      </c>
      <c r="C41840" s="1" t="s">
        <v>145</v>
      </c>
      <c r="D41840" s="1" t="s">
        <v>28532</v>
      </c>
      <c r="E41840" s="1" t="s">
        <v>143208</v>
      </c>
      <c r="F41840" s="1" t="s">
        <v>143209</v>
      </c>
      <c r="G41840" s="1" t="s">
        <v>143125</v>
      </c>
      <c r="H41840" s="1" t="s">
        <v>143126</v>
      </c>
      <c r="I41840" s="1" t="s">
        <v>142575</v>
      </c>
      <c r="J41840" s="1" t="s">
        <v>143210</v>
      </c>
    </row>
    <row r="41841" spans="1:10" x14ac:dyDescent="0.35">
      <c r="A41841" s="1" t="s">
        <v>10231</v>
      </c>
      <c r="B41841" s="1" t="s">
        <v>142570</v>
      </c>
      <c r="C41841" s="1" t="s">
        <v>150</v>
      </c>
      <c r="D41841" s="1" t="s">
        <v>143211</v>
      </c>
      <c r="E41841" s="1" t="s">
        <v>143212</v>
      </c>
      <c r="F41841" s="1" t="s">
        <v>143213</v>
      </c>
      <c r="G41841" s="1" t="s">
        <v>143125</v>
      </c>
      <c r="H41841" s="1" t="s">
        <v>143126</v>
      </c>
      <c r="I41841" s="1" t="s">
        <v>142575</v>
      </c>
      <c r="J41841" s="1" t="s">
        <v>143214</v>
      </c>
    </row>
    <row r="41842" spans="1:10" x14ac:dyDescent="0.35">
      <c r="A41842" s="1" t="s">
        <v>10231</v>
      </c>
      <c r="B41842" s="1" t="s">
        <v>142570</v>
      </c>
      <c r="C41842" s="1" t="s">
        <v>155</v>
      </c>
      <c r="D41842" s="1" t="s">
        <v>28985</v>
      </c>
      <c r="E41842" s="1" t="s">
        <v>143215</v>
      </c>
      <c r="F41842" s="1" t="s">
        <v>143216</v>
      </c>
      <c r="G41842" s="1" t="s">
        <v>143125</v>
      </c>
      <c r="H41842" s="1" t="s">
        <v>143126</v>
      </c>
      <c r="I41842" s="1" t="s">
        <v>142575</v>
      </c>
      <c r="J41842" s="1" t="s">
        <v>143217</v>
      </c>
    </row>
    <row r="41843" spans="1:10" x14ac:dyDescent="0.35">
      <c r="A41843" s="1" t="s">
        <v>10231</v>
      </c>
      <c r="B41843" s="1" t="s">
        <v>142570</v>
      </c>
      <c r="C41843" s="1" t="s">
        <v>160</v>
      </c>
      <c r="D41843" s="1" t="s">
        <v>4026</v>
      </c>
      <c r="E41843" s="1" t="s">
        <v>143218</v>
      </c>
      <c r="F41843" s="1" t="s">
        <v>143219</v>
      </c>
      <c r="G41843" s="1" t="s">
        <v>143125</v>
      </c>
      <c r="H41843" s="1" t="s">
        <v>143126</v>
      </c>
      <c r="I41843" s="1" t="s">
        <v>142575</v>
      </c>
      <c r="J41843" s="1" t="s">
        <v>143220</v>
      </c>
    </row>
    <row r="41844" spans="1:10" x14ac:dyDescent="0.35">
      <c r="A41844" s="1" t="s">
        <v>10231</v>
      </c>
      <c r="B41844" s="1" t="s">
        <v>142570</v>
      </c>
      <c r="C41844" s="1" t="s">
        <v>165</v>
      </c>
      <c r="D41844" s="1" t="s">
        <v>143221</v>
      </c>
      <c r="E41844" s="1" t="s">
        <v>143222</v>
      </c>
      <c r="F41844" s="1" t="s">
        <v>143223</v>
      </c>
      <c r="G41844" s="1" t="s">
        <v>143125</v>
      </c>
      <c r="H41844" s="1" t="s">
        <v>143126</v>
      </c>
      <c r="I41844" s="1" t="s">
        <v>142575</v>
      </c>
      <c r="J41844" s="1" t="s">
        <v>143224</v>
      </c>
    </row>
    <row r="41845" spans="1:10" x14ac:dyDescent="0.35">
      <c r="A41845" s="1" t="s">
        <v>10231</v>
      </c>
      <c r="B41845" s="1" t="s">
        <v>142570</v>
      </c>
      <c r="C41845" s="1" t="s">
        <v>170</v>
      </c>
      <c r="D41845" s="1" t="s">
        <v>142835</v>
      </c>
      <c r="E41845" s="1" t="s">
        <v>143225</v>
      </c>
      <c r="F41845" s="1" t="s">
        <v>143226</v>
      </c>
      <c r="G41845" s="1" t="s">
        <v>143125</v>
      </c>
      <c r="H41845" s="1" t="s">
        <v>143126</v>
      </c>
      <c r="I41845" s="1" t="s">
        <v>142575</v>
      </c>
      <c r="J41845" s="1" t="s">
        <v>143227</v>
      </c>
    </row>
    <row r="41846" spans="1:10" x14ac:dyDescent="0.35">
      <c r="A41846" s="1" t="s">
        <v>9290</v>
      </c>
      <c r="B41846" s="1" t="s">
        <v>142570</v>
      </c>
      <c r="C41846" s="1" t="s">
        <v>8</v>
      </c>
      <c r="D41846" s="1" t="s">
        <v>8745</v>
      </c>
      <c r="E41846" s="1" t="s">
        <v>143228</v>
      </c>
      <c r="F41846" s="1" t="s">
        <v>143229</v>
      </c>
      <c r="G41846" s="1" t="s">
        <v>143230</v>
      </c>
      <c r="H41846" s="1" t="s">
        <v>143231</v>
      </c>
      <c r="I41846" s="1" t="s">
        <v>142575</v>
      </c>
      <c r="J41846" s="1" t="s">
        <v>13</v>
      </c>
    </row>
    <row r="41847" spans="1:10" x14ac:dyDescent="0.35">
      <c r="A41847" s="1" t="s">
        <v>9290</v>
      </c>
      <c r="B41847" s="1" t="s">
        <v>142570</v>
      </c>
      <c r="C41847" s="1" t="s">
        <v>15</v>
      </c>
      <c r="D41847" s="1" t="s">
        <v>143232</v>
      </c>
      <c r="E41847" s="1" t="s">
        <v>143233</v>
      </c>
      <c r="F41847" s="1" t="s">
        <v>63183</v>
      </c>
      <c r="G41847" s="1" t="s">
        <v>143230</v>
      </c>
      <c r="H41847" s="1" t="s">
        <v>143231</v>
      </c>
      <c r="I41847" s="1" t="s">
        <v>142575</v>
      </c>
      <c r="J41847" s="1" t="s">
        <v>143234</v>
      </c>
    </row>
    <row r="41848" spans="1:10" x14ac:dyDescent="0.35">
      <c r="A41848" s="1" t="s">
        <v>9290</v>
      </c>
      <c r="B41848" s="1" t="s">
        <v>142570</v>
      </c>
      <c r="C41848" s="1" t="s">
        <v>20</v>
      </c>
      <c r="D41848" s="1" t="s">
        <v>45131</v>
      </c>
      <c r="E41848" s="1" t="s">
        <v>143235</v>
      </c>
      <c r="F41848" s="1" t="s">
        <v>143236</v>
      </c>
      <c r="G41848" s="1" t="s">
        <v>143230</v>
      </c>
      <c r="H41848" s="1" t="s">
        <v>143231</v>
      </c>
      <c r="I41848" s="1" t="s">
        <v>142575</v>
      </c>
      <c r="J41848" s="1" t="s">
        <v>143237</v>
      </c>
    </row>
    <row r="41849" spans="1:10" x14ac:dyDescent="0.35">
      <c r="A41849" s="1" t="s">
        <v>9290</v>
      </c>
      <c r="B41849" s="1" t="s">
        <v>142570</v>
      </c>
      <c r="C41849" s="1" t="s">
        <v>25</v>
      </c>
      <c r="D41849" s="1" t="s">
        <v>28075</v>
      </c>
      <c r="E41849" s="1" t="s">
        <v>143238</v>
      </c>
      <c r="F41849" s="1" t="s">
        <v>143239</v>
      </c>
      <c r="G41849" s="1" t="s">
        <v>143230</v>
      </c>
      <c r="H41849" s="1" t="s">
        <v>143231</v>
      </c>
      <c r="I41849" s="1" t="s">
        <v>142575</v>
      </c>
      <c r="J41849" s="1" t="s">
        <v>143240</v>
      </c>
    </row>
    <row r="41850" spans="1:10" x14ac:dyDescent="0.35">
      <c r="A41850" s="1" t="s">
        <v>9290</v>
      </c>
      <c r="B41850" s="1" t="s">
        <v>142570</v>
      </c>
      <c r="C41850" s="1" t="s">
        <v>30</v>
      </c>
      <c r="D41850" s="1" t="s">
        <v>14138</v>
      </c>
      <c r="E41850" s="1" t="s">
        <v>143241</v>
      </c>
      <c r="F41850" s="1" t="s">
        <v>143242</v>
      </c>
      <c r="G41850" s="1" t="s">
        <v>143230</v>
      </c>
      <c r="H41850" s="1" t="s">
        <v>143231</v>
      </c>
      <c r="I41850" s="1" t="s">
        <v>142575</v>
      </c>
      <c r="J41850" s="1" t="s">
        <v>143243</v>
      </c>
    </row>
    <row r="41851" spans="1:10" x14ac:dyDescent="0.35">
      <c r="A41851" s="1" t="s">
        <v>9290</v>
      </c>
      <c r="B41851" s="1" t="s">
        <v>142570</v>
      </c>
      <c r="C41851" s="1" t="s">
        <v>35</v>
      </c>
      <c r="D41851" s="1" t="s">
        <v>10098</v>
      </c>
      <c r="E41851" s="1" t="s">
        <v>143244</v>
      </c>
      <c r="F41851" s="1" t="s">
        <v>143245</v>
      </c>
      <c r="G41851" s="1" t="s">
        <v>143230</v>
      </c>
      <c r="H41851" s="1" t="s">
        <v>143231</v>
      </c>
      <c r="I41851" s="1" t="s">
        <v>142575</v>
      </c>
      <c r="J41851" s="1" t="s">
        <v>143246</v>
      </c>
    </row>
    <row r="41852" spans="1:10" x14ac:dyDescent="0.35">
      <c r="A41852" s="1" t="s">
        <v>9290</v>
      </c>
      <c r="B41852" s="1" t="s">
        <v>142570</v>
      </c>
      <c r="C41852" s="1" t="s">
        <v>40</v>
      </c>
      <c r="D41852" s="1" t="s">
        <v>4018</v>
      </c>
      <c r="E41852" s="1" t="s">
        <v>143247</v>
      </c>
      <c r="F41852" s="1" t="s">
        <v>143248</v>
      </c>
      <c r="G41852" s="1" t="s">
        <v>143230</v>
      </c>
      <c r="H41852" s="1" t="s">
        <v>143231</v>
      </c>
      <c r="I41852" s="1" t="s">
        <v>142575</v>
      </c>
      <c r="J41852" s="1" t="s">
        <v>143249</v>
      </c>
    </row>
    <row r="41853" spans="1:10" x14ac:dyDescent="0.35">
      <c r="A41853" s="1" t="s">
        <v>9290</v>
      </c>
      <c r="B41853" s="1" t="s">
        <v>142570</v>
      </c>
      <c r="C41853" s="1" t="s">
        <v>45</v>
      </c>
      <c r="D41853" s="1" t="s">
        <v>14138</v>
      </c>
      <c r="E41853" s="1" t="s">
        <v>143250</v>
      </c>
      <c r="F41853" s="1" t="s">
        <v>143251</v>
      </c>
      <c r="G41853" s="1" t="s">
        <v>143230</v>
      </c>
      <c r="H41853" s="1" t="s">
        <v>143231</v>
      </c>
      <c r="I41853" s="1" t="s">
        <v>142575</v>
      </c>
      <c r="J41853" s="1" t="s">
        <v>143252</v>
      </c>
    </row>
    <row r="41854" spans="1:10" x14ac:dyDescent="0.35">
      <c r="A41854" s="1" t="s">
        <v>9290</v>
      </c>
      <c r="B41854" s="1" t="s">
        <v>142570</v>
      </c>
      <c r="C41854" s="1" t="s">
        <v>50</v>
      </c>
      <c r="D41854" s="1" t="s">
        <v>30020</v>
      </c>
      <c r="E41854" s="1" t="s">
        <v>143253</v>
      </c>
      <c r="F41854" s="1" t="s">
        <v>143254</v>
      </c>
      <c r="G41854" s="1" t="s">
        <v>143230</v>
      </c>
      <c r="H41854" s="1" t="s">
        <v>143231</v>
      </c>
      <c r="I41854" s="1" t="s">
        <v>142575</v>
      </c>
      <c r="J41854" s="1" t="s">
        <v>143255</v>
      </c>
    </row>
    <row r="41855" spans="1:10" x14ac:dyDescent="0.35">
      <c r="A41855" s="1" t="s">
        <v>9290</v>
      </c>
      <c r="B41855" s="1" t="s">
        <v>142570</v>
      </c>
      <c r="C41855" s="1" t="s">
        <v>55</v>
      </c>
      <c r="D41855" s="1" t="s">
        <v>28181</v>
      </c>
      <c r="E41855" s="1" t="s">
        <v>143256</v>
      </c>
      <c r="F41855" s="1" t="s">
        <v>143257</v>
      </c>
      <c r="G41855" s="1" t="s">
        <v>143230</v>
      </c>
      <c r="H41855" s="1" t="s">
        <v>143231</v>
      </c>
      <c r="I41855" s="1" t="s">
        <v>142575</v>
      </c>
      <c r="J41855" s="1" t="s">
        <v>13577</v>
      </c>
    </row>
    <row r="41856" spans="1:10" x14ac:dyDescent="0.35">
      <c r="A41856" s="1" t="s">
        <v>9290</v>
      </c>
      <c r="B41856" s="1" t="s">
        <v>142570</v>
      </c>
      <c r="C41856" s="1" t="s">
        <v>60</v>
      </c>
      <c r="D41856" s="1" t="s">
        <v>8734</v>
      </c>
      <c r="E41856" s="1" t="s">
        <v>143258</v>
      </c>
      <c r="F41856" s="1" t="s">
        <v>143259</v>
      </c>
      <c r="G41856" s="1" t="s">
        <v>143230</v>
      </c>
      <c r="H41856" s="1" t="s">
        <v>143231</v>
      </c>
      <c r="I41856" s="1" t="s">
        <v>142575</v>
      </c>
      <c r="J41856" s="1" t="s">
        <v>143260</v>
      </c>
    </row>
    <row r="41857" spans="1:10" x14ac:dyDescent="0.35">
      <c r="A41857" s="1" t="s">
        <v>9290</v>
      </c>
      <c r="B41857" s="1" t="s">
        <v>142570</v>
      </c>
      <c r="C41857" s="1" t="s">
        <v>65</v>
      </c>
      <c r="D41857" s="1" t="s">
        <v>3600</v>
      </c>
      <c r="E41857" s="1" t="s">
        <v>143261</v>
      </c>
      <c r="F41857" s="1" t="s">
        <v>143262</v>
      </c>
      <c r="G41857" s="1" t="s">
        <v>143230</v>
      </c>
      <c r="H41857" s="1" t="s">
        <v>143231</v>
      </c>
      <c r="I41857" s="1" t="s">
        <v>142575</v>
      </c>
      <c r="J41857" s="1" t="s">
        <v>143263</v>
      </c>
    </row>
    <row r="41858" spans="1:10" x14ac:dyDescent="0.35">
      <c r="A41858" s="1" t="s">
        <v>9290</v>
      </c>
      <c r="B41858" s="1" t="s">
        <v>142570</v>
      </c>
      <c r="C41858" s="1" t="s">
        <v>70</v>
      </c>
      <c r="D41858" s="1" t="s">
        <v>109789</v>
      </c>
      <c r="E41858" s="1" t="s">
        <v>143264</v>
      </c>
      <c r="F41858" s="1" t="s">
        <v>143265</v>
      </c>
      <c r="G41858" s="1" t="s">
        <v>143230</v>
      </c>
      <c r="H41858" s="1" t="s">
        <v>143231</v>
      </c>
      <c r="I41858" s="1" t="s">
        <v>142575</v>
      </c>
      <c r="J41858" s="1" t="s">
        <v>143266</v>
      </c>
    </row>
    <row r="41859" spans="1:10" x14ac:dyDescent="0.35">
      <c r="A41859" s="1" t="s">
        <v>9290</v>
      </c>
      <c r="B41859" s="1" t="s">
        <v>142570</v>
      </c>
      <c r="C41859" s="1" t="s">
        <v>75</v>
      </c>
      <c r="D41859" s="1" t="s">
        <v>5697</v>
      </c>
      <c r="E41859" s="1" t="s">
        <v>143267</v>
      </c>
      <c r="F41859" s="1" t="s">
        <v>143268</v>
      </c>
      <c r="G41859" s="1" t="s">
        <v>143230</v>
      </c>
      <c r="H41859" s="1" t="s">
        <v>143231</v>
      </c>
      <c r="I41859" s="1" t="s">
        <v>142575</v>
      </c>
      <c r="J41859" s="1" t="s">
        <v>143269</v>
      </c>
    </row>
    <row r="41860" spans="1:10" x14ac:dyDescent="0.35">
      <c r="A41860" s="1" t="s">
        <v>9290</v>
      </c>
      <c r="B41860" s="1" t="s">
        <v>142570</v>
      </c>
      <c r="C41860" s="1" t="s">
        <v>80</v>
      </c>
      <c r="D41860" s="1" t="s">
        <v>104307</v>
      </c>
      <c r="E41860" s="1" t="s">
        <v>143270</v>
      </c>
      <c r="F41860" s="1" t="s">
        <v>143271</v>
      </c>
      <c r="G41860" s="1" t="s">
        <v>143230</v>
      </c>
      <c r="H41860" s="1" t="s">
        <v>143231</v>
      </c>
      <c r="I41860" s="1" t="s">
        <v>142575</v>
      </c>
      <c r="J41860" s="1" t="s">
        <v>143272</v>
      </c>
    </row>
    <row r="41861" spans="1:10" x14ac:dyDescent="0.35">
      <c r="A41861" s="1" t="s">
        <v>9290</v>
      </c>
      <c r="B41861" s="1" t="s">
        <v>142570</v>
      </c>
      <c r="C41861" s="1" t="s">
        <v>85</v>
      </c>
      <c r="D41861" s="1" t="s">
        <v>117943</v>
      </c>
      <c r="E41861" s="1" t="s">
        <v>143273</v>
      </c>
      <c r="F41861" s="1" t="s">
        <v>143274</v>
      </c>
      <c r="G41861" s="1" t="s">
        <v>143230</v>
      </c>
      <c r="H41861" s="1" t="s">
        <v>143231</v>
      </c>
      <c r="I41861" s="1" t="s">
        <v>142575</v>
      </c>
      <c r="J41861" s="1" t="s">
        <v>143275</v>
      </c>
    </row>
    <row r="41862" spans="1:10" x14ac:dyDescent="0.35">
      <c r="A41862" s="1" t="s">
        <v>9290</v>
      </c>
      <c r="B41862" s="1" t="s">
        <v>142570</v>
      </c>
      <c r="C41862" s="1" t="s">
        <v>90</v>
      </c>
      <c r="D41862" s="1" t="s">
        <v>143276</v>
      </c>
      <c r="E41862" s="1" t="s">
        <v>143277</v>
      </c>
      <c r="F41862" s="1" t="s">
        <v>143278</v>
      </c>
      <c r="G41862" s="1" t="s">
        <v>143230</v>
      </c>
      <c r="H41862" s="1" t="s">
        <v>143231</v>
      </c>
      <c r="I41862" s="1" t="s">
        <v>142575</v>
      </c>
      <c r="J41862" s="1" t="s">
        <v>143279</v>
      </c>
    </row>
    <row r="41863" spans="1:10" x14ac:dyDescent="0.35">
      <c r="A41863" s="1" t="s">
        <v>9290</v>
      </c>
      <c r="B41863" s="1" t="s">
        <v>142570</v>
      </c>
      <c r="C41863" s="1" t="s">
        <v>95</v>
      </c>
      <c r="D41863" s="1" t="s">
        <v>8675</v>
      </c>
      <c r="E41863" s="1" t="s">
        <v>143280</v>
      </c>
      <c r="F41863" s="1" t="s">
        <v>143281</v>
      </c>
      <c r="G41863" s="1" t="s">
        <v>143230</v>
      </c>
      <c r="H41863" s="1" t="s">
        <v>143231</v>
      </c>
      <c r="I41863" s="1" t="s">
        <v>142575</v>
      </c>
      <c r="J41863" s="1" t="s">
        <v>143282</v>
      </c>
    </row>
    <row r="41864" spans="1:10" x14ac:dyDescent="0.35">
      <c r="A41864" s="1" t="s">
        <v>9290</v>
      </c>
      <c r="B41864" s="1" t="s">
        <v>142570</v>
      </c>
      <c r="C41864" s="1" t="s">
        <v>100</v>
      </c>
      <c r="D41864" s="1" t="s">
        <v>1387</v>
      </c>
      <c r="E41864" s="1" t="s">
        <v>143283</v>
      </c>
      <c r="F41864" s="1" t="s">
        <v>143284</v>
      </c>
      <c r="G41864" s="1" t="s">
        <v>143230</v>
      </c>
      <c r="H41864" s="1" t="s">
        <v>143231</v>
      </c>
      <c r="I41864" s="1" t="s">
        <v>142575</v>
      </c>
      <c r="J41864" s="1" t="s">
        <v>143285</v>
      </c>
    </row>
    <row r="41865" spans="1:10" x14ac:dyDescent="0.35">
      <c r="A41865" s="1" t="s">
        <v>9290</v>
      </c>
      <c r="B41865" s="1" t="s">
        <v>142570</v>
      </c>
      <c r="C41865" s="1" t="s">
        <v>105</v>
      </c>
      <c r="D41865" s="1" t="s">
        <v>143069</v>
      </c>
      <c r="E41865" s="1" t="s">
        <v>143286</v>
      </c>
      <c r="F41865" s="1" t="s">
        <v>143287</v>
      </c>
      <c r="G41865" s="1" t="s">
        <v>143230</v>
      </c>
      <c r="H41865" s="1" t="s">
        <v>143231</v>
      </c>
      <c r="I41865" s="1" t="s">
        <v>142575</v>
      </c>
      <c r="J41865" s="1" t="s">
        <v>143288</v>
      </c>
    </row>
    <row r="41866" spans="1:10" x14ac:dyDescent="0.35">
      <c r="A41866" s="1" t="s">
        <v>9290</v>
      </c>
      <c r="B41866" s="1" t="s">
        <v>142570</v>
      </c>
      <c r="C41866" s="1" t="s">
        <v>110</v>
      </c>
      <c r="D41866" s="1" t="s">
        <v>44759</v>
      </c>
      <c r="E41866" s="1" t="s">
        <v>143289</v>
      </c>
      <c r="F41866" s="1" t="s">
        <v>143290</v>
      </c>
      <c r="G41866" s="1" t="s">
        <v>143230</v>
      </c>
      <c r="H41866" s="1" t="s">
        <v>143231</v>
      </c>
      <c r="I41866" s="1" t="s">
        <v>142575</v>
      </c>
      <c r="J41866" s="1" t="s">
        <v>143291</v>
      </c>
    </row>
    <row r="41867" spans="1:10" x14ac:dyDescent="0.35">
      <c r="A41867" s="1" t="s">
        <v>9290</v>
      </c>
      <c r="B41867" s="1" t="s">
        <v>142570</v>
      </c>
      <c r="C41867" s="1" t="s">
        <v>115</v>
      </c>
      <c r="D41867" s="1" t="s">
        <v>7040</v>
      </c>
      <c r="E41867" s="1" t="s">
        <v>143292</v>
      </c>
      <c r="F41867" s="1" t="s">
        <v>143293</v>
      </c>
      <c r="G41867" s="1" t="s">
        <v>143230</v>
      </c>
      <c r="H41867" s="1" t="s">
        <v>143231</v>
      </c>
      <c r="I41867" s="1" t="s">
        <v>142575</v>
      </c>
      <c r="J41867" s="1" t="s">
        <v>143294</v>
      </c>
    </row>
    <row r="41868" spans="1:10" x14ac:dyDescent="0.35">
      <c r="A41868" s="1" t="s">
        <v>9290</v>
      </c>
      <c r="B41868" s="1" t="s">
        <v>142570</v>
      </c>
      <c r="C41868" s="1" t="s">
        <v>120</v>
      </c>
      <c r="D41868" s="1" t="s">
        <v>320</v>
      </c>
      <c r="E41868" s="1" t="s">
        <v>143295</v>
      </c>
      <c r="F41868" s="1" t="s">
        <v>143296</v>
      </c>
      <c r="G41868" s="1" t="s">
        <v>143230</v>
      </c>
      <c r="H41868" s="1" t="s">
        <v>143231</v>
      </c>
      <c r="I41868" s="1" t="s">
        <v>142575</v>
      </c>
      <c r="J41868" s="1" t="s">
        <v>143297</v>
      </c>
    </row>
    <row r="41869" spans="1:10" x14ac:dyDescent="0.35">
      <c r="A41869" s="1" t="s">
        <v>9290</v>
      </c>
      <c r="B41869" s="1" t="s">
        <v>142570</v>
      </c>
      <c r="C41869" s="1" t="s">
        <v>125</v>
      </c>
      <c r="D41869" s="1" t="s">
        <v>2039</v>
      </c>
      <c r="E41869" s="1" t="s">
        <v>143298</v>
      </c>
      <c r="F41869" s="1" t="s">
        <v>143299</v>
      </c>
      <c r="G41869" s="1" t="s">
        <v>143230</v>
      </c>
      <c r="H41869" s="1" t="s">
        <v>143231</v>
      </c>
      <c r="I41869" s="1" t="s">
        <v>142575</v>
      </c>
      <c r="J41869" s="1" t="s">
        <v>135893</v>
      </c>
    </row>
    <row r="41870" spans="1:10" x14ac:dyDescent="0.35">
      <c r="A41870" s="1" t="s">
        <v>9290</v>
      </c>
      <c r="B41870" s="1" t="s">
        <v>142570</v>
      </c>
      <c r="C41870" s="1" t="s">
        <v>130</v>
      </c>
      <c r="D41870" s="1" t="s">
        <v>9938</v>
      </c>
      <c r="E41870" s="1" t="s">
        <v>143300</v>
      </c>
      <c r="F41870" s="1" t="s">
        <v>143301</v>
      </c>
      <c r="G41870" s="1" t="s">
        <v>143230</v>
      </c>
      <c r="H41870" s="1" t="s">
        <v>143231</v>
      </c>
      <c r="I41870" s="1" t="s">
        <v>142575</v>
      </c>
      <c r="J41870" s="1" t="s">
        <v>143302</v>
      </c>
    </row>
    <row r="41871" spans="1:10" x14ac:dyDescent="0.35">
      <c r="A41871" s="1" t="s">
        <v>9290</v>
      </c>
      <c r="B41871" s="1" t="s">
        <v>142570</v>
      </c>
      <c r="C41871" s="1" t="s">
        <v>135</v>
      </c>
      <c r="D41871" s="1" t="s">
        <v>29577</v>
      </c>
      <c r="E41871" s="1" t="s">
        <v>143303</v>
      </c>
      <c r="F41871" s="1" t="s">
        <v>143304</v>
      </c>
      <c r="G41871" s="1" t="s">
        <v>143230</v>
      </c>
      <c r="H41871" s="1" t="s">
        <v>143231</v>
      </c>
      <c r="I41871" s="1" t="s">
        <v>142575</v>
      </c>
      <c r="J41871" s="1" t="s">
        <v>143305</v>
      </c>
    </row>
    <row r="41872" spans="1:10" x14ac:dyDescent="0.35">
      <c r="A41872" s="1" t="s">
        <v>9290</v>
      </c>
      <c r="B41872" s="1" t="s">
        <v>142570</v>
      </c>
      <c r="C41872" s="1" t="s">
        <v>140</v>
      </c>
      <c r="D41872" s="1" t="s">
        <v>143306</v>
      </c>
      <c r="E41872" s="1" t="s">
        <v>143307</v>
      </c>
      <c r="F41872" s="1" t="s">
        <v>143308</v>
      </c>
      <c r="G41872" s="1" t="s">
        <v>143230</v>
      </c>
      <c r="H41872" s="1" t="s">
        <v>143231</v>
      </c>
      <c r="I41872" s="1" t="s">
        <v>142575</v>
      </c>
      <c r="J41872" s="1" t="s">
        <v>143309</v>
      </c>
    </row>
    <row r="41873" spans="1:10" x14ac:dyDescent="0.35">
      <c r="A41873" s="1" t="s">
        <v>9290</v>
      </c>
      <c r="B41873" s="1" t="s">
        <v>142570</v>
      </c>
      <c r="C41873" s="1" t="s">
        <v>145</v>
      </c>
      <c r="D41873" s="1" t="s">
        <v>104318</v>
      </c>
      <c r="E41873" s="1" t="s">
        <v>143310</v>
      </c>
      <c r="F41873" s="1" t="s">
        <v>143311</v>
      </c>
      <c r="G41873" s="1" t="s">
        <v>143230</v>
      </c>
      <c r="H41873" s="1" t="s">
        <v>143231</v>
      </c>
      <c r="I41873" s="1" t="s">
        <v>142575</v>
      </c>
      <c r="J41873" s="1" t="s">
        <v>143312</v>
      </c>
    </row>
    <row r="41874" spans="1:10" x14ac:dyDescent="0.35">
      <c r="A41874" s="1" t="s">
        <v>9290</v>
      </c>
      <c r="B41874" s="1" t="s">
        <v>142570</v>
      </c>
      <c r="C41874" s="1" t="s">
        <v>150</v>
      </c>
      <c r="D41874" s="1" t="s">
        <v>25128</v>
      </c>
      <c r="E41874" s="1" t="s">
        <v>143313</v>
      </c>
      <c r="F41874" s="1" t="s">
        <v>143314</v>
      </c>
      <c r="G41874" s="1" t="s">
        <v>143230</v>
      </c>
      <c r="H41874" s="1" t="s">
        <v>143231</v>
      </c>
      <c r="I41874" s="1" t="s">
        <v>142575</v>
      </c>
      <c r="J41874" s="1" t="s">
        <v>25027</v>
      </c>
    </row>
    <row r="41875" spans="1:10" x14ac:dyDescent="0.35">
      <c r="A41875" s="1" t="s">
        <v>9290</v>
      </c>
      <c r="B41875" s="1" t="s">
        <v>142570</v>
      </c>
      <c r="C41875" s="1" t="s">
        <v>155</v>
      </c>
      <c r="D41875" s="1" t="s">
        <v>120800</v>
      </c>
      <c r="E41875" s="1" t="s">
        <v>143315</v>
      </c>
      <c r="F41875" s="1" t="s">
        <v>143316</v>
      </c>
      <c r="G41875" s="1" t="s">
        <v>143230</v>
      </c>
      <c r="H41875" s="1" t="s">
        <v>143231</v>
      </c>
      <c r="I41875" s="1" t="s">
        <v>142575</v>
      </c>
      <c r="J41875" s="1" t="s">
        <v>143317</v>
      </c>
    </row>
    <row r="41876" spans="1:10" x14ac:dyDescent="0.35">
      <c r="A41876" s="1" t="s">
        <v>9290</v>
      </c>
      <c r="B41876" s="1" t="s">
        <v>142570</v>
      </c>
      <c r="C41876" s="1" t="s">
        <v>160</v>
      </c>
      <c r="D41876" s="1" t="s">
        <v>120178</v>
      </c>
      <c r="E41876" s="1" t="s">
        <v>143318</v>
      </c>
      <c r="F41876" s="1" t="s">
        <v>143319</v>
      </c>
      <c r="G41876" s="1" t="s">
        <v>143230</v>
      </c>
      <c r="H41876" s="1" t="s">
        <v>143231</v>
      </c>
      <c r="I41876" s="1" t="s">
        <v>142575</v>
      </c>
      <c r="J41876" s="1" t="s">
        <v>143320</v>
      </c>
    </row>
    <row r="41877" spans="1:10" x14ac:dyDescent="0.35">
      <c r="A41877" s="1" t="s">
        <v>9290</v>
      </c>
      <c r="B41877" s="1" t="s">
        <v>142570</v>
      </c>
      <c r="C41877" s="1" t="s">
        <v>165</v>
      </c>
      <c r="D41877" s="1" t="s">
        <v>111590</v>
      </c>
      <c r="E41877" s="1" t="s">
        <v>143321</v>
      </c>
      <c r="F41877" s="1" t="s">
        <v>143322</v>
      </c>
      <c r="G41877" s="1" t="s">
        <v>143230</v>
      </c>
      <c r="H41877" s="1" t="s">
        <v>143231</v>
      </c>
      <c r="I41877" s="1" t="s">
        <v>142575</v>
      </c>
      <c r="J41877" s="1" t="s">
        <v>143323</v>
      </c>
    </row>
    <row r="41878" spans="1:10" x14ac:dyDescent="0.35">
      <c r="A41878" s="1" t="s">
        <v>9290</v>
      </c>
      <c r="B41878" s="1" t="s">
        <v>142570</v>
      </c>
      <c r="C41878" s="1" t="s">
        <v>170</v>
      </c>
      <c r="D41878" s="1" t="s">
        <v>104653</v>
      </c>
      <c r="E41878" s="1" t="s">
        <v>143324</v>
      </c>
      <c r="F41878" s="1" t="s">
        <v>143325</v>
      </c>
      <c r="G41878" s="1" t="s">
        <v>143230</v>
      </c>
      <c r="H41878" s="1" t="s">
        <v>143231</v>
      </c>
      <c r="I41878" s="1" t="s">
        <v>142575</v>
      </c>
      <c r="J41878" s="1" t="s">
        <v>143326</v>
      </c>
    </row>
    <row r="41879" spans="1:10" x14ac:dyDescent="0.35">
      <c r="A41879" s="1" t="s">
        <v>28506</v>
      </c>
      <c r="B41879" s="1" t="s">
        <v>142570</v>
      </c>
      <c r="C41879" s="1" t="s">
        <v>8</v>
      </c>
      <c r="D41879" s="1" t="s">
        <v>30049</v>
      </c>
      <c r="E41879" s="1" t="s">
        <v>143327</v>
      </c>
      <c r="F41879" s="1" t="s">
        <v>143328</v>
      </c>
      <c r="G41879" s="1" t="s">
        <v>143329</v>
      </c>
      <c r="H41879" s="1" t="s">
        <v>143330</v>
      </c>
      <c r="I41879" s="1" t="s">
        <v>142575</v>
      </c>
      <c r="J41879" s="1" t="s">
        <v>13</v>
      </c>
    </row>
    <row r="41880" spans="1:10" x14ac:dyDescent="0.35">
      <c r="A41880" s="1" t="s">
        <v>28506</v>
      </c>
      <c r="B41880" s="1" t="s">
        <v>142570</v>
      </c>
      <c r="C41880" s="1" t="s">
        <v>15</v>
      </c>
      <c r="D41880" s="1" t="s">
        <v>143331</v>
      </c>
      <c r="E41880" s="1" t="s">
        <v>143332</v>
      </c>
      <c r="F41880" s="1" t="s">
        <v>143333</v>
      </c>
      <c r="G41880" s="1" t="s">
        <v>143329</v>
      </c>
      <c r="H41880" s="1" t="s">
        <v>143330</v>
      </c>
      <c r="I41880" s="1" t="s">
        <v>142575</v>
      </c>
      <c r="J41880" s="1" t="s">
        <v>143334</v>
      </c>
    </row>
    <row r="41881" spans="1:10" x14ac:dyDescent="0.35">
      <c r="A41881" s="1" t="s">
        <v>28506</v>
      </c>
      <c r="B41881" s="1" t="s">
        <v>142570</v>
      </c>
      <c r="C41881" s="1" t="s">
        <v>20</v>
      </c>
      <c r="D41881" s="1" t="s">
        <v>44773</v>
      </c>
      <c r="E41881" s="1" t="s">
        <v>143335</v>
      </c>
      <c r="F41881" s="1" t="s">
        <v>143336</v>
      </c>
      <c r="G41881" s="1" t="s">
        <v>143329</v>
      </c>
      <c r="H41881" s="1" t="s">
        <v>143330</v>
      </c>
      <c r="I41881" s="1" t="s">
        <v>142575</v>
      </c>
      <c r="J41881" s="1" t="s">
        <v>143337</v>
      </c>
    </row>
    <row r="41882" spans="1:10" x14ac:dyDescent="0.35">
      <c r="A41882" s="1" t="s">
        <v>28506</v>
      </c>
      <c r="B41882" s="1" t="s">
        <v>142570</v>
      </c>
      <c r="C41882" s="1" t="s">
        <v>25</v>
      </c>
      <c r="D41882" s="1" t="s">
        <v>4757</v>
      </c>
      <c r="E41882" s="1" t="s">
        <v>143338</v>
      </c>
      <c r="F41882" s="1" t="s">
        <v>143339</v>
      </c>
      <c r="G41882" s="1" t="s">
        <v>143329</v>
      </c>
      <c r="H41882" s="1" t="s">
        <v>143330</v>
      </c>
      <c r="I41882" s="1" t="s">
        <v>142575</v>
      </c>
      <c r="J41882" s="1" t="s">
        <v>143340</v>
      </c>
    </row>
    <row r="41883" spans="1:10" x14ac:dyDescent="0.35">
      <c r="A41883" s="1" t="s">
        <v>28506</v>
      </c>
      <c r="B41883" s="1" t="s">
        <v>142570</v>
      </c>
      <c r="C41883" s="1" t="s">
        <v>30</v>
      </c>
      <c r="D41883" s="1" t="s">
        <v>10032</v>
      </c>
      <c r="E41883" s="1" t="s">
        <v>143341</v>
      </c>
      <c r="F41883" s="1" t="s">
        <v>143342</v>
      </c>
      <c r="G41883" s="1" t="s">
        <v>143329</v>
      </c>
      <c r="H41883" s="1" t="s">
        <v>143330</v>
      </c>
      <c r="I41883" s="1" t="s">
        <v>142575</v>
      </c>
      <c r="J41883" s="1" t="s">
        <v>143343</v>
      </c>
    </row>
    <row r="41884" spans="1:10" x14ac:dyDescent="0.35">
      <c r="A41884" s="1" t="s">
        <v>28506</v>
      </c>
      <c r="B41884" s="1" t="s">
        <v>142570</v>
      </c>
      <c r="C41884" s="1" t="s">
        <v>35</v>
      </c>
      <c r="D41884" s="1" t="s">
        <v>6858</v>
      </c>
      <c r="E41884" s="1" t="s">
        <v>143344</v>
      </c>
      <c r="F41884" s="1" t="s">
        <v>143345</v>
      </c>
      <c r="G41884" s="1" t="s">
        <v>143329</v>
      </c>
      <c r="H41884" s="1" t="s">
        <v>143330</v>
      </c>
      <c r="I41884" s="1" t="s">
        <v>142575</v>
      </c>
      <c r="J41884" s="1" t="s">
        <v>143346</v>
      </c>
    </row>
    <row r="41885" spans="1:10" x14ac:dyDescent="0.35">
      <c r="A41885" s="1" t="s">
        <v>28506</v>
      </c>
      <c r="B41885" s="1" t="s">
        <v>142570</v>
      </c>
      <c r="C41885" s="1" t="s">
        <v>40</v>
      </c>
      <c r="D41885" s="1" t="s">
        <v>118265</v>
      </c>
      <c r="E41885" s="1" t="s">
        <v>143347</v>
      </c>
      <c r="F41885" s="1" t="s">
        <v>143348</v>
      </c>
      <c r="G41885" s="1" t="s">
        <v>143329</v>
      </c>
      <c r="H41885" s="1" t="s">
        <v>143330</v>
      </c>
      <c r="I41885" s="1" t="s">
        <v>142575</v>
      </c>
      <c r="J41885" s="1" t="s">
        <v>143349</v>
      </c>
    </row>
    <row r="41886" spans="1:10" x14ac:dyDescent="0.35">
      <c r="A41886" s="1" t="s">
        <v>28506</v>
      </c>
      <c r="B41886" s="1" t="s">
        <v>142570</v>
      </c>
      <c r="C41886" s="1" t="s">
        <v>45</v>
      </c>
      <c r="D41886" s="1" t="s">
        <v>10032</v>
      </c>
      <c r="E41886" s="1" t="s">
        <v>143350</v>
      </c>
      <c r="F41886" s="1" t="s">
        <v>143351</v>
      </c>
      <c r="G41886" s="1" t="s">
        <v>143329</v>
      </c>
      <c r="H41886" s="1" t="s">
        <v>143330</v>
      </c>
      <c r="I41886" s="1" t="s">
        <v>142575</v>
      </c>
      <c r="J41886" s="1" t="s">
        <v>143352</v>
      </c>
    </row>
    <row r="41887" spans="1:10" x14ac:dyDescent="0.35">
      <c r="A41887" s="1" t="s">
        <v>28506</v>
      </c>
      <c r="B41887" s="1" t="s">
        <v>142570</v>
      </c>
      <c r="C41887" s="1" t="s">
        <v>50</v>
      </c>
      <c r="D41887" s="1" t="s">
        <v>143353</v>
      </c>
      <c r="E41887" s="1" t="s">
        <v>143354</v>
      </c>
      <c r="F41887" s="1" t="s">
        <v>143355</v>
      </c>
      <c r="G41887" s="1" t="s">
        <v>143329</v>
      </c>
      <c r="H41887" s="1" t="s">
        <v>143330</v>
      </c>
      <c r="I41887" s="1" t="s">
        <v>142575</v>
      </c>
      <c r="J41887" s="1" t="s">
        <v>143356</v>
      </c>
    </row>
    <row r="41888" spans="1:10" x14ac:dyDescent="0.35">
      <c r="A41888" s="1" t="s">
        <v>28506</v>
      </c>
      <c r="B41888" s="1" t="s">
        <v>142570</v>
      </c>
      <c r="C41888" s="1" t="s">
        <v>55</v>
      </c>
      <c r="D41888" s="1" t="s">
        <v>143357</v>
      </c>
      <c r="E41888" s="1" t="s">
        <v>143358</v>
      </c>
      <c r="F41888" s="1" t="s">
        <v>143359</v>
      </c>
      <c r="G41888" s="1" t="s">
        <v>143329</v>
      </c>
      <c r="H41888" s="1" t="s">
        <v>143330</v>
      </c>
      <c r="I41888" s="1" t="s">
        <v>142575</v>
      </c>
      <c r="J41888" s="1" t="s">
        <v>143360</v>
      </c>
    </row>
    <row r="41889" spans="1:10" x14ac:dyDescent="0.35">
      <c r="A41889" s="1" t="s">
        <v>28506</v>
      </c>
      <c r="B41889" s="1" t="s">
        <v>142570</v>
      </c>
      <c r="C41889" s="1" t="s">
        <v>60</v>
      </c>
      <c r="D41889" s="1" t="s">
        <v>4725</v>
      </c>
      <c r="E41889" s="1" t="s">
        <v>143361</v>
      </c>
      <c r="F41889" s="1" t="s">
        <v>143362</v>
      </c>
      <c r="G41889" s="1" t="s">
        <v>143329</v>
      </c>
      <c r="H41889" s="1" t="s">
        <v>143330</v>
      </c>
      <c r="I41889" s="1" t="s">
        <v>142575</v>
      </c>
      <c r="J41889" s="1" t="s">
        <v>143363</v>
      </c>
    </row>
    <row r="41890" spans="1:10" x14ac:dyDescent="0.35">
      <c r="A41890" s="1" t="s">
        <v>28506</v>
      </c>
      <c r="B41890" s="1" t="s">
        <v>142570</v>
      </c>
      <c r="C41890" s="1" t="s">
        <v>65</v>
      </c>
      <c r="D41890" s="1" t="s">
        <v>2097</v>
      </c>
      <c r="E41890" s="1" t="s">
        <v>143364</v>
      </c>
      <c r="F41890" s="1" t="s">
        <v>143365</v>
      </c>
      <c r="G41890" s="1" t="s">
        <v>143329</v>
      </c>
      <c r="H41890" s="1" t="s">
        <v>143330</v>
      </c>
      <c r="I41890" s="1" t="s">
        <v>142575</v>
      </c>
      <c r="J41890" s="1" t="s">
        <v>143366</v>
      </c>
    </row>
    <row r="41891" spans="1:10" x14ac:dyDescent="0.35">
      <c r="A41891" s="1" t="s">
        <v>28506</v>
      </c>
      <c r="B41891" s="1" t="s">
        <v>142570</v>
      </c>
      <c r="C41891" s="1" t="s">
        <v>70</v>
      </c>
      <c r="D41891" s="1" t="s">
        <v>46446</v>
      </c>
      <c r="E41891" s="1" t="s">
        <v>143367</v>
      </c>
      <c r="F41891" s="1" t="s">
        <v>143368</v>
      </c>
      <c r="G41891" s="1" t="s">
        <v>143329</v>
      </c>
      <c r="H41891" s="1" t="s">
        <v>143330</v>
      </c>
      <c r="I41891" s="1" t="s">
        <v>142575</v>
      </c>
      <c r="J41891" s="1" t="s">
        <v>143369</v>
      </c>
    </row>
    <row r="41892" spans="1:10" x14ac:dyDescent="0.35">
      <c r="A41892" s="1" t="s">
        <v>28506</v>
      </c>
      <c r="B41892" s="1" t="s">
        <v>142570</v>
      </c>
      <c r="C41892" s="1" t="s">
        <v>75</v>
      </c>
      <c r="D41892" s="1" t="s">
        <v>4066</v>
      </c>
      <c r="E41892" s="1" t="s">
        <v>143370</v>
      </c>
      <c r="F41892" s="1" t="s">
        <v>143371</v>
      </c>
      <c r="G41892" s="1" t="s">
        <v>143329</v>
      </c>
      <c r="H41892" s="1" t="s">
        <v>143330</v>
      </c>
      <c r="I41892" s="1" t="s">
        <v>142575</v>
      </c>
      <c r="J41892" s="1" t="s">
        <v>143372</v>
      </c>
    </row>
    <row r="41893" spans="1:10" x14ac:dyDescent="0.35">
      <c r="A41893" s="1" t="s">
        <v>28506</v>
      </c>
      <c r="B41893" s="1" t="s">
        <v>142570</v>
      </c>
      <c r="C41893" s="1" t="s">
        <v>80</v>
      </c>
      <c r="D41893" s="1" t="s">
        <v>29458</v>
      </c>
      <c r="E41893" s="1" t="s">
        <v>143373</v>
      </c>
      <c r="F41893" s="1" t="s">
        <v>143374</v>
      </c>
      <c r="G41893" s="1" t="s">
        <v>143329</v>
      </c>
      <c r="H41893" s="1" t="s">
        <v>143330</v>
      </c>
      <c r="I41893" s="1" t="s">
        <v>142575</v>
      </c>
      <c r="J41893" s="1" t="s">
        <v>143375</v>
      </c>
    </row>
    <row r="41894" spans="1:10" x14ac:dyDescent="0.35">
      <c r="A41894" s="1" t="s">
        <v>28506</v>
      </c>
      <c r="B41894" s="1" t="s">
        <v>142570</v>
      </c>
      <c r="C41894" s="1" t="s">
        <v>85</v>
      </c>
      <c r="D41894" s="1" t="s">
        <v>44150</v>
      </c>
      <c r="E41894" s="1" t="s">
        <v>143376</v>
      </c>
      <c r="F41894" s="1" t="s">
        <v>143377</v>
      </c>
      <c r="G41894" s="1" t="s">
        <v>143329</v>
      </c>
      <c r="H41894" s="1" t="s">
        <v>143330</v>
      </c>
      <c r="I41894" s="1" t="s">
        <v>142575</v>
      </c>
      <c r="J41894" s="1" t="s">
        <v>143378</v>
      </c>
    </row>
    <row r="41895" spans="1:10" x14ac:dyDescent="0.35">
      <c r="A41895" s="1" t="s">
        <v>28506</v>
      </c>
      <c r="B41895" s="1" t="s">
        <v>142570</v>
      </c>
      <c r="C41895" s="1" t="s">
        <v>90</v>
      </c>
      <c r="D41895" s="1" t="s">
        <v>143379</v>
      </c>
      <c r="E41895" s="1" t="s">
        <v>143380</v>
      </c>
      <c r="F41895" s="1" t="s">
        <v>143381</v>
      </c>
      <c r="G41895" s="1" t="s">
        <v>143329</v>
      </c>
      <c r="H41895" s="1" t="s">
        <v>143330</v>
      </c>
      <c r="I41895" s="1" t="s">
        <v>142575</v>
      </c>
      <c r="J41895" s="1" t="s">
        <v>143382</v>
      </c>
    </row>
    <row r="41896" spans="1:10" x14ac:dyDescent="0.35">
      <c r="A41896" s="1" t="s">
        <v>28506</v>
      </c>
      <c r="B41896" s="1" t="s">
        <v>142570</v>
      </c>
      <c r="C41896" s="1" t="s">
        <v>95</v>
      </c>
      <c r="D41896" s="1" t="s">
        <v>15220</v>
      </c>
      <c r="E41896" s="1" t="s">
        <v>143383</v>
      </c>
      <c r="F41896" s="1" t="s">
        <v>143384</v>
      </c>
      <c r="G41896" s="1" t="s">
        <v>143329</v>
      </c>
      <c r="H41896" s="1" t="s">
        <v>143330</v>
      </c>
      <c r="I41896" s="1" t="s">
        <v>142575</v>
      </c>
      <c r="J41896" s="1" t="s">
        <v>143385</v>
      </c>
    </row>
    <row r="41897" spans="1:10" x14ac:dyDescent="0.35">
      <c r="A41897" s="1" t="s">
        <v>28506</v>
      </c>
      <c r="B41897" s="1" t="s">
        <v>142570</v>
      </c>
      <c r="C41897" s="1" t="s">
        <v>100</v>
      </c>
      <c r="D41897" s="1" t="s">
        <v>46849</v>
      </c>
      <c r="E41897" s="1" t="s">
        <v>143386</v>
      </c>
      <c r="F41897" s="1" t="s">
        <v>143387</v>
      </c>
      <c r="G41897" s="1" t="s">
        <v>143329</v>
      </c>
      <c r="H41897" s="1" t="s">
        <v>143330</v>
      </c>
      <c r="I41897" s="1" t="s">
        <v>142575</v>
      </c>
      <c r="J41897" s="1" t="s">
        <v>143388</v>
      </c>
    </row>
    <row r="41898" spans="1:10" x14ac:dyDescent="0.35">
      <c r="A41898" s="1" t="s">
        <v>28506</v>
      </c>
      <c r="B41898" s="1" t="s">
        <v>142570</v>
      </c>
      <c r="C41898" s="1" t="s">
        <v>105</v>
      </c>
      <c r="D41898" s="1" t="s">
        <v>2117</v>
      </c>
      <c r="E41898" s="1" t="s">
        <v>143389</v>
      </c>
      <c r="F41898" s="1" t="s">
        <v>143390</v>
      </c>
      <c r="G41898" s="1" t="s">
        <v>143329</v>
      </c>
      <c r="H41898" s="1" t="s">
        <v>143330</v>
      </c>
      <c r="I41898" s="1" t="s">
        <v>142575</v>
      </c>
      <c r="J41898" s="1" t="s">
        <v>143391</v>
      </c>
    </row>
    <row r="41899" spans="1:10" x14ac:dyDescent="0.35">
      <c r="A41899" s="1" t="s">
        <v>28506</v>
      </c>
      <c r="B41899" s="1" t="s">
        <v>142570</v>
      </c>
      <c r="C41899" s="1" t="s">
        <v>110</v>
      </c>
      <c r="D41899" s="1" t="s">
        <v>143392</v>
      </c>
      <c r="E41899" s="1" t="s">
        <v>143393</v>
      </c>
      <c r="F41899" s="1" t="s">
        <v>143394</v>
      </c>
      <c r="G41899" s="1" t="s">
        <v>143329</v>
      </c>
      <c r="H41899" s="1" t="s">
        <v>143330</v>
      </c>
      <c r="I41899" s="1" t="s">
        <v>142575</v>
      </c>
      <c r="J41899" s="1" t="s">
        <v>143395</v>
      </c>
    </row>
    <row r="41900" spans="1:10" x14ac:dyDescent="0.35">
      <c r="A41900" s="1" t="s">
        <v>28506</v>
      </c>
      <c r="B41900" s="1" t="s">
        <v>142570</v>
      </c>
      <c r="C41900" s="1" t="s">
        <v>115</v>
      </c>
      <c r="D41900" s="1" t="s">
        <v>29200</v>
      </c>
      <c r="E41900" s="1" t="s">
        <v>143396</v>
      </c>
      <c r="F41900" s="1" t="s">
        <v>143397</v>
      </c>
      <c r="G41900" s="1" t="s">
        <v>143329</v>
      </c>
      <c r="H41900" s="1" t="s">
        <v>143330</v>
      </c>
      <c r="I41900" s="1" t="s">
        <v>142575</v>
      </c>
      <c r="J41900" s="1" t="s">
        <v>143398</v>
      </c>
    </row>
    <row r="41901" spans="1:10" x14ac:dyDescent="0.35">
      <c r="A41901" s="1" t="s">
        <v>28506</v>
      </c>
      <c r="B41901" s="1" t="s">
        <v>142570</v>
      </c>
      <c r="C41901" s="1" t="s">
        <v>120</v>
      </c>
      <c r="D41901" s="1" t="s">
        <v>143399</v>
      </c>
      <c r="E41901" s="1" t="s">
        <v>143400</v>
      </c>
      <c r="F41901" s="1" t="s">
        <v>143401</v>
      </c>
      <c r="G41901" s="1" t="s">
        <v>143329</v>
      </c>
      <c r="H41901" s="1" t="s">
        <v>143330</v>
      </c>
      <c r="I41901" s="1" t="s">
        <v>142575</v>
      </c>
      <c r="J41901" s="1" t="s">
        <v>143402</v>
      </c>
    </row>
    <row r="41902" spans="1:10" x14ac:dyDescent="0.35">
      <c r="A41902" s="1" t="s">
        <v>28506</v>
      </c>
      <c r="B41902" s="1" t="s">
        <v>142570</v>
      </c>
      <c r="C41902" s="1" t="s">
        <v>125</v>
      </c>
      <c r="D41902" s="1" t="s">
        <v>6932</v>
      </c>
      <c r="E41902" s="1" t="s">
        <v>143403</v>
      </c>
      <c r="F41902" s="1" t="s">
        <v>143404</v>
      </c>
      <c r="G41902" s="1" t="s">
        <v>143329</v>
      </c>
      <c r="H41902" s="1" t="s">
        <v>143330</v>
      </c>
      <c r="I41902" s="1" t="s">
        <v>142575</v>
      </c>
      <c r="J41902" s="1" t="s">
        <v>143405</v>
      </c>
    </row>
    <row r="41903" spans="1:10" x14ac:dyDescent="0.35">
      <c r="A41903" s="1" t="s">
        <v>28506</v>
      </c>
      <c r="B41903" s="1" t="s">
        <v>142570</v>
      </c>
      <c r="C41903" s="1" t="s">
        <v>130</v>
      </c>
      <c r="D41903" s="1" t="s">
        <v>36689</v>
      </c>
      <c r="E41903" s="1" t="s">
        <v>143406</v>
      </c>
      <c r="F41903" s="1" t="s">
        <v>143407</v>
      </c>
      <c r="G41903" s="1" t="s">
        <v>143329</v>
      </c>
      <c r="H41903" s="1" t="s">
        <v>143330</v>
      </c>
      <c r="I41903" s="1" t="s">
        <v>142575</v>
      </c>
      <c r="J41903" s="1" t="s">
        <v>143408</v>
      </c>
    </row>
    <row r="41904" spans="1:10" x14ac:dyDescent="0.35">
      <c r="A41904" s="1" t="s">
        <v>28506</v>
      </c>
      <c r="B41904" s="1" t="s">
        <v>142570</v>
      </c>
      <c r="C41904" s="1" t="s">
        <v>135</v>
      </c>
      <c r="D41904" s="1" t="s">
        <v>115734</v>
      </c>
      <c r="E41904" s="1" t="s">
        <v>143409</v>
      </c>
      <c r="F41904" s="1" t="s">
        <v>143410</v>
      </c>
      <c r="G41904" s="1" t="s">
        <v>143329</v>
      </c>
      <c r="H41904" s="1" t="s">
        <v>143330</v>
      </c>
      <c r="I41904" s="1" t="s">
        <v>142575</v>
      </c>
      <c r="J41904" s="1" t="s">
        <v>143411</v>
      </c>
    </row>
    <row r="41905" spans="1:10" x14ac:dyDescent="0.35">
      <c r="A41905" s="1" t="s">
        <v>28506</v>
      </c>
      <c r="B41905" s="1" t="s">
        <v>142570</v>
      </c>
      <c r="C41905" s="1" t="s">
        <v>140</v>
      </c>
      <c r="D41905" s="1" t="s">
        <v>143412</v>
      </c>
      <c r="E41905" s="1" t="s">
        <v>143413</v>
      </c>
      <c r="F41905" s="1" t="s">
        <v>143414</v>
      </c>
      <c r="G41905" s="1" t="s">
        <v>143329</v>
      </c>
      <c r="H41905" s="1" t="s">
        <v>143330</v>
      </c>
      <c r="I41905" s="1" t="s">
        <v>142575</v>
      </c>
      <c r="J41905" s="1" t="s">
        <v>143415</v>
      </c>
    </row>
    <row r="41906" spans="1:10" x14ac:dyDescent="0.35">
      <c r="A41906" s="1" t="s">
        <v>28506</v>
      </c>
      <c r="B41906" s="1" t="s">
        <v>142570</v>
      </c>
      <c r="C41906" s="1" t="s">
        <v>145</v>
      </c>
      <c r="D41906" s="1" t="s">
        <v>110875</v>
      </c>
      <c r="E41906" s="1" t="s">
        <v>143416</v>
      </c>
      <c r="F41906" s="1" t="s">
        <v>143417</v>
      </c>
      <c r="G41906" s="1" t="s">
        <v>143329</v>
      </c>
      <c r="H41906" s="1" t="s">
        <v>143330</v>
      </c>
      <c r="I41906" s="1" t="s">
        <v>142575</v>
      </c>
      <c r="J41906" s="1" t="s">
        <v>143418</v>
      </c>
    </row>
    <row r="41907" spans="1:10" x14ac:dyDescent="0.35">
      <c r="A41907" s="1" t="s">
        <v>28506</v>
      </c>
      <c r="B41907" s="1" t="s">
        <v>142570</v>
      </c>
      <c r="C41907" s="1" t="s">
        <v>150</v>
      </c>
      <c r="D41907" s="1" t="s">
        <v>7916</v>
      </c>
      <c r="E41907" s="1" t="s">
        <v>143419</v>
      </c>
      <c r="F41907" s="1" t="s">
        <v>143420</v>
      </c>
      <c r="G41907" s="1" t="s">
        <v>143329</v>
      </c>
      <c r="H41907" s="1" t="s">
        <v>143330</v>
      </c>
      <c r="I41907" s="1" t="s">
        <v>142575</v>
      </c>
      <c r="J41907" s="1" t="s">
        <v>143421</v>
      </c>
    </row>
    <row r="41908" spans="1:10" x14ac:dyDescent="0.35">
      <c r="A41908" s="1" t="s">
        <v>28506</v>
      </c>
      <c r="B41908" s="1" t="s">
        <v>142570</v>
      </c>
      <c r="C41908" s="1" t="s">
        <v>155</v>
      </c>
      <c r="D41908" s="1" t="s">
        <v>111046</v>
      </c>
      <c r="E41908" s="1" t="s">
        <v>143422</v>
      </c>
      <c r="F41908" s="1" t="s">
        <v>143423</v>
      </c>
      <c r="G41908" s="1" t="s">
        <v>143329</v>
      </c>
      <c r="H41908" s="1" t="s">
        <v>143330</v>
      </c>
      <c r="I41908" s="1" t="s">
        <v>142575</v>
      </c>
      <c r="J41908" s="1" t="s">
        <v>143424</v>
      </c>
    </row>
    <row r="41909" spans="1:10" x14ac:dyDescent="0.35">
      <c r="A41909" s="1" t="s">
        <v>28506</v>
      </c>
      <c r="B41909" s="1" t="s">
        <v>142570</v>
      </c>
      <c r="C41909" s="1" t="s">
        <v>160</v>
      </c>
      <c r="D41909" s="1" t="s">
        <v>143425</v>
      </c>
      <c r="E41909" s="1" t="s">
        <v>143426</v>
      </c>
      <c r="F41909" s="1" t="s">
        <v>143427</v>
      </c>
      <c r="G41909" s="1" t="s">
        <v>143329</v>
      </c>
      <c r="H41909" s="1" t="s">
        <v>143330</v>
      </c>
      <c r="I41909" s="1" t="s">
        <v>142575</v>
      </c>
      <c r="J41909" s="1" t="s">
        <v>143428</v>
      </c>
    </row>
    <row r="41910" spans="1:10" x14ac:dyDescent="0.35">
      <c r="A41910" s="1" t="s">
        <v>28506</v>
      </c>
      <c r="B41910" s="1" t="s">
        <v>142570</v>
      </c>
      <c r="C41910" s="1" t="s">
        <v>165</v>
      </c>
      <c r="D41910" s="1" t="s">
        <v>143429</v>
      </c>
      <c r="E41910" s="1" t="s">
        <v>143430</v>
      </c>
      <c r="F41910" s="1" t="s">
        <v>143431</v>
      </c>
      <c r="G41910" s="1" t="s">
        <v>143329</v>
      </c>
      <c r="H41910" s="1" t="s">
        <v>143330</v>
      </c>
      <c r="I41910" s="1" t="s">
        <v>142575</v>
      </c>
      <c r="J41910" s="1" t="s">
        <v>143432</v>
      </c>
    </row>
    <row r="41911" spans="1:10" x14ac:dyDescent="0.35">
      <c r="A41911" s="1" t="s">
        <v>28506</v>
      </c>
      <c r="B41911" s="1" t="s">
        <v>142570</v>
      </c>
      <c r="C41911" s="1" t="s">
        <v>170</v>
      </c>
      <c r="D41911" s="1" t="s">
        <v>1415</v>
      </c>
      <c r="E41911" s="1" t="s">
        <v>143433</v>
      </c>
      <c r="F41911" s="1" t="s">
        <v>143434</v>
      </c>
      <c r="G41911" s="1" t="s">
        <v>143329</v>
      </c>
      <c r="H41911" s="1" t="s">
        <v>143330</v>
      </c>
      <c r="I41911" s="1" t="s">
        <v>142575</v>
      </c>
      <c r="J41911" s="1" t="s">
        <v>143435</v>
      </c>
    </row>
    <row r="41912" spans="1:10" x14ac:dyDescent="0.35">
      <c r="A41912" s="1" t="s">
        <v>121718</v>
      </c>
      <c r="B41912" s="1" t="s">
        <v>142570</v>
      </c>
      <c r="C41912" s="1" t="s">
        <v>8</v>
      </c>
      <c r="D41912" s="1" t="s">
        <v>27951</v>
      </c>
      <c r="E41912" s="1" t="s">
        <v>735</v>
      </c>
      <c r="F41912" s="1" t="s">
        <v>143436</v>
      </c>
      <c r="G41912" s="1" t="s">
        <v>143437</v>
      </c>
      <c r="H41912" s="1" t="s">
        <v>143438</v>
      </c>
      <c r="I41912" s="1" t="s">
        <v>142575</v>
      </c>
      <c r="J41912" s="1" t="s">
        <v>13</v>
      </c>
    </row>
    <row r="41913" spans="1:10" x14ac:dyDescent="0.35">
      <c r="A41913" s="1" t="s">
        <v>121718</v>
      </c>
      <c r="B41913" s="1" t="s">
        <v>142570</v>
      </c>
      <c r="C41913" s="1" t="s">
        <v>15</v>
      </c>
      <c r="D41913" s="1" t="s">
        <v>9897</v>
      </c>
      <c r="E41913" s="1" t="s">
        <v>143439</v>
      </c>
      <c r="F41913" s="1" t="s">
        <v>143440</v>
      </c>
      <c r="G41913" s="1" t="s">
        <v>143437</v>
      </c>
      <c r="H41913" s="1" t="s">
        <v>143438</v>
      </c>
      <c r="I41913" s="1" t="s">
        <v>142575</v>
      </c>
      <c r="J41913" s="1" t="s">
        <v>143441</v>
      </c>
    </row>
    <row r="41914" spans="1:10" x14ac:dyDescent="0.35">
      <c r="A41914" s="1" t="s">
        <v>121718</v>
      </c>
      <c r="B41914" s="1" t="s">
        <v>142570</v>
      </c>
      <c r="C41914" s="1" t="s">
        <v>20</v>
      </c>
      <c r="D41914" s="1" t="s">
        <v>12073</v>
      </c>
      <c r="E41914" s="1" t="s">
        <v>143442</v>
      </c>
      <c r="F41914" s="1" t="s">
        <v>139747</v>
      </c>
      <c r="G41914" s="1" t="s">
        <v>143437</v>
      </c>
      <c r="H41914" s="1" t="s">
        <v>143438</v>
      </c>
      <c r="I41914" s="1" t="s">
        <v>142575</v>
      </c>
      <c r="J41914" s="1" t="s">
        <v>143443</v>
      </c>
    </row>
    <row r="41915" spans="1:10" x14ac:dyDescent="0.35">
      <c r="A41915" s="1" t="s">
        <v>121718</v>
      </c>
      <c r="B41915" s="1" t="s">
        <v>142570</v>
      </c>
      <c r="C41915" s="1" t="s">
        <v>25</v>
      </c>
      <c r="D41915" s="1" t="s">
        <v>3972</v>
      </c>
      <c r="E41915" s="1" t="s">
        <v>143444</v>
      </c>
      <c r="F41915" s="1" t="s">
        <v>143445</v>
      </c>
      <c r="G41915" s="1" t="s">
        <v>143437</v>
      </c>
      <c r="H41915" s="1" t="s">
        <v>143438</v>
      </c>
      <c r="I41915" s="1" t="s">
        <v>142575</v>
      </c>
      <c r="J41915" s="1" t="s">
        <v>143446</v>
      </c>
    </row>
    <row r="41916" spans="1:10" x14ac:dyDescent="0.35">
      <c r="A41916" s="1" t="s">
        <v>121718</v>
      </c>
      <c r="B41916" s="1" t="s">
        <v>142570</v>
      </c>
      <c r="C41916" s="1" t="s">
        <v>30</v>
      </c>
      <c r="D41916" s="1" t="s">
        <v>12077</v>
      </c>
      <c r="E41916" s="1" t="s">
        <v>143447</v>
      </c>
      <c r="F41916" s="1" t="s">
        <v>112212</v>
      </c>
      <c r="G41916" s="1" t="s">
        <v>143437</v>
      </c>
      <c r="H41916" s="1" t="s">
        <v>143438</v>
      </c>
      <c r="I41916" s="1" t="s">
        <v>142575</v>
      </c>
      <c r="J41916" s="1" t="s">
        <v>143448</v>
      </c>
    </row>
    <row r="41917" spans="1:10" x14ac:dyDescent="0.35">
      <c r="A41917" s="1" t="s">
        <v>121718</v>
      </c>
      <c r="B41917" s="1" t="s">
        <v>142570</v>
      </c>
      <c r="C41917" s="1" t="s">
        <v>35</v>
      </c>
      <c r="D41917" s="1" t="s">
        <v>3589</v>
      </c>
      <c r="E41917" s="1" t="s">
        <v>73697</v>
      </c>
      <c r="F41917" s="1" t="s">
        <v>143449</v>
      </c>
      <c r="G41917" s="1" t="s">
        <v>143437</v>
      </c>
      <c r="H41917" s="1" t="s">
        <v>143438</v>
      </c>
      <c r="I41917" s="1" t="s">
        <v>142575</v>
      </c>
      <c r="J41917" s="1" t="s">
        <v>143450</v>
      </c>
    </row>
    <row r="41918" spans="1:10" x14ac:dyDescent="0.35">
      <c r="A41918" s="1" t="s">
        <v>121718</v>
      </c>
      <c r="B41918" s="1" t="s">
        <v>142570</v>
      </c>
      <c r="C41918" s="1" t="s">
        <v>40</v>
      </c>
      <c r="D41918" s="1" t="s">
        <v>110</v>
      </c>
      <c r="E41918" s="1" t="s">
        <v>143451</v>
      </c>
      <c r="F41918" s="1" t="s">
        <v>143452</v>
      </c>
      <c r="G41918" s="1" t="s">
        <v>143437</v>
      </c>
      <c r="H41918" s="1" t="s">
        <v>143438</v>
      </c>
      <c r="I41918" s="1" t="s">
        <v>142575</v>
      </c>
      <c r="J41918" s="1" t="s">
        <v>143453</v>
      </c>
    </row>
    <row r="41919" spans="1:10" x14ac:dyDescent="0.35">
      <c r="A41919" s="1" t="s">
        <v>121718</v>
      </c>
      <c r="B41919" s="1" t="s">
        <v>142570</v>
      </c>
      <c r="C41919" s="1" t="s">
        <v>45</v>
      </c>
      <c r="D41919" s="1" t="s">
        <v>143454</v>
      </c>
      <c r="E41919" s="1" t="s">
        <v>73474</v>
      </c>
      <c r="F41919" s="1" t="s">
        <v>143455</v>
      </c>
      <c r="G41919" s="1" t="s">
        <v>143437</v>
      </c>
      <c r="H41919" s="1" t="s">
        <v>143438</v>
      </c>
      <c r="I41919" s="1" t="s">
        <v>142575</v>
      </c>
      <c r="J41919" s="1" t="s">
        <v>143456</v>
      </c>
    </row>
    <row r="41920" spans="1:10" x14ac:dyDescent="0.35">
      <c r="A41920" s="1" t="s">
        <v>121718</v>
      </c>
      <c r="B41920" s="1" t="s">
        <v>142570</v>
      </c>
      <c r="C41920" s="1" t="s">
        <v>50</v>
      </c>
      <c r="D41920" s="1" t="s">
        <v>12108</v>
      </c>
      <c r="E41920" s="1" t="s">
        <v>112249</v>
      </c>
      <c r="F41920" s="1" t="s">
        <v>143457</v>
      </c>
      <c r="G41920" s="1" t="s">
        <v>143437</v>
      </c>
      <c r="H41920" s="1" t="s">
        <v>143438</v>
      </c>
      <c r="I41920" s="1" t="s">
        <v>142575</v>
      </c>
      <c r="J41920" s="1" t="s">
        <v>143458</v>
      </c>
    </row>
    <row r="41921" spans="1:10" x14ac:dyDescent="0.35">
      <c r="A41921" s="1" t="s">
        <v>121718</v>
      </c>
      <c r="B41921" s="1" t="s">
        <v>142570</v>
      </c>
      <c r="C41921" s="1" t="s">
        <v>55</v>
      </c>
      <c r="D41921" s="1" t="s">
        <v>44528</v>
      </c>
      <c r="E41921" s="1" t="s">
        <v>110681</v>
      </c>
      <c r="F41921" s="1" t="s">
        <v>143459</v>
      </c>
      <c r="G41921" s="1" t="s">
        <v>143437</v>
      </c>
      <c r="H41921" s="1" t="s">
        <v>143438</v>
      </c>
      <c r="I41921" s="1" t="s">
        <v>142575</v>
      </c>
      <c r="J41921" s="1" t="s">
        <v>143460</v>
      </c>
    </row>
    <row r="41922" spans="1:10" x14ac:dyDescent="0.35">
      <c r="A41922" s="1" t="s">
        <v>121718</v>
      </c>
      <c r="B41922" s="1" t="s">
        <v>142570</v>
      </c>
      <c r="C41922" s="1" t="s">
        <v>60</v>
      </c>
      <c r="D41922" s="1" t="s">
        <v>143182</v>
      </c>
      <c r="E41922" s="1" t="s">
        <v>73718</v>
      </c>
      <c r="F41922" s="1" t="s">
        <v>143461</v>
      </c>
      <c r="G41922" s="1" t="s">
        <v>143437</v>
      </c>
      <c r="H41922" s="1" t="s">
        <v>143438</v>
      </c>
      <c r="I41922" s="1" t="s">
        <v>142575</v>
      </c>
      <c r="J41922" s="1" t="s">
        <v>143462</v>
      </c>
    </row>
    <row r="41923" spans="1:10" x14ac:dyDescent="0.35">
      <c r="A41923" s="1" t="s">
        <v>121718</v>
      </c>
      <c r="B41923" s="1" t="s">
        <v>142570</v>
      </c>
      <c r="C41923" s="1" t="s">
        <v>65</v>
      </c>
      <c r="D41923" s="1" t="s">
        <v>121984</v>
      </c>
      <c r="E41923" s="1" t="s">
        <v>143463</v>
      </c>
      <c r="F41923" s="1" t="s">
        <v>143464</v>
      </c>
      <c r="G41923" s="1" t="s">
        <v>143437</v>
      </c>
      <c r="H41923" s="1" t="s">
        <v>143438</v>
      </c>
      <c r="I41923" s="1" t="s">
        <v>142575</v>
      </c>
      <c r="J41923" s="1" t="s">
        <v>143465</v>
      </c>
    </row>
    <row r="41924" spans="1:10" x14ac:dyDescent="0.35">
      <c r="A41924" s="1" t="s">
        <v>121718</v>
      </c>
      <c r="B41924" s="1" t="s">
        <v>142570</v>
      </c>
      <c r="C41924" s="1" t="s">
        <v>70</v>
      </c>
      <c r="D41924" s="1" t="s">
        <v>45233</v>
      </c>
      <c r="E41924" s="1" t="s">
        <v>143466</v>
      </c>
      <c r="F41924" s="1" t="s">
        <v>143467</v>
      </c>
      <c r="G41924" s="1" t="s">
        <v>143437</v>
      </c>
      <c r="H41924" s="1" t="s">
        <v>143438</v>
      </c>
      <c r="I41924" s="1" t="s">
        <v>142575</v>
      </c>
      <c r="J41924" s="1" t="s">
        <v>143468</v>
      </c>
    </row>
    <row r="41925" spans="1:10" x14ac:dyDescent="0.35">
      <c r="A41925" s="1" t="s">
        <v>121718</v>
      </c>
      <c r="B41925" s="1" t="s">
        <v>142570</v>
      </c>
      <c r="C41925" s="1" t="s">
        <v>75</v>
      </c>
      <c r="D41925" s="1" t="s">
        <v>28395</v>
      </c>
      <c r="E41925" s="1" t="s">
        <v>143469</v>
      </c>
      <c r="F41925" s="1" t="s">
        <v>143470</v>
      </c>
      <c r="G41925" s="1" t="s">
        <v>143437</v>
      </c>
      <c r="H41925" s="1" t="s">
        <v>143438</v>
      </c>
      <c r="I41925" s="1" t="s">
        <v>142575</v>
      </c>
      <c r="J41925" s="1" t="s">
        <v>143471</v>
      </c>
    </row>
    <row r="41926" spans="1:10" x14ac:dyDescent="0.35">
      <c r="A41926" s="1" t="s">
        <v>121718</v>
      </c>
      <c r="B41926" s="1" t="s">
        <v>142570</v>
      </c>
      <c r="C41926" s="1" t="s">
        <v>80</v>
      </c>
      <c r="D41926" s="1" t="s">
        <v>3980</v>
      </c>
      <c r="E41926" s="1" t="s">
        <v>143472</v>
      </c>
      <c r="F41926" s="1" t="s">
        <v>143473</v>
      </c>
      <c r="G41926" s="1" t="s">
        <v>143437</v>
      </c>
      <c r="H41926" s="1" t="s">
        <v>143438</v>
      </c>
      <c r="I41926" s="1" t="s">
        <v>142575</v>
      </c>
      <c r="J41926" s="1" t="s">
        <v>143474</v>
      </c>
    </row>
    <row r="41927" spans="1:10" x14ac:dyDescent="0.35">
      <c r="A41927" s="1" t="s">
        <v>121718</v>
      </c>
      <c r="B41927" s="1" t="s">
        <v>142570</v>
      </c>
      <c r="C41927" s="1" t="s">
        <v>85</v>
      </c>
      <c r="D41927" s="1" t="s">
        <v>50616</v>
      </c>
      <c r="E41927" s="1" t="s">
        <v>143475</v>
      </c>
      <c r="F41927" s="1" t="s">
        <v>143476</v>
      </c>
      <c r="G41927" s="1" t="s">
        <v>143437</v>
      </c>
      <c r="H41927" s="1" t="s">
        <v>143438</v>
      </c>
      <c r="I41927" s="1" t="s">
        <v>142575</v>
      </c>
      <c r="J41927" s="1" t="s">
        <v>143477</v>
      </c>
    </row>
    <row r="41928" spans="1:10" x14ac:dyDescent="0.35">
      <c r="A41928" s="1" t="s">
        <v>121718</v>
      </c>
      <c r="B41928" s="1" t="s">
        <v>142570</v>
      </c>
      <c r="C41928" s="1" t="s">
        <v>90</v>
      </c>
      <c r="D41928" s="1" t="s">
        <v>142609</v>
      </c>
      <c r="E41928" s="1" t="s">
        <v>73498</v>
      </c>
      <c r="F41928" s="1" t="s">
        <v>143478</v>
      </c>
      <c r="G41928" s="1" t="s">
        <v>143437</v>
      </c>
      <c r="H41928" s="1" t="s">
        <v>143438</v>
      </c>
      <c r="I41928" s="1" t="s">
        <v>142575</v>
      </c>
      <c r="J41928" s="1" t="s">
        <v>143479</v>
      </c>
    </row>
    <row r="41929" spans="1:10" x14ac:dyDescent="0.35">
      <c r="A41929" s="1" t="s">
        <v>121718</v>
      </c>
      <c r="B41929" s="1" t="s">
        <v>142570</v>
      </c>
      <c r="C41929" s="1" t="s">
        <v>95</v>
      </c>
      <c r="D41929" s="1" t="s">
        <v>12095</v>
      </c>
      <c r="E41929" s="1" t="s">
        <v>110728</v>
      </c>
      <c r="F41929" s="1" t="s">
        <v>143480</v>
      </c>
      <c r="G41929" s="1" t="s">
        <v>143437</v>
      </c>
      <c r="H41929" s="1" t="s">
        <v>143438</v>
      </c>
      <c r="I41929" s="1" t="s">
        <v>142575</v>
      </c>
      <c r="J41929" s="1" t="s">
        <v>143481</v>
      </c>
    </row>
    <row r="41930" spans="1:10" x14ac:dyDescent="0.35">
      <c r="A41930" s="1" t="s">
        <v>121718</v>
      </c>
      <c r="B41930" s="1" t="s">
        <v>142570</v>
      </c>
      <c r="C41930" s="1" t="s">
        <v>100</v>
      </c>
      <c r="D41930" s="1" t="s">
        <v>45462</v>
      </c>
      <c r="E41930" s="1" t="s">
        <v>143482</v>
      </c>
      <c r="F41930" s="1" t="s">
        <v>143483</v>
      </c>
      <c r="G41930" s="1" t="s">
        <v>143437</v>
      </c>
      <c r="H41930" s="1" t="s">
        <v>143438</v>
      </c>
      <c r="I41930" s="1" t="s">
        <v>142575</v>
      </c>
      <c r="J41930" s="1" t="s">
        <v>143484</v>
      </c>
    </row>
    <row r="41931" spans="1:10" x14ac:dyDescent="0.35">
      <c r="A41931" s="1" t="s">
        <v>121718</v>
      </c>
      <c r="B41931" s="1" t="s">
        <v>142570</v>
      </c>
      <c r="C41931" s="1" t="s">
        <v>105</v>
      </c>
      <c r="D41931" s="1" t="s">
        <v>1213</v>
      </c>
      <c r="E41931" s="1" t="s">
        <v>827</v>
      </c>
      <c r="F41931" s="1" t="s">
        <v>143485</v>
      </c>
      <c r="G41931" s="1" t="s">
        <v>143437</v>
      </c>
      <c r="H41931" s="1" t="s">
        <v>143438</v>
      </c>
      <c r="I41931" s="1" t="s">
        <v>142575</v>
      </c>
      <c r="J41931" s="1" t="s">
        <v>143486</v>
      </c>
    </row>
    <row r="41932" spans="1:10" x14ac:dyDescent="0.35">
      <c r="A41932" s="1" t="s">
        <v>121718</v>
      </c>
      <c r="B41932" s="1" t="s">
        <v>142570</v>
      </c>
      <c r="C41932" s="1" t="s">
        <v>110</v>
      </c>
      <c r="D41932" s="1" t="s">
        <v>51865</v>
      </c>
      <c r="E41932" s="1" t="s">
        <v>811</v>
      </c>
      <c r="F41932" s="1" t="s">
        <v>143487</v>
      </c>
      <c r="G41932" s="1" t="s">
        <v>143437</v>
      </c>
      <c r="H41932" s="1" t="s">
        <v>143438</v>
      </c>
      <c r="I41932" s="1" t="s">
        <v>142575</v>
      </c>
      <c r="J41932" s="1" t="s">
        <v>143488</v>
      </c>
    </row>
    <row r="41933" spans="1:10" x14ac:dyDescent="0.35">
      <c r="A41933" s="1" t="s">
        <v>121718</v>
      </c>
      <c r="B41933" s="1" t="s">
        <v>142570</v>
      </c>
      <c r="C41933" s="1" t="s">
        <v>115</v>
      </c>
      <c r="D41933" s="1" t="s">
        <v>143489</v>
      </c>
      <c r="E41933" s="1" t="s">
        <v>143490</v>
      </c>
      <c r="F41933" s="1" t="s">
        <v>143491</v>
      </c>
      <c r="G41933" s="1" t="s">
        <v>143437</v>
      </c>
      <c r="H41933" s="1" t="s">
        <v>143438</v>
      </c>
      <c r="I41933" s="1" t="s">
        <v>142575</v>
      </c>
      <c r="J41933" s="1" t="s">
        <v>143492</v>
      </c>
    </row>
    <row r="41934" spans="1:10" x14ac:dyDescent="0.35">
      <c r="A41934" s="1" t="s">
        <v>121718</v>
      </c>
      <c r="B41934" s="1" t="s">
        <v>142570</v>
      </c>
      <c r="C41934" s="1" t="s">
        <v>120</v>
      </c>
      <c r="D41934" s="1" t="s">
        <v>111798</v>
      </c>
      <c r="E41934" s="1" t="s">
        <v>143493</v>
      </c>
      <c r="F41934" s="1" t="s">
        <v>143494</v>
      </c>
      <c r="G41934" s="1" t="s">
        <v>143437</v>
      </c>
      <c r="H41934" s="1" t="s">
        <v>143438</v>
      </c>
      <c r="I41934" s="1" t="s">
        <v>142575</v>
      </c>
      <c r="J41934" s="1" t="s">
        <v>143495</v>
      </c>
    </row>
    <row r="41935" spans="1:10" x14ac:dyDescent="0.35">
      <c r="A41935" s="1" t="s">
        <v>121718</v>
      </c>
      <c r="B41935" s="1" t="s">
        <v>142570</v>
      </c>
      <c r="C41935" s="1" t="s">
        <v>125</v>
      </c>
      <c r="D41935" s="1" t="s">
        <v>143496</v>
      </c>
      <c r="E41935" s="1" t="s">
        <v>143497</v>
      </c>
      <c r="F41935" s="1" t="s">
        <v>8571</v>
      </c>
      <c r="G41935" s="1" t="s">
        <v>143437</v>
      </c>
      <c r="H41935" s="1" t="s">
        <v>143438</v>
      </c>
      <c r="I41935" s="1" t="s">
        <v>142575</v>
      </c>
      <c r="J41935" s="1" t="s">
        <v>143498</v>
      </c>
    </row>
    <row r="41936" spans="1:10" x14ac:dyDescent="0.35">
      <c r="A41936" s="1" t="s">
        <v>121718</v>
      </c>
      <c r="B41936" s="1" t="s">
        <v>142570</v>
      </c>
      <c r="C41936" s="1" t="s">
        <v>130</v>
      </c>
      <c r="D41936" s="1" t="s">
        <v>27981</v>
      </c>
      <c r="E41936" s="1" t="s">
        <v>73073</v>
      </c>
      <c r="F41936" s="1" t="s">
        <v>143499</v>
      </c>
      <c r="G41936" s="1" t="s">
        <v>143437</v>
      </c>
      <c r="H41936" s="1" t="s">
        <v>143438</v>
      </c>
      <c r="I41936" s="1" t="s">
        <v>142575</v>
      </c>
      <c r="J41936" s="1" t="s">
        <v>143500</v>
      </c>
    </row>
    <row r="41937" spans="1:10" x14ac:dyDescent="0.35">
      <c r="A41937" s="1" t="s">
        <v>121718</v>
      </c>
      <c r="B41937" s="1" t="s">
        <v>142570</v>
      </c>
      <c r="C41937" s="1" t="s">
        <v>135</v>
      </c>
      <c r="D41937" s="1" t="s">
        <v>14109</v>
      </c>
      <c r="E41937" s="1" t="s">
        <v>143490</v>
      </c>
      <c r="F41937" s="1" t="s">
        <v>143501</v>
      </c>
      <c r="G41937" s="1" t="s">
        <v>143437</v>
      </c>
      <c r="H41937" s="1" t="s">
        <v>143438</v>
      </c>
      <c r="I41937" s="1" t="s">
        <v>142575</v>
      </c>
      <c r="J41937" s="1" t="s">
        <v>143502</v>
      </c>
    </row>
    <row r="41938" spans="1:10" x14ac:dyDescent="0.35">
      <c r="A41938" s="1" t="s">
        <v>121718</v>
      </c>
      <c r="B41938" s="1" t="s">
        <v>142570</v>
      </c>
      <c r="C41938" s="1" t="s">
        <v>140</v>
      </c>
      <c r="D41938" s="1" t="s">
        <v>46224</v>
      </c>
      <c r="E41938" s="1" t="s">
        <v>73326</v>
      </c>
      <c r="F41938" s="1" t="s">
        <v>143503</v>
      </c>
      <c r="G41938" s="1" t="s">
        <v>143437</v>
      </c>
      <c r="H41938" s="1" t="s">
        <v>143438</v>
      </c>
      <c r="I41938" s="1" t="s">
        <v>142575</v>
      </c>
      <c r="J41938" s="1" t="s">
        <v>143504</v>
      </c>
    </row>
    <row r="41939" spans="1:10" x14ac:dyDescent="0.35">
      <c r="A41939" s="1" t="s">
        <v>121718</v>
      </c>
      <c r="B41939" s="1" t="s">
        <v>142570</v>
      </c>
      <c r="C41939" s="1" t="s">
        <v>145</v>
      </c>
      <c r="D41939" s="1" t="s">
        <v>143505</v>
      </c>
      <c r="E41939" s="1" t="s">
        <v>143506</v>
      </c>
      <c r="F41939" s="1" t="s">
        <v>143507</v>
      </c>
      <c r="G41939" s="1" t="s">
        <v>143437</v>
      </c>
      <c r="H41939" s="1" t="s">
        <v>143438</v>
      </c>
      <c r="I41939" s="1" t="s">
        <v>142575</v>
      </c>
      <c r="J41939" s="1" t="s">
        <v>143508</v>
      </c>
    </row>
    <row r="41940" spans="1:10" x14ac:dyDescent="0.35">
      <c r="A41940" s="1" t="s">
        <v>121718</v>
      </c>
      <c r="B41940" s="1" t="s">
        <v>142570</v>
      </c>
      <c r="C41940" s="1" t="s">
        <v>150</v>
      </c>
      <c r="D41940" s="1" t="s">
        <v>143509</v>
      </c>
      <c r="E41940" s="1" t="s">
        <v>143510</v>
      </c>
      <c r="F41940" s="1" t="s">
        <v>143511</v>
      </c>
      <c r="G41940" s="1" t="s">
        <v>143437</v>
      </c>
      <c r="H41940" s="1" t="s">
        <v>143438</v>
      </c>
      <c r="I41940" s="1" t="s">
        <v>142575</v>
      </c>
      <c r="J41940" s="1" t="s">
        <v>143512</v>
      </c>
    </row>
    <row r="41941" spans="1:10" x14ac:dyDescent="0.35">
      <c r="A41941" s="1" t="s">
        <v>121718</v>
      </c>
      <c r="B41941" s="1" t="s">
        <v>142570</v>
      </c>
      <c r="C41941" s="1" t="s">
        <v>155</v>
      </c>
      <c r="D41941" s="1" t="s">
        <v>8695</v>
      </c>
      <c r="E41941" s="1" t="s">
        <v>73303</v>
      </c>
      <c r="F41941" s="1" t="s">
        <v>143513</v>
      </c>
      <c r="G41941" s="1" t="s">
        <v>143437</v>
      </c>
      <c r="H41941" s="1" t="s">
        <v>143438</v>
      </c>
      <c r="I41941" s="1" t="s">
        <v>142575</v>
      </c>
      <c r="J41941" s="1" t="s">
        <v>38323</v>
      </c>
    </row>
    <row r="41942" spans="1:10" x14ac:dyDescent="0.35">
      <c r="A41942" s="1" t="s">
        <v>121718</v>
      </c>
      <c r="B41942" s="1" t="s">
        <v>142570</v>
      </c>
      <c r="C41942" s="1" t="s">
        <v>160</v>
      </c>
      <c r="D41942" s="1" t="s">
        <v>46442</v>
      </c>
      <c r="E41942" s="1" t="s">
        <v>110731</v>
      </c>
      <c r="F41942" s="1" t="s">
        <v>143514</v>
      </c>
      <c r="G41942" s="1" t="s">
        <v>143437</v>
      </c>
      <c r="H41942" s="1" t="s">
        <v>143438</v>
      </c>
      <c r="I41942" s="1" t="s">
        <v>142575</v>
      </c>
      <c r="J41942" s="1" t="s">
        <v>143515</v>
      </c>
    </row>
    <row r="41943" spans="1:10" x14ac:dyDescent="0.35">
      <c r="A41943" s="1" t="s">
        <v>121718</v>
      </c>
      <c r="B41943" s="1" t="s">
        <v>142570</v>
      </c>
      <c r="C41943" s="1" t="s">
        <v>165</v>
      </c>
      <c r="D41943" s="1" t="s">
        <v>143516</v>
      </c>
      <c r="E41943" s="1" t="s">
        <v>143517</v>
      </c>
      <c r="F41943" s="1" t="s">
        <v>143518</v>
      </c>
      <c r="G41943" s="1" t="s">
        <v>143437</v>
      </c>
      <c r="H41943" s="1" t="s">
        <v>143438</v>
      </c>
      <c r="I41943" s="1" t="s">
        <v>142575</v>
      </c>
      <c r="J41943" s="1" t="s">
        <v>143519</v>
      </c>
    </row>
    <row r="41944" spans="1:10" x14ac:dyDescent="0.35">
      <c r="A41944" s="1" t="s">
        <v>121718</v>
      </c>
      <c r="B41944" s="1" t="s">
        <v>142570</v>
      </c>
      <c r="C41944" s="1" t="s">
        <v>170</v>
      </c>
      <c r="D41944" s="1" t="s">
        <v>143520</v>
      </c>
      <c r="E41944" s="1" t="s">
        <v>143521</v>
      </c>
      <c r="F41944" s="1" t="s">
        <v>143522</v>
      </c>
      <c r="G41944" s="1" t="s">
        <v>143437</v>
      </c>
      <c r="H41944" s="1" t="s">
        <v>143438</v>
      </c>
      <c r="I41944" s="1" t="s">
        <v>142575</v>
      </c>
      <c r="J41944" s="1" t="s">
        <v>143523</v>
      </c>
    </row>
    <row r="41945" spans="1:10" x14ac:dyDescent="0.35">
      <c r="A41945" s="1" t="s">
        <v>10465</v>
      </c>
      <c r="B41945" s="1" t="s">
        <v>142570</v>
      </c>
      <c r="C41945" s="1" t="s">
        <v>8</v>
      </c>
      <c r="D41945" s="1" t="s">
        <v>2901</v>
      </c>
      <c r="E41945" s="1" t="s">
        <v>143524</v>
      </c>
      <c r="F41945" s="1" t="s">
        <v>143525</v>
      </c>
      <c r="G41945" s="1" t="s">
        <v>143526</v>
      </c>
      <c r="H41945" s="1" t="s">
        <v>143527</v>
      </c>
      <c r="I41945" s="1" t="s">
        <v>142575</v>
      </c>
      <c r="J41945" s="1" t="s">
        <v>13</v>
      </c>
    </row>
    <row r="41946" spans="1:10" x14ac:dyDescent="0.35">
      <c r="A41946" s="1" t="s">
        <v>10465</v>
      </c>
      <c r="B41946" s="1" t="s">
        <v>142570</v>
      </c>
      <c r="C41946" s="1" t="s">
        <v>15</v>
      </c>
      <c r="D41946" s="1" t="s">
        <v>143528</v>
      </c>
      <c r="E41946" s="1" t="s">
        <v>135765</v>
      </c>
      <c r="F41946" s="1" t="s">
        <v>143529</v>
      </c>
      <c r="G41946" s="1" t="s">
        <v>143526</v>
      </c>
      <c r="H41946" s="1" t="s">
        <v>143527</v>
      </c>
      <c r="I41946" s="1" t="s">
        <v>142575</v>
      </c>
      <c r="J41946" s="1" t="s">
        <v>143530</v>
      </c>
    </row>
    <row r="41947" spans="1:10" x14ac:dyDescent="0.35">
      <c r="A41947" s="1" t="s">
        <v>10465</v>
      </c>
      <c r="B41947" s="1" t="s">
        <v>142570</v>
      </c>
      <c r="C41947" s="1" t="s">
        <v>20</v>
      </c>
      <c r="D41947" s="1" t="s">
        <v>1588</v>
      </c>
      <c r="E41947" s="1" t="s">
        <v>133100</v>
      </c>
      <c r="F41947" s="1" t="s">
        <v>143531</v>
      </c>
      <c r="G41947" s="1" t="s">
        <v>143526</v>
      </c>
      <c r="H41947" s="1" t="s">
        <v>143527</v>
      </c>
      <c r="I41947" s="1" t="s">
        <v>142575</v>
      </c>
      <c r="J41947" s="1" t="s">
        <v>143532</v>
      </c>
    </row>
    <row r="41948" spans="1:10" x14ac:dyDescent="0.35">
      <c r="A41948" s="1" t="s">
        <v>10465</v>
      </c>
      <c r="B41948" s="1" t="s">
        <v>142570</v>
      </c>
      <c r="C41948" s="1" t="s">
        <v>25</v>
      </c>
      <c r="D41948" s="1" t="s">
        <v>143533</v>
      </c>
      <c r="E41948" s="1" t="s">
        <v>143534</v>
      </c>
      <c r="F41948" s="1" t="s">
        <v>55024</v>
      </c>
      <c r="G41948" s="1" t="s">
        <v>143526</v>
      </c>
      <c r="H41948" s="1" t="s">
        <v>143527</v>
      </c>
      <c r="I41948" s="1" t="s">
        <v>142575</v>
      </c>
      <c r="J41948" s="1" t="s">
        <v>143535</v>
      </c>
    </row>
    <row r="41949" spans="1:10" x14ac:dyDescent="0.35">
      <c r="A41949" s="1" t="s">
        <v>10465</v>
      </c>
      <c r="B41949" s="1" t="s">
        <v>142570</v>
      </c>
      <c r="C41949" s="1" t="s">
        <v>30</v>
      </c>
      <c r="D41949" s="1" t="s">
        <v>143536</v>
      </c>
      <c r="E41949" s="1" t="s">
        <v>142849</v>
      </c>
      <c r="F41949" s="1" t="s">
        <v>143537</v>
      </c>
      <c r="G41949" s="1" t="s">
        <v>143526</v>
      </c>
      <c r="H41949" s="1" t="s">
        <v>143527</v>
      </c>
      <c r="I41949" s="1" t="s">
        <v>142575</v>
      </c>
      <c r="J41949" s="1" t="s">
        <v>143538</v>
      </c>
    </row>
    <row r="41950" spans="1:10" x14ac:dyDescent="0.35">
      <c r="A41950" s="1" t="s">
        <v>10465</v>
      </c>
      <c r="B41950" s="1" t="s">
        <v>142570</v>
      </c>
      <c r="C41950" s="1" t="s">
        <v>35</v>
      </c>
      <c r="D41950" s="1" t="s">
        <v>1711</v>
      </c>
      <c r="E41950" s="1" t="s">
        <v>143539</v>
      </c>
      <c r="F41950" s="1" t="s">
        <v>23829</v>
      </c>
      <c r="G41950" s="1" t="s">
        <v>143526</v>
      </c>
      <c r="H41950" s="1" t="s">
        <v>143527</v>
      </c>
      <c r="I41950" s="1" t="s">
        <v>142575</v>
      </c>
      <c r="J41950" s="1" t="s">
        <v>143540</v>
      </c>
    </row>
    <row r="41951" spans="1:10" x14ac:dyDescent="0.35">
      <c r="A41951" s="1" t="s">
        <v>10465</v>
      </c>
      <c r="B41951" s="1" t="s">
        <v>142570</v>
      </c>
      <c r="C41951" s="1" t="s">
        <v>40</v>
      </c>
      <c r="D41951" s="1" t="s">
        <v>6504</v>
      </c>
      <c r="E41951" s="1" t="s">
        <v>110820</v>
      </c>
      <c r="F41951" s="1" t="s">
        <v>143541</v>
      </c>
      <c r="G41951" s="1" t="s">
        <v>143526</v>
      </c>
      <c r="H41951" s="1" t="s">
        <v>143527</v>
      </c>
      <c r="I41951" s="1" t="s">
        <v>142575</v>
      </c>
      <c r="J41951" s="1" t="s">
        <v>143542</v>
      </c>
    </row>
    <row r="41952" spans="1:10" x14ac:dyDescent="0.35">
      <c r="A41952" s="1" t="s">
        <v>10465</v>
      </c>
      <c r="B41952" s="1" t="s">
        <v>142570</v>
      </c>
      <c r="C41952" s="1" t="s">
        <v>45</v>
      </c>
      <c r="D41952" s="1" t="s">
        <v>143536</v>
      </c>
      <c r="E41952" s="1" t="s">
        <v>78702</v>
      </c>
      <c r="F41952" s="1" t="s">
        <v>143543</v>
      </c>
      <c r="G41952" s="1" t="s">
        <v>143526</v>
      </c>
      <c r="H41952" s="1" t="s">
        <v>143527</v>
      </c>
      <c r="I41952" s="1" t="s">
        <v>142575</v>
      </c>
      <c r="J41952" s="1" t="s">
        <v>143544</v>
      </c>
    </row>
    <row r="41953" spans="1:10" x14ac:dyDescent="0.35">
      <c r="A41953" s="1" t="s">
        <v>10465</v>
      </c>
      <c r="B41953" s="1" t="s">
        <v>142570</v>
      </c>
      <c r="C41953" s="1" t="s">
        <v>50</v>
      </c>
      <c r="D41953" s="1" t="s">
        <v>45012</v>
      </c>
      <c r="E41953" s="1" t="s">
        <v>143545</v>
      </c>
      <c r="F41953" s="1" t="s">
        <v>143546</v>
      </c>
      <c r="G41953" s="1" t="s">
        <v>143526</v>
      </c>
      <c r="H41953" s="1" t="s">
        <v>143527</v>
      </c>
      <c r="I41953" s="1" t="s">
        <v>142575</v>
      </c>
      <c r="J41953" s="1" t="s">
        <v>143547</v>
      </c>
    </row>
    <row r="41954" spans="1:10" x14ac:dyDescent="0.35">
      <c r="A41954" s="1" t="s">
        <v>10465</v>
      </c>
      <c r="B41954" s="1" t="s">
        <v>142570</v>
      </c>
      <c r="C41954" s="1" t="s">
        <v>55</v>
      </c>
      <c r="D41954" s="1" t="s">
        <v>143548</v>
      </c>
      <c r="E41954" s="1" t="s">
        <v>110876</v>
      </c>
      <c r="F41954" s="1" t="s">
        <v>143549</v>
      </c>
      <c r="G41954" s="1" t="s">
        <v>143526</v>
      </c>
      <c r="H41954" s="1" t="s">
        <v>143527</v>
      </c>
      <c r="I41954" s="1" t="s">
        <v>142575</v>
      </c>
      <c r="J41954" s="1" t="s">
        <v>143550</v>
      </c>
    </row>
    <row r="41955" spans="1:10" x14ac:dyDescent="0.35">
      <c r="A41955" s="1" t="s">
        <v>10465</v>
      </c>
      <c r="B41955" s="1" t="s">
        <v>142570</v>
      </c>
      <c r="C41955" s="1" t="s">
        <v>60</v>
      </c>
      <c r="D41955" s="1" t="s">
        <v>35184</v>
      </c>
      <c r="E41955" s="1" t="s">
        <v>142870</v>
      </c>
      <c r="F41955" s="1" t="s">
        <v>143551</v>
      </c>
      <c r="G41955" s="1" t="s">
        <v>143526</v>
      </c>
      <c r="H41955" s="1" t="s">
        <v>143527</v>
      </c>
      <c r="I41955" s="1" t="s">
        <v>142575</v>
      </c>
      <c r="J41955" s="1" t="s">
        <v>143552</v>
      </c>
    </row>
    <row r="41956" spans="1:10" x14ac:dyDescent="0.35">
      <c r="A41956" s="1" t="s">
        <v>10465</v>
      </c>
      <c r="B41956" s="1" t="s">
        <v>142570</v>
      </c>
      <c r="C41956" s="1" t="s">
        <v>65</v>
      </c>
      <c r="D41956" s="1" t="s">
        <v>1584</v>
      </c>
      <c r="E41956" s="1" t="s">
        <v>143553</v>
      </c>
      <c r="F41956" s="1" t="s">
        <v>143554</v>
      </c>
      <c r="G41956" s="1" t="s">
        <v>143526</v>
      </c>
      <c r="H41956" s="1" t="s">
        <v>143527</v>
      </c>
      <c r="I41956" s="1" t="s">
        <v>142575</v>
      </c>
      <c r="J41956" s="1" t="s">
        <v>143555</v>
      </c>
    </row>
    <row r="41957" spans="1:10" x14ac:dyDescent="0.35">
      <c r="A41957" s="1" t="s">
        <v>10465</v>
      </c>
      <c r="B41957" s="1" t="s">
        <v>142570</v>
      </c>
      <c r="C41957" s="1" t="s">
        <v>70</v>
      </c>
      <c r="D41957" s="1" t="s">
        <v>143556</v>
      </c>
      <c r="E41957" s="1" t="s">
        <v>143557</v>
      </c>
      <c r="F41957" s="1" t="s">
        <v>143558</v>
      </c>
      <c r="G41957" s="1" t="s">
        <v>143526</v>
      </c>
      <c r="H41957" s="1" t="s">
        <v>143527</v>
      </c>
      <c r="I41957" s="1" t="s">
        <v>142575</v>
      </c>
      <c r="J41957" s="1" t="s">
        <v>143559</v>
      </c>
    </row>
    <row r="41958" spans="1:10" x14ac:dyDescent="0.35">
      <c r="A41958" s="1" t="s">
        <v>10465</v>
      </c>
      <c r="B41958" s="1" t="s">
        <v>142570</v>
      </c>
      <c r="C41958" s="1" t="s">
        <v>75</v>
      </c>
      <c r="D41958" s="1" t="s">
        <v>1679</v>
      </c>
      <c r="E41958" s="1" t="s">
        <v>135319</v>
      </c>
      <c r="F41958" s="1" t="s">
        <v>143560</v>
      </c>
      <c r="G41958" s="1" t="s">
        <v>143526</v>
      </c>
      <c r="H41958" s="1" t="s">
        <v>143527</v>
      </c>
      <c r="I41958" s="1" t="s">
        <v>142575</v>
      </c>
      <c r="J41958" s="1" t="s">
        <v>143561</v>
      </c>
    </row>
    <row r="41959" spans="1:10" x14ac:dyDescent="0.35">
      <c r="A41959" s="1" t="s">
        <v>10465</v>
      </c>
      <c r="B41959" s="1" t="s">
        <v>142570</v>
      </c>
      <c r="C41959" s="1" t="s">
        <v>80</v>
      </c>
      <c r="D41959" s="1" t="s">
        <v>143562</v>
      </c>
      <c r="E41959" s="1" t="s">
        <v>135310</v>
      </c>
      <c r="F41959" s="1" t="s">
        <v>143563</v>
      </c>
      <c r="G41959" s="1" t="s">
        <v>143526</v>
      </c>
      <c r="H41959" s="1" t="s">
        <v>143527</v>
      </c>
      <c r="I41959" s="1" t="s">
        <v>142575</v>
      </c>
      <c r="J41959" s="1" t="s">
        <v>143564</v>
      </c>
    </row>
    <row r="41960" spans="1:10" x14ac:dyDescent="0.35">
      <c r="A41960" s="1" t="s">
        <v>10465</v>
      </c>
      <c r="B41960" s="1" t="s">
        <v>142570</v>
      </c>
      <c r="C41960" s="1" t="s">
        <v>85</v>
      </c>
      <c r="D41960" s="1" t="s">
        <v>25538</v>
      </c>
      <c r="E41960" s="1" t="s">
        <v>143565</v>
      </c>
      <c r="F41960" s="1" t="s">
        <v>143566</v>
      </c>
      <c r="G41960" s="1" t="s">
        <v>143526</v>
      </c>
      <c r="H41960" s="1" t="s">
        <v>143527</v>
      </c>
      <c r="I41960" s="1" t="s">
        <v>142575</v>
      </c>
      <c r="J41960" s="1" t="s">
        <v>143567</v>
      </c>
    </row>
    <row r="41961" spans="1:10" x14ac:dyDescent="0.35">
      <c r="A41961" s="1" t="s">
        <v>10465</v>
      </c>
      <c r="B41961" s="1" t="s">
        <v>142570</v>
      </c>
      <c r="C41961" s="1" t="s">
        <v>90</v>
      </c>
      <c r="D41961" s="1" t="s">
        <v>143568</v>
      </c>
      <c r="E41961" s="1" t="s">
        <v>142856</v>
      </c>
      <c r="F41961" s="1" t="s">
        <v>143569</v>
      </c>
      <c r="G41961" s="1" t="s">
        <v>143526</v>
      </c>
      <c r="H41961" s="1" t="s">
        <v>143527</v>
      </c>
      <c r="I41961" s="1" t="s">
        <v>142575</v>
      </c>
      <c r="J41961" s="1" t="s">
        <v>143570</v>
      </c>
    </row>
    <row r="41962" spans="1:10" x14ac:dyDescent="0.35">
      <c r="A41962" s="1" t="s">
        <v>10465</v>
      </c>
      <c r="B41962" s="1" t="s">
        <v>142570</v>
      </c>
      <c r="C41962" s="1" t="s">
        <v>95</v>
      </c>
      <c r="D41962" s="1" t="s">
        <v>45845</v>
      </c>
      <c r="E41962" s="1" t="s">
        <v>135310</v>
      </c>
      <c r="F41962" s="1" t="s">
        <v>143571</v>
      </c>
      <c r="G41962" s="1" t="s">
        <v>143526</v>
      </c>
      <c r="H41962" s="1" t="s">
        <v>143527</v>
      </c>
      <c r="I41962" s="1" t="s">
        <v>142575</v>
      </c>
      <c r="J41962" s="1" t="s">
        <v>143572</v>
      </c>
    </row>
    <row r="41963" spans="1:10" x14ac:dyDescent="0.35">
      <c r="A41963" s="1" t="s">
        <v>10465</v>
      </c>
      <c r="B41963" s="1" t="s">
        <v>142570</v>
      </c>
      <c r="C41963" s="1" t="s">
        <v>100</v>
      </c>
      <c r="D41963" s="1" t="s">
        <v>121880</v>
      </c>
      <c r="E41963" s="1" t="s">
        <v>143573</v>
      </c>
      <c r="F41963" s="1" t="s">
        <v>143574</v>
      </c>
      <c r="G41963" s="1" t="s">
        <v>143526</v>
      </c>
      <c r="H41963" s="1" t="s">
        <v>143527</v>
      </c>
      <c r="I41963" s="1" t="s">
        <v>142575</v>
      </c>
      <c r="J41963" s="1" t="s">
        <v>143575</v>
      </c>
    </row>
    <row r="41964" spans="1:10" x14ac:dyDescent="0.35">
      <c r="A41964" s="1" t="s">
        <v>10465</v>
      </c>
      <c r="B41964" s="1" t="s">
        <v>142570</v>
      </c>
      <c r="C41964" s="1" t="s">
        <v>105</v>
      </c>
      <c r="D41964" s="1" t="s">
        <v>29200</v>
      </c>
      <c r="E41964" s="1" t="s">
        <v>77857</v>
      </c>
      <c r="F41964" s="1" t="s">
        <v>143576</v>
      </c>
      <c r="G41964" s="1" t="s">
        <v>143526</v>
      </c>
      <c r="H41964" s="1" t="s">
        <v>143527</v>
      </c>
      <c r="I41964" s="1" t="s">
        <v>142575</v>
      </c>
      <c r="J41964" s="1" t="s">
        <v>143577</v>
      </c>
    </row>
    <row r="41965" spans="1:10" x14ac:dyDescent="0.35">
      <c r="A41965" s="1" t="s">
        <v>10465</v>
      </c>
      <c r="B41965" s="1" t="s">
        <v>142570</v>
      </c>
      <c r="C41965" s="1" t="s">
        <v>110</v>
      </c>
      <c r="D41965" s="1" t="s">
        <v>109614</v>
      </c>
      <c r="E41965" s="1" t="s">
        <v>70788</v>
      </c>
      <c r="F41965" s="1" t="s">
        <v>143578</v>
      </c>
      <c r="G41965" s="1" t="s">
        <v>143526</v>
      </c>
      <c r="H41965" s="1" t="s">
        <v>143527</v>
      </c>
      <c r="I41965" s="1" t="s">
        <v>142575</v>
      </c>
      <c r="J41965" s="1" t="s">
        <v>143579</v>
      </c>
    </row>
    <row r="41966" spans="1:10" x14ac:dyDescent="0.35">
      <c r="A41966" s="1" t="s">
        <v>10465</v>
      </c>
      <c r="B41966" s="1" t="s">
        <v>142570</v>
      </c>
      <c r="C41966" s="1" t="s">
        <v>115</v>
      </c>
      <c r="D41966" s="1" t="s">
        <v>44689</v>
      </c>
      <c r="E41966" s="1" t="s">
        <v>77784</v>
      </c>
      <c r="F41966" s="1" t="s">
        <v>143580</v>
      </c>
      <c r="G41966" s="1" t="s">
        <v>143526</v>
      </c>
      <c r="H41966" s="1" t="s">
        <v>143527</v>
      </c>
      <c r="I41966" s="1" t="s">
        <v>142575</v>
      </c>
      <c r="J41966" s="1" t="s">
        <v>143581</v>
      </c>
    </row>
    <row r="41967" spans="1:10" x14ac:dyDescent="0.35">
      <c r="A41967" s="1" t="s">
        <v>10465</v>
      </c>
      <c r="B41967" s="1" t="s">
        <v>142570</v>
      </c>
      <c r="C41967" s="1" t="s">
        <v>120</v>
      </c>
      <c r="D41967" s="1" t="s">
        <v>14210</v>
      </c>
      <c r="E41967" s="1" t="s">
        <v>143582</v>
      </c>
      <c r="F41967" s="1" t="s">
        <v>143583</v>
      </c>
      <c r="G41967" s="1" t="s">
        <v>143526</v>
      </c>
      <c r="H41967" s="1" t="s">
        <v>143527</v>
      </c>
      <c r="I41967" s="1" t="s">
        <v>142575</v>
      </c>
      <c r="J41967" s="1" t="s">
        <v>70063</v>
      </c>
    </row>
    <row r="41968" spans="1:10" x14ac:dyDescent="0.35">
      <c r="A41968" s="1" t="s">
        <v>10465</v>
      </c>
      <c r="B41968" s="1" t="s">
        <v>142570</v>
      </c>
      <c r="C41968" s="1" t="s">
        <v>125</v>
      </c>
      <c r="D41968" s="1" t="s">
        <v>15724</v>
      </c>
      <c r="E41968" s="1" t="s">
        <v>110838</v>
      </c>
      <c r="F41968" s="1" t="s">
        <v>143584</v>
      </c>
      <c r="G41968" s="1" t="s">
        <v>143526</v>
      </c>
      <c r="H41968" s="1" t="s">
        <v>143527</v>
      </c>
      <c r="I41968" s="1" t="s">
        <v>142575</v>
      </c>
      <c r="J41968" s="1" t="s">
        <v>135078</v>
      </c>
    </row>
    <row r="41969" spans="1:10" x14ac:dyDescent="0.35">
      <c r="A41969" s="1" t="s">
        <v>10465</v>
      </c>
      <c r="B41969" s="1" t="s">
        <v>142570</v>
      </c>
      <c r="C41969" s="1" t="s">
        <v>130</v>
      </c>
      <c r="D41969" s="1" t="s">
        <v>143585</v>
      </c>
      <c r="E41969" s="1" t="s">
        <v>110808</v>
      </c>
      <c r="F41969" s="1" t="s">
        <v>143586</v>
      </c>
      <c r="G41969" s="1" t="s">
        <v>143526</v>
      </c>
      <c r="H41969" s="1" t="s">
        <v>143527</v>
      </c>
      <c r="I41969" s="1" t="s">
        <v>142575</v>
      </c>
      <c r="J41969" s="1" t="s">
        <v>143587</v>
      </c>
    </row>
    <row r="41970" spans="1:10" x14ac:dyDescent="0.35">
      <c r="A41970" s="1" t="s">
        <v>10465</v>
      </c>
      <c r="B41970" s="1" t="s">
        <v>142570</v>
      </c>
      <c r="C41970" s="1" t="s">
        <v>135</v>
      </c>
      <c r="D41970" s="1" t="s">
        <v>190</v>
      </c>
      <c r="E41970" s="1" t="s">
        <v>78651</v>
      </c>
      <c r="F41970" s="1" t="s">
        <v>143588</v>
      </c>
      <c r="G41970" s="1" t="s">
        <v>143526</v>
      </c>
      <c r="H41970" s="1" t="s">
        <v>143527</v>
      </c>
      <c r="I41970" s="1" t="s">
        <v>142575</v>
      </c>
      <c r="J41970" s="1" t="s">
        <v>143589</v>
      </c>
    </row>
    <row r="41971" spans="1:10" x14ac:dyDescent="0.35">
      <c r="A41971" s="1" t="s">
        <v>10465</v>
      </c>
      <c r="B41971" s="1" t="s">
        <v>142570</v>
      </c>
      <c r="C41971" s="1" t="s">
        <v>140</v>
      </c>
      <c r="D41971" s="1" t="s">
        <v>118812</v>
      </c>
      <c r="E41971" s="1" t="s">
        <v>78718</v>
      </c>
      <c r="F41971" s="1" t="s">
        <v>143590</v>
      </c>
      <c r="G41971" s="1" t="s">
        <v>143526</v>
      </c>
      <c r="H41971" s="1" t="s">
        <v>143527</v>
      </c>
      <c r="I41971" s="1" t="s">
        <v>142575</v>
      </c>
      <c r="J41971" s="1" t="s">
        <v>143591</v>
      </c>
    </row>
    <row r="41972" spans="1:10" x14ac:dyDescent="0.35">
      <c r="A41972" s="1" t="s">
        <v>10465</v>
      </c>
      <c r="B41972" s="1" t="s">
        <v>142570</v>
      </c>
      <c r="C41972" s="1" t="s">
        <v>145</v>
      </c>
      <c r="D41972" s="1" t="s">
        <v>104820</v>
      </c>
      <c r="E41972" s="1" t="s">
        <v>135307</v>
      </c>
      <c r="F41972" s="1" t="s">
        <v>143592</v>
      </c>
      <c r="G41972" s="1" t="s">
        <v>143526</v>
      </c>
      <c r="H41972" s="1" t="s">
        <v>143527</v>
      </c>
      <c r="I41972" s="1" t="s">
        <v>142575</v>
      </c>
      <c r="J41972" s="1" t="s">
        <v>143593</v>
      </c>
    </row>
    <row r="41973" spans="1:10" x14ac:dyDescent="0.35">
      <c r="A41973" s="1" t="s">
        <v>10465</v>
      </c>
      <c r="B41973" s="1" t="s">
        <v>142570</v>
      </c>
      <c r="C41973" s="1" t="s">
        <v>150</v>
      </c>
      <c r="D41973" s="1" t="s">
        <v>2560</v>
      </c>
      <c r="E41973" s="1" t="s">
        <v>142856</v>
      </c>
      <c r="F41973" s="1" t="s">
        <v>143594</v>
      </c>
      <c r="G41973" s="1" t="s">
        <v>143526</v>
      </c>
      <c r="H41973" s="1" t="s">
        <v>143527</v>
      </c>
      <c r="I41973" s="1" t="s">
        <v>142575</v>
      </c>
      <c r="J41973" s="1" t="s">
        <v>143595</v>
      </c>
    </row>
    <row r="41974" spans="1:10" x14ac:dyDescent="0.35">
      <c r="A41974" s="1" t="s">
        <v>10465</v>
      </c>
      <c r="B41974" s="1" t="s">
        <v>142570</v>
      </c>
      <c r="C41974" s="1" t="s">
        <v>155</v>
      </c>
      <c r="D41974" s="1" t="s">
        <v>143596</v>
      </c>
      <c r="E41974" s="1" t="s">
        <v>109691</v>
      </c>
      <c r="F41974" s="1" t="s">
        <v>143597</v>
      </c>
      <c r="G41974" s="1" t="s">
        <v>143526</v>
      </c>
      <c r="H41974" s="1" t="s">
        <v>143527</v>
      </c>
      <c r="I41974" s="1" t="s">
        <v>142575</v>
      </c>
      <c r="J41974" s="1" t="s">
        <v>143598</v>
      </c>
    </row>
    <row r="41975" spans="1:10" x14ac:dyDescent="0.35">
      <c r="A41975" s="1" t="s">
        <v>10465</v>
      </c>
      <c r="B41975" s="1" t="s">
        <v>142570</v>
      </c>
      <c r="C41975" s="1" t="s">
        <v>160</v>
      </c>
      <c r="D41975" s="1" t="s">
        <v>110073</v>
      </c>
      <c r="E41975" s="1" t="s">
        <v>143599</v>
      </c>
      <c r="F41975" s="1" t="s">
        <v>143600</v>
      </c>
      <c r="G41975" s="1" t="s">
        <v>143526</v>
      </c>
      <c r="H41975" s="1" t="s">
        <v>143527</v>
      </c>
      <c r="I41975" s="1" t="s">
        <v>142575</v>
      </c>
      <c r="J41975" s="1" t="s">
        <v>143601</v>
      </c>
    </row>
    <row r="41976" spans="1:10" x14ac:dyDescent="0.35">
      <c r="A41976" s="1" t="s">
        <v>10465</v>
      </c>
      <c r="B41976" s="1" t="s">
        <v>142570</v>
      </c>
      <c r="C41976" s="1" t="s">
        <v>165</v>
      </c>
      <c r="D41976" s="1" t="s">
        <v>27495</v>
      </c>
      <c r="E41976" s="1" t="s">
        <v>143602</v>
      </c>
      <c r="F41976" s="1" t="s">
        <v>143603</v>
      </c>
      <c r="G41976" s="1" t="s">
        <v>143526</v>
      </c>
      <c r="H41976" s="1" t="s">
        <v>143527</v>
      </c>
      <c r="I41976" s="1" t="s">
        <v>142575</v>
      </c>
      <c r="J41976" s="1" t="s">
        <v>143604</v>
      </c>
    </row>
    <row r="41977" spans="1:10" x14ac:dyDescent="0.35">
      <c r="A41977" s="1" t="s">
        <v>10465</v>
      </c>
      <c r="B41977" s="1" t="s">
        <v>142570</v>
      </c>
      <c r="C41977" s="1" t="s">
        <v>170</v>
      </c>
      <c r="D41977" s="1" t="s">
        <v>143605</v>
      </c>
      <c r="E41977" s="1" t="s">
        <v>143606</v>
      </c>
      <c r="F41977" s="1" t="s">
        <v>143607</v>
      </c>
      <c r="G41977" s="1" t="s">
        <v>143526</v>
      </c>
      <c r="H41977" s="1" t="s">
        <v>143527</v>
      </c>
      <c r="I41977" s="1" t="s">
        <v>142575</v>
      </c>
      <c r="J41977" s="1" t="s">
        <v>143608</v>
      </c>
    </row>
    <row r="41978" spans="1:10" x14ac:dyDescent="0.35">
      <c r="A41978" s="1" t="s">
        <v>117141</v>
      </c>
      <c r="B41978" s="1" t="s">
        <v>142570</v>
      </c>
      <c r="C41978" s="1" t="s">
        <v>8</v>
      </c>
      <c r="D41978" s="1" t="s">
        <v>143609</v>
      </c>
      <c r="E41978" s="1" t="s">
        <v>143610</v>
      </c>
      <c r="F41978" s="1" t="s">
        <v>143611</v>
      </c>
      <c r="G41978" s="1" t="s">
        <v>143612</v>
      </c>
      <c r="H41978" s="1" t="s">
        <v>143613</v>
      </c>
      <c r="I41978" s="1" t="s">
        <v>142575</v>
      </c>
      <c r="J41978" s="1" t="s">
        <v>13</v>
      </c>
    </row>
    <row r="41979" spans="1:10" x14ac:dyDescent="0.35">
      <c r="A41979" s="1" t="s">
        <v>117141</v>
      </c>
      <c r="B41979" s="1" t="s">
        <v>142570</v>
      </c>
      <c r="C41979" s="1" t="s">
        <v>15</v>
      </c>
      <c r="D41979" s="1" t="s">
        <v>110635</v>
      </c>
      <c r="E41979" s="1" t="s">
        <v>143614</v>
      </c>
      <c r="F41979" s="1" t="s">
        <v>143615</v>
      </c>
      <c r="G41979" s="1" t="s">
        <v>143612</v>
      </c>
      <c r="H41979" s="1" t="s">
        <v>143613</v>
      </c>
      <c r="I41979" s="1" t="s">
        <v>142575</v>
      </c>
      <c r="J41979" s="1" t="s">
        <v>143616</v>
      </c>
    </row>
    <row r="41980" spans="1:10" x14ac:dyDescent="0.35">
      <c r="A41980" s="1" t="s">
        <v>117141</v>
      </c>
      <c r="B41980" s="1" t="s">
        <v>142570</v>
      </c>
      <c r="C41980" s="1" t="s">
        <v>20</v>
      </c>
      <c r="D41980" s="1" t="s">
        <v>4376</v>
      </c>
      <c r="E41980" s="1" t="s">
        <v>143617</v>
      </c>
      <c r="F41980" s="1" t="s">
        <v>143618</v>
      </c>
      <c r="G41980" s="1" t="s">
        <v>143612</v>
      </c>
      <c r="H41980" s="1" t="s">
        <v>143613</v>
      </c>
      <c r="I41980" s="1" t="s">
        <v>142575</v>
      </c>
      <c r="J41980" s="1" t="s">
        <v>143619</v>
      </c>
    </row>
    <row r="41981" spans="1:10" x14ac:dyDescent="0.35">
      <c r="A41981" s="1" t="s">
        <v>117141</v>
      </c>
      <c r="B41981" s="1" t="s">
        <v>142570</v>
      </c>
      <c r="C41981" s="1" t="s">
        <v>25</v>
      </c>
      <c r="D41981" s="1" t="s">
        <v>45</v>
      </c>
      <c r="E41981" s="1" t="s">
        <v>143620</v>
      </c>
      <c r="F41981" s="1" t="s">
        <v>143621</v>
      </c>
      <c r="G41981" s="1" t="s">
        <v>143612</v>
      </c>
      <c r="H41981" s="1" t="s">
        <v>143613</v>
      </c>
      <c r="I41981" s="1" t="s">
        <v>142575</v>
      </c>
      <c r="J41981" s="1" t="s">
        <v>143622</v>
      </c>
    </row>
    <row r="41982" spans="1:10" x14ac:dyDescent="0.35">
      <c r="A41982" s="1" t="s">
        <v>117141</v>
      </c>
      <c r="B41982" s="1" t="s">
        <v>142570</v>
      </c>
      <c r="C41982" s="1" t="s">
        <v>30</v>
      </c>
      <c r="D41982" s="1" t="s">
        <v>3589</v>
      </c>
      <c r="E41982" s="1" t="s">
        <v>143623</v>
      </c>
      <c r="F41982" s="1" t="s">
        <v>143624</v>
      </c>
      <c r="G41982" s="1" t="s">
        <v>143612</v>
      </c>
      <c r="H41982" s="1" t="s">
        <v>143613</v>
      </c>
      <c r="I41982" s="1" t="s">
        <v>142575</v>
      </c>
      <c r="J41982" s="1" t="s">
        <v>143625</v>
      </c>
    </row>
    <row r="41983" spans="1:10" x14ac:dyDescent="0.35">
      <c r="A41983" s="1" t="s">
        <v>117141</v>
      </c>
      <c r="B41983" s="1" t="s">
        <v>142570</v>
      </c>
      <c r="C41983" s="1" t="s">
        <v>35</v>
      </c>
      <c r="D41983" s="1" t="s">
        <v>135</v>
      </c>
      <c r="E41983" s="1" t="s">
        <v>143626</v>
      </c>
      <c r="F41983" s="1" t="s">
        <v>143627</v>
      </c>
      <c r="G41983" s="1" t="s">
        <v>143612</v>
      </c>
      <c r="H41983" s="1" t="s">
        <v>143613</v>
      </c>
      <c r="I41983" s="1" t="s">
        <v>142575</v>
      </c>
      <c r="J41983" s="1" t="s">
        <v>143628</v>
      </c>
    </row>
    <row r="41984" spans="1:10" x14ac:dyDescent="0.35">
      <c r="A41984" s="1" t="s">
        <v>117141</v>
      </c>
      <c r="B41984" s="1" t="s">
        <v>142570</v>
      </c>
      <c r="C41984" s="1" t="s">
        <v>40</v>
      </c>
      <c r="D41984" s="1" t="s">
        <v>120217</v>
      </c>
      <c r="E41984" s="1" t="s">
        <v>143629</v>
      </c>
      <c r="F41984" s="1" t="s">
        <v>143630</v>
      </c>
      <c r="G41984" s="1" t="s">
        <v>143612</v>
      </c>
      <c r="H41984" s="1" t="s">
        <v>143613</v>
      </c>
      <c r="I41984" s="1" t="s">
        <v>142575</v>
      </c>
      <c r="J41984" s="1" t="s">
        <v>143631</v>
      </c>
    </row>
    <row r="41985" spans="1:10" x14ac:dyDescent="0.35">
      <c r="A41985" s="1" t="s">
        <v>117141</v>
      </c>
      <c r="B41985" s="1" t="s">
        <v>142570</v>
      </c>
      <c r="C41985" s="1" t="s">
        <v>45</v>
      </c>
      <c r="D41985" s="1" t="s">
        <v>3589</v>
      </c>
      <c r="E41985" s="1" t="s">
        <v>143632</v>
      </c>
      <c r="F41985" s="1" t="s">
        <v>143633</v>
      </c>
      <c r="G41985" s="1" t="s">
        <v>143612</v>
      </c>
      <c r="H41985" s="1" t="s">
        <v>143613</v>
      </c>
      <c r="I41985" s="1" t="s">
        <v>142575</v>
      </c>
      <c r="J41985" s="1" t="s">
        <v>143634</v>
      </c>
    </row>
    <row r="41986" spans="1:10" x14ac:dyDescent="0.35">
      <c r="A41986" s="1" t="s">
        <v>117141</v>
      </c>
      <c r="B41986" s="1" t="s">
        <v>142570</v>
      </c>
      <c r="C41986" s="1" t="s">
        <v>50</v>
      </c>
      <c r="D41986" s="1" t="s">
        <v>35</v>
      </c>
      <c r="E41986" s="1" t="s">
        <v>143635</v>
      </c>
      <c r="F41986" s="1" t="s">
        <v>143636</v>
      </c>
      <c r="G41986" s="1" t="s">
        <v>143612</v>
      </c>
      <c r="H41986" s="1" t="s">
        <v>143613</v>
      </c>
      <c r="I41986" s="1" t="s">
        <v>142575</v>
      </c>
      <c r="J41986" s="1" t="s">
        <v>143637</v>
      </c>
    </row>
    <row r="41987" spans="1:10" x14ac:dyDescent="0.35">
      <c r="A41987" s="1" t="s">
        <v>117141</v>
      </c>
      <c r="B41987" s="1" t="s">
        <v>142570</v>
      </c>
      <c r="C41987" s="1" t="s">
        <v>55</v>
      </c>
      <c r="D41987" s="1" t="s">
        <v>6407</v>
      </c>
      <c r="E41987" s="1" t="s">
        <v>143638</v>
      </c>
      <c r="F41987" s="1" t="s">
        <v>143639</v>
      </c>
      <c r="G41987" s="1" t="s">
        <v>143612</v>
      </c>
      <c r="H41987" s="1" t="s">
        <v>143613</v>
      </c>
      <c r="I41987" s="1" t="s">
        <v>142575</v>
      </c>
      <c r="J41987" s="1" t="s">
        <v>32553</v>
      </c>
    </row>
    <row r="41988" spans="1:10" x14ac:dyDescent="0.35">
      <c r="A41988" s="1" t="s">
        <v>117141</v>
      </c>
      <c r="B41988" s="1" t="s">
        <v>142570</v>
      </c>
      <c r="C41988" s="1" t="s">
        <v>60</v>
      </c>
      <c r="D41988" s="1" t="s">
        <v>28519</v>
      </c>
      <c r="E41988" s="1" t="s">
        <v>143640</v>
      </c>
      <c r="F41988" s="1" t="s">
        <v>143641</v>
      </c>
      <c r="G41988" s="1" t="s">
        <v>143612</v>
      </c>
      <c r="H41988" s="1" t="s">
        <v>143613</v>
      </c>
      <c r="I41988" s="1" t="s">
        <v>142575</v>
      </c>
      <c r="J41988" s="1" t="s">
        <v>143642</v>
      </c>
    </row>
    <row r="41989" spans="1:10" x14ac:dyDescent="0.35">
      <c r="A41989" s="1" t="s">
        <v>117141</v>
      </c>
      <c r="B41989" s="1" t="s">
        <v>142570</v>
      </c>
      <c r="C41989" s="1" t="s">
        <v>65</v>
      </c>
      <c r="D41989" s="1" t="s">
        <v>121201</v>
      </c>
      <c r="E41989" s="1" t="s">
        <v>143643</v>
      </c>
      <c r="F41989" s="1" t="s">
        <v>143644</v>
      </c>
      <c r="G41989" s="1" t="s">
        <v>143612</v>
      </c>
      <c r="H41989" s="1" t="s">
        <v>143613</v>
      </c>
      <c r="I41989" s="1" t="s">
        <v>142575</v>
      </c>
      <c r="J41989" s="1" t="s">
        <v>143645</v>
      </c>
    </row>
    <row r="41990" spans="1:10" x14ac:dyDescent="0.35">
      <c r="A41990" s="1" t="s">
        <v>117141</v>
      </c>
      <c r="B41990" s="1" t="s">
        <v>142570</v>
      </c>
      <c r="C41990" s="1" t="s">
        <v>70</v>
      </c>
      <c r="D41990" s="1" t="s">
        <v>5521</v>
      </c>
      <c r="E41990" s="1" t="s">
        <v>143646</v>
      </c>
      <c r="F41990" s="1" t="s">
        <v>143647</v>
      </c>
      <c r="G41990" s="1" t="s">
        <v>143612</v>
      </c>
      <c r="H41990" s="1" t="s">
        <v>143613</v>
      </c>
      <c r="I41990" s="1" t="s">
        <v>142575</v>
      </c>
      <c r="J41990" s="1" t="s">
        <v>143648</v>
      </c>
    </row>
    <row r="41991" spans="1:10" x14ac:dyDescent="0.35">
      <c r="A41991" s="1" t="s">
        <v>117141</v>
      </c>
      <c r="B41991" s="1" t="s">
        <v>142570</v>
      </c>
      <c r="C41991" s="1" t="s">
        <v>75</v>
      </c>
      <c r="D41991" s="1" t="s">
        <v>12974</v>
      </c>
      <c r="E41991" s="1" t="s">
        <v>143649</v>
      </c>
      <c r="F41991" s="1" t="s">
        <v>143650</v>
      </c>
      <c r="G41991" s="1" t="s">
        <v>143612</v>
      </c>
      <c r="H41991" s="1" t="s">
        <v>143613</v>
      </c>
      <c r="I41991" s="1" t="s">
        <v>142575</v>
      </c>
      <c r="J41991" s="1" t="s">
        <v>143651</v>
      </c>
    </row>
    <row r="41992" spans="1:10" x14ac:dyDescent="0.35">
      <c r="A41992" s="1" t="s">
        <v>117141</v>
      </c>
      <c r="B41992" s="1" t="s">
        <v>142570</v>
      </c>
      <c r="C41992" s="1" t="s">
        <v>80</v>
      </c>
      <c r="D41992" s="1" t="s">
        <v>5531</v>
      </c>
      <c r="E41992" s="1" t="s">
        <v>143652</v>
      </c>
      <c r="F41992" s="1" t="s">
        <v>143653</v>
      </c>
      <c r="G41992" s="1" t="s">
        <v>143612</v>
      </c>
      <c r="H41992" s="1" t="s">
        <v>143613</v>
      </c>
      <c r="I41992" s="1" t="s">
        <v>142575</v>
      </c>
      <c r="J41992" s="1" t="s">
        <v>143654</v>
      </c>
    </row>
    <row r="41993" spans="1:10" x14ac:dyDescent="0.35">
      <c r="A41993" s="1" t="s">
        <v>117141</v>
      </c>
      <c r="B41993" s="1" t="s">
        <v>142570</v>
      </c>
      <c r="C41993" s="1" t="s">
        <v>85</v>
      </c>
      <c r="D41993" s="1" t="s">
        <v>3949</v>
      </c>
      <c r="E41993" s="1" t="s">
        <v>143655</v>
      </c>
      <c r="F41993" s="1" t="s">
        <v>143656</v>
      </c>
      <c r="G41993" s="1" t="s">
        <v>143612</v>
      </c>
      <c r="H41993" s="1" t="s">
        <v>143613</v>
      </c>
      <c r="I41993" s="1" t="s">
        <v>142575</v>
      </c>
      <c r="J41993" s="1" t="s">
        <v>143657</v>
      </c>
    </row>
    <row r="41994" spans="1:10" x14ac:dyDescent="0.35">
      <c r="A41994" s="1" t="s">
        <v>117141</v>
      </c>
      <c r="B41994" s="1" t="s">
        <v>142570</v>
      </c>
      <c r="C41994" s="1" t="s">
        <v>90</v>
      </c>
      <c r="D41994" s="1" t="s">
        <v>4376</v>
      </c>
      <c r="E41994" s="1" t="s">
        <v>143658</v>
      </c>
      <c r="F41994" s="1" t="s">
        <v>143659</v>
      </c>
      <c r="G41994" s="1" t="s">
        <v>143612</v>
      </c>
      <c r="H41994" s="1" t="s">
        <v>143613</v>
      </c>
      <c r="I41994" s="1" t="s">
        <v>142575</v>
      </c>
      <c r="J41994" s="1" t="s">
        <v>143660</v>
      </c>
    </row>
    <row r="41995" spans="1:10" x14ac:dyDescent="0.35">
      <c r="A41995" s="1" t="s">
        <v>117141</v>
      </c>
      <c r="B41995" s="1" t="s">
        <v>142570</v>
      </c>
      <c r="C41995" s="1" t="s">
        <v>95</v>
      </c>
      <c r="D41995" s="1" t="s">
        <v>143661</v>
      </c>
      <c r="E41995" s="1" t="s">
        <v>143662</v>
      </c>
      <c r="F41995" s="1" t="s">
        <v>143663</v>
      </c>
      <c r="G41995" s="1" t="s">
        <v>143612</v>
      </c>
      <c r="H41995" s="1" t="s">
        <v>143613</v>
      </c>
      <c r="I41995" s="1" t="s">
        <v>142575</v>
      </c>
      <c r="J41995" s="1" t="s">
        <v>143664</v>
      </c>
    </row>
    <row r="41996" spans="1:10" x14ac:dyDescent="0.35">
      <c r="A41996" s="1" t="s">
        <v>117141</v>
      </c>
      <c r="B41996" s="1" t="s">
        <v>142570</v>
      </c>
      <c r="C41996" s="1" t="s">
        <v>100</v>
      </c>
      <c r="D41996" s="1" t="s">
        <v>10070</v>
      </c>
      <c r="E41996" s="1" t="s">
        <v>143665</v>
      </c>
      <c r="F41996" s="1" t="s">
        <v>143666</v>
      </c>
      <c r="G41996" s="1" t="s">
        <v>143612</v>
      </c>
      <c r="H41996" s="1" t="s">
        <v>143613</v>
      </c>
      <c r="I41996" s="1" t="s">
        <v>142575</v>
      </c>
      <c r="J41996" s="1" t="s">
        <v>143667</v>
      </c>
    </row>
    <row r="41997" spans="1:10" x14ac:dyDescent="0.35">
      <c r="A41997" s="1" t="s">
        <v>117141</v>
      </c>
      <c r="B41997" s="1" t="s">
        <v>142570</v>
      </c>
      <c r="C41997" s="1" t="s">
        <v>105</v>
      </c>
      <c r="D41997" s="1" t="s">
        <v>30128</v>
      </c>
      <c r="E41997" s="1" t="s">
        <v>143668</v>
      </c>
      <c r="F41997" s="1" t="s">
        <v>143669</v>
      </c>
      <c r="G41997" s="1" t="s">
        <v>143612</v>
      </c>
      <c r="H41997" s="1" t="s">
        <v>143613</v>
      </c>
      <c r="I41997" s="1" t="s">
        <v>142575</v>
      </c>
      <c r="J41997" s="1" t="s">
        <v>143670</v>
      </c>
    </row>
    <row r="41998" spans="1:10" x14ac:dyDescent="0.35">
      <c r="A41998" s="1" t="s">
        <v>117141</v>
      </c>
      <c r="B41998" s="1" t="s">
        <v>142570</v>
      </c>
      <c r="C41998" s="1" t="s">
        <v>110</v>
      </c>
      <c r="D41998" s="1" t="s">
        <v>143046</v>
      </c>
      <c r="E41998" s="1" t="s">
        <v>143671</v>
      </c>
      <c r="F41998" s="1" t="s">
        <v>143672</v>
      </c>
      <c r="G41998" s="1" t="s">
        <v>143612</v>
      </c>
      <c r="H41998" s="1" t="s">
        <v>143613</v>
      </c>
      <c r="I41998" s="1" t="s">
        <v>142575</v>
      </c>
      <c r="J41998" s="1" t="s">
        <v>143673</v>
      </c>
    </row>
    <row r="41999" spans="1:10" x14ac:dyDescent="0.35">
      <c r="A41999" s="1" t="s">
        <v>117141</v>
      </c>
      <c r="B41999" s="1" t="s">
        <v>142570</v>
      </c>
      <c r="C41999" s="1" t="s">
        <v>115</v>
      </c>
      <c r="D41999" s="1" t="s">
        <v>143201</v>
      </c>
      <c r="E41999" s="1" t="s">
        <v>143674</v>
      </c>
      <c r="F41999" s="1" t="s">
        <v>143675</v>
      </c>
      <c r="G41999" s="1" t="s">
        <v>143612</v>
      </c>
      <c r="H41999" s="1" t="s">
        <v>143613</v>
      </c>
      <c r="I41999" s="1" t="s">
        <v>142575</v>
      </c>
      <c r="J41999" s="1" t="s">
        <v>143676</v>
      </c>
    </row>
    <row r="42000" spans="1:10" x14ac:dyDescent="0.35">
      <c r="A42000" s="1" t="s">
        <v>117141</v>
      </c>
      <c r="B42000" s="1" t="s">
        <v>142570</v>
      </c>
      <c r="C42000" s="1" t="s">
        <v>120</v>
      </c>
      <c r="D42000" s="1" t="s">
        <v>143677</v>
      </c>
      <c r="E42000" s="1" t="s">
        <v>143678</v>
      </c>
      <c r="F42000" s="1" t="s">
        <v>143679</v>
      </c>
      <c r="G42000" s="1" t="s">
        <v>143612</v>
      </c>
      <c r="H42000" s="1" t="s">
        <v>143613</v>
      </c>
      <c r="I42000" s="1" t="s">
        <v>142575</v>
      </c>
      <c r="J42000" s="1" t="s">
        <v>143680</v>
      </c>
    </row>
    <row r="42001" spans="1:10" x14ac:dyDescent="0.35">
      <c r="A42001" s="1" t="s">
        <v>117141</v>
      </c>
      <c r="B42001" s="1" t="s">
        <v>142570</v>
      </c>
      <c r="C42001" s="1" t="s">
        <v>125</v>
      </c>
      <c r="D42001" s="1" t="s">
        <v>4013</v>
      </c>
      <c r="E42001" s="1" t="s">
        <v>143681</v>
      </c>
      <c r="F42001" s="1" t="s">
        <v>143682</v>
      </c>
      <c r="G42001" s="1" t="s">
        <v>143612</v>
      </c>
      <c r="H42001" s="1" t="s">
        <v>143613</v>
      </c>
      <c r="I42001" s="1" t="s">
        <v>142575</v>
      </c>
      <c r="J42001" s="1" t="s">
        <v>143683</v>
      </c>
    </row>
    <row r="42002" spans="1:10" x14ac:dyDescent="0.35">
      <c r="A42002" s="1" t="s">
        <v>117141</v>
      </c>
      <c r="B42002" s="1" t="s">
        <v>142570</v>
      </c>
      <c r="C42002" s="1" t="s">
        <v>130</v>
      </c>
      <c r="D42002" s="1" t="s">
        <v>5701</v>
      </c>
      <c r="E42002" s="1" t="s">
        <v>143684</v>
      </c>
      <c r="F42002" s="1" t="s">
        <v>143685</v>
      </c>
      <c r="G42002" s="1" t="s">
        <v>143612</v>
      </c>
      <c r="H42002" s="1" t="s">
        <v>143613</v>
      </c>
      <c r="I42002" s="1" t="s">
        <v>142575</v>
      </c>
      <c r="J42002" s="1" t="s">
        <v>143686</v>
      </c>
    </row>
    <row r="42003" spans="1:10" x14ac:dyDescent="0.35">
      <c r="A42003" s="1" t="s">
        <v>117141</v>
      </c>
      <c r="B42003" s="1" t="s">
        <v>142570</v>
      </c>
      <c r="C42003" s="1" t="s">
        <v>135</v>
      </c>
      <c r="D42003" s="1" t="s">
        <v>51189</v>
      </c>
      <c r="E42003" s="1" t="s">
        <v>143687</v>
      </c>
      <c r="F42003" s="1" t="s">
        <v>143688</v>
      </c>
      <c r="G42003" s="1" t="s">
        <v>143612</v>
      </c>
      <c r="H42003" s="1" t="s">
        <v>143613</v>
      </c>
      <c r="I42003" s="1" t="s">
        <v>142575</v>
      </c>
      <c r="J42003" s="1" t="s">
        <v>143689</v>
      </c>
    </row>
    <row r="42004" spans="1:10" x14ac:dyDescent="0.35">
      <c r="A42004" s="1" t="s">
        <v>117141</v>
      </c>
      <c r="B42004" s="1" t="s">
        <v>142570</v>
      </c>
      <c r="C42004" s="1" t="s">
        <v>140</v>
      </c>
      <c r="D42004" s="1" t="s">
        <v>120030</v>
      </c>
      <c r="E42004" s="1" t="s">
        <v>143690</v>
      </c>
      <c r="F42004" s="1" t="s">
        <v>143691</v>
      </c>
      <c r="G42004" s="1" t="s">
        <v>143612</v>
      </c>
      <c r="H42004" s="1" t="s">
        <v>143613</v>
      </c>
      <c r="I42004" s="1" t="s">
        <v>142575</v>
      </c>
      <c r="J42004" s="1" t="s">
        <v>143692</v>
      </c>
    </row>
    <row r="42005" spans="1:10" x14ac:dyDescent="0.35">
      <c r="A42005" s="1" t="s">
        <v>117141</v>
      </c>
      <c r="B42005" s="1" t="s">
        <v>142570</v>
      </c>
      <c r="C42005" s="1" t="s">
        <v>145</v>
      </c>
      <c r="D42005" s="1" t="s">
        <v>143693</v>
      </c>
      <c r="E42005" s="1" t="s">
        <v>143694</v>
      </c>
      <c r="F42005" s="1" t="s">
        <v>143695</v>
      </c>
      <c r="G42005" s="1" t="s">
        <v>143612</v>
      </c>
      <c r="H42005" s="1" t="s">
        <v>143613</v>
      </c>
      <c r="I42005" s="1" t="s">
        <v>142575</v>
      </c>
      <c r="J42005" s="1" t="s">
        <v>143696</v>
      </c>
    </row>
    <row r="42006" spans="1:10" x14ac:dyDescent="0.35">
      <c r="A42006" s="1" t="s">
        <v>117141</v>
      </c>
      <c r="B42006" s="1" t="s">
        <v>142570</v>
      </c>
      <c r="C42006" s="1" t="s">
        <v>150</v>
      </c>
      <c r="D42006" s="1" t="s">
        <v>143697</v>
      </c>
      <c r="E42006" s="1" t="s">
        <v>143698</v>
      </c>
      <c r="F42006" s="1" t="s">
        <v>143699</v>
      </c>
      <c r="G42006" s="1" t="s">
        <v>143612</v>
      </c>
      <c r="H42006" s="1" t="s">
        <v>143613</v>
      </c>
      <c r="I42006" s="1" t="s">
        <v>142575</v>
      </c>
      <c r="J42006" s="1" t="s">
        <v>143700</v>
      </c>
    </row>
    <row r="42007" spans="1:10" x14ac:dyDescent="0.35">
      <c r="A42007" s="1" t="s">
        <v>117141</v>
      </c>
      <c r="B42007" s="1" t="s">
        <v>142570</v>
      </c>
      <c r="C42007" s="1" t="s">
        <v>155</v>
      </c>
      <c r="D42007" s="1" t="s">
        <v>44878</v>
      </c>
      <c r="E42007" s="1" t="s">
        <v>143701</v>
      </c>
      <c r="F42007" s="1" t="s">
        <v>143702</v>
      </c>
      <c r="G42007" s="1" t="s">
        <v>143612</v>
      </c>
      <c r="H42007" s="1" t="s">
        <v>143613</v>
      </c>
      <c r="I42007" s="1" t="s">
        <v>142575</v>
      </c>
      <c r="J42007" s="1" t="s">
        <v>143703</v>
      </c>
    </row>
    <row r="42008" spans="1:10" x14ac:dyDescent="0.35">
      <c r="A42008" s="1" t="s">
        <v>117141</v>
      </c>
      <c r="B42008" s="1" t="s">
        <v>142570</v>
      </c>
      <c r="C42008" s="1" t="s">
        <v>160</v>
      </c>
      <c r="D42008" s="1" t="s">
        <v>143704</v>
      </c>
      <c r="E42008" s="1" t="s">
        <v>143705</v>
      </c>
      <c r="F42008" s="1" t="s">
        <v>143706</v>
      </c>
      <c r="G42008" s="1" t="s">
        <v>143612</v>
      </c>
      <c r="H42008" s="1" t="s">
        <v>143613</v>
      </c>
      <c r="I42008" s="1" t="s">
        <v>142575</v>
      </c>
      <c r="J42008" s="1" t="s">
        <v>143707</v>
      </c>
    </row>
    <row r="42009" spans="1:10" x14ac:dyDescent="0.35">
      <c r="A42009" s="1" t="s">
        <v>117141</v>
      </c>
      <c r="B42009" s="1" t="s">
        <v>142570</v>
      </c>
      <c r="C42009" s="1" t="s">
        <v>165</v>
      </c>
      <c r="D42009" s="1" t="s">
        <v>8028</v>
      </c>
      <c r="E42009" s="1" t="s">
        <v>143708</v>
      </c>
      <c r="F42009" s="1" t="s">
        <v>143709</v>
      </c>
      <c r="G42009" s="1" t="s">
        <v>143612</v>
      </c>
      <c r="H42009" s="1" t="s">
        <v>143613</v>
      </c>
      <c r="I42009" s="1" t="s">
        <v>142575</v>
      </c>
      <c r="J42009" s="1" t="s">
        <v>143710</v>
      </c>
    </row>
    <row r="42010" spans="1:10" x14ac:dyDescent="0.35">
      <c r="A42010" s="1" t="s">
        <v>117141</v>
      </c>
      <c r="B42010" s="1" t="s">
        <v>142570</v>
      </c>
      <c r="C42010" s="1" t="s">
        <v>170</v>
      </c>
      <c r="D42010" s="1" t="s">
        <v>110364</v>
      </c>
      <c r="E42010" s="1" t="s">
        <v>143711</v>
      </c>
      <c r="F42010" s="1" t="s">
        <v>143712</v>
      </c>
      <c r="G42010" s="1" t="s">
        <v>143612</v>
      </c>
      <c r="H42010" s="1" t="s">
        <v>143613</v>
      </c>
      <c r="I42010" s="1" t="s">
        <v>142575</v>
      </c>
      <c r="J42010" s="1" t="s">
        <v>143713</v>
      </c>
    </row>
    <row r="42011" spans="1:10" x14ac:dyDescent="0.35">
      <c r="A42011" s="1" t="s">
        <v>25805</v>
      </c>
      <c r="B42011" s="1" t="s">
        <v>142570</v>
      </c>
      <c r="C42011" s="1" t="s">
        <v>8</v>
      </c>
      <c r="D42011" s="1" t="s">
        <v>142377</v>
      </c>
      <c r="E42011" s="1" t="s">
        <v>143714</v>
      </c>
      <c r="F42011" s="1" t="s">
        <v>143715</v>
      </c>
      <c r="G42011" s="1" t="s">
        <v>143716</v>
      </c>
      <c r="H42011" s="1" t="s">
        <v>143717</v>
      </c>
      <c r="I42011" s="1" t="s">
        <v>142575</v>
      </c>
      <c r="J42011" s="1" t="s">
        <v>13</v>
      </c>
    </row>
    <row r="42012" spans="1:10" x14ac:dyDescent="0.35">
      <c r="A42012" s="1" t="s">
        <v>25805</v>
      </c>
      <c r="B42012" s="1" t="s">
        <v>142570</v>
      </c>
      <c r="C42012" s="1" t="s">
        <v>15</v>
      </c>
      <c r="D42012" s="1" t="s">
        <v>143718</v>
      </c>
      <c r="E42012" s="1" t="s">
        <v>143719</v>
      </c>
      <c r="F42012" s="1" t="s">
        <v>143720</v>
      </c>
      <c r="G42012" s="1" t="s">
        <v>143716</v>
      </c>
      <c r="H42012" s="1" t="s">
        <v>143717</v>
      </c>
      <c r="I42012" s="1" t="s">
        <v>142575</v>
      </c>
      <c r="J42012" s="1" t="s">
        <v>143721</v>
      </c>
    </row>
    <row r="42013" spans="1:10" x14ac:dyDescent="0.35">
      <c r="A42013" s="1" t="s">
        <v>25805</v>
      </c>
      <c r="B42013" s="1" t="s">
        <v>142570</v>
      </c>
      <c r="C42013" s="1" t="s">
        <v>20</v>
      </c>
      <c r="D42013" s="1" t="s">
        <v>14134</v>
      </c>
      <c r="E42013" s="1" t="s">
        <v>143722</v>
      </c>
      <c r="F42013" s="1" t="s">
        <v>109829</v>
      </c>
      <c r="G42013" s="1" t="s">
        <v>143716</v>
      </c>
      <c r="H42013" s="1" t="s">
        <v>143717</v>
      </c>
      <c r="I42013" s="1" t="s">
        <v>142575</v>
      </c>
      <c r="J42013" s="1" t="s">
        <v>143723</v>
      </c>
    </row>
    <row r="42014" spans="1:10" x14ac:dyDescent="0.35">
      <c r="A42014" s="1" t="s">
        <v>25805</v>
      </c>
      <c r="B42014" s="1" t="s">
        <v>142570</v>
      </c>
      <c r="C42014" s="1" t="s">
        <v>25</v>
      </c>
      <c r="D42014" s="1" t="s">
        <v>111805</v>
      </c>
      <c r="E42014" s="1" t="s">
        <v>143724</v>
      </c>
      <c r="F42014" s="1" t="s">
        <v>143725</v>
      </c>
      <c r="G42014" s="1" t="s">
        <v>143716</v>
      </c>
      <c r="H42014" s="1" t="s">
        <v>143717</v>
      </c>
      <c r="I42014" s="1" t="s">
        <v>142575</v>
      </c>
      <c r="J42014" s="1" t="s">
        <v>143726</v>
      </c>
    </row>
    <row r="42015" spans="1:10" x14ac:dyDescent="0.35">
      <c r="A42015" s="1" t="s">
        <v>25805</v>
      </c>
      <c r="B42015" s="1" t="s">
        <v>142570</v>
      </c>
      <c r="C42015" s="1" t="s">
        <v>30</v>
      </c>
      <c r="D42015" s="1" t="s">
        <v>27607</v>
      </c>
      <c r="E42015" s="1" t="s">
        <v>143724</v>
      </c>
      <c r="F42015" s="1" t="s">
        <v>143727</v>
      </c>
      <c r="G42015" s="1" t="s">
        <v>143716</v>
      </c>
      <c r="H42015" s="1" t="s">
        <v>143717</v>
      </c>
      <c r="I42015" s="1" t="s">
        <v>142575</v>
      </c>
      <c r="J42015" s="1" t="s">
        <v>143728</v>
      </c>
    </row>
    <row r="42016" spans="1:10" x14ac:dyDescent="0.35">
      <c r="A42016" s="1" t="s">
        <v>25805</v>
      </c>
      <c r="B42016" s="1" t="s">
        <v>142570</v>
      </c>
      <c r="C42016" s="1" t="s">
        <v>35</v>
      </c>
      <c r="D42016" s="1" t="s">
        <v>143729</v>
      </c>
      <c r="E42016" s="1" t="s">
        <v>143730</v>
      </c>
      <c r="F42016" s="1" t="s">
        <v>143731</v>
      </c>
      <c r="G42016" s="1" t="s">
        <v>143716</v>
      </c>
      <c r="H42016" s="1" t="s">
        <v>143717</v>
      </c>
      <c r="I42016" s="1" t="s">
        <v>142575</v>
      </c>
      <c r="J42016" s="1" t="s">
        <v>143732</v>
      </c>
    </row>
    <row r="42017" spans="1:10" x14ac:dyDescent="0.35">
      <c r="A42017" s="1" t="s">
        <v>25805</v>
      </c>
      <c r="B42017" s="1" t="s">
        <v>142570</v>
      </c>
      <c r="C42017" s="1" t="s">
        <v>40</v>
      </c>
      <c r="D42017" s="1" t="s">
        <v>14763</v>
      </c>
      <c r="E42017" s="1" t="s">
        <v>143733</v>
      </c>
      <c r="F42017" s="1" t="s">
        <v>143734</v>
      </c>
      <c r="G42017" s="1" t="s">
        <v>143716</v>
      </c>
      <c r="H42017" s="1" t="s">
        <v>143717</v>
      </c>
      <c r="I42017" s="1" t="s">
        <v>142575</v>
      </c>
      <c r="J42017" s="1" t="s">
        <v>143735</v>
      </c>
    </row>
    <row r="42018" spans="1:10" x14ac:dyDescent="0.35">
      <c r="A42018" s="1" t="s">
        <v>25805</v>
      </c>
      <c r="B42018" s="1" t="s">
        <v>142570</v>
      </c>
      <c r="C42018" s="1" t="s">
        <v>45</v>
      </c>
      <c r="D42018" s="1" t="s">
        <v>27607</v>
      </c>
      <c r="E42018" s="1" t="s">
        <v>78759</v>
      </c>
      <c r="F42018" s="1" t="s">
        <v>143736</v>
      </c>
      <c r="G42018" s="1" t="s">
        <v>143716</v>
      </c>
      <c r="H42018" s="1" t="s">
        <v>143717</v>
      </c>
      <c r="I42018" s="1" t="s">
        <v>142575</v>
      </c>
      <c r="J42018" s="1" t="s">
        <v>143737</v>
      </c>
    </row>
    <row r="42019" spans="1:10" x14ac:dyDescent="0.35">
      <c r="A42019" s="1" t="s">
        <v>25805</v>
      </c>
      <c r="B42019" s="1" t="s">
        <v>142570</v>
      </c>
      <c r="C42019" s="1" t="s">
        <v>50</v>
      </c>
      <c r="D42019" s="1" t="s">
        <v>143738</v>
      </c>
      <c r="E42019" s="1" t="s">
        <v>78763</v>
      </c>
      <c r="F42019" s="1" t="s">
        <v>143739</v>
      </c>
      <c r="G42019" s="1" t="s">
        <v>143716</v>
      </c>
      <c r="H42019" s="1" t="s">
        <v>143717</v>
      </c>
      <c r="I42019" s="1" t="s">
        <v>142575</v>
      </c>
      <c r="J42019" s="1" t="s">
        <v>143740</v>
      </c>
    </row>
    <row r="42020" spans="1:10" x14ac:dyDescent="0.35">
      <c r="A42020" s="1" t="s">
        <v>25805</v>
      </c>
      <c r="B42020" s="1" t="s">
        <v>142570</v>
      </c>
      <c r="C42020" s="1" t="s">
        <v>55</v>
      </c>
      <c r="D42020" s="1" t="s">
        <v>29771</v>
      </c>
      <c r="E42020" s="1" t="s">
        <v>143741</v>
      </c>
      <c r="F42020" s="1" t="s">
        <v>143742</v>
      </c>
      <c r="G42020" s="1" t="s">
        <v>143716</v>
      </c>
      <c r="H42020" s="1" t="s">
        <v>143717</v>
      </c>
      <c r="I42020" s="1" t="s">
        <v>142575</v>
      </c>
      <c r="J42020" s="1" t="s">
        <v>143743</v>
      </c>
    </row>
    <row r="42021" spans="1:10" x14ac:dyDescent="0.35">
      <c r="A42021" s="1" t="s">
        <v>25805</v>
      </c>
      <c r="B42021" s="1" t="s">
        <v>142570</v>
      </c>
      <c r="C42021" s="1" t="s">
        <v>60</v>
      </c>
      <c r="D42021" s="1" t="s">
        <v>4431</v>
      </c>
      <c r="E42021" s="1" t="s">
        <v>77816</v>
      </c>
      <c r="F42021" s="1" t="s">
        <v>143744</v>
      </c>
      <c r="G42021" s="1" t="s">
        <v>143716</v>
      </c>
      <c r="H42021" s="1" t="s">
        <v>143717</v>
      </c>
      <c r="I42021" s="1" t="s">
        <v>142575</v>
      </c>
      <c r="J42021" s="1" t="s">
        <v>143745</v>
      </c>
    </row>
    <row r="42022" spans="1:10" x14ac:dyDescent="0.35">
      <c r="A42022" s="1" t="s">
        <v>25805</v>
      </c>
      <c r="B42022" s="1" t="s">
        <v>142570</v>
      </c>
      <c r="C42022" s="1" t="s">
        <v>65</v>
      </c>
      <c r="D42022" s="1" t="s">
        <v>9916</v>
      </c>
      <c r="E42022" s="1" t="s">
        <v>143746</v>
      </c>
      <c r="F42022" s="1" t="s">
        <v>143747</v>
      </c>
      <c r="G42022" s="1" t="s">
        <v>143716</v>
      </c>
      <c r="H42022" s="1" t="s">
        <v>143717</v>
      </c>
      <c r="I42022" s="1" t="s">
        <v>142575</v>
      </c>
      <c r="J42022" s="1" t="s">
        <v>143748</v>
      </c>
    </row>
    <row r="42023" spans="1:10" x14ac:dyDescent="0.35">
      <c r="A42023" s="1" t="s">
        <v>25805</v>
      </c>
      <c r="B42023" s="1" t="s">
        <v>142570</v>
      </c>
      <c r="C42023" s="1" t="s">
        <v>70</v>
      </c>
      <c r="D42023" s="1" t="s">
        <v>143046</v>
      </c>
      <c r="E42023" s="1" t="s">
        <v>77454</v>
      </c>
      <c r="F42023" s="1" t="s">
        <v>143749</v>
      </c>
      <c r="G42023" s="1" t="s">
        <v>143716</v>
      </c>
      <c r="H42023" s="1" t="s">
        <v>143717</v>
      </c>
      <c r="I42023" s="1" t="s">
        <v>142575</v>
      </c>
      <c r="J42023" s="1" t="s">
        <v>143049</v>
      </c>
    </row>
    <row r="42024" spans="1:10" x14ac:dyDescent="0.35">
      <c r="A42024" s="1" t="s">
        <v>25805</v>
      </c>
      <c r="B42024" s="1" t="s">
        <v>142570</v>
      </c>
      <c r="C42024" s="1" t="s">
        <v>75</v>
      </c>
      <c r="D42024" s="1" t="s">
        <v>3596</v>
      </c>
      <c r="E42024" s="1" t="s">
        <v>73398</v>
      </c>
      <c r="F42024" s="1" t="s">
        <v>143750</v>
      </c>
      <c r="G42024" s="1" t="s">
        <v>143716</v>
      </c>
      <c r="H42024" s="1" t="s">
        <v>143717</v>
      </c>
      <c r="I42024" s="1" t="s">
        <v>142575</v>
      </c>
      <c r="J42024" s="1" t="s">
        <v>143751</v>
      </c>
    </row>
    <row r="42025" spans="1:10" x14ac:dyDescent="0.35">
      <c r="A42025" s="1" t="s">
        <v>25805</v>
      </c>
      <c r="B42025" s="1" t="s">
        <v>142570</v>
      </c>
      <c r="C42025" s="1" t="s">
        <v>80</v>
      </c>
      <c r="D42025" s="1" t="s">
        <v>27791</v>
      </c>
      <c r="E42025" s="1" t="s">
        <v>143752</v>
      </c>
      <c r="F42025" s="1" t="s">
        <v>143753</v>
      </c>
      <c r="G42025" s="1" t="s">
        <v>143716</v>
      </c>
      <c r="H42025" s="1" t="s">
        <v>143717</v>
      </c>
      <c r="I42025" s="1" t="s">
        <v>142575</v>
      </c>
      <c r="J42025" s="1" t="s">
        <v>143754</v>
      </c>
    </row>
    <row r="42026" spans="1:10" x14ac:dyDescent="0.35">
      <c r="A42026" s="1" t="s">
        <v>25805</v>
      </c>
      <c r="B42026" s="1" t="s">
        <v>142570</v>
      </c>
      <c r="C42026" s="1" t="s">
        <v>85</v>
      </c>
      <c r="D42026" s="1" t="s">
        <v>110550</v>
      </c>
      <c r="E42026" s="1" t="s">
        <v>134978</v>
      </c>
      <c r="F42026" s="1" t="s">
        <v>143755</v>
      </c>
      <c r="G42026" s="1" t="s">
        <v>143716</v>
      </c>
      <c r="H42026" s="1" t="s">
        <v>143717</v>
      </c>
      <c r="I42026" s="1" t="s">
        <v>142575</v>
      </c>
      <c r="J42026" s="1" t="s">
        <v>143756</v>
      </c>
    </row>
    <row r="42027" spans="1:10" x14ac:dyDescent="0.35">
      <c r="A42027" s="1" t="s">
        <v>25805</v>
      </c>
      <c r="B42027" s="1" t="s">
        <v>142570</v>
      </c>
      <c r="C42027" s="1" t="s">
        <v>90</v>
      </c>
      <c r="D42027" s="1" t="s">
        <v>27981</v>
      </c>
      <c r="E42027" s="1" t="s">
        <v>143730</v>
      </c>
      <c r="F42027" s="1" t="s">
        <v>143757</v>
      </c>
      <c r="G42027" s="1" t="s">
        <v>143716</v>
      </c>
      <c r="H42027" s="1" t="s">
        <v>143717</v>
      </c>
      <c r="I42027" s="1" t="s">
        <v>142575</v>
      </c>
      <c r="J42027" s="1" t="s">
        <v>143758</v>
      </c>
    </row>
    <row r="42028" spans="1:10" x14ac:dyDescent="0.35">
      <c r="A42028" s="1" t="s">
        <v>25805</v>
      </c>
      <c r="B42028" s="1" t="s">
        <v>142570</v>
      </c>
      <c r="C42028" s="1" t="s">
        <v>95</v>
      </c>
      <c r="D42028" s="1" t="s">
        <v>45248</v>
      </c>
      <c r="E42028" s="1" t="s">
        <v>135017</v>
      </c>
      <c r="F42028" s="1" t="s">
        <v>143759</v>
      </c>
      <c r="G42028" s="1" t="s">
        <v>143716</v>
      </c>
      <c r="H42028" s="1" t="s">
        <v>143717</v>
      </c>
      <c r="I42028" s="1" t="s">
        <v>142575</v>
      </c>
      <c r="J42028" s="1" t="s">
        <v>143760</v>
      </c>
    </row>
    <row r="42029" spans="1:10" x14ac:dyDescent="0.35">
      <c r="A42029" s="1" t="s">
        <v>25805</v>
      </c>
      <c r="B42029" s="1" t="s">
        <v>142570</v>
      </c>
      <c r="C42029" s="1" t="s">
        <v>100</v>
      </c>
      <c r="D42029" s="1" t="s">
        <v>143761</v>
      </c>
      <c r="E42029" s="1" t="s">
        <v>135001</v>
      </c>
      <c r="F42029" s="1" t="s">
        <v>143762</v>
      </c>
      <c r="G42029" s="1" t="s">
        <v>143716</v>
      </c>
      <c r="H42029" s="1" t="s">
        <v>143717</v>
      </c>
      <c r="I42029" s="1" t="s">
        <v>142575</v>
      </c>
      <c r="J42029" s="1" t="s">
        <v>143763</v>
      </c>
    </row>
    <row r="42030" spans="1:10" x14ac:dyDescent="0.35">
      <c r="A42030" s="1" t="s">
        <v>25805</v>
      </c>
      <c r="B42030" s="1" t="s">
        <v>142570</v>
      </c>
      <c r="C42030" s="1" t="s">
        <v>105</v>
      </c>
      <c r="D42030" s="1" t="s">
        <v>143764</v>
      </c>
      <c r="E42030" s="1" t="s">
        <v>109709</v>
      </c>
      <c r="F42030" s="1" t="s">
        <v>41686</v>
      </c>
      <c r="G42030" s="1" t="s">
        <v>143716</v>
      </c>
      <c r="H42030" s="1" t="s">
        <v>143717</v>
      </c>
      <c r="I42030" s="1" t="s">
        <v>142575</v>
      </c>
      <c r="J42030" s="1" t="s">
        <v>143765</v>
      </c>
    </row>
    <row r="42031" spans="1:10" x14ac:dyDescent="0.35">
      <c r="A42031" s="1" t="s">
        <v>25805</v>
      </c>
      <c r="B42031" s="1" t="s">
        <v>142570</v>
      </c>
      <c r="C42031" s="1" t="s">
        <v>110</v>
      </c>
      <c r="D42031" s="1" t="s">
        <v>30143</v>
      </c>
      <c r="E42031" s="1" t="s">
        <v>74245</v>
      </c>
      <c r="F42031" s="1" t="s">
        <v>143766</v>
      </c>
      <c r="G42031" s="1" t="s">
        <v>143716</v>
      </c>
      <c r="H42031" s="1" t="s">
        <v>143717</v>
      </c>
      <c r="I42031" s="1" t="s">
        <v>142575</v>
      </c>
      <c r="J42031" s="1" t="s">
        <v>143767</v>
      </c>
    </row>
    <row r="42032" spans="1:10" x14ac:dyDescent="0.35">
      <c r="A42032" s="1" t="s">
        <v>25805</v>
      </c>
      <c r="B42032" s="1" t="s">
        <v>142570</v>
      </c>
      <c r="C42032" s="1" t="s">
        <v>115</v>
      </c>
      <c r="D42032" s="1" t="s">
        <v>29448</v>
      </c>
      <c r="E42032" s="1" t="s">
        <v>143768</v>
      </c>
      <c r="F42032" s="1" t="s">
        <v>143769</v>
      </c>
      <c r="G42032" s="1" t="s">
        <v>143716</v>
      </c>
      <c r="H42032" s="1" t="s">
        <v>143717</v>
      </c>
      <c r="I42032" s="1" t="s">
        <v>142575</v>
      </c>
      <c r="J42032" s="1" t="s">
        <v>143770</v>
      </c>
    </row>
    <row r="42033" spans="1:10" x14ac:dyDescent="0.35">
      <c r="A42033" s="1" t="s">
        <v>25805</v>
      </c>
      <c r="B42033" s="1" t="s">
        <v>142570</v>
      </c>
      <c r="C42033" s="1" t="s">
        <v>120</v>
      </c>
      <c r="D42033" s="1" t="s">
        <v>110567</v>
      </c>
      <c r="E42033" s="1" t="s">
        <v>142754</v>
      </c>
      <c r="F42033" s="1" t="s">
        <v>143771</v>
      </c>
      <c r="G42033" s="1" t="s">
        <v>143716</v>
      </c>
      <c r="H42033" s="1" t="s">
        <v>143717</v>
      </c>
      <c r="I42033" s="1" t="s">
        <v>142575</v>
      </c>
      <c r="J42033" s="1" t="s">
        <v>143772</v>
      </c>
    </row>
    <row r="42034" spans="1:10" x14ac:dyDescent="0.35">
      <c r="A42034" s="1" t="s">
        <v>25805</v>
      </c>
      <c r="B42034" s="1" t="s">
        <v>142570</v>
      </c>
      <c r="C42034" s="1" t="s">
        <v>125</v>
      </c>
      <c r="D42034" s="1" t="s">
        <v>5079</v>
      </c>
      <c r="E42034" s="1" t="s">
        <v>72976</v>
      </c>
      <c r="F42034" s="1" t="s">
        <v>143773</v>
      </c>
      <c r="G42034" s="1" t="s">
        <v>143716</v>
      </c>
      <c r="H42034" s="1" t="s">
        <v>143717</v>
      </c>
      <c r="I42034" s="1" t="s">
        <v>142575</v>
      </c>
      <c r="J42034" s="1" t="s">
        <v>143774</v>
      </c>
    </row>
    <row r="42035" spans="1:10" x14ac:dyDescent="0.35">
      <c r="A42035" s="1" t="s">
        <v>25805</v>
      </c>
      <c r="B42035" s="1" t="s">
        <v>142570</v>
      </c>
      <c r="C42035" s="1" t="s">
        <v>130</v>
      </c>
      <c r="D42035" s="1" t="s">
        <v>142499</v>
      </c>
      <c r="E42035" s="1" t="s">
        <v>109673</v>
      </c>
      <c r="F42035" s="1" t="s">
        <v>143775</v>
      </c>
      <c r="G42035" s="1" t="s">
        <v>143716</v>
      </c>
      <c r="H42035" s="1" t="s">
        <v>143717</v>
      </c>
      <c r="I42035" s="1" t="s">
        <v>142575</v>
      </c>
      <c r="J42035" s="1" t="s">
        <v>143776</v>
      </c>
    </row>
    <row r="42036" spans="1:10" x14ac:dyDescent="0.35">
      <c r="A42036" s="1" t="s">
        <v>25805</v>
      </c>
      <c r="B42036" s="1" t="s">
        <v>142570</v>
      </c>
      <c r="C42036" s="1" t="s">
        <v>135</v>
      </c>
      <c r="D42036" s="1" t="s">
        <v>43814</v>
      </c>
      <c r="E42036" s="1" t="s">
        <v>143777</v>
      </c>
      <c r="F42036" s="1" t="s">
        <v>143778</v>
      </c>
      <c r="G42036" s="1" t="s">
        <v>143716</v>
      </c>
      <c r="H42036" s="1" t="s">
        <v>143717</v>
      </c>
      <c r="I42036" s="1" t="s">
        <v>142575</v>
      </c>
      <c r="J42036" s="1" t="s">
        <v>143779</v>
      </c>
    </row>
    <row r="42037" spans="1:10" x14ac:dyDescent="0.35">
      <c r="A42037" s="1" t="s">
        <v>25805</v>
      </c>
      <c r="B42037" s="1" t="s">
        <v>142570</v>
      </c>
      <c r="C42037" s="1" t="s">
        <v>140</v>
      </c>
      <c r="D42037" s="1" t="s">
        <v>2063</v>
      </c>
      <c r="E42037" s="1" t="s">
        <v>73630</v>
      </c>
      <c r="F42037" s="1" t="s">
        <v>143780</v>
      </c>
      <c r="G42037" s="1" t="s">
        <v>143716</v>
      </c>
      <c r="H42037" s="1" t="s">
        <v>143717</v>
      </c>
      <c r="I42037" s="1" t="s">
        <v>142575</v>
      </c>
      <c r="J42037" s="1" t="s">
        <v>143781</v>
      </c>
    </row>
    <row r="42038" spans="1:10" x14ac:dyDescent="0.35">
      <c r="A42038" s="1" t="s">
        <v>25805</v>
      </c>
      <c r="B42038" s="1" t="s">
        <v>142570</v>
      </c>
      <c r="C42038" s="1" t="s">
        <v>145</v>
      </c>
      <c r="D42038" s="1" t="s">
        <v>9967</v>
      </c>
      <c r="E42038" s="1" t="s">
        <v>143782</v>
      </c>
      <c r="F42038" s="1" t="s">
        <v>143783</v>
      </c>
      <c r="G42038" s="1" t="s">
        <v>143716</v>
      </c>
      <c r="H42038" s="1" t="s">
        <v>143717</v>
      </c>
      <c r="I42038" s="1" t="s">
        <v>142575</v>
      </c>
      <c r="J42038" s="1" t="s">
        <v>143784</v>
      </c>
    </row>
    <row r="42039" spans="1:10" x14ac:dyDescent="0.35">
      <c r="A42039" s="1" t="s">
        <v>25805</v>
      </c>
      <c r="B42039" s="1" t="s">
        <v>142570</v>
      </c>
      <c r="C42039" s="1" t="s">
        <v>150</v>
      </c>
      <c r="D42039" s="1" t="s">
        <v>143785</v>
      </c>
      <c r="E42039" s="1" t="s">
        <v>143786</v>
      </c>
      <c r="F42039" s="1" t="s">
        <v>143787</v>
      </c>
      <c r="G42039" s="1" t="s">
        <v>143716</v>
      </c>
      <c r="H42039" s="1" t="s">
        <v>143717</v>
      </c>
      <c r="I42039" s="1" t="s">
        <v>142575</v>
      </c>
      <c r="J42039" s="1" t="s">
        <v>143788</v>
      </c>
    </row>
    <row r="42040" spans="1:10" x14ac:dyDescent="0.35">
      <c r="A42040" s="1" t="s">
        <v>25805</v>
      </c>
      <c r="B42040" s="1" t="s">
        <v>142570</v>
      </c>
      <c r="C42040" s="1" t="s">
        <v>155</v>
      </c>
      <c r="D42040" s="1" t="s">
        <v>14203</v>
      </c>
      <c r="E42040" s="1" t="s">
        <v>143789</v>
      </c>
      <c r="F42040" s="1" t="s">
        <v>143790</v>
      </c>
      <c r="G42040" s="1" t="s">
        <v>143716</v>
      </c>
      <c r="H42040" s="1" t="s">
        <v>143717</v>
      </c>
      <c r="I42040" s="1" t="s">
        <v>142575</v>
      </c>
      <c r="J42040" s="1" t="s">
        <v>143791</v>
      </c>
    </row>
    <row r="42041" spans="1:10" x14ac:dyDescent="0.35">
      <c r="A42041" s="1" t="s">
        <v>25805</v>
      </c>
      <c r="B42041" s="1" t="s">
        <v>142570</v>
      </c>
      <c r="C42041" s="1" t="s">
        <v>160</v>
      </c>
      <c r="D42041" s="1" t="s">
        <v>112617</v>
      </c>
      <c r="E42041" s="1" t="s">
        <v>70822</v>
      </c>
      <c r="F42041" s="1" t="s">
        <v>143792</v>
      </c>
      <c r="G42041" s="1" t="s">
        <v>143716</v>
      </c>
      <c r="H42041" s="1" t="s">
        <v>143717</v>
      </c>
      <c r="I42041" s="1" t="s">
        <v>142575</v>
      </c>
      <c r="J42041" s="1" t="s">
        <v>143793</v>
      </c>
    </row>
    <row r="42042" spans="1:10" x14ac:dyDescent="0.35">
      <c r="A42042" s="1" t="s">
        <v>25805</v>
      </c>
      <c r="B42042" s="1" t="s">
        <v>142570</v>
      </c>
      <c r="C42042" s="1" t="s">
        <v>165</v>
      </c>
      <c r="D42042" s="1" t="s">
        <v>118025</v>
      </c>
      <c r="E42042" s="1" t="s">
        <v>70801</v>
      </c>
      <c r="F42042" s="1" t="s">
        <v>143794</v>
      </c>
      <c r="G42042" s="1" t="s">
        <v>143716</v>
      </c>
      <c r="H42042" s="1" t="s">
        <v>143717</v>
      </c>
      <c r="I42042" s="1" t="s">
        <v>142575</v>
      </c>
      <c r="J42042" s="1" t="s">
        <v>143795</v>
      </c>
    </row>
    <row r="42043" spans="1:10" x14ac:dyDescent="0.35">
      <c r="A42043" s="1" t="s">
        <v>25805</v>
      </c>
      <c r="B42043" s="1" t="s">
        <v>142570</v>
      </c>
      <c r="C42043" s="1" t="s">
        <v>170</v>
      </c>
      <c r="D42043" s="1" t="s">
        <v>6963</v>
      </c>
      <c r="E42043" s="1" t="s">
        <v>143796</v>
      </c>
      <c r="F42043" s="1" t="s">
        <v>143797</v>
      </c>
      <c r="G42043" s="1" t="s">
        <v>143716</v>
      </c>
      <c r="H42043" s="1" t="s">
        <v>143717</v>
      </c>
      <c r="I42043" s="1" t="s">
        <v>142575</v>
      </c>
      <c r="J42043" s="1" t="s">
        <v>143798</v>
      </c>
    </row>
    <row r="42044" spans="1:10" x14ac:dyDescent="0.35">
      <c r="A42044" s="1" t="s">
        <v>121386</v>
      </c>
      <c r="B42044" s="1" t="s">
        <v>142570</v>
      </c>
      <c r="C42044" s="1" t="s">
        <v>8</v>
      </c>
      <c r="D42044" s="1" t="s">
        <v>109578</v>
      </c>
      <c r="E42044" s="1" t="s">
        <v>143799</v>
      </c>
      <c r="F42044" s="1" t="s">
        <v>143800</v>
      </c>
      <c r="G42044" s="1" t="s">
        <v>143801</v>
      </c>
      <c r="H42044" s="1" t="s">
        <v>143802</v>
      </c>
      <c r="I42044" s="1" t="s">
        <v>142575</v>
      </c>
      <c r="J42044" s="1" t="s">
        <v>13</v>
      </c>
    </row>
    <row r="42045" spans="1:10" x14ac:dyDescent="0.35">
      <c r="A42045" s="1" t="s">
        <v>121386</v>
      </c>
      <c r="B42045" s="1" t="s">
        <v>142570</v>
      </c>
      <c r="C42045" s="1" t="s">
        <v>15</v>
      </c>
      <c r="D42045" s="1" t="s">
        <v>11746</v>
      </c>
      <c r="E42045" s="1" t="s">
        <v>143803</v>
      </c>
      <c r="F42045" s="1" t="s">
        <v>143804</v>
      </c>
      <c r="G42045" s="1" t="s">
        <v>143801</v>
      </c>
      <c r="H42045" s="1" t="s">
        <v>143802</v>
      </c>
      <c r="I42045" s="1" t="s">
        <v>142575</v>
      </c>
      <c r="J42045" s="1" t="s">
        <v>143805</v>
      </c>
    </row>
    <row r="42046" spans="1:10" x14ac:dyDescent="0.35">
      <c r="A42046" s="1" t="s">
        <v>121386</v>
      </c>
      <c r="B42046" s="1" t="s">
        <v>142570</v>
      </c>
      <c r="C42046" s="1" t="s">
        <v>20</v>
      </c>
      <c r="D42046" s="1" t="s">
        <v>14995</v>
      </c>
      <c r="E42046" s="1" t="s">
        <v>143806</v>
      </c>
      <c r="F42046" s="1" t="s">
        <v>143807</v>
      </c>
      <c r="G42046" s="1" t="s">
        <v>143801</v>
      </c>
      <c r="H42046" s="1" t="s">
        <v>143802</v>
      </c>
      <c r="I42046" s="1" t="s">
        <v>142575</v>
      </c>
      <c r="J42046" s="1" t="s">
        <v>143808</v>
      </c>
    </row>
    <row r="42047" spans="1:10" x14ac:dyDescent="0.35">
      <c r="A42047" s="1" t="s">
        <v>121386</v>
      </c>
      <c r="B42047" s="1" t="s">
        <v>142570</v>
      </c>
      <c r="C42047" s="1" t="s">
        <v>25</v>
      </c>
      <c r="D42047" s="1" t="s">
        <v>85</v>
      </c>
      <c r="E42047" s="1" t="s">
        <v>143809</v>
      </c>
      <c r="F42047" s="1" t="s">
        <v>143810</v>
      </c>
      <c r="G42047" s="1" t="s">
        <v>143801</v>
      </c>
      <c r="H42047" s="1" t="s">
        <v>143802</v>
      </c>
      <c r="I42047" s="1" t="s">
        <v>142575</v>
      </c>
      <c r="J42047" s="1" t="s">
        <v>143811</v>
      </c>
    </row>
    <row r="42048" spans="1:10" x14ac:dyDescent="0.35">
      <c r="A42048" s="1" t="s">
        <v>121386</v>
      </c>
      <c r="B42048" s="1" t="s">
        <v>142570</v>
      </c>
      <c r="C42048" s="1" t="s">
        <v>30</v>
      </c>
      <c r="D42048" s="1" t="s">
        <v>40</v>
      </c>
      <c r="E42048" s="1" t="s">
        <v>143812</v>
      </c>
      <c r="F42048" s="1" t="s">
        <v>143813</v>
      </c>
      <c r="G42048" s="1" t="s">
        <v>143801</v>
      </c>
      <c r="H42048" s="1" t="s">
        <v>143802</v>
      </c>
      <c r="I42048" s="1" t="s">
        <v>142575</v>
      </c>
      <c r="J42048" s="1" t="s">
        <v>143814</v>
      </c>
    </row>
    <row r="42049" spans="1:10" x14ac:dyDescent="0.35">
      <c r="A42049" s="1" t="s">
        <v>121386</v>
      </c>
      <c r="B42049" s="1" t="s">
        <v>142570</v>
      </c>
      <c r="C42049" s="1" t="s">
        <v>35</v>
      </c>
      <c r="D42049" s="1" t="s">
        <v>27731</v>
      </c>
      <c r="E42049" s="1" t="s">
        <v>143815</v>
      </c>
      <c r="F42049" s="1" t="s">
        <v>143816</v>
      </c>
      <c r="G42049" s="1" t="s">
        <v>143801</v>
      </c>
      <c r="H42049" s="1" t="s">
        <v>143802</v>
      </c>
      <c r="I42049" s="1" t="s">
        <v>142575</v>
      </c>
      <c r="J42049" s="1" t="s">
        <v>143817</v>
      </c>
    </row>
    <row r="42050" spans="1:10" x14ac:dyDescent="0.35">
      <c r="A42050" s="1" t="s">
        <v>121386</v>
      </c>
      <c r="B42050" s="1" t="s">
        <v>142570</v>
      </c>
      <c r="C42050" s="1" t="s">
        <v>40</v>
      </c>
      <c r="D42050" s="1" t="s">
        <v>5479</v>
      </c>
      <c r="E42050" s="1" t="s">
        <v>143818</v>
      </c>
      <c r="F42050" s="1" t="s">
        <v>143819</v>
      </c>
      <c r="G42050" s="1" t="s">
        <v>143801</v>
      </c>
      <c r="H42050" s="1" t="s">
        <v>143802</v>
      </c>
      <c r="I42050" s="1" t="s">
        <v>142575</v>
      </c>
      <c r="J42050" s="1" t="s">
        <v>143820</v>
      </c>
    </row>
    <row r="42051" spans="1:10" x14ac:dyDescent="0.35">
      <c r="A42051" s="1" t="s">
        <v>121386</v>
      </c>
      <c r="B42051" s="1" t="s">
        <v>142570</v>
      </c>
      <c r="C42051" s="1" t="s">
        <v>45</v>
      </c>
      <c r="D42051" s="1" t="s">
        <v>40</v>
      </c>
      <c r="E42051" s="1" t="s">
        <v>143821</v>
      </c>
      <c r="F42051" s="1" t="s">
        <v>143822</v>
      </c>
      <c r="G42051" s="1" t="s">
        <v>143801</v>
      </c>
      <c r="H42051" s="1" t="s">
        <v>143802</v>
      </c>
      <c r="I42051" s="1" t="s">
        <v>142575</v>
      </c>
      <c r="J42051" s="1" t="s">
        <v>143823</v>
      </c>
    </row>
    <row r="42052" spans="1:10" x14ac:dyDescent="0.35">
      <c r="A42052" s="1" t="s">
        <v>121386</v>
      </c>
      <c r="B42052" s="1" t="s">
        <v>142570</v>
      </c>
      <c r="C42052" s="1" t="s">
        <v>50</v>
      </c>
      <c r="D42052" s="1" t="s">
        <v>75</v>
      </c>
      <c r="E42052" s="1" t="s">
        <v>143824</v>
      </c>
      <c r="F42052" s="1" t="s">
        <v>143825</v>
      </c>
      <c r="G42052" s="1" t="s">
        <v>143801</v>
      </c>
      <c r="H42052" s="1" t="s">
        <v>143802</v>
      </c>
      <c r="I42052" s="1" t="s">
        <v>142575</v>
      </c>
      <c r="J42052" s="1" t="s">
        <v>143826</v>
      </c>
    </row>
    <row r="42053" spans="1:10" x14ac:dyDescent="0.35">
      <c r="A42053" s="1" t="s">
        <v>121386</v>
      </c>
      <c r="B42053" s="1" t="s">
        <v>142570</v>
      </c>
      <c r="C42053" s="1" t="s">
        <v>55</v>
      </c>
      <c r="D42053" s="1" t="s">
        <v>3589</v>
      </c>
      <c r="E42053" s="1" t="s">
        <v>143827</v>
      </c>
      <c r="F42053" s="1" t="s">
        <v>143828</v>
      </c>
      <c r="G42053" s="1" t="s">
        <v>143801</v>
      </c>
      <c r="H42053" s="1" t="s">
        <v>143802</v>
      </c>
      <c r="I42053" s="1" t="s">
        <v>142575</v>
      </c>
      <c r="J42053" s="1" t="s">
        <v>143829</v>
      </c>
    </row>
    <row r="42054" spans="1:10" x14ac:dyDescent="0.35">
      <c r="A42054" s="1" t="s">
        <v>121386</v>
      </c>
      <c r="B42054" s="1" t="s">
        <v>142570</v>
      </c>
      <c r="C42054" s="1" t="s">
        <v>60</v>
      </c>
      <c r="D42054" s="1" t="s">
        <v>5681</v>
      </c>
      <c r="E42054" s="1" t="s">
        <v>143830</v>
      </c>
      <c r="F42054" s="1" t="s">
        <v>143831</v>
      </c>
      <c r="G42054" s="1" t="s">
        <v>143801</v>
      </c>
      <c r="H42054" s="1" t="s">
        <v>143802</v>
      </c>
      <c r="I42054" s="1" t="s">
        <v>142575</v>
      </c>
      <c r="J42054" s="1" t="s">
        <v>143832</v>
      </c>
    </row>
    <row r="42055" spans="1:10" x14ac:dyDescent="0.35">
      <c r="A42055" s="1" t="s">
        <v>121386</v>
      </c>
      <c r="B42055" s="1" t="s">
        <v>142570</v>
      </c>
      <c r="C42055" s="1" t="s">
        <v>65</v>
      </c>
      <c r="D42055" s="1" t="s">
        <v>5494</v>
      </c>
      <c r="E42055" s="1" t="s">
        <v>143833</v>
      </c>
      <c r="F42055" s="1" t="s">
        <v>143834</v>
      </c>
      <c r="G42055" s="1" t="s">
        <v>143801</v>
      </c>
      <c r="H42055" s="1" t="s">
        <v>143802</v>
      </c>
      <c r="I42055" s="1" t="s">
        <v>142575</v>
      </c>
      <c r="J42055" s="1" t="s">
        <v>143835</v>
      </c>
    </row>
    <row r="42056" spans="1:10" x14ac:dyDescent="0.35">
      <c r="A42056" s="1" t="s">
        <v>121386</v>
      </c>
      <c r="B42056" s="1" t="s">
        <v>142570</v>
      </c>
      <c r="C42056" s="1" t="s">
        <v>70</v>
      </c>
      <c r="D42056" s="1" t="s">
        <v>120864</v>
      </c>
      <c r="E42056" s="1" t="s">
        <v>143836</v>
      </c>
      <c r="F42056" s="1" t="s">
        <v>143837</v>
      </c>
      <c r="G42056" s="1" t="s">
        <v>143801</v>
      </c>
      <c r="H42056" s="1" t="s">
        <v>143802</v>
      </c>
      <c r="I42056" s="1" t="s">
        <v>142575</v>
      </c>
      <c r="J42056" s="1" t="s">
        <v>143838</v>
      </c>
    </row>
    <row r="42057" spans="1:10" x14ac:dyDescent="0.35">
      <c r="A42057" s="1" t="s">
        <v>121386</v>
      </c>
      <c r="B42057" s="1" t="s">
        <v>142570</v>
      </c>
      <c r="C42057" s="1" t="s">
        <v>75</v>
      </c>
      <c r="D42057" s="1" t="s">
        <v>143839</v>
      </c>
      <c r="E42057" s="1" t="s">
        <v>143840</v>
      </c>
      <c r="F42057" s="1" t="s">
        <v>143841</v>
      </c>
      <c r="G42057" s="1" t="s">
        <v>143801</v>
      </c>
      <c r="H42057" s="1" t="s">
        <v>143802</v>
      </c>
      <c r="I42057" s="1" t="s">
        <v>142575</v>
      </c>
      <c r="J42057" s="1" t="s">
        <v>143842</v>
      </c>
    </row>
    <row r="42058" spans="1:10" x14ac:dyDescent="0.35">
      <c r="A42058" s="1" t="s">
        <v>121386</v>
      </c>
      <c r="B42058" s="1" t="s">
        <v>142570</v>
      </c>
      <c r="C42058" s="1" t="s">
        <v>80</v>
      </c>
      <c r="D42058" s="1" t="s">
        <v>27370</v>
      </c>
      <c r="E42058" s="1" t="s">
        <v>143843</v>
      </c>
      <c r="F42058" s="1" t="s">
        <v>143844</v>
      </c>
      <c r="G42058" s="1" t="s">
        <v>143801</v>
      </c>
      <c r="H42058" s="1" t="s">
        <v>143802</v>
      </c>
      <c r="I42058" s="1" t="s">
        <v>142575</v>
      </c>
      <c r="J42058" s="1" t="s">
        <v>143845</v>
      </c>
    </row>
    <row r="42059" spans="1:10" x14ac:dyDescent="0.35">
      <c r="A42059" s="1" t="s">
        <v>121386</v>
      </c>
      <c r="B42059" s="1" t="s">
        <v>142570</v>
      </c>
      <c r="C42059" s="1" t="s">
        <v>85</v>
      </c>
      <c r="D42059" s="1" t="s">
        <v>30</v>
      </c>
      <c r="E42059" s="1" t="s">
        <v>143846</v>
      </c>
      <c r="F42059" s="1" t="s">
        <v>143847</v>
      </c>
      <c r="G42059" s="1" t="s">
        <v>143801</v>
      </c>
      <c r="H42059" s="1" t="s">
        <v>143802</v>
      </c>
      <c r="I42059" s="1" t="s">
        <v>142575</v>
      </c>
      <c r="J42059" s="1" t="s">
        <v>143848</v>
      </c>
    </row>
    <row r="42060" spans="1:10" x14ac:dyDescent="0.35">
      <c r="A42060" s="1" t="s">
        <v>121386</v>
      </c>
      <c r="B42060" s="1" t="s">
        <v>142570</v>
      </c>
      <c r="C42060" s="1" t="s">
        <v>90</v>
      </c>
      <c r="D42060" s="1" t="s">
        <v>3942</v>
      </c>
      <c r="E42060" s="1" t="s">
        <v>143849</v>
      </c>
      <c r="F42060" s="1" t="s">
        <v>143850</v>
      </c>
      <c r="G42060" s="1" t="s">
        <v>143801</v>
      </c>
      <c r="H42060" s="1" t="s">
        <v>143802</v>
      </c>
      <c r="I42060" s="1" t="s">
        <v>142575</v>
      </c>
      <c r="J42060" s="1" t="s">
        <v>143851</v>
      </c>
    </row>
    <row r="42061" spans="1:10" x14ac:dyDescent="0.35">
      <c r="A42061" s="1" t="s">
        <v>121386</v>
      </c>
      <c r="B42061" s="1" t="s">
        <v>142570</v>
      </c>
      <c r="C42061" s="1" t="s">
        <v>95</v>
      </c>
      <c r="D42061" s="1" t="s">
        <v>110635</v>
      </c>
      <c r="E42061" s="1" t="s">
        <v>143852</v>
      </c>
      <c r="F42061" s="1" t="s">
        <v>143853</v>
      </c>
      <c r="G42061" s="1" t="s">
        <v>143801</v>
      </c>
      <c r="H42061" s="1" t="s">
        <v>143802</v>
      </c>
      <c r="I42061" s="1" t="s">
        <v>142575</v>
      </c>
      <c r="J42061" s="1" t="s">
        <v>143854</v>
      </c>
    </row>
    <row r="42062" spans="1:10" x14ac:dyDescent="0.35">
      <c r="A42062" s="1" t="s">
        <v>121386</v>
      </c>
      <c r="B42062" s="1" t="s">
        <v>142570</v>
      </c>
      <c r="C42062" s="1" t="s">
        <v>100</v>
      </c>
      <c r="D42062" s="1" t="s">
        <v>3883</v>
      </c>
      <c r="E42062" s="1" t="s">
        <v>143855</v>
      </c>
      <c r="F42062" s="1" t="s">
        <v>143856</v>
      </c>
      <c r="G42062" s="1" t="s">
        <v>143801</v>
      </c>
      <c r="H42062" s="1" t="s">
        <v>143802</v>
      </c>
      <c r="I42062" s="1" t="s">
        <v>142575</v>
      </c>
      <c r="J42062" s="1" t="s">
        <v>143857</v>
      </c>
    </row>
    <row r="42063" spans="1:10" x14ac:dyDescent="0.35">
      <c r="A42063" s="1" t="s">
        <v>121386</v>
      </c>
      <c r="B42063" s="1" t="s">
        <v>142570</v>
      </c>
      <c r="C42063" s="1" t="s">
        <v>105</v>
      </c>
      <c r="D42063" s="1" t="s">
        <v>8724</v>
      </c>
      <c r="E42063" s="1" t="s">
        <v>143858</v>
      </c>
      <c r="F42063" s="1" t="s">
        <v>143859</v>
      </c>
      <c r="G42063" s="1" t="s">
        <v>143801</v>
      </c>
      <c r="H42063" s="1" t="s">
        <v>143802</v>
      </c>
      <c r="I42063" s="1" t="s">
        <v>142575</v>
      </c>
      <c r="J42063" s="1" t="s">
        <v>143860</v>
      </c>
    </row>
    <row r="42064" spans="1:10" x14ac:dyDescent="0.35">
      <c r="A42064" s="1" t="s">
        <v>121386</v>
      </c>
      <c r="B42064" s="1" t="s">
        <v>142570</v>
      </c>
      <c r="C42064" s="1" t="s">
        <v>110</v>
      </c>
      <c r="D42064" s="1" t="s">
        <v>27749</v>
      </c>
      <c r="E42064" s="1" t="s">
        <v>143861</v>
      </c>
      <c r="F42064" s="1" t="s">
        <v>143862</v>
      </c>
      <c r="G42064" s="1" t="s">
        <v>143801</v>
      </c>
      <c r="H42064" s="1" t="s">
        <v>143802</v>
      </c>
      <c r="I42064" s="1" t="s">
        <v>142575</v>
      </c>
      <c r="J42064" s="1" t="s">
        <v>143863</v>
      </c>
    </row>
    <row r="42065" spans="1:10" x14ac:dyDescent="0.35">
      <c r="A42065" s="1" t="s">
        <v>121386</v>
      </c>
      <c r="B42065" s="1" t="s">
        <v>142570</v>
      </c>
      <c r="C42065" s="1" t="s">
        <v>115</v>
      </c>
      <c r="D42065" s="1" t="s">
        <v>142479</v>
      </c>
      <c r="E42065" s="1" t="s">
        <v>143864</v>
      </c>
      <c r="F42065" s="1" t="s">
        <v>143865</v>
      </c>
      <c r="G42065" s="1" t="s">
        <v>143801</v>
      </c>
      <c r="H42065" s="1" t="s">
        <v>143802</v>
      </c>
      <c r="I42065" s="1" t="s">
        <v>142575</v>
      </c>
      <c r="J42065" s="1" t="s">
        <v>143866</v>
      </c>
    </row>
    <row r="42066" spans="1:10" x14ac:dyDescent="0.35">
      <c r="A42066" s="1" t="s">
        <v>121386</v>
      </c>
      <c r="B42066" s="1" t="s">
        <v>142570</v>
      </c>
      <c r="C42066" s="1" t="s">
        <v>120</v>
      </c>
      <c r="D42066" s="1" t="s">
        <v>29771</v>
      </c>
      <c r="E42066" s="1" t="s">
        <v>143867</v>
      </c>
      <c r="F42066" s="1" t="s">
        <v>143868</v>
      </c>
      <c r="G42066" s="1" t="s">
        <v>143801</v>
      </c>
      <c r="H42066" s="1" t="s">
        <v>143802</v>
      </c>
      <c r="I42066" s="1" t="s">
        <v>142575</v>
      </c>
      <c r="J42066" s="1" t="s">
        <v>143869</v>
      </c>
    </row>
    <row r="42067" spans="1:10" x14ac:dyDescent="0.35">
      <c r="A42067" s="1" t="s">
        <v>121386</v>
      </c>
      <c r="B42067" s="1" t="s">
        <v>142570</v>
      </c>
      <c r="C42067" s="1" t="s">
        <v>125</v>
      </c>
      <c r="D42067" s="1" t="s">
        <v>27596</v>
      </c>
      <c r="E42067" s="1" t="s">
        <v>143870</v>
      </c>
      <c r="F42067" s="1" t="s">
        <v>143871</v>
      </c>
      <c r="G42067" s="1" t="s">
        <v>143801</v>
      </c>
      <c r="H42067" s="1" t="s">
        <v>143802</v>
      </c>
      <c r="I42067" s="1" t="s">
        <v>142575</v>
      </c>
      <c r="J42067" s="1" t="s">
        <v>143872</v>
      </c>
    </row>
    <row r="42068" spans="1:10" x14ac:dyDescent="0.35">
      <c r="A42068" s="1" t="s">
        <v>121386</v>
      </c>
      <c r="B42068" s="1" t="s">
        <v>142570</v>
      </c>
      <c r="C42068" s="1" t="s">
        <v>130</v>
      </c>
      <c r="D42068" s="1" t="s">
        <v>14991</v>
      </c>
      <c r="E42068" s="1" t="s">
        <v>143873</v>
      </c>
      <c r="F42068" s="1" t="s">
        <v>143874</v>
      </c>
      <c r="G42068" s="1" t="s">
        <v>143801</v>
      </c>
      <c r="H42068" s="1" t="s">
        <v>143802</v>
      </c>
      <c r="I42068" s="1" t="s">
        <v>142575</v>
      </c>
      <c r="J42068" s="1" t="s">
        <v>143875</v>
      </c>
    </row>
    <row r="42069" spans="1:10" x14ac:dyDescent="0.35">
      <c r="A42069" s="1" t="s">
        <v>121386</v>
      </c>
      <c r="B42069" s="1" t="s">
        <v>142570</v>
      </c>
      <c r="C42069" s="1" t="s">
        <v>135</v>
      </c>
      <c r="D42069" s="1" t="s">
        <v>45379</v>
      </c>
      <c r="E42069" s="1" t="s">
        <v>143876</v>
      </c>
      <c r="F42069" s="1" t="s">
        <v>143877</v>
      </c>
      <c r="G42069" s="1" t="s">
        <v>143801</v>
      </c>
      <c r="H42069" s="1" t="s">
        <v>143802</v>
      </c>
      <c r="I42069" s="1" t="s">
        <v>142575</v>
      </c>
      <c r="J42069" s="1" t="s">
        <v>143878</v>
      </c>
    </row>
    <row r="42070" spans="1:10" x14ac:dyDescent="0.35">
      <c r="A42070" s="1" t="s">
        <v>121386</v>
      </c>
      <c r="B42070" s="1" t="s">
        <v>142570</v>
      </c>
      <c r="C42070" s="1" t="s">
        <v>140</v>
      </c>
      <c r="D42070" s="1" t="s">
        <v>111072</v>
      </c>
      <c r="E42070" s="1" t="s">
        <v>143879</v>
      </c>
      <c r="F42070" s="1" t="s">
        <v>143880</v>
      </c>
      <c r="G42070" s="1" t="s">
        <v>143801</v>
      </c>
      <c r="H42070" s="1" t="s">
        <v>143802</v>
      </c>
      <c r="I42070" s="1" t="s">
        <v>142575</v>
      </c>
      <c r="J42070" s="1" t="s">
        <v>143881</v>
      </c>
    </row>
    <row r="42071" spans="1:10" x14ac:dyDescent="0.35">
      <c r="A42071" s="1" t="s">
        <v>121386</v>
      </c>
      <c r="B42071" s="1" t="s">
        <v>142570</v>
      </c>
      <c r="C42071" s="1" t="s">
        <v>145</v>
      </c>
      <c r="D42071" s="1" t="s">
        <v>143882</v>
      </c>
      <c r="E42071" s="1" t="s">
        <v>143883</v>
      </c>
      <c r="F42071" s="1" t="s">
        <v>143884</v>
      </c>
      <c r="G42071" s="1" t="s">
        <v>143801</v>
      </c>
      <c r="H42071" s="1" t="s">
        <v>143802</v>
      </c>
      <c r="I42071" s="1" t="s">
        <v>142575</v>
      </c>
      <c r="J42071" s="1" t="s">
        <v>143885</v>
      </c>
    </row>
    <row r="42072" spans="1:10" x14ac:dyDescent="0.35">
      <c r="A42072" s="1" t="s">
        <v>121386</v>
      </c>
      <c r="B42072" s="1" t="s">
        <v>142570</v>
      </c>
      <c r="C42072" s="1" t="s">
        <v>150</v>
      </c>
      <c r="D42072" s="1" t="s">
        <v>24978</v>
      </c>
      <c r="E42072" s="1" t="s">
        <v>143886</v>
      </c>
      <c r="F42072" s="1" t="s">
        <v>143887</v>
      </c>
      <c r="G42072" s="1" t="s">
        <v>143801</v>
      </c>
      <c r="H42072" s="1" t="s">
        <v>143802</v>
      </c>
      <c r="I42072" s="1" t="s">
        <v>142575</v>
      </c>
      <c r="J42072" s="1" t="s">
        <v>143888</v>
      </c>
    </row>
    <row r="42073" spans="1:10" x14ac:dyDescent="0.35">
      <c r="A42073" s="1" t="s">
        <v>121386</v>
      </c>
      <c r="B42073" s="1" t="s">
        <v>142570</v>
      </c>
      <c r="C42073" s="1" t="s">
        <v>155</v>
      </c>
      <c r="D42073" s="1" t="s">
        <v>8032</v>
      </c>
      <c r="E42073" s="1" t="s">
        <v>143889</v>
      </c>
      <c r="F42073" s="1" t="s">
        <v>143890</v>
      </c>
      <c r="G42073" s="1" t="s">
        <v>143801</v>
      </c>
      <c r="H42073" s="1" t="s">
        <v>143802</v>
      </c>
      <c r="I42073" s="1" t="s">
        <v>142575</v>
      </c>
      <c r="J42073" s="1" t="s">
        <v>143891</v>
      </c>
    </row>
    <row r="42074" spans="1:10" x14ac:dyDescent="0.35">
      <c r="A42074" s="1" t="s">
        <v>121386</v>
      </c>
      <c r="B42074" s="1" t="s">
        <v>142570</v>
      </c>
      <c r="C42074" s="1" t="s">
        <v>160</v>
      </c>
      <c r="D42074" s="1" t="s">
        <v>29179</v>
      </c>
      <c r="E42074" s="1" t="s">
        <v>143892</v>
      </c>
      <c r="F42074" s="1" t="s">
        <v>143893</v>
      </c>
      <c r="G42074" s="1" t="s">
        <v>143801</v>
      </c>
      <c r="H42074" s="1" t="s">
        <v>143802</v>
      </c>
      <c r="I42074" s="1" t="s">
        <v>142575</v>
      </c>
      <c r="J42074" s="1" t="s">
        <v>143894</v>
      </c>
    </row>
    <row r="42075" spans="1:10" x14ac:dyDescent="0.35">
      <c r="A42075" s="1" t="s">
        <v>121386</v>
      </c>
      <c r="B42075" s="1" t="s">
        <v>142570</v>
      </c>
      <c r="C42075" s="1" t="s">
        <v>165</v>
      </c>
      <c r="D42075" s="1" t="s">
        <v>4404</v>
      </c>
      <c r="E42075" s="1" t="s">
        <v>143895</v>
      </c>
      <c r="F42075" s="1" t="s">
        <v>143896</v>
      </c>
      <c r="G42075" s="1" t="s">
        <v>143801</v>
      </c>
      <c r="H42075" s="1" t="s">
        <v>143802</v>
      </c>
      <c r="I42075" s="1" t="s">
        <v>142575</v>
      </c>
      <c r="J42075" s="1" t="s">
        <v>143897</v>
      </c>
    </row>
    <row r="42076" spans="1:10" x14ac:dyDescent="0.35">
      <c r="A42076" s="1" t="s">
        <v>121386</v>
      </c>
      <c r="B42076" s="1" t="s">
        <v>142570</v>
      </c>
      <c r="C42076" s="1" t="s">
        <v>170</v>
      </c>
      <c r="D42076" s="1" t="s">
        <v>10213</v>
      </c>
      <c r="E42076" s="1" t="s">
        <v>143898</v>
      </c>
      <c r="F42076" s="1" t="s">
        <v>143899</v>
      </c>
      <c r="G42076" s="1" t="s">
        <v>143801</v>
      </c>
      <c r="H42076" s="1" t="s">
        <v>143802</v>
      </c>
      <c r="I42076" s="1" t="s">
        <v>142575</v>
      </c>
      <c r="J42076" s="1" t="s">
        <v>143900</v>
      </c>
    </row>
    <row r="42077" spans="1:10" x14ac:dyDescent="0.35">
      <c r="A42077" s="1" t="s">
        <v>119454</v>
      </c>
      <c r="B42077" s="1" t="s">
        <v>142570</v>
      </c>
      <c r="C42077" s="1" t="s">
        <v>8</v>
      </c>
      <c r="D42077" s="1" t="s">
        <v>28083</v>
      </c>
      <c r="E42077" s="1" t="s">
        <v>143901</v>
      </c>
      <c r="F42077" s="1" t="s">
        <v>143902</v>
      </c>
      <c r="G42077" s="1" t="s">
        <v>143903</v>
      </c>
      <c r="H42077" s="1" t="s">
        <v>143904</v>
      </c>
      <c r="I42077" s="1" t="s">
        <v>142575</v>
      </c>
      <c r="J42077" s="1" t="s">
        <v>13</v>
      </c>
    </row>
    <row r="42078" spans="1:10" x14ac:dyDescent="0.35">
      <c r="A42078" s="1" t="s">
        <v>119454</v>
      </c>
      <c r="B42078" s="1" t="s">
        <v>142570</v>
      </c>
      <c r="C42078" s="1" t="s">
        <v>15</v>
      </c>
      <c r="D42078" s="1" t="s">
        <v>143905</v>
      </c>
      <c r="E42078" s="1" t="s">
        <v>143906</v>
      </c>
      <c r="F42078" s="1" t="s">
        <v>143907</v>
      </c>
      <c r="G42078" s="1" t="s">
        <v>143903</v>
      </c>
      <c r="H42078" s="1" t="s">
        <v>143904</v>
      </c>
      <c r="I42078" s="1" t="s">
        <v>142575</v>
      </c>
      <c r="J42078" s="1" t="s">
        <v>143908</v>
      </c>
    </row>
    <row r="42079" spans="1:10" x14ac:dyDescent="0.35">
      <c r="A42079" s="1" t="s">
        <v>119454</v>
      </c>
      <c r="B42079" s="1" t="s">
        <v>142570</v>
      </c>
      <c r="C42079" s="1" t="s">
        <v>20</v>
      </c>
      <c r="D42079" s="1" t="s">
        <v>120030</v>
      </c>
      <c r="E42079" s="1" t="s">
        <v>143909</v>
      </c>
      <c r="F42079" s="1" t="s">
        <v>143910</v>
      </c>
      <c r="G42079" s="1" t="s">
        <v>143903</v>
      </c>
      <c r="H42079" s="1" t="s">
        <v>143904</v>
      </c>
      <c r="I42079" s="1" t="s">
        <v>142575</v>
      </c>
      <c r="J42079" s="1" t="s">
        <v>143911</v>
      </c>
    </row>
    <row r="42080" spans="1:10" x14ac:dyDescent="0.35">
      <c r="A42080" s="1" t="s">
        <v>119454</v>
      </c>
      <c r="B42080" s="1" t="s">
        <v>142570</v>
      </c>
      <c r="C42080" s="1" t="s">
        <v>25</v>
      </c>
      <c r="D42080" s="1" t="s">
        <v>29078</v>
      </c>
      <c r="E42080" s="1" t="s">
        <v>143912</v>
      </c>
      <c r="F42080" s="1" t="s">
        <v>143913</v>
      </c>
      <c r="G42080" s="1" t="s">
        <v>143903</v>
      </c>
      <c r="H42080" s="1" t="s">
        <v>143904</v>
      </c>
      <c r="I42080" s="1" t="s">
        <v>142575</v>
      </c>
      <c r="J42080" s="1" t="s">
        <v>143914</v>
      </c>
    </row>
    <row r="42081" spans="1:10" x14ac:dyDescent="0.35">
      <c r="A42081" s="1" t="s">
        <v>119454</v>
      </c>
      <c r="B42081" s="1" t="s">
        <v>142570</v>
      </c>
      <c r="C42081" s="1" t="s">
        <v>30</v>
      </c>
      <c r="D42081" s="1" t="s">
        <v>50819</v>
      </c>
      <c r="E42081" s="1" t="s">
        <v>143915</v>
      </c>
      <c r="F42081" s="1" t="s">
        <v>143916</v>
      </c>
      <c r="G42081" s="1" t="s">
        <v>143903</v>
      </c>
      <c r="H42081" s="1" t="s">
        <v>143904</v>
      </c>
      <c r="I42081" s="1" t="s">
        <v>142575</v>
      </c>
      <c r="J42081" s="1" t="s">
        <v>143917</v>
      </c>
    </row>
    <row r="42082" spans="1:10" x14ac:dyDescent="0.35">
      <c r="A42082" s="1" t="s">
        <v>119454</v>
      </c>
      <c r="B42082" s="1" t="s">
        <v>142570</v>
      </c>
      <c r="C42082" s="1" t="s">
        <v>35</v>
      </c>
      <c r="D42082" s="1" t="s">
        <v>10266</v>
      </c>
      <c r="E42082" s="1" t="s">
        <v>143918</v>
      </c>
      <c r="F42082" s="1" t="s">
        <v>143919</v>
      </c>
      <c r="G42082" s="1" t="s">
        <v>143903</v>
      </c>
      <c r="H42082" s="1" t="s">
        <v>143904</v>
      </c>
      <c r="I42082" s="1" t="s">
        <v>142575</v>
      </c>
      <c r="J42082" s="1" t="s">
        <v>143920</v>
      </c>
    </row>
    <row r="42083" spans="1:10" x14ac:dyDescent="0.35">
      <c r="A42083" s="1" t="s">
        <v>119454</v>
      </c>
      <c r="B42083" s="1" t="s">
        <v>142570</v>
      </c>
      <c r="C42083" s="1" t="s">
        <v>40</v>
      </c>
      <c r="D42083" s="1" t="s">
        <v>24974</v>
      </c>
      <c r="E42083" s="1" t="s">
        <v>143921</v>
      </c>
      <c r="F42083" s="1" t="s">
        <v>143922</v>
      </c>
      <c r="G42083" s="1" t="s">
        <v>143903</v>
      </c>
      <c r="H42083" s="1" t="s">
        <v>143904</v>
      </c>
      <c r="I42083" s="1" t="s">
        <v>142575</v>
      </c>
      <c r="J42083" s="1" t="s">
        <v>143923</v>
      </c>
    </row>
    <row r="42084" spans="1:10" x14ac:dyDescent="0.35">
      <c r="A42084" s="1" t="s">
        <v>119454</v>
      </c>
      <c r="B42084" s="1" t="s">
        <v>142570</v>
      </c>
      <c r="C42084" s="1" t="s">
        <v>45</v>
      </c>
      <c r="D42084" s="1" t="s">
        <v>50819</v>
      </c>
      <c r="E42084" s="1" t="s">
        <v>143924</v>
      </c>
      <c r="F42084" s="1" t="s">
        <v>143925</v>
      </c>
      <c r="G42084" s="1" t="s">
        <v>143903</v>
      </c>
      <c r="H42084" s="1" t="s">
        <v>143904</v>
      </c>
      <c r="I42084" s="1" t="s">
        <v>142575</v>
      </c>
      <c r="J42084" s="1" t="s">
        <v>143926</v>
      </c>
    </row>
    <row r="42085" spans="1:10" x14ac:dyDescent="0.35">
      <c r="A42085" s="1" t="s">
        <v>119454</v>
      </c>
      <c r="B42085" s="1" t="s">
        <v>142570</v>
      </c>
      <c r="C42085" s="1" t="s">
        <v>50</v>
      </c>
      <c r="D42085" s="1" t="s">
        <v>27607</v>
      </c>
      <c r="E42085" s="1" t="s">
        <v>143927</v>
      </c>
      <c r="F42085" s="1" t="s">
        <v>143928</v>
      </c>
      <c r="G42085" s="1" t="s">
        <v>143903</v>
      </c>
      <c r="H42085" s="1" t="s">
        <v>143904</v>
      </c>
      <c r="I42085" s="1" t="s">
        <v>142575</v>
      </c>
      <c r="J42085" s="1" t="s">
        <v>143929</v>
      </c>
    </row>
    <row r="42086" spans="1:10" x14ac:dyDescent="0.35">
      <c r="A42086" s="1" t="s">
        <v>119454</v>
      </c>
      <c r="B42086" s="1" t="s">
        <v>142570</v>
      </c>
      <c r="C42086" s="1" t="s">
        <v>55</v>
      </c>
      <c r="D42086" s="1" t="s">
        <v>15840</v>
      </c>
      <c r="E42086" s="1" t="s">
        <v>143930</v>
      </c>
      <c r="F42086" s="1" t="s">
        <v>143931</v>
      </c>
      <c r="G42086" s="1" t="s">
        <v>143903</v>
      </c>
      <c r="H42086" s="1" t="s">
        <v>143904</v>
      </c>
      <c r="I42086" s="1" t="s">
        <v>142575</v>
      </c>
      <c r="J42086" s="1" t="s">
        <v>143932</v>
      </c>
    </row>
    <row r="42087" spans="1:10" x14ac:dyDescent="0.35">
      <c r="A42087" s="1" t="s">
        <v>119454</v>
      </c>
      <c r="B42087" s="1" t="s">
        <v>142570</v>
      </c>
      <c r="C42087" s="1" t="s">
        <v>60</v>
      </c>
      <c r="D42087" s="1" t="s">
        <v>143933</v>
      </c>
      <c r="E42087" s="1" t="s">
        <v>143934</v>
      </c>
      <c r="F42087" s="1" t="s">
        <v>143935</v>
      </c>
      <c r="G42087" s="1" t="s">
        <v>143903</v>
      </c>
      <c r="H42087" s="1" t="s">
        <v>143904</v>
      </c>
      <c r="I42087" s="1" t="s">
        <v>142575</v>
      </c>
      <c r="J42087" s="1" t="s">
        <v>143936</v>
      </c>
    </row>
    <row r="42088" spans="1:10" x14ac:dyDescent="0.35">
      <c r="A42088" s="1" t="s">
        <v>119454</v>
      </c>
      <c r="B42088" s="1" t="s">
        <v>142570</v>
      </c>
      <c r="C42088" s="1" t="s">
        <v>65</v>
      </c>
      <c r="D42088" s="1" t="s">
        <v>10053</v>
      </c>
      <c r="E42088" s="1" t="s">
        <v>143937</v>
      </c>
      <c r="F42088" s="1" t="s">
        <v>143938</v>
      </c>
      <c r="G42088" s="1" t="s">
        <v>143903</v>
      </c>
      <c r="H42088" s="1" t="s">
        <v>143904</v>
      </c>
      <c r="I42088" s="1" t="s">
        <v>142575</v>
      </c>
      <c r="J42088" s="1" t="s">
        <v>143939</v>
      </c>
    </row>
    <row r="42089" spans="1:10" x14ac:dyDescent="0.35">
      <c r="A42089" s="1" t="s">
        <v>119454</v>
      </c>
      <c r="B42089" s="1" t="s">
        <v>142570</v>
      </c>
      <c r="C42089" s="1" t="s">
        <v>70</v>
      </c>
      <c r="D42089" s="1" t="s">
        <v>29074</v>
      </c>
      <c r="E42089" s="1" t="s">
        <v>143940</v>
      </c>
      <c r="F42089" s="1" t="s">
        <v>143941</v>
      </c>
      <c r="G42089" s="1" t="s">
        <v>143903</v>
      </c>
      <c r="H42089" s="1" t="s">
        <v>143904</v>
      </c>
      <c r="I42089" s="1" t="s">
        <v>142575</v>
      </c>
      <c r="J42089" s="1" t="s">
        <v>143942</v>
      </c>
    </row>
    <row r="42090" spans="1:10" x14ac:dyDescent="0.35">
      <c r="A42090" s="1" t="s">
        <v>119454</v>
      </c>
      <c r="B42090" s="1" t="s">
        <v>142570</v>
      </c>
      <c r="C42090" s="1" t="s">
        <v>75</v>
      </c>
      <c r="D42090" s="1" t="s">
        <v>44538</v>
      </c>
      <c r="E42090" s="1" t="s">
        <v>29142</v>
      </c>
      <c r="F42090" s="1" t="s">
        <v>143943</v>
      </c>
      <c r="G42090" s="1" t="s">
        <v>143903</v>
      </c>
      <c r="H42090" s="1" t="s">
        <v>143904</v>
      </c>
      <c r="I42090" s="1" t="s">
        <v>142575</v>
      </c>
      <c r="J42090" s="1" t="s">
        <v>143944</v>
      </c>
    </row>
    <row r="42091" spans="1:10" x14ac:dyDescent="0.35">
      <c r="A42091" s="1" t="s">
        <v>119454</v>
      </c>
      <c r="B42091" s="1" t="s">
        <v>142570</v>
      </c>
      <c r="C42091" s="1" t="s">
        <v>80</v>
      </c>
      <c r="D42091" s="1" t="s">
        <v>6443</v>
      </c>
      <c r="E42091" s="1" t="s">
        <v>143945</v>
      </c>
      <c r="F42091" s="1" t="s">
        <v>143946</v>
      </c>
      <c r="G42091" s="1" t="s">
        <v>143903</v>
      </c>
      <c r="H42091" s="1" t="s">
        <v>143904</v>
      </c>
      <c r="I42091" s="1" t="s">
        <v>142575</v>
      </c>
      <c r="J42091" s="1" t="s">
        <v>143947</v>
      </c>
    </row>
    <row r="42092" spans="1:10" x14ac:dyDescent="0.35">
      <c r="A42092" s="1" t="s">
        <v>119454</v>
      </c>
      <c r="B42092" s="1" t="s">
        <v>142570</v>
      </c>
      <c r="C42092" s="1" t="s">
        <v>85</v>
      </c>
      <c r="D42092" s="1" t="s">
        <v>143948</v>
      </c>
      <c r="E42092" s="1" t="s">
        <v>143949</v>
      </c>
      <c r="F42092" s="1" t="s">
        <v>143950</v>
      </c>
      <c r="G42092" s="1" t="s">
        <v>143903</v>
      </c>
      <c r="H42092" s="1" t="s">
        <v>143904</v>
      </c>
      <c r="I42092" s="1" t="s">
        <v>142575</v>
      </c>
      <c r="J42092" s="1" t="s">
        <v>143951</v>
      </c>
    </row>
    <row r="42093" spans="1:10" x14ac:dyDescent="0.35">
      <c r="A42093" s="1" t="s">
        <v>119454</v>
      </c>
      <c r="B42093" s="1" t="s">
        <v>142570</v>
      </c>
      <c r="C42093" s="1" t="s">
        <v>90</v>
      </c>
      <c r="D42093" s="1" t="s">
        <v>143952</v>
      </c>
      <c r="E42093" s="1" t="s">
        <v>143953</v>
      </c>
      <c r="F42093" s="1" t="s">
        <v>143954</v>
      </c>
      <c r="G42093" s="1" t="s">
        <v>143903</v>
      </c>
      <c r="H42093" s="1" t="s">
        <v>143904</v>
      </c>
      <c r="I42093" s="1" t="s">
        <v>142575</v>
      </c>
      <c r="J42093" s="1" t="s">
        <v>143955</v>
      </c>
    </row>
    <row r="42094" spans="1:10" x14ac:dyDescent="0.35">
      <c r="A42094" s="1" t="s">
        <v>119454</v>
      </c>
      <c r="B42094" s="1" t="s">
        <v>142570</v>
      </c>
      <c r="C42094" s="1" t="s">
        <v>95</v>
      </c>
      <c r="D42094" s="1" t="s">
        <v>29564</v>
      </c>
      <c r="E42094" s="1" t="s">
        <v>143956</v>
      </c>
      <c r="F42094" s="1" t="s">
        <v>143957</v>
      </c>
      <c r="G42094" s="1" t="s">
        <v>143903</v>
      </c>
      <c r="H42094" s="1" t="s">
        <v>143904</v>
      </c>
      <c r="I42094" s="1" t="s">
        <v>142575</v>
      </c>
      <c r="J42094" s="1" t="s">
        <v>143958</v>
      </c>
    </row>
    <row r="42095" spans="1:10" x14ac:dyDescent="0.35">
      <c r="A42095" s="1" t="s">
        <v>119454</v>
      </c>
      <c r="B42095" s="1" t="s">
        <v>142570</v>
      </c>
      <c r="C42095" s="1" t="s">
        <v>100</v>
      </c>
      <c r="D42095" s="1" t="s">
        <v>45131</v>
      </c>
      <c r="E42095" s="1" t="s">
        <v>143959</v>
      </c>
      <c r="F42095" s="1" t="s">
        <v>143960</v>
      </c>
      <c r="G42095" s="1" t="s">
        <v>143903</v>
      </c>
      <c r="H42095" s="1" t="s">
        <v>143904</v>
      </c>
      <c r="I42095" s="1" t="s">
        <v>142575</v>
      </c>
      <c r="J42095" s="1" t="s">
        <v>143961</v>
      </c>
    </row>
    <row r="42096" spans="1:10" x14ac:dyDescent="0.35">
      <c r="A42096" s="1" t="s">
        <v>119454</v>
      </c>
      <c r="B42096" s="1" t="s">
        <v>142570</v>
      </c>
      <c r="C42096" s="1" t="s">
        <v>105</v>
      </c>
      <c r="D42096" s="1" t="s">
        <v>143761</v>
      </c>
      <c r="E42096" s="1" t="s">
        <v>143962</v>
      </c>
      <c r="F42096" s="1" t="s">
        <v>143963</v>
      </c>
      <c r="G42096" s="1" t="s">
        <v>143903</v>
      </c>
      <c r="H42096" s="1" t="s">
        <v>143904</v>
      </c>
      <c r="I42096" s="1" t="s">
        <v>142575</v>
      </c>
      <c r="J42096" s="1" t="s">
        <v>143964</v>
      </c>
    </row>
    <row r="42097" spans="1:10" x14ac:dyDescent="0.35">
      <c r="A42097" s="1" t="s">
        <v>119454</v>
      </c>
      <c r="B42097" s="1" t="s">
        <v>142570</v>
      </c>
      <c r="C42097" s="1" t="s">
        <v>110</v>
      </c>
      <c r="D42097" s="1" t="s">
        <v>143965</v>
      </c>
      <c r="E42097" s="1" t="s">
        <v>143966</v>
      </c>
      <c r="F42097" s="1" t="s">
        <v>143967</v>
      </c>
      <c r="G42097" s="1" t="s">
        <v>143903</v>
      </c>
      <c r="H42097" s="1" t="s">
        <v>143904</v>
      </c>
      <c r="I42097" s="1" t="s">
        <v>142575</v>
      </c>
      <c r="J42097" s="1" t="s">
        <v>28442</v>
      </c>
    </row>
    <row r="42098" spans="1:10" x14ac:dyDescent="0.35">
      <c r="A42098" s="1" t="s">
        <v>119454</v>
      </c>
      <c r="B42098" s="1" t="s">
        <v>142570</v>
      </c>
      <c r="C42098" s="1" t="s">
        <v>115</v>
      </c>
      <c r="D42098" s="1" t="s">
        <v>142647</v>
      </c>
      <c r="E42098" s="1" t="s">
        <v>143968</v>
      </c>
      <c r="F42098" s="1" t="s">
        <v>143969</v>
      </c>
      <c r="G42098" s="1" t="s">
        <v>143903</v>
      </c>
      <c r="H42098" s="1" t="s">
        <v>143904</v>
      </c>
      <c r="I42098" s="1" t="s">
        <v>142575</v>
      </c>
      <c r="J42098" s="1" t="s">
        <v>143970</v>
      </c>
    </row>
    <row r="42099" spans="1:10" x14ac:dyDescent="0.35">
      <c r="A42099" s="1" t="s">
        <v>119454</v>
      </c>
      <c r="B42099" s="1" t="s">
        <v>142570</v>
      </c>
      <c r="C42099" s="1" t="s">
        <v>120</v>
      </c>
      <c r="D42099" s="1" t="s">
        <v>143971</v>
      </c>
      <c r="E42099" s="1" t="s">
        <v>143972</v>
      </c>
      <c r="F42099" s="1" t="s">
        <v>143973</v>
      </c>
      <c r="G42099" s="1" t="s">
        <v>143903</v>
      </c>
      <c r="H42099" s="1" t="s">
        <v>143904</v>
      </c>
      <c r="I42099" s="1" t="s">
        <v>142575</v>
      </c>
      <c r="J42099" s="1" t="s">
        <v>143974</v>
      </c>
    </row>
    <row r="42100" spans="1:10" x14ac:dyDescent="0.35">
      <c r="A42100" s="1" t="s">
        <v>119454</v>
      </c>
      <c r="B42100" s="1" t="s">
        <v>142570</v>
      </c>
      <c r="C42100" s="1" t="s">
        <v>125</v>
      </c>
      <c r="D42100" s="1" t="s">
        <v>25558</v>
      </c>
      <c r="E42100" s="1" t="s">
        <v>143975</v>
      </c>
      <c r="F42100" s="1" t="s">
        <v>143976</v>
      </c>
      <c r="G42100" s="1" t="s">
        <v>143903</v>
      </c>
      <c r="H42100" s="1" t="s">
        <v>143904</v>
      </c>
      <c r="I42100" s="1" t="s">
        <v>142575</v>
      </c>
      <c r="J42100" s="1" t="s">
        <v>143977</v>
      </c>
    </row>
    <row r="42101" spans="1:10" x14ac:dyDescent="0.35">
      <c r="A42101" s="1" t="s">
        <v>119454</v>
      </c>
      <c r="B42101" s="1" t="s">
        <v>142570</v>
      </c>
      <c r="C42101" s="1" t="s">
        <v>130</v>
      </c>
      <c r="D42101" s="1" t="s">
        <v>2039</v>
      </c>
      <c r="E42101" s="1" t="s">
        <v>143978</v>
      </c>
      <c r="F42101" s="1" t="s">
        <v>143979</v>
      </c>
      <c r="G42101" s="1" t="s">
        <v>143903</v>
      </c>
      <c r="H42101" s="1" t="s">
        <v>143904</v>
      </c>
      <c r="I42101" s="1" t="s">
        <v>142575</v>
      </c>
      <c r="J42101" s="1" t="s">
        <v>143980</v>
      </c>
    </row>
    <row r="42102" spans="1:10" x14ac:dyDescent="0.35">
      <c r="A42102" s="1" t="s">
        <v>119454</v>
      </c>
      <c r="B42102" s="1" t="s">
        <v>142570</v>
      </c>
      <c r="C42102" s="1" t="s">
        <v>135</v>
      </c>
      <c r="D42102" s="1" t="s">
        <v>4050</v>
      </c>
      <c r="E42102" s="1" t="s">
        <v>143981</v>
      </c>
      <c r="F42102" s="1" t="s">
        <v>143982</v>
      </c>
      <c r="G42102" s="1" t="s">
        <v>143903</v>
      </c>
      <c r="H42102" s="1" t="s">
        <v>143904</v>
      </c>
      <c r="I42102" s="1" t="s">
        <v>142575</v>
      </c>
      <c r="J42102" s="1" t="s">
        <v>143983</v>
      </c>
    </row>
    <row r="42103" spans="1:10" x14ac:dyDescent="0.35">
      <c r="A42103" s="1" t="s">
        <v>119454</v>
      </c>
      <c r="B42103" s="1" t="s">
        <v>142570</v>
      </c>
      <c r="C42103" s="1" t="s">
        <v>140</v>
      </c>
      <c r="D42103" s="1" t="s">
        <v>9942</v>
      </c>
      <c r="E42103" s="1" t="s">
        <v>143984</v>
      </c>
      <c r="F42103" s="1" t="s">
        <v>143985</v>
      </c>
      <c r="G42103" s="1" t="s">
        <v>143903</v>
      </c>
      <c r="H42103" s="1" t="s">
        <v>143904</v>
      </c>
      <c r="I42103" s="1" t="s">
        <v>142575</v>
      </c>
      <c r="J42103" s="1" t="s">
        <v>143986</v>
      </c>
    </row>
    <row r="42104" spans="1:10" x14ac:dyDescent="0.35">
      <c r="A42104" s="1" t="s">
        <v>119454</v>
      </c>
      <c r="B42104" s="1" t="s">
        <v>142570</v>
      </c>
      <c r="C42104" s="1" t="s">
        <v>145</v>
      </c>
      <c r="D42104" s="1" t="s">
        <v>109797</v>
      </c>
      <c r="E42104" s="1" t="s">
        <v>143987</v>
      </c>
      <c r="F42104" s="1" t="s">
        <v>143988</v>
      </c>
      <c r="G42104" s="1" t="s">
        <v>143903</v>
      </c>
      <c r="H42104" s="1" t="s">
        <v>143904</v>
      </c>
      <c r="I42104" s="1" t="s">
        <v>142575</v>
      </c>
      <c r="J42104" s="1" t="s">
        <v>143989</v>
      </c>
    </row>
    <row r="42105" spans="1:10" x14ac:dyDescent="0.35">
      <c r="A42105" s="1" t="s">
        <v>119454</v>
      </c>
      <c r="B42105" s="1" t="s">
        <v>142570</v>
      </c>
      <c r="C42105" s="1" t="s">
        <v>150</v>
      </c>
      <c r="D42105" s="1" t="s">
        <v>112342</v>
      </c>
      <c r="E42105" s="1" t="s">
        <v>143990</v>
      </c>
      <c r="F42105" s="1" t="s">
        <v>143991</v>
      </c>
      <c r="G42105" s="1" t="s">
        <v>143903</v>
      </c>
      <c r="H42105" s="1" t="s">
        <v>143904</v>
      </c>
      <c r="I42105" s="1" t="s">
        <v>142575</v>
      </c>
      <c r="J42105" s="1" t="s">
        <v>143992</v>
      </c>
    </row>
    <row r="42106" spans="1:10" x14ac:dyDescent="0.35">
      <c r="A42106" s="1" t="s">
        <v>119454</v>
      </c>
      <c r="B42106" s="1" t="s">
        <v>142570</v>
      </c>
      <c r="C42106" s="1" t="s">
        <v>155</v>
      </c>
      <c r="D42106" s="1" t="s">
        <v>10029</v>
      </c>
      <c r="E42106" s="1" t="s">
        <v>143993</v>
      </c>
      <c r="F42106" s="1" t="s">
        <v>143994</v>
      </c>
      <c r="G42106" s="1" t="s">
        <v>143903</v>
      </c>
      <c r="H42106" s="1" t="s">
        <v>143904</v>
      </c>
      <c r="I42106" s="1" t="s">
        <v>142575</v>
      </c>
      <c r="J42106" s="1" t="s">
        <v>143995</v>
      </c>
    </row>
    <row r="42107" spans="1:10" x14ac:dyDescent="0.35">
      <c r="A42107" s="1" t="s">
        <v>119454</v>
      </c>
      <c r="B42107" s="1" t="s">
        <v>142570</v>
      </c>
      <c r="C42107" s="1" t="s">
        <v>160</v>
      </c>
      <c r="D42107" s="1" t="s">
        <v>29458</v>
      </c>
      <c r="E42107" s="1" t="s">
        <v>143996</v>
      </c>
      <c r="F42107" s="1" t="s">
        <v>143997</v>
      </c>
      <c r="G42107" s="1" t="s">
        <v>143903</v>
      </c>
      <c r="H42107" s="1" t="s">
        <v>143904</v>
      </c>
      <c r="I42107" s="1" t="s">
        <v>142575</v>
      </c>
      <c r="J42107" s="1" t="s">
        <v>143998</v>
      </c>
    </row>
    <row r="42108" spans="1:10" x14ac:dyDescent="0.35">
      <c r="A42108" s="1" t="s">
        <v>119454</v>
      </c>
      <c r="B42108" s="1" t="s">
        <v>142570</v>
      </c>
      <c r="C42108" s="1" t="s">
        <v>165</v>
      </c>
      <c r="D42108" s="1" t="s">
        <v>8381</v>
      </c>
      <c r="E42108" s="1" t="s">
        <v>143999</v>
      </c>
      <c r="F42108" s="1" t="s">
        <v>144000</v>
      </c>
      <c r="G42108" s="1" t="s">
        <v>143903</v>
      </c>
      <c r="H42108" s="1" t="s">
        <v>143904</v>
      </c>
      <c r="I42108" s="1" t="s">
        <v>142575</v>
      </c>
      <c r="J42108" s="1" t="s">
        <v>144001</v>
      </c>
    </row>
    <row r="42109" spans="1:10" x14ac:dyDescent="0.35">
      <c r="A42109" s="1" t="s">
        <v>119454</v>
      </c>
      <c r="B42109" s="1" t="s">
        <v>142570</v>
      </c>
      <c r="C42109" s="1" t="s">
        <v>170</v>
      </c>
      <c r="D42109" s="1" t="s">
        <v>120178</v>
      </c>
      <c r="E42109" s="1" t="s">
        <v>144002</v>
      </c>
      <c r="F42109" s="1" t="s">
        <v>144003</v>
      </c>
      <c r="G42109" s="1" t="s">
        <v>143903</v>
      </c>
      <c r="H42109" s="1" t="s">
        <v>143904</v>
      </c>
      <c r="I42109" s="1" t="s">
        <v>142575</v>
      </c>
      <c r="J42109" s="1" t="s">
        <v>144004</v>
      </c>
    </row>
    <row r="42110" spans="1:10" x14ac:dyDescent="0.35">
      <c r="A42110" s="1" t="s">
        <v>4504</v>
      </c>
      <c r="B42110" s="1" t="s">
        <v>142570</v>
      </c>
      <c r="C42110" s="1" t="s">
        <v>8</v>
      </c>
      <c r="D42110" s="1" t="s">
        <v>8917</v>
      </c>
      <c r="E42110" s="1" t="s">
        <v>144005</v>
      </c>
      <c r="F42110" s="1" t="s">
        <v>144006</v>
      </c>
      <c r="G42110" s="1" t="s">
        <v>144007</v>
      </c>
      <c r="H42110" s="1" t="s">
        <v>144008</v>
      </c>
      <c r="I42110" s="1" t="s">
        <v>142575</v>
      </c>
      <c r="J42110" s="1" t="s">
        <v>13</v>
      </c>
    </row>
    <row r="42111" spans="1:10" x14ac:dyDescent="0.35">
      <c r="A42111" s="1" t="s">
        <v>4504</v>
      </c>
      <c r="B42111" s="1" t="s">
        <v>142570</v>
      </c>
      <c r="C42111" s="1" t="s">
        <v>15</v>
      </c>
      <c r="D42111" s="1" t="s">
        <v>28998</v>
      </c>
      <c r="E42111" s="1" t="s">
        <v>144009</v>
      </c>
      <c r="F42111" s="1" t="s">
        <v>144010</v>
      </c>
      <c r="G42111" s="1" t="s">
        <v>144007</v>
      </c>
      <c r="H42111" s="1" t="s">
        <v>144008</v>
      </c>
      <c r="I42111" s="1" t="s">
        <v>142575</v>
      </c>
      <c r="J42111" s="1" t="s">
        <v>144011</v>
      </c>
    </row>
    <row r="42112" spans="1:10" x14ac:dyDescent="0.35">
      <c r="A42112" s="1" t="s">
        <v>4504</v>
      </c>
      <c r="B42112" s="1" t="s">
        <v>142570</v>
      </c>
      <c r="C42112" s="1" t="s">
        <v>20</v>
      </c>
      <c r="D42112" s="1" t="s">
        <v>1395</v>
      </c>
      <c r="E42112" s="1" t="s">
        <v>144012</v>
      </c>
      <c r="F42112" s="1" t="s">
        <v>144013</v>
      </c>
      <c r="G42112" s="1" t="s">
        <v>144007</v>
      </c>
      <c r="H42112" s="1" t="s">
        <v>144008</v>
      </c>
      <c r="I42112" s="1" t="s">
        <v>142575</v>
      </c>
      <c r="J42112" s="1" t="s">
        <v>144014</v>
      </c>
    </row>
    <row r="42113" spans="1:10" x14ac:dyDescent="0.35">
      <c r="A42113" s="1" t="s">
        <v>4504</v>
      </c>
      <c r="B42113" s="1" t="s">
        <v>142570</v>
      </c>
      <c r="C42113" s="1" t="s">
        <v>25</v>
      </c>
      <c r="D42113" s="1" t="s">
        <v>122182</v>
      </c>
      <c r="E42113" s="1" t="s">
        <v>144015</v>
      </c>
      <c r="F42113" s="1" t="s">
        <v>144016</v>
      </c>
      <c r="G42113" s="1" t="s">
        <v>144007</v>
      </c>
      <c r="H42113" s="1" t="s">
        <v>144008</v>
      </c>
      <c r="I42113" s="1" t="s">
        <v>142575</v>
      </c>
      <c r="J42113" s="1" t="s">
        <v>144017</v>
      </c>
    </row>
    <row r="42114" spans="1:10" x14ac:dyDescent="0.35">
      <c r="A42114" s="1" t="s">
        <v>4504</v>
      </c>
      <c r="B42114" s="1" t="s">
        <v>142570</v>
      </c>
      <c r="C42114" s="1" t="s">
        <v>30</v>
      </c>
      <c r="D42114" s="1" t="s">
        <v>144018</v>
      </c>
      <c r="E42114" s="1" t="s">
        <v>144019</v>
      </c>
      <c r="F42114" s="1" t="s">
        <v>144020</v>
      </c>
      <c r="G42114" s="1" t="s">
        <v>144007</v>
      </c>
      <c r="H42114" s="1" t="s">
        <v>144008</v>
      </c>
      <c r="I42114" s="1" t="s">
        <v>142575</v>
      </c>
      <c r="J42114" s="1" t="s">
        <v>144021</v>
      </c>
    </row>
    <row r="42115" spans="1:10" x14ac:dyDescent="0.35">
      <c r="A42115" s="1" t="s">
        <v>4504</v>
      </c>
      <c r="B42115" s="1" t="s">
        <v>142570</v>
      </c>
      <c r="C42115" s="1" t="s">
        <v>35</v>
      </c>
      <c r="D42115" s="1" t="s">
        <v>28780</v>
      </c>
      <c r="E42115" s="1" t="s">
        <v>144022</v>
      </c>
      <c r="F42115" s="1" t="s">
        <v>144023</v>
      </c>
      <c r="G42115" s="1" t="s">
        <v>144007</v>
      </c>
      <c r="H42115" s="1" t="s">
        <v>144008</v>
      </c>
      <c r="I42115" s="1" t="s">
        <v>142575</v>
      </c>
      <c r="J42115" s="1" t="s">
        <v>144024</v>
      </c>
    </row>
    <row r="42116" spans="1:10" x14ac:dyDescent="0.35">
      <c r="A42116" s="1" t="s">
        <v>4504</v>
      </c>
      <c r="B42116" s="1" t="s">
        <v>142570</v>
      </c>
      <c r="C42116" s="1" t="s">
        <v>40</v>
      </c>
      <c r="D42116" s="1" t="s">
        <v>144025</v>
      </c>
      <c r="E42116" s="1" t="s">
        <v>144026</v>
      </c>
      <c r="F42116" s="1" t="s">
        <v>144027</v>
      </c>
      <c r="G42116" s="1" t="s">
        <v>144007</v>
      </c>
      <c r="H42116" s="1" t="s">
        <v>144008</v>
      </c>
      <c r="I42116" s="1" t="s">
        <v>142575</v>
      </c>
      <c r="J42116" s="1" t="s">
        <v>144028</v>
      </c>
    </row>
    <row r="42117" spans="1:10" x14ac:dyDescent="0.35">
      <c r="A42117" s="1" t="s">
        <v>4504</v>
      </c>
      <c r="B42117" s="1" t="s">
        <v>142570</v>
      </c>
      <c r="C42117" s="1" t="s">
        <v>45</v>
      </c>
      <c r="D42117" s="1" t="s">
        <v>144018</v>
      </c>
      <c r="E42117" s="1" t="s">
        <v>144029</v>
      </c>
      <c r="F42117" s="1" t="s">
        <v>144030</v>
      </c>
      <c r="G42117" s="1" t="s">
        <v>144007</v>
      </c>
      <c r="H42117" s="1" t="s">
        <v>144008</v>
      </c>
      <c r="I42117" s="1" t="s">
        <v>142575</v>
      </c>
      <c r="J42117" s="1" t="s">
        <v>144031</v>
      </c>
    </row>
    <row r="42118" spans="1:10" x14ac:dyDescent="0.35">
      <c r="A42118" s="1" t="s">
        <v>4504</v>
      </c>
      <c r="B42118" s="1" t="s">
        <v>142570</v>
      </c>
      <c r="C42118" s="1" t="s">
        <v>50</v>
      </c>
      <c r="D42118" s="1" t="s">
        <v>143112</v>
      </c>
      <c r="E42118" s="1" t="s">
        <v>144032</v>
      </c>
      <c r="F42118" s="1" t="s">
        <v>144033</v>
      </c>
      <c r="G42118" s="1" t="s">
        <v>144007</v>
      </c>
      <c r="H42118" s="1" t="s">
        <v>144008</v>
      </c>
      <c r="I42118" s="1" t="s">
        <v>142575</v>
      </c>
      <c r="J42118" s="1" t="s">
        <v>144034</v>
      </c>
    </row>
    <row r="42119" spans="1:10" x14ac:dyDescent="0.35">
      <c r="A42119" s="1" t="s">
        <v>4504</v>
      </c>
      <c r="B42119" s="1" t="s">
        <v>142570</v>
      </c>
      <c r="C42119" s="1" t="s">
        <v>55</v>
      </c>
      <c r="D42119" s="1" t="s">
        <v>8349</v>
      </c>
      <c r="E42119" s="1" t="s">
        <v>144035</v>
      </c>
      <c r="F42119" s="1" t="s">
        <v>144036</v>
      </c>
      <c r="G42119" s="1" t="s">
        <v>144007</v>
      </c>
      <c r="H42119" s="1" t="s">
        <v>144008</v>
      </c>
      <c r="I42119" s="1" t="s">
        <v>142575</v>
      </c>
      <c r="J42119" s="1" t="s">
        <v>144037</v>
      </c>
    </row>
    <row r="42120" spans="1:10" x14ac:dyDescent="0.35">
      <c r="A42120" s="1" t="s">
        <v>4504</v>
      </c>
      <c r="B42120" s="1" t="s">
        <v>142570</v>
      </c>
      <c r="C42120" s="1" t="s">
        <v>60</v>
      </c>
      <c r="D42120" s="1" t="s">
        <v>8333</v>
      </c>
      <c r="E42120" s="1" t="s">
        <v>144038</v>
      </c>
      <c r="F42120" s="1" t="s">
        <v>144039</v>
      </c>
      <c r="G42120" s="1" t="s">
        <v>144007</v>
      </c>
      <c r="H42120" s="1" t="s">
        <v>144008</v>
      </c>
      <c r="I42120" s="1" t="s">
        <v>142575</v>
      </c>
      <c r="J42120" s="1" t="s">
        <v>144040</v>
      </c>
    </row>
    <row r="42121" spans="1:10" x14ac:dyDescent="0.35">
      <c r="A42121" s="1" t="s">
        <v>4504</v>
      </c>
      <c r="B42121" s="1" t="s">
        <v>142570</v>
      </c>
      <c r="C42121" s="1" t="s">
        <v>65</v>
      </c>
      <c r="D42121" s="1" t="s">
        <v>27847</v>
      </c>
      <c r="E42121" s="1" t="s">
        <v>144041</v>
      </c>
      <c r="F42121" s="1" t="s">
        <v>144042</v>
      </c>
      <c r="G42121" s="1" t="s">
        <v>144007</v>
      </c>
      <c r="H42121" s="1" t="s">
        <v>144008</v>
      </c>
      <c r="I42121" s="1" t="s">
        <v>142575</v>
      </c>
      <c r="J42121" s="1" t="s">
        <v>144043</v>
      </c>
    </row>
    <row r="42122" spans="1:10" x14ac:dyDescent="0.35">
      <c r="A42122" s="1" t="s">
        <v>4504</v>
      </c>
      <c r="B42122" s="1" t="s">
        <v>142570</v>
      </c>
      <c r="C42122" s="1" t="s">
        <v>70</v>
      </c>
      <c r="D42122" s="1" t="s">
        <v>144044</v>
      </c>
      <c r="E42122" s="1" t="s">
        <v>144045</v>
      </c>
      <c r="F42122" s="1" t="s">
        <v>144046</v>
      </c>
      <c r="G42122" s="1" t="s">
        <v>144007</v>
      </c>
      <c r="H42122" s="1" t="s">
        <v>144008</v>
      </c>
      <c r="I42122" s="1" t="s">
        <v>142575</v>
      </c>
      <c r="J42122" s="1" t="s">
        <v>143049</v>
      </c>
    </row>
    <row r="42123" spans="1:10" x14ac:dyDescent="0.35">
      <c r="A42123" s="1" t="s">
        <v>4504</v>
      </c>
      <c r="B42123" s="1" t="s">
        <v>142570</v>
      </c>
      <c r="C42123" s="1" t="s">
        <v>75</v>
      </c>
      <c r="D42123" s="1" t="s">
        <v>144047</v>
      </c>
      <c r="E42123" s="1" t="s">
        <v>144048</v>
      </c>
      <c r="F42123" s="1" t="s">
        <v>144049</v>
      </c>
      <c r="G42123" s="1" t="s">
        <v>144007</v>
      </c>
      <c r="H42123" s="1" t="s">
        <v>144008</v>
      </c>
      <c r="I42123" s="1" t="s">
        <v>142575</v>
      </c>
      <c r="J42123" s="1" t="s">
        <v>144050</v>
      </c>
    </row>
    <row r="42124" spans="1:10" x14ac:dyDescent="0.35">
      <c r="A42124" s="1" t="s">
        <v>4504</v>
      </c>
      <c r="B42124" s="1" t="s">
        <v>142570</v>
      </c>
      <c r="C42124" s="1" t="s">
        <v>80</v>
      </c>
      <c r="D42124" s="1" t="s">
        <v>144051</v>
      </c>
      <c r="E42124" s="1" t="s">
        <v>144052</v>
      </c>
      <c r="F42124" s="1" t="s">
        <v>144053</v>
      </c>
      <c r="G42124" s="1" t="s">
        <v>144007</v>
      </c>
      <c r="H42124" s="1" t="s">
        <v>144008</v>
      </c>
      <c r="I42124" s="1" t="s">
        <v>142575</v>
      </c>
      <c r="J42124" s="1" t="s">
        <v>144054</v>
      </c>
    </row>
    <row r="42125" spans="1:10" x14ac:dyDescent="0.35">
      <c r="A42125" s="1" t="s">
        <v>4504</v>
      </c>
      <c r="B42125" s="1" t="s">
        <v>142570</v>
      </c>
      <c r="C42125" s="1" t="s">
        <v>85</v>
      </c>
      <c r="D42125" s="1" t="s">
        <v>144055</v>
      </c>
      <c r="E42125" s="1" t="s">
        <v>144056</v>
      </c>
      <c r="F42125" s="1" t="s">
        <v>144057</v>
      </c>
      <c r="G42125" s="1" t="s">
        <v>144007</v>
      </c>
      <c r="H42125" s="1" t="s">
        <v>144008</v>
      </c>
      <c r="I42125" s="1" t="s">
        <v>142575</v>
      </c>
      <c r="J42125" s="1" t="s">
        <v>144058</v>
      </c>
    </row>
    <row r="42126" spans="1:10" x14ac:dyDescent="0.35">
      <c r="A42126" s="1" t="s">
        <v>4504</v>
      </c>
      <c r="B42126" s="1" t="s">
        <v>142570</v>
      </c>
      <c r="C42126" s="1" t="s">
        <v>90</v>
      </c>
      <c r="D42126" s="1" t="s">
        <v>144059</v>
      </c>
      <c r="E42126" s="1" t="s">
        <v>144060</v>
      </c>
      <c r="F42126" s="1" t="s">
        <v>144061</v>
      </c>
      <c r="G42126" s="1" t="s">
        <v>144007</v>
      </c>
      <c r="H42126" s="1" t="s">
        <v>144008</v>
      </c>
      <c r="I42126" s="1" t="s">
        <v>142575</v>
      </c>
      <c r="J42126" s="1" t="s">
        <v>144062</v>
      </c>
    </row>
    <row r="42127" spans="1:10" x14ac:dyDescent="0.35">
      <c r="A42127" s="1" t="s">
        <v>4504</v>
      </c>
      <c r="B42127" s="1" t="s">
        <v>142570</v>
      </c>
      <c r="C42127" s="1" t="s">
        <v>95</v>
      </c>
      <c r="D42127" s="1" t="s">
        <v>112607</v>
      </c>
      <c r="E42127" s="1" t="s">
        <v>144063</v>
      </c>
      <c r="F42127" s="1" t="s">
        <v>144064</v>
      </c>
      <c r="G42127" s="1" t="s">
        <v>144007</v>
      </c>
      <c r="H42127" s="1" t="s">
        <v>144008</v>
      </c>
      <c r="I42127" s="1" t="s">
        <v>142575</v>
      </c>
      <c r="J42127" s="1" t="s">
        <v>144065</v>
      </c>
    </row>
    <row r="42128" spans="1:10" x14ac:dyDescent="0.35">
      <c r="A42128" s="1" t="s">
        <v>4504</v>
      </c>
      <c r="B42128" s="1" t="s">
        <v>142570</v>
      </c>
      <c r="C42128" s="1" t="s">
        <v>100</v>
      </c>
      <c r="D42128" s="1" t="s">
        <v>29577</v>
      </c>
      <c r="E42128" s="1" t="s">
        <v>144066</v>
      </c>
      <c r="F42128" s="1" t="s">
        <v>144067</v>
      </c>
      <c r="G42128" s="1" t="s">
        <v>144007</v>
      </c>
      <c r="H42128" s="1" t="s">
        <v>144008</v>
      </c>
      <c r="I42128" s="1" t="s">
        <v>142575</v>
      </c>
      <c r="J42128" s="1" t="s">
        <v>112614</v>
      </c>
    </row>
    <row r="42129" spans="1:10" x14ac:dyDescent="0.35">
      <c r="A42129" s="1" t="s">
        <v>4504</v>
      </c>
      <c r="B42129" s="1" t="s">
        <v>142570</v>
      </c>
      <c r="C42129" s="1" t="s">
        <v>105</v>
      </c>
      <c r="D42129" s="1" t="s">
        <v>111495</v>
      </c>
      <c r="E42129" s="1" t="s">
        <v>144068</v>
      </c>
      <c r="F42129" s="1" t="s">
        <v>144069</v>
      </c>
      <c r="G42129" s="1" t="s">
        <v>144007</v>
      </c>
      <c r="H42129" s="1" t="s">
        <v>144008</v>
      </c>
      <c r="I42129" s="1" t="s">
        <v>142575</v>
      </c>
      <c r="J42129" s="1" t="s">
        <v>144070</v>
      </c>
    </row>
    <row r="42130" spans="1:10" x14ac:dyDescent="0.35">
      <c r="A42130" s="1" t="s">
        <v>4504</v>
      </c>
      <c r="B42130" s="1" t="s">
        <v>142570</v>
      </c>
      <c r="C42130" s="1" t="s">
        <v>110</v>
      </c>
      <c r="D42130" s="1" t="s">
        <v>14021</v>
      </c>
      <c r="E42130" s="1" t="s">
        <v>144071</v>
      </c>
      <c r="F42130" s="1" t="s">
        <v>144072</v>
      </c>
      <c r="G42130" s="1" t="s">
        <v>144007</v>
      </c>
      <c r="H42130" s="1" t="s">
        <v>144008</v>
      </c>
      <c r="I42130" s="1" t="s">
        <v>142575</v>
      </c>
      <c r="J42130" s="1" t="s">
        <v>144073</v>
      </c>
    </row>
    <row r="42131" spans="1:10" x14ac:dyDescent="0.35">
      <c r="A42131" s="1" t="s">
        <v>4504</v>
      </c>
      <c r="B42131" s="1" t="s">
        <v>142570</v>
      </c>
      <c r="C42131" s="1" t="s">
        <v>115</v>
      </c>
      <c r="D42131" s="1" t="s">
        <v>121864</v>
      </c>
      <c r="E42131" s="1" t="s">
        <v>144074</v>
      </c>
      <c r="F42131" s="1" t="s">
        <v>144075</v>
      </c>
      <c r="G42131" s="1" t="s">
        <v>144007</v>
      </c>
      <c r="H42131" s="1" t="s">
        <v>144008</v>
      </c>
      <c r="I42131" s="1" t="s">
        <v>142575</v>
      </c>
      <c r="J42131" s="1" t="s">
        <v>144076</v>
      </c>
    </row>
    <row r="42132" spans="1:10" x14ac:dyDescent="0.35">
      <c r="A42132" s="1" t="s">
        <v>4504</v>
      </c>
      <c r="B42132" s="1" t="s">
        <v>142570</v>
      </c>
      <c r="C42132" s="1" t="s">
        <v>120</v>
      </c>
      <c r="D42132" s="1" t="s">
        <v>2885</v>
      </c>
      <c r="E42132" s="1" t="s">
        <v>144077</v>
      </c>
      <c r="F42132" s="1" t="s">
        <v>144078</v>
      </c>
      <c r="G42132" s="1" t="s">
        <v>144007</v>
      </c>
      <c r="H42132" s="1" t="s">
        <v>144008</v>
      </c>
      <c r="I42132" s="1" t="s">
        <v>142575</v>
      </c>
      <c r="J42132" s="1" t="s">
        <v>144079</v>
      </c>
    </row>
    <row r="42133" spans="1:10" x14ac:dyDescent="0.35">
      <c r="A42133" s="1" t="s">
        <v>4504</v>
      </c>
      <c r="B42133" s="1" t="s">
        <v>142570</v>
      </c>
      <c r="C42133" s="1" t="s">
        <v>125</v>
      </c>
      <c r="D42133" s="1" t="s">
        <v>117344</v>
      </c>
      <c r="E42133" s="1" t="s">
        <v>144080</v>
      </c>
      <c r="F42133" s="1" t="s">
        <v>144081</v>
      </c>
      <c r="G42133" s="1" t="s">
        <v>144007</v>
      </c>
      <c r="H42133" s="1" t="s">
        <v>144008</v>
      </c>
      <c r="I42133" s="1" t="s">
        <v>142575</v>
      </c>
      <c r="J42133" s="1" t="s">
        <v>144082</v>
      </c>
    </row>
    <row r="42134" spans="1:10" x14ac:dyDescent="0.35">
      <c r="A42134" s="1" t="s">
        <v>4504</v>
      </c>
      <c r="B42134" s="1" t="s">
        <v>142570</v>
      </c>
      <c r="C42134" s="1" t="s">
        <v>130</v>
      </c>
      <c r="D42134" s="1" t="s">
        <v>144083</v>
      </c>
      <c r="E42134" s="1" t="s">
        <v>144084</v>
      </c>
      <c r="F42134" s="1" t="s">
        <v>144085</v>
      </c>
      <c r="G42134" s="1" t="s">
        <v>144007</v>
      </c>
      <c r="H42134" s="1" t="s">
        <v>144008</v>
      </c>
      <c r="I42134" s="1" t="s">
        <v>142575</v>
      </c>
      <c r="J42134" s="1" t="s">
        <v>144086</v>
      </c>
    </row>
    <row r="42135" spans="1:10" x14ac:dyDescent="0.35">
      <c r="A42135" s="1" t="s">
        <v>4504</v>
      </c>
      <c r="B42135" s="1" t="s">
        <v>142570</v>
      </c>
      <c r="C42135" s="1" t="s">
        <v>135</v>
      </c>
      <c r="D42135" s="1" t="s">
        <v>2833</v>
      </c>
      <c r="E42135" s="1" t="s">
        <v>144087</v>
      </c>
      <c r="F42135" s="1" t="s">
        <v>144088</v>
      </c>
      <c r="G42135" s="1" t="s">
        <v>144007</v>
      </c>
      <c r="H42135" s="1" t="s">
        <v>144008</v>
      </c>
      <c r="I42135" s="1" t="s">
        <v>142575</v>
      </c>
      <c r="J42135" s="1" t="s">
        <v>144089</v>
      </c>
    </row>
    <row r="42136" spans="1:10" x14ac:dyDescent="0.35">
      <c r="A42136" s="1" t="s">
        <v>4504</v>
      </c>
      <c r="B42136" s="1" t="s">
        <v>142570</v>
      </c>
      <c r="C42136" s="1" t="s">
        <v>140</v>
      </c>
      <c r="D42136" s="1" t="s">
        <v>6555</v>
      </c>
      <c r="E42136" s="1" t="s">
        <v>144090</v>
      </c>
      <c r="F42136" s="1" t="s">
        <v>144091</v>
      </c>
      <c r="G42136" s="1" t="s">
        <v>144007</v>
      </c>
      <c r="H42136" s="1" t="s">
        <v>144008</v>
      </c>
      <c r="I42136" s="1" t="s">
        <v>142575</v>
      </c>
      <c r="J42136" s="1" t="s">
        <v>144092</v>
      </c>
    </row>
    <row r="42137" spans="1:10" x14ac:dyDescent="0.35">
      <c r="A42137" s="1" t="s">
        <v>4504</v>
      </c>
      <c r="B42137" s="1" t="s">
        <v>142570</v>
      </c>
      <c r="C42137" s="1" t="s">
        <v>145</v>
      </c>
      <c r="D42137" s="1" t="s">
        <v>144093</v>
      </c>
      <c r="E42137" s="1" t="s">
        <v>144094</v>
      </c>
      <c r="F42137" s="1" t="s">
        <v>144095</v>
      </c>
      <c r="G42137" s="1" t="s">
        <v>144007</v>
      </c>
      <c r="H42137" s="1" t="s">
        <v>144008</v>
      </c>
      <c r="I42137" s="1" t="s">
        <v>142575</v>
      </c>
      <c r="J42137" s="1" t="s">
        <v>144096</v>
      </c>
    </row>
    <row r="42138" spans="1:10" x14ac:dyDescent="0.35">
      <c r="A42138" s="1" t="s">
        <v>4504</v>
      </c>
      <c r="B42138" s="1" t="s">
        <v>142570</v>
      </c>
      <c r="C42138" s="1" t="s">
        <v>150</v>
      </c>
      <c r="D42138" s="1" t="s">
        <v>121240</v>
      </c>
      <c r="E42138" s="1" t="s">
        <v>144097</v>
      </c>
      <c r="F42138" s="1" t="s">
        <v>144098</v>
      </c>
      <c r="G42138" s="1" t="s">
        <v>144007</v>
      </c>
      <c r="H42138" s="1" t="s">
        <v>144008</v>
      </c>
      <c r="I42138" s="1" t="s">
        <v>142575</v>
      </c>
      <c r="J42138" s="1" t="s">
        <v>144099</v>
      </c>
    </row>
    <row r="42139" spans="1:10" x14ac:dyDescent="0.35">
      <c r="A42139" s="1" t="s">
        <v>4504</v>
      </c>
      <c r="B42139" s="1" t="s">
        <v>142570</v>
      </c>
      <c r="C42139" s="1" t="s">
        <v>155</v>
      </c>
      <c r="D42139" s="1" t="s">
        <v>121767</v>
      </c>
      <c r="E42139" s="1" t="s">
        <v>144100</v>
      </c>
      <c r="F42139" s="1" t="s">
        <v>144101</v>
      </c>
      <c r="G42139" s="1" t="s">
        <v>144007</v>
      </c>
      <c r="H42139" s="1" t="s">
        <v>144008</v>
      </c>
      <c r="I42139" s="1" t="s">
        <v>142575</v>
      </c>
      <c r="J42139" s="1" t="s">
        <v>144102</v>
      </c>
    </row>
    <row r="42140" spans="1:10" x14ac:dyDescent="0.35">
      <c r="A42140" s="1" t="s">
        <v>4504</v>
      </c>
      <c r="B42140" s="1" t="s">
        <v>142570</v>
      </c>
      <c r="C42140" s="1" t="s">
        <v>160</v>
      </c>
      <c r="D42140" s="1" t="s">
        <v>109761</v>
      </c>
      <c r="E42140" s="1" t="s">
        <v>144103</v>
      </c>
      <c r="F42140" s="1" t="s">
        <v>144104</v>
      </c>
      <c r="G42140" s="1" t="s">
        <v>144007</v>
      </c>
      <c r="H42140" s="1" t="s">
        <v>144008</v>
      </c>
      <c r="I42140" s="1" t="s">
        <v>142575</v>
      </c>
      <c r="J42140" s="1" t="s">
        <v>144105</v>
      </c>
    </row>
    <row r="42141" spans="1:10" x14ac:dyDescent="0.35">
      <c r="A42141" s="1" t="s">
        <v>4504</v>
      </c>
      <c r="B42141" s="1" t="s">
        <v>142570</v>
      </c>
      <c r="C42141" s="1" t="s">
        <v>165</v>
      </c>
      <c r="D42141" s="1" t="s">
        <v>2588</v>
      </c>
      <c r="E42141" s="1" t="s">
        <v>144106</v>
      </c>
      <c r="F42141" s="1" t="s">
        <v>144107</v>
      </c>
      <c r="G42141" s="1" t="s">
        <v>144007</v>
      </c>
      <c r="H42141" s="1" t="s">
        <v>144008</v>
      </c>
      <c r="I42141" s="1" t="s">
        <v>142575</v>
      </c>
      <c r="J42141" s="1" t="s">
        <v>144108</v>
      </c>
    </row>
    <row r="42142" spans="1:10" x14ac:dyDescent="0.35">
      <c r="A42142" s="1" t="s">
        <v>4504</v>
      </c>
      <c r="B42142" s="1" t="s">
        <v>142570</v>
      </c>
      <c r="C42142" s="1" t="s">
        <v>170</v>
      </c>
      <c r="D42142" s="1" t="s">
        <v>144109</v>
      </c>
      <c r="E42142" s="1" t="s">
        <v>144110</v>
      </c>
      <c r="F42142" s="1" t="s">
        <v>144111</v>
      </c>
      <c r="G42142" s="1" t="s">
        <v>144007</v>
      </c>
      <c r="H42142" s="1" t="s">
        <v>144008</v>
      </c>
      <c r="I42142" s="1" t="s">
        <v>142575</v>
      </c>
      <c r="J42142" s="1" t="s">
        <v>144112</v>
      </c>
    </row>
    <row r="42143" spans="1:10" x14ac:dyDescent="0.35">
      <c r="A42143" s="1" t="s">
        <v>120764</v>
      </c>
      <c r="B42143" s="1" t="s">
        <v>142570</v>
      </c>
      <c r="C42143" s="1" t="s">
        <v>8</v>
      </c>
      <c r="D42143" s="1" t="s">
        <v>75352</v>
      </c>
      <c r="E42143" s="1" t="s">
        <v>144113</v>
      </c>
      <c r="F42143" s="1" t="s">
        <v>144114</v>
      </c>
      <c r="G42143" s="1" t="s">
        <v>144115</v>
      </c>
      <c r="H42143" s="1" t="s">
        <v>144116</v>
      </c>
      <c r="I42143" s="1" t="s">
        <v>142575</v>
      </c>
      <c r="J42143" s="1" t="s">
        <v>13</v>
      </c>
    </row>
    <row r="42144" spans="1:10" x14ac:dyDescent="0.35">
      <c r="A42144" s="1" t="s">
        <v>120764</v>
      </c>
      <c r="B42144" s="1" t="s">
        <v>142570</v>
      </c>
      <c r="C42144" s="1" t="s">
        <v>15</v>
      </c>
      <c r="D42144" s="1" t="s">
        <v>111730</v>
      </c>
      <c r="E42144" s="1" t="s">
        <v>144117</v>
      </c>
      <c r="F42144" s="1" t="s">
        <v>144118</v>
      </c>
      <c r="G42144" s="1" t="s">
        <v>144115</v>
      </c>
      <c r="H42144" s="1" t="s">
        <v>144116</v>
      </c>
      <c r="I42144" s="1" t="s">
        <v>142575</v>
      </c>
      <c r="J42144" s="1" t="s">
        <v>144119</v>
      </c>
    </row>
    <row r="42145" spans="1:10" x14ac:dyDescent="0.35">
      <c r="A42145" s="1" t="s">
        <v>120764</v>
      </c>
      <c r="B42145" s="1" t="s">
        <v>142570</v>
      </c>
      <c r="C42145" s="1" t="s">
        <v>20</v>
      </c>
      <c r="D42145" s="1" t="s">
        <v>25173</v>
      </c>
      <c r="E42145" s="1" t="s">
        <v>144120</v>
      </c>
      <c r="F42145" s="1" t="s">
        <v>144121</v>
      </c>
      <c r="G42145" s="1" t="s">
        <v>144115</v>
      </c>
      <c r="H42145" s="1" t="s">
        <v>144116</v>
      </c>
      <c r="I42145" s="1" t="s">
        <v>142575</v>
      </c>
      <c r="J42145" s="1" t="s">
        <v>144122</v>
      </c>
    </row>
    <row r="42146" spans="1:10" x14ac:dyDescent="0.35">
      <c r="A42146" s="1" t="s">
        <v>120764</v>
      </c>
      <c r="B42146" s="1" t="s">
        <v>142570</v>
      </c>
      <c r="C42146" s="1" t="s">
        <v>25</v>
      </c>
      <c r="D42146" s="1" t="s">
        <v>73308</v>
      </c>
      <c r="E42146" s="1" t="s">
        <v>144123</v>
      </c>
      <c r="F42146" s="1" t="s">
        <v>144124</v>
      </c>
      <c r="G42146" s="1" t="s">
        <v>144115</v>
      </c>
      <c r="H42146" s="1" t="s">
        <v>144116</v>
      </c>
      <c r="I42146" s="1" t="s">
        <v>142575</v>
      </c>
      <c r="J42146" s="1" t="s">
        <v>144125</v>
      </c>
    </row>
    <row r="42147" spans="1:10" x14ac:dyDescent="0.35">
      <c r="A42147" s="1" t="s">
        <v>120764</v>
      </c>
      <c r="B42147" s="1" t="s">
        <v>142570</v>
      </c>
      <c r="C42147" s="1" t="s">
        <v>30</v>
      </c>
      <c r="D42147" s="1" t="s">
        <v>118567</v>
      </c>
      <c r="E42147" s="1" t="s">
        <v>144126</v>
      </c>
      <c r="F42147" s="1" t="s">
        <v>144127</v>
      </c>
      <c r="G42147" s="1" t="s">
        <v>144115</v>
      </c>
      <c r="H42147" s="1" t="s">
        <v>144116</v>
      </c>
      <c r="I42147" s="1" t="s">
        <v>142575</v>
      </c>
      <c r="J42147" s="1" t="s">
        <v>144128</v>
      </c>
    </row>
    <row r="42148" spans="1:10" x14ac:dyDescent="0.35">
      <c r="A42148" s="1" t="s">
        <v>120764</v>
      </c>
      <c r="B42148" s="1" t="s">
        <v>142570</v>
      </c>
      <c r="C42148" s="1" t="s">
        <v>35</v>
      </c>
      <c r="D42148" s="1" t="s">
        <v>144129</v>
      </c>
      <c r="E42148" s="1" t="s">
        <v>144130</v>
      </c>
      <c r="F42148" s="1" t="s">
        <v>144131</v>
      </c>
      <c r="G42148" s="1" t="s">
        <v>144115</v>
      </c>
      <c r="H42148" s="1" t="s">
        <v>144116</v>
      </c>
      <c r="I42148" s="1" t="s">
        <v>142575</v>
      </c>
      <c r="J42148" s="1" t="s">
        <v>144132</v>
      </c>
    </row>
    <row r="42149" spans="1:10" x14ac:dyDescent="0.35">
      <c r="A42149" s="1" t="s">
        <v>120764</v>
      </c>
      <c r="B42149" s="1" t="s">
        <v>142570</v>
      </c>
      <c r="C42149" s="1" t="s">
        <v>40</v>
      </c>
      <c r="D42149" s="1" t="s">
        <v>30189</v>
      </c>
      <c r="E42149" s="1" t="s">
        <v>144133</v>
      </c>
      <c r="F42149" s="1" t="s">
        <v>144134</v>
      </c>
      <c r="G42149" s="1" t="s">
        <v>144115</v>
      </c>
      <c r="H42149" s="1" t="s">
        <v>144116</v>
      </c>
      <c r="I42149" s="1" t="s">
        <v>142575</v>
      </c>
      <c r="J42149" s="1" t="s">
        <v>144135</v>
      </c>
    </row>
    <row r="42150" spans="1:10" x14ac:dyDescent="0.35">
      <c r="A42150" s="1" t="s">
        <v>120764</v>
      </c>
      <c r="B42150" s="1" t="s">
        <v>142570</v>
      </c>
      <c r="C42150" s="1" t="s">
        <v>45</v>
      </c>
      <c r="D42150" s="1" t="s">
        <v>50981</v>
      </c>
      <c r="E42150" s="1" t="s">
        <v>144136</v>
      </c>
      <c r="F42150" s="1" t="s">
        <v>144137</v>
      </c>
      <c r="G42150" s="1" t="s">
        <v>144115</v>
      </c>
      <c r="H42150" s="1" t="s">
        <v>144116</v>
      </c>
      <c r="I42150" s="1" t="s">
        <v>142575</v>
      </c>
      <c r="J42150" s="1" t="s">
        <v>144138</v>
      </c>
    </row>
    <row r="42151" spans="1:10" x14ac:dyDescent="0.35">
      <c r="A42151" s="1" t="s">
        <v>120764</v>
      </c>
      <c r="B42151" s="1" t="s">
        <v>142570</v>
      </c>
      <c r="C42151" s="1" t="s">
        <v>50</v>
      </c>
      <c r="D42151" s="1" t="s">
        <v>44906</v>
      </c>
      <c r="E42151" s="1" t="s">
        <v>144139</v>
      </c>
      <c r="F42151" s="1" t="s">
        <v>144140</v>
      </c>
      <c r="G42151" s="1" t="s">
        <v>144115</v>
      </c>
      <c r="H42151" s="1" t="s">
        <v>144116</v>
      </c>
      <c r="I42151" s="1" t="s">
        <v>142575</v>
      </c>
      <c r="J42151" s="1" t="s">
        <v>144141</v>
      </c>
    </row>
    <row r="42152" spans="1:10" x14ac:dyDescent="0.35">
      <c r="A42152" s="1" t="s">
        <v>120764</v>
      </c>
      <c r="B42152" s="1" t="s">
        <v>142570</v>
      </c>
      <c r="C42152" s="1" t="s">
        <v>55</v>
      </c>
      <c r="D42152" s="1" t="s">
        <v>75369</v>
      </c>
      <c r="E42152" s="1" t="s">
        <v>144142</v>
      </c>
      <c r="F42152" s="1" t="s">
        <v>144143</v>
      </c>
      <c r="G42152" s="1" t="s">
        <v>144115</v>
      </c>
      <c r="H42152" s="1" t="s">
        <v>144116</v>
      </c>
      <c r="I42152" s="1" t="s">
        <v>142575</v>
      </c>
      <c r="J42152" s="1" t="s">
        <v>144144</v>
      </c>
    </row>
    <row r="42153" spans="1:10" x14ac:dyDescent="0.35">
      <c r="A42153" s="1" t="s">
        <v>120764</v>
      </c>
      <c r="B42153" s="1" t="s">
        <v>142570</v>
      </c>
      <c r="C42153" s="1" t="s">
        <v>60</v>
      </c>
      <c r="D42153" s="1" t="s">
        <v>44567</v>
      </c>
      <c r="E42153" s="1" t="s">
        <v>144145</v>
      </c>
      <c r="F42153" s="1" t="s">
        <v>144146</v>
      </c>
      <c r="G42153" s="1" t="s">
        <v>144115</v>
      </c>
      <c r="H42153" s="1" t="s">
        <v>144116</v>
      </c>
      <c r="I42153" s="1" t="s">
        <v>142575</v>
      </c>
      <c r="J42153" s="1" t="s">
        <v>144147</v>
      </c>
    </row>
    <row r="42154" spans="1:10" x14ac:dyDescent="0.35">
      <c r="A42154" s="1" t="s">
        <v>120764</v>
      </c>
      <c r="B42154" s="1" t="s">
        <v>142570</v>
      </c>
      <c r="C42154" s="1" t="s">
        <v>65</v>
      </c>
      <c r="D42154" s="1" t="s">
        <v>121247</v>
      </c>
      <c r="E42154" s="1" t="s">
        <v>144148</v>
      </c>
      <c r="F42154" s="1" t="s">
        <v>144149</v>
      </c>
      <c r="G42154" s="1" t="s">
        <v>144115</v>
      </c>
      <c r="H42154" s="1" t="s">
        <v>144116</v>
      </c>
      <c r="I42154" s="1" t="s">
        <v>142575</v>
      </c>
      <c r="J42154" s="1" t="s">
        <v>144150</v>
      </c>
    </row>
    <row r="42155" spans="1:10" x14ac:dyDescent="0.35">
      <c r="A42155" s="1" t="s">
        <v>120764</v>
      </c>
      <c r="B42155" s="1" t="s">
        <v>142570</v>
      </c>
      <c r="C42155" s="1" t="s">
        <v>70</v>
      </c>
      <c r="D42155" s="1" t="s">
        <v>112800</v>
      </c>
      <c r="E42155" s="1" t="s">
        <v>144151</v>
      </c>
      <c r="F42155" s="1" t="s">
        <v>144152</v>
      </c>
      <c r="G42155" s="1" t="s">
        <v>144115</v>
      </c>
      <c r="H42155" s="1" t="s">
        <v>144116</v>
      </c>
      <c r="I42155" s="1" t="s">
        <v>142575</v>
      </c>
      <c r="J42155" s="1" t="s">
        <v>144153</v>
      </c>
    </row>
    <row r="42156" spans="1:10" x14ac:dyDescent="0.35">
      <c r="A42156" s="1" t="s">
        <v>120764</v>
      </c>
      <c r="B42156" s="1" t="s">
        <v>142570</v>
      </c>
      <c r="C42156" s="1" t="s">
        <v>75</v>
      </c>
      <c r="D42156" s="1" t="s">
        <v>47343</v>
      </c>
      <c r="E42156" s="1" t="s">
        <v>144154</v>
      </c>
      <c r="F42156" s="1" t="s">
        <v>144155</v>
      </c>
      <c r="G42156" s="1" t="s">
        <v>144115</v>
      </c>
      <c r="H42156" s="1" t="s">
        <v>144116</v>
      </c>
      <c r="I42156" s="1" t="s">
        <v>142575</v>
      </c>
      <c r="J42156" s="1" t="s">
        <v>144156</v>
      </c>
    </row>
    <row r="42157" spans="1:10" x14ac:dyDescent="0.35">
      <c r="A42157" s="1" t="s">
        <v>120764</v>
      </c>
      <c r="B42157" s="1" t="s">
        <v>142570</v>
      </c>
      <c r="C42157" s="1" t="s">
        <v>80</v>
      </c>
      <c r="D42157" s="1" t="s">
        <v>118926</v>
      </c>
      <c r="E42157" s="1" t="s">
        <v>144157</v>
      </c>
      <c r="F42157" s="1" t="s">
        <v>144158</v>
      </c>
      <c r="G42157" s="1" t="s">
        <v>144115</v>
      </c>
      <c r="H42157" s="1" t="s">
        <v>144116</v>
      </c>
      <c r="I42157" s="1" t="s">
        <v>142575</v>
      </c>
      <c r="J42157" s="1" t="s">
        <v>144159</v>
      </c>
    </row>
    <row r="42158" spans="1:10" x14ac:dyDescent="0.35">
      <c r="A42158" s="1" t="s">
        <v>120764</v>
      </c>
      <c r="B42158" s="1" t="s">
        <v>142570</v>
      </c>
      <c r="C42158" s="1" t="s">
        <v>85</v>
      </c>
      <c r="D42158" s="1" t="s">
        <v>36156</v>
      </c>
      <c r="E42158" s="1" t="s">
        <v>144160</v>
      </c>
      <c r="F42158" s="1" t="s">
        <v>144161</v>
      </c>
      <c r="G42158" s="1" t="s">
        <v>144115</v>
      </c>
      <c r="H42158" s="1" t="s">
        <v>144116</v>
      </c>
      <c r="I42158" s="1" t="s">
        <v>142575</v>
      </c>
      <c r="J42158" s="1" t="s">
        <v>144162</v>
      </c>
    </row>
    <row r="42159" spans="1:10" x14ac:dyDescent="0.35">
      <c r="A42159" s="1" t="s">
        <v>120764</v>
      </c>
      <c r="B42159" s="1" t="s">
        <v>142570</v>
      </c>
      <c r="C42159" s="1" t="s">
        <v>90</v>
      </c>
      <c r="D42159" s="1" t="s">
        <v>49407</v>
      </c>
      <c r="E42159" s="1" t="s">
        <v>144163</v>
      </c>
      <c r="F42159" s="1" t="s">
        <v>144164</v>
      </c>
      <c r="G42159" s="1" t="s">
        <v>144115</v>
      </c>
      <c r="H42159" s="1" t="s">
        <v>144116</v>
      </c>
      <c r="I42159" s="1" t="s">
        <v>142575</v>
      </c>
      <c r="J42159" s="1" t="s">
        <v>144165</v>
      </c>
    </row>
    <row r="42160" spans="1:10" x14ac:dyDescent="0.35">
      <c r="A42160" s="1" t="s">
        <v>120764</v>
      </c>
      <c r="B42160" s="1" t="s">
        <v>142570</v>
      </c>
      <c r="C42160" s="1" t="s">
        <v>95</v>
      </c>
      <c r="D42160" s="1" t="s">
        <v>4122</v>
      </c>
      <c r="E42160" s="1" t="s">
        <v>144166</v>
      </c>
      <c r="F42160" s="1" t="s">
        <v>144167</v>
      </c>
      <c r="G42160" s="1" t="s">
        <v>144115</v>
      </c>
      <c r="H42160" s="1" t="s">
        <v>144116</v>
      </c>
      <c r="I42160" s="1" t="s">
        <v>142575</v>
      </c>
      <c r="J42160" s="1" t="s">
        <v>144168</v>
      </c>
    </row>
    <row r="42161" spans="1:10" x14ac:dyDescent="0.35">
      <c r="A42161" s="1" t="s">
        <v>120764</v>
      </c>
      <c r="B42161" s="1" t="s">
        <v>142570</v>
      </c>
      <c r="C42161" s="1" t="s">
        <v>100</v>
      </c>
      <c r="D42161" s="1" t="s">
        <v>72700</v>
      </c>
      <c r="E42161" s="1" t="s">
        <v>144169</v>
      </c>
      <c r="F42161" s="1" t="s">
        <v>144170</v>
      </c>
      <c r="G42161" s="1" t="s">
        <v>144115</v>
      </c>
      <c r="H42161" s="1" t="s">
        <v>144116</v>
      </c>
      <c r="I42161" s="1" t="s">
        <v>142575</v>
      </c>
      <c r="J42161" s="1" t="s">
        <v>144171</v>
      </c>
    </row>
    <row r="42162" spans="1:10" x14ac:dyDescent="0.35">
      <c r="A42162" s="1" t="s">
        <v>120764</v>
      </c>
      <c r="B42162" s="1" t="s">
        <v>142570</v>
      </c>
      <c r="C42162" s="1" t="s">
        <v>105</v>
      </c>
      <c r="D42162" s="1" t="s">
        <v>144172</v>
      </c>
      <c r="E42162" s="1" t="s">
        <v>144173</v>
      </c>
      <c r="F42162" s="1" t="s">
        <v>144174</v>
      </c>
      <c r="G42162" s="1" t="s">
        <v>144115</v>
      </c>
      <c r="H42162" s="1" t="s">
        <v>144116</v>
      </c>
      <c r="I42162" s="1" t="s">
        <v>142575</v>
      </c>
      <c r="J42162" s="1" t="s">
        <v>144175</v>
      </c>
    </row>
    <row r="42163" spans="1:10" x14ac:dyDescent="0.35">
      <c r="A42163" s="1" t="s">
        <v>120764</v>
      </c>
      <c r="B42163" s="1" t="s">
        <v>142570</v>
      </c>
      <c r="C42163" s="1" t="s">
        <v>110</v>
      </c>
      <c r="D42163" s="1" t="s">
        <v>34911</v>
      </c>
      <c r="E42163" s="1" t="s">
        <v>144176</v>
      </c>
      <c r="F42163" s="1" t="s">
        <v>144177</v>
      </c>
      <c r="G42163" s="1" t="s">
        <v>144115</v>
      </c>
      <c r="H42163" s="1" t="s">
        <v>144116</v>
      </c>
      <c r="I42163" s="1" t="s">
        <v>142575</v>
      </c>
      <c r="J42163" s="1" t="s">
        <v>144178</v>
      </c>
    </row>
    <row r="42164" spans="1:10" x14ac:dyDescent="0.35">
      <c r="A42164" s="1" t="s">
        <v>120764</v>
      </c>
      <c r="B42164" s="1" t="s">
        <v>142570</v>
      </c>
      <c r="C42164" s="1" t="s">
        <v>115</v>
      </c>
      <c r="D42164" s="1" t="s">
        <v>10861</v>
      </c>
      <c r="E42164" s="1" t="s">
        <v>144179</v>
      </c>
      <c r="F42164" s="1" t="s">
        <v>144180</v>
      </c>
      <c r="G42164" s="1" t="s">
        <v>144115</v>
      </c>
      <c r="H42164" s="1" t="s">
        <v>144116</v>
      </c>
      <c r="I42164" s="1" t="s">
        <v>142575</v>
      </c>
      <c r="J42164" s="1" t="s">
        <v>144181</v>
      </c>
    </row>
    <row r="42165" spans="1:10" x14ac:dyDescent="0.35">
      <c r="A42165" s="1" t="s">
        <v>120764</v>
      </c>
      <c r="B42165" s="1" t="s">
        <v>142570</v>
      </c>
      <c r="C42165" s="1" t="s">
        <v>120</v>
      </c>
      <c r="D42165" s="1" t="s">
        <v>15244</v>
      </c>
      <c r="E42165" s="1" t="s">
        <v>144182</v>
      </c>
      <c r="F42165" s="1" t="s">
        <v>144183</v>
      </c>
      <c r="G42165" s="1" t="s">
        <v>144115</v>
      </c>
      <c r="H42165" s="1" t="s">
        <v>144116</v>
      </c>
      <c r="I42165" s="1" t="s">
        <v>142575</v>
      </c>
      <c r="J42165" s="1" t="s">
        <v>144184</v>
      </c>
    </row>
    <row r="42166" spans="1:10" x14ac:dyDescent="0.35">
      <c r="A42166" s="1" t="s">
        <v>120764</v>
      </c>
      <c r="B42166" s="1" t="s">
        <v>142570</v>
      </c>
      <c r="C42166" s="1" t="s">
        <v>125</v>
      </c>
      <c r="D42166" s="1" t="s">
        <v>144185</v>
      </c>
      <c r="E42166" s="1" t="s">
        <v>144186</v>
      </c>
      <c r="F42166" s="1" t="s">
        <v>144187</v>
      </c>
      <c r="G42166" s="1" t="s">
        <v>144115</v>
      </c>
      <c r="H42166" s="1" t="s">
        <v>144116</v>
      </c>
      <c r="I42166" s="1" t="s">
        <v>142575</v>
      </c>
      <c r="J42166" s="1" t="s">
        <v>144188</v>
      </c>
    </row>
    <row r="42167" spans="1:10" x14ac:dyDescent="0.35">
      <c r="A42167" s="1" t="s">
        <v>120764</v>
      </c>
      <c r="B42167" s="1" t="s">
        <v>142570</v>
      </c>
      <c r="C42167" s="1" t="s">
        <v>130</v>
      </c>
      <c r="D42167" s="1" t="s">
        <v>186</v>
      </c>
      <c r="E42167" s="1" t="s">
        <v>144189</v>
      </c>
      <c r="F42167" s="1" t="s">
        <v>144190</v>
      </c>
      <c r="G42167" s="1" t="s">
        <v>144115</v>
      </c>
      <c r="H42167" s="1" t="s">
        <v>144116</v>
      </c>
      <c r="I42167" s="1" t="s">
        <v>142575</v>
      </c>
      <c r="J42167" s="1" t="s">
        <v>144191</v>
      </c>
    </row>
    <row r="42168" spans="1:10" x14ac:dyDescent="0.35">
      <c r="A42168" s="1" t="s">
        <v>120764</v>
      </c>
      <c r="B42168" s="1" t="s">
        <v>142570</v>
      </c>
      <c r="C42168" s="1" t="s">
        <v>135</v>
      </c>
      <c r="D42168" s="1" t="s">
        <v>144192</v>
      </c>
      <c r="E42168" s="1" t="s">
        <v>144193</v>
      </c>
      <c r="F42168" s="1" t="s">
        <v>144194</v>
      </c>
      <c r="G42168" s="1" t="s">
        <v>144115</v>
      </c>
      <c r="H42168" s="1" t="s">
        <v>144116</v>
      </c>
      <c r="I42168" s="1" t="s">
        <v>142575</v>
      </c>
      <c r="J42168" s="1" t="s">
        <v>144195</v>
      </c>
    </row>
    <row r="42169" spans="1:10" x14ac:dyDescent="0.35">
      <c r="A42169" s="1" t="s">
        <v>120764</v>
      </c>
      <c r="B42169" s="1" t="s">
        <v>142570</v>
      </c>
      <c r="C42169" s="1" t="s">
        <v>140</v>
      </c>
      <c r="D42169" s="1" t="s">
        <v>16112</v>
      </c>
      <c r="E42169" s="1" t="s">
        <v>144196</v>
      </c>
      <c r="F42169" s="1" t="s">
        <v>144197</v>
      </c>
      <c r="G42169" s="1" t="s">
        <v>144115</v>
      </c>
      <c r="H42169" s="1" t="s">
        <v>144116</v>
      </c>
      <c r="I42169" s="1" t="s">
        <v>142575</v>
      </c>
      <c r="J42169" s="1" t="s">
        <v>144198</v>
      </c>
    </row>
    <row r="42170" spans="1:10" x14ac:dyDescent="0.35">
      <c r="A42170" s="1" t="s">
        <v>120764</v>
      </c>
      <c r="B42170" s="1" t="s">
        <v>142570</v>
      </c>
      <c r="C42170" s="1" t="s">
        <v>145</v>
      </c>
      <c r="D42170" s="1" t="s">
        <v>1433</v>
      </c>
      <c r="E42170" s="1" t="s">
        <v>144199</v>
      </c>
      <c r="F42170" s="1" t="s">
        <v>144200</v>
      </c>
      <c r="G42170" s="1" t="s">
        <v>144115</v>
      </c>
      <c r="H42170" s="1" t="s">
        <v>144116</v>
      </c>
      <c r="I42170" s="1" t="s">
        <v>142575</v>
      </c>
      <c r="J42170" s="1" t="s">
        <v>144201</v>
      </c>
    </row>
    <row r="42171" spans="1:10" x14ac:dyDescent="0.35">
      <c r="A42171" s="1" t="s">
        <v>120764</v>
      </c>
      <c r="B42171" s="1" t="s">
        <v>142570</v>
      </c>
      <c r="C42171" s="1" t="s">
        <v>150</v>
      </c>
      <c r="D42171" s="1" t="s">
        <v>70858</v>
      </c>
      <c r="E42171" s="1" t="s">
        <v>144202</v>
      </c>
      <c r="F42171" s="1" t="s">
        <v>144203</v>
      </c>
      <c r="G42171" s="1" t="s">
        <v>144115</v>
      </c>
      <c r="H42171" s="1" t="s">
        <v>144116</v>
      </c>
      <c r="I42171" s="1" t="s">
        <v>142575</v>
      </c>
      <c r="J42171" s="1" t="s">
        <v>144204</v>
      </c>
    </row>
    <row r="42172" spans="1:10" x14ac:dyDescent="0.35">
      <c r="A42172" s="1" t="s">
        <v>120764</v>
      </c>
      <c r="B42172" s="1" t="s">
        <v>142570</v>
      </c>
      <c r="C42172" s="1" t="s">
        <v>155</v>
      </c>
      <c r="D42172" s="1" t="s">
        <v>120390</v>
      </c>
      <c r="E42172" s="1" t="s">
        <v>144205</v>
      </c>
      <c r="F42172" s="1" t="s">
        <v>144206</v>
      </c>
      <c r="G42172" s="1" t="s">
        <v>144115</v>
      </c>
      <c r="H42172" s="1" t="s">
        <v>144116</v>
      </c>
      <c r="I42172" s="1" t="s">
        <v>142575</v>
      </c>
      <c r="J42172" s="1" t="s">
        <v>144207</v>
      </c>
    </row>
    <row r="42173" spans="1:10" x14ac:dyDescent="0.35">
      <c r="A42173" s="1" t="s">
        <v>120764</v>
      </c>
      <c r="B42173" s="1" t="s">
        <v>142570</v>
      </c>
      <c r="C42173" s="1" t="s">
        <v>160</v>
      </c>
      <c r="D42173" s="1" t="s">
        <v>15251</v>
      </c>
      <c r="E42173" s="1" t="s">
        <v>144208</v>
      </c>
      <c r="F42173" s="1" t="s">
        <v>144209</v>
      </c>
      <c r="G42173" s="1" t="s">
        <v>144115</v>
      </c>
      <c r="H42173" s="1" t="s">
        <v>144116</v>
      </c>
      <c r="I42173" s="1" t="s">
        <v>142575</v>
      </c>
      <c r="J42173" s="1" t="s">
        <v>144210</v>
      </c>
    </row>
    <row r="42174" spans="1:10" x14ac:dyDescent="0.35">
      <c r="A42174" s="1" t="s">
        <v>120764</v>
      </c>
      <c r="B42174" s="1" t="s">
        <v>142570</v>
      </c>
      <c r="C42174" s="1" t="s">
        <v>165</v>
      </c>
      <c r="D42174" s="1" t="s">
        <v>144211</v>
      </c>
      <c r="E42174" s="1" t="s">
        <v>144212</v>
      </c>
      <c r="F42174" s="1" t="s">
        <v>144213</v>
      </c>
      <c r="G42174" s="1" t="s">
        <v>144115</v>
      </c>
      <c r="H42174" s="1" t="s">
        <v>144116</v>
      </c>
      <c r="I42174" s="1" t="s">
        <v>142575</v>
      </c>
      <c r="J42174" s="1" t="s">
        <v>144214</v>
      </c>
    </row>
    <row r="42175" spans="1:10" x14ac:dyDescent="0.35">
      <c r="A42175" s="1" t="s">
        <v>120764</v>
      </c>
      <c r="B42175" s="1" t="s">
        <v>142570</v>
      </c>
      <c r="C42175" s="1" t="s">
        <v>170</v>
      </c>
      <c r="D42175" s="1" t="s">
        <v>25786</v>
      </c>
      <c r="E42175" s="1" t="s">
        <v>144215</v>
      </c>
      <c r="F42175" s="1" t="s">
        <v>144216</v>
      </c>
      <c r="G42175" s="1" t="s">
        <v>144115</v>
      </c>
      <c r="H42175" s="1" t="s">
        <v>144116</v>
      </c>
      <c r="I42175" s="1" t="s">
        <v>142575</v>
      </c>
      <c r="J42175" s="1" t="s">
        <v>144217</v>
      </c>
    </row>
    <row r="42176" spans="1:10" x14ac:dyDescent="0.35">
      <c r="A42176" s="1" t="s">
        <v>2155</v>
      </c>
      <c r="B42176" s="1" t="s">
        <v>142570</v>
      </c>
      <c r="C42176" s="1" t="s">
        <v>8</v>
      </c>
      <c r="D42176" s="1" t="s">
        <v>50777</v>
      </c>
      <c r="E42176" s="1" t="s">
        <v>144218</v>
      </c>
      <c r="F42176" s="1" t="s">
        <v>144219</v>
      </c>
      <c r="G42176" s="1" t="s">
        <v>144220</v>
      </c>
      <c r="H42176" s="1" t="s">
        <v>144221</v>
      </c>
      <c r="I42176" s="1" t="s">
        <v>142575</v>
      </c>
      <c r="J42176" s="1" t="s">
        <v>13</v>
      </c>
    </row>
    <row r="42177" spans="1:10" x14ac:dyDescent="0.35">
      <c r="A42177" s="1" t="s">
        <v>2155</v>
      </c>
      <c r="B42177" s="1" t="s">
        <v>142570</v>
      </c>
      <c r="C42177" s="1" t="s">
        <v>15</v>
      </c>
      <c r="D42177" s="1" t="s">
        <v>46472</v>
      </c>
      <c r="E42177" s="1" t="s">
        <v>144222</v>
      </c>
      <c r="F42177" s="1" t="s">
        <v>144223</v>
      </c>
      <c r="G42177" s="1" t="s">
        <v>144220</v>
      </c>
      <c r="H42177" s="1" t="s">
        <v>144221</v>
      </c>
      <c r="I42177" s="1" t="s">
        <v>142575</v>
      </c>
      <c r="J42177" s="1" t="s">
        <v>144224</v>
      </c>
    </row>
    <row r="42178" spans="1:10" x14ac:dyDescent="0.35">
      <c r="A42178" s="1" t="s">
        <v>2155</v>
      </c>
      <c r="B42178" s="1" t="s">
        <v>142570</v>
      </c>
      <c r="C42178" s="1" t="s">
        <v>20</v>
      </c>
      <c r="D42178" s="1" t="s">
        <v>121247</v>
      </c>
      <c r="E42178" s="1" t="s">
        <v>144225</v>
      </c>
      <c r="F42178" s="1" t="s">
        <v>144226</v>
      </c>
      <c r="G42178" s="1" t="s">
        <v>144220</v>
      </c>
      <c r="H42178" s="1" t="s">
        <v>144221</v>
      </c>
      <c r="I42178" s="1" t="s">
        <v>142575</v>
      </c>
      <c r="J42178" s="1" t="s">
        <v>144227</v>
      </c>
    </row>
    <row r="42179" spans="1:10" x14ac:dyDescent="0.35">
      <c r="A42179" s="1" t="s">
        <v>2155</v>
      </c>
      <c r="B42179" s="1" t="s">
        <v>142570</v>
      </c>
      <c r="C42179" s="1" t="s">
        <v>25</v>
      </c>
      <c r="D42179" s="1" t="s">
        <v>112562</v>
      </c>
      <c r="E42179" s="1" t="s">
        <v>144228</v>
      </c>
      <c r="F42179" s="1" t="s">
        <v>144229</v>
      </c>
      <c r="G42179" s="1" t="s">
        <v>144220</v>
      </c>
      <c r="H42179" s="1" t="s">
        <v>144221</v>
      </c>
      <c r="I42179" s="1" t="s">
        <v>142575</v>
      </c>
      <c r="J42179" s="1" t="s">
        <v>144230</v>
      </c>
    </row>
    <row r="42180" spans="1:10" x14ac:dyDescent="0.35">
      <c r="A42180" s="1" t="s">
        <v>2155</v>
      </c>
      <c r="B42180" s="1" t="s">
        <v>142570</v>
      </c>
      <c r="C42180" s="1" t="s">
        <v>30</v>
      </c>
      <c r="D42180" s="1" t="s">
        <v>48496</v>
      </c>
      <c r="E42180" s="1" t="s">
        <v>144231</v>
      </c>
      <c r="F42180" s="1" t="s">
        <v>144232</v>
      </c>
      <c r="G42180" s="1" t="s">
        <v>144220</v>
      </c>
      <c r="H42180" s="1" t="s">
        <v>144221</v>
      </c>
      <c r="I42180" s="1" t="s">
        <v>142575</v>
      </c>
      <c r="J42180" s="1" t="s">
        <v>144233</v>
      </c>
    </row>
    <row r="42181" spans="1:10" x14ac:dyDescent="0.35">
      <c r="A42181" s="1" t="s">
        <v>2155</v>
      </c>
      <c r="B42181" s="1" t="s">
        <v>142570</v>
      </c>
      <c r="C42181" s="1" t="s">
        <v>35</v>
      </c>
      <c r="D42181" s="1" t="s">
        <v>144234</v>
      </c>
      <c r="E42181" s="1" t="s">
        <v>144235</v>
      </c>
      <c r="F42181" s="1" t="s">
        <v>144236</v>
      </c>
      <c r="G42181" s="1" t="s">
        <v>144220</v>
      </c>
      <c r="H42181" s="1" t="s">
        <v>144221</v>
      </c>
      <c r="I42181" s="1" t="s">
        <v>142575</v>
      </c>
      <c r="J42181" s="1" t="s">
        <v>144237</v>
      </c>
    </row>
    <row r="42182" spans="1:10" x14ac:dyDescent="0.35">
      <c r="A42182" s="1" t="s">
        <v>2155</v>
      </c>
      <c r="B42182" s="1" t="s">
        <v>142570</v>
      </c>
      <c r="C42182" s="1" t="s">
        <v>40</v>
      </c>
      <c r="D42182" s="1" t="s">
        <v>1608</v>
      </c>
      <c r="E42182" s="1" t="s">
        <v>144238</v>
      </c>
      <c r="F42182" s="1" t="s">
        <v>144239</v>
      </c>
      <c r="G42182" s="1" t="s">
        <v>144220</v>
      </c>
      <c r="H42182" s="1" t="s">
        <v>144221</v>
      </c>
      <c r="I42182" s="1" t="s">
        <v>142575</v>
      </c>
      <c r="J42182" s="1" t="s">
        <v>144240</v>
      </c>
    </row>
    <row r="42183" spans="1:10" x14ac:dyDescent="0.35">
      <c r="A42183" s="1" t="s">
        <v>2155</v>
      </c>
      <c r="B42183" s="1" t="s">
        <v>142570</v>
      </c>
      <c r="C42183" s="1" t="s">
        <v>45</v>
      </c>
      <c r="D42183" s="1" t="s">
        <v>48496</v>
      </c>
      <c r="E42183" s="1" t="s">
        <v>144218</v>
      </c>
      <c r="F42183" s="1" t="s">
        <v>144241</v>
      </c>
      <c r="G42183" s="1" t="s">
        <v>144220</v>
      </c>
      <c r="H42183" s="1" t="s">
        <v>144221</v>
      </c>
      <c r="I42183" s="1" t="s">
        <v>142575</v>
      </c>
      <c r="J42183" s="1" t="s">
        <v>144242</v>
      </c>
    </row>
    <row r="42184" spans="1:10" x14ac:dyDescent="0.35">
      <c r="A42184" s="1" t="s">
        <v>2155</v>
      </c>
      <c r="B42184" s="1" t="s">
        <v>142570</v>
      </c>
      <c r="C42184" s="1" t="s">
        <v>50</v>
      </c>
      <c r="D42184" s="1" t="s">
        <v>48282</v>
      </c>
      <c r="E42184" s="1" t="s">
        <v>144243</v>
      </c>
      <c r="F42184" s="1" t="s">
        <v>144244</v>
      </c>
      <c r="G42184" s="1" t="s">
        <v>144220</v>
      </c>
      <c r="H42184" s="1" t="s">
        <v>144221</v>
      </c>
      <c r="I42184" s="1" t="s">
        <v>142575</v>
      </c>
      <c r="J42184" s="1" t="s">
        <v>144245</v>
      </c>
    </row>
    <row r="42185" spans="1:10" x14ac:dyDescent="0.35">
      <c r="A42185" s="1" t="s">
        <v>2155</v>
      </c>
      <c r="B42185" s="1" t="s">
        <v>142570</v>
      </c>
      <c r="C42185" s="1" t="s">
        <v>55</v>
      </c>
      <c r="D42185" s="1" t="s">
        <v>110100</v>
      </c>
      <c r="E42185" s="1" t="s">
        <v>144246</v>
      </c>
      <c r="F42185" s="1" t="s">
        <v>92985</v>
      </c>
      <c r="G42185" s="1" t="s">
        <v>144220</v>
      </c>
      <c r="H42185" s="1" t="s">
        <v>144221</v>
      </c>
      <c r="I42185" s="1" t="s">
        <v>142575</v>
      </c>
      <c r="J42185" s="1" t="s">
        <v>80443</v>
      </c>
    </row>
    <row r="42186" spans="1:10" x14ac:dyDescent="0.35">
      <c r="A42186" s="1" t="s">
        <v>2155</v>
      </c>
      <c r="B42186" s="1" t="s">
        <v>142570</v>
      </c>
      <c r="C42186" s="1" t="s">
        <v>60</v>
      </c>
      <c r="D42186" s="1" t="s">
        <v>29821</v>
      </c>
      <c r="E42186" s="1" t="s">
        <v>144247</v>
      </c>
      <c r="F42186" s="1" t="s">
        <v>144248</v>
      </c>
      <c r="G42186" s="1" t="s">
        <v>144220</v>
      </c>
      <c r="H42186" s="1" t="s">
        <v>144221</v>
      </c>
      <c r="I42186" s="1" t="s">
        <v>142575</v>
      </c>
      <c r="J42186" s="1" t="s">
        <v>144249</v>
      </c>
    </row>
    <row r="42187" spans="1:10" x14ac:dyDescent="0.35">
      <c r="A42187" s="1" t="s">
        <v>2155</v>
      </c>
      <c r="B42187" s="1" t="s">
        <v>142570</v>
      </c>
      <c r="C42187" s="1" t="s">
        <v>65</v>
      </c>
      <c r="D42187" s="1" t="s">
        <v>144250</v>
      </c>
      <c r="E42187" s="1" t="s">
        <v>144251</v>
      </c>
      <c r="F42187" s="1" t="s">
        <v>144252</v>
      </c>
      <c r="G42187" s="1" t="s">
        <v>144220</v>
      </c>
      <c r="H42187" s="1" t="s">
        <v>144221</v>
      </c>
      <c r="I42187" s="1" t="s">
        <v>142575</v>
      </c>
      <c r="J42187" s="1" t="s">
        <v>144253</v>
      </c>
    </row>
    <row r="42188" spans="1:10" x14ac:dyDescent="0.35">
      <c r="A42188" s="1" t="s">
        <v>2155</v>
      </c>
      <c r="B42188" s="1" t="s">
        <v>142570</v>
      </c>
      <c r="C42188" s="1" t="s">
        <v>70</v>
      </c>
      <c r="D42188" s="1" t="s">
        <v>144254</v>
      </c>
      <c r="E42188" s="1" t="s">
        <v>144255</v>
      </c>
      <c r="F42188" s="1" t="s">
        <v>144256</v>
      </c>
      <c r="G42188" s="1" t="s">
        <v>144220</v>
      </c>
      <c r="H42188" s="1" t="s">
        <v>144221</v>
      </c>
      <c r="I42188" s="1" t="s">
        <v>142575</v>
      </c>
      <c r="J42188" s="1" t="s">
        <v>143832</v>
      </c>
    </row>
    <row r="42189" spans="1:10" x14ac:dyDescent="0.35">
      <c r="A42189" s="1" t="s">
        <v>2155</v>
      </c>
      <c r="B42189" s="1" t="s">
        <v>142570</v>
      </c>
      <c r="C42189" s="1" t="s">
        <v>75</v>
      </c>
      <c r="D42189" s="1" t="s">
        <v>144257</v>
      </c>
      <c r="E42189" s="1" t="s">
        <v>144258</v>
      </c>
      <c r="F42189" s="1" t="s">
        <v>144259</v>
      </c>
      <c r="G42189" s="1" t="s">
        <v>144220</v>
      </c>
      <c r="H42189" s="1" t="s">
        <v>144221</v>
      </c>
      <c r="I42189" s="1" t="s">
        <v>142575</v>
      </c>
      <c r="J42189" s="1" t="s">
        <v>144260</v>
      </c>
    </row>
    <row r="42190" spans="1:10" x14ac:dyDescent="0.35">
      <c r="A42190" s="1" t="s">
        <v>2155</v>
      </c>
      <c r="B42190" s="1" t="s">
        <v>142570</v>
      </c>
      <c r="C42190" s="1" t="s">
        <v>80</v>
      </c>
      <c r="D42190" s="1" t="s">
        <v>5087</v>
      </c>
      <c r="E42190" s="1" t="s">
        <v>144261</v>
      </c>
      <c r="F42190" s="1" t="s">
        <v>144262</v>
      </c>
      <c r="G42190" s="1" t="s">
        <v>144220</v>
      </c>
      <c r="H42190" s="1" t="s">
        <v>144221</v>
      </c>
      <c r="I42190" s="1" t="s">
        <v>142575</v>
      </c>
      <c r="J42190" s="1" t="s">
        <v>144263</v>
      </c>
    </row>
    <row r="42191" spans="1:10" x14ac:dyDescent="0.35">
      <c r="A42191" s="1" t="s">
        <v>2155</v>
      </c>
      <c r="B42191" s="1" t="s">
        <v>142570</v>
      </c>
      <c r="C42191" s="1" t="s">
        <v>85</v>
      </c>
      <c r="D42191" s="1" t="s">
        <v>111627</v>
      </c>
      <c r="E42191" s="1" t="s">
        <v>144264</v>
      </c>
      <c r="F42191" s="1" t="s">
        <v>144265</v>
      </c>
      <c r="G42191" s="1" t="s">
        <v>144220</v>
      </c>
      <c r="H42191" s="1" t="s">
        <v>144221</v>
      </c>
      <c r="I42191" s="1" t="s">
        <v>142575</v>
      </c>
      <c r="J42191" s="1" t="s">
        <v>144266</v>
      </c>
    </row>
    <row r="42192" spans="1:10" x14ac:dyDescent="0.35">
      <c r="A42192" s="1" t="s">
        <v>2155</v>
      </c>
      <c r="B42192" s="1" t="s">
        <v>142570</v>
      </c>
      <c r="C42192" s="1" t="s">
        <v>90</v>
      </c>
      <c r="D42192" s="1" t="s">
        <v>112595</v>
      </c>
      <c r="E42192" s="1" t="s">
        <v>144267</v>
      </c>
      <c r="F42192" s="1" t="s">
        <v>144268</v>
      </c>
      <c r="G42192" s="1" t="s">
        <v>144220</v>
      </c>
      <c r="H42192" s="1" t="s">
        <v>144221</v>
      </c>
      <c r="I42192" s="1" t="s">
        <v>142575</v>
      </c>
      <c r="J42192" s="1" t="s">
        <v>144269</v>
      </c>
    </row>
    <row r="42193" spans="1:10" x14ac:dyDescent="0.35">
      <c r="A42193" s="1" t="s">
        <v>2155</v>
      </c>
      <c r="B42193" s="1" t="s">
        <v>142570</v>
      </c>
      <c r="C42193" s="1" t="s">
        <v>95</v>
      </c>
      <c r="D42193" s="1" t="s">
        <v>29227</v>
      </c>
      <c r="E42193" s="1" t="s">
        <v>144270</v>
      </c>
      <c r="F42193" s="1" t="s">
        <v>144271</v>
      </c>
      <c r="G42193" s="1" t="s">
        <v>144220</v>
      </c>
      <c r="H42193" s="1" t="s">
        <v>144221</v>
      </c>
      <c r="I42193" s="1" t="s">
        <v>142575</v>
      </c>
      <c r="J42193" s="1" t="s">
        <v>144272</v>
      </c>
    </row>
    <row r="42194" spans="1:10" x14ac:dyDescent="0.35">
      <c r="A42194" s="1" t="s">
        <v>2155</v>
      </c>
      <c r="B42194" s="1" t="s">
        <v>142570</v>
      </c>
      <c r="C42194" s="1" t="s">
        <v>100</v>
      </c>
      <c r="D42194" s="1" t="s">
        <v>118486</v>
      </c>
      <c r="E42194" s="1" t="s">
        <v>144246</v>
      </c>
      <c r="F42194" s="1" t="s">
        <v>144273</v>
      </c>
      <c r="G42194" s="1" t="s">
        <v>144220</v>
      </c>
      <c r="H42194" s="1" t="s">
        <v>144221</v>
      </c>
      <c r="I42194" s="1" t="s">
        <v>142575</v>
      </c>
      <c r="J42194" s="1" t="s">
        <v>144274</v>
      </c>
    </row>
    <row r="42195" spans="1:10" x14ac:dyDescent="0.35">
      <c r="A42195" s="1" t="s">
        <v>2155</v>
      </c>
      <c r="B42195" s="1" t="s">
        <v>142570</v>
      </c>
      <c r="C42195" s="1" t="s">
        <v>105</v>
      </c>
      <c r="D42195" s="1" t="s">
        <v>116370</v>
      </c>
      <c r="E42195" s="1" t="s">
        <v>144275</v>
      </c>
      <c r="F42195" s="1" t="s">
        <v>144276</v>
      </c>
      <c r="G42195" s="1" t="s">
        <v>144220</v>
      </c>
      <c r="H42195" s="1" t="s">
        <v>144221</v>
      </c>
      <c r="I42195" s="1" t="s">
        <v>142575</v>
      </c>
      <c r="J42195" s="1" t="s">
        <v>144277</v>
      </c>
    </row>
    <row r="42196" spans="1:10" x14ac:dyDescent="0.35">
      <c r="A42196" s="1" t="s">
        <v>2155</v>
      </c>
      <c r="B42196" s="1" t="s">
        <v>142570</v>
      </c>
      <c r="C42196" s="1" t="s">
        <v>110</v>
      </c>
      <c r="D42196" s="1" t="s">
        <v>14522</v>
      </c>
      <c r="E42196" s="1" t="s">
        <v>144278</v>
      </c>
      <c r="F42196" s="1" t="s">
        <v>144279</v>
      </c>
      <c r="G42196" s="1" t="s">
        <v>144220</v>
      </c>
      <c r="H42196" s="1" t="s">
        <v>144221</v>
      </c>
      <c r="I42196" s="1" t="s">
        <v>142575</v>
      </c>
      <c r="J42196" s="1" t="s">
        <v>144280</v>
      </c>
    </row>
    <row r="42197" spans="1:10" x14ac:dyDescent="0.35">
      <c r="A42197" s="1" t="s">
        <v>2155</v>
      </c>
      <c r="B42197" s="1" t="s">
        <v>142570</v>
      </c>
      <c r="C42197" s="1" t="s">
        <v>115</v>
      </c>
      <c r="D42197" s="1" t="s">
        <v>7942</v>
      </c>
      <c r="E42197" s="1" t="s">
        <v>144281</v>
      </c>
      <c r="F42197" s="1" t="s">
        <v>144282</v>
      </c>
      <c r="G42197" s="1" t="s">
        <v>144220</v>
      </c>
      <c r="H42197" s="1" t="s">
        <v>144221</v>
      </c>
      <c r="I42197" s="1" t="s">
        <v>142575</v>
      </c>
      <c r="J42197" s="1" t="s">
        <v>144283</v>
      </c>
    </row>
    <row r="42198" spans="1:10" x14ac:dyDescent="0.35">
      <c r="A42198" s="1" t="s">
        <v>2155</v>
      </c>
      <c r="B42198" s="1" t="s">
        <v>142570</v>
      </c>
      <c r="C42198" s="1" t="s">
        <v>120</v>
      </c>
      <c r="D42198" s="1" t="s">
        <v>111134</v>
      </c>
      <c r="E42198" s="1" t="s">
        <v>144284</v>
      </c>
      <c r="F42198" s="1" t="s">
        <v>144285</v>
      </c>
      <c r="G42198" s="1" t="s">
        <v>144220</v>
      </c>
      <c r="H42198" s="1" t="s">
        <v>144221</v>
      </c>
      <c r="I42198" s="1" t="s">
        <v>142575</v>
      </c>
      <c r="J42198" s="1" t="s">
        <v>144286</v>
      </c>
    </row>
    <row r="42199" spans="1:10" x14ac:dyDescent="0.35">
      <c r="A42199" s="1" t="s">
        <v>2155</v>
      </c>
      <c r="B42199" s="1" t="s">
        <v>142570</v>
      </c>
      <c r="C42199" s="1" t="s">
        <v>125</v>
      </c>
      <c r="D42199" s="1" t="s">
        <v>144287</v>
      </c>
      <c r="E42199" s="1" t="s">
        <v>144288</v>
      </c>
      <c r="F42199" s="1" t="s">
        <v>144289</v>
      </c>
      <c r="G42199" s="1" t="s">
        <v>144220</v>
      </c>
      <c r="H42199" s="1" t="s">
        <v>144221</v>
      </c>
      <c r="I42199" s="1" t="s">
        <v>142575</v>
      </c>
      <c r="J42199" s="1" t="s">
        <v>144290</v>
      </c>
    </row>
    <row r="42200" spans="1:10" x14ac:dyDescent="0.35">
      <c r="A42200" s="1" t="s">
        <v>2155</v>
      </c>
      <c r="B42200" s="1" t="s">
        <v>142570</v>
      </c>
      <c r="C42200" s="1" t="s">
        <v>130</v>
      </c>
      <c r="D42200" s="1" t="s">
        <v>49490</v>
      </c>
      <c r="E42200" s="1" t="s">
        <v>144291</v>
      </c>
      <c r="F42200" s="1" t="s">
        <v>144292</v>
      </c>
      <c r="G42200" s="1" t="s">
        <v>144220</v>
      </c>
      <c r="H42200" s="1" t="s">
        <v>144221</v>
      </c>
      <c r="I42200" s="1" t="s">
        <v>142575</v>
      </c>
      <c r="J42200" s="1" t="s">
        <v>144293</v>
      </c>
    </row>
    <row r="42201" spans="1:10" x14ac:dyDescent="0.35">
      <c r="A42201" s="1" t="s">
        <v>2155</v>
      </c>
      <c r="B42201" s="1" t="s">
        <v>142570</v>
      </c>
      <c r="C42201" s="1" t="s">
        <v>135</v>
      </c>
      <c r="D42201" s="1" t="s">
        <v>144294</v>
      </c>
      <c r="E42201" s="1" t="s">
        <v>144295</v>
      </c>
      <c r="F42201" s="1" t="s">
        <v>144296</v>
      </c>
      <c r="G42201" s="1" t="s">
        <v>144220</v>
      </c>
      <c r="H42201" s="1" t="s">
        <v>144221</v>
      </c>
      <c r="I42201" s="1" t="s">
        <v>142575</v>
      </c>
      <c r="J42201" s="1" t="s">
        <v>144297</v>
      </c>
    </row>
    <row r="42202" spans="1:10" x14ac:dyDescent="0.35">
      <c r="A42202" s="1" t="s">
        <v>2155</v>
      </c>
      <c r="B42202" s="1" t="s">
        <v>142570</v>
      </c>
      <c r="C42202" s="1" t="s">
        <v>140</v>
      </c>
      <c r="D42202" s="1" t="s">
        <v>144298</v>
      </c>
      <c r="E42202" s="1" t="s">
        <v>144299</v>
      </c>
      <c r="F42202" s="1" t="s">
        <v>144300</v>
      </c>
      <c r="G42202" s="1" t="s">
        <v>144220</v>
      </c>
      <c r="H42202" s="1" t="s">
        <v>144221</v>
      </c>
      <c r="I42202" s="1" t="s">
        <v>142575</v>
      </c>
      <c r="J42202" s="1" t="s">
        <v>144301</v>
      </c>
    </row>
    <row r="42203" spans="1:10" x14ac:dyDescent="0.35">
      <c r="A42203" s="1" t="s">
        <v>2155</v>
      </c>
      <c r="B42203" s="1" t="s">
        <v>142570</v>
      </c>
      <c r="C42203" s="1" t="s">
        <v>145</v>
      </c>
      <c r="D42203" s="1" t="s">
        <v>116256</v>
      </c>
      <c r="E42203" s="1" t="s">
        <v>144302</v>
      </c>
      <c r="F42203" s="1" t="s">
        <v>144303</v>
      </c>
      <c r="G42203" s="1" t="s">
        <v>144220</v>
      </c>
      <c r="H42203" s="1" t="s">
        <v>144221</v>
      </c>
      <c r="I42203" s="1" t="s">
        <v>142575</v>
      </c>
      <c r="J42203" s="1" t="s">
        <v>144304</v>
      </c>
    </row>
    <row r="42204" spans="1:10" x14ac:dyDescent="0.35">
      <c r="A42204" s="1" t="s">
        <v>2155</v>
      </c>
      <c r="B42204" s="1" t="s">
        <v>142570</v>
      </c>
      <c r="C42204" s="1" t="s">
        <v>150</v>
      </c>
      <c r="D42204" s="1" t="s">
        <v>144305</v>
      </c>
      <c r="E42204" s="1" t="s">
        <v>144306</v>
      </c>
      <c r="F42204" s="1" t="s">
        <v>144307</v>
      </c>
      <c r="G42204" s="1" t="s">
        <v>144220</v>
      </c>
      <c r="H42204" s="1" t="s">
        <v>144221</v>
      </c>
      <c r="I42204" s="1" t="s">
        <v>142575</v>
      </c>
      <c r="J42204" s="1" t="s">
        <v>144308</v>
      </c>
    </row>
    <row r="42205" spans="1:10" x14ac:dyDescent="0.35">
      <c r="A42205" s="1" t="s">
        <v>2155</v>
      </c>
      <c r="B42205" s="1" t="s">
        <v>142570</v>
      </c>
      <c r="C42205" s="1" t="s">
        <v>155</v>
      </c>
      <c r="D42205" s="1" t="s">
        <v>33805</v>
      </c>
      <c r="E42205" s="1" t="s">
        <v>144309</v>
      </c>
      <c r="F42205" s="1" t="s">
        <v>144310</v>
      </c>
      <c r="G42205" s="1" t="s">
        <v>144220</v>
      </c>
      <c r="H42205" s="1" t="s">
        <v>144221</v>
      </c>
      <c r="I42205" s="1" t="s">
        <v>142575</v>
      </c>
      <c r="J42205" s="1" t="s">
        <v>144311</v>
      </c>
    </row>
    <row r="42206" spans="1:10" x14ac:dyDescent="0.35">
      <c r="A42206" s="1" t="s">
        <v>2155</v>
      </c>
      <c r="B42206" s="1" t="s">
        <v>142570</v>
      </c>
      <c r="C42206" s="1" t="s">
        <v>160</v>
      </c>
      <c r="D42206" s="1" t="s">
        <v>74798</v>
      </c>
      <c r="E42206" s="1" t="s">
        <v>144312</v>
      </c>
      <c r="F42206" s="1" t="s">
        <v>144313</v>
      </c>
      <c r="G42206" s="1" t="s">
        <v>144220</v>
      </c>
      <c r="H42206" s="1" t="s">
        <v>144221</v>
      </c>
      <c r="I42206" s="1" t="s">
        <v>142575</v>
      </c>
      <c r="J42206" s="1" t="s">
        <v>144314</v>
      </c>
    </row>
    <row r="42207" spans="1:10" x14ac:dyDescent="0.35">
      <c r="A42207" s="1" t="s">
        <v>2155</v>
      </c>
      <c r="B42207" s="1" t="s">
        <v>142570</v>
      </c>
      <c r="C42207" s="1" t="s">
        <v>165</v>
      </c>
      <c r="D42207" s="1" t="s">
        <v>144315</v>
      </c>
      <c r="E42207" s="1" t="s">
        <v>144316</v>
      </c>
      <c r="F42207" s="1" t="s">
        <v>144317</v>
      </c>
      <c r="G42207" s="1" t="s">
        <v>144220</v>
      </c>
      <c r="H42207" s="1" t="s">
        <v>144221</v>
      </c>
      <c r="I42207" s="1" t="s">
        <v>142575</v>
      </c>
      <c r="J42207" s="1" t="s">
        <v>144318</v>
      </c>
    </row>
    <row r="42208" spans="1:10" x14ac:dyDescent="0.35">
      <c r="A42208" s="1" t="s">
        <v>2155</v>
      </c>
      <c r="B42208" s="1" t="s">
        <v>142570</v>
      </c>
      <c r="C42208" s="1" t="s">
        <v>170</v>
      </c>
      <c r="D42208" s="1" t="s">
        <v>50839</v>
      </c>
      <c r="E42208" s="1" t="s">
        <v>144319</v>
      </c>
      <c r="F42208" s="1" t="s">
        <v>144320</v>
      </c>
      <c r="G42208" s="1" t="s">
        <v>144220</v>
      </c>
      <c r="H42208" s="1" t="s">
        <v>144221</v>
      </c>
      <c r="I42208" s="1" t="s">
        <v>142575</v>
      </c>
      <c r="J42208" s="1" t="s">
        <v>144321</v>
      </c>
    </row>
    <row r="42209" spans="1:10" x14ac:dyDescent="0.35">
      <c r="A42209" s="1" t="s">
        <v>3581</v>
      </c>
      <c r="B42209" s="1" t="s">
        <v>142570</v>
      </c>
      <c r="C42209" s="1" t="s">
        <v>8</v>
      </c>
      <c r="D42209" s="1" t="s">
        <v>10183</v>
      </c>
      <c r="E42209" s="1" t="s">
        <v>144322</v>
      </c>
      <c r="F42209" s="1" t="s">
        <v>144323</v>
      </c>
      <c r="G42209" s="1" t="s">
        <v>144324</v>
      </c>
      <c r="H42209" s="1" t="s">
        <v>144325</v>
      </c>
      <c r="I42209" s="1" t="s">
        <v>142575</v>
      </c>
      <c r="J42209" s="1" t="s">
        <v>13</v>
      </c>
    </row>
    <row r="42210" spans="1:10" x14ac:dyDescent="0.35">
      <c r="A42210" s="1" t="s">
        <v>3581</v>
      </c>
      <c r="B42210" s="1" t="s">
        <v>142570</v>
      </c>
      <c r="C42210" s="1" t="s">
        <v>15</v>
      </c>
      <c r="D42210" s="1" t="s">
        <v>110346</v>
      </c>
      <c r="E42210" s="1" t="s">
        <v>144326</v>
      </c>
      <c r="F42210" s="1" t="s">
        <v>144327</v>
      </c>
      <c r="G42210" s="1" t="s">
        <v>144324</v>
      </c>
      <c r="H42210" s="1" t="s">
        <v>144325</v>
      </c>
      <c r="I42210" s="1" t="s">
        <v>142575</v>
      </c>
      <c r="J42210" s="1" t="s">
        <v>144328</v>
      </c>
    </row>
    <row r="42211" spans="1:10" x14ac:dyDescent="0.35">
      <c r="A42211" s="1" t="s">
        <v>3581</v>
      </c>
      <c r="B42211" s="1" t="s">
        <v>142570</v>
      </c>
      <c r="C42211" s="1" t="s">
        <v>20</v>
      </c>
      <c r="D42211" s="1" t="s">
        <v>28075</v>
      </c>
      <c r="E42211" s="1" t="s">
        <v>144329</v>
      </c>
      <c r="F42211" s="1" t="s">
        <v>144330</v>
      </c>
      <c r="G42211" s="1" t="s">
        <v>144324</v>
      </c>
      <c r="H42211" s="1" t="s">
        <v>144325</v>
      </c>
      <c r="I42211" s="1" t="s">
        <v>142575</v>
      </c>
      <c r="J42211" s="1" t="s">
        <v>144331</v>
      </c>
    </row>
    <row r="42212" spans="1:10" x14ac:dyDescent="0.35">
      <c r="A42212" s="1" t="s">
        <v>3581</v>
      </c>
      <c r="B42212" s="1" t="s">
        <v>142570</v>
      </c>
      <c r="C42212" s="1" t="s">
        <v>25</v>
      </c>
      <c r="D42212" s="1" t="s">
        <v>28416</v>
      </c>
      <c r="E42212" s="1" t="s">
        <v>144332</v>
      </c>
      <c r="F42212" s="1" t="s">
        <v>144333</v>
      </c>
      <c r="G42212" s="1" t="s">
        <v>144324</v>
      </c>
      <c r="H42212" s="1" t="s">
        <v>144325</v>
      </c>
      <c r="I42212" s="1" t="s">
        <v>142575</v>
      </c>
      <c r="J42212" s="1" t="s">
        <v>144334</v>
      </c>
    </row>
    <row r="42213" spans="1:10" x14ac:dyDescent="0.35">
      <c r="A42213" s="1" t="s">
        <v>3581</v>
      </c>
      <c r="B42213" s="1" t="s">
        <v>142570</v>
      </c>
      <c r="C42213" s="1" t="s">
        <v>30</v>
      </c>
      <c r="D42213" s="1" t="s">
        <v>142479</v>
      </c>
      <c r="E42213" s="1" t="s">
        <v>144335</v>
      </c>
      <c r="F42213" s="1" t="s">
        <v>144336</v>
      </c>
      <c r="G42213" s="1" t="s">
        <v>144324</v>
      </c>
      <c r="H42213" s="1" t="s">
        <v>144325</v>
      </c>
      <c r="I42213" s="1" t="s">
        <v>142575</v>
      </c>
      <c r="J42213" s="1" t="s">
        <v>144337</v>
      </c>
    </row>
    <row r="42214" spans="1:10" x14ac:dyDescent="0.35">
      <c r="A42214" s="1" t="s">
        <v>3581</v>
      </c>
      <c r="B42214" s="1" t="s">
        <v>142570</v>
      </c>
      <c r="C42214" s="1" t="s">
        <v>35</v>
      </c>
      <c r="D42214" s="1" t="s">
        <v>144338</v>
      </c>
      <c r="E42214" s="1" t="s">
        <v>144339</v>
      </c>
      <c r="F42214" s="1" t="s">
        <v>144340</v>
      </c>
      <c r="G42214" s="1" t="s">
        <v>144324</v>
      </c>
      <c r="H42214" s="1" t="s">
        <v>144325</v>
      </c>
      <c r="I42214" s="1" t="s">
        <v>142575</v>
      </c>
      <c r="J42214" s="1" t="s">
        <v>144341</v>
      </c>
    </row>
    <row r="42215" spans="1:10" x14ac:dyDescent="0.35">
      <c r="A42215" s="1" t="s">
        <v>3581</v>
      </c>
      <c r="B42215" s="1" t="s">
        <v>142570</v>
      </c>
      <c r="C42215" s="1" t="s">
        <v>40</v>
      </c>
      <c r="D42215" s="1" t="s">
        <v>14157</v>
      </c>
      <c r="E42215" s="1" t="s">
        <v>144342</v>
      </c>
      <c r="F42215" s="1" t="s">
        <v>144343</v>
      </c>
      <c r="G42215" s="1" t="s">
        <v>144324</v>
      </c>
      <c r="H42215" s="1" t="s">
        <v>144325</v>
      </c>
      <c r="I42215" s="1" t="s">
        <v>142575</v>
      </c>
      <c r="J42215" s="1" t="s">
        <v>144344</v>
      </c>
    </row>
    <row r="42216" spans="1:10" x14ac:dyDescent="0.35">
      <c r="A42216" s="1" t="s">
        <v>3581</v>
      </c>
      <c r="B42216" s="1" t="s">
        <v>142570</v>
      </c>
      <c r="C42216" s="1" t="s">
        <v>45</v>
      </c>
      <c r="D42216" s="1" t="s">
        <v>142479</v>
      </c>
      <c r="E42216" s="1" t="s">
        <v>144345</v>
      </c>
      <c r="F42216" s="1" t="s">
        <v>144346</v>
      </c>
      <c r="G42216" s="1" t="s">
        <v>144324</v>
      </c>
      <c r="H42216" s="1" t="s">
        <v>144325</v>
      </c>
      <c r="I42216" s="1" t="s">
        <v>142575</v>
      </c>
      <c r="J42216" s="1" t="s">
        <v>144347</v>
      </c>
    </row>
    <row r="42217" spans="1:10" x14ac:dyDescent="0.35">
      <c r="A42217" s="1" t="s">
        <v>3581</v>
      </c>
      <c r="B42217" s="1" t="s">
        <v>142570</v>
      </c>
      <c r="C42217" s="1" t="s">
        <v>50</v>
      </c>
      <c r="D42217" s="1" t="s">
        <v>143027</v>
      </c>
      <c r="E42217" s="1" t="s">
        <v>144348</v>
      </c>
      <c r="F42217" s="1" t="s">
        <v>144349</v>
      </c>
      <c r="G42217" s="1" t="s">
        <v>144324</v>
      </c>
      <c r="H42217" s="1" t="s">
        <v>144325</v>
      </c>
      <c r="I42217" s="1" t="s">
        <v>142575</v>
      </c>
      <c r="J42217" s="1" t="s">
        <v>144350</v>
      </c>
    </row>
    <row r="42218" spans="1:10" x14ac:dyDescent="0.35">
      <c r="A42218" s="1" t="s">
        <v>3581</v>
      </c>
      <c r="B42218" s="1" t="s">
        <v>142570</v>
      </c>
      <c r="C42218" s="1" t="s">
        <v>55</v>
      </c>
      <c r="D42218" s="1" t="s">
        <v>143201</v>
      </c>
      <c r="E42218" s="1" t="s">
        <v>144351</v>
      </c>
      <c r="F42218" s="1" t="s">
        <v>144352</v>
      </c>
      <c r="G42218" s="1" t="s">
        <v>144324</v>
      </c>
      <c r="H42218" s="1" t="s">
        <v>144325</v>
      </c>
      <c r="I42218" s="1" t="s">
        <v>142575</v>
      </c>
      <c r="J42218" s="1" t="s">
        <v>144353</v>
      </c>
    </row>
    <row r="42219" spans="1:10" x14ac:dyDescent="0.35">
      <c r="A42219" s="1" t="s">
        <v>3581</v>
      </c>
      <c r="B42219" s="1" t="s">
        <v>142570</v>
      </c>
      <c r="C42219" s="1" t="s">
        <v>60</v>
      </c>
      <c r="D42219" s="1" t="s">
        <v>29074</v>
      </c>
      <c r="E42219" s="1" t="s">
        <v>144354</v>
      </c>
      <c r="F42219" s="1" t="s">
        <v>144355</v>
      </c>
      <c r="G42219" s="1" t="s">
        <v>144324</v>
      </c>
      <c r="H42219" s="1" t="s">
        <v>144325</v>
      </c>
      <c r="I42219" s="1" t="s">
        <v>142575</v>
      </c>
      <c r="J42219" s="1" t="s">
        <v>144356</v>
      </c>
    </row>
    <row r="42220" spans="1:10" x14ac:dyDescent="0.35">
      <c r="A42220" s="1" t="s">
        <v>3581</v>
      </c>
      <c r="B42220" s="1" t="s">
        <v>142570</v>
      </c>
      <c r="C42220" s="1" t="s">
        <v>65</v>
      </c>
      <c r="D42220" s="1" t="s">
        <v>14240</v>
      </c>
      <c r="E42220" s="1" t="s">
        <v>144357</v>
      </c>
      <c r="F42220" s="1" t="s">
        <v>144358</v>
      </c>
      <c r="G42220" s="1" t="s">
        <v>144324</v>
      </c>
      <c r="H42220" s="1" t="s">
        <v>144325</v>
      </c>
      <c r="I42220" s="1" t="s">
        <v>142575</v>
      </c>
      <c r="J42220" s="1" t="s">
        <v>144359</v>
      </c>
    </row>
    <row r="42221" spans="1:10" x14ac:dyDescent="0.35">
      <c r="A42221" s="1" t="s">
        <v>3581</v>
      </c>
      <c r="B42221" s="1" t="s">
        <v>142570</v>
      </c>
      <c r="C42221" s="1" t="s">
        <v>70</v>
      </c>
      <c r="D42221" s="1" t="s">
        <v>9901</v>
      </c>
      <c r="E42221" s="1" t="s">
        <v>144360</v>
      </c>
      <c r="F42221" s="1" t="s">
        <v>144361</v>
      </c>
      <c r="G42221" s="1" t="s">
        <v>144324</v>
      </c>
      <c r="H42221" s="1" t="s">
        <v>144325</v>
      </c>
      <c r="I42221" s="1" t="s">
        <v>142575</v>
      </c>
      <c r="J42221" s="1" t="s">
        <v>144362</v>
      </c>
    </row>
    <row r="42222" spans="1:10" x14ac:dyDescent="0.35">
      <c r="A42222" s="1" t="s">
        <v>3581</v>
      </c>
      <c r="B42222" s="1" t="s">
        <v>142570</v>
      </c>
      <c r="C42222" s="1" t="s">
        <v>75</v>
      </c>
      <c r="D42222" s="1" t="s">
        <v>29760</v>
      </c>
      <c r="E42222" s="1" t="s">
        <v>144363</v>
      </c>
      <c r="F42222" s="1" t="s">
        <v>144364</v>
      </c>
      <c r="G42222" s="1" t="s">
        <v>144324</v>
      </c>
      <c r="H42222" s="1" t="s">
        <v>144325</v>
      </c>
      <c r="I42222" s="1" t="s">
        <v>142575</v>
      </c>
      <c r="J42222" s="1" t="s">
        <v>144365</v>
      </c>
    </row>
    <row r="42223" spans="1:10" x14ac:dyDescent="0.35">
      <c r="A42223" s="1" t="s">
        <v>3581</v>
      </c>
      <c r="B42223" s="1" t="s">
        <v>142570</v>
      </c>
      <c r="C42223" s="1" t="s">
        <v>80</v>
      </c>
      <c r="D42223" s="1" t="s">
        <v>15833</v>
      </c>
      <c r="E42223" s="1" t="s">
        <v>144366</v>
      </c>
      <c r="F42223" s="1" t="s">
        <v>144367</v>
      </c>
      <c r="G42223" s="1" t="s">
        <v>144324</v>
      </c>
      <c r="H42223" s="1" t="s">
        <v>144325</v>
      </c>
      <c r="I42223" s="1" t="s">
        <v>142575</v>
      </c>
      <c r="J42223" s="1" t="s">
        <v>144368</v>
      </c>
    </row>
    <row r="42224" spans="1:10" x14ac:dyDescent="0.35">
      <c r="A42224" s="1" t="s">
        <v>3581</v>
      </c>
      <c r="B42224" s="1" t="s">
        <v>142570</v>
      </c>
      <c r="C42224" s="1" t="s">
        <v>85</v>
      </c>
      <c r="D42224" s="1" t="s">
        <v>104307</v>
      </c>
      <c r="E42224" s="1" t="s">
        <v>144369</v>
      </c>
      <c r="F42224" s="1" t="s">
        <v>144370</v>
      </c>
      <c r="G42224" s="1" t="s">
        <v>144324</v>
      </c>
      <c r="H42224" s="1" t="s">
        <v>144325</v>
      </c>
      <c r="I42224" s="1" t="s">
        <v>142575</v>
      </c>
      <c r="J42224" s="1" t="s">
        <v>144371</v>
      </c>
    </row>
    <row r="42225" spans="1:10" x14ac:dyDescent="0.35">
      <c r="A42225" s="1" t="s">
        <v>3581</v>
      </c>
      <c r="B42225" s="1" t="s">
        <v>142570</v>
      </c>
      <c r="C42225" s="1" t="s">
        <v>90</v>
      </c>
      <c r="D42225" s="1" t="s">
        <v>10266</v>
      </c>
      <c r="E42225" s="1" t="s">
        <v>144372</v>
      </c>
      <c r="F42225" s="1" t="s">
        <v>144373</v>
      </c>
      <c r="G42225" s="1" t="s">
        <v>144324</v>
      </c>
      <c r="H42225" s="1" t="s">
        <v>144325</v>
      </c>
      <c r="I42225" s="1" t="s">
        <v>142575</v>
      </c>
      <c r="J42225" s="1" t="s">
        <v>144374</v>
      </c>
    </row>
    <row r="42226" spans="1:10" x14ac:dyDescent="0.35">
      <c r="A42226" s="1" t="s">
        <v>3581</v>
      </c>
      <c r="B42226" s="1" t="s">
        <v>142570</v>
      </c>
      <c r="C42226" s="1" t="s">
        <v>95</v>
      </c>
      <c r="D42226" s="1" t="s">
        <v>8061</v>
      </c>
      <c r="E42226" s="1" t="s">
        <v>144375</v>
      </c>
      <c r="F42226" s="1" t="s">
        <v>144376</v>
      </c>
      <c r="G42226" s="1" t="s">
        <v>144324</v>
      </c>
      <c r="H42226" s="1" t="s">
        <v>144325</v>
      </c>
      <c r="I42226" s="1" t="s">
        <v>142575</v>
      </c>
      <c r="J42226" s="1" t="s">
        <v>144377</v>
      </c>
    </row>
    <row r="42227" spans="1:10" x14ac:dyDescent="0.35">
      <c r="A42227" s="1" t="s">
        <v>3581</v>
      </c>
      <c r="B42227" s="1" t="s">
        <v>142570</v>
      </c>
      <c r="C42227" s="1" t="s">
        <v>100</v>
      </c>
      <c r="D42227" s="1" t="s">
        <v>27689</v>
      </c>
      <c r="E42227" s="1" t="s">
        <v>144378</v>
      </c>
      <c r="F42227" s="1" t="s">
        <v>144379</v>
      </c>
      <c r="G42227" s="1" t="s">
        <v>144324</v>
      </c>
      <c r="H42227" s="1" t="s">
        <v>144325</v>
      </c>
      <c r="I42227" s="1" t="s">
        <v>142575</v>
      </c>
      <c r="J42227" s="1" t="s">
        <v>144380</v>
      </c>
    </row>
    <row r="42228" spans="1:10" x14ac:dyDescent="0.35">
      <c r="A42228" s="1" t="s">
        <v>3581</v>
      </c>
      <c r="B42228" s="1" t="s">
        <v>142570</v>
      </c>
      <c r="C42228" s="1" t="s">
        <v>105</v>
      </c>
      <c r="D42228" s="1" t="s">
        <v>121419</v>
      </c>
      <c r="E42228" s="1" t="s">
        <v>144381</v>
      </c>
      <c r="F42228" s="1" t="s">
        <v>144382</v>
      </c>
      <c r="G42228" s="1" t="s">
        <v>144324</v>
      </c>
      <c r="H42228" s="1" t="s">
        <v>144325</v>
      </c>
      <c r="I42228" s="1" t="s">
        <v>142575</v>
      </c>
      <c r="J42228" s="1" t="s">
        <v>144383</v>
      </c>
    </row>
    <row r="42229" spans="1:10" x14ac:dyDescent="0.35">
      <c r="A42229" s="1" t="s">
        <v>3581</v>
      </c>
      <c r="B42229" s="1" t="s">
        <v>142570</v>
      </c>
      <c r="C42229" s="1" t="s">
        <v>110</v>
      </c>
      <c r="D42229" s="1" t="s">
        <v>144384</v>
      </c>
      <c r="E42229" s="1" t="s">
        <v>144385</v>
      </c>
      <c r="F42229" s="1" t="s">
        <v>144386</v>
      </c>
      <c r="G42229" s="1" t="s">
        <v>144324</v>
      </c>
      <c r="H42229" s="1" t="s">
        <v>144325</v>
      </c>
      <c r="I42229" s="1" t="s">
        <v>142575</v>
      </c>
      <c r="J42229" s="1" t="s">
        <v>144387</v>
      </c>
    </row>
    <row r="42230" spans="1:10" x14ac:dyDescent="0.35">
      <c r="A42230" s="1" t="s">
        <v>3581</v>
      </c>
      <c r="B42230" s="1" t="s">
        <v>142570</v>
      </c>
      <c r="C42230" s="1" t="s">
        <v>115</v>
      </c>
      <c r="D42230" s="1" t="s">
        <v>30143</v>
      </c>
      <c r="E42230" s="1" t="s">
        <v>144388</v>
      </c>
      <c r="F42230" s="1" t="s">
        <v>144389</v>
      </c>
      <c r="G42230" s="1" t="s">
        <v>144324</v>
      </c>
      <c r="H42230" s="1" t="s">
        <v>144325</v>
      </c>
      <c r="I42230" s="1" t="s">
        <v>142575</v>
      </c>
      <c r="J42230" s="1" t="s">
        <v>144390</v>
      </c>
    </row>
    <row r="42231" spans="1:10" x14ac:dyDescent="0.35">
      <c r="A42231" s="1" t="s">
        <v>3581</v>
      </c>
      <c r="B42231" s="1" t="s">
        <v>142570</v>
      </c>
      <c r="C42231" s="1" t="s">
        <v>120</v>
      </c>
      <c r="D42231" s="1" t="s">
        <v>45135</v>
      </c>
      <c r="E42231" s="1" t="s">
        <v>144391</v>
      </c>
      <c r="F42231" s="1" t="s">
        <v>144392</v>
      </c>
      <c r="G42231" s="1" t="s">
        <v>144324</v>
      </c>
      <c r="H42231" s="1" t="s">
        <v>144325</v>
      </c>
      <c r="I42231" s="1" t="s">
        <v>142575</v>
      </c>
      <c r="J42231" s="1" t="s">
        <v>144393</v>
      </c>
    </row>
    <row r="42232" spans="1:10" x14ac:dyDescent="0.35">
      <c r="A42232" s="1" t="s">
        <v>3581</v>
      </c>
      <c r="B42232" s="1" t="s">
        <v>142570</v>
      </c>
      <c r="C42232" s="1" t="s">
        <v>125</v>
      </c>
      <c r="D42232" s="1" t="s">
        <v>144394</v>
      </c>
      <c r="E42232" s="1" t="s">
        <v>144395</v>
      </c>
      <c r="F42232" s="1" t="s">
        <v>144396</v>
      </c>
      <c r="G42232" s="1" t="s">
        <v>144324</v>
      </c>
      <c r="H42232" s="1" t="s">
        <v>144325</v>
      </c>
      <c r="I42232" s="1" t="s">
        <v>142575</v>
      </c>
      <c r="J42232" s="1" t="s">
        <v>144397</v>
      </c>
    </row>
    <row r="42233" spans="1:10" x14ac:dyDescent="0.35">
      <c r="A42233" s="1" t="s">
        <v>3581</v>
      </c>
      <c r="B42233" s="1" t="s">
        <v>142570</v>
      </c>
      <c r="C42233" s="1" t="s">
        <v>130</v>
      </c>
      <c r="D42233" s="1" t="s">
        <v>5716</v>
      </c>
      <c r="E42233" s="1" t="s">
        <v>144398</v>
      </c>
      <c r="F42233" s="1" t="s">
        <v>144399</v>
      </c>
      <c r="G42233" s="1" t="s">
        <v>144324</v>
      </c>
      <c r="H42233" s="1" t="s">
        <v>144325</v>
      </c>
      <c r="I42233" s="1" t="s">
        <v>142575</v>
      </c>
      <c r="J42233" s="1" t="s">
        <v>144400</v>
      </c>
    </row>
    <row r="42234" spans="1:10" x14ac:dyDescent="0.35">
      <c r="A42234" s="1" t="s">
        <v>3581</v>
      </c>
      <c r="B42234" s="1" t="s">
        <v>142570</v>
      </c>
      <c r="C42234" s="1" t="s">
        <v>135</v>
      </c>
      <c r="D42234" s="1" t="s">
        <v>10201</v>
      </c>
      <c r="E42234" s="1" t="s">
        <v>144401</v>
      </c>
      <c r="F42234" s="1" t="s">
        <v>144402</v>
      </c>
      <c r="G42234" s="1" t="s">
        <v>144324</v>
      </c>
      <c r="H42234" s="1" t="s">
        <v>144325</v>
      </c>
      <c r="I42234" s="1" t="s">
        <v>142575</v>
      </c>
      <c r="J42234" s="1" t="s">
        <v>144403</v>
      </c>
    </row>
    <row r="42235" spans="1:10" x14ac:dyDescent="0.35">
      <c r="A42235" s="1" t="s">
        <v>3581</v>
      </c>
      <c r="B42235" s="1" t="s">
        <v>142570</v>
      </c>
      <c r="C42235" s="1" t="s">
        <v>140</v>
      </c>
      <c r="D42235" s="1" t="s">
        <v>144404</v>
      </c>
      <c r="E42235" s="1" t="s">
        <v>144405</v>
      </c>
      <c r="F42235" s="1" t="s">
        <v>144406</v>
      </c>
      <c r="G42235" s="1" t="s">
        <v>144324</v>
      </c>
      <c r="H42235" s="1" t="s">
        <v>144325</v>
      </c>
      <c r="I42235" s="1" t="s">
        <v>142575</v>
      </c>
      <c r="J42235" s="1" t="s">
        <v>144407</v>
      </c>
    </row>
    <row r="42236" spans="1:10" x14ac:dyDescent="0.35">
      <c r="A42236" s="1" t="s">
        <v>3581</v>
      </c>
      <c r="B42236" s="1" t="s">
        <v>142570</v>
      </c>
      <c r="C42236" s="1" t="s">
        <v>145</v>
      </c>
      <c r="D42236" s="1" t="s">
        <v>27859</v>
      </c>
      <c r="E42236" s="1" t="s">
        <v>144408</v>
      </c>
      <c r="F42236" s="1" t="s">
        <v>144409</v>
      </c>
      <c r="G42236" s="1" t="s">
        <v>144324</v>
      </c>
      <c r="H42236" s="1" t="s">
        <v>144325</v>
      </c>
      <c r="I42236" s="1" t="s">
        <v>142575</v>
      </c>
      <c r="J42236" s="1" t="s">
        <v>144410</v>
      </c>
    </row>
    <row r="42237" spans="1:10" x14ac:dyDescent="0.35">
      <c r="A42237" s="1" t="s">
        <v>3581</v>
      </c>
      <c r="B42237" s="1" t="s">
        <v>142570</v>
      </c>
      <c r="C42237" s="1" t="s">
        <v>150</v>
      </c>
      <c r="D42237" s="1" t="s">
        <v>4793</v>
      </c>
      <c r="E42237" s="1" t="s">
        <v>144411</v>
      </c>
      <c r="F42237" s="1" t="s">
        <v>144412</v>
      </c>
      <c r="G42237" s="1" t="s">
        <v>144324</v>
      </c>
      <c r="H42237" s="1" t="s">
        <v>144325</v>
      </c>
      <c r="I42237" s="1" t="s">
        <v>142575</v>
      </c>
      <c r="J42237" s="1" t="s">
        <v>144413</v>
      </c>
    </row>
    <row r="42238" spans="1:10" x14ac:dyDescent="0.35">
      <c r="A42238" s="1" t="s">
        <v>3581</v>
      </c>
      <c r="B42238" s="1" t="s">
        <v>142570</v>
      </c>
      <c r="C42238" s="1" t="s">
        <v>155</v>
      </c>
      <c r="D42238" s="1" t="s">
        <v>27820</v>
      </c>
      <c r="E42238" s="1" t="s">
        <v>144414</v>
      </c>
      <c r="F42238" s="1" t="s">
        <v>144415</v>
      </c>
      <c r="G42238" s="1" t="s">
        <v>144324</v>
      </c>
      <c r="H42238" s="1" t="s">
        <v>144325</v>
      </c>
      <c r="I42238" s="1" t="s">
        <v>142575</v>
      </c>
      <c r="J42238" s="1" t="s">
        <v>144416</v>
      </c>
    </row>
    <row r="42239" spans="1:10" x14ac:dyDescent="0.35">
      <c r="A42239" s="1" t="s">
        <v>3581</v>
      </c>
      <c r="B42239" s="1" t="s">
        <v>142570</v>
      </c>
      <c r="C42239" s="1" t="s">
        <v>160</v>
      </c>
      <c r="D42239" s="1" t="s">
        <v>4701</v>
      </c>
      <c r="E42239" s="1" t="s">
        <v>144417</v>
      </c>
      <c r="F42239" s="1" t="s">
        <v>144418</v>
      </c>
      <c r="G42239" s="1" t="s">
        <v>144324</v>
      </c>
      <c r="H42239" s="1" t="s">
        <v>144325</v>
      </c>
      <c r="I42239" s="1" t="s">
        <v>142575</v>
      </c>
      <c r="J42239" s="1" t="s">
        <v>144419</v>
      </c>
    </row>
    <row r="42240" spans="1:10" x14ac:dyDescent="0.35">
      <c r="A42240" s="1" t="s">
        <v>3581</v>
      </c>
      <c r="B42240" s="1" t="s">
        <v>142570</v>
      </c>
      <c r="C42240" s="1" t="s">
        <v>165</v>
      </c>
      <c r="D42240" s="1" t="s">
        <v>143379</v>
      </c>
      <c r="E42240" s="1" t="s">
        <v>144420</v>
      </c>
      <c r="F42240" s="1" t="s">
        <v>144421</v>
      </c>
      <c r="G42240" s="1" t="s">
        <v>144324</v>
      </c>
      <c r="H42240" s="1" t="s">
        <v>144325</v>
      </c>
      <c r="I42240" s="1" t="s">
        <v>142575</v>
      </c>
      <c r="J42240" s="1" t="s">
        <v>144422</v>
      </c>
    </row>
    <row r="42241" spans="1:10" x14ac:dyDescent="0.35">
      <c r="A42241" s="1" t="s">
        <v>3581</v>
      </c>
      <c r="B42241" s="1" t="s">
        <v>142570</v>
      </c>
      <c r="C42241" s="1" t="s">
        <v>170</v>
      </c>
      <c r="D42241" s="1" t="s">
        <v>112685</v>
      </c>
      <c r="E42241" s="1" t="s">
        <v>144423</v>
      </c>
      <c r="F42241" s="1" t="s">
        <v>144424</v>
      </c>
      <c r="G42241" s="1" t="s">
        <v>144324</v>
      </c>
      <c r="H42241" s="1" t="s">
        <v>144325</v>
      </c>
      <c r="I42241" s="1" t="s">
        <v>142575</v>
      </c>
      <c r="J42241" s="1" t="s">
        <v>144425</v>
      </c>
    </row>
    <row r="42242" spans="1:10" x14ac:dyDescent="0.35">
      <c r="A42242" s="1" t="s">
        <v>12959</v>
      </c>
      <c r="B42242" s="1" t="s">
        <v>142570</v>
      </c>
      <c r="C42242" s="1" t="s">
        <v>8</v>
      </c>
      <c r="D42242" s="1" t="s">
        <v>29610</v>
      </c>
      <c r="E42242" s="1" t="s">
        <v>144426</v>
      </c>
      <c r="F42242" s="1" t="s">
        <v>144427</v>
      </c>
      <c r="G42242" s="1" t="s">
        <v>144428</v>
      </c>
      <c r="H42242" s="1" t="s">
        <v>144429</v>
      </c>
      <c r="I42242" s="1" t="s">
        <v>142575</v>
      </c>
      <c r="J42242" s="1" t="s">
        <v>13</v>
      </c>
    </row>
    <row r="42243" spans="1:10" x14ac:dyDescent="0.35">
      <c r="A42243" s="1" t="s">
        <v>12959</v>
      </c>
      <c r="B42243" s="1" t="s">
        <v>142570</v>
      </c>
      <c r="C42243" s="1" t="s">
        <v>15</v>
      </c>
      <c r="D42243" s="1" t="s">
        <v>1142</v>
      </c>
      <c r="E42243" s="1" t="s">
        <v>144430</v>
      </c>
      <c r="F42243" s="1" t="s">
        <v>144431</v>
      </c>
      <c r="G42243" s="1" t="s">
        <v>144428</v>
      </c>
      <c r="H42243" s="1" t="s">
        <v>144429</v>
      </c>
      <c r="I42243" s="1" t="s">
        <v>142575</v>
      </c>
      <c r="J42243" s="1" t="s">
        <v>144432</v>
      </c>
    </row>
    <row r="42244" spans="1:10" x14ac:dyDescent="0.35">
      <c r="A42244" s="1" t="s">
        <v>12959</v>
      </c>
      <c r="B42244" s="1" t="s">
        <v>142570</v>
      </c>
      <c r="C42244" s="1" t="s">
        <v>20</v>
      </c>
      <c r="D42244" s="1" t="s">
        <v>7342</v>
      </c>
      <c r="E42244" s="1" t="s">
        <v>144433</v>
      </c>
      <c r="F42244" s="1" t="s">
        <v>144434</v>
      </c>
      <c r="G42244" s="1" t="s">
        <v>144428</v>
      </c>
      <c r="H42244" s="1" t="s">
        <v>144429</v>
      </c>
      <c r="I42244" s="1" t="s">
        <v>142575</v>
      </c>
      <c r="J42244" s="1" t="s">
        <v>144435</v>
      </c>
    </row>
    <row r="42245" spans="1:10" x14ac:dyDescent="0.35">
      <c r="A42245" s="1" t="s">
        <v>12959</v>
      </c>
      <c r="B42245" s="1" t="s">
        <v>142570</v>
      </c>
      <c r="C42245" s="1" t="s">
        <v>25</v>
      </c>
      <c r="D42245" s="1" t="s">
        <v>8426</v>
      </c>
      <c r="E42245" s="1" t="s">
        <v>144436</v>
      </c>
      <c r="F42245" s="1" t="s">
        <v>144437</v>
      </c>
      <c r="G42245" s="1" t="s">
        <v>144428</v>
      </c>
      <c r="H42245" s="1" t="s">
        <v>144429</v>
      </c>
      <c r="I42245" s="1" t="s">
        <v>142575</v>
      </c>
      <c r="J42245" s="1" t="s">
        <v>144438</v>
      </c>
    </row>
    <row r="42246" spans="1:10" x14ac:dyDescent="0.35">
      <c r="A42246" s="1" t="s">
        <v>12959</v>
      </c>
      <c r="B42246" s="1" t="s">
        <v>142570</v>
      </c>
      <c r="C42246" s="1" t="s">
        <v>30</v>
      </c>
      <c r="D42246" s="1" t="s">
        <v>12032</v>
      </c>
      <c r="E42246" s="1" t="s">
        <v>144439</v>
      </c>
      <c r="F42246" s="1" t="s">
        <v>144440</v>
      </c>
      <c r="G42246" s="1" t="s">
        <v>144428</v>
      </c>
      <c r="H42246" s="1" t="s">
        <v>144429</v>
      </c>
      <c r="I42246" s="1" t="s">
        <v>142575</v>
      </c>
      <c r="J42246" s="1" t="s">
        <v>144441</v>
      </c>
    </row>
    <row r="42247" spans="1:10" x14ac:dyDescent="0.35">
      <c r="A42247" s="1" t="s">
        <v>12959</v>
      </c>
      <c r="B42247" s="1" t="s">
        <v>142570</v>
      </c>
      <c r="C42247" s="1" t="s">
        <v>35</v>
      </c>
      <c r="D42247" s="1" t="s">
        <v>144442</v>
      </c>
      <c r="E42247" s="1" t="s">
        <v>144443</v>
      </c>
      <c r="F42247" s="1" t="s">
        <v>144444</v>
      </c>
      <c r="G42247" s="1" t="s">
        <v>144428</v>
      </c>
      <c r="H42247" s="1" t="s">
        <v>144429</v>
      </c>
      <c r="I42247" s="1" t="s">
        <v>142575</v>
      </c>
      <c r="J42247" s="1" t="s">
        <v>144445</v>
      </c>
    </row>
    <row r="42248" spans="1:10" x14ac:dyDescent="0.35">
      <c r="A42248" s="1" t="s">
        <v>12959</v>
      </c>
      <c r="B42248" s="1" t="s">
        <v>142570</v>
      </c>
      <c r="C42248" s="1" t="s">
        <v>40</v>
      </c>
      <c r="D42248" s="1" t="s">
        <v>13166</v>
      </c>
      <c r="E42248" s="1" t="s">
        <v>144446</v>
      </c>
      <c r="F42248" s="1" t="s">
        <v>144447</v>
      </c>
      <c r="G42248" s="1" t="s">
        <v>144428</v>
      </c>
      <c r="H42248" s="1" t="s">
        <v>144429</v>
      </c>
      <c r="I42248" s="1" t="s">
        <v>142575</v>
      </c>
      <c r="J42248" s="1" t="s">
        <v>144448</v>
      </c>
    </row>
    <row r="42249" spans="1:10" x14ac:dyDescent="0.35">
      <c r="A42249" s="1" t="s">
        <v>12959</v>
      </c>
      <c r="B42249" s="1" t="s">
        <v>142570</v>
      </c>
      <c r="C42249" s="1" t="s">
        <v>45</v>
      </c>
      <c r="D42249" s="1" t="s">
        <v>12032</v>
      </c>
      <c r="E42249" s="1" t="s">
        <v>144449</v>
      </c>
      <c r="F42249" s="1" t="s">
        <v>144450</v>
      </c>
      <c r="G42249" s="1" t="s">
        <v>144428</v>
      </c>
      <c r="H42249" s="1" t="s">
        <v>144429</v>
      </c>
      <c r="I42249" s="1" t="s">
        <v>142575</v>
      </c>
      <c r="J42249" s="1" t="s">
        <v>144451</v>
      </c>
    </row>
    <row r="42250" spans="1:10" x14ac:dyDescent="0.35">
      <c r="A42250" s="1" t="s">
        <v>12959</v>
      </c>
      <c r="B42250" s="1" t="s">
        <v>142570</v>
      </c>
      <c r="C42250" s="1" t="s">
        <v>50</v>
      </c>
      <c r="D42250" s="1" t="s">
        <v>44507</v>
      </c>
      <c r="E42250" s="1" t="s">
        <v>144452</v>
      </c>
      <c r="F42250" s="1" t="s">
        <v>144453</v>
      </c>
      <c r="G42250" s="1" t="s">
        <v>144428</v>
      </c>
      <c r="H42250" s="1" t="s">
        <v>144429</v>
      </c>
      <c r="I42250" s="1" t="s">
        <v>142575</v>
      </c>
      <c r="J42250" s="1" t="s">
        <v>144454</v>
      </c>
    </row>
    <row r="42251" spans="1:10" x14ac:dyDescent="0.35">
      <c r="A42251" s="1" t="s">
        <v>12959</v>
      </c>
      <c r="B42251" s="1" t="s">
        <v>142570</v>
      </c>
      <c r="C42251" s="1" t="s">
        <v>55</v>
      </c>
      <c r="D42251" s="1" t="s">
        <v>144455</v>
      </c>
      <c r="E42251" s="1" t="s">
        <v>144456</v>
      </c>
      <c r="F42251" s="1" t="s">
        <v>144457</v>
      </c>
      <c r="G42251" s="1" t="s">
        <v>144428</v>
      </c>
      <c r="H42251" s="1" t="s">
        <v>144429</v>
      </c>
      <c r="I42251" s="1" t="s">
        <v>142575</v>
      </c>
      <c r="J42251" s="1" t="s">
        <v>144458</v>
      </c>
    </row>
    <row r="42252" spans="1:10" x14ac:dyDescent="0.35">
      <c r="A42252" s="1" t="s">
        <v>12959</v>
      </c>
      <c r="B42252" s="1" t="s">
        <v>142570</v>
      </c>
      <c r="C42252" s="1" t="s">
        <v>60</v>
      </c>
      <c r="D42252" s="1" t="s">
        <v>144459</v>
      </c>
      <c r="E42252" s="1" t="s">
        <v>144460</v>
      </c>
      <c r="F42252" s="1" t="s">
        <v>144461</v>
      </c>
      <c r="G42252" s="1" t="s">
        <v>144428</v>
      </c>
      <c r="H42252" s="1" t="s">
        <v>144429</v>
      </c>
      <c r="I42252" s="1" t="s">
        <v>142575</v>
      </c>
      <c r="J42252" s="1" t="s">
        <v>144462</v>
      </c>
    </row>
    <row r="42253" spans="1:10" x14ac:dyDescent="0.35">
      <c r="A42253" s="1" t="s">
        <v>12959</v>
      </c>
      <c r="B42253" s="1" t="s">
        <v>142570</v>
      </c>
      <c r="C42253" s="1" t="s">
        <v>65</v>
      </c>
      <c r="D42253" s="1" t="s">
        <v>45105</v>
      </c>
      <c r="E42253" s="1" t="s">
        <v>144463</v>
      </c>
      <c r="F42253" s="1" t="s">
        <v>144464</v>
      </c>
      <c r="G42253" s="1" t="s">
        <v>144428</v>
      </c>
      <c r="H42253" s="1" t="s">
        <v>144429</v>
      </c>
      <c r="I42253" s="1" t="s">
        <v>142575</v>
      </c>
      <c r="J42253" s="1" t="s">
        <v>144465</v>
      </c>
    </row>
    <row r="42254" spans="1:10" x14ac:dyDescent="0.35">
      <c r="A42254" s="1" t="s">
        <v>12959</v>
      </c>
      <c r="B42254" s="1" t="s">
        <v>142570</v>
      </c>
      <c r="C42254" s="1" t="s">
        <v>70</v>
      </c>
      <c r="D42254" s="1" t="s">
        <v>7327</v>
      </c>
      <c r="E42254" s="1" t="s">
        <v>144466</v>
      </c>
      <c r="F42254" s="1" t="s">
        <v>144467</v>
      </c>
      <c r="G42254" s="1" t="s">
        <v>144428</v>
      </c>
      <c r="H42254" s="1" t="s">
        <v>144429</v>
      </c>
      <c r="I42254" s="1" t="s">
        <v>142575</v>
      </c>
      <c r="J42254" s="1" t="s">
        <v>144468</v>
      </c>
    </row>
    <row r="42255" spans="1:10" x14ac:dyDescent="0.35">
      <c r="A42255" s="1" t="s">
        <v>12959</v>
      </c>
      <c r="B42255" s="1" t="s">
        <v>142570</v>
      </c>
      <c r="C42255" s="1" t="s">
        <v>75</v>
      </c>
      <c r="D42255" s="1" t="s">
        <v>44273</v>
      </c>
      <c r="E42255" s="1" t="s">
        <v>144469</v>
      </c>
      <c r="F42255" s="1" t="s">
        <v>144470</v>
      </c>
      <c r="G42255" s="1" t="s">
        <v>144428</v>
      </c>
      <c r="H42255" s="1" t="s">
        <v>144429</v>
      </c>
      <c r="I42255" s="1" t="s">
        <v>142575</v>
      </c>
      <c r="J42255" s="1" t="s">
        <v>144471</v>
      </c>
    </row>
    <row r="42256" spans="1:10" x14ac:dyDescent="0.35">
      <c r="A42256" s="1" t="s">
        <v>12959</v>
      </c>
      <c r="B42256" s="1" t="s">
        <v>142570</v>
      </c>
      <c r="C42256" s="1" t="s">
        <v>80</v>
      </c>
      <c r="D42256" s="1" t="s">
        <v>144459</v>
      </c>
      <c r="E42256" s="1" t="s">
        <v>144472</v>
      </c>
      <c r="F42256" s="1" t="s">
        <v>144473</v>
      </c>
      <c r="G42256" s="1" t="s">
        <v>144428</v>
      </c>
      <c r="H42256" s="1" t="s">
        <v>144429</v>
      </c>
      <c r="I42256" s="1" t="s">
        <v>142575</v>
      </c>
      <c r="J42256" s="1" t="s">
        <v>144474</v>
      </c>
    </row>
    <row r="42257" spans="1:10" x14ac:dyDescent="0.35">
      <c r="A42257" s="1" t="s">
        <v>12959</v>
      </c>
      <c r="B42257" s="1" t="s">
        <v>142570</v>
      </c>
      <c r="C42257" s="1" t="s">
        <v>85</v>
      </c>
      <c r="D42257" s="1" t="s">
        <v>44277</v>
      </c>
      <c r="E42257" s="1" t="s">
        <v>144475</v>
      </c>
      <c r="F42257" s="1" t="s">
        <v>144476</v>
      </c>
      <c r="G42257" s="1" t="s">
        <v>144428</v>
      </c>
      <c r="H42257" s="1" t="s">
        <v>144429</v>
      </c>
      <c r="I42257" s="1" t="s">
        <v>142575</v>
      </c>
      <c r="J42257" s="1" t="s">
        <v>144477</v>
      </c>
    </row>
    <row r="42258" spans="1:10" x14ac:dyDescent="0.35">
      <c r="A42258" s="1" t="s">
        <v>12959</v>
      </c>
      <c r="B42258" s="1" t="s">
        <v>142570</v>
      </c>
      <c r="C42258" s="1" t="s">
        <v>90</v>
      </c>
      <c r="D42258" s="1" t="s">
        <v>7342</v>
      </c>
      <c r="E42258" s="1" t="s">
        <v>144478</v>
      </c>
      <c r="F42258" s="1" t="s">
        <v>144479</v>
      </c>
      <c r="G42258" s="1" t="s">
        <v>144428</v>
      </c>
      <c r="H42258" s="1" t="s">
        <v>144429</v>
      </c>
      <c r="I42258" s="1" t="s">
        <v>142575</v>
      </c>
      <c r="J42258" s="1" t="s">
        <v>144480</v>
      </c>
    </row>
    <row r="42259" spans="1:10" x14ac:dyDescent="0.35">
      <c r="A42259" s="1" t="s">
        <v>12959</v>
      </c>
      <c r="B42259" s="1" t="s">
        <v>142570</v>
      </c>
      <c r="C42259" s="1" t="s">
        <v>95</v>
      </c>
      <c r="D42259" s="1" t="s">
        <v>144481</v>
      </c>
      <c r="E42259" s="1" t="s">
        <v>144482</v>
      </c>
      <c r="F42259" s="1" t="s">
        <v>144483</v>
      </c>
      <c r="G42259" s="1" t="s">
        <v>144428</v>
      </c>
      <c r="H42259" s="1" t="s">
        <v>144429</v>
      </c>
      <c r="I42259" s="1" t="s">
        <v>142575</v>
      </c>
      <c r="J42259" s="1" t="s">
        <v>144484</v>
      </c>
    </row>
    <row r="42260" spans="1:10" x14ac:dyDescent="0.35">
      <c r="A42260" s="1" t="s">
        <v>12959</v>
      </c>
      <c r="B42260" s="1" t="s">
        <v>142570</v>
      </c>
      <c r="C42260" s="1" t="s">
        <v>100</v>
      </c>
      <c r="D42260" s="1" t="s">
        <v>1134</v>
      </c>
      <c r="E42260" s="1" t="s">
        <v>144485</v>
      </c>
      <c r="F42260" s="1" t="s">
        <v>144486</v>
      </c>
      <c r="G42260" s="1" t="s">
        <v>144428</v>
      </c>
      <c r="H42260" s="1" t="s">
        <v>144429</v>
      </c>
      <c r="I42260" s="1" t="s">
        <v>142575</v>
      </c>
      <c r="J42260" s="1" t="s">
        <v>144487</v>
      </c>
    </row>
    <row r="42261" spans="1:10" x14ac:dyDescent="0.35">
      <c r="A42261" s="1" t="s">
        <v>12959</v>
      </c>
      <c r="B42261" s="1" t="s">
        <v>142570</v>
      </c>
      <c r="C42261" s="1" t="s">
        <v>105</v>
      </c>
      <c r="D42261" s="1" t="s">
        <v>13174</v>
      </c>
      <c r="E42261" s="1" t="s">
        <v>144488</v>
      </c>
      <c r="F42261" s="1" t="s">
        <v>144489</v>
      </c>
      <c r="G42261" s="1" t="s">
        <v>144428</v>
      </c>
      <c r="H42261" s="1" t="s">
        <v>144429</v>
      </c>
      <c r="I42261" s="1" t="s">
        <v>142575</v>
      </c>
      <c r="J42261" s="1" t="s">
        <v>144490</v>
      </c>
    </row>
    <row r="42262" spans="1:10" x14ac:dyDescent="0.35">
      <c r="A42262" s="1" t="s">
        <v>12959</v>
      </c>
      <c r="B42262" s="1" t="s">
        <v>142570</v>
      </c>
      <c r="C42262" s="1" t="s">
        <v>110</v>
      </c>
      <c r="D42262" s="1" t="s">
        <v>110297</v>
      </c>
      <c r="E42262" s="1" t="s">
        <v>144491</v>
      </c>
      <c r="F42262" s="1" t="s">
        <v>144492</v>
      </c>
      <c r="G42262" s="1" t="s">
        <v>144428</v>
      </c>
      <c r="H42262" s="1" t="s">
        <v>144429</v>
      </c>
      <c r="I42262" s="1" t="s">
        <v>142575</v>
      </c>
      <c r="J42262" s="1" t="s">
        <v>144493</v>
      </c>
    </row>
    <row r="42263" spans="1:10" x14ac:dyDescent="0.35">
      <c r="A42263" s="1" t="s">
        <v>12959</v>
      </c>
      <c r="B42263" s="1" t="s">
        <v>142570</v>
      </c>
      <c r="C42263" s="1" t="s">
        <v>115</v>
      </c>
      <c r="D42263" s="1" t="s">
        <v>7017</v>
      </c>
      <c r="E42263" s="1" t="s">
        <v>144494</v>
      </c>
      <c r="F42263" s="1" t="s">
        <v>144495</v>
      </c>
      <c r="G42263" s="1" t="s">
        <v>144428</v>
      </c>
      <c r="H42263" s="1" t="s">
        <v>144429</v>
      </c>
      <c r="I42263" s="1" t="s">
        <v>142575</v>
      </c>
      <c r="J42263" s="1" t="s">
        <v>144496</v>
      </c>
    </row>
    <row r="42264" spans="1:10" x14ac:dyDescent="0.35">
      <c r="A42264" s="1" t="s">
        <v>12959</v>
      </c>
      <c r="B42264" s="1" t="s">
        <v>142570</v>
      </c>
      <c r="C42264" s="1" t="s">
        <v>120</v>
      </c>
      <c r="D42264" s="1" t="s">
        <v>107756</v>
      </c>
      <c r="E42264" s="1" t="s">
        <v>8254</v>
      </c>
      <c r="F42264" s="1" t="s">
        <v>144497</v>
      </c>
      <c r="G42264" s="1" t="s">
        <v>144428</v>
      </c>
      <c r="H42264" s="1" t="s">
        <v>144429</v>
      </c>
      <c r="I42264" s="1" t="s">
        <v>142575</v>
      </c>
      <c r="J42264" s="1" t="s">
        <v>144498</v>
      </c>
    </row>
    <row r="42265" spans="1:10" x14ac:dyDescent="0.35">
      <c r="A42265" s="1" t="s">
        <v>12959</v>
      </c>
      <c r="B42265" s="1" t="s">
        <v>142570</v>
      </c>
      <c r="C42265" s="1" t="s">
        <v>125</v>
      </c>
      <c r="D42265" s="1" t="s">
        <v>25838</v>
      </c>
      <c r="E42265" s="1" t="s">
        <v>144499</v>
      </c>
      <c r="F42265" s="1" t="s">
        <v>144500</v>
      </c>
      <c r="G42265" s="1" t="s">
        <v>144428</v>
      </c>
      <c r="H42265" s="1" t="s">
        <v>144429</v>
      </c>
      <c r="I42265" s="1" t="s">
        <v>142575</v>
      </c>
      <c r="J42265" s="1" t="s">
        <v>144501</v>
      </c>
    </row>
    <row r="42266" spans="1:10" x14ac:dyDescent="0.35">
      <c r="A42266" s="1" t="s">
        <v>12959</v>
      </c>
      <c r="B42266" s="1" t="s">
        <v>142570</v>
      </c>
      <c r="C42266" s="1" t="s">
        <v>130</v>
      </c>
      <c r="D42266" s="1" t="s">
        <v>121950</v>
      </c>
      <c r="E42266" s="1" t="s">
        <v>144502</v>
      </c>
      <c r="F42266" s="1" t="s">
        <v>144503</v>
      </c>
      <c r="G42266" s="1" t="s">
        <v>144428</v>
      </c>
      <c r="H42266" s="1" t="s">
        <v>144429</v>
      </c>
      <c r="I42266" s="1" t="s">
        <v>142575</v>
      </c>
      <c r="J42266" s="1" t="s">
        <v>144504</v>
      </c>
    </row>
    <row r="42267" spans="1:10" x14ac:dyDescent="0.35">
      <c r="A42267" s="1" t="s">
        <v>12959</v>
      </c>
      <c r="B42267" s="1" t="s">
        <v>142570</v>
      </c>
      <c r="C42267" s="1" t="s">
        <v>135</v>
      </c>
      <c r="D42267" s="1" t="s">
        <v>115676</v>
      </c>
      <c r="E42267" s="1" t="s">
        <v>144505</v>
      </c>
      <c r="F42267" s="1" t="s">
        <v>144506</v>
      </c>
      <c r="G42267" s="1" t="s">
        <v>144428</v>
      </c>
      <c r="H42267" s="1" t="s">
        <v>144429</v>
      </c>
      <c r="I42267" s="1" t="s">
        <v>142575</v>
      </c>
      <c r="J42267" s="1" t="s">
        <v>144507</v>
      </c>
    </row>
    <row r="42268" spans="1:10" x14ac:dyDescent="0.35">
      <c r="A42268" s="1" t="s">
        <v>12959</v>
      </c>
      <c r="B42268" s="1" t="s">
        <v>142570</v>
      </c>
      <c r="C42268" s="1" t="s">
        <v>140</v>
      </c>
      <c r="D42268" s="1" t="s">
        <v>118122</v>
      </c>
      <c r="E42268" s="1" t="s">
        <v>144508</v>
      </c>
      <c r="F42268" s="1" t="s">
        <v>144509</v>
      </c>
      <c r="G42268" s="1" t="s">
        <v>144428</v>
      </c>
      <c r="H42268" s="1" t="s">
        <v>144429</v>
      </c>
      <c r="I42268" s="1" t="s">
        <v>142575</v>
      </c>
      <c r="J42268" s="1" t="s">
        <v>144510</v>
      </c>
    </row>
    <row r="42269" spans="1:10" x14ac:dyDescent="0.35">
      <c r="A42269" s="1" t="s">
        <v>12959</v>
      </c>
      <c r="B42269" s="1" t="s">
        <v>142570</v>
      </c>
      <c r="C42269" s="1" t="s">
        <v>145</v>
      </c>
      <c r="D42269" s="1" t="s">
        <v>6167</v>
      </c>
      <c r="E42269" s="1" t="s">
        <v>144511</v>
      </c>
      <c r="F42269" s="1" t="s">
        <v>144512</v>
      </c>
      <c r="G42269" s="1" t="s">
        <v>144428</v>
      </c>
      <c r="H42269" s="1" t="s">
        <v>144429</v>
      </c>
      <c r="I42269" s="1" t="s">
        <v>142575</v>
      </c>
      <c r="J42269" s="1" t="s">
        <v>144513</v>
      </c>
    </row>
    <row r="42270" spans="1:10" x14ac:dyDescent="0.35">
      <c r="A42270" s="1" t="s">
        <v>12959</v>
      </c>
      <c r="B42270" s="1" t="s">
        <v>142570</v>
      </c>
      <c r="C42270" s="1" t="s">
        <v>150</v>
      </c>
      <c r="D42270" s="1" t="s">
        <v>13840</v>
      </c>
      <c r="E42270" s="1" t="s">
        <v>144514</v>
      </c>
      <c r="F42270" s="1" t="s">
        <v>144515</v>
      </c>
      <c r="G42270" s="1" t="s">
        <v>144428</v>
      </c>
      <c r="H42270" s="1" t="s">
        <v>144429</v>
      </c>
      <c r="I42270" s="1" t="s">
        <v>142575</v>
      </c>
      <c r="J42270" s="1" t="s">
        <v>144516</v>
      </c>
    </row>
    <row r="42271" spans="1:10" x14ac:dyDescent="0.35">
      <c r="A42271" s="1" t="s">
        <v>12959</v>
      </c>
      <c r="B42271" s="1" t="s">
        <v>142570</v>
      </c>
      <c r="C42271" s="1" t="s">
        <v>155</v>
      </c>
      <c r="D42271" s="1" t="s">
        <v>117463</v>
      </c>
      <c r="E42271" s="1" t="s">
        <v>144517</v>
      </c>
      <c r="F42271" s="1" t="s">
        <v>144518</v>
      </c>
      <c r="G42271" s="1" t="s">
        <v>144428</v>
      </c>
      <c r="H42271" s="1" t="s">
        <v>144429</v>
      </c>
      <c r="I42271" s="1" t="s">
        <v>142575</v>
      </c>
      <c r="J42271" s="1" t="s">
        <v>144519</v>
      </c>
    </row>
    <row r="42272" spans="1:10" x14ac:dyDescent="0.35">
      <c r="A42272" s="1" t="s">
        <v>12959</v>
      </c>
      <c r="B42272" s="1" t="s">
        <v>142570</v>
      </c>
      <c r="C42272" s="1" t="s">
        <v>160</v>
      </c>
      <c r="D42272" s="1" t="s">
        <v>127037</v>
      </c>
      <c r="E42272" s="1" t="s">
        <v>144520</v>
      </c>
      <c r="F42272" s="1" t="s">
        <v>144521</v>
      </c>
      <c r="G42272" s="1" t="s">
        <v>144428</v>
      </c>
      <c r="H42272" s="1" t="s">
        <v>144429</v>
      </c>
      <c r="I42272" s="1" t="s">
        <v>142575</v>
      </c>
      <c r="J42272" s="1" t="s">
        <v>144522</v>
      </c>
    </row>
    <row r="42273" spans="1:10" x14ac:dyDescent="0.35">
      <c r="A42273" s="1" t="s">
        <v>12959</v>
      </c>
      <c r="B42273" s="1" t="s">
        <v>142570</v>
      </c>
      <c r="C42273" s="1" t="s">
        <v>165</v>
      </c>
      <c r="D42273" s="1" t="s">
        <v>9360</v>
      </c>
      <c r="E42273" s="1" t="s">
        <v>144523</v>
      </c>
      <c r="F42273" s="1" t="s">
        <v>144524</v>
      </c>
      <c r="G42273" s="1" t="s">
        <v>144428</v>
      </c>
      <c r="H42273" s="1" t="s">
        <v>144429</v>
      </c>
      <c r="I42273" s="1" t="s">
        <v>142575</v>
      </c>
      <c r="J42273" s="1" t="s">
        <v>144525</v>
      </c>
    </row>
    <row r="42274" spans="1:10" x14ac:dyDescent="0.35">
      <c r="A42274" s="1" t="s">
        <v>12959</v>
      </c>
      <c r="B42274" s="1" t="s">
        <v>142570</v>
      </c>
      <c r="C42274" s="1" t="s">
        <v>170</v>
      </c>
      <c r="D42274" s="1" t="s">
        <v>4451</v>
      </c>
      <c r="E42274" s="1" t="s">
        <v>144526</v>
      </c>
      <c r="F42274" s="1" t="s">
        <v>144527</v>
      </c>
      <c r="G42274" s="1" t="s">
        <v>144428</v>
      </c>
      <c r="H42274" s="1" t="s">
        <v>144429</v>
      </c>
      <c r="I42274" s="1" t="s">
        <v>142575</v>
      </c>
      <c r="J42274" s="1" t="s">
        <v>144528</v>
      </c>
    </row>
    <row r="42275" spans="1:10" x14ac:dyDescent="0.35">
      <c r="A42275" s="1" t="s">
        <v>29283</v>
      </c>
      <c r="B42275" s="1" t="s">
        <v>142570</v>
      </c>
      <c r="C42275" s="1" t="s">
        <v>8</v>
      </c>
      <c r="D42275" s="1" t="s">
        <v>25985</v>
      </c>
      <c r="E42275" s="1" t="s">
        <v>144529</v>
      </c>
      <c r="F42275" s="1" t="s">
        <v>144530</v>
      </c>
      <c r="G42275" s="1" t="s">
        <v>144531</v>
      </c>
      <c r="H42275" s="1" t="s">
        <v>144532</v>
      </c>
      <c r="I42275" s="1" t="s">
        <v>142575</v>
      </c>
      <c r="J42275" s="1" t="s">
        <v>13</v>
      </c>
    </row>
    <row r="42276" spans="1:10" x14ac:dyDescent="0.35">
      <c r="A42276" s="1" t="s">
        <v>29283</v>
      </c>
      <c r="B42276" s="1" t="s">
        <v>142570</v>
      </c>
      <c r="C42276" s="1" t="s">
        <v>15</v>
      </c>
      <c r="D42276" s="1" t="s">
        <v>110559</v>
      </c>
      <c r="E42276" s="1" t="s">
        <v>144533</v>
      </c>
      <c r="F42276" s="1" t="s">
        <v>144534</v>
      </c>
      <c r="G42276" s="1" t="s">
        <v>144531</v>
      </c>
      <c r="H42276" s="1" t="s">
        <v>144532</v>
      </c>
      <c r="I42276" s="1" t="s">
        <v>142575</v>
      </c>
      <c r="J42276" s="1" t="s">
        <v>144535</v>
      </c>
    </row>
    <row r="42277" spans="1:10" x14ac:dyDescent="0.35">
      <c r="A42277" s="1" t="s">
        <v>29283</v>
      </c>
      <c r="B42277" s="1" t="s">
        <v>142570</v>
      </c>
      <c r="C42277" s="1" t="s">
        <v>20</v>
      </c>
      <c r="D42277" s="1" t="s">
        <v>44542</v>
      </c>
      <c r="E42277" s="1" t="s">
        <v>144536</v>
      </c>
      <c r="F42277" s="1" t="s">
        <v>144537</v>
      </c>
      <c r="G42277" s="1" t="s">
        <v>144531</v>
      </c>
      <c r="H42277" s="1" t="s">
        <v>144532</v>
      </c>
      <c r="I42277" s="1" t="s">
        <v>142575</v>
      </c>
      <c r="J42277" s="1" t="s">
        <v>144538</v>
      </c>
    </row>
    <row r="42278" spans="1:10" x14ac:dyDescent="0.35">
      <c r="A42278" s="1" t="s">
        <v>29283</v>
      </c>
      <c r="B42278" s="1" t="s">
        <v>142570</v>
      </c>
      <c r="C42278" s="1" t="s">
        <v>25</v>
      </c>
      <c r="D42278" s="1" t="s">
        <v>25801</v>
      </c>
      <c r="E42278" s="1" t="s">
        <v>144539</v>
      </c>
      <c r="F42278" s="1" t="s">
        <v>144540</v>
      </c>
      <c r="G42278" s="1" t="s">
        <v>144531</v>
      </c>
      <c r="H42278" s="1" t="s">
        <v>144532</v>
      </c>
      <c r="I42278" s="1" t="s">
        <v>142575</v>
      </c>
      <c r="J42278" s="1" t="s">
        <v>144541</v>
      </c>
    </row>
    <row r="42279" spans="1:10" x14ac:dyDescent="0.35">
      <c r="A42279" s="1" t="s">
        <v>29283</v>
      </c>
      <c r="B42279" s="1" t="s">
        <v>142570</v>
      </c>
      <c r="C42279" s="1" t="s">
        <v>30</v>
      </c>
      <c r="D42279" s="1" t="s">
        <v>28763</v>
      </c>
      <c r="E42279" s="1" t="s">
        <v>144542</v>
      </c>
      <c r="F42279" s="1" t="s">
        <v>144543</v>
      </c>
      <c r="G42279" s="1" t="s">
        <v>144531</v>
      </c>
      <c r="H42279" s="1" t="s">
        <v>144532</v>
      </c>
      <c r="I42279" s="1" t="s">
        <v>142575</v>
      </c>
      <c r="J42279" s="1" t="s">
        <v>144544</v>
      </c>
    </row>
    <row r="42280" spans="1:10" x14ac:dyDescent="0.35">
      <c r="A42280" s="1" t="s">
        <v>29283</v>
      </c>
      <c r="B42280" s="1" t="s">
        <v>142570</v>
      </c>
      <c r="C42280" s="1" t="s">
        <v>35</v>
      </c>
      <c r="D42280" s="1" t="s">
        <v>143738</v>
      </c>
      <c r="E42280" s="1" t="s">
        <v>144545</v>
      </c>
      <c r="F42280" s="1" t="s">
        <v>144546</v>
      </c>
      <c r="G42280" s="1" t="s">
        <v>144531</v>
      </c>
      <c r="H42280" s="1" t="s">
        <v>144532</v>
      </c>
      <c r="I42280" s="1" t="s">
        <v>142575</v>
      </c>
      <c r="J42280" s="1" t="s">
        <v>144547</v>
      </c>
    </row>
    <row r="42281" spans="1:10" x14ac:dyDescent="0.35">
      <c r="A42281" s="1" t="s">
        <v>29283</v>
      </c>
      <c r="B42281" s="1" t="s">
        <v>142570</v>
      </c>
      <c r="C42281" s="1" t="s">
        <v>40</v>
      </c>
      <c r="D42281" s="1" t="s">
        <v>27756</v>
      </c>
      <c r="E42281" s="1" t="s">
        <v>144548</v>
      </c>
      <c r="F42281" s="1" t="s">
        <v>144549</v>
      </c>
      <c r="G42281" s="1" t="s">
        <v>144531</v>
      </c>
      <c r="H42281" s="1" t="s">
        <v>144532</v>
      </c>
      <c r="I42281" s="1" t="s">
        <v>142575</v>
      </c>
      <c r="J42281" s="1" t="s">
        <v>144550</v>
      </c>
    </row>
    <row r="42282" spans="1:10" x14ac:dyDescent="0.35">
      <c r="A42282" s="1" t="s">
        <v>29283</v>
      </c>
      <c r="B42282" s="1" t="s">
        <v>142570</v>
      </c>
      <c r="C42282" s="1" t="s">
        <v>45</v>
      </c>
      <c r="D42282" s="1" t="s">
        <v>28763</v>
      </c>
      <c r="E42282" s="1" t="s">
        <v>144551</v>
      </c>
      <c r="F42282" s="1" t="s">
        <v>144552</v>
      </c>
      <c r="G42282" s="1" t="s">
        <v>144531</v>
      </c>
      <c r="H42282" s="1" t="s">
        <v>144532</v>
      </c>
      <c r="I42282" s="1" t="s">
        <v>142575</v>
      </c>
      <c r="J42282" s="1" t="s">
        <v>144553</v>
      </c>
    </row>
    <row r="42283" spans="1:10" x14ac:dyDescent="0.35">
      <c r="A42283" s="1" t="s">
        <v>29283</v>
      </c>
      <c r="B42283" s="1" t="s">
        <v>142570</v>
      </c>
      <c r="C42283" s="1" t="s">
        <v>50</v>
      </c>
      <c r="D42283" s="1" t="s">
        <v>121502</v>
      </c>
      <c r="E42283" s="1" t="s">
        <v>144554</v>
      </c>
      <c r="F42283" s="1" t="s">
        <v>144555</v>
      </c>
      <c r="G42283" s="1" t="s">
        <v>144531</v>
      </c>
      <c r="H42283" s="1" t="s">
        <v>144532</v>
      </c>
      <c r="I42283" s="1" t="s">
        <v>142575</v>
      </c>
      <c r="J42283" s="1" t="s">
        <v>144556</v>
      </c>
    </row>
    <row r="42284" spans="1:10" x14ac:dyDescent="0.35">
      <c r="A42284" s="1" t="s">
        <v>29283</v>
      </c>
      <c r="B42284" s="1" t="s">
        <v>142570</v>
      </c>
      <c r="C42284" s="1" t="s">
        <v>55</v>
      </c>
      <c r="D42284" s="1" t="s">
        <v>143023</v>
      </c>
      <c r="E42284" s="1" t="s">
        <v>144557</v>
      </c>
      <c r="F42284" s="1" t="s">
        <v>144558</v>
      </c>
      <c r="G42284" s="1" t="s">
        <v>144531</v>
      </c>
      <c r="H42284" s="1" t="s">
        <v>144532</v>
      </c>
      <c r="I42284" s="1" t="s">
        <v>142575</v>
      </c>
      <c r="J42284" s="1" t="s">
        <v>144559</v>
      </c>
    </row>
    <row r="42285" spans="1:10" x14ac:dyDescent="0.35">
      <c r="A42285" s="1" t="s">
        <v>29283</v>
      </c>
      <c r="B42285" s="1" t="s">
        <v>142570</v>
      </c>
      <c r="C42285" s="1" t="s">
        <v>60</v>
      </c>
      <c r="D42285" s="1" t="s">
        <v>9403</v>
      </c>
      <c r="E42285" s="1" t="s">
        <v>144560</v>
      </c>
      <c r="F42285" s="1" t="s">
        <v>144561</v>
      </c>
      <c r="G42285" s="1" t="s">
        <v>144531</v>
      </c>
      <c r="H42285" s="1" t="s">
        <v>144532</v>
      </c>
      <c r="I42285" s="1" t="s">
        <v>142575</v>
      </c>
      <c r="J42285" s="1" t="s">
        <v>144562</v>
      </c>
    </row>
    <row r="42286" spans="1:10" x14ac:dyDescent="0.35">
      <c r="A42286" s="1" t="s">
        <v>29283</v>
      </c>
      <c r="B42286" s="1" t="s">
        <v>142570</v>
      </c>
      <c r="C42286" s="1" t="s">
        <v>65</v>
      </c>
      <c r="D42286" s="1" t="s">
        <v>4380</v>
      </c>
      <c r="E42286" s="1" t="s">
        <v>144563</v>
      </c>
      <c r="F42286" s="1" t="s">
        <v>144564</v>
      </c>
      <c r="G42286" s="1" t="s">
        <v>144531</v>
      </c>
      <c r="H42286" s="1" t="s">
        <v>144532</v>
      </c>
      <c r="I42286" s="1" t="s">
        <v>142575</v>
      </c>
      <c r="J42286" s="1" t="s">
        <v>144565</v>
      </c>
    </row>
    <row r="42287" spans="1:10" x14ac:dyDescent="0.35">
      <c r="A42287" s="1" t="s">
        <v>29283</v>
      </c>
      <c r="B42287" s="1" t="s">
        <v>142570</v>
      </c>
      <c r="C42287" s="1" t="s">
        <v>70</v>
      </c>
      <c r="D42287" s="1" t="s">
        <v>27334</v>
      </c>
      <c r="E42287" s="1" t="s">
        <v>144566</v>
      </c>
      <c r="F42287" s="1" t="s">
        <v>144567</v>
      </c>
      <c r="G42287" s="1" t="s">
        <v>144531</v>
      </c>
      <c r="H42287" s="1" t="s">
        <v>144532</v>
      </c>
      <c r="I42287" s="1" t="s">
        <v>142575</v>
      </c>
      <c r="J42287" s="1" t="s">
        <v>144568</v>
      </c>
    </row>
    <row r="42288" spans="1:10" x14ac:dyDescent="0.35">
      <c r="A42288" s="1" t="s">
        <v>29283</v>
      </c>
      <c r="B42288" s="1" t="s">
        <v>142570</v>
      </c>
      <c r="C42288" s="1" t="s">
        <v>75</v>
      </c>
      <c r="D42288" s="1" t="s">
        <v>27969</v>
      </c>
      <c r="E42288" s="1" t="s">
        <v>144569</v>
      </c>
      <c r="F42288" s="1" t="s">
        <v>144570</v>
      </c>
      <c r="G42288" s="1" t="s">
        <v>144531</v>
      </c>
      <c r="H42288" s="1" t="s">
        <v>144532</v>
      </c>
      <c r="I42288" s="1" t="s">
        <v>142575</v>
      </c>
      <c r="J42288" s="1" t="s">
        <v>144571</v>
      </c>
    </row>
    <row r="42289" spans="1:10" x14ac:dyDescent="0.35">
      <c r="A42289" s="1" t="s">
        <v>29283</v>
      </c>
      <c r="B42289" s="1" t="s">
        <v>142570</v>
      </c>
      <c r="C42289" s="1" t="s">
        <v>80</v>
      </c>
      <c r="D42289" s="1" t="s">
        <v>144572</v>
      </c>
      <c r="E42289" s="1" t="s">
        <v>144573</v>
      </c>
      <c r="F42289" s="1" t="s">
        <v>144574</v>
      </c>
      <c r="G42289" s="1" t="s">
        <v>144531</v>
      </c>
      <c r="H42289" s="1" t="s">
        <v>144532</v>
      </c>
      <c r="I42289" s="1" t="s">
        <v>142575</v>
      </c>
      <c r="J42289" s="1" t="s">
        <v>144575</v>
      </c>
    </row>
    <row r="42290" spans="1:10" x14ac:dyDescent="0.35">
      <c r="A42290" s="1" t="s">
        <v>29283</v>
      </c>
      <c r="B42290" s="1" t="s">
        <v>142570</v>
      </c>
      <c r="C42290" s="1" t="s">
        <v>85</v>
      </c>
      <c r="D42290" s="1" t="s">
        <v>109672</v>
      </c>
      <c r="E42290" s="1" t="s">
        <v>144576</v>
      </c>
      <c r="F42290" s="1" t="s">
        <v>144577</v>
      </c>
      <c r="G42290" s="1" t="s">
        <v>144531</v>
      </c>
      <c r="H42290" s="1" t="s">
        <v>144532</v>
      </c>
      <c r="I42290" s="1" t="s">
        <v>142575</v>
      </c>
      <c r="J42290" s="1" t="s">
        <v>144578</v>
      </c>
    </row>
    <row r="42291" spans="1:10" x14ac:dyDescent="0.35">
      <c r="A42291" s="1" t="s">
        <v>29283</v>
      </c>
      <c r="B42291" s="1" t="s">
        <v>142570</v>
      </c>
      <c r="C42291" s="1" t="s">
        <v>90</v>
      </c>
      <c r="D42291" s="1" t="s">
        <v>29171</v>
      </c>
      <c r="E42291" s="1" t="s">
        <v>144579</v>
      </c>
      <c r="F42291" s="1" t="s">
        <v>144580</v>
      </c>
      <c r="G42291" s="1" t="s">
        <v>144531</v>
      </c>
      <c r="H42291" s="1" t="s">
        <v>144532</v>
      </c>
      <c r="I42291" s="1" t="s">
        <v>142575</v>
      </c>
      <c r="J42291" s="1" t="s">
        <v>144581</v>
      </c>
    </row>
    <row r="42292" spans="1:10" x14ac:dyDescent="0.35">
      <c r="A42292" s="1" t="s">
        <v>29283</v>
      </c>
      <c r="B42292" s="1" t="s">
        <v>142570</v>
      </c>
      <c r="C42292" s="1" t="s">
        <v>95</v>
      </c>
      <c r="D42292" s="1" t="s">
        <v>144582</v>
      </c>
      <c r="E42292" s="1" t="s">
        <v>144583</v>
      </c>
      <c r="F42292" s="1" t="s">
        <v>144584</v>
      </c>
      <c r="G42292" s="1" t="s">
        <v>144531</v>
      </c>
      <c r="H42292" s="1" t="s">
        <v>144532</v>
      </c>
      <c r="I42292" s="1" t="s">
        <v>142575</v>
      </c>
      <c r="J42292" s="1" t="s">
        <v>144585</v>
      </c>
    </row>
    <row r="42293" spans="1:10" x14ac:dyDescent="0.35">
      <c r="A42293" s="1" t="s">
        <v>29283</v>
      </c>
      <c r="B42293" s="1" t="s">
        <v>142570</v>
      </c>
      <c r="C42293" s="1" t="s">
        <v>100</v>
      </c>
      <c r="D42293" s="1" t="s">
        <v>121603</v>
      </c>
      <c r="E42293" s="1" t="s">
        <v>144586</v>
      </c>
      <c r="F42293" s="1" t="s">
        <v>144587</v>
      </c>
      <c r="G42293" s="1" t="s">
        <v>144531</v>
      </c>
      <c r="H42293" s="1" t="s">
        <v>144532</v>
      </c>
      <c r="I42293" s="1" t="s">
        <v>142575</v>
      </c>
      <c r="J42293" s="1" t="s">
        <v>144588</v>
      </c>
    </row>
    <row r="42294" spans="1:10" x14ac:dyDescent="0.35">
      <c r="A42294" s="1" t="s">
        <v>29283</v>
      </c>
      <c r="B42294" s="1" t="s">
        <v>142570</v>
      </c>
      <c r="C42294" s="1" t="s">
        <v>105</v>
      </c>
      <c r="D42294" s="1" t="s">
        <v>109867</v>
      </c>
      <c r="E42294" s="1" t="s">
        <v>144589</v>
      </c>
      <c r="F42294" s="1" t="s">
        <v>144590</v>
      </c>
      <c r="G42294" s="1" t="s">
        <v>144531</v>
      </c>
      <c r="H42294" s="1" t="s">
        <v>144532</v>
      </c>
      <c r="I42294" s="1" t="s">
        <v>142575</v>
      </c>
      <c r="J42294" s="1" t="s">
        <v>144591</v>
      </c>
    </row>
    <row r="42295" spans="1:10" x14ac:dyDescent="0.35">
      <c r="A42295" s="1" t="s">
        <v>29283</v>
      </c>
      <c r="B42295" s="1" t="s">
        <v>142570</v>
      </c>
      <c r="C42295" s="1" t="s">
        <v>110</v>
      </c>
      <c r="D42295" s="1" t="s">
        <v>144592</v>
      </c>
      <c r="E42295" s="1" t="s">
        <v>144593</v>
      </c>
      <c r="F42295" s="1" t="s">
        <v>144594</v>
      </c>
      <c r="G42295" s="1" t="s">
        <v>144531</v>
      </c>
      <c r="H42295" s="1" t="s">
        <v>144532</v>
      </c>
      <c r="I42295" s="1" t="s">
        <v>142575</v>
      </c>
      <c r="J42295" s="1" t="s">
        <v>144595</v>
      </c>
    </row>
    <row r="42296" spans="1:10" x14ac:dyDescent="0.35">
      <c r="A42296" s="1" t="s">
        <v>29283</v>
      </c>
      <c r="B42296" s="1" t="s">
        <v>142570</v>
      </c>
      <c r="C42296" s="1" t="s">
        <v>115</v>
      </c>
      <c r="D42296" s="1" t="s">
        <v>35148</v>
      </c>
      <c r="E42296" s="1" t="s">
        <v>144596</v>
      </c>
      <c r="F42296" s="1" t="s">
        <v>144597</v>
      </c>
      <c r="G42296" s="1" t="s">
        <v>144531</v>
      </c>
      <c r="H42296" s="1" t="s">
        <v>144532</v>
      </c>
      <c r="I42296" s="1" t="s">
        <v>142575</v>
      </c>
      <c r="J42296" s="1" t="s">
        <v>144598</v>
      </c>
    </row>
    <row r="42297" spans="1:10" x14ac:dyDescent="0.35">
      <c r="A42297" s="1" t="s">
        <v>29283</v>
      </c>
      <c r="B42297" s="1" t="s">
        <v>142570</v>
      </c>
      <c r="C42297" s="1" t="s">
        <v>120</v>
      </c>
      <c r="D42297" s="1" t="s">
        <v>144394</v>
      </c>
      <c r="E42297" s="1" t="s">
        <v>144599</v>
      </c>
      <c r="F42297" s="1" t="s">
        <v>144600</v>
      </c>
      <c r="G42297" s="1" t="s">
        <v>144531</v>
      </c>
      <c r="H42297" s="1" t="s">
        <v>144532</v>
      </c>
      <c r="I42297" s="1" t="s">
        <v>142575</v>
      </c>
      <c r="J42297" s="1" t="s">
        <v>144601</v>
      </c>
    </row>
    <row r="42298" spans="1:10" x14ac:dyDescent="0.35">
      <c r="A42298" s="1" t="s">
        <v>29283</v>
      </c>
      <c r="B42298" s="1" t="s">
        <v>142570</v>
      </c>
      <c r="C42298" s="1" t="s">
        <v>125</v>
      </c>
      <c r="D42298" s="1" t="s">
        <v>8032</v>
      </c>
      <c r="E42298" s="1" t="s">
        <v>144602</v>
      </c>
      <c r="F42298" s="1" t="s">
        <v>144603</v>
      </c>
      <c r="G42298" s="1" t="s">
        <v>144531</v>
      </c>
      <c r="H42298" s="1" t="s">
        <v>144532</v>
      </c>
      <c r="I42298" s="1" t="s">
        <v>142575</v>
      </c>
      <c r="J42298" s="1" t="s">
        <v>144604</v>
      </c>
    </row>
    <row r="42299" spans="1:10" x14ac:dyDescent="0.35">
      <c r="A42299" s="1" t="s">
        <v>29283</v>
      </c>
      <c r="B42299" s="1" t="s">
        <v>142570</v>
      </c>
      <c r="C42299" s="1" t="s">
        <v>130</v>
      </c>
      <c r="D42299" s="1" t="s">
        <v>29179</v>
      </c>
      <c r="E42299" s="1" t="s">
        <v>144605</v>
      </c>
      <c r="F42299" s="1" t="s">
        <v>144606</v>
      </c>
      <c r="G42299" s="1" t="s">
        <v>144531</v>
      </c>
      <c r="H42299" s="1" t="s">
        <v>144532</v>
      </c>
      <c r="I42299" s="1" t="s">
        <v>142575</v>
      </c>
      <c r="J42299" s="1" t="s">
        <v>143894</v>
      </c>
    </row>
    <row r="42300" spans="1:10" x14ac:dyDescent="0.35">
      <c r="A42300" s="1" t="s">
        <v>29283</v>
      </c>
      <c r="B42300" s="1" t="s">
        <v>142570</v>
      </c>
      <c r="C42300" s="1" t="s">
        <v>135</v>
      </c>
      <c r="D42300" s="1" t="s">
        <v>112522</v>
      </c>
      <c r="E42300" s="1" t="s">
        <v>144607</v>
      </c>
      <c r="F42300" s="1" t="s">
        <v>144608</v>
      </c>
      <c r="G42300" s="1" t="s">
        <v>144531</v>
      </c>
      <c r="H42300" s="1" t="s">
        <v>144532</v>
      </c>
      <c r="I42300" s="1" t="s">
        <v>142575</v>
      </c>
      <c r="J42300" s="1" t="s">
        <v>144609</v>
      </c>
    </row>
    <row r="42301" spans="1:10" x14ac:dyDescent="0.35">
      <c r="A42301" s="1" t="s">
        <v>29283</v>
      </c>
      <c r="B42301" s="1" t="s">
        <v>142570</v>
      </c>
      <c r="C42301" s="1" t="s">
        <v>140</v>
      </c>
      <c r="D42301" s="1" t="s">
        <v>45743</v>
      </c>
      <c r="E42301" s="1" t="s">
        <v>144610</v>
      </c>
      <c r="F42301" s="1" t="s">
        <v>144611</v>
      </c>
      <c r="G42301" s="1" t="s">
        <v>144531</v>
      </c>
      <c r="H42301" s="1" t="s">
        <v>144532</v>
      </c>
      <c r="I42301" s="1" t="s">
        <v>142575</v>
      </c>
      <c r="J42301" s="1" t="s">
        <v>144612</v>
      </c>
    </row>
    <row r="42302" spans="1:10" x14ac:dyDescent="0.35">
      <c r="A42302" s="1" t="s">
        <v>29283</v>
      </c>
      <c r="B42302" s="1" t="s">
        <v>142570</v>
      </c>
      <c r="C42302" s="1" t="s">
        <v>145</v>
      </c>
      <c r="D42302" s="1" t="s">
        <v>37665</v>
      </c>
      <c r="E42302" s="1" t="s">
        <v>144613</v>
      </c>
      <c r="F42302" s="1" t="s">
        <v>144614</v>
      </c>
      <c r="G42302" s="1" t="s">
        <v>144531</v>
      </c>
      <c r="H42302" s="1" t="s">
        <v>144532</v>
      </c>
      <c r="I42302" s="1" t="s">
        <v>142575</v>
      </c>
      <c r="J42302" s="1" t="s">
        <v>144615</v>
      </c>
    </row>
    <row r="42303" spans="1:10" x14ac:dyDescent="0.35">
      <c r="A42303" s="1" t="s">
        <v>29283</v>
      </c>
      <c r="B42303" s="1" t="s">
        <v>142570</v>
      </c>
      <c r="C42303" s="1" t="s">
        <v>150</v>
      </c>
      <c r="D42303" s="1" t="s">
        <v>112279</v>
      </c>
      <c r="E42303" s="1" t="s">
        <v>144616</v>
      </c>
      <c r="F42303" s="1" t="s">
        <v>144617</v>
      </c>
      <c r="G42303" s="1" t="s">
        <v>144531</v>
      </c>
      <c r="H42303" s="1" t="s">
        <v>144532</v>
      </c>
      <c r="I42303" s="1" t="s">
        <v>142575</v>
      </c>
      <c r="J42303" s="1" t="s">
        <v>144618</v>
      </c>
    </row>
    <row r="42304" spans="1:10" x14ac:dyDescent="0.35">
      <c r="A42304" s="1" t="s">
        <v>29283</v>
      </c>
      <c r="B42304" s="1" t="s">
        <v>142570</v>
      </c>
      <c r="C42304" s="1" t="s">
        <v>155</v>
      </c>
      <c r="D42304" s="1" t="s">
        <v>25863</v>
      </c>
      <c r="E42304" s="1" t="s">
        <v>144619</v>
      </c>
      <c r="F42304" s="1" t="s">
        <v>144620</v>
      </c>
      <c r="G42304" s="1" t="s">
        <v>144531</v>
      </c>
      <c r="H42304" s="1" t="s">
        <v>144532</v>
      </c>
      <c r="I42304" s="1" t="s">
        <v>142575</v>
      </c>
      <c r="J42304" s="1" t="s">
        <v>144621</v>
      </c>
    </row>
    <row r="42305" spans="1:10" x14ac:dyDescent="0.35">
      <c r="A42305" s="1" t="s">
        <v>29283</v>
      </c>
      <c r="B42305" s="1" t="s">
        <v>142570</v>
      </c>
      <c r="C42305" s="1" t="s">
        <v>160</v>
      </c>
      <c r="D42305" s="1" t="s">
        <v>144622</v>
      </c>
      <c r="E42305" s="1" t="s">
        <v>144623</v>
      </c>
      <c r="F42305" s="1" t="s">
        <v>144624</v>
      </c>
      <c r="G42305" s="1" t="s">
        <v>144531</v>
      </c>
      <c r="H42305" s="1" t="s">
        <v>144532</v>
      </c>
      <c r="I42305" s="1" t="s">
        <v>142575</v>
      </c>
      <c r="J42305" s="1" t="s">
        <v>144625</v>
      </c>
    </row>
    <row r="42306" spans="1:10" x14ac:dyDescent="0.35">
      <c r="A42306" s="1" t="s">
        <v>29283</v>
      </c>
      <c r="B42306" s="1" t="s">
        <v>142570</v>
      </c>
      <c r="C42306" s="1" t="s">
        <v>165</v>
      </c>
      <c r="D42306" s="1" t="s">
        <v>2133</v>
      </c>
      <c r="E42306" s="1" t="s">
        <v>144626</v>
      </c>
      <c r="F42306" s="1" t="s">
        <v>144627</v>
      </c>
      <c r="G42306" s="1" t="s">
        <v>144531</v>
      </c>
      <c r="H42306" s="1" t="s">
        <v>144532</v>
      </c>
      <c r="I42306" s="1" t="s">
        <v>142575</v>
      </c>
      <c r="J42306" s="1" t="s">
        <v>144628</v>
      </c>
    </row>
    <row r="42307" spans="1:10" x14ac:dyDescent="0.35">
      <c r="A42307" s="1" t="s">
        <v>29283</v>
      </c>
      <c r="B42307" s="1" t="s">
        <v>142570</v>
      </c>
      <c r="C42307" s="1" t="s">
        <v>170</v>
      </c>
      <c r="D42307" s="1" t="s">
        <v>37696</v>
      </c>
      <c r="E42307" s="1" t="s">
        <v>144629</v>
      </c>
      <c r="F42307" s="1" t="s">
        <v>144630</v>
      </c>
      <c r="G42307" s="1" t="s">
        <v>144531</v>
      </c>
      <c r="H42307" s="1" t="s">
        <v>144532</v>
      </c>
      <c r="I42307" s="1" t="s">
        <v>142575</v>
      </c>
      <c r="J42307" s="1" t="s">
        <v>144631</v>
      </c>
    </row>
    <row r="42308" spans="1:10" x14ac:dyDescent="0.35">
      <c r="A42308" s="1" t="s">
        <v>144632</v>
      </c>
      <c r="B42308" s="1" t="s">
        <v>142570</v>
      </c>
      <c r="C42308" s="1" t="s">
        <v>8</v>
      </c>
      <c r="D42308" s="1" t="s">
        <v>144633</v>
      </c>
      <c r="E42308" s="1" t="s">
        <v>144634</v>
      </c>
      <c r="F42308" s="1" t="s">
        <v>111807</v>
      </c>
      <c r="G42308" s="1" t="s">
        <v>144635</v>
      </c>
      <c r="H42308" s="1" t="s">
        <v>144636</v>
      </c>
      <c r="I42308" s="1" t="s">
        <v>142575</v>
      </c>
      <c r="J42308" s="1" t="s">
        <v>13</v>
      </c>
    </row>
    <row r="42309" spans="1:10" x14ac:dyDescent="0.35">
      <c r="A42309" s="1" t="s">
        <v>144632</v>
      </c>
      <c r="B42309" s="1" t="s">
        <v>142570</v>
      </c>
      <c r="C42309" s="1" t="s">
        <v>15</v>
      </c>
      <c r="D42309" s="1" t="s">
        <v>46916</v>
      </c>
      <c r="E42309" s="1" t="s">
        <v>144637</v>
      </c>
      <c r="F42309" s="1" t="s">
        <v>144638</v>
      </c>
      <c r="G42309" s="1" t="s">
        <v>144635</v>
      </c>
      <c r="H42309" s="1" t="s">
        <v>144636</v>
      </c>
      <c r="I42309" s="1" t="s">
        <v>142575</v>
      </c>
      <c r="J42309" s="1" t="s">
        <v>144639</v>
      </c>
    </row>
    <row r="42310" spans="1:10" x14ac:dyDescent="0.35">
      <c r="A42310" s="1" t="s">
        <v>144632</v>
      </c>
      <c r="B42310" s="1" t="s">
        <v>142570</v>
      </c>
      <c r="C42310" s="1" t="s">
        <v>20</v>
      </c>
      <c r="D42310" s="1" t="s">
        <v>25506</v>
      </c>
      <c r="E42310" s="1" t="s">
        <v>109762</v>
      </c>
      <c r="F42310" s="1" t="s">
        <v>144640</v>
      </c>
      <c r="G42310" s="1" t="s">
        <v>144635</v>
      </c>
      <c r="H42310" s="1" t="s">
        <v>144636</v>
      </c>
      <c r="I42310" s="1" t="s">
        <v>142575</v>
      </c>
      <c r="J42310" s="1" t="s">
        <v>144641</v>
      </c>
    </row>
    <row r="42311" spans="1:10" x14ac:dyDescent="0.35">
      <c r="A42311" s="1" t="s">
        <v>144632</v>
      </c>
      <c r="B42311" s="1" t="s">
        <v>142570</v>
      </c>
      <c r="C42311" s="1" t="s">
        <v>25</v>
      </c>
      <c r="D42311" s="1" t="s">
        <v>117024</v>
      </c>
      <c r="E42311" s="1" t="s">
        <v>144642</v>
      </c>
      <c r="F42311" s="1" t="s">
        <v>130086</v>
      </c>
      <c r="G42311" s="1" t="s">
        <v>144635</v>
      </c>
      <c r="H42311" s="1" t="s">
        <v>144636</v>
      </c>
      <c r="I42311" s="1" t="s">
        <v>142575</v>
      </c>
      <c r="J42311" s="1" t="s">
        <v>144643</v>
      </c>
    </row>
    <row r="42312" spans="1:10" x14ac:dyDescent="0.35">
      <c r="A42312" s="1" t="s">
        <v>144632</v>
      </c>
      <c r="B42312" s="1" t="s">
        <v>142570</v>
      </c>
      <c r="C42312" s="1" t="s">
        <v>30</v>
      </c>
      <c r="D42312" s="1" t="s">
        <v>144051</v>
      </c>
      <c r="E42312" s="1" t="s">
        <v>144644</v>
      </c>
      <c r="F42312" s="1" t="s">
        <v>144645</v>
      </c>
      <c r="G42312" s="1" t="s">
        <v>144635</v>
      </c>
      <c r="H42312" s="1" t="s">
        <v>144636</v>
      </c>
      <c r="I42312" s="1" t="s">
        <v>142575</v>
      </c>
      <c r="J42312" s="1" t="s">
        <v>144646</v>
      </c>
    </row>
    <row r="42313" spans="1:10" x14ac:dyDescent="0.35">
      <c r="A42313" s="1" t="s">
        <v>144632</v>
      </c>
      <c r="B42313" s="1" t="s">
        <v>142570</v>
      </c>
      <c r="C42313" s="1" t="s">
        <v>35</v>
      </c>
      <c r="D42313" s="1" t="s">
        <v>8341</v>
      </c>
      <c r="E42313" s="1" t="s">
        <v>144647</v>
      </c>
      <c r="F42313" s="1" t="s">
        <v>144648</v>
      </c>
      <c r="G42313" s="1" t="s">
        <v>144635</v>
      </c>
      <c r="H42313" s="1" t="s">
        <v>144636</v>
      </c>
      <c r="I42313" s="1" t="s">
        <v>142575</v>
      </c>
      <c r="J42313" s="1" t="s">
        <v>144649</v>
      </c>
    </row>
    <row r="42314" spans="1:10" x14ac:dyDescent="0.35">
      <c r="A42314" s="1" t="s">
        <v>144632</v>
      </c>
      <c r="B42314" s="1" t="s">
        <v>142570</v>
      </c>
      <c r="C42314" s="1" t="s">
        <v>40</v>
      </c>
      <c r="D42314" s="1" t="s">
        <v>110573</v>
      </c>
      <c r="E42314" s="1" t="s">
        <v>144650</v>
      </c>
      <c r="F42314" s="1" t="s">
        <v>144651</v>
      </c>
      <c r="G42314" s="1" t="s">
        <v>144635</v>
      </c>
      <c r="H42314" s="1" t="s">
        <v>144636</v>
      </c>
      <c r="I42314" s="1" t="s">
        <v>142575</v>
      </c>
      <c r="J42314" s="1" t="s">
        <v>144652</v>
      </c>
    </row>
    <row r="42315" spans="1:10" x14ac:dyDescent="0.35">
      <c r="A42315" s="1" t="s">
        <v>144632</v>
      </c>
      <c r="B42315" s="1" t="s">
        <v>142570</v>
      </c>
      <c r="C42315" s="1" t="s">
        <v>45</v>
      </c>
      <c r="D42315" s="1" t="s">
        <v>144051</v>
      </c>
      <c r="E42315" s="1" t="s">
        <v>77478</v>
      </c>
      <c r="F42315" s="1" t="s">
        <v>144653</v>
      </c>
      <c r="G42315" s="1" t="s">
        <v>144635</v>
      </c>
      <c r="H42315" s="1" t="s">
        <v>144636</v>
      </c>
      <c r="I42315" s="1" t="s">
        <v>142575</v>
      </c>
      <c r="J42315" s="1" t="s">
        <v>144654</v>
      </c>
    </row>
    <row r="42316" spans="1:10" x14ac:dyDescent="0.35">
      <c r="A42316" s="1" t="s">
        <v>144632</v>
      </c>
      <c r="B42316" s="1" t="s">
        <v>142570</v>
      </c>
      <c r="C42316" s="1" t="s">
        <v>50</v>
      </c>
      <c r="D42316" s="1" t="s">
        <v>4054</v>
      </c>
      <c r="E42316" s="1" t="s">
        <v>144655</v>
      </c>
      <c r="F42316" s="1" t="s">
        <v>144656</v>
      </c>
      <c r="G42316" s="1" t="s">
        <v>144635</v>
      </c>
      <c r="H42316" s="1" t="s">
        <v>144636</v>
      </c>
      <c r="I42316" s="1" t="s">
        <v>142575</v>
      </c>
      <c r="J42316" s="1" t="s">
        <v>144657</v>
      </c>
    </row>
    <row r="42317" spans="1:10" x14ac:dyDescent="0.35">
      <c r="A42317" s="1" t="s">
        <v>144632</v>
      </c>
      <c r="B42317" s="1" t="s">
        <v>142570</v>
      </c>
      <c r="C42317" s="1" t="s">
        <v>55</v>
      </c>
      <c r="D42317" s="1" t="s">
        <v>142499</v>
      </c>
      <c r="E42317" s="1" t="s">
        <v>144658</v>
      </c>
      <c r="F42317" s="1" t="s">
        <v>144659</v>
      </c>
      <c r="G42317" s="1" t="s">
        <v>144635</v>
      </c>
      <c r="H42317" s="1" t="s">
        <v>144636</v>
      </c>
      <c r="I42317" s="1" t="s">
        <v>142575</v>
      </c>
      <c r="J42317" s="1" t="s">
        <v>144660</v>
      </c>
    </row>
    <row r="42318" spans="1:10" x14ac:dyDescent="0.35">
      <c r="A42318" s="1" t="s">
        <v>144632</v>
      </c>
      <c r="B42318" s="1" t="s">
        <v>142570</v>
      </c>
      <c r="C42318" s="1" t="s">
        <v>60</v>
      </c>
      <c r="D42318" s="1" t="s">
        <v>8695</v>
      </c>
      <c r="E42318" s="1" t="s">
        <v>144661</v>
      </c>
      <c r="F42318" s="1" t="s">
        <v>144662</v>
      </c>
      <c r="G42318" s="1" t="s">
        <v>144635</v>
      </c>
      <c r="H42318" s="1" t="s">
        <v>144636</v>
      </c>
      <c r="I42318" s="1" t="s">
        <v>142575</v>
      </c>
      <c r="J42318" s="1" t="s">
        <v>144663</v>
      </c>
    </row>
    <row r="42319" spans="1:10" x14ac:dyDescent="0.35">
      <c r="A42319" s="1" t="s">
        <v>144632</v>
      </c>
      <c r="B42319" s="1" t="s">
        <v>142570</v>
      </c>
      <c r="C42319" s="1" t="s">
        <v>65</v>
      </c>
      <c r="D42319" s="1" t="s">
        <v>47323</v>
      </c>
      <c r="E42319" s="1" t="s">
        <v>144664</v>
      </c>
      <c r="F42319" s="1" t="s">
        <v>144665</v>
      </c>
      <c r="G42319" s="1" t="s">
        <v>144635</v>
      </c>
      <c r="H42319" s="1" t="s">
        <v>144636</v>
      </c>
      <c r="I42319" s="1" t="s">
        <v>142575</v>
      </c>
      <c r="J42319" s="1" t="s">
        <v>110833</v>
      </c>
    </row>
    <row r="42320" spans="1:10" x14ac:dyDescent="0.35">
      <c r="A42320" s="1" t="s">
        <v>144632</v>
      </c>
      <c r="B42320" s="1" t="s">
        <v>142570</v>
      </c>
      <c r="C42320" s="1" t="s">
        <v>70</v>
      </c>
      <c r="D42320" s="1" t="s">
        <v>9979</v>
      </c>
      <c r="E42320" s="1" t="s">
        <v>144666</v>
      </c>
      <c r="F42320" s="1" t="s">
        <v>144667</v>
      </c>
      <c r="G42320" s="1" t="s">
        <v>144635</v>
      </c>
      <c r="H42320" s="1" t="s">
        <v>144636</v>
      </c>
      <c r="I42320" s="1" t="s">
        <v>142575</v>
      </c>
      <c r="J42320" s="1" t="s">
        <v>144668</v>
      </c>
    </row>
    <row r="42321" spans="1:10" x14ac:dyDescent="0.35">
      <c r="A42321" s="1" t="s">
        <v>144632</v>
      </c>
      <c r="B42321" s="1" t="s">
        <v>142570</v>
      </c>
      <c r="C42321" s="1" t="s">
        <v>75</v>
      </c>
      <c r="D42321" s="1" t="s">
        <v>44380</v>
      </c>
      <c r="E42321" s="1" t="s">
        <v>144669</v>
      </c>
      <c r="F42321" s="1" t="s">
        <v>144670</v>
      </c>
      <c r="G42321" s="1" t="s">
        <v>144635</v>
      </c>
      <c r="H42321" s="1" t="s">
        <v>144636</v>
      </c>
      <c r="I42321" s="1" t="s">
        <v>142575</v>
      </c>
      <c r="J42321" s="1" t="s">
        <v>144671</v>
      </c>
    </row>
    <row r="42322" spans="1:10" x14ac:dyDescent="0.35">
      <c r="A42322" s="1" t="s">
        <v>144632</v>
      </c>
      <c r="B42322" s="1" t="s">
        <v>142570</v>
      </c>
      <c r="C42322" s="1" t="s">
        <v>80</v>
      </c>
      <c r="D42322" s="1" t="s">
        <v>144672</v>
      </c>
      <c r="E42322" s="1" t="s">
        <v>73393</v>
      </c>
      <c r="F42322" s="1" t="s">
        <v>144673</v>
      </c>
      <c r="G42322" s="1" t="s">
        <v>144635</v>
      </c>
      <c r="H42322" s="1" t="s">
        <v>144636</v>
      </c>
      <c r="I42322" s="1" t="s">
        <v>142575</v>
      </c>
      <c r="J42322" s="1" t="s">
        <v>144674</v>
      </c>
    </row>
    <row r="42323" spans="1:10" x14ac:dyDescent="0.35">
      <c r="A42323" s="1" t="s">
        <v>144632</v>
      </c>
      <c r="B42323" s="1" t="s">
        <v>142570</v>
      </c>
      <c r="C42323" s="1" t="s">
        <v>85</v>
      </c>
      <c r="D42323" s="1" t="s">
        <v>143516</v>
      </c>
      <c r="E42323" s="1" t="s">
        <v>73019</v>
      </c>
      <c r="F42323" s="1" t="s">
        <v>144675</v>
      </c>
      <c r="G42323" s="1" t="s">
        <v>144635</v>
      </c>
      <c r="H42323" s="1" t="s">
        <v>144636</v>
      </c>
      <c r="I42323" s="1" t="s">
        <v>142575</v>
      </c>
      <c r="J42323" s="1" t="s">
        <v>144676</v>
      </c>
    </row>
    <row r="42324" spans="1:10" x14ac:dyDescent="0.35">
      <c r="A42324" s="1" t="s">
        <v>144632</v>
      </c>
      <c r="B42324" s="1" t="s">
        <v>142570</v>
      </c>
      <c r="C42324" s="1" t="s">
        <v>90</v>
      </c>
      <c r="D42324" s="1" t="s">
        <v>143112</v>
      </c>
      <c r="E42324" s="1" t="s">
        <v>144677</v>
      </c>
      <c r="F42324" s="1" t="s">
        <v>144678</v>
      </c>
      <c r="G42324" s="1" t="s">
        <v>144635</v>
      </c>
      <c r="H42324" s="1" t="s">
        <v>144636</v>
      </c>
      <c r="I42324" s="1" t="s">
        <v>142575</v>
      </c>
      <c r="J42324" s="1" t="s">
        <v>144679</v>
      </c>
    </row>
    <row r="42325" spans="1:10" x14ac:dyDescent="0.35">
      <c r="A42325" s="1" t="s">
        <v>144632</v>
      </c>
      <c r="B42325" s="1" t="s">
        <v>142570</v>
      </c>
      <c r="C42325" s="1" t="s">
        <v>95</v>
      </c>
      <c r="D42325" s="1" t="s">
        <v>1667</v>
      </c>
      <c r="E42325" s="1" t="s">
        <v>72983</v>
      </c>
      <c r="F42325" s="1" t="s">
        <v>144680</v>
      </c>
      <c r="G42325" s="1" t="s">
        <v>144635</v>
      </c>
      <c r="H42325" s="1" t="s">
        <v>144636</v>
      </c>
      <c r="I42325" s="1" t="s">
        <v>142575</v>
      </c>
      <c r="J42325" s="1" t="s">
        <v>144681</v>
      </c>
    </row>
    <row r="42326" spans="1:10" x14ac:dyDescent="0.35">
      <c r="A42326" s="1" t="s">
        <v>144632</v>
      </c>
      <c r="B42326" s="1" t="s">
        <v>142570</v>
      </c>
      <c r="C42326" s="1" t="s">
        <v>100</v>
      </c>
      <c r="D42326" s="1" t="s">
        <v>10023</v>
      </c>
      <c r="E42326" s="1" t="s">
        <v>144682</v>
      </c>
      <c r="F42326" s="1" t="s">
        <v>144683</v>
      </c>
      <c r="G42326" s="1" t="s">
        <v>144635</v>
      </c>
      <c r="H42326" s="1" t="s">
        <v>144636</v>
      </c>
      <c r="I42326" s="1" t="s">
        <v>142575</v>
      </c>
      <c r="J42326" s="1" t="s">
        <v>144684</v>
      </c>
    </row>
    <row r="42327" spans="1:10" x14ac:dyDescent="0.35">
      <c r="A42327" s="1" t="s">
        <v>144632</v>
      </c>
      <c r="B42327" s="1" t="s">
        <v>142570</v>
      </c>
      <c r="C42327" s="1" t="s">
        <v>105</v>
      </c>
      <c r="D42327" s="1" t="s">
        <v>10194</v>
      </c>
      <c r="E42327" s="1" t="s">
        <v>144685</v>
      </c>
      <c r="F42327" s="1" t="s">
        <v>134314</v>
      </c>
      <c r="G42327" s="1" t="s">
        <v>144635</v>
      </c>
      <c r="H42327" s="1" t="s">
        <v>144636</v>
      </c>
      <c r="I42327" s="1" t="s">
        <v>142575</v>
      </c>
      <c r="J42327" s="1" t="s">
        <v>144686</v>
      </c>
    </row>
    <row r="42328" spans="1:10" x14ac:dyDescent="0.35">
      <c r="A42328" s="1" t="s">
        <v>144632</v>
      </c>
      <c r="B42328" s="1" t="s">
        <v>142570</v>
      </c>
      <c r="C42328" s="1" t="s">
        <v>110</v>
      </c>
      <c r="D42328" s="1" t="s">
        <v>8103</v>
      </c>
      <c r="E42328" s="1" t="s">
        <v>144687</v>
      </c>
      <c r="F42328" s="1" t="s">
        <v>144688</v>
      </c>
      <c r="G42328" s="1" t="s">
        <v>144635</v>
      </c>
      <c r="H42328" s="1" t="s">
        <v>144636</v>
      </c>
      <c r="I42328" s="1" t="s">
        <v>142575</v>
      </c>
      <c r="J42328" s="1" t="s">
        <v>144689</v>
      </c>
    </row>
    <row r="42329" spans="1:10" x14ac:dyDescent="0.35">
      <c r="A42329" s="1" t="s">
        <v>144632</v>
      </c>
      <c r="B42329" s="1" t="s">
        <v>142570</v>
      </c>
      <c r="C42329" s="1" t="s">
        <v>115</v>
      </c>
      <c r="D42329" s="1" t="s">
        <v>144690</v>
      </c>
      <c r="E42329" s="1" t="s">
        <v>144691</v>
      </c>
      <c r="F42329" s="1" t="s">
        <v>144692</v>
      </c>
      <c r="G42329" s="1" t="s">
        <v>144635</v>
      </c>
      <c r="H42329" s="1" t="s">
        <v>144636</v>
      </c>
      <c r="I42329" s="1" t="s">
        <v>142575</v>
      </c>
      <c r="J42329" s="1" t="s">
        <v>144693</v>
      </c>
    </row>
    <row r="42330" spans="1:10" x14ac:dyDescent="0.35">
      <c r="A42330" s="1" t="s">
        <v>144632</v>
      </c>
      <c r="B42330" s="1" t="s">
        <v>142570</v>
      </c>
      <c r="C42330" s="1" t="s">
        <v>120</v>
      </c>
      <c r="D42330" s="1" t="s">
        <v>120245</v>
      </c>
      <c r="E42330" s="1" t="s">
        <v>144682</v>
      </c>
      <c r="F42330" s="1" t="s">
        <v>144694</v>
      </c>
      <c r="G42330" s="1" t="s">
        <v>144635</v>
      </c>
      <c r="H42330" s="1" t="s">
        <v>144636</v>
      </c>
      <c r="I42330" s="1" t="s">
        <v>142575</v>
      </c>
      <c r="J42330" s="1" t="s">
        <v>96940</v>
      </c>
    </row>
    <row r="42331" spans="1:10" x14ac:dyDescent="0.35">
      <c r="A42331" s="1" t="s">
        <v>144632</v>
      </c>
      <c r="B42331" s="1" t="s">
        <v>142570</v>
      </c>
      <c r="C42331" s="1" t="s">
        <v>125</v>
      </c>
      <c r="D42331" s="1" t="s">
        <v>110887</v>
      </c>
      <c r="E42331" s="1" t="s">
        <v>77451</v>
      </c>
      <c r="F42331" s="1" t="s">
        <v>100958</v>
      </c>
      <c r="G42331" s="1" t="s">
        <v>144635</v>
      </c>
      <c r="H42331" s="1" t="s">
        <v>144636</v>
      </c>
      <c r="I42331" s="1" t="s">
        <v>142575</v>
      </c>
      <c r="J42331" s="1" t="s">
        <v>144695</v>
      </c>
    </row>
    <row r="42332" spans="1:10" x14ac:dyDescent="0.35">
      <c r="A42332" s="1" t="s">
        <v>144632</v>
      </c>
      <c r="B42332" s="1" t="s">
        <v>142570</v>
      </c>
      <c r="C42332" s="1" t="s">
        <v>130</v>
      </c>
      <c r="D42332" s="1" t="s">
        <v>117046</v>
      </c>
      <c r="E42332" s="1" t="s">
        <v>144696</v>
      </c>
      <c r="F42332" s="1" t="s">
        <v>133820</v>
      </c>
      <c r="G42332" s="1" t="s">
        <v>144635</v>
      </c>
      <c r="H42332" s="1" t="s">
        <v>144636</v>
      </c>
      <c r="I42332" s="1" t="s">
        <v>142575</v>
      </c>
      <c r="J42332" s="1" t="s">
        <v>144697</v>
      </c>
    </row>
    <row r="42333" spans="1:10" x14ac:dyDescent="0.35">
      <c r="A42333" s="1" t="s">
        <v>144632</v>
      </c>
      <c r="B42333" s="1" t="s">
        <v>142570</v>
      </c>
      <c r="C42333" s="1" t="s">
        <v>135</v>
      </c>
      <c r="D42333" s="1" t="s">
        <v>15583</v>
      </c>
      <c r="E42333" s="1" t="s">
        <v>144698</v>
      </c>
      <c r="F42333" s="1" t="s">
        <v>144699</v>
      </c>
      <c r="G42333" s="1" t="s">
        <v>144635</v>
      </c>
      <c r="H42333" s="1" t="s">
        <v>144636</v>
      </c>
      <c r="I42333" s="1" t="s">
        <v>142575</v>
      </c>
      <c r="J42333" s="1" t="s">
        <v>144700</v>
      </c>
    </row>
    <row r="42334" spans="1:10" x14ac:dyDescent="0.35">
      <c r="A42334" s="1" t="s">
        <v>144632</v>
      </c>
      <c r="B42334" s="1" t="s">
        <v>142570</v>
      </c>
      <c r="C42334" s="1" t="s">
        <v>140</v>
      </c>
      <c r="D42334" s="1" t="s">
        <v>144701</v>
      </c>
      <c r="E42334" s="1" t="s">
        <v>110701</v>
      </c>
      <c r="F42334" s="1" t="s">
        <v>144702</v>
      </c>
      <c r="G42334" s="1" t="s">
        <v>144635</v>
      </c>
      <c r="H42334" s="1" t="s">
        <v>144636</v>
      </c>
      <c r="I42334" s="1" t="s">
        <v>142575</v>
      </c>
      <c r="J42334" s="1" t="s">
        <v>144703</v>
      </c>
    </row>
    <row r="42335" spans="1:10" x14ac:dyDescent="0.35">
      <c r="A42335" s="1" t="s">
        <v>144632</v>
      </c>
      <c r="B42335" s="1" t="s">
        <v>142570</v>
      </c>
      <c r="C42335" s="1" t="s">
        <v>145</v>
      </c>
      <c r="D42335" s="1" t="s">
        <v>112421</v>
      </c>
      <c r="E42335" s="1" t="s">
        <v>73439</v>
      </c>
      <c r="F42335" s="1" t="s">
        <v>144704</v>
      </c>
      <c r="G42335" s="1" t="s">
        <v>144635</v>
      </c>
      <c r="H42335" s="1" t="s">
        <v>144636</v>
      </c>
      <c r="I42335" s="1" t="s">
        <v>142575</v>
      </c>
      <c r="J42335" s="1" t="s">
        <v>144705</v>
      </c>
    </row>
    <row r="42336" spans="1:10" x14ac:dyDescent="0.35">
      <c r="A42336" s="1" t="s">
        <v>144632</v>
      </c>
      <c r="B42336" s="1" t="s">
        <v>142570</v>
      </c>
      <c r="C42336" s="1" t="s">
        <v>150</v>
      </c>
      <c r="D42336" s="1" t="s">
        <v>112763</v>
      </c>
      <c r="E42336" s="1" t="s">
        <v>144706</v>
      </c>
      <c r="F42336" s="1" t="s">
        <v>144707</v>
      </c>
      <c r="G42336" s="1" t="s">
        <v>144635</v>
      </c>
      <c r="H42336" s="1" t="s">
        <v>144636</v>
      </c>
      <c r="I42336" s="1" t="s">
        <v>142575</v>
      </c>
      <c r="J42336" s="1" t="s">
        <v>144708</v>
      </c>
    </row>
    <row r="42337" spans="1:10" x14ac:dyDescent="0.35">
      <c r="A42337" s="1" t="s">
        <v>144632</v>
      </c>
      <c r="B42337" s="1" t="s">
        <v>142570</v>
      </c>
      <c r="C42337" s="1" t="s">
        <v>155</v>
      </c>
      <c r="D42337" s="1" t="s">
        <v>144709</v>
      </c>
      <c r="E42337" s="1" t="s">
        <v>73421</v>
      </c>
      <c r="F42337" s="1" t="s">
        <v>144710</v>
      </c>
      <c r="G42337" s="1" t="s">
        <v>144635</v>
      </c>
      <c r="H42337" s="1" t="s">
        <v>144636</v>
      </c>
      <c r="I42337" s="1" t="s">
        <v>142575</v>
      </c>
      <c r="J42337" s="1" t="s">
        <v>144711</v>
      </c>
    </row>
    <row r="42338" spans="1:10" x14ac:dyDescent="0.35">
      <c r="A42338" s="1" t="s">
        <v>144632</v>
      </c>
      <c r="B42338" s="1" t="s">
        <v>142570</v>
      </c>
      <c r="C42338" s="1" t="s">
        <v>160</v>
      </c>
      <c r="D42338" s="1" t="s">
        <v>50826</v>
      </c>
      <c r="E42338" s="1" t="s">
        <v>73449</v>
      </c>
      <c r="F42338" s="1" t="s">
        <v>144712</v>
      </c>
      <c r="G42338" s="1" t="s">
        <v>144635</v>
      </c>
      <c r="H42338" s="1" t="s">
        <v>144636</v>
      </c>
      <c r="I42338" s="1" t="s">
        <v>142575</v>
      </c>
      <c r="J42338" s="1" t="s">
        <v>144713</v>
      </c>
    </row>
    <row r="42339" spans="1:10" x14ac:dyDescent="0.35">
      <c r="A42339" s="1" t="s">
        <v>144632</v>
      </c>
      <c r="B42339" s="1" t="s">
        <v>142570</v>
      </c>
      <c r="C42339" s="1" t="s">
        <v>165</v>
      </c>
      <c r="D42339" s="1" t="s">
        <v>109631</v>
      </c>
      <c r="E42339" s="1" t="s">
        <v>144714</v>
      </c>
      <c r="F42339" s="1" t="s">
        <v>144715</v>
      </c>
      <c r="G42339" s="1" t="s">
        <v>144635</v>
      </c>
      <c r="H42339" s="1" t="s">
        <v>144636</v>
      </c>
      <c r="I42339" s="1" t="s">
        <v>142575</v>
      </c>
      <c r="J42339" s="1" t="s">
        <v>144716</v>
      </c>
    </row>
    <row r="42340" spans="1:10" x14ac:dyDescent="0.35">
      <c r="A42340" s="1" t="s">
        <v>144632</v>
      </c>
      <c r="B42340" s="1" t="s">
        <v>142570</v>
      </c>
      <c r="C42340" s="1" t="s">
        <v>170</v>
      </c>
      <c r="D42340" s="1" t="s">
        <v>9698</v>
      </c>
      <c r="E42340" s="1" t="s">
        <v>144717</v>
      </c>
      <c r="F42340" s="1" t="s">
        <v>144718</v>
      </c>
      <c r="G42340" s="1" t="s">
        <v>144635</v>
      </c>
      <c r="H42340" s="1" t="s">
        <v>144636</v>
      </c>
      <c r="I42340" s="1" t="s">
        <v>142575</v>
      </c>
      <c r="J42340" s="1" t="s">
        <v>144719</v>
      </c>
    </row>
    <row r="42341" spans="1:10" x14ac:dyDescent="0.35">
      <c r="A42341" s="1" t="s">
        <v>144720</v>
      </c>
      <c r="B42341" s="1" t="s">
        <v>142570</v>
      </c>
      <c r="C42341" s="1" t="s">
        <v>8</v>
      </c>
      <c r="D42341" s="1" t="s">
        <v>111564</v>
      </c>
      <c r="E42341" s="1" t="s">
        <v>144721</v>
      </c>
      <c r="F42341" s="1" t="s">
        <v>144722</v>
      </c>
      <c r="G42341" s="1" t="s">
        <v>144723</v>
      </c>
      <c r="H42341" s="1" t="s">
        <v>144724</v>
      </c>
      <c r="I42341" s="1" t="s">
        <v>142575</v>
      </c>
      <c r="J42341" s="1" t="s">
        <v>13</v>
      </c>
    </row>
    <row r="42342" spans="1:10" x14ac:dyDescent="0.35">
      <c r="A42342" s="1" t="s">
        <v>144720</v>
      </c>
      <c r="B42342" s="1" t="s">
        <v>142570</v>
      </c>
      <c r="C42342" s="1" t="s">
        <v>15</v>
      </c>
      <c r="D42342" s="1" t="s">
        <v>144725</v>
      </c>
      <c r="E42342" s="1" t="s">
        <v>144726</v>
      </c>
      <c r="F42342" s="1" t="s">
        <v>144727</v>
      </c>
      <c r="G42342" s="1" t="s">
        <v>144723</v>
      </c>
      <c r="H42342" s="1" t="s">
        <v>144724</v>
      </c>
      <c r="I42342" s="1" t="s">
        <v>142575</v>
      </c>
      <c r="J42342" s="1" t="s">
        <v>144728</v>
      </c>
    </row>
    <row r="42343" spans="1:10" x14ac:dyDescent="0.35">
      <c r="A42343" s="1" t="s">
        <v>144720</v>
      </c>
      <c r="B42343" s="1" t="s">
        <v>142570</v>
      </c>
      <c r="C42343" s="1" t="s">
        <v>20</v>
      </c>
      <c r="D42343" s="1" t="s">
        <v>6866</v>
      </c>
      <c r="E42343" s="1" t="s">
        <v>144729</v>
      </c>
      <c r="F42343" s="1" t="s">
        <v>144730</v>
      </c>
      <c r="G42343" s="1" t="s">
        <v>144723</v>
      </c>
      <c r="H42343" s="1" t="s">
        <v>144724</v>
      </c>
      <c r="I42343" s="1" t="s">
        <v>142575</v>
      </c>
      <c r="J42343" s="1" t="s">
        <v>144731</v>
      </c>
    </row>
    <row r="42344" spans="1:10" x14ac:dyDescent="0.35">
      <c r="A42344" s="1" t="s">
        <v>144720</v>
      </c>
      <c r="B42344" s="1" t="s">
        <v>142570</v>
      </c>
      <c r="C42344" s="1" t="s">
        <v>25</v>
      </c>
      <c r="D42344" s="1" t="s">
        <v>29344</v>
      </c>
      <c r="E42344" s="1" t="s">
        <v>144732</v>
      </c>
      <c r="F42344" s="1" t="s">
        <v>144733</v>
      </c>
      <c r="G42344" s="1" t="s">
        <v>144723</v>
      </c>
      <c r="H42344" s="1" t="s">
        <v>144724</v>
      </c>
      <c r="I42344" s="1" t="s">
        <v>142575</v>
      </c>
      <c r="J42344" s="1" t="s">
        <v>144734</v>
      </c>
    </row>
    <row r="42345" spans="1:10" x14ac:dyDescent="0.35">
      <c r="A42345" s="1" t="s">
        <v>144720</v>
      </c>
      <c r="B42345" s="1" t="s">
        <v>142570</v>
      </c>
      <c r="C42345" s="1" t="s">
        <v>30</v>
      </c>
      <c r="D42345" s="1" t="s">
        <v>47331</v>
      </c>
      <c r="E42345" s="1" t="s">
        <v>144735</v>
      </c>
      <c r="F42345" s="1" t="s">
        <v>144736</v>
      </c>
      <c r="G42345" s="1" t="s">
        <v>144723</v>
      </c>
      <c r="H42345" s="1" t="s">
        <v>144724</v>
      </c>
      <c r="I42345" s="1" t="s">
        <v>142575</v>
      </c>
      <c r="J42345" s="1" t="s">
        <v>144737</v>
      </c>
    </row>
    <row r="42346" spans="1:10" x14ac:dyDescent="0.35">
      <c r="A42346" s="1" t="s">
        <v>144720</v>
      </c>
      <c r="B42346" s="1" t="s">
        <v>142570</v>
      </c>
      <c r="C42346" s="1" t="s">
        <v>35</v>
      </c>
      <c r="D42346" s="1" t="s">
        <v>7575</v>
      </c>
      <c r="E42346" s="1" t="s">
        <v>144738</v>
      </c>
      <c r="F42346" s="1" t="s">
        <v>144739</v>
      </c>
      <c r="G42346" s="1" t="s">
        <v>144723</v>
      </c>
      <c r="H42346" s="1" t="s">
        <v>144724</v>
      </c>
      <c r="I42346" s="1" t="s">
        <v>142575</v>
      </c>
      <c r="J42346" s="1" t="s">
        <v>144740</v>
      </c>
    </row>
    <row r="42347" spans="1:10" x14ac:dyDescent="0.35">
      <c r="A42347" s="1" t="s">
        <v>144720</v>
      </c>
      <c r="B42347" s="1" t="s">
        <v>142570</v>
      </c>
      <c r="C42347" s="1" t="s">
        <v>40</v>
      </c>
      <c r="D42347" s="1" t="s">
        <v>1691</v>
      </c>
      <c r="E42347" s="1" t="s">
        <v>144741</v>
      </c>
      <c r="F42347" s="1" t="s">
        <v>58471</v>
      </c>
      <c r="G42347" s="1" t="s">
        <v>144723</v>
      </c>
      <c r="H42347" s="1" t="s">
        <v>144724</v>
      </c>
      <c r="I42347" s="1" t="s">
        <v>142575</v>
      </c>
      <c r="J42347" s="1" t="s">
        <v>144742</v>
      </c>
    </row>
    <row r="42348" spans="1:10" x14ac:dyDescent="0.35">
      <c r="A42348" s="1" t="s">
        <v>144720</v>
      </c>
      <c r="B42348" s="1" t="s">
        <v>142570</v>
      </c>
      <c r="C42348" s="1" t="s">
        <v>45</v>
      </c>
      <c r="D42348" s="1" t="s">
        <v>2117</v>
      </c>
      <c r="E42348" s="1" t="s">
        <v>144743</v>
      </c>
      <c r="F42348" s="1" t="s">
        <v>144744</v>
      </c>
      <c r="G42348" s="1" t="s">
        <v>144723</v>
      </c>
      <c r="H42348" s="1" t="s">
        <v>144724</v>
      </c>
      <c r="I42348" s="1" t="s">
        <v>142575</v>
      </c>
      <c r="J42348" s="1" t="s">
        <v>144745</v>
      </c>
    </row>
    <row r="42349" spans="1:10" x14ac:dyDescent="0.35">
      <c r="A42349" s="1" t="s">
        <v>144720</v>
      </c>
      <c r="B42349" s="1" t="s">
        <v>142570</v>
      </c>
      <c r="C42349" s="1" t="s">
        <v>50</v>
      </c>
      <c r="D42349" s="1" t="s">
        <v>144746</v>
      </c>
      <c r="E42349" s="1" t="s">
        <v>144747</v>
      </c>
      <c r="F42349" s="1" t="s">
        <v>144748</v>
      </c>
      <c r="G42349" s="1" t="s">
        <v>144723</v>
      </c>
      <c r="H42349" s="1" t="s">
        <v>144724</v>
      </c>
      <c r="I42349" s="1" t="s">
        <v>142575</v>
      </c>
      <c r="J42349" s="1" t="s">
        <v>144749</v>
      </c>
    </row>
    <row r="42350" spans="1:10" x14ac:dyDescent="0.35">
      <c r="A42350" s="1" t="s">
        <v>144720</v>
      </c>
      <c r="B42350" s="1" t="s">
        <v>142570</v>
      </c>
      <c r="C42350" s="1" t="s">
        <v>55</v>
      </c>
      <c r="D42350" s="1" t="s">
        <v>29798</v>
      </c>
      <c r="E42350" s="1" t="s">
        <v>144750</v>
      </c>
      <c r="F42350" s="1" t="s">
        <v>144751</v>
      </c>
      <c r="G42350" s="1" t="s">
        <v>144723</v>
      </c>
      <c r="H42350" s="1" t="s">
        <v>144724</v>
      </c>
      <c r="I42350" s="1" t="s">
        <v>142575</v>
      </c>
      <c r="J42350" s="1" t="s">
        <v>144752</v>
      </c>
    </row>
    <row r="42351" spans="1:10" x14ac:dyDescent="0.35">
      <c r="A42351" s="1" t="s">
        <v>144720</v>
      </c>
      <c r="B42351" s="1" t="s">
        <v>142570</v>
      </c>
      <c r="C42351" s="1" t="s">
        <v>60</v>
      </c>
      <c r="D42351" s="1" t="s">
        <v>9258</v>
      </c>
      <c r="E42351" s="1" t="s">
        <v>144753</v>
      </c>
      <c r="F42351" s="1" t="s">
        <v>144754</v>
      </c>
      <c r="G42351" s="1" t="s">
        <v>144723</v>
      </c>
      <c r="H42351" s="1" t="s">
        <v>144724</v>
      </c>
      <c r="I42351" s="1" t="s">
        <v>142575</v>
      </c>
      <c r="J42351" s="1" t="s">
        <v>144755</v>
      </c>
    </row>
    <row r="42352" spans="1:10" x14ac:dyDescent="0.35">
      <c r="A42352" s="1" t="s">
        <v>144720</v>
      </c>
      <c r="B42352" s="1" t="s">
        <v>142570</v>
      </c>
      <c r="C42352" s="1" t="s">
        <v>65</v>
      </c>
      <c r="D42352" s="1" t="s">
        <v>4789</v>
      </c>
      <c r="E42352" s="1" t="s">
        <v>144756</v>
      </c>
      <c r="F42352" s="1" t="s">
        <v>144757</v>
      </c>
      <c r="G42352" s="1" t="s">
        <v>144723</v>
      </c>
      <c r="H42352" s="1" t="s">
        <v>144724</v>
      </c>
      <c r="I42352" s="1" t="s">
        <v>142575</v>
      </c>
      <c r="J42352" s="1" t="s">
        <v>144758</v>
      </c>
    </row>
    <row r="42353" spans="1:10" x14ac:dyDescent="0.35">
      <c r="A42353" s="1" t="s">
        <v>144720</v>
      </c>
      <c r="B42353" s="1" t="s">
        <v>142570</v>
      </c>
      <c r="C42353" s="1" t="s">
        <v>70</v>
      </c>
      <c r="D42353" s="1" t="s">
        <v>28998</v>
      </c>
      <c r="E42353" s="1" t="s">
        <v>144759</v>
      </c>
      <c r="F42353" s="1" t="s">
        <v>144760</v>
      </c>
      <c r="G42353" s="1" t="s">
        <v>144723</v>
      </c>
      <c r="H42353" s="1" t="s">
        <v>144724</v>
      </c>
      <c r="I42353" s="1" t="s">
        <v>142575</v>
      </c>
      <c r="J42353" s="1" t="s">
        <v>144761</v>
      </c>
    </row>
    <row r="42354" spans="1:10" x14ac:dyDescent="0.35">
      <c r="A42354" s="1" t="s">
        <v>144720</v>
      </c>
      <c r="B42354" s="1" t="s">
        <v>142570</v>
      </c>
      <c r="C42354" s="1" t="s">
        <v>75</v>
      </c>
      <c r="D42354" s="1" t="s">
        <v>10943</v>
      </c>
      <c r="E42354" s="1" t="s">
        <v>144762</v>
      </c>
      <c r="F42354" s="1" t="s">
        <v>144763</v>
      </c>
      <c r="G42354" s="1" t="s">
        <v>144723</v>
      </c>
      <c r="H42354" s="1" t="s">
        <v>144724</v>
      </c>
      <c r="I42354" s="1" t="s">
        <v>142575</v>
      </c>
      <c r="J42354" s="1" t="s">
        <v>144764</v>
      </c>
    </row>
    <row r="42355" spans="1:10" x14ac:dyDescent="0.35">
      <c r="A42355" s="1" t="s">
        <v>144720</v>
      </c>
      <c r="B42355" s="1" t="s">
        <v>142570</v>
      </c>
      <c r="C42355" s="1" t="s">
        <v>80</v>
      </c>
      <c r="D42355" s="1" t="s">
        <v>29462</v>
      </c>
      <c r="E42355" s="1" t="s">
        <v>144765</v>
      </c>
      <c r="F42355" s="1" t="s">
        <v>144766</v>
      </c>
      <c r="G42355" s="1" t="s">
        <v>144723</v>
      </c>
      <c r="H42355" s="1" t="s">
        <v>144724</v>
      </c>
      <c r="I42355" s="1" t="s">
        <v>142575</v>
      </c>
      <c r="J42355" s="1" t="s">
        <v>144767</v>
      </c>
    </row>
    <row r="42356" spans="1:10" x14ac:dyDescent="0.35">
      <c r="A42356" s="1" t="s">
        <v>144720</v>
      </c>
      <c r="B42356" s="1" t="s">
        <v>142570</v>
      </c>
      <c r="C42356" s="1" t="s">
        <v>85</v>
      </c>
      <c r="D42356" s="1" t="s">
        <v>143562</v>
      </c>
      <c r="E42356" s="1" t="s">
        <v>144768</v>
      </c>
      <c r="F42356" s="1" t="s">
        <v>144769</v>
      </c>
      <c r="G42356" s="1" t="s">
        <v>144723</v>
      </c>
      <c r="H42356" s="1" t="s">
        <v>144724</v>
      </c>
      <c r="I42356" s="1" t="s">
        <v>142575</v>
      </c>
      <c r="J42356" s="1" t="s">
        <v>144770</v>
      </c>
    </row>
    <row r="42357" spans="1:10" x14ac:dyDescent="0.35">
      <c r="A42357" s="1" t="s">
        <v>144720</v>
      </c>
      <c r="B42357" s="1" t="s">
        <v>142570</v>
      </c>
      <c r="C42357" s="1" t="s">
        <v>90</v>
      </c>
      <c r="D42357" s="1" t="s">
        <v>143533</v>
      </c>
      <c r="E42357" s="1" t="s">
        <v>144771</v>
      </c>
      <c r="F42357" s="1" t="s">
        <v>144772</v>
      </c>
      <c r="G42357" s="1" t="s">
        <v>144723</v>
      </c>
      <c r="H42357" s="1" t="s">
        <v>144724</v>
      </c>
      <c r="I42357" s="1" t="s">
        <v>142575</v>
      </c>
      <c r="J42357" s="1" t="s">
        <v>144773</v>
      </c>
    </row>
    <row r="42358" spans="1:10" x14ac:dyDescent="0.35">
      <c r="A42358" s="1" t="s">
        <v>144720</v>
      </c>
      <c r="B42358" s="1" t="s">
        <v>142570</v>
      </c>
      <c r="C42358" s="1" t="s">
        <v>95</v>
      </c>
      <c r="D42358" s="1" t="s">
        <v>121880</v>
      </c>
      <c r="E42358" s="1" t="s">
        <v>144774</v>
      </c>
      <c r="F42358" s="1" t="s">
        <v>144775</v>
      </c>
      <c r="G42358" s="1" t="s">
        <v>144723</v>
      </c>
      <c r="H42358" s="1" t="s">
        <v>144724</v>
      </c>
      <c r="I42358" s="1" t="s">
        <v>142575</v>
      </c>
      <c r="J42358" s="1" t="s">
        <v>144776</v>
      </c>
    </row>
    <row r="42359" spans="1:10" x14ac:dyDescent="0.35">
      <c r="A42359" s="1" t="s">
        <v>144720</v>
      </c>
      <c r="B42359" s="1" t="s">
        <v>142570</v>
      </c>
      <c r="C42359" s="1" t="s">
        <v>100</v>
      </c>
      <c r="D42359" s="1" t="s">
        <v>29004</v>
      </c>
      <c r="E42359" s="1" t="s">
        <v>144777</v>
      </c>
      <c r="F42359" s="1" t="s">
        <v>144778</v>
      </c>
      <c r="G42359" s="1" t="s">
        <v>144723</v>
      </c>
      <c r="H42359" s="1" t="s">
        <v>144724</v>
      </c>
      <c r="I42359" s="1" t="s">
        <v>142575</v>
      </c>
      <c r="J42359" s="1" t="s">
        <v>144779</v>
      </c>
    </row>
    <row r="42360" spans="1:10" x14ac:dyDescent="0.35">
      <c r="A42360" s="1" t="s">
        <v>144720</v>
      </c>
      <c r="B42360" s="1" t="s">
        <v>142570</v>
      </c>
      <c r="C42360" s="1" t="s">
        <v>105</v>
      </c>
      <c r="D42360" s="1" t="s">
        <v>29802</v>
      </c>
      <c r="E42360" s="1" t="s">
        <v>144780</v>
      </c>
      <c r="F42360" s="1" t="s">
        <v>144781</v>
      </c>
      <c r="G42360" s="1" t="s">
        <v>144723</v>
      </c>
      <c r="H42360" s="1" t="s">
        <v>144724</v>
      </c>
      <c r="I42360" s="1" t="s">
        <v>142575</v>
      </c>
      <c r="J42360" s="1" t="s">
        <v>144782</v>
      </c>
    </row>
    <row r="42361" spans="1:10" x14ac:dyDescent="0.35">
      <c r="A42361" s="1" t="s">
        <v>144720</v>
      </c>
      <c r="B42361" s="1" t="s">
        <v>142570</v>
      </c>
      <c r="C42361" s="1" t="s">
        <v>110</v>
      </c>
      <c r="D42361" s="1" t="s">
        <v>104449</v>
      </c>
      <c r="E42361" s="1" t="s">
        <v>144783</v>
      </c>
      <c r="F42361" s="1" t="s">
        <v>144784</v>
      </c>
      <c r="G42361" s="1" t="s">
        <v>144723</v>
      </c>
      <c r="H42361" s="1" t="s">
        <v>144724</v>
      </c>
      <c r="I42361" s="1" t="s">
        <v>142575</v>
      </c>
      <c r="J42361" s="1" t="s">
        <v>144785</v>
      </c>
    </row>
    <row r="42362" spans="1:10" x14ac:dyDescent="0.35">
      <c r="A42362" s="1" t="s">
        <v>144720</v>
      </c>
      <c r="B42362" s="1" t="s">
        <v>142570</v>
      </c>
      <c r="C42362" s="1" t="s">
        <v>115</v>
      </c>
      <c r="D42362" s="1" t="s">
        <v>2627</v>
      </c>
      <c r="E42362" s="1" t="s">
        <v>144786</v>
      </c>
      <c r="F42362" s="1" t="s">
        <v>144787</v>
      </c>
      <c r="G42362" s="1" t="s">
        <v>144723</v>
      </c>
      <c r="H42362" s="1" t="s">
        <v>144724</v>
      </c>
      <c r="I42362" s="1" t="s">
        <v>142575</v>
      </c>
      <c r="J42362" s="1" t="s">
        <v>144788</v>
      </c>
    </row>
    <row r="42363" spans="1:10" x14ac:dyDescent="0.35">
      <c r="A42363" s="1" t="s">
        <v>144720</v>
      </c>
      <c r="B42363" s="1" t="s">
        <v>142570</v>
      </c>
      <c r="C42363" s="1" t="s">
        <v>120</v>
      </c>
      <c r="D42363" s="1" t="s">
        <v>144789</v>
      </c>
      <c r="E42363" s="1" t="s">
        <v>144790</v>
      </c>
      <c r="F42363" s="1" t="s">
        <v>144791</v>
      </c>
      <c r="G42363" s="1" t="s">
        <v>144723</v>
      </c>
      <c r="H42363" s="1" t="s">
        <v>144724</v>
      </c>
      <c r="I42363" s="1" t="s">
        <v>142575</v>
      </c>
      <c r="J42363" s="1" t="s">
        <v>144792</v>
      </c>
    </row>
    <row r="42364" spans="1:10" x14ac:dyDescent="0.35">
      <c r="A42364" s="1" t="s">
        <v>144720</v>
      </c>
      <c r="B42364" s="1" t="s">
        <v>142570</v>
      </c>
      <c r="C42364" s="1" t="s">
        <v>125</v>
      </c>
      <c r="D42364" s="1" t="s">
        <v>144793</v>
      </c>
      <c r="E42364" s="1" t="s">
        <v>144794</v>
      </c>
      <c r="F42364" s="1" t="s">
        <v>144795</v>
      </c>
      <c r="G42364" s="1" t="s">
        <v>144723</v>
      </c>
      <c r="H42364" s="1" t="s">
        <v>144724</v>
      </c>
      <c r="I42364" s="1" t="s">
        <v>142575</v>
      </c>
      <c r="J42364" s="1" t="s">
        <v>144796</v>
      </c>
    </row>
    <row r="42365" spans="1:10" x14ac:dyDescent="0.35">
      <c r="A42365" s="1" t="s">
        <v>144720</v>
      </c>
      <c r="B42365" s="1" t="s">
        <v>142570</v>
      </c>
      <c r="C42365" s="1" t="s">
        <v>130</v>
      </c>
      <c r="D42365" s="1" t="s">
        <v>28801</v>
      </c>
      <c r="E42365" s="1" t="s">
        <v>144797</v>
      </c>
      <c r="F42365" s="1" t="s">
        <v>144798</v>
      </c>
      <c r="G42365" s="1" t="s">
        <v>144723</v>
      </c>
      <c r="H42365" s="1" t="s">
        <v>144724</v>
      </c>
      <c r="I42365" s="1" t="s">
        <v>142575</v>
      </c>
      <c r="J42365" s="1" t="s">
        <v>144799</v>
      </c>
    </row>
    <row r="42366" spans="1:10" x14ac:dyDescent="0.35">
      <c r="A42366" s="1" t="s">
        <v>144720</v>
      </c>
      <c r="B42366" s="1" t="s">
        <v>142570</v>
      </c>
      <c r="C42366" s="1" t="s">
        <v>135</v>
      </c>
      <c r="D42366" s="1" t="s">
        <v>120072</v>
      </c>
      <c r="E42366" s="1" t="s">
        <v>144800</v>
      </c>
      <c r="F42366" s="1" t="s">
        <v>144801</v>
      </c>
      <c r="G42366" s="1" t="s">
        <v>144723</v>
      </c>
      <c r="H42366" s="1" t="s">
        <v>144724</v>
      </c>
      <c r="I42366" s="1" t="s">
        <v>142575</v>
      </c>
      <c r="J42366" s="1" t="s">
        <v>144802</v>
      </c>
    </row>
    <row r="42367" spans="1:10" x14ac:dyDescent="0.35">
      <c r="A42367" s="1" t="s">
        <v>144720</v>
      </c>
      <c r="B42367" s="1" t="s">
        <v>142570</v>
      </c>
      <c r="C42367" s="1" t="s">
        <v>140</v>
      </c>
      <c r="D42367" s="1" t="s">
        <v>144803</v>
      </c>
      <c r="E42367" s="1" t="s">
        <v>144804</v>
      </c>
      <c r="F42367" s="1" t="s">
        <v>144805</v>
      </c>
      <c r="G42367" s="1" t="s">
        <v>144723</v>
      </c>
      <c r="H42367" s="1" t="s">
        <v>144724</v>
      </c>
      <c r="I42367" s="1" t="s">
        <v>142575</v>
      </c>
      <c r="J42367" s="1" t="s">
        <v>144806</v>
      </c>
    </row>
    <row r="42368" spans="1:10" x14ac:dyDescent="0.35">
      <c r="A42368" s="1" t="s">
        <v>144720</v>
      </c>
      <c r="B42368" s="1" t="s">
        <v>142570</v>
      </c>
      <c r="C42368" s="1" t="s">
        <v>145</v>
      </c>
      <c r="D42368" s="1" t="s">
        <v>11002</v>
      </c>
      <c r="E42368" s="1" t="s">
        <v>144807</v>
      </c>
      <c r="F42368" s="1" t="s">
        <v>144808</v>
      </c>
      <c r="G42368" s="1" t="s">
        <v>144723</v>
      </c>
      <c r="H42368" s="1" t="s">
        <v>144724</v>
      </c>
      <c r="I42368" s="1" t="s">
        <v>142575</v>
      </c>
      <c r="J42368" s="1" t="s">
        <v>144809</v>
      </c>
    </row>
    <row r="42369" spans="1:10" x14ac:dyDescent="0.35">
      <c r="A42369" s="1" t="s">
        <v>144720</v>
      </c>
      <c r="B42369" s="1" t="s">
        <v>142570</v>
      </c>
      <c r="C42369" s="1" t="s">
        <v>150</v>
      </c>
      <c r="D42369" s="1" t="s">
        <v>116389</v>
      </c>
      <c r="E42369" s="1" t="s">
        <v>144810</v>
      </c>
      <c r="F42369" s="1" t="s">
        <v>144811</v>
      </c>
      <c r="G42369" s="1" t="s">
        <v>144723</v>
      </c>
      <c r="H42369" s="1" t="s">
        <v>144724</v>
      </c>
      <c r="I42369" s="1" t="s">
        <v>142575</v>
      </c>
      <c r="J42369" s="1" t="s">
        <v>144812</v>
      </c>
    </row>
    <row r="42370" spans="1:10" x14ac:dyDescent="0.35">
      <c r="A42370" s="1" t="s">
        <v>144720</v>
      </c>
      <c r="B42370" s="1" t="s">
        <v>142570</v>
      </c>
      <c r="C42370" s="1" t="s">
        <v>155</v>
      </c>
      <c r="D42370" s="1" t="s">
        <v>50974</v>
      </c>
      <c r="E42370" s="1" t="s">
        <v>144813</v>
      </c>
      <c r="F42370" s="1" t="s">
        <v>144814</v>
      </c>
      <c r="G42370" s="1" t="s">
        <v>144723</v>
      </c>
      <c r="H42370" s="1" t="s">
        <v>144724</v>
      </c>
      <c r="I42370" s="1" t="s">
        <v>142575</v>
      </c>
      <c r="J42370" s="1" t="s">
        <v>144815</v>
      </c>
    </row>
    <row r="42371" spans="1:10" x14ac:dyDescent="0.35">
      <c r="A42371" s="1" t="s">
        <v>144720</v>
      </c>
      <c r="B42371" s="1" t="s">
        <v>142570</v>
      </c>
      <c r="C42371" s="1" t="s">
        <v>160</v>
      </c>
      <c r="D42371" s="1" t="s">
        <v>144816</v>
      </c>
      <c r="E42371" s="1" t="s">
        <v>144817</v>
      </c>
      <c r="F42371" s="1" t="s">
        <v>144818</v>
      </c>
      <c r="G42371" s="1" t="s">
        <v>144723</v>
      </c>
      <c r="H42371" s="1" t="s">
        <v>144724</v>
      </c>
      <c r="I42371" s="1" t="s">
        <v>142575</v>
      </c>
      <c r="J42371" s="1" t="s">
        <v>144819</v>
      </c>
    </row>
    <row r="42372" spans="1:10" x14ac:dyDescent="0.35">
      <c r="A42372" s="1" t="s">
        <v>144720</v>
      </c>
      <c r="B42372" s="1" t="s">
        <v>142570</v>
      </c>
      <c r="C42372" s="1" t="s">
        <v>165</v>
      </c>
      <c r="D42372" s="1" t="s">
        <v>144820</v>
      </c>
      <c r="E42372" s="1" t="s">
        <v>144821</v>
      </c>
      <c r="F42372" s="1" t="s">
        <v>144822</v>
      </c>
      <c r="G42372" s="1" t="s">
        <v>144723</v>
      </c>
      <c r="H42372" s="1" t="s">
        <v>144724</v>
      </c>
      <c r="I42372" s="1" t="s">
        <v>142575</v>
      </c>
      <c r="J42372" s="1" t="s">
        <v>144823</v>
      </c>
    </row>
    <row r="42373" spans="1:10" x14ac:dyDescent="0.35">
      <c r="A42373" s="1" t="s">
        <v>144720</v>
      </c>
      <c r="B42373" s="1" t="s">
        <v>142570</v>
      </c>
      <c r="C42373" s="1" t="s">
        <v>170</v>
      </c>
      <c r="D42373" s="1" t="s">
        <v>34593</v>
      </c>
      <c r="E42373" s="1" t="s">
        <v>144824</v>
      </c>
      <c r="F42373" s="1" t="s">
        <v>144825</v>
      </c>
      <c r="G42373" s="1" t="s">
        <v>144723</v>
      </c>
      <c r="H42373" s="1" t="s">
        <v>144724</v>
      </c>
      <c r="I42373" s="1" t="s">
        <v>142575</v>
      </c>
      <c r="J42373" s="1" t="s">
        <v>144826</v>
      </c>
    </row>
    <row r="42374" spans="1:10" x14ac:dyDescent="0.35">
      <c r="A42374" s="1" t="s">
        <v>13888</v>
      </c>
      <c r="B42374" s="1" t="s">
        <v>142570</v>
      </c>
      <c r="C42374" s="1" t="s">
        <v>8</v>
      </c>
      <c r="D42374" s="1" t="s">
        <v>72538</v>
      </c>
      <c r="E42374" s="1" t="s">
        <v>73415</v>
      </c>
      <c r="F42374" s="1" t="s">
        <v>144827</v>
      </c>
      <c r="G42374" s="1" t="s">
        <v>144828</v>
      </c>
      <c r="H42374" s="1" t="s">
        <v>144829</v>
      </c>
      <c r="I42374" s="1" t="s">
        <v>142575</v>
      </c>
      <c r="J42374" s="1" t="s">
        <v>13</v>
      </c>
    </row>
    <row r="42375" spans="1:10" x14ac:dyDescent="0.35">
      <c r="A42375" s="1" t="s">
        <v>13888</v>
      </c>
      <c r="B42375" s="1" t="s">
        <v>142570</v>
      </c>
      <c r="C42375" s="1" t="s">
        <v>15</v>
      </c>
      <c r="D42375" s="1" t="s">
        <v>75062</v>
      </c>
      <c r="E42375" s="1" t="s">
        <v>144830</v>
      </c>
      <c r="F42375" s="1" t="s">
        <v>144831</v>
      </c>
      <c r="G42375" s="1" t="s">
        <v>144828</v>
      </c>
      <c r="H42375" s="1" t="s">
        <v>144829</v>
      </c>
      <c r="I42375" s="1" t="s">
        <v>142575</v>
      </c>
      <c r="J42375" s="1" t="s">
        <v>144832</v>
      </c>
    </row>
    <row r="42376" spans="1:10" x14ac:dyDescent="0.35">
      <c r="A42376" s="1" t="s">
        <v>13888</v>
      </c>
      <c r="B42376" s="1" t="s">
        <v>142570</v>
      </c>
      <c r="C42376" s="1" t="s">
        <v>20</v>
      </c>
      <c r="D42376" s="1" t="s">
        <v>19770</v>
      </c>
      <c r="E42376" s="1" t="s">
        <v>144833</v>
      </c>
      <c r="F42376" s="1" t="s">
        <v>21854</v>
      </c>
      <c r="G42376" s="1" t="s">
        <v>144828</v>
      </c>
      <c r="H42376" s="1" t="s">
        <v>144829</v>
      </c>
      <c r="I42376" s="1" t="s">
        <v>142575</v>
      </c>
      <c r="J42376" s="1" t="s">
        <v>144834</v>
      </c>
    </row>
    <row r="42377" spans="1:10" x14ac:dyDescent="0.35">
      <c r="A42377" s="1" t="s">
        <v>13888</v>
      </c>
      <c r="B42377" s="1" t="s">
        <v>142570</v>
      </c>
      <c r="C42377" s="1" t="s">
        <v>25</v>
      </c>
      <c r="D42377" s="1" t="s">
        <v>144835</v>
      </c>
      <c r="E42377" s="1" t="s">
        <v>144836</v>
      </c>
      <c r="F42377" s="1" t="s">
        <v>144837</v>
      </c>
      <c r="G42377" s="1" t="s">
        <v>144828</v>
      </c>
      <c r="H42377" s="1" t="s">
        <v>144829</v>
      </c>
      <c r="I42377" s="1" t="s">
        <v>142575</v>
      </c>
      <c r="J42377" s="1" t="s">
        <v>144838</v>
      </c>
    </row>
    <row r="42378" spans="1:10" x14ac:dyDescent="0.35">
      <c r="A42378" s="1" t="s">
        <v>13888</v>
      </c>
      <c r="B42378" s="1" t="s">
        <v>142570</v>
      </c>
      <c r="C42378" s="1" t="s">
        <v>30</v>
      </c>
      <c r="D42378" s="1" t="s">
        <v>144839</v>
      </c>
      <c r="E42378" s="1" t="s">
        <v>144840</v>
      </c>
      <c r="F42378" s="1" t="s">
        <v>65327</v>
      </c>
      <c r="G42378" s="1" t="s">
        <v>144828</v>
      </c>
      <c r="H42378" s="1" t="s">
        <v>144829</v>
      </c>
      <c r="I42378" s="1" t="s">
        <v>142575</v>
      </c>
      <c r="J42378" s="1" t="s">
        <v>144841</v>
      </c>
    </row>
    <row r="42379" spans="1:10" x14ac:dyDescent="0.35">
      <c r="A42379" s="1" t="s">
        <v>13888</v>
      </c>
      <c r="B42379" s="1" t="s">
        <v>142570</v>
      </c>
      <c r="C42379" s="1" t="s">
        <v>35</v>
      </c>
      <c r="D42379" s="1" t="s">
        <v>42921</v>
      </c>
      <c r="E42379" s="1" t="s">
        <v>144842</v>
      </c>
      <c r="F42379" s="1" t="s">
        <v>144843</v>
      </c>
      <c r="G42379" s="1" t="s">
        <v>144828</v>
      </c>
      <c r="H42379" s="1" t="s">
        <v>144829</v>
      </c>
      <c r="I42379" s="1" t="s">
        <v>142575</v>
      </c>
      <c r="J42379" s="1" t="s">
        <v>144844</v>
      </c>
    </row>
    <row r="42380" spans="1:10" x14ac:dyDescent="0.35">
      <c r="A42380" s="1" t="s">
        <v>13888</v>
      </c>
      <c r="B42380" s="1" t="s">
        <v>142570</v>
      </c>
      <c r="C42380" s="1" t="s">
        <v>40</v>
      </c>
      <c r="D42380" s="1" t="s">
        <v>144845</v>
      </c>
      <c r="E42380" s="1" t="s">
        <v>144846</v>
      </c>
      <c r="F42380" s="1" t="s">
        <v>144847</v>
      </c>
      <c r="G42380" s="1" t="s">
        <v>144828</v>
      </c>
      <c r="H42380" s="1" t="s">
        <v>144829</v>
      </c>
      <c r="I42380" s="1" t="s">
        <v>142575</v>
      </c>
      <c r="J42380" s="1" t="s">
        <v>144848</v>
      </c>
    </row>
    <row r="42381" spans="1:10" x14ac:dyDescent="0.35">
      <c r="A42381" s="1" t="s">
        <v>13888</v>
      </c>
      <c r="B42381" s="1" t="s">
        <v>142570</v>
      </c>
      <c r="C42381" s="1" t="s">
        <v>45</v>
      </c>
      <c r="D42381" s="1" t="s">
        <v>144849</v>
      </c>
      <c r="E42381" s="1" t="s">
        <v>135772</v>
      </c>
      <c r="F42381" s="1" t="s">
        <v>144850</v>
      </c>
      <c r="G42381" s="1" t="s">
        <v>144828</v>
      </c>
      <c r="H42381" s="1" t="s">
        <v>144829</v>
      </c>
      <c r="I42381" s="1" t="s">
        <v>142575</v>
      </c>
      <c r="J42381" s="1" t="s">
        <v>144851</v>
      </c>
    </row>
    <row r="42382" spans="1:10" x14ac:dyDescent="0.35">
      <c r="A42382" s="1" t="s">
        <v>13888</v>
      </c>
      <c r="B42382" s="1" t="s">
        <v>142570</v>
      </c>
      <c r="C42382" s="1" t="s">
        <v>50</v>
      </c>
      <c r="D42382" s="1" t="s">
        <v>32205</v>
      </c>
      <c r="E42382" s="1" t="s">
        <v>142853</v>
      </c>
      <c r="F42382" s="1" t="s">
        <v>144852</v>
      </c>
      <c r="G42382" s="1" t="s">
        <v>144828</v>
      </c>
      <c r="H42382" s="1" t="s">
        <v>144829</v>
      </c>
      <c r="I42382" s="1" t="s">
        <v>142575</v>
      </c>
      <c r="J42382" s="1" t="s">
        <v>144853</v>
      </c>
    </row>
    <row r="42383" spans="1:10" x14ac:dyDescent="0.35">
      <c r="A42383" s="1" t="s">
        <v>13888</v>
      </c>
      <c r="B42383" s="1" t="s">
        <v>142570</v>
      </c>
      <c r="C42383" s="1" t="s">
        <v>55</v>
      </c>
      <c r="D42383" s="1" t="s">
        <v>144854</v>
      </c>
      <c r="E42383" s="1" t="s">
        <v>133124</v>
      </c>
      <c r="F42383" s="1" t="s">
        <v>144855</v>
      </c>
      <c r="G42383" s="1" t="s">
        <v>144828</v>
      </c>
      <c r="H42383" s="1" t="s">
        <v>144829</v>
      </c>
      <c r="I42383" s="1" t="s">
        <v>142575</v>
      </c>
      <c r="J42383" s="1" t="s">
        <v>144856</v>
      </c>
    </row>
    <row r="42384" spans="1:10" x14ac:dyDescent="0.35">
      <c r="A42384" s="1" t="s">
        <v>13888</v>
      </c>
      <c r="B42384" s="1" t="s">
        <v>142570</v>
      </c>
      <c r="C42384" s="1" t="s">
        <v>60</v>
      </c>
      <c r="D42384" s="1" t="s">
        <v>652</v>
      </c>
      <c r="E42384" s="1" t="s">
        <v>109860</v>
      </c>
      <c r="F42384" s="1" t="s">
        <v>31816</v>
      </c>
      <c r="G42384" s="1" t="s">
        <v>144828</v>
      </c>
      <c r="H42384" s="1" t="s">
        <v>144829</v>
      </c>
      <c r="I42384" s="1" t="s">
        <v>142575</v>
      </c>
      <c r="J42384" s="1" t="s">
        <v>144857</v>
      </c>
    </row>
    <row r="42385" spans="1:10" x14ac:dyDescent="0.35">
      <c r="A42385" s="1" t="s">
        <v>13888</v>
      </c>
      <c r="B42385" s="1" t="s">
        <v>142570</v>
      </c>
      <c r="C42385" s="1" t="s">
        <v>65</v>
      </c>
      <c r="D42385" s="1" t="s">
        <v>144858</v>
      </c>
      <c r="E42385" s="1" t="s">
        <v>110825</v>
      </c>
      <c r="F42385" s="1" t="s">
        <v>144859</v>
      </c>
      <c r="G42385" s="1" t="s">
        <v>144828</v>
      </c>
      <c r="H42385" s="1" t="s">
        <v>144829</v>
      </c>
      <c r="I42385" s="1" t="s">
        <v>142575</v>
      </c>
      <c r="J42385" s="1" t="s">
        <v>144860</v>
      </c>
    </row>
    <row r="42386" spans="1:10" x14ac:dyDescent="0.35">
      <c r="A42386" s="1" t="s">
        <v>13888</v>
      </c>
      <c r="B42386" s="1" t="s">
        <v>142570</v>
      </c>
      <c r="C42386" s="1" t="s">
        <v>70</v>
      </c>
      <c r="D42386" s="1" t="s">
        <v>17863</v>
      </c>
      <c r="E42386" s="1" t="s">
        <v>144861</v>
      </c>
      <c r="F42386" s="1" t="s">
        <v>144862</v>
      </c>
      <c r="G42386" s="1" t="s">
        <v>144828</v>
      </c>
      <c r="H42386" s="1" t="s">
        <v>144829</v>
      </c>
      <c r="I42386" s="1" t="s">
        <v>142575</v>
      </c>
      <c r="J42386" s="1" t="s">
        <v>144863</v>
      </c>
    </row>
    <row r="42387" spans="1:10" x14ac:dyDescent="0.35">
      <c r="A42387" s="1" t="s">
        <v>13888</v>
      </c>
      <c r="B42387" s="1" t="s">
        <v>142570</v>
      </c>
      <c r="C42387" s="1" t="s">
        <v>75</v>
      </c>
      <c r="D42387" s="1" t="s">
        <v>118765</v>
      </c>
      <c r="E42387" s="1" t="s">
        <v>110867</v>
      </c>
      <c r="F42387" s="1" t="s">
        <v>144864</v>
      </c>
      <c r="G42387" s="1" t="s">
        <v>144828</v>
      </c>
      <c r="H42387" s="1" t="s">
        <v>144829</v>
      </c>
      <c r="I42387" s="1" t="s">
        <v>142575</v>
      </c>
      <c r="J42387" s="1" t="s">
        <v>144865</v>
      </c>
    </row>
    <row r="42388" spans="1:10" x14ac:dyDescent="0.35">
      <c r="A42388" s="1" t="s">
        <v>13888</v>
      </c>
      <c r="B42388" s="1" t="s">
        <v>142570</v>
      </c>
      <c r="C42388" s="1" t="s">
        <v>80</v>
      </c>
      <c r="D42388" s="1" t="s">
        <v>36921</v>
      </c>
      <c r="E42388" s="1" t="s">
        <v>144866</v>
      </c>
      <c r="F42388" s="1" t="s">
        <v>144867</v>
      </c>
      <c r="G42388" s="1" t="s">
        <v>144828</v>
      </c>
      <c r="H42388" s="1" t="s">
        <v>144829</v>
      </c>
      <c r="I42388" s="1" t="s">
        <v>142575</v>
      </c>
      <c r="J42388" s="1" t="s">
        <v>144868</v>
      </c>
    </row>
    <row r="42389" spans="1:10" x14ac:dyDescent="0.35">
      <c r="A42389" s="1" t="s">
        <v>13888</v>
      </c>
      <c r="B42389" s="1" t="s">
        <v>142570</v>
      </c>
      <c r="C42389" s="1" t="s">
        <v>85</v>
      </c>
      <c r="D42389" s="1" t="s">
        <v>30983</v>
      </c>
      <c r="E42389" s="1" t="s">
        <v>77800</v>
      </c>
      <c r="F42389" s="1" t="s">
        <v>144869</v>
      </c>
      <c r="G42389" s="1" t="s">
        <v>144828</v>
      </c>
      <c r="H42389" s="1" t="s">
        <v>144829</v>
      </c>
      <c r="I42389" s="1" t="s">
        <v>142575</v>
      </c>
      <c r="J42389" s="1" t="s">
        <v>144870</v>
      </c>
    </row>
    <row r="42390" spans="1:10" x14ac:dyDescent="0.35">
      <c r="A42390" s="1" t="s">
        <v>13888</v>
      </c>
      <c r="B42390" s="1" t="s">
        <v>142570</v>
      </c>
      <c r="C42390" s="1" t="s">
        <v>90</v>
      </c>
      <c r="D42390" s="1" t="s">
        <v>144871</v>
      </c>
      <c r="E42390" s="1" t="s">
        <v>144872</v>
      </c>
      <c r="F42390" s="1" t="s">
        <v>144873</v>
      </c>
      <c r="G42390" s="1" t="s">
        <v>144828</v>
      </c>
      <c r="H42390" s="1" t="s">
        <v>144829</v>
      </c>
      <c r="I42390" s="1" t="s">
        <v>142575</v>
      </c>
      <c r="J42390" s="1" t="s">
        <v>144874</v>
      </c>
    </row>
    <row r="42391" spans="1:10" x14ac:dyDescent="0.35">
      <c r="A42391" s="1" t="s">
        <v>13888</v>
      </c>
      <c r="B42391" s="1" t="s">
        <v>142570</v>
      </c>
      <c r="C42391" s="1" t="s">
        <v>95</v>
      </c>
      <c r="D42391" s="1" t="s">
        <v>118775</v>
      </c>
      <c r="E42391" s="1" t="s">
        <v>133155</v>
      </c>
      <c r="F42391" s="1" t="s">
        <v>144875</v>
      </c>
      <c r="G42391" s="1" t="s">
        <v>144828</v>
      </c>
      <c r="H42391" s="1" t="s">
        <v>144829</v>
      </c>
      <c r="I42391" s="1" t="s">
        <v>142575</v>
      </c>
      <c r="J42391" s="1" t="s">
        <v>144876</v>
      </c>
    </row>
    <row r="42392" spans="1:10" x14ac:dyDescent="0.35">
      <c r="A42392" s="1" t="s">
        <v>13888</v>
      </c>
      <c r="B42392" s="1" t="s">
        <v>142570</v>
      </c>
      <c r="C42392" s="1" t="s">
        <v>100</v>
      </c>
      <c r="D42392" s="1" t="s">
        <v>144877</v>
      </c>
      <c r="E42392" s="1" t="s">
        <v>144878</v>
      </c>
      <c r="F42392" s="1" t="s">
        <v>144879</v>
      </c>
      <c r="G42392" s="1" t="s">
        <v>144828</v>
      </c>
      <c r="H42392" s="1" t="s">
        <v>144829</v>
      </c>
      <c r="I42392" s="1" t="s">
        <v>142575</v>
      </c>
      <c r="J42392" s="1" t="s">
        <v>144880</v>
      </c>
    </row>
    <row r="42393" spans="1:10" x14ac:dyDescent="0.35">
      <c r="A42393" s="1" t="s">
        <v>13888</v>
      </c>
      <c r="B42393" s="1" t="s">
        <v>142570</v>
      </c>
      <c r="C42393" s="1" t="s">
        <v>105</v>
      </c>
      <c r="D42393" s="1" t="s">
        <v>36931</v>
      </c>
      <c r="E42393" s="1" t="s">
        <v>143722</v>
      </c>
      <c r="F42393" s="1" t="s">
        <v>129712</v>
      </c>
      <c r="G42393" s="1" t="s">
        <v>144828</v>
      </c>
      <c r="H42393" s="1" t="s">
        <v>144829</v>
      </c>
      <c r="I42393" s="1" t="s">
        <v>142575</v>
      </c>
      <c r="J42393" s="1" t="s">
        <v>144881</v>
      </c>
    </row>
    <row r="42394" spans="1:10" x14ac:dyDescent="0.35">
      <c r="A42394" s="1" t="s">
        <v>13888</v>
      </c>
      <c r="B42394" s="1" t="s">
        <v>142570</v>
      </c>
      <c r="C42394" s="1" t="s">
        <v>110</v>
      </c>
      <c r="D42394" s="1" t="s">
        <v>144882</v>
      </c>
      <c r="E42394" s="1" t="s">
        <v>110876</v>
      </c>
      <c r="F42394" s="1" t="s">
        <v>107288</v>
      </c>
      <c r="G42394" s="1" t="s">
        <v>144828</v>
      </c>
      <c r="H42394" s="1" t="s">
        <v>144829</v>
      </c>
      <c r="I42394" s="1" t="s">
        <v>142575</v>
      </c>
      <c r="J42394" s="1" t="s">
        <v>144883</v>
      </c>
    </row>
    <row r="42395" spans="1:10" x14ac:dyDescent="0.35">
      <c r="A42395" s="1" t="s">
        <v>13888</v>
      </c>
      <c r="B42395" s="1" t="s">
        <v>142570</v>
      </c>
      <c r="C42395" s="1" t="s">
        <v>115</v>
      </c>
      <c r="D42395" s="1" t="s">
        <v>144884</v>
      </c>
      <c r="E42395" s="1" t="s">
        <v>144885</v>
      </c>
      <c r="F42395" s="1" t="s">
        <v>62795</v>
      </c>
      <c r="G42395" s="1" t="s">
        <v>144828</v>
      </c>
      <c r="H42395" s="1" t="s">
        <v>144829</v>
      </c>
      <c r="I42395" s="1" t="s">
        <v>142575</v>
      </c>
      <c r="J42395" s="1" t="s">
        <v>144886</v>
      </c>
    </row>
    <row r="42396" spans="1:10" x14ac:dyDescent="0.35">
      <c r="A42396" s="1" t="s">
        <v>13888</v>
      </c>
      <c r="B42396" s="1" t="s">
        <v>142570</v>
      </c>
      <c r="C42396" s="1" t="s">
        <v>120</v>
      </c>
      <c r="D42396" s="1" t="s">
        <v>31537</v>
      </c>
      <c r="E42396" s="1" t="s">
        <v>78674</v>
      </c>
      <c r="F42396" s="1" t="s">
        <v>144887</v>
      </c>
      <c r="G42396" s="1" t="s">
        <v>144828</v>
      </c>
      <c r="H42396" s="1" t="s">
        <v>144829</v>
      </c>
      <c r="I42396" s="1" t="s">
        <v>142575</v>
      </c>
      <c r="J42396" s="1" t="s">
        <v>144888</v>
      </c>
    </row>
    <row r="42397" spans="1:10" x14ac:dyDescent="0.35">
      <c r="A42397" s="1" t="s">
        <v>13888</v>
      </c>
      <c r="B42397" s="1" t="s">
        <v>142570</v>
      </c>
      <c r="C42397" s="1" t="s">
        <v>125</v>
      </c>
      <c r="D42397" s="1" t="s">
        <v>32003</v>
      </c>
      <c r="E42397" s="1" t="s">
        <v>144889</v>
      </c>
      <c r="F42397" s="1" t="s">
        <v>144890</v>
      </c>
      <c r="G42397" s="1" t="s">
        <v>144828</v>
      </c>
      <c r="H42397" s="1" t="s">
        <v>144829</v>
      </c>
      <c r="I42397" s="1" t="s">
        <v>142575</v>
      </c>
      <c r="J42397" s="1" t="s">
        <v>144891</v>
      </c>
    </row>
    <row r="42398" spans="1:10" x14ac:dyDescent="0.35">
      <c r="A42398" s="1" t="s">
        <v>13888</v>
      </c>
      <c r="B42398" s="1" t="s">
        <v>142570</v>
      </c>
      <c r="C42398" s="1" t="s">
        <v>130</v>
      </c>
      <c r="D42398" s="1" t="s">
        <v>144892</v>
      </c>
      <c r="E42398" s="1" t="s">
        <v>144893</v>
      </c>
      <c r="F42398" s="1" t="s">
        <v>144894</v>
      </c>
      <c r="G42398" s="1" t="s">
        <v>144828</v>
      </c>
      <c r="H42398" s="1" t="s">
        <v>144829</v>
      </c>
      <c r="I42398" s="1" t="s">
        <v>142575</v>
      </c>
      <c r="J42398" s="1" t="s">
        <v>144895</v>
      </c>
    </row>
    <row r="42399" spans="1:10" x14ac:dyDescent="0.35">
      <c r="A42399" s="1" t="s">
        <v>13888</v>
      </c>
      <c r="B42399" s="1" t="s">
        <v>142570</v>
      </c>
      <c r="C42399" s="1" t="s">
        <v>135</v>
      </c>
      <c r="D42399" s="1" t="s">
        <v>14839</v>
      </c>
      <c r="E42399" s="1" t="s">
        <v>134989</v>
      </c>
      <c r="F42399" s="1" t="s">
        <v>144896</v>
      </c>
      <c r="G42399" s="1" t="s">
        <v>144828</v>
      </c>
      <c r="H42399" s="1" t="s">
        <v>144829</v>
      </c>
      <c r="I42399" s="1" t="s">
        <v>142575</v>
      </c>
      <c r="J42399" s="1" t="s">
        <v>144897</v>
      </c>
    </row>
    <row r="42400" spans="1:10" x14ac:dyDescent="0.35">
      <c r="A42400" s="1" t="s">
        <v>13888</v>
      </c>
      <c r="B42400" s="1" t="s">
        <v>142570</v>
      </c>
      <c r="C42400" s="1" t="s">
        <v>140</v>
      </c>
      <c r="D42400" s="1" t="s">
        <v>116873</v>
      </c>
      <c r="E42400" s="1" t="s">
        <v>135399</v>
      </c>
      <c r="F42400" s="1" t="s">
        <v>144898</v>
      </c>
      <c r="G42400" s="1" t="s">
        <v>144828</v>
      </c>
      <c r="H42400" s="1" t="s">
        <v>144829</v>
      </c>
      <c r="I42400" s="1" t="s">
        <v>142575</v>
      </c>
      <c r="J42400" s="1" t="s">
        <v>144899</v>
      </c>
    </row>
    <row r="42401" spans="1:10" x14ac:dyDescent="0.35">
      <c r="A42401" s="1" t="s">
        <v>13888</v>
      </c>
      <c r="B42401" s="1" t="s">
        <v>142570</v>
      </c>
      <c r="C42401" s="1" t="s">
        <v>145</v>
      </c>
      <c r="D42401" s="1" t="s">
        <v>123712</v>
      </c>
      <c r="E42401" s="1" t="s">
        <v>144900</v>
      </c>
      <c r="F42401" s="1" t="s">
        <v>144901</v>
      </c>
      <c r="G42401" s="1" t="s">
        <v>144828</v>
      </c>
      <c r="H42401" s="1" t="s">
        <v>144829</v>
      </c>
      <c r="I42401" s="1" t="s">
        <v>142575</v>
      </c>
      <c r="J42401" s="1" t="s">
        <v>144902</v>
      </c>
    </row>
    <row r="42402" spans="1:10" x14ac:dyDescent="0.35">
      <c r="A42402" s="1" t="s">
        <v>13888</v>
      </c>
      <c r="B42402" s="1" t="s">
        <v>142570</v>
      </c>
      <c r="C42402" s="1" t="s">
        <v>150</v>
      </c>
      <c r="D42402" s="1" t="s">
        <v>144903</v>
      </c>
      <c r="E42402" s="1" t="s">
        <v>110781</v>
      </c>
      <c r="F42402" s="1" t="s">
        <v>144904</v>
      </c>
      <c r="G42402" s="1" t="s">
        <v>144828</v>
      </c>
      <c r="H42402" s="1" t="s">
        <v>144829</v>
      </c>
      <c r="I42402" s="1" t="s">
        <v>142575</v>
      </c>
      <c r="J42402" s="1" t="s">
        <v>144905</v>
      </c>
    </row>
    <row r="42403" spans="1:10" x14ac:dyDescent="0.35">
      <c r="A42403" s="1" t="s">
        <v>13888</v>
      </c>
      <c r="B42403" s="1" t="s">
        <v>142570</v>
      </c>
      <c r="C42403" s="1" t="s">
        <v>155</v>
      </c>
      <c r="D42403" s="1" t="s">
        <v>144906</v>
      </c>
      <c r="E42403" s="1" t="s">
        <v>110867</v>
      </c>
      <c r="F42403" s="1" t="s">
        <v>144907</v>
      </c>
      <c r="G42403" s="1" t="s">
        <v>144828</v>
      </c>
      <c r="H42403" s="1" t="s">
        <v>144829</v>
      </c>
      <c r="I42403" s="1" t="s">
        <v>142575</v>
      </c>
      <c r="J42403" s="1" t="s">
        <v>144908</v>
      </c>
    </row>
    <row r="42404" spans="1:10" x14ac:dyDescent="0.35">
      <c r="A42404" s="1" t="s">
        <v>13888</v>
      </c>
      <c r="B42404" s="1" t="s">
        <v>142570</v>
      </c>
      <c r="C42404" s="1" t="s">
        <v>160</v>
      </c>
      <c r="D42404" s="1" t="s">
        <v>30655</v>
      </c>
      <c r="E42404" s="1" t="s">
        <v>144909</v>
      </c>
      <c r="F42404" s="1" t="s">
        <v>40742</v>
      </c>
      <c r="G42404" s="1" t="s">
        <v>144828</v>
      </c>
      <c r="H42404" s="1" t="s">
        <v>144829</v>
      </c>
      <c r="I42404" s="1" t="s">
        <v>142575</v>
      </c>
      <c r="J42404" s="1" t="s">
        <v>144910</v>
      </c>
    </row>
    <row r="42405" spans="1:10" x14ac:dyDescent="0.35">
      <c r="A42405" s="1" t="s">
        <v>13888</v>
      </c>
      <c r="B42405" s="1" t="s">
        <v>142570</v>
      </c>
      <c r="C42405" s="1" t="s">
        <v>165</v>
      </c>
      <c r="D42405" s="1" t="s">
        <v>8846</v>
      </c>
      <c r="E42405" s="1" t="s">
        <v>110825</v>
      </c>
      <c r="F42405" s="1" t="s">
        <v>144911</v>
      </c>
      <c r="G42405" s="1" t="s">
        <v>144828</v>
      </c>
      <c r="H42405" s="1" t="s">
        <v>144829</v>
      </c>
      <c r="I42405" s="1" t="s">
        <v>142575</v>
      </c>
      <c r="J42405" s="1" t="s">
        <v>144912</v>
      </c>
    </row>
    <row r="42406" spans="1:10" x14ac:dyDescent="0.35">
      <c r="A42406" s="1" t="s">
        <v>13888</v>
      </c>
      <c r="B42406" s="1" t="s">
        <v>142570</v>
      </c>
      <c r="C42406" s="1" t="s">
        <v>170</v>
      </c>
      <c r="D42406" s="1" t="s">
        <v>17242</v>
      </c>
      <c r="E42406" s="1" t="s">
        <v>109845</v>
      </c>
      <c r="F42406" s="1" t="s">
        <v>144913</v>
      </c>
      <c r="G42406" s="1" t="s">
        <v>144828</v>
      </c>
      <c r="H42406" s="1" t="s">
        <v>144829</v>
      </c>
      <c r="I42406" s="1" t="s">
        <v>142575</v>
      </c>
      <c r="J42406" s="1" t="s">
        <v>144914</v>
      </c>
    </row>
    <row r="42407" spans="1:10" x14ac:dyDescent="0.35">
      <c r="A42407" s="1" t="s">
        <v>144915</v>
      </c>
      <c r="B42407" s="1" t="s">
        <v>142570</v>
      </c>
      <c r="C42407" s="1" t="s">
        <v>8</v>
      </c>
      <c r="D42407" s="1" t="s">
        <v>144916</v>
      </c>
      <c r="E42407" s="1" t="s">
        <v>144917</v>
      </c>
      <c r="F42407" s="1" t="s">
        <v>144918</v>
      </c>
      <c r="G42407" s="1" t="s">
        <v>144919</v>
      </c>
      <c r="H42407" s="1" t="s">
        <v>144920</v>
      </c>
      <c r="I42407" s="1" t="s">
        <v>142575</v>
      </c>
      <c r="J42407" s="1" t="s">
        <v>13</v>
      </c>
    </row>
    <row r="42408" spans="1:10" x14ac:dyDescent="0.35">
      <c r="A42408" s="1" t="s">
        <v>144915</v>
      </c>
      <c r="B42408" s="1" t="s">
        <v>142570</v>
      </c>
      <c r="C42408" s="1" t="s">
        <v>15</v>
      </c>
      <c r="D42408" s="1" t="s">
        <v>118680</v>
      </c>
      <c r="E42408" s="1" t="s">
        <v>144921</v>
      </c>
      <c r="F42408" s="1" t="s">
        <v>144922</v>
      </c>
      <c r="G42408" s="1" t="s">
        <v>144919</v>
      </c>
      <c r="H42408" s="1" t="s">
        <v>144920</v>
      </c>
      <c r="I42408" s="1" t="s">
        <v>142575</v>
      </c>
      <c r="J42408" s="1" t="s">
        <v>144923</v>
      </c>
    </row>
    <row r="42409" spans="1:10" x14ac:dyDescent="0.35">
      <c r="A42409" s="1" t="s">
        <v>144915</v>
      </c>
      <c r="B42409" s="1" t="s">
        <v>142570</v>
      </c>
      <c r="C42409" s="1" t="s">
        <v>20</v>
      </c>
      <c r="D42409" s="1" t="s">
        <v>29484</v>
      </c>
      <c r="E42409" s="1" t="s">
        <v>144924</v>
      </c>
      <c r="F42409" s="1" t="s">
        <v>144925</v>
      </c>
      <c r="G42409" s="1" t="s">
        <v>144919</v>
      </c>
      <c r="H42409" s="1" t="s">
        <v>144920</v>
      </c>
      <c r="I42409" s="1" t="s">
        <v>142575</v>
      </c>
      <c r="J42409" s="1" t="s">
        <v>144926</v>
      </c>
    </row>
    <row r="42410" spans="1:10" x14ac:dyDescent="0.35">
      <c r="A42410" s="1" t="s">
        <v>144915</v>
      </c>
      <c r="B42410" s="1" t="s">
        <v>142570</v>
      </c>
      <c r="C42410" s="1" t="s">
        <v>25</v>
      </c>
      <c r="D42410" s="1" t="s">
        <v>142852</v>
      </c>
      <c r="E42410" s="1" t="s">
        <v>144927</v>
      </c>
      <c r="F42410" s="1" t="s">
        <v>144928</v>
      </c>
      <c r="G42410" s="1" t="s">
        <v>144919</v>
      </c>
      <c r="H42410" s="1" t="s">
        <v>144920</v>
      </c>
      <c r="I42410" s="1" t="s">
        <v>142575</v>
      </c>
      <c r="J42410" s="1" t="s">
        <v>144929</v>
      </c>
    </row>
    <row r="42411" spans="1:10" x14ac:dyDescent="0.35">
      <c r="A42411" s="1" t="s">
        <v>144915</v>
      </c>
      <c r="B42411" s="1" t="s">
        <v>142570</v>
      </c>
      <c r="C42411" s="1" t="s">
        <v>30</v>
      </c>
      <c r="D42411" s="1" t="s">
        <v>34549</v>
      </c>
      <c r="E42411" s="1" t="s">
        <v>144930</v>
      </c>
      <c r="F42411" s="1" t="s">
        <v>144931</v>
      </c>
      <c r="G42411" s="1" t="s">
        <v>144919</v>
      </c>
      <c r="H42411" s="1" t="s">
        <v>144920</v>
      </c>
      <c r="I42411" s="1" t="s">
        <v>142575</v>
      </c>
      <c r="J42411" s="1" t="s">
        <v>144932</v>
      </c>
    </row>
    <row r="42412" spans="1:10" x14ac:dyDescent="0.35">
      <c r="A42412" s="1" t="s">
        <v>144915</v>
      </c>
      <c r="B42412" s="1" t="s">
        <v>142570</v>
      </c>
      <c r="C42412" s="1" t="s">
        <v>35</v>
      </c>
      <c r="D42412" s="1" t="s">
        <v>111713</v>
      </c>
      <c r="E42412" s="1" t="s">
        <v>144933</v>
      </c>
      <c r="F42412" s="1" t="s">
        <v>144934</v>
      </c>
      <c r="G42412" s="1" t="s">
        <v>144919</v>
      </c>
      <c r="H42412" s="1" t="s">
        <v>144920</v>
      </c>
      <c r="I42412" s="1" t="s">
        <v>142575</v>
      </c>
      <c r="J42412" s="1" t="s">
        <v>144935</v>
      </c>
    </row>
    <row r="42413" spans="1:10" x14ac:dyDescent="0.35">
      <c r="A42413" s="1" t="s">
        <v>144915</v>
      </c>
      <c r="B42413" s="1" t="s">
        <v>142570</v>
      </c>
      <c r="C42413" s="1" t="s">
        <v>40</v>
      </c>
      <c r="D42413" s="1" t="s">
        <v>144936</v>
      </c>
      <c r="E42413" s="1" t="s">
        <v>144937</v>
      </c>
      <c r="F42413" s="1" t="s">
        <v>144938</v>
      </c>
      <c r="G42413" s="1" t="s">
        <v>144919</v>
      </c>
      <c r="H42413" s="1" t="s">
        <v>144920</v>
      </c>
      <c r="I42413" s="1" t="s">
        <v>142575</v>
      </c>
      <c r="J42413" s="1" t="s">
        <v>144939</v>
      </c>
    </row>
    <row r="42414" spans="1:10" x14ac:dyDescent="0.35">
      <c r="A42414" s="1" t="s">
        <v>144915</v>
      </c>
      <c r="B42414" s="1" t="s">
        <v>142570</v>
      </c>
      <c r="C42414" s="1" t="s">
        <v>45</v>
      </c>
      <c r="D42414" s="1" t="s">
        <v>34549</v>
      </c>
      <c r="E42414" s="1" t="s">
        <v>144940</v>
      </c>
      <c r="F42414" s="1" t="s">
        <v>144941</v>
      </c>
      <c r="G42414" s="1" t="s">
        <v>144919</v>
      </c>
      <c r="H42414" s="1" t="s">
        <v>144920</v>
      </c>
      <c r="I42414" s="1" t="s">
        <v>142575</v>
      </c>
      <c r="J42414" s="1" t="s">
        <v>144942</v>
      </c>
    </row>
    <row r="42415" spans="1:10" x14ac:dyDescent="0.35">
      <c r="A42415" s="1" t="s">
        <v>144915</v>
      </c>
      <c r="B42415" s="1" t="s">
        <v>142570</v>
      </c>
      <c r="C42415" s="1" t="s">
        <v>50</v>
      </c>
      <c r="D42415" s="1" t="s">
        <v>109761</v>
      </c>
      <c r="E42415" s="1" t="s">
        <v>144943</v>
      </c>
      <c r="F42415" s="1" t="s">
        <v>144944</v>
      </c>
      <c r="G42415" s="1" t="s">
        <v>144919</v>
      </c>
      <c r="H42415" s="1" t="s">
        <v>144920</v>
      </c>
      <c r="I42415" s="1" t="s">
        <v>142575</v>
      </c>
      <c r="J42415" s="1" t="s">
        <v>144945</v>
      </c>
    </row>
    <row r="42416" spans="1:10" x14ac:dyDescent="0.35">
      <c r="A42416" s="1" t="s">
        <v>144915</v>
      </c>
      <c r="B42416" s="1" t="s">
        <v>142570</v>
      </c>
      <c r="C42416" s="1" t="s">
        <v>55</v>
      </c>
      <c r="D42416" s="1" t="s">
        <v>144946</v>
      </c>
      <c r="E42416" s="1" t="s">
        <v>144947</v>
      </c>
      <c r="F42416" s="1" t="s">
        <v>144948</v>
      </c>
      <c r="G42416" s="1" t="s">
        <v>144919</v>
      </c>
      <c r="H42416" s="1" t="s">
        <v>144920</v>
      </c>
      <c r="I42416" s="1" t="s">
        <v>142575</v>
      </c>
      <c r="J42416" s="1" t="s">
        <v>144949</v>
      </c>
    </row>
    <row r="42417" spans="1:10" x14ac:dyDescent="0.35">
      <c r="A42417" s="1" t="s">
        <v>144915</v>
      </c>
      <c r="B42417" s="1" t="s">
        <v>142570</v>
      </c>
      <c r="C42417" s="1" t="s">
        <v>60</v>
      </c>
      <c r="D42417" s="1" t="s">
        <v>111219</v>
      </c>
      <c r="E42417" s="1" t="s">
        <v>144950</v>
      </c>
      <c r="F42417" s="1" t="s">
        <v>144951</v>
      </c>
      <c r="G42417" s="1" t="s">
        <v>144919</v>
      </c>
      <c r="H42417" s="1" t="s">
        <v>144920</v>
      </c>
      <c r="I42417" s="1" t="s">
        <v>142575</v>
      </c>
      <c r="J42417" s="1" t="s">
        <v>144952</v>
      </c>
    </row>
    <row r="42418" spans="1:10" x14ac:dyDescent="0.35">
      <c r="A42418" s="1" t="s">
        <v>144915</v>
      </c>
      <c r="B42418" s="1" t="s">
        <v>142570</v>
      </c>
      <c r="C42418" s="1" t="s">
        <v>65</v>
      </c>
      <c r="D42418" s="1" t="s">
        <v>144953</v>
      </c>
      <c r="E42418" s="1" t="s">
        <v>144954</v>
      </c>
      <c r="F42418" s="1" t="s">
        <v>144955</v>
      </c>
      <c r="G42418" s="1" t="s">
        <v>144919</v>
      </c>
      <c r="H42418" s="1" t="s">
        <v>144920</v>
      </c>
      <c r="I42418" s="1" t="s">
        <v>142575</v>
      </c>
      <c r="J42418" s="1" t="s">
        <v>144956</v>
      </c>
    </row>
    <row r="42419" spans="1:10" x14ac:dyDescent="0.35">
      <c r="A42419" s="1" t="s">
        <v>144915</v>
      </c>
      <c r="B42419" s="1" t="s">
        <v>142570</v>
      </c>
      <c r="C42419" s="1" t="s">
        <v>70</v>
      </c>
      <c r="D42419" s="1" t="s">
        <v>9706</v>
      </c>
      <c r="E42419" s="1" t="s">
        <v>144957</v>
      </c>
      <c r="F42419" s="1" t="s">
        <v>144958</v>
      </c>
      <c r="G42419" s="1" t="s">
        <v>144919</v>
      </c>
      <c r="H42419" s="1" t="s">
        <v>144920</v>
      </c>
      <c r="I42419" s="1" t="s">
        <v>142575</v>
      </c>
      <c r="J42419" s="1" t="s">
        <v>144959</v>
      </c>
    </row>
    <row r="42420" spans="1:10" x14ac:dyDescent="0.35">
      <c r="A42420" s="1" t="s">
        <v>144915</v>
      </c>
      <c r="B42420" s="1" t="s">
        <v>142570</v>
      </c>
      <c r="C42420" s="1" t="s">
        <v>75</v>
      </c>
      <c r="D42420" s="1" t="s">
        <v>29932</v>
      </c>
      <c r="E42420" s="1" t="s">
        <v>144960</v>
      </c>
      <c r="F42420" s="1" t="s">
        <v>144961</v>
      </c>
      <c r="G42420" s="1" t="s">
        <v>144919</v>
      </c>
      <c r="H42420" s="1" t="s">
        <v>144920</v>
      </c>
      <c r="I42420" s="1" t="s">
        <v>142575</v>
      </c>
      <c r="J42420" s="1" t="s">
        <v>144962</v>
      </c>
    </row>
    <row r="42421" spans="1:10" x14ac:dyDescent="0.35">
      <c r="A42421" s="1" t="s">
        <v>144915</v>
      </c>
      <c r="B42421" s="1" t="s">
        <v>142570</v>
      </c>
      <c r="C42421" s="1" t="s">
        <v>80</v>
      </c>
      <c r="D42421" s="1" t="s">
        <v>104935</v>
      </c>
      <c r="E42421" s="1" t="s">
        <v>144963</v>
      </c>
      <c r="F42421" s="1" t="s">
        <v>144964</v>
      </c>
      <c r="G42421" s="1" t="s">
        <v>144919</v>
      </c>
      <c r="H42421" s="1" t="s">
        <v>144920</v>
      </c>
      <c r="I42421" s="1" t="s">
        <v>142575</v>
      </c>
      <c r="J42421" s="1" t="s">
        <v>144965</v>
      </c>
    </row>
    <row r="42422" spans="1:10" x14ac:dyDescent="0.35">
      <c r="A42422" s="1" t="s">
        <v>144915</v>
      </c>
      <c r="B42422" s="1" t="s">
        <v>142570</v>
      </c>
      <c r="C42422" s="1" t="s">
        <v>85</v>
      </c>
      <c r="D42422" s="1" t="s">
        <v>71859</v>
      </c>
      <c r="E42422" s="1" t="s">
        <v>144966</v>
      </c>
      <c r="F42422" s="1" t="s">
        <v>144967</v>
      </c>
      <c r="G42422" s="1" t="s">
        <v>144919</v>
      </c>
      <c r="H42422" s="1" t="s">
        <v>144920</v>
      </c>
      <c r="I42422" s="1" t="s">
        <v>142575</v>
      </c>
      <c r="J42422" s="1" t="s">
        <v>144968</v>
      </c>
    </row>
    <row r="42423" spans="1:10" x14ac:dyDescent="0.35">
      <c r="A42423" s="1" t="s">
        <v>144915</v>
      </c>
      <c r="B42423" s="1" t="s">
        <v>142570</v>
      </c>
      <c r="C42423" s="1" t="s">
        <v>90</v>
      </c>
      <c r="D42423" s="1" t="s">
        <v>51094</v>
      </c>
      <c r="E42423" s="1" t="s">
        <v>144969</v>
      </c>
      <c r="F42423" s="1" t="s">
        <v>144970</v>
      </c>
      <c r="G42423" s="1" t="s">
        <v>144919</v>
      </c>
      <c r="H42423" s="1" t="s">
        <v>144920</v>
      </c>
      <c r="I42423" s="1" t="s">
        <v>142575</v>
      </c>
      <c r="J42423" s="1" t="s">
        <v>144971</v>
      </c>
    </row>
    <row r="42424" spans="1:10" x14ac:dyDescent="0.35">
      <c r="A42424" s="1" t="s">
        <v>144915</v>
      </c>
      <c r="B42424" s="1" t="s">
        <v>142570</v>
      </c>
      <c r="C42424" s="1" t="s">
        <v>95</v>
      </c>
      <c r="D42424" s="1" t="s">
        <v>112786</v>
      </c>
      <c r="E42424" s="1" t="s">
        <v>144972</v>
      </c>
      <c r="F42424" s="1" t="s">
        <v>144973</v>
      </c>
      <c r="G42424" s="1" t="s">
        <v>144919</v>
      </c>
      <c r="H42424" s="1" t="s">
        <v>144920</v>
      </c>
      <c r="I42424" s="1" t="s">
        <v>142575</v>
      </c>
      <c r="J42424" s="1" t="s">
        <v>144974</v>
      </c>
    </row>
    <row r="42425" spans="1:10" x14ac:dyDescent="0.35">
      <c r="A42425" s="1" t="s">
        <v>144915</v>
      </c>
      <c r="B42425" s="1" t="s">
        <v>142570</v>
      </c>
      <c r="C42425" s="1" t="s">
        <v>100</v>
      </c>
      <c r="D42425" s="1" t="s">
        <v>5091</v>
      </c>
      <c r="E42425" s="1" t="s">
        <v>144975</v>
      </c>
      <c r="F42425" s="1" t="s">
        <v>144976</v>
      </c>
      <c r="G42425" s="1" t="s">
        <v>144919</v>
      </c>
      <c r="H42425" s="1" t="s">
        <v>144920</v>
      </c>
      <c r="I42425" s="1" t="s">
        <v>142575</v>
      </c>
      <c r="J42425" s="1" t="s">
        <v>144977</v>
      </c>
    </row>
    <row r="42426" spans="1:10" x14ac:dyDescent="0.35">
      <c r="A42426" s="1" t="s">
        <v>144915</v>
      </c>
      <c r="B42426" s="1" t="s">
        <v>142570</v>
      </c>
      <c r="C42426" s="1" t="s">
        <v>105</v>
      </c>
      <c r="D42426" s="1" t="s">
        <v>111720</v>
      </c>
      <c r="E42426" s="1" t="s">
        <v>144978</v>
      </c>
      <c r="F42426" s="1" t="s">
        <v>144979</v>
      </c>
      <c r="G42426" s="1" t="s">
        <v>144919</v>
      </c>
      <c r="H42426" s="1" t="s">
        <v>144920</v>
      </c>
      <c r="I42426" s="1" t="s">
        <v>142575</v>
      </c>
      <c r="J42426" s="1" t="s">
        <v>144980</v>
      </c>
    </row>
    <row r="42427" spans="1:10" x14ac:dyDescent="0.35">
      <c r="A42427" s="1" t="s">
        <v>144915</v>
      </c>
      <c r="B42427" s="1" t="s">
        <v>142570</v>
      </c>
      <c r="C42427" s="1" t="s">
        <v>110</v>
      </c>
      <c r="D42427" s="1" t="s">
        <v>144981</v>
      </c>
      <c r="E42427" s="1" t="s">
        <v>144982</v>
      </c>
      <c r="F42427" s="1" t="s">
        <v>144983</v>
      </c>
      <c r="G42427" s="1" t="s">
        <v>144919</v>
      </c>
      <c r="H42427" s="1" t="s">
        <v>144920</v>
      </c>
      <c r="I42427" s="1" t="s">
        <v>142575</v>
      </c>
      <c r="J42427" s="1" t="s">
        <v>144984</v>
      </c>
    </row>
    <row r="42428" spans="1:10" x14ac:dyDescent="0.35">
      <c r="A42428" s="1" t="s">
        <v>144915</v>
      </c>
      <c r="B42428" s="1" t="s">
        <v>142570</v>
      </c>
      <c r="C42428" s="1" t="s">
        <v>115</v>
      </c>
      <c r="D42428" s="1" t="s">
        <v>112555</v>
      </c>
      <c r="E42428" s="1" t="s">
        <v>144985</v>
      </c>
      <c r="F42428" s="1" t="s">
        <v>144986</v>
      </c>
      <c r="G42428" s="1" t="s">
        <v>144919</v>
      </c>
      <c r="H42428" s="1" t="s">
        <v>144920</v>
      </c>
      <c r="I42428" s="1" t="s">
        <v>142575</v>
      </c>
      <c r="J42428" s="1" t="s">
        <v>75324</v>
      </c>
    </row>
    <row r="42429" spans="1:10" x14ac:dyDescent="0.35">
      <c r="A42429" s="1" t="s">
        <v>144915</v>
      </c>
      <c r="B42429" s="1" t="s">
        <v>142570</v>
      </c>
      <c r="C42429" s="1" t="s">
        <v>120</v>
      </c>
      <c r="D42429" s="1" t="s">
        <v>36156</v>
      </c>
      <c r="E42429" s="1" t="s">
        <v>144987</v>
      </c>
      <c r="F42429" s="1" t="s">
        <v>144988</v>
      </c>
      <c r="G42429" s="1" t="s">
        <v>144919</v>
      </c>
      <c r="H42429" s="1" t="s">
        <v>144920</v>
      </c>
      <c r="I42429" s="1" t="s">
        <v>142575</v>
      </c>
      <c r="J42429" s="1" t="s">
        <v>144989</v>
      </c>
    </row>
    <row r="42430" spans="1:10" x14ac:dyDescent="0.35">
      <c r="A42430" s="1" t="s">
        <v>144915</v>
      </c>
      <c r="B42430" s="1" t="s">
        <v>142570</v>
      </c>
      <c r="C42430" s="1" t="s">
        <v>125</v>
      </c>
      <c r="D42430" s="1" t="s">
        <v>141791</v>
      </c>
      <c r="E42430" s="1" t="s">
        <v>144990</v>
      </c>
      <c r="F42430" s="1" t="s">
        <v>144991</v>
      </c>
      <c r="G42430" s="1" t="s">
        <v>144919</v>
      </c>
      <c r="H42430" s="1" t="s">
        <v>144920</v>
      </c>
      <c r="I42430" s="1" t="s">
        <v>142575</v>
      </c>
      <c r="J42430" s="1" t="s">
        <v>144992</v>
      </c>
    </row>
    <row r="42431" spans="1:10" x14ac:dyDescent="0.35">
      <c r="A42431" s="1" t="s">
        <v>144915</v>
      </c>
      <c r="B42431" s="1" t="s">
        <v>142570</v>
      </c>
      <c r="C42431" s="1" t="s">
        <v>130</v>
      </c>
      <c r="D42431" s="1" t="s">
        <v>35243</v>
      </c>
      <c r="E42431" s="1" t="s">
        <v>144993</v>
      </c>
      <c r="F42431" s="1" t="s">
        <v>144994</v>
      </c>
      <c r="G42431" s="1" t="s">
        <v>144919</v>
      </c>
      <c r="H42431" s="1" t="s">
        <v>144920</v>
      </c>
      <c r="I42431" s="1" t="s">
        <v>142575</v>
      </c>
      <c r="J42431" s="1" t="s">
        <v>144995</v>
      </c>
    </row>
    <row r="42432" spans="1:10" x14ac:dyDescent="0.35">
      <c r="A42432" s="1" t="s">
        <v>144915</v>
      </c>
      <c r="B42432" s="1" t="s">
        <v>142570</v>
      </c>
      <c r="C42432" s="1" t="s">
        <v>135</v>
      </c>
      <c r="D42432" s="1" t="s">
        <v>144996</v>
      </c>
      <c r="E42432" s="1" t="s">
        <v>144997</v>
      </c>
      <c r="F42432" s="1" t="s">
        <v>144998</v>
      </c>
      <c r="G42432" s="1" t="s">
        <v>144919</v>
      </c>
      <c r="H42432" s="1" t="s">
        <v>144920</v>
      </c>
      <c r="I42432" s="1" t="s">
        <v>142575</v>
      </c>
      <c r="J42432" s="1" t="s">
        <v>144999</v>
      </c>
    </row>
    <row r="42433" spans="1:10" x14ac:dyDescent="0.35">
      <c r="A42433" s="1" t="s">
        <v>144915</v>
      </c>
      <c r="B42433" s="1" t="s">
        <v>142570</v>
      </c>
      <c r="C42433" s="1" t="s">
        <v>140</v>
      </c>
      <c r="D42433" s="1" t="s">
        <v>3383</v>
      </c>
      <c r="E42433" s="1" t="s">
        <v>10627</v>
      </c>
      <c r="F42433" s="1" t="s">
        <v>145000</v>
      </c>
      <c r="G42433" s="1" t="s">
        <v>144919</v>
      </c>
      <c r="H42433" s="1" t="s">
        <v>144920</v>
      </c>
      <c r="I42433" s="1" t="s">
        <v>142575</v>
      </c>
      <c r="J42433" s="1" t="s">
        <v>145001</v>
      </c>
    </row>
    <row r="42434" spans="1:10" x14ac:dyDescent="0.35">
      <c r="A42434" s="1" t="s">
        <v>144915</v>
      </c>
      <c r="B42434" s="1" t="s">
        <v>142570</v>
      </c>
      <c r="C42434" s="1" t="s">
        <v>145</v>
      </c>
      <c r="D42434" s="1" t="s">
        <v>145002</v>
      </c>
      <c r="E42434" s="1" t="s">
        <v>145003</v>
      </c>
      <c r="F42434" s="1" t="s">
        <v>145004</v>
      </c>
      <c r="G42434" s="1" t="s">
        <v>144919</v>
      </c>
      <c r="H42434" s="1" t="s">
        <v>144920</v>
      </c>
      <c r="I42434" s="1" t="s">
        <v>142575</v>
      </c>
      <c r="J42434" s="1" t="s">
        <v>145005</v>
      </c>
    </row>
    <row r="42435" spans="1:10" x14ac:dyDescent="0.35">
      <c r="A42435" s="1" t="s">
        <v>144915</v>
      </c>
      <c r="B42435" s="1" t="s">
        <v>142570</v>
      </c>
      <c r="C42435" s="1" t="s">
        <v>150</v>
      </c>
      <c r="D42435" s="1" t="s">
        <v>35217</v>
      </c>
      <c r="E42435" s="1" t="s">
        <v>145006</v>
      </c>
      <c r="F42435" s="1" t="s">
        <v>145007</v>
      </c>
      <c r="G42435" s="1" t="s">
        <v>144919</v>
      </c>
      <c r="H42435" s="1" t="s">
        <v>144920</v>
      </c>
      <c r="I42435" s="1" t="s">
        <v>142575</v>
      </c>
      <c r="J42435" s="1" t="s">
        <v>145008</v>
      </c>
    </row>
    <row r="42436" spans="1:10" x14ac:dyDescent="0.35">
      <c r="A42436" s="1" t="s">
        <v>144915</v>
      </c>
      <c r="B42436" s="1" t="s">
        <v>142570</v>
      </c>
      <c r="C42436" s="1" t="s">
        <v>155</v>
      </c>
      <c r="D42436" s="1" t="s">
        <v>6579</v>
      </c>
      <c r="E42436" s="1" t="s">
        <v>145009</v>
      </c>
      <c r="F42436" s="1" t="s">
        <v>145010</v>
      </c>
      <c r="G42436" s="1" t="s">
        <v>144919</v>
      </c>
      <c r="H42436" s="1" t="s">
        <v>144920</v>
      </c>
      <c r="I42436" s="1" t="s">
        <v>142575</v>
      </c>
      <c r="J42436" s="1" t="s">
        <v>145011</v>
      </c>
    </row>
    <row r="42437" spans="1:10" x14ac:dyDescent="0.35">
      <c r="A42437" s="1" t="s">
        <v>144915</v>
      </c>
      <c r="B42437" s="1" t="s">
        <v>142570</v>
      </c>
      <c r="C42437" s="1" t="s">
        <v>160</v>
      </c>
      <c r="D42437" s="1" t="s">
        <v>233</v>
      </c>
      <c r="E42437" s="1" t="s">
        <v>145012</v>
      </c>
      <c r="F42437" s="1" t="s">
        <v>145013</v>
      </c>
      <c r="G42437" s="1" t="s">
        <v>144919</v>
      </c>
      <c r="H42437" s="1" t="s">
        <v>144920</v>
      </c>
      <c r="I42437" s="1" t="s">
        <v>142575</v>
      </c>
      <c r="J42437" s="1" t="s">
        <v>145014</v>
      </c>
    </row>
    <row r="42438" spans="1:10" x14ac:dyDescent="0.35">
      <c r="A42438" s="1" t="s">
        <v>144915</v>
      </c>
      <c r="B42438" s="1" t="s">
        <v>142570</v>
      </c>
      <c r="C42438" s="1" t="s">
        <v>165</v>
      </c>
      <c r="D42438" s="1" t="s">
        <v>145015</v>
      </c>
      <c r="E42438" s="1" t="s">
        <v>145016</v>
      </c>
      <c r="F42438" s="1" t="s">
        <v>145017</v>
      </c>
      <c r="G42438" s="1" t="s">
        <v>144919</v>
      </c>
      <c r="H42438" s="1" t="s">
        <v>144920</v>
      </c>
      <c r="I42438" s="1" t="s">
        <v>142575</v>
      </c>
      <c r="J42438" s="1" t="s">
        <v>145018</v>
      </c>
    </row>
    <row r="42439" spans="1:10" x14ac:dyDescent="0.35">
      <c r="A42439" s="1" t="s">
        <v>144915</v>
      </c>
      <c r="B42439" s="1" t="s">
        <v>142570</v>
      </c>
      <c r="C42439" s="1" t="s">
        <v>170</v>
      </c>
      <c r="D42439" s="1" t="s">
        <v>145019</v>
      </c>
      <c r="E42439" s="1" t="s">
        <v>145020</v>
      </c>
      <c r="F42439" s="1" t="s">
        <v>145021</v>
      </c>
      <c r="G42439" s="1" t="s">
        <v>144919</v>
      </c>
      <c r="H42439" s="1" t="s">
        <v>144920</v>
      </c>
      <c r="I42439" s="1" t="s">
        <v>142575</v>
      </c>
      <c r="J42439" s="1" t="s">
        <v>145022</v>
      </c>
    </row>
    <row r="42440" spans="1:10" x14ac:dyDescent="0.35">
      <c r="A42440" s="1" t="s">
        <v>50693</v>
      </c>
      <c r="B42440" s="1" t="s">
        <v>142570</v>
      </c>
      <c r="C42440" s="1" t="s">
        <v>8</v>
      </c>
      <c r="D42440" s="1" t="s">
        <v>8091</v>
      </c>
      <c r="E42440" s="1" t="s">
        <v>132805</v>
      </c>
      <c r="F42440" s="1" t="s">
        <v>145023</v>
      </c>
      <c r="G42440" s="1" t="s">
        <v>145024</v>
      </c>
      <c r="H42440" s="1" t="s">
        <v>145025</v>
      </c>
      <c r="I42440" s="1" t="s">
        <v>142575</v>
      </c>
      <c r="J42440" s="1" t="s">
        <v>13</v>
      </c>
    </row>
    <row r="42441" spans="1:10" x14ac:dyDescent="0.35">
      <c r="A42441" s="1" t="s">
        <v>50693</v>
      </c>
      <c r="B42441" s="1" t="s">
        <v>142570</v>
      </c>
      <c r="C42441" s="1" t="s">
        <v>15</v>
      </c>
      <c r="D42441" s="1" t="s">
        <v>2865</v>
      </c>
      <c r="E42441" s="1" t="s">
        <v>78870</v>
      </c>
      <c r="F42441" s="1" t="s">
        <v>145026</v>
      </c>
      <c r="G42441" s="1" t="s">
        <v>145024</v>
      </c>
      <c r="H42441" s="1" t="s">
        <v>145025</v>
      </c>
      <c r="I42441" s="1" t="s">
        <v>142575</v>
      </c>
      <c r="J42441" s="1" t="s">
        <v>145027</v>
      </c>
    </row>
    <row r="42442" spans="1:10" x14ac:dyDescent="0.35">
      <c r="A42442" s="1" t="s">
        <v>50693</v>
      </c>
      <c r="B42442" s="1" t="s">
        <v>142570</v>
      </c>
      <c r="C42442" s="1" t="s">
        <v>20</v>
      </c>
      <c r="D42442" s="1" t="s">
        <v>110371</v>
      </c>
      <c r="E42442" s="1" t="s">
        <v>107295</v>
      </c>
      <c r="F42442" s="1" t="s">
        <v>145028</v>
      </c>
      <c r="G42442" s="1" t="s">
        <v>145024</v>
      </c>
      <c r="H42442" s="1" t="s">
        <v>145025</v>
      </c>
      <c r="I42442" s="1" t="s">
        <v>142575</v>
      </c>
      <c r="J42442" s="1" t="s">
        <v>145029</v>
      </c>
    </row>
    <row r="42443" spans="1:10" x14ac:dyDescent="0.35">
      <c r="A42443" s="1" t="s">
        <v>50693</v>
      </c>
      <c r="B42443" s="1" t="s">
        <v>142570</v>
      </c>
      <c r="C42443" s="1" t="s">
        <v>25</v>
      </c>
      <c r="D42443" s="1" t="s">
        <v>145030</v>
      </c>
      <c r="E42443" s="1" t="s">
        <v>109452</v>
      </c>
      <c r="F42443" s="1" t="s">
        <v>145031</v>
      </c>
      <c r="G42443" s="1" t="s">
        <v>145024</v>
      </c>
      <c r="H42443" s="1" t="s">
        <v>145025</v>
      </c>
      <c r="I42443" s="1" t="s">
        <v>142575</v>
      </c>
      <c r="J42443" s="1" t="s">
        <v>145032</v>
      </c>
    </row>
    <row r="42444" spans="1:10" x14ac:dyDescent="0.35">
      <c r="A42444" s="1" t="s">
        <v>50693</v>
      </c>
      <c r="B42444" s="1" t="s">
        <v>142570</v>
      </c>
      <c r="C42444" s="1" t="s">
        <v>30</v>
      </c>
      <c r="D42444" s="1" t="s">
        <v>112644</v>
      </c>
      <c r="E42444" s="1" t="s">
        <v>74192</v>
      </c>
      <c r="F42444" s="1" t="s">
        <v>145033</v>
      </c>
      <c r="G42444" s="1" t="s">
        <v>145024</v>
      </c>
      <c r="H42444" s="1" t="s">
        <v>145025</v>
      </c>
      <c r="I42444" s="1" t="s">
        <v>142575</v>
      </c>
      <c r="J42444" s="1" t="s">
        <v>145034</v>
      </c>
    </row>
    <row r="42445" spans="1:10" x14ac:dyDescent="0.35">
      <c r="A42445" s="1" t="s">
        <v>50693</v>
      </c>
      <c r="B42445" s="1" t="s">
        <v>142570</v>
      </c>
      <c r="C42445" s="1" t="s">
        <v>35</v>
      </c>
      <c r="D42445" s="1" t="s">
        <v>10043</v>
      </c>
      <c r="E42445" s="1" t="s">
        <v>107323</v>
      </c>
      <c r="F42445" s="1" t="s">
        <v>145035</v>
      </c>
      <c r="G42445" s="1" t="s">
        <v>145024</v>
      </c>
      <c r="H42445" s="1" t="s">
        <v>145025</v>
      </c>
      <c r="I42445" s="1" t="s">
        <v>142575</v>
      </c>
      <c r="J42445" s="1" t="s">
        <v>145036</v>
      </c>
    </row>
    <row r="42446" spans="1:10" x14ac:dyDescent="0.35">
      <c r="A42446" s="1" t="s">
        <v>50693</v>
      </c>
      <c r="B42446" s="1" t="s">
        <v>142570</v>
      </c>
      <c r="C42446" s="1" t="s">
        <v>40</v>
      </c>
      <c r="D42446" s="1" t="s">
        <v>145037</v>
      </c>
      <c r="E42446" s="1" t="s">
        <v>106531</v>
      </c>
      <c r="F42446" s="1" t="s">
        <v>145038</v>
      </c>
      <c r="G42446" s="1" t="s">
        <v>145024</v>
      </c>
      <c r="H42446" s="1" t="s">
        <v>145025</v>
      </c>
      <c r="I42446" s="1" t="s">
        <v>142575</v>
      </c>
      <c r="J42446" s="1" t="s">
        <v>145039</v>
      </c>
    </row>
    <row r="42447" spans="1:10" x14ac:dyDescent="0.35">
      <c r="A42447" s="1" t="s">
        <v>50693</v>
      </c>
      <c r="B42447" s="1" t="s">
        <v>142570</v>
      </c>
      <c r="C42447" s="1" t="s">
        <v>45</v>
      </c>
      <c r="D42447" s="1" t="s">
        <v>112644</v>
      </c>
      <c r="E42447" s="1" t="s">
        <v>145040</v>
      </c>
      <c r="F42447" s="1" t="s">
        <v>145041</v>
      </c>
      <c r="G42447" s="1" t="s">
        <v>145024</v>
      </c>
      <c r="H42447" s="1" t="s">
        <v>145025</v>
      </c>
      <c r="I42447" s="1" t="s">
        <v>142575</v>
      </c>
      <c r="J42447" s="1" t="s">
        <v>145042</v>
      </c>
    </row>
    <row r="42448" spans="1:10" x14ac:dyDescent="0.35">
      <c r="A42448" s="1" t="s">
        <v>50693</v>
      </c>
      <c r="B42448" s="1" t="s">
        <v>142570</v>
      </c>
      <c r="C42448" s="1" t="s">
        <v>50</v>
      </c>
      <c r="D42448" s="1" t="s">
        <v>104079</v>
      </c>
      <c r="E42448" s="1" t="s">
        <v>106561</v>
      </c>
      <c r="F42448" s="1" t="s">
        <v>145043</v>
      </c>
      <c r="G42448" s="1" t="s">
        <v>145024</v>
      </c>
      <c r="H42448" s="1" t="s">
        <v>145025</v>
      </c>
      <c r="I42448" s="1" t="s">
        <v>142575</v>
      </c>
      <c r="J42448" s="1" t="s">
        <v>145044</v>
      </c>
    </row>
    <row r="42449" spans="1:10" x14ac:dyDescent="0.35">
      <c r="A42449" s="1" t="s">
        <v>50693</v>
      </c>
      <c r="B42449" s="1" t="s">
        <v>142570</v>
      </c>
      <c r="C42449" s="1" t="s">
        <v>55</v>
      </c>
      <c r="D42449" s="1" t="s">
        <v>145045</v>
      </c>
      <c r="E42449" s="1" t="s">
        <v>107313</v>
      </c>
      <c r="F42449" s="1" t="s">
        <v>145046</v>
      </c>
      <c r="G42449" s="1" t="s">
        <v>145024</v>
      </c>
      <c r="H42449" s="1" t="s">
        <v>145025</v>
      </c>
      <c r="I42449" s="1" t="s">
        <v>142575</v>
      </c>
      <c r="J42449" s="1" t="s">
        <v>145047</v>
      </c>
    </row>
    <row r="42450" spans="1:10" x14ac:dyDescent="0.35">
      <c r="A42450" s="1" t="s">
        <v>50693</v>
      </c>
      <c r="B42450" s="1" t="s">
        <v>142570</v>
      </c>
      <c r="C42450" s="1" t="s">
        <v>60</v>
      </c>
      <c r="D42450" s="1" t="s">
        <v>10187</v>
      </c>
      <c r="E42450" s="1" t="s">
        <v>130020</v>
      </c>
      <c r="F42450" s="1" t="s">
        <v>145048</v>
      </c>
      <c r="G42450" s="1" t="s">
        <v>145024</v>
      </c>
      <c r="H42450" s="1" t="s">
        <v>145025</v>
      </c>
      <c r="I42450" s="1" t="s">
        <v>142575</v>
      </c>
      <c r="J42450" s="1" t="s">
        <v>145049</v>
      </c>
    </row>
    <row r="42451" spans="1:10" x14ac:dyDescent="0.35">
      <c r="A42451" s="1" t="s">
        <v>50693</v>
      </c>
      <c r="B42451" s="1" t="s">
        <v>142570</v>
      </c>
      <c r="C42451" s="1" t="s">
        <v>65</v>
      </c>
      <c r="D42451" s="1" t="s">
        <v>145050</v>
      </c>
      <c r="E42451" s="1" t="s">
        <v>145051</v>
      </c>
      <c r="F42451" s="1" t="s">
        <v>145052</v>
      </c>
      <c r="G42451" s="1" t="s">
        <v>145024</v>
      </c>
      <c r="H42451" s="1" t="s">
        <v>145025</v>
      </c>
      <c r="I42451" s="1" t="s">
        <v>142575</v>
      </c>
      <c r="J42451" s="1" t="s">
        <v>143748</v>
      </c>
    </row>
    <row r="42452" spans="1:10" x14ac:dyDescent="0.35">
      <c r="A42452" s="1" t="s">
        <v>50693</v>
      </c>
      <c r="B42452" s="1" t="s">
        <v>142570</v>
      </c>
      <c r="C42452" s="1" t="s">
        <v>70</v>
      </c>
      <c r="D42452" s="1" t="s">
        <v>121613</v>
      </c>
      <c r="E42452" s="1" t="s">
        <v>145053</v>
      </c>
      <c r="F42452" s="1" t="s">
        <v>145054</v>
      </c>
      <c r="G42452" s="1" t="s">
        <v>145024</v>
      </c>
      <c r="H42452" s="1" t="s">
        <v>145025</v>
      </c>
      <c r="I42452" s="1" t="s">
        <v>142575</v>
      </c>
      <c r="J42452" s="1" t="s">
        <v>145055</v>
      </c>
    </row>
    <row r="42453" spans="1:10" x14ac:dyDescent="0.35">
      <c r="A42453" s="1" t="s">
        <v>50693</v>
      </c>
      <c r="B42453" s="1" t="s">
        <v>142570</v>
      </c>
      <c r="C42453" s="1" t="s">
        <v>75</v>
      </c>
      <c r="D42453" s="1" t="s">
        <v>110567</v>
      </c>
      <c r="E42453" s="1" t="s">
        <v>109813</v>
      </c>
      <c r="F42453" s="1" t="s">
        <v>145056</v>
      </c>
      <c r="G42453" s="1" t="s">
        <v>145024</v>
      </c>
      <c r="H42453" s="1" t="s">
        <v>145025</v>
      </c>
      <c r="I42453" s="1" t="s">
        <v>142575</v>
      </c>
      <c r="J42453" s="1" t="s">
        <v>145057</v>
      </c>
    </row>
    <row r="42454" spans="1:10" x14ac:dyDescent="0.35">
      <c r="A42454" s="1" t="s">
        <v>50693</v>
      </c>
      <c r="B42454" s="1" t="s">
        <v>142570</v>
      </c>
      <c r="C42454" s="1" t="s">
        <v>80</v>
      </c>
      <c r="D42454" s="1" t="s">
        <v>4046</v>
      </c>
      <c r="E42454" s="1" t="s">
        <v>145058</v>
      </c>
      <c r="F42454" s="1" t="s">
        <v>145059</v>
      </c>
      <c r="G42454" s="1" t="s">
        <v>145024</v>
      </c>
      <c r="H42454" s="1" t="s">
        <v>145025</v>
      </c>
      <c r="I42454" s="1" t="s">
        <v>142575</v>
      </c>
      <c r="J42454" s="1" t="s">
        <v>145060</v>
      </c>
    </row>
    <row r="42455" spans="1:10" x14ac:dyDescent="0.35">
      <c r="A42455" s="1" t="s">
        <v>50693</v>
      </c>
      <c r="B42455" s="1" t="s">
        <v>142570</v>
      </c>
      <c r="C42455" s="1" t="s">
        <v>85</v>
      </c>
      <c r="D42455" s="1" t="s">
        <v>10114</v>
      </c>
      <c r="E42455" s="1" t="s">
        <v>131784</v>
      </c>
      <c r="F42455" s="1" t="s">
        <v>145061</v>
      </c>
      <c r="G42455" s="1" t="s">
        <v>145024</v>
      </c>
      <c r="H42455" s="1" t="s">
        <v>145025</v>
      </c>
      <c r="I42455" s="1" t="s">
        <v>142575</v>
      </c>
      <c r="J42455" s="1" t="s">
        <v>145062</v>
      </c>
    </row>
    <row r="42456" spans="1:10" x14ac:dyDescent="0.35">
      <c r="A42456" s="1" t="s">
        <v>50693</v>
      </c>
      <c r="B42456" s="1" t="s">
        <v>142570</v>
      </c>
      <c r="C42456" s="1" t="s">
        <v>90</v>
      </c>
      <c r="D42456" s="1" t="s">
        <v>145063</v>
      </c>
      <c r="E42456" s="1" t="s">
        <v>145064</v>
      </c>
      <c r="F42456" s="1" t="s">
        <v>145065</v>
      </c>
      <c r="G42456" s="1" t="s">
        <v>145024</v>
      </c>
      <c r="H42456" s="1" t="s">
        <v>145025</v>
      </c>
      <c r="I42456" s="1" t="s">
        <v>142575</v>
      </c>
      <c r="J42456" s="1" t="s">
        <v>145066</v>
      </c>
    </row>
    <row r="42457" spans="1:10" x14ac:dyDescent="0.35">
      <c r="A42457" s="1" t="s">
        <v>50693</v>
      </c>
      <c r="B42457" s="1" t="s">
        <v>142570</v>
      </c>
      <c r="C42457" s="1" t="s">
        <v>95</v>
      </c>
      <c r="D42457" s="1" t="s">
        <v>4753</v>
      </c>
      <c r="E42457" s="1" t="s">
        <v>145067</v>
      </c>
      <c r="F42457" s="1" t="s">
        <v>145068</v>
      </c>
      <c r="G42457" s="1" t="s">
        <v>145024</v>
      </c>
      <c r="H42457" s="1" t="s">
        <v>145025</v>
      </c>
      <c r="I42457" s="1" t="s">
        <v>142575</v>
      </c>
      <c r="J42457" s="1" t="s">
        <v>145069</v>
      </c>
    </row>
    <row r="42458" spans="1:10" x14ac:dyDescent="0.35">
      <c r="A42458" s="1" t="s">
        <v>50693</v>
      </c>
      <c r="B42458" s="1" t="s">
        <v>142570</v>
      </c>
      <c r="C42458" s="1" t="s">
        <v>100</v>
      </c>
      <c r="D42458" s="1" t="s">
        <v>14251</v>
      </c>
      <c r="E42458" s="1" t="s">
        <v>108936</v>
      </c>
      <c r="F42458" s="1" t="s">
        <v>145070</v>
      </c>
      <c r="G42458" s="1" t="s">
        <v>145024</v>
      </c>
      <c r="H42458" s="1" t="s">
        <v>145025</v>
      </c>
      <c r="I42458" s="1" t="s">
        <v>142575</v>
      </c>
      <c r="J42458" s="1" t="s">
        <v>145071</v>
      </c>
    </row>
    <row r="42459" spans="1:10" x14ac:dyDescent="0.35">
      <c r="A42459" s="1" t="s">
        <v>50693</v>
      </c>
      <c r="B42459" s="1" t="s">
        <v>142570</v>
      </c>
      <c r="C42459" s="1" t="s">
        <v>105</v>
      </c>
      <c r="D42459" s="1" t="s">
        <v>28249</v>
      </c>
      <c r="E42459" s="1" t="s">
        <v>135761</v>
      </c>
      <c r="F42459" s="1" t="s">
        <v>145072</v>
      </c>
      <c r="G42459" s="1" t="s">
        <v>145024</v>
      </c>
      <c r="H42459" s="1" t="s">
        <v>145025</v>
      </c>
      <c r="I42459" s="1" t="s">
        <v>142575</v>
      </c>
      <c r="J42459" s="1" t="s">
        <v>145073</v>
      </c>
    </row>
    <row r="42460" spans="1:10" x14ac:dyDescent="0.35">
      <c r="A42460" s="1" t="s">
        <v>50693</v>
      </c>
      <c r="B42460" s="1" t="s">
        <v>142570</v>
      </c>
      <c r="C42460" s="1" t="s">
        <v>110</v>
      </c>
      <c r="D42460" s="1" t="s">
        <v>2857</v>
      </c>
      <c r="E42460" s="1" t="s">
        <v>145074</v>
      </c>
      <c r="F42460" s="1" t="s">
        <v>145075</v>
      </c>
      <c r="G42460" s="1" t="s">
        <v>145024</v>
      </c>
      <c r="H42460" s="1" t="s">
        <v>145025</v>
      </c>
      <c r="I42460" s="1" t="s">
        <v>142575</v>
      </c>
      <c r="J42460" s="1" t="s">
        <v>145076</v>
      </c>
    </row>
    <row r="42461" spans="1:10" x14ac:dyDescent="0.35">
      <c r="A42461" s="1" t="s">
        <v>50693</v>
      </c>
      <c r="B42461" s="1" t="s">
        <v>142570</v>
      </c>
      <c r="C42461" s="1" t="s">
        <v>115</v>
      </c>
      <c r="D42461" s="1" t="s">
        <v>6858</v>
      </c>
      <c r="E42461" s="1" t="s">
        <v>131743</v>
      </c>
      <c r="F42461" s="1" t="s">
        <v>145077</v>
      </c>
      <c r="G42461" s="1" t="s">
        <v>145024</v>
      </c>
      <c r="H42461" s="1" t="s">
        <v>145025</v>
      </c>
      <c r="I42461" s="1" t="s">
        <v>142575</v>
      </c>
      <c r="J42461" s="1" t="s">
        <v>145078</v>
      </c>
    </row>
    <row r="42462" spans="1:10" x14ac:dyDescent="0.35">
      <c r="A42462" s="1" t="s">
        <v>50693</v>
      </c>
      <c r="B42462" s="1" t="s">
        <v>142570</v>
      </c>
      <c r="C42462" s="1" t="s">
        <v>120</v>
      </c>
      <c r="D42462" s="1" t="s">
        <v>14203</v>
      </c>
      <c r="E42462" s="1" t="s">
        <v>145079</v>
      </c>
      <c r="F42462" s="1" t="s">
        <v>110823</v>
      </c>
      <c r="G42462" s="1" t="s">
        <v>145024</v>
      </c>
      <c r="H42462" s="1" t="s">
        <v>145025</v>
      </c>
      <c r="I42462" s="1" t="s">
        <v>142575</v>
      </c>
      <c r="J42462" s="1" t="s">
        <v>145080</v>
      </c>
    </row>
    <row r="42463" spans="1:10" x14ac:dyDescent="0.35">
      <c r="A42463" s="1" t="s">
        <v>50693</v>
      </c>
      <c r="B42463" s="1" t="s">
        <v>142570</v>
      </c>
      <c r="C42463" s="1" t="s">
        <v>125</v>
      </c>
      <c r="D42463" s="1" t="s">
        <v>5732</v>
      </c>
      <c r="E42463" s="1" t="s">
        <v>109510</v>
      </c>
      <c r="F42463" s="1" t="s">
        <v>145081</v>
      </c>
      <c r="G42463" s="1" t="s">
        <v>145024</v>
      </c>
      <c r="H42463" s="1" t="s">
        <v>145025</v>
      </c>
      <c r="I42463" s="1" t="s">
        <v>142575</v>
      </c>
      <c r="J42463" s="1" t="s">
        <v>145082</v>
      </c>
    </row>
    <row r="42464" spans="1:10" x14ac:dyDescent="0.35">
      <c r="A42464" s="1" t="s">
        <v>50693</v>
      </c>
      <c r="B42464" s="1" t="s">
        <v>142570</v>
      </c>
      <c r="C42464" s="1" t="s">
        <v>130</v>
      </c>
      <c r="D42464" s="1" t="s">
        <v>51934</v>
      </c>
      <c r="E42464" s="1" t="s">
        <v>78866</v>
      </c>
      <c r="F42464" s="1" t="s">
        <v>145083</v>
      </c>
      <c r="G42464" s="1" t="s">
        <v>145024</v>
      </c>
      <c r="H42464" s="1" t="s">
        <v>145025</v>
      </c>
      <c r="I42464" s="1" t="s">
        <v>142575</v>
      </c>
      <c r="J42464" s="1" t="s">
        <v>145084</v>
      </c>
    </row>
    <row r="42465" spans="1:10" x14ac:dyDescent="0.35">
      <c r="A42465" s="1" t="s">
        <v>50693</v>
      </c>
      <c r="B42465" s="1" t="s">
        <v>142570</v>
      </c>
      <c r="C42465" s="1" t="s">
        <v>135</v>
      </c>
      <c r="D42465" s="1" t="s">
        <v>2125</v>
      </c>
      <c r="E42465" s="1" t="s">
        <v>108904</v>
      </c>
      <c r="F42465" s="1" t="s">
        <v>145085</v>
      </c>
      <c r="G42465" s="1" t="s">
        <v>145024</v>
      </c>
      <c r="H42465" s="1" t="s">
        <v>145025</v>
      </c>
      <c r="I42465" s="1" t="s">
        <v>142575</v>
      </c>
      <c r="J42465" s="1" t="s">
        <v>145086</v>
      </c>
    </row>
    <row r="42466" spans="1:10" x14ac:dyDescent="0.35">
      <c r="A42466" s="1" t="s">
        <v>50693</v>
      </c>
      <c r="B42466" s="1" t="s">
        <v>142570</v>
      </c>
      <c r="C42466" s="1" t="s">
        <v>140</v>
      </c>
      <c r="D42466" s="1" t="s">
        <v>7583</v>
      </c>
      <c r="E42466" s="1" t="s">
        <v>107340</v>
      </c>
      <c r="F42466" s="1" t="s">
        <v>145087</v>
      </c>
      <c r="G42466" s="1" t="s">
        <v>145024</v>
      </c>
      <c r="H42466" s="1" t="s">
        <v>145025</v>
      </c>
      <c r="I42466" s="1" t="s">
        <v>142575</v>
      </c>
      <c r="J42466" s="1" t="s">
        <v>145088</v>
      </c>
    </row>
    <row r="42467" spans="1:10" x14ac:dyDescent="0.35">
      <c r="A42467" s="1" t="s">
        <v>50693</v>
      </c>
      <c r="B42467" s="1" t="s">
        <v>142570</v>
      </c>
      <c r="C42467" s="1" t="s">
        <v>145</v>
      </c>
      <c r="D42467" s="1" t="s">
        <v>2121</v>
      </c>
      <c r="E42467" s="1" t="s">
        <v>135722</v>
      </c>
      <c r="F42467" s="1" t="s">
        <v>145089</v>
      </c>
      <c r="G42467" s="1" t="s">
        <v>145024</v>
      </c>
      <c r="H42467" s="1" t="s">
        <v>145025</v>
      </c>
      <c r="I42467" s="1" t="s">
        <v>142575</v>
      </c>
      <c r="J42467" s="1" t="s">
        <v>145090</v>
      </c>
    </row>
    <row r="42468" spans="1:10" x14ac:dyDescent="0.35">
      <c r="A42468" s="1" t="s">
        <v>50693</v>
      </c>
      <c r="B42468" s="1" t="s">
        <v>142570</v>
      </c>
      <c r="C42468" s="1" t="s">
        <v>150</v>
      </c>
      <c r="D42468" s="1" t="s">
        <v>143548</v>
      </c>
      <c r="E42468" s="1" t="s">
        <v>132872</v>
      </c>
      <c r="F42468" s="1" t="s">
        <v>145091</v>
      </c>
      <c r="G42468" s="1" t="s">
        <v>145024</v>
      </c>
      <c r="H42468" s="1" t="s">
        <v>145025</v>
      </c>
      <c r="I42468" s="1" t="s">
        <v>142575</v>
      </c>
      <c r="J42468" s="1" t="s">
        <v>145092</v>
      </c>
    </row>
    <row r="42469" spans="1:10" x14ac:dyDescent="0.35">
      <c r="A42469" s="1" t="s">
        <v>50693</v>
      </c>
      <c r="B42469" s="1" t="s">
        <v>142570</v>
      </c>
      <c r="C42469" s="1" t="s">
        <v>155</v>
      </c>
      <c r="D42469" s="1" t="s">
        <v>121227</v>
      </c>
      <c r="E42469" s="1" t="s">
        <v>145093</v>
      </c>
      <c r="F42469" s="1" t="s">
        <v>145094</v>
      </c>
      <c r="G42469" s="1" t="s">
        <v>145024</v>
      </c>
      <c r="H42469" s="1" t="s">
        <v>145025</v>
      </c>
      <c r="I42469" s="1" t="s">
        <v>142575</v>
      </c>
      <c r="J42469" s="1" t="s">
        <v>145095</v>
      </c>
    </row>
    <row r="42470" spans="1:10" x14ac:dyDescent="0.35">
      <c r="A42470" s="1" t="s">
        <v>50693</v>
      </c>
      <c r="B42470" s="1" t="s">
        <v>142570</v>
      </c>
      <c r="C42470" s="1" t="s">
        <v>160</v>
      </c>
      <c r="D42470" s="1" t="s">
        <v>143331</v>
      </c>
      <c r="E42470" s="1" t="s">
        <v>131784</v>
      </c>
      <c r="F42470" s="1" t="s">
        <v>145096</v>
      </c>
      <c r="G42470" s="1" t="s">
        <v>145024</v>
      </c>
      <c r="H42470" s="1" t="s">
        <v>145025</v>
      </c>
      <c r="I42470" s="1" t="s">
        <v>142575</v>
      </c>
      <c r="J42470" s="1" t="s">
        <v>145097</v>
      </c>
    </row>
    <row r="42471" spans="1:10" x14ac:dyDescent="0.35">
      <c r="A42471" s="1" t="s">
        <v>50693</v>
      </c>
      <c r="B42471" s="1" t="s">
        <v>142570</v>
      </c>
      <c r="C42471" s="1" t="s">
        <v>165</v>
      </c>
      <c r="D42471" s="1" t="s">
        <v>7055</v>
      </c>
      <c r="E42471" s="1" t="s">
        <v>145098</v>
      </c>
      <c r="F42471" s="1" t="s">
        <v>145099</v>
      </c>
      <c r="G42471" s="1" t="s">
        <v>145024</v>
      </c>
      <c r="H42471" s="1" t="s">
        <v>145025</v>
      </c>
      <c r="I42471" s="1" t="s">
        <v>142575</v>
      </c>
      <c r="J42471" s="1" t="s">
        <v>145100</v>
      </c>
    </row>
    <row r="42472" spans="1:10" x14ac:dyDescent="0.35">
      <c r="A42472" s="1" t="s">
        <v>50693</v>
      </c>
      <c r="B42472" s="1" t="s">
        <v>142570</v>
      </c>
      <c r="C42472" s="1" t="s">
        <v>170</v>
      </c>
      <c r="D42472" s="1" t="s">
        <v>145101</v>
      </c>
      <c r="E42472" s="1" t="s">
        <v>131775</v>
      </c>
      <c r="F42472" s="1" t="s">
        <v>145102</v>
      </c>
      <c r="G42472" s="1" t="s">
        <v>145024</v>
      </c>
      <c r="H42472" s="1" t="s">
        <v>145025</v>
      </c>
      <c r="I42472" s="1" t="s">
        <v>142575</v>
      </c>
      <c r="J42472" s="1" t="s">
        <v>145103</v>
      </c>
    </row>
    <row r="42473" spans="1:10" x14ac:dyDescent="0.35">
      <c r="A42473" s="1" t="s">
        <v>1544</v>
      </c>
      <c r="B42473" s="1" t="s">
        <v>142570</v>
      </c>
      <c r="C42473" s="1" t="s">
        <v>8</v>
      </c>
      <c r="D42473" s="1" t="s">
        <v>5083</v>
      </c>
      <c r="E42473" s="1" t="s">
        <v>145104</v>
      </c>
      <c r="F42473" s="1" t="s">
        <v>145105</v>
      </c>
      <c r="G42473" s="1" t="s">
        <v>145106</v>
      </c>
      <c r="H42473" s="1" t="s">
        <v>145107</v>
      </c>
      <c r="I42473" s="1" t="s">
        <v>142575</v>
      </c>
      <c r="J42473" s="1" t="s">
        <v>13</v>
      </c>
    </row>
    <row r="42474" spans="1:10" x14ac:dyDescent="0.35">
      <c r="A42474" s="1" t="s">
        <v>1544</v>
      </c>
      <c r="B42474" s="1" t="s">
        <v>142570</v>
      </c>
      <c r="C42474" s="1" t="s">
        <v>15</v>
      </c>
      <c r="D42474" s="1" t="s">
        <v>28102</v>
      </c>
      <c r="E42474" s="1" t="s">
        <v>145108</v>
      </c>
      <c r="F42474" s="1" t="s">
        <v>145109</v>
      </c>
      <c r="G42474" s="1" t="s">
        <v>145106</v>
      </c>
      <c r="H42474" s="1" t="s">
        <v>145107</v>
      </c>
      <c r="I42474" s="1" t="s">
        <v>142575</v>
      </c>
      <c r="J42474" s="1" t="s">
        <v>145110</v>
      </c>
    </row>
    <row r="42475" spans="1:10" x14ac:dyDescent="0.35">
      <c r="A42475" s="1" t="s">
        <v>1544</v>
      </c>
      <c r="B42475" s="1" t="s">
        <v>142570</v>
      </c>
      <c r="C42475" s="1" t="s">
        <v>20</v>
      </c>
      <c r="D42475" s="1" t="s">
        <v>46352</v>
      </c>
      <c r="E42475" s="1" t="s">
        <v>145111</v>
      </c>
      <c r="F42475" s="1" t="s">
        <v>145112</v>
      </c>
      <c r="G42475" s="1" t="s">
        <v>145106</v>
      </c>
      <c r="H42475" s="1" t="s">
        <v>145107</v>
      </c>
      <c r="I42475" s="1" t="s">
        <v>142575</v>
      </c>
      <c r="J42475" s="1" t="s">
        <v>145113</v>
      </c>
    </row>
    <row r="42476" spans="1:10" x14ac:dyDescent="0.35">
      <c r="A42476" s="1" t="s">
        <v>1544</v>
      </c>
      <c r="B42476" s="1" t="s">
        <v>142570</v>
      </c>
      <c r="C42476" s="1" t="s">
        <v>25</v>
      </c>
      <c r="D42476" s="1" t="s">
        <v>145114</v>
      </c>
      <c r="E42476" s="1" t="s">
        <v>145115</v>
      </c>
      <c r="F42476" s="1" t="s">
        <v>145116</v>
      </c>
      <c r="G42476" s="1" t="s">
        <v>145106</v>
      </c>
      <c r="H42476" s="1" t="s">
        <v>145107</v>
      </c>
      <c r="I42476" s="1" t="s">
        <v>142575</v>
      </c>
      <c r="J42476" s="1" t="s">
        <v>145117</v>
      </c>
    </row>
    <row r="42477" spans="1:10" x14ac:dyDescent="0.35">
      <c r="A42477" s="1" t="s">
        <v>1544</v>
      </c>
      <c r="B42477" s="1" t="s">
        <v>142570</v>
      </c>
      <c r="C42477" s="1" t="s">
        <v>30</v>
      </c>
      <c r="D42477" s="1" t="s">
        <v>111586</v>
      </c>
      <c r="E42477" s="1" t="s">
        <v>145118</v>
      </c>
      <c r="F42477" s="1" t="s">
        <v>145119</v>
      </c>
      <c r="G42477" s="1" t="s">
        <v>145106</v>
      </c>
      <c r="H42477" s="1" t="s">
        <v>145107</v>
      </c>
      <c r="I42477" s="1" t="s">
        <v>142575</v>
      </c>
      <c r="J42477" s="1" t="s">
        <v>145120</v>
      </c>
    </row>
    <row r="42478" spans="1:10" x14ac:dyDescent="0.35">
      <c r="A42478" s="1" t="s">
        <v>1544</v>
      </c>
      <c r="B42478" s="1" t="s">
        <v>142570</v>
      </c>
      <c r="C42478" s="1" t="s">
        <v>35</v>
      </c>
      <c r="D42478" s="1" t="s">
        <v>2121</v>
      </c>
      <c r="E42478" s="1" t="s">
        <v>145121</v>
      </c>
      <c r="F42478" s="1" t="s">
        <v>145122</v>
      </c>
      <c r="G42478" s="1" t="s">
        <v>145106</v>
      </c>
      <c r="H42478" s="1" t="s">
        <v>145107</v>
      </c>
      <c r="I42478" s="1" t="s">
        <v>142575</v>
      </c>
      <c r="J42478" s="1" t="s">
        <v>145123</v>
      </c>
    </row>
    <row r="42479" spans="1:10" x14ac:dyDescent="0.35">
      <c r="A42479" s="1" t="s">
        <v>1544</v>
      </c>
      <c r="B42479" s="1" t="s">
        <v>142570</v>
      </c>
      <c r="C42479" s="1" t="s">
        <v>40</v>
      </c>
      <c r="D42479" s="1" t="s">
        <v>2125</v>
      </c>
      <c r="E42479" s="1" t="s">
        <v>145124</v>
      </c>
      <c r="F42479" s="1" t="s">
        <v>145125</v>
      </c>
      <c r="G42479" s="1" t="s">
        <v>145106</v>
      </c>
      <c r="H42479" s="1" t="s">
        <v>145107</v>
      </c>
      <c r="I42479" s="1" t="s">
        <v>142575</v>
      </c>
      <c r="J42479" s="1" t="s">
        <v>2128</v>
      </c>
    </row>
    <row r="42480" spans="1:10" x14ac:dyDescent="0.35">
      <c r="A42480" s="1" t="s">
        <v>1544</v>
      </c>
      <c r="B42480" s="1" t="s">
        <v>142570</v>
      </c>
      <c r="C42480" s="1" t="s">
        <v>45</v>
      </c>
      <c r="D42480" s="1" t="s">
        <v>46235</v>
      </c>
      <c r="E42480" s="1" t="s">
        <v>145126</v>
      </c>
      <c r="F42480" s="1" t="s">
        <v>145127</v>
      </c>
      <c r="G42480" s="1" t="s">
        <v>145106</v>
      </c>
      <c r="H42480" s="1" t="s">
        <v>145107</v>
      </c>
      <c r="I42480" s="1" t="s">
        <v>142575</v>
      </c>
      <c r="J42480" s="1" t="s">
        <v>145128</v>
      </c>
    </row>
    <row r="42481" spans="1:10" x14ac:dyDescent="0.35">
      <c r="A42481" s="1" t="s">
        <v>1544</v>
      </c>
      <c r="B42481" s="1" t="s">
        <v>142570</v>
      </c>
      <c r="C42481" s="1" t="s">
        <v>50</v>
      </c>
      <c r="D42481" s="1" t="s">
        <v>118265</v>
      </c>
      <c r="E42481" s="1" t="s">
        <v>145129</v>
      </c>
      <c r="F42481" s="1" t="s">
        <v>145130</v>
      </c>
      <c r="G42481" s="1" t="s">
        <v>145106</v>
      </c>
      <c r="H42481" s="1" t="s">
        <v>145107</v>
      </c>
      <c r="I42481" s="1" t="s">
        <v>142575</v>
      </c>
      <c r="J42481" s="1" t="s">
        <v>145131</v>
      </c>
    </row>
    <row r="42482" spans="1:10" x14ac:dyDescent="0.35">
      <c r="A42482" s="1" t="s">
        <v>1544</v>
      </c>
      <c r="B42482" s="1" t="s">
        <v>142570</v>
      </c>
      <c r="C42482" s="1" t="s">
        <v>55</v>
      </c>
      <c r="D42482" s="1" t="s">
        <v>27878</v>
      </c>
      <c r="E42482" s="1" t="s">
        <v>145132</v>
      </c>
      <c r="F42482" s="1" t="s">
        <v>145133</v>
      </c>
      <c r="G42482" s="1" t="s">
        <v>145106</v>
      </c>
      <c r="H42482" s="1" t="s">
        <v>145107</v>
      </c>
      <c r="I42482" s="1" t="s">
        <v>142575</v>
      </c>
      <c r="J42482" s="1" t="s">
        <v>145134</v>
      </c>
    </row>
    <row r="42483" spans="1:10" x14ac:dyDescent="0.35">
      <c r="A42483" s="1" t="s">
        <v>1544</v>
      </c>
      <c r="B42483" s="1" t="s">
        <v>142570</v>
      </c>
      <c r="C42483" s="1" t="s">
        <v>60</v>
      </c>
      <c r="D42483" s="1" t="s">
        <v>4709</v>
      </c>
      <c r="E42483" s="1" t="s">
        <v>145135</v>
      </c>
      <c r="F42483" s="1" t="s">
        <v>145136</v>
      </c>
      <c r="G42483" s="1" t="s">
        <v>145106</v>
      </c>
      <c r="H42483" s="1" t="s">
        <v>145107</v>
      </c>
      <c r="I42483" s="1" t="s">
        <v>142575</v>
      </c>
      <c r="J42483" s="1" t="s">
        <v>145137</v>
      </c>
    </row>
    <row r="42484" spans="1:10" x14ac:dyDescent="0.35">
      <c r="A42484" s="1" t="s">
        <v>1544</v>
      </c>
      <c r="B42484" s="1" t="s">
        <v>142570</v>
      </c>
      <c r="C42484" s="1" t="s">
        <v>65</v>
      </c>
      <c r="D42484" s="1" t="s">
        <v>112275</v>
      </c>
      <c r="E42484" s="1" t="s">
        <v>145138</v>
      </c>
      <c r="F42484" s="1" t="s">
        <v>145139</v>
      </c>
      <c r="G42484" s="1" t="s">
        <v>145106</v>
      </c>
      <c r="H42484" s="1" t="s">
        <v>145107</v>
      </c>
      <c r="I42484" s="1" t="s">
        <v>142575</v>
      </c>
      <c r="J42484" s="1" t="s">
        <v>145140</v>
      </c>
    </row>
    <row r="42485" spans="1:10" x14ac:dyDescent="0.35">
      <c r="A42485" s="1" t="s">
        <v>1544</v>
      </c>
      <c r="B42485" s="1" t="s">
        <v>142570</v>
      </c>
      <c r="C42485" s="1" t="s">
        <v>70</v>
      </c>
      <c r="D42485" s="1" t="s">
        <v>145141</v>
      </c>
      <c r="E42485" s="1" t="s">
        <v>145142</v>
      </c>
      <c r="F42485" s="1" t="s">
        <v>145143</v>
      </c>
      <c r="G42485" s="1" t="s">
        <v>145106</v>
      </c>
      <c r="H42485" s="1" t="s">
        <v>145107</v>
      </c>
      <c r="I42485" s="1" t="s">
        <v>142575</v>
      </c>
      <c r="J42485" s="1" t="s">
        <v>145144</v>
      </c>
    </row>
    <row r="42486" spans="1:10" x14ac:dyDescent="0.35">
      <c r="A42486" s="1" t="s">
        <v>1544</v>
      </c>
      <c r="B42486" s="1" t="s">
        <v>142570</v>
      </c>
      <c r="C42486" s="1" t="s">
        <v>75</v>
      </c>
      <c r="D42486" s="1" t="s">
        <v>145145</v>
      </c>
      <c r="E42486" s="1" t="s">
        <v>145146</v>
      </c>
      <c r="F42486" s="1" t="s">
        <v>145147</v>
      </c>
      <c r="G42486" s="1" t="s">
        <v>145106</v>
      </c>
      <c r="H42486" s="1" t="s">
        <v>145107</v>
      </c>
      <c r="I42486" s="1" t="s">
        <v>142575</v>
      </c>
      <c r="J42486" s="1" t="s">
        <v>145148</v>
      </c>
    </row>
    <row r="42487" spans="1:10" x14ac:dyDescent="0.35">
      <c r="A42487" s="1" t="s">
        <v>1544</v>
      </c>
      <c r="B42487" s="1" t="s">
        <v>142570</v>
      </c>
      <c r="C42487" s="1" t="s">
        <v>80</v>
      </c>
      <c r="D42487" s="1" t="s">
        <v>50907</v>
      </c>
      <c r="E42487" s="1" t="s">
        <v>145149</v>
      </c>
      <c r="F42487" s="1" t="s">
        <v>145150</v>
      </c>
      <c r="G42487" s="1" t="s">
        <v>145106</v>
      </c>
      <c r="H42487" s="1" t="s">
        <v>145107</v>
      </c>
      <c r="I42487" s="1" t="s">
        <v>142575</v>
      </c>
      <c r="J42487" s="1" t="s">
        <v>145151</v>
      </c>
    </row>
    <row r="42488" spans="1:10" x14ac:dyDescent="0.35">
      <c r="A42488" s="1" t="s">
        <v>1544</v>
      </c>
      <c r="B42488" s="1" t="s">
        <v>142570</v>
      </c>
      <c r="C42488" s="1" t="s">
        <v>85</v>
      </c>
      <c r="D42488" s="1" t="s">
        <v>336</v>
      </c>
      <c r="E42488" s="1" t="s">
        <v>145152</v>
      </c>
      <c r="F42488" s="1" t="s">
        <v>145153</v>
      </c>
      <c r="G42488" s="1" t="s">
        <v>145106</v>
      </c>
      <c r="H42488" s="1" t="s">
        <v>145107</v>
      </c>
      <c r="I42488" s="1" t="s">
        <v>142575</v>
      </c>
      <c r="J42488" s="1" t="s">
        <v>145154</v>
      </c>
    </row>
    <row r="42489" spans="1:10" x14ac:dyDescent="0.35">
      <c r="A42489" s="1" t="s">
        <v>1544</v>
      </c>
      <c r="B42489" s="1" t="s">
        <v>142570</v>
      </c>
      <c r="C42489" s="1" t="s">
        <v>90</v>
      </c>
      <c r="D42489" s="1" t="s">
        <v>46352</v>
      </c>
      <c r="E42489" s="1" t="s">
        <v>145155</v>
      </c>
      <c r="F42489" s="1" t="s">
        <v>145156</v>
      </c>
      <c r="G42489" s="1" t="s">
        <v>145106</v>
      </c>
      <c r="H42489" s="1" t="s">
        <v>145107</v>
      </c>
      <c r="I42489" s="1" t="s">
        <v>142575</v>
      </c>
      <c r="J42489" s="1" t="s">
        <v>145157</v>
      </c>
    </row>
    <row r="42490" spans="1:10" x14ac:dyDescent="0.35">
      <c r="A42490" s="1" t="s">
        <v>1544</v>
      </c>
      <c r="B42490" s="1" t="s">
        <v>142570</v>
      </c>
      <c r="C42490" s="1" t="s">
        <v>95</v>
      </c>
      <c r="D42490" s="1" t="s">
        <v>10134</v>
      </c>
      <c r="E42490" s="1" t="s">
        <v>145158</v>
      </c>
      <c r="F42490" s="1" t="s">
        <v>145159</v>
      </c>
      <c r="G42490" s="1" t="s">
        <v>145106</v>
      </c>
      <c r="H42490" s="1" t="s">
        <v>145107</v>
      </c>
      <c r="I42490" s="1" t="s">
        <v>142575</v>
      </c>
      <c r="J42490" s="1" t="s">
        <v>145160</v>
      </c>
    </row>
    <row r="42491" spans="1:10" x14ac:dyDescent="0.35">
      <c r="A42491" s="1" t="s">
        <v>1544</v>
      </c>
      <c r="B42491" s="1" t="s">
        <v>142570</v>
      </c>
      <c r="C42491" s="1" t="s">
        <v>100</v>
      </c>
      <c r="D42491" s="1" t="s">
        <v>4082</v>
      </c>
      <c r="E42491" s="1" t="s">
        <v>145161</v>
      </c>
      <c r="F42491" s="1" t="s">
        <v>145162</v>
      </c>
      <c r="G42491" s="1" t="s">
        <v>145106</v>
      </c>
      <c r="H42491" s="1" t="s">
        <v>145107</v>
      </c>
      <c r="I42491" s="1" t="s">
        <v>142575</v>
      </c>
      <c r="J42491" s="1" t="s">
        <v>145163</v>
      </c>
    </row>
    <row r="42492" spans="1:10" x14ac:dyDescent="0.35">
      <c r="A42492" s="1" t="s">
        <v>1544</v>
      </c>
      <c r="B42492" s="1" t="s">
        <v>142570</v>
      </c>
      <c r="C42492" s="1" t="s">
        <v>105</v>
      </c>
      <c r="D42492" s="1" t="s">
        <v>29466</v>
      </c>
      <c r="E42492" s="1" t="s">
        <v>145164</v>
      </c>
      <c r="F42492" s="1" t="s">
        <v>145165</v>
      </c>
      <c r="G42492" s="1" t="s">
        <v>145106</v>
      </c>
      <c r="H42492" s="1" t="s">
        <v>145107</v>
      </c>
      <c r="I42492" s="1" t="s">
        <v>142575</v>
      </c>
      <c r="J42492" s="1" t="s">
        <v>145166</v>
      </c>
    </row>
    <row r="42493" spans="1:10" x14ac:dyDescent="0.35">
      <c r="A42493" s="1" t="s">
        <v>1544</v>
      </c>
      <c r="B42493" s="1" t="s">
        <v>142570</v>
      </c>
      <c r="C42493" s="1" t="s">
        <v>110</v>
      </c>
      <c r="D42493" s="1" t="s">
        <v>6512</v>
      </c>
      <c r="E42493" s="1" t="s">
        <v>145167</v>
      </c>
      <c r="F42493" s="1" t="s">
        <v>145168</v>
      </c>
      <c r="G42493" s="1" t="s">
        <v>145106</v>
      </c>
      <c r="H42493" s="1" t="s">
        <v>145107</v>
      </c>
      <c r="I42493" s="1" t="s">
        <v>142575</v>
      </c>
      <c r="J42493" s="1" t="s">
        <v>145169</v>
      </c>
    </row>
    <row r="42494" spans="1:10" x14ac:dyDescent="0.35">
      <c r="A42494" s="1" t="s">
        <v>1544</v>
      </c>
      <c r="B42494" s="1" t="s">
        <v>142570</v>
      </c>
      <c r="C42494" s="1" t="s">
        <v>115</v>
      </c>
      <c r="D42494" s="1" t="s">
        <v>111564</v>
      </c>
      <c r="E42494" s="1" t="s">
        <v>145170</v>
      </c>
      <c r="F42494" s="1" t="s">
        <v>145171</v>
      </c>
      <c r="G42494" s="1" t="s">
        <v>145106</v>
      </c>
      <c r="H42494" s="1" t="s">
        <v>145107</v>
      </c>
      <c r="I42494" s="1" t="s">
        <v>142575</v>
      </c>
      <c r="J42494" s="1" t="s">
        <v>145172</v>
      </c>
    </row>
    <row r="42495" spans="1:10" x14ac:dyDescent="0.35">
      <c r="A42495" s="1" t="s">
        <v>1544</v>
      </c>
      <c r="B42495" s="1" t="s">
        <v>142570</v>
      </c>
      <c r="C42495" s="1" t="s">
        <v>120</v>
      </c>
      <c r="D42495" s="1" t="s">
        <v>145173</v>
      </c>
      <c r="E42495" s="1" t="s">
        <v>145174</v>
      </c>
      <c r="F42495" s="1" t="s">
        <v>145175</v>
      </c>
      <c r="G42495" s="1" t="s">
        <v>145106</v>
      </c>
      <c r="H42495" s="1" t="s">
        <v>145107</v>
      </c>
      <c r="I42495" s="1" t="s">
        <v>142575</v>
      </c>
      <c r="J42495" s="1" t="s">
        <v>145176</v>
      </c>
    </row>
    <row r="42496" spans="1:10" x14ac:dyDescent="0.35">
      <c r="A42496" s="1" t="s">
        <v>1544</v>
      </c>
      <c r="B42496" s="1" t="s">
        <v>142570</v>
      </c>
      <c r="C42496" s="1" t="s">
        <v>125</v>
      </c>
      <c r="D42496" s="1" t="s">
        <v>145177</v>
      </c>
      <c r="E42496" s="1" t="s">
        <v>145178</v>
      </c>
      <c r="F42496" s="1" t="s">
        <v>145179</v>
      </c>
      <c r="G42496" s="1" t="s">
        <v>145106</v>
      </c>
      <c r="H42496" s="1" t="s">
        <v>145107</v>
      </c>
      <c r="I42496" s="1" t="s">
        <v>142575</v>
      </c>
      <c r="J42496" s="1" t="s">
        <v>145180</v>
      </c>
    </row>
    <row r="42497" spans="1:10" x14ac:dyDescent="0.35">
      <c r="A42497" s="1" t="s">
        <v>1544</v>
      </c>
      <c r="B42497" s="1" t="s">
        <v>142570</v>
      </c>
      <c r="C42497" s="1" t="s">
        <v>130</v>
      </c>
      <c r="D42497" s="1" t="s">
        <v>6535</v>
      </c>
      <c r="E42497" s="1" t="s">
        <v>145181</v>
      </c>
      <c r="F42497" s="1" t="s">
        <v>145182</v>
      </c>
      <c r="G42497" s="1" t="s">
        <v>145106</v>
      </c>
      <c r="H42497" s="1" t="s">
        <v>145107</v>
      </c>
      <c r="I42497" s="1" t="s">
        <v>142575</v>
      </c>
      <c r="J42497" s="1" t="s">
        <v>145183</v>
      </c>
    </row>
    <row r="42498" spans="1:10" x14ac:dyDescent="0.35">
      <c r="A42498" s="1" t="s">
        <v>1544</v>
      </c>
      <c r="B42498" s="1" t="s">
        <v>142570</v>
      </c>
      <c r="C42498" s="1" t="s">
        <v>135</v>
      </c>
      <c r="D42498" s="1" t="s">
        <v>145184</v>
      </c>
      <c r="E42498" s="1" t="s">
        <v>145185</v>
      </c>
      <c r="F42498" s="1" t="s">
        <v>145186</v>
      </c>
      <c r="G42498" s="1" t="s">
        <v>145106</v>
      </c>
      <c r="H42498" s="1" t="s">
        <v>145107</v>
      </c>
      <c r="I42498" s="1" t="s">
        <v>142575</v>
      </c>
      <c r="J42498" s="1" t="s">
        <v>145187</v>
      </c>
    </row>
    <row r="42499" spans="1:10" x14ac:dyDescent="0.35">
      <c r="A42499" s="1" t="s">
        <v>1544</v>
      </c>
      <c r="B42499" s="1" t="s">
        <v>142570</v>
      </c>
      <c r="C42499" s="1" t="s">
        <v>140</v>
      </c>
      <c r="D42499" s="1" t="s">
        <v>145188</v>
      </c>
      <c r="E42499" s="1" t="s">
        <v>145189</v>
      </c>
      <c r="F42499" s="1" t="s">
        <v>145190</v>
      </c>
      <c r="G42499" s="1" t="s">
        <v>145106</v>
      </c>
      <c r="H42499" s="1" t="s">
        <v>145107</v>
      </c>
      <c r="I42499" s="1" t="s">
        <v>142575</v>
      </c>
      <c r="J42499" s="1" t="s">
        <v>145191</v>
      </c>
    </row>
    <row r="42500" spans="1:10" x14ac:dyDescent="0.35">
      <c r="A42500" s="1" t="s">
        <v>1544</v>
      </c>
      <c r="B42500" s="1" t="s">
        <v>142570</v>
      </c>
      <c r="C42500" s="1" t="s">
        <v>145</v>
      </c>
      <c r="D42500" s="1" t="s">
        <v>4094</v>
      </c>
      <c r="E42500" s="1" t="s">
        <v>145192</v>
      </c>
      <c r="F42500" s="1" t="s">
        <v>145193</v>
      </c>
      <c r="G42500" s="1" t="s">
        <v>145106</v>
      </c>
      <c r="H42500" s="1" t="s">
        <v>145107</v>
      </c>
      <c r="I42500" s="1" t="s">
        <v>142575</v>
      </c>
      <c r="J42500" s="1" t="s">
        <v>145194</v>
      </c>
    </row>
    <row r="42501" spans="1:10" x14ac:dyDescent="0.35">
      <c r="A42501" s="1" t="s">
        <v>1544</v>
      </c>
      <c r="B42501" s="1" t="s">
        <v>142570</v>
      </c>
      <c r="C42501" s="1" t="s">
        <v>150</v>
      </c>
      <c r="D42501" s="1" t="s">
        <v>143585</v>
      </c>
      <c r="E42501" s="1" t="s">
        <v>145195</v>
      </c>
      <c r="F42501" s="1" t="s">
        <v>145196</v>
      </c>
      <c r="G42501" s="1" t="s">
        <v>145106</v>
      </c>
      <c r="H42501" s="1" t="s">
        <v>145107</v>
      </c>
      <c r="I42501" s="1" t="s">
        <v>142575</v>
      </c>
      <c r="J42501" s="1" t="s">
        <v>145197</v>
      </c>
    </row>
    <row r="42502" spans="1:10" x14ac:dyDescent="0.35">
      <c r="A42502" s="1" t="s">
        <v>1544</v>
      </c>
      <c r="B42502" s="1" t="s">
        <v>142570</v>
      </c>
      <c r="C42502" s="1" t="s">
        <v>155</v>
      </c>
      <c r="D42502" s="1" t="s">
        <v>45150</v>
      </c>
      <c r="E42502" s="1" t="s">
        <v>145198</v>
      </c>
      <c r="F42502" s="1" t="s">
        <v>145199</v>
      </c>
      <c r="G42502" s="1" t="s">
        <v>145106</v>
      </c>
      <c r="H42502" s="1" t="s">
        <v>145107</v>
      </c>
      <c r="I42502" s="1" t="s">
        <v>142575</v>
      </c>
      <c r="J42502" s="1" t="s">
        <v>145200</v>
      </c>
    </row>
    <row r="42503" spans="1:10" x14ac:dyDescent="0.35">
      <c r="A42503" s="1" t="s">
        <v>1544</v>
      </c>
      <c r="B42503" s="1" t="s">
        <v>142570</v>
      </c>
      <c r="C42503" s="1" t="s">
        <v>160</v>
      </c>
      <c r="D42503" s="1" t="s">
        <v>145201</v>
      </c>
      <c r="E42503" s="1" t="s">
        <v>145202</v>
      </c>
      <c r="F42503" s="1" t="s">
        <v>145203</v>
      </c>
      <c r="G42503" s="1" t="s">
        <v>145106</v>
      </c>
      <c r="H42503" s="1" t="s">
        <v>145107</v>
      </c>
      <c r="I42503" s="1" t="s">
        <v>142575</v>
      </c>
      <c r="J42503" s="1" t="s">
        <v>145204</v>
      </c>
    </row>
    <row r="42504" spans="1:10" x14ac:dyDescent="0.35">
      <c r="A42504" s="1" t="s">
        <v>1544</v>
      </c>
      <c r="B42504" s="1" t="s">
        <v>142570</v>
      </c>
      <c r="C42504" s="1" t="s">
        <v>165</v>
      </c>
      <c r="D42504" s="1" t="s">
        <v>145205</v>
      </c>
      <c r="E42504" s="1" t="s">
        <v>145206</v>
      </c>
      <c r="F42504" s="1" t="s">
        <v>145207</v>
      </c>
      <c r="G42504" s="1" t="s">
        <v>145106</v>
      </c>
      <c r="H42504" s="1" t="s">
        <v>145107</v>
      </c>
      <c r="I42504" s="1" t="s">
        <v>142575</v>
      </c>
      <c r="J42504" s="1" t="s">
        <v>145208</v>
      </c>
    </row>
    <row r="42505" spans="1:10" x14ac:dyDescent="0.35">
      <c r="A42505" s="1" t="s">
        <v>1544</v>
      </c>
      <c r="B42505" s="1" t="s">
        <v>142570</v>
      </c>
      <c r="C42505" s="1" t="s">
        <v>170</v>
      </c>
      <c r="D42505" s="1" t="s">
        <v>145209</v>
      </c>
      <c r="E42505" s="1" t="s">
        <v>145210</v>
      </c>
      <c r="F42505" s="1" t="s">
        <v>145211</v>
      </c>
      <c r="G42505" s="1" t="s">
        <v>145106</v>
      </c>
      <c r="H42505" s="1" t="s">
        <v>145107</v>
      </c>
      <c r="I42505" s="1" t="s">
        <v>142575</v>
      </c>
      <c r="J42505" s="1" t="s">
        <v>145212</v>
      </c>
    </row>
    <row r="42506" spans="1:10" x14ac:dyDescent="0.35">
      <c r="A42506" s="1" t="s">
        <v>51482</v>
      </c>
      <c r="B42506" s="1" t="s">
        <v>142570</v>
      </c>
      <c r="C42506" s="1" t="s">
        <v>8</v>
      </c>
      <c r="D42506" s="1" t="s">
        <v>145213</v>
      </c>
      <c r="E42506" s="1" t="s">
        <v>145214</v>
      </c>
      <c r="F42506" s="1" t="s">
        <v>145215</v>
      </c>
      <c r="G42506" s="1" t="s">
        <v>145216</v>
      </c>
      <c r="H42506" s="1" t="s">
        <v>145217</v>
      </c>
      <c r="I42506" s="1" t="s">
        <v>142575</v>
      </c>
      <c r="J42506" s="1" t="s">
        <v>13</v>
      </c>
    </row>
    <row r="42507" spans="1:10" x14ac:dyDescent="0.35">
      <c r="A42507" s="1" t="s">
        <v>51482</v>
      </c>
      <c r="B42507" s="1" t="s">
        <v>142570</v>
      </c>
      <c r="C42507" s="1" t="s">
        <v>15</v>
      </c>
      <c r="D42507" s="1" t="s">
        <v>6555</v>
      </c>
      <c r="E42507" s="1" t="s">
        <v>145218</v>
      </c>
      <c r="F42507" s="1" t="s">
        <v>145219</v>
      </c>
      <c r="G42507" s="1" t="s">
        <v>145216</v>
      </c>
      <c r="H42507" s="1" t="s">
        <v>145217</v>
      </c>
      <c r="I42507" s="1" t="s">
        <v>142575</v>
      </c>
      <c r="J42507" s="1" t="s">
        <v>145220</v>
      </c>
    </row>
    <row r="42508" spans="1:10" x14ac:dyDescent="0.35">
      <c r="A42508" s="1" t="s">
        <v>51482</v>
      </c>
      <c r="B42508" s="1" t="s">
        <v>142570</v>
      </c>
      <c r="C42508" s="1" t="s">
        <v>20</v>
      </c>
      <c r="D42508" s="1" t="s">
        <v>116378</v>
      </c>
      <c r="E42508" s="1" t="s">
        <v>145221</v>
      </c>
      <c r="F42508" s="1" t="s">
        <v>145222</v>
      </c>
      <c r="G42508" s="1" t="s">
        <v>145216</v>
      </c>
      <c r="H42508" s="1" t="s">
        <v>145217</v>
      </c>
      <c r="I42508" s="1" t="s">
        <v>142575</v>
      </c>
      <c r="J42508" s="1" t="s">
        <v>145223</v>
      </c>
    </row>
    <row r="42509" spans="1:10" x14ac:dyDescent="0.35">
      <c r="A42509" s="1" t="s">
        <v>51482</v>
      </c>
      <c r="B42509" s="1" t="s">
        <v>142570</v>
      </c>
      <c r="C42509" s="1" t="s">
        <v>25</v>
      </c>
      <c r="D42509" s="1" t="s">
        <v>1743</v>
      </c>
      <c r="E42509" s="1" t="s">
        <v>145224</v>
      </c>
      <c r="F42509" s="1" t="s">
        <v>145225</v>
      </c>
      <c r="G42509" s="1" t="s">
        <v>145216</v>
      </c>
      <c r="H42509" s="1" t="s">
        <v>145217</v>
      </c>
      <c r="I42509" s="1" t="s">
        <v>142575</v>
      </c>
      <c r="J42509" s="1" t="s">
        <v>145226</v>
      </c>
    </row>
    <row r="42510" spans="1:10" x14ac:dyDescent="0.35">
      <c r="A42510" s="1" t="s">
        <v>51482</v>
      </c>
      <c r="B42510" s="1" t="s">
        <v>142570</v>
      </c>
      <c r="C42510" s="1" t="s">
        <v>30</v>
      </c>
      <c r="D42510" s="1" t="s">
        <v>14210</v>
      </c>
      <c r="E42510" s="1" t="s">
        <v>145227</v>
      </c>
      <c r="F42510" s="1" t="s">
        <v>145228</v>
      </c>
      <c r="G42510" s="1" t="s">
        <v>145216</v>
      </c>
      <c r="H42510" s="1" t="s">
        <v>145217</v>
      </c>
      <c r="I42510" s="1" t="s">
        <v>142575</v>
      </c>
      <c r="J42510" s="1" t="s">
        <v>145229</v>
      </c>
    </row>
    <row r="42511" spans="1:10" x14ac:dyDescent="0.35">
      <c r="A42511" s="1" t="s">
        <v>51482</v>
      </c>
      <c r="B42511" s="1" t="s">
        <v>142570</v>
      </c>
      <c r="C42511" s="1" t="s">
        <v>35</v>
      </c>
      <c r="D42511" s="1" t="s">
        <v>145230</v>
      </c>
      <c r="E42511" s="1" t="s">
        <v>145231</v>
      </c>
      <c r="F42511" s="1" t="s">
        <v>145232</v>
      </c>
      <c r="G42511" s="1" t="s">
        <v>145216</v>
      </c>
      <c r="H42511" s="1" t="s">
        <v>145217</v>
      </c>
      <c r="I42511" s="1" t="s">
        <v>142575</v>
      </c>
      <c r="J42511" s="1" t="s">
        <v>145233</v>
      </c>
    </row>
    <row r="42512" spans="1:10" x14ac:dyDescent="0.35">
      <c r="A42512" s="1" t="s">
        <v>51482</v>
      </c>
      <c r="B42512" s="1" t="s">
        <v>142570</v>
      </c>
      <c r="C42512" s="1" t="s">
        <v>40</v>
      </c>
      <c r="D42512" s="1" t="s">
        <v>145234</v>
      </c>
      <c r="E42512" s="1" t="s">
        <v>145235</v>
      </c>
      <c r="F42512" s="1" t="s">
        <v>145236</v>
      </c>
      <c r="G42512" s="1" t="s">
        <v>145216</v>
      </c>
      <c r="H42512" s="1" t="s">
        <v>145217</v>
      </c>
      <c r="I42512" s="1" t="s">
        <v>142575</v>
      </c>
      <c r="J42512" s="1" t="s">
        <v>145237</v>
      </c>
    </row>
    <row r="42513" spans="1:10" x14ac:dyDescent="0.35">
      <c r="A42513" s="1" t="s">
        <v>51482</v>
      </c>
      <c r="B42513" s="1" t="s">
        <v>142570</v>
      </c>
      <c r="C42513" s="1" t="s">
        <v>45</v>
      </c>
      <c r="D42513" s="1" t="s">
        <v>145238</v>
      </c>
      <c r="E42513" s="1" t="s">
        <v>145239</v>
      </c>
      <c r="F42513" s="1" t="s">
        <v>145240</v>
      </c>
      <c r="G42513" s="1" t="s">
        <v>145216</v>
      </c>
      <c r="H42513" s="1" t="s">
        <v>145217</v>
      </c>
      <c r="I42513" s="1" t="s">
        <v>142575</v>
      </c>
      <c r="J42513" s="1" t="s">
        <v>145241</v>
      </c>
    </row>
    <row r="42514" spans="1:10" x14ac:dyDescent="0.35">
      <c r="A42514" s="1" t="s">
        <v>51482</v>
      </c>
      <c r="B42514" s="1" t="s">
        <v>142570</v>
      </c>
      <c r="C42514" s="1" t="s">
        <v>50</v>
      </c>
      <c r="D42514" s="1" t="s">
        <v>7618</v>
      </c>
      <c r="E42514" s="1" t="s">
        <v>145242</v>
      </c>
      <c r="F42514" s="1" t="s">
        <v>145243</v>
      </c>
      <c r="G42514" s="1" t="s">
        <v>145216</v>
      </c>
      <c r="H42514" s="1" t="s">
        <v>145217</v>
      </c>
      <c r="I42514" s="1" t="s">
        <v>142575</v>
      </c>
      <c r="J42514" s="1" t="s">
        <v>145244</v>
      </c>
    </row>
    <row r="42515" spans="1:10" x14ac:dyDescent="0.35">
      <c r="A42515" s="1" t="s">
        <v>51482</v>
      </c>
      <c r="B42515" s="1" t="s">
        <v>142570</v>
      </c>
      <c r="C42515" s="1" t="s">
        <v>55</v>
      </c>
      <c r="D42515" s="1" t="s">
        <v>29208</v>
      </c>
      <c r="E42515" s="1" t="s">
        <v>145245</v>
      </c>
      <c r="F42515" s="1" t="s">
        <v>145246</v>
      </c>
      <c r="G42515" s="1" t="s">
        <v>145216</v>
      </c>
      <c r="H42515" s="1" t="s">
        <v>145217</v>
      </c>
      <c r="I42515" s="1" t="s">
        <v>142575</v>
      </c>
      <c r="J42515" s="1" t="s">
        <v>145247</v>
      </c>
    </row>
    <row r="42516" spans="1:10" x14ac:dyDescent="0.35">
      <c r="A42516" s="1" t="s">
        <v>51482</v>
      </c>
      <c r="B42516" s="1" t="s">
        <v>142570</v>
      </c>
      <c r="C42516" s="1" t="s">
        <v>60</v>
      </c>
      <c r="D42516" s="1" t="s">
        <v>29593</v>
      </c>
      <c r="E42516" s="1" t="s">
        <v>145248</v>
      </c>
      <c r="F42516" s="1" t="s">
        <v>145249</v>
      </c>
      <c r="G42516" s="1" t="s">
        <v>145216</v>
      </c>
      <c r="H42516" s="1" t="s">
        <v>145217</v>
      </c>
      <c r="I42516" s="1" t="s">
        <v>142575</v>
      </c>
      <c r="J42516" s="1" t="s">
        <v>145250</v>
      </c>
    </row>
    <row r="42517" spans="1:10" x14ac:dyDescent="0.35">
      <c r="A42517" s="1" t="s">
        <v>51482</v>
      </c>
      <c r="B42517" s="1" t="s">
        <v>142570</v>
      </c>
      <c r="C42517" s="1" t="s">
        <v>65</v>
      </c>
      <c r="D42517" s="1" t="s">
        <v>145251</v>
      </c>
      <c r="E42517" s="1" t="s">
        <v>145252</v>
      </c>
      <c r="F42517" s="1" t="s">
        <v>145253</v>
      </c>
      <c r="G42517" s="1" t="s">
        <v>145216</v>
      </c>
      <c r="H42517" s="1" t="s">
        <v>145217</v>
      </c>
      <c r="I42517" s="1" t="s">
        <v>142575</v>
      </c>
      <c r="J42517" s="1" t="s">
        <v>145254</v>
      </c>
    </row>
    <row r="42518" spans="1:10" x14ac:dyDescent="0.35">
      <c r="A42518" s="1" t="s">
        <v>51482</v>
      </c>
      <c r="B42518" s="1" t="s">
        <v>142570</v>
      </c>
      <c r="C42518" s="1" t="s">
        <v>70</v>
      </c>
      <c r="D42518" s="1" t="s">
        <v>6486</v>
      </c>
      <c r="E42518" s="1" t="s">
        <v>145255</v>
      </c>
      <c r="F42518" s="1" t="s">
        <v>145256</v>
      </c>
      <c r="G42518" s="1" t="s">
        <v>145216</v>
      </c>
      <c r="H42518" s="1" t="s">
        <v>145217</v>
      </c>
      <c r="I42518" s="1" t="s">
        <v>142575</v>
      </c>
      <c r="J42518" s="1" t="s">
        <v>145257</v>
      </c>
    </row>
    <row r="42519" spans="1:10" x14ac:dyDescent="0.35">
      <c r="A42519" s="1" t="s">
        <v>51482</v>
      </c>
      <c r="B42519" s="1" t="s">
        <v>142570</v>
      </c>
      <c r="C42519" s="1" t="s">
        <v>75</v>
      </c>
      <c r="D42519" s="1" t="s">
        <v>111031</v>
      </c>
      <c r="E42519" s="1" t="s">
        <v>145258</v>
      </c>
      <c r="F42519" s="1" t="s">
        <v>145259</v>
      </c>
      <c r="G42519" s="1" t="s">
        <v>145216</v>
      </c>
      <c r="H42519" s="1" t="s">
        <v>145217</v>
      </c>
      <c r="I42519" s="1" t="s">
        <v>142575</v>
      </c>
      <c r="J42519" s="1" t="s">
        <v>145260</v>
      </c>
    </row>
    <row r="42520" spans="1:10" x14ac:dyDescent="0.35">
      <c r="A42520" s="1" t="s">
        <v>51482</v>
      </c>
      <c r="B42520" s="1" t="s">
        <v>142570</v>
      </c>
      <c r="C42520" s="1" t="s">
        <v>80</v>
      </c>
      <c r="D42520" s="1" t="s">
        <v>9702</v>
      </c>
      <c r="E42520" s="1" t="s">
        <v>145261</v>
      </c>
      <c r="F42520" s="1" t="s">
        <v>145262</v>
      </c>
      <c r="G42520" s="1" t="s">
        <v>145216</v>
      </c>
      <c r="H42520" s="1" t="s">
        <v>145217</v>
      </c>
      <c r="I42520" s="1" t="s">
        <v>142575</v>
      </c>
      <c r="J42520" s="1" t="s">
        <v>145263</v>
      </c>
    </row>
    <row r="42521" spans="1:10" x14ac:dyDescent="0.35">
      <c r="A42521" s="1" t="s">
        <v>51482</v>
      </c>
      <c r="B42521" s="1" t="s">
        <v>142570</v>
      </c>
      <c r="C42521" s="1" t="s">
        <v>85</v>
      </c>
      <c r="D42521" s="1" t="s">
        <v>145264</v>
      </c>
      <c r="E42521" s="1" t="s">
        <v>145265</v>
      </c>
      <c r="F42521" s="1" t="s">
        <v>145266</v>
      </c>
      <c r="G42521" s="1" t="s">
        <v>145216</v>
      </c>
      <c r="H42521" s="1" t="s">
        <v>145217</v>
      </c>
      <c r="I42521" s="1" t="s">
        <v>142575</v>
      </c>
      <c r="J42521" s="1" t="s">
        <v>145267</v>
      </c>
    </row>
    <row r="42522" spans="1:10" x14ac:dyDescent="0.35">
      <c r="A42522" s="1" t="s">
        <v>51482</v>
      </c>
      <c r="B42522" s="1" t="s">
        <v>142570</v>
      </c>
      <c r="C42522" s="1" t="s">
        <v>90</v>
      </c>
      <c r="D42522" s="1" t="s">
        <v>145268</v>
      </c>
      <c r="E42522" s="1" t="s">
        <v>145248</v>
      </c>
      <c r="F42522" s="1" t="s">
        <v>145269</v>
      </c>
      <c r="G42522" s="1" t="s">
        <v>145216</v>
      </c>
      <c r="H42522" s="1" t="s">
        <v>145217</v>
      </c>
      <c r="I42522" s="1" t="s">
        <v>142575</v>
      </c>
      <c r="J42522" s="1" t="s">
        <v>145270</v>
      </c>
    </row>
    <row r="42523" spans="1:10" x14ac:dyDescent="0.35">
      <c r="A42523" s="1" t="s">
        <v>51482</v>
      </c>
      <c r="B42523" s="1" t="s">
        <v>142570</v>
      </c>
      <c r="C42523" s="1" t="s">
        <v>95</v>
      </c>
      <c r="D42523" s="1" t="s">
        <v>6638</v>
      </c>
      <c r="E42523" s="1" t="s">
        <v>145271</v>
      </c>
      <c r="F42523" s="1" t="s">
        <v>145272</v>
      </c>
      <c r="G42523" s="1" t="s">
        <v>145216</v>
      </c>
      <c r="H42523" s="1" t="s">
        <v>145217</v>
      </c>
      <c r="I42523" s="1" t="s">
        <v>142575</v>
      </c>
      <c r="J42523" s="1" t="s">
        <v>145273</v>
      </c>
    </row>
    <row r="42524" spans="1:10" x14ac:dyDescent="0.35">
      <c r="A42524" s="1" t="s">
        <v>51482</v>
      </c>
      <c r="B42524" s="1" t="s">
        <v>142570</v>
      </c>
      <c r="C42524" s="1" t="s">
        <v>100</v>
      </c>
      <c r="D42524" s="1" t="s">
        <v>47214</v>
      </c>
      <c r="E42524" s="1" t="s">
        <v>145274</v>
      </c>
      <c r="F42524" s="1" t="s">
        <v>145275</v>
      </c>
      <c r="G42524" s="1" t="s">
        <v>145216</v>
      </c>
      <c r="H42524" s="1" t="s">
        <v>145217</v>
      </c>
      <c r="I42524" s="1" t="s">
        <v>142575</v>
      </c>
      <c r="J42524" s="1" t="s">
        <v>145276</v>
      </c>
    </row>
    <row r="42525" spans="1:10" x14ac:dyDescent="0.35">
      <c r="A42525" s="1" t="s">
        <v>51482</v>
      </c>
      <c r="B42525" s="1" t="s">
        <v>142570</v>
      </c>
      <c r="C42525" s="1" t="s">
        <v>105</v>
      </c>
      <c r="D42525" s="1" t="s">
        <v>9276</v>
      </c>
      <c r="E42525" s="1" t="s">
        <v>145277</v>
      </c>
      <c r="F42525" s="1" t="s">
        <v>145278</v>
      </c>
      <c r="G42525" s="1" t="s">
        <v>145216</v>
      </c>
      <c r="H42525" s="1" t="s">
        <v>145217</v>
      </c>
      <c r="I42525" s="1" t="s">
        <v>142575</v>
      </c>
      <c r="J42525" s="1" t="s">
        <v>145279</v>
      </c>
    </row>
    <row r="42526" spans="1:10" x14ac:dyDescent="0.35">
      <c r="A42526" s="1" t="s">
        <v>51482</v>
      </c>
      <c r="B42526" s="1" t="s">
        <v>142570</v>
      </c>
      <c r="C42526" s="1" t="s">
        <v>110</v>
      </c>
      <c r="D42526" s="1" t="s">
        <v>50755</v>
      </c>
      <c r="E42526" s="1" t="s">
        <v>145280</v>
      </c>
      <c r="F42526" s="1" t="s">
        <v>145281</v>
      </c>
      <c r="G42526" s="1" t="s">
        <v>145216</v>
      </c>
      <c r="H42526" s="1" t="s">
        <v>145217</v>
      </c>
      <c r="I42526" s="1" t="s">
        <v>142575</v>
      </c>
      <c r="J42526" s="1" t="s">
        <v>145282</v>
      </c>
    </row>
    <row r="42527" spans="1:10" x14ac:dyDescent="0.35">
      <c r="A42527" s="1" t="s">
        <v>51482</v>
      </c>
      <c r="B42527" s="1" t="s">
        <v>142570</v>
      </c>
      <c r="C42527" s="1" t="s">
        <v>115</v>
      </c>
      <c r="D42527" s="1" t="s">
        <v>145283</v>
      </c>
      <c r="E42527" s="1" t="s">
        <v>145284</v>
      </c>
      <c r="F42527" s="1" t="s">
        <v>145285</v>
      </c>
      <c r="G42527" s="1" t="s">
        <v>145216</v>
      </c>
      <c r="H42527" s="1" t="s">
        <v>145217</v>
      </c>
      <c r="I42527" s="1" t="s">
        <v>142575</v>
      </c>
      <c r="J42527" s="1" t="s">
        <v>145286</v>
      </c>
    </row>
    <row r="42528" spans="1:10" x14ac:dyDescent="0.35">
      <c r="A42528" s="1" t="s">
        <v>51482</v>
      </c>
      <c r="B42528" s="1" t="s">
        <v>142570</v>
      </c>
      <c r="C42528" s="1" t="s">
        <v>120</v>
      </c>
      <c r="D42528" s="1" t="s">
        <v>145287</v>
      </c>
      <c r="E42528" s="1" t="s">
        <v>145288</v>
      </c>
      <c r="F42528" s="1" t="s">
        <v>145289</v>
      </c>
      <c r="G42528" s="1" t="s">
        <v>145216</v>
      </c>
      <c r="H42528" s="1" t="s">
        <v>145217</v>
      </c>
      <c r="I42528" s="1" t="s">
        <v>142575</v>
      </c>
      <c r="J42528" s="1" t="s">
        <v>145290</v>
      </c>
    </row>
    <row r="42529" spans="1:10" x14ac:dyDescent="0.35">
      <c r="A42529" s="1" t="s">
        <v>51482</v>
      </c>
      <c r="B42529" s="1" t="s">
        <v>142570</v>
      </c>
      <c r="C42529" s="1" t="s">
        <v>125</v>
      </c>
      <c r="D42529" s="1" t="s">
        <v>37292</v>
      </c>
      <c r="E42529" s="1" t="s">
        <v>145291</v>
      </c>
      <c r="F42529" s="1" t="s">
        <v>145292</v>
      </c>
      <c r="G42529" s="1" t="s">
        <v>145216</v>
      </c>
      <c r="H42529" s="1" t="s">
        <v>145217</v>
      </c>
      <c r="I42529" s="1" t="s">
        <v>142575</v>
      </c>
      <c r="J42529" s="1" t="s">
        <v>145293</v>
      </c>
    </row>
    <row r="42530" spans="1:10" x14ac:dyDescent="0.35">
      <c r="A42530" s="1" t="s">
        <v>51482</v>
      </c>
      <c r="B42530" s="1" t="s">
        <v>142570</v>
      </c>
      <c r="C42530" s="1" t="s">
        <v>130</v>
      </c>
      <c r="D42530" s="1" t="s">
        <v>121305</v>
      </c>
      <c r="E42530" s="1" t="s">
        <v>145294</v>
      </c>
      <c r="F42530" s="1" t="s">
        <v>145295</v>
      </c>
      <c r="G42530" s="1" t="s">
        <v>145216</v>
      </c>
      <c r="H42530" s="1" t="s">
        <v>145217</v>
      </c>
      <c r="I42530" s="1" t="s">
        <v>142575</v>
      </c>
      <c r="J42530" s="1" t="s">
        <v>145296</v>
      </c>
    </row>
    <row r="42531" spans="1:10" x14ac:dyDescent="0.35">
      <c r="A42531" s="1" t="s">
        <v>51482</v>
      </c>
      <c r="B42531" s="1" t="s">
        <v>142570</v>
      </c>
      <c r="C42531" s="1" t="s">
        <v>135</v>
      </c>
      <c r="D42531" s="1" t="s">
        <v>5127</v>
      </c>
      <c r="E42531" s="1" t="s">
        <v>145297</v>
      </c>
      <c r="F42531" s="1" t="s">
        <v>145298</v>
      </c>
      <c r="G42531" s="1" t="s">
        <v>145216</v>
      </c>
      <c r="H42531" s="1" t="s">
        <v>145217</v>
      </c>
      <c r="I42531" s="1" t="s">
        <v>142575</v>
      </c>
      <c r="J42531" s="1" t="s">
        <v>145299</v>
      </c>
    </row>
    <row r="42532" spans="1:10" x14ac:dyDescent="0.35">
      <c r="A42532" s="1" t="s">
        <v>51482</v>
      </c>
      <c r="B42532" s="1" t="s">
        <v>142570</v>
      </c>
      <c r="C42532" s="1" t="s">
        <v>140</v>
      </c>
      <c r="D42532" s="1" t="s">
        <v>49494</v>
      </c>
      <c r="E42532" s="1" t="s">
        <v>145300</v>
      </c>
      <c r="F42532" s="1" t="s">
        <v>145301</v>
      </c>
      <c r="G42532" s="1" t="s">
        <v>145216</v>
      </c>
      <c r="H42532" s="1" t="s">
        <v>145217</v>
      </c>
      <c r="I42532" s="1" t="s">
        <v>142575</v>
      </c>
      <c r="J42532" s="1" t="s">
        <v>145302</v>
      </c>
    </row>
    <row r="42533" spans="1:10" x14ac:dyDescent="0.35">
      <c r="A42533" s="1" t="s">
        <v>51482</v>
      </c>
      <c r="B42533" s="1" t="s">
        <v>142570</v>
      </c>
      <c r="C42533" s="1" t="s">
        <v>145</v>
      </c>
      <c r="D42533" s="1" t="s">
        <v>25012</v>
      </c>
      <c r="E42533" s="1" t="s">
        <v>145303</v>
      </c>
      <c r="F42533" s="1" t="s">
        <v>145304</v>
      </c>
      <c r="G42533" s="1" t="s">
        <v>145216</v>
      </c>
      <c r="H42533" s="1" t="s">
        <v>145217</v>
      </c>
      <c r="I42533" s="1" t="s">
        <v>142575</v>
      </c>
      <c r="J42533" s="1" t="s">
        <v>145305</v>
      </c>
    </row>
    <row r="42534" spans="1:10" x14ac:dyDescent="0.35">
      <c r="A42534" s="1" t="s">
        <v>51482</v>
      </c>
      <c r="B42534" s="1" t="s">
        <v>142570</v>
      </c>
      <c r="C42534" s="1" t="s">
        <v>150</v>
      </c>
      <c r="D42534" s="1" t="s">
        <v>145306</v>
      </c>
      <c r="E42534" s="1" t="s">
        <v>145307</v>
      </c>
      <c r="F42534" s="1" t="s">
        <v>145308</v>
      </c>
      <c r="G42534" s="1" t="s">
        <v>145216</v>
      </c>
      <c r="H42534" s="1" t="s">
        <v>145217</v>
      </c>
      <c r="I42534" s="1" t="s">
        <v>142575</v>
      </c>
      <c r="J42534" s="1" t="s">
        <v>145309</v>
      </c>
    </row>
    <row r="42535" spans="1:10" x14ac:dyDescent="0.35">
      <c r="A42535" s="1" t="s">
        <v>51482</v>
      </c>
      <c r="B42535" s="1" t="s">
        <v>142570</v>
      </c>
      <c r="C42535" s="1" t="s">
        <v>155</v>
      </c>
      <c r="D42535" s="1" t="s">
        <v>124607</v>
      </c>
      <c r="E42535" s="1" t="s">
        <v>145310</v>
      </c>
      <c r="F42535" s="1" t="s">
        <v>145311</v>
      </c>
      <c r="G42535" s="1" t="s">
        <v>145216</v>
      </c>
      <c r="H42535" s="1" t="s">
        <v>145217</v>
      </c>
      <c r="I42535" s="1" t="s">
        <v>142575</v>
      </c>
      <c r="J42535" s="1" t="s">
        <v>145312</v>
      </c>
    </row>
    <row r="42536" spans="1:10" x14ac:dyDescent="0.35">
      <c r="A42536" s="1" t="s">
        <v>51482</v>
      </c>
      <c r="B42536" s="1" t="s">
        <v>142570</v>
      </c>
      <c r="C42536" s="1" t="s">
        <v>160</v>
      </c>
      <c r="D42536" s="1" t="s">
        <v>48324</v>
      </c>
      <c r="E42536" s="1" t="s">
        <v>145313</v>
      </c>
      <c r="F42536" s="1" t="s">
        <v>145314</v>
      </c>
      <c r="G42536" s="1" t="s">
        <v>145216</v>
      </c>
      <c r="H42536" s="1" t="s">
        <v>145217</v>
      </c>
      <c r="I42536" s="1" t="s">
        <v>142575</v>
      </c>
      <c r="J42536" s="1" t="s">
        <v>145315</v>
      </c>
    </row>
    <row r="42537" spans="1:10" x14ac:dyDescent="0.35">
      <c r="A42537" s="1" t="s">
        <v>51482</v>
      </c>
      <c r="B42537" s="1" t="s">
        <v>142570</v>
      </c>
      <c r="C42537" s="1" t="s">
        <v>165</v>
      </c>
      <c r="D42537" s="1" t="s">
        <v>37454</v>
      </c>
      <c r="E42537" s="1" t="s">
        <v>145316</v>
      </c>
      <c r="F42537" s="1" t="s">
        <v>145317</v>
      </c>
      <c r="G42537" s="1" t="s">
        <v>145216</v>
      </c>
      <c r="H42537" s="1" t="s">
        <v>145217</v>
      </c>
      <c r="I42537" s="1" t="s">
        <v>142575</v>
      </c>
      <c r="J42537" s="1" t="s">
        <v>145318</v>
      </c>
    </row>
    <row r="42538" spans="1:10" x14ac:dyDescent="0.35">
      <c r="A42538" s="1" t="s">
        <v>51482</v>
      </c>
      <c r="B42538" s="1" t="s">
        <v>142570</v>
      </c>
      <c r="C42538" s="1" t="s">
        <v>170</v>
      </c>
      <c r="D42538" s="1" t="s">
        <v>145319</v>
      </c>
      <c r="E42538" s="1" t="s">
        <v>145320</v>
      </c>
      <c r="F42538" s="1" t="s">
        <v>145321</v>
      </c>
      <c r="G42538" s="1" t="s">
        <v>145216</v>
      </c>
      <c r="H42538" s="1" t="s">
        <v>145217</v>
      </c>
      <c r="I42538" s="1" t="s">
        <v>142575</v>
      </c>
      <c r="J42538" s="1" t="s">
        <v>145322</v>
      </c>
    </row>
    <row r="42539" spans="1:10" x14ac:dyDescent="0.35">
      <c r="A42539" s="1" t="s">
        <v>9872</v>
      </c>
      <c r="B42539" s="1" t="s">
        <v>142570</v>
      </c>
      <c r="C42539" s="1" t="s">
        <v>8</v>
      </c>
      <c r="D42539" s="1" t="s">
        <v>10080</v>
      </c>
      <c r="E42539" s="1" t="s">
        <v>145323</v>
      </c>
      <c r="F42539" s="1" t="s">
        <v>145324</v>
      </c>
      <c r="G42539" s="1" t="s">
        <v>145325</v>
      </c>
      <c r="H42539" s="1" t="s">
        <v>145326</v>
      </c>
      <c r="I42539" s="1" t="s">
        <v>142575</v>
      </c>
      <c r="J42539" s="1" t="s">
        <v>13</v>
      </c>
    </row>
    <row r="42540" spans="1:10" x14ac:dyDescent="0.35">
      <c r="A42540" s="1" t="s">
        <v>9872</v>
      </c>
      <c r="B42540" s="1" t="s">
        <v>142570</v>
      </c>
      <c r="C42540" s="1" t="s">
        <v>15</v>
      </c>
      <c r="D42540" s="1" t="s">
        <v>10250</v>
      </c>
      <c r="E42540" s="1" t="s">
        <v>145327</v>
      </c>
      <c r="F42540" s="1" t="s">
        <v>145328</v>
      </c>
      <c r="G42540" s="1" t="s">
        <v>145325</v>
      </c>
      <c r="H42540" s="1" t="s">
        <v>145326</v>
      </c>
      <c r="I42540" s="1" t="s">
        <v>142575</v>
      </c>
      <c r="J42540" s="1" t="s">
        <v>145329</v>
      </c>
    </row>
    <row r="42541" spans="1:10" x14ac:dyDescent="0.35">
      <c r="A42541" s="1" t="s">
        <v>9872</v>
      </c>
      <c r="B42541" s="1" t="s">
        <v>142570</v>
      </c>
      <c r="C42541" s="1" t="s">
        <v>20</v>
      </c>
      <c r="D42541" s="1" t="s">
        <v>5497</v>
      </c>
      <c r="E42541" s="1" t="s">
        <v>145330</v>
      </c>
      <c r="F42541" s="1" t="s">
        <v>145331</v>
      </c>
      <c r="G42541" s="1" t="s">
        <v>145325</v>
      </c>
      <c r="H42541" s="1" t="s">
        <v>145326</v>
      </c>
      <c r="I42541" s="1" t="s">
        <v>142575</v>
      </c>
      <c r="J42541" s="1" t="s">
        <v>145332</v>
      </c>
    </row>
    <row r="42542" spans="1:10" x14ac:dyDescent="0.35">
      <c r="A42542" s="1" t="s">
        <v>9872</v>
      </c>
      <c r="B42542" s="1" t="s">
        <v>142570</v>
      </c>
      <c r="C42542" s="1" t="s">
        <v>25</v>
      </c>
      <c r="D42542" s="1" t="s">
        <v>6392</v>
      </c>
      <c r="E42542" s="1" t="s">
        <v>145333</v>
      </c>
      <c r="F42542" s="1" t="s">
        <v>145334</v>
      </c>
      <c r="G42542" s="1" t="s">
        <v>145325</v>
      </c>
      <c r="H42542" s="1" t="s">
        <v>145326</v>
      </c>
      <c r="I42542" s="1" t="s">
        <v>142575</v>
      </c>
      <c r="J42542" s="1" t="s">
        <v>145335</v>
      </c>
    </row>
    <row r="42543" spans="1:10" x14ac:dyDescent="0.35">
      <c r="A42543" s="1" t="s">
        <v>9872</v>
      </c>
      <c r="B42543" s="1" t="s">
        <v>142570</v>
      </c>
      <c r="C42543" s="1" t="s">
        <v>30</v>
      </c>
      <c r="D42543" s="1" t="s">
        <v>4520</v>
      </c>
      <c r="E42543" s="1" t="s">
        <v>145336</v>
      </c>
      <c r="F42543" s="1" t="s">
        <v>145337</v>
      </c>
      <c r="G42543" s="1" t="s">
        <v>145325</v>
      </c>
      <c r="H42543" s="1" t="s">
        <v>145326</v>
      </c>
      <c r="I42543" s="1" t="s">
        <v>142575</v>
      </c>
      <c r="J42543" s="1" t="s">
        <v>145338</v>
      </c>
    </row>
    <row r="42544" spans="1:10" x14ac:dyDescent="0.35">
      <c r="A42544" s="1" t="s">
        <v>9872</v>
      </c>
      <c r="B42544" s="1" t="s">
        <v>142570</v>
      </c>
      <c r="C42544" s="1" t="s">
        <v>35</v>
      </c>
      <c r="D42544" s="1" t="s">
        <v>145339</v>
      </c>
      <c r="E42544" s="1" t="s">
        <v>145340</v>
      </c>
      <c r="F42544" s="1" t="s">
        <v>145341</v>
      </c>
      <c r="G42544" s="1" t="s">
        <v>145325</v>
      </c>
      <c r="H42544" s="1" t="s">
        <v>145326</v>
      </c>
      <c r="I42544" s="1" t="s">
        <v>142575</v>
      </c>
      <c r="J42544" s="1" t="s">
        <v>145342</v>
      </c>
    </row>
    <row r="42545" spans="1:10" x14ac:dyDescent="0.35">
      <c r="A42545" s="1" t="s">
        <v>9872</v>
      </c>
      <c r="B42545" s="1" t="s">
        <v>142570</v>
      </c>
      <c r="C42545" s="1" t="s">
        <v>40</v>
      </c>
      <c r="D42545" s="1" t="s">
        <v>13857</v>
      </c>
      <c r="E42545" s="1" t="s">
        <v>145343</v>
      </c>
      <c r="F42545" s="1" t="s">
        <v>145344</v>
      </c>
      <c r="G42545" s="1" t="s">
        <v>145325</v>
      </c>
      <c r="H42545" s="1" t="s">
        <v>145326</v>
      </c>
      <c r="I42545" s="1" t="s">
        <v>142575</v>
      </c>
      <c r="J42545" s="1" t="s">
        <v>145345</v>
      </c>
    </row>
    <row r="42546" spans="1:10" x14ac:dyDescent="0.35">
      <c r="A42546" s="1" t="s">
        <v>9872</v>
      </c>
      <c r="B42546" s="1" t="s">
        <v>142570</v>
      </c>
      <c r="C42546" s="1" t="s">
        <v>45</v>
      </c>
      <c r="D42546" s="1" t="s">
        <v>4520</v>
      </c>
      <c r="E42546" s="1" t="s">
        <v>145346</v>
      </c>
      <c r="F42546" s="1" t="s">
        <v>145347</v>
      </c>
      <c r="G42546" s="1" t="s">
        <v>145325</v>
      </c>
      <c r="H42546" s="1" t="s">
        <v>145326</v>
      </c>
      <c r="I42546" s="1" t="s">
        <v>142575</v>
      </c>
      <c r="J42546" s="1" t="s">
        <v>145348</v>
      </c>
    </row>
    <row r="42547" spans="1:10" x14ac:dyDescent="0.35">
      <c r="A42547" s="1" t="s">
        <v>9872</v>
      </c>
      <c r="B42547" s="1" t="s">
        <v>142570</v>
      </c>
      <c r="C42547" s="1" t="s">
        <v>50</v>
      </c>
      <c r="D42547" s="1" t="s">
        <v>5540</v>
      </c>
      <c r="E42547" s="1" t="s">
        <v>145349</v>
      </c>
      <c r="F42547" s="1" t="s">
        <v>145350</v>
      </c>
      <c r="G42547" s="1" t="s">
        <v>145325</v>
      </c>
      <c r="H42547" s="1" t="s">
        <v>145326</v>
      </c>
      <c r="I42547" s="1" t="s">
        <v>142575</v>
      </c>
      <c r="J42547" s="1" t="s">
        <v>145351</v>
      </c>
    </row>
    <row r="42548" spans="1:10" x14ac:dyDescent="0.35">
      <c r="A42548" s="1" t="s">
        <v>9872</v>
      </c>
      <c r="B42548" s="1" t="s">
        <v>142570</v>
      </c>
      <c r="C42548" s="1" t="s">
        <v>55</v>
      </c>
      <c r="D42548" s="1" t="s">
        <v>5529</v>
      </c>
      <c r="E42548" s="1" t="s">
        <v>145352</v>
      </c>
      <c r="F42548" s="1" t="s">
        <v>145353</v>
      </c>
      <c r="G42548" s="1" t="s">
        <v>145325</v>
      </c>
      <c r="H42548" s="1" t="s">
        <v>145326</v>
      </c>
      <c r="I42548" s="1" t="s">
        <v>142575</v>
      </c>
      <c r="J42548" s="1" t="s">
        <v>145354</v>
      </c>
    </row>
    <row r="42549" spans="1:10" x14ac:dyDescent="0.35">
      <c r="A42549" s="1" t="s">
        <v>9872</v>
      </c>
      <c r="B42549" s="1" t="s">
        <v>142570</v>
      </c>
      <c r="C42549" s="1" t="s">
        <v>60</v>
      </c>
      <c r="D42549" s="1" t="s">
        <v>29058</v>
      </c>
      <c r="E42549" s="1" t="s">
        <v>145355</v>
      </c>
      <c r="F42549" s="1" t="s">
        <v>145356</v>
      </c>
      <c r="G42549" s="1" t="s">
        <v>145325</v>
      </c>
      <c r="H42549" s="1" t="s">
        <v>145326</v>
      </c>
      <c r="I42549" s="1" t="s">
        <v>142575</v>
      </c>
      <c r="J42549" s="1" t="s">
        <v>145357</v>
      </c>
    </row>
    <row r="42550" spans="1:10" x14ac:dyDescent="0.35">
      <c r="A42550" s="1" t="s">
        <v>9872</v>
      </c>
      <c r="B42550" s="1" t="s">
        <v>142570</v>
      </c>
      <c r="C42550" s="1" t="s">
        <v>65</v>
      </c>
      <c r="D42550" s="1" t="s">
        <v>29414</v>
      </c>
      <c r="E42550" s="1" t="s">
        <v>145358</v>
      </c>
      <c r="F42550" s="1" t="s">
        <v>145359</v>
      </c>
      <c r="G42550" s="1" t="s">
        <v>145325</v>
      </c>
      <c r="H42550" s="1" t="s">
        <v>145326</v>
      </c>
      <c r="I42550" s="1" t="s">
        <v>142575</v>
      </c>
      <c r="J42550" s="1" t="s">
        <v>145360</v>
      </c>
    </row>
    <row r="42551" spans="1:10" x14ac:dyDescent="0.35">
      <c r="A42551" s="1" t="s">
        <v>9872</v>
      </c>
      <c r="B42551" s="1" t="s">
        <v>142570</v>
      </c>
      <c r="C42551" s="1" t="s">
        <v>70</v>
      </c>
      <c r="D42551" s="1" t="s">
        <v>9371</v>
      </c>
      <c r="E42551" s="1" t="s">
        <v>145361</v>
      </c>
      <c r="F42551" s="1" t="s">
        <v>145362</v>
      </c>
      <c r="G42551" s="1" t="s">
        <v>145325</v>
      </c>
      <c r="H42551" s="1" t="s">
        <v>145326</v>
      </c>
      <c r="I42551" s="1" t="s">
        <v>142575</v>
      </c>
      <c r="J42551" s="1" t="s">
        <v>145363</v>
      </c>
    </row>
    <row r="42552" spans="1:10" x14ac:dyDescent="0.35">
      <c r="A42552" s="1" t="s">
        <v>9872</v>
      </c>
      <c r="B42552" s="1" t="s">
        <v>142570</v>
      </c>
      <c r="C42552" s="1" t="s">
        <v>75</v>
      </c>
      <c r="D42552" s="1" t="s">
        <v>1375</v>
      </c>
      <c r="E42552" s="1" t="s">
        <v>145364</v>
      </c>
      <c r="F42552" s="1" t="s">
        <v>145365</v>
      </c>
      <c r="G42552" s="1" t="s">
        <v>145325</v>
      </c>
      <c r="H42552" s="1" t="s">
        <v>145326</v>
      </c>
      <c r="I42552" s="1" t="s">
        <v>142575</v>
      </c>
      <c r="J42552" s="1" t="s">
        <v>145366</v>
      </c>
    </row>
    <row r="42553" spans="1:10" x14ac:dyDescent="0.35">
      <c r="A42553" s="1" t="s">
        <v>9872</v>
      </c>
      <c r="B42553" s="1" t="s">
        <v>142570</v>
      </c>
      <c r="C42553" s="1" t="s">
        <v>80</v>
      </c>
      <c r="D42553" s="1" t="s">
        <v>27903</v>
      </c>
      <c r="E42553" s="1" t="s">
        <v>145367</v>
      </c>
      <c r="F42553" s="1" t="s">
        <v>145368</v>
      </c>
      <c r="G42553" s="1" t="s">
        <v>145325</v>
      </c>
      <c r="H42553" s="1" t="s">
        <v>145326</v>
      </c>
      <c r="I42553" s="1" t="s">
        <v>142575</v>
      </c>
      <c r="J42553" s="1" t="s">
        <v>145369</v>
      </c>
    </row>
    <row r="42554" spans="1:10" x14ac:dyDescent="0.35">
      <c r="A42554" s="1" t="s">
        <v>9872</v>
      </c>
      <c r="B42554" s="1" t="s">
        <v>142570</v>
      </c>
      <c r="C42554" s="1" t="s">
        <v>85</v>
      </c>
      <c r="D42554" s="1" t="s">
        <v>27559</v>
      </c>
      <c r="E42554" s="1" t="s">
        <v>145370</v>
      </c>
      <c r="F42554" s="1" t="s">
        <v>145371</v>
      </c>
      <c r="G42554" s="1" t="s">
        <v>145325</v>
      </c>
      <c r="H42554" s="1" t="s">
        <v>145326</v>
      </c>
      <c r="I42554" s="1" t="s">
        <v>142575</v>
      </c>
      <c r="J42554" s="1" t="s">
        <v>145372</v>
      </c>
    </row>
    <row r="42555" spans="1:10" x14ac:dyDescent="0.35">
      <c r="A42555" s="1" t="s">
        <v>9872</v>
      </c>
      <c r="B42555" s="1" t="s">
        <v>142570</v>
      </c>
      <c r="C42555" s="1" t="s">
        <v>90</v>
      </c>
      <c r="D42555" s="1" t="s">
        <v>5494</v>
      </c>
      <c r="E42555" s="1" t="s">
        <v>145373</v>
      </c>
      <c r="F42555" s="1" t="s">
        <v>145374</v>
      </c>
      <c r="G42555" s="1" t="s">
        <v>145325</v>
      </c>
      <c r="H42555" s="1" t="s">
        <v>145326</v>
      </c>
      <c r="I42555" s="1" t="s">
        <v>142575</v>
      </c>
      <c r="J42555" s="1" t="s">
        <v>8119</v>
      </c>
    </row>
    <row r="42556" spans="1:10" x14ac:dyDescent="0.35">
      <c r="A42556" s="1" t="s">
        <v>9872</v>
      </c>
      <c r="B42556" s="1" t="s">
        <v>142570</v>
      </c>
      <c r="C42556" s="1" t="s">
        <v>95</v>
      </c>
      <c r="D42556" s="1" t="s">
        <v>142609</v>
      </c>
      <c r="E42556" s="1" t="s">
        <v>145375</v>
      </c>
      <c r="F42556" s="1" t="s">
        <v>145376</v>
      </c>
      <c r="G42556" s="1" t="s">
        <v>145325</v>
      </c>
      <c r="H42556" s="1" t="s">
        <v>145326</v>
      </c>
      <c r="I42556" s="1" t="s">
        <v>142575</v>
      </c>
      <c r="J42556" s="1" t="s">
        <v>145377</v>
      </c>
    </row>
    <row r="42557" spans="1:10" x14ac:dyDescent="0.35">
      <c r="A42557" s="1" t="s">
        <v>9872</v>
      </c>
      <c r="B42557" s="1" t="s">
        <v>142570</v>
      </c>
      <c r="C42557" s="1" t="s">
        <v>100</v>
      </c>
      <c r="D42557" s="1" t="s">
        <v>3972</v>
      </c>
      <c r="E42557" s="1" t="s">
        <v>145378</v>
      </c>
      <c r="F42557" s="1" t="s">
        <v>145379</v>
      </c>
      <c r="G42557" s="1" t="s">
        <v>145325</v>
      </c>
      <c r="H42557" s="1" t="s">
        <v>145326</v>
      </c>
      <c r="I42557" s="1" t="s">
        <v>142575</v>
      </c>
      <c r="J42557" s="1" t="s">
        <v>145380</v>
      </c>
    </row>
    <row r="42558" spans="1:10" x14ac:dyDescent="0.35">
      <c r="A42558" s="1" t="s">
        <v>9872</v>
      </c>
      <c r="B42558" s="1" t="s">
        <v>142570</v>
      </c>
      <c r="C42558" s="1" t="s">
        <v>105</v>
      </c>
      <c r="D42558" s="1" t="s">
        <v>4365</v>
      </c>
      <c r="E42558" s="1" t="s">
        <v>145381</v>
      </c>
      <c r="F42558" s="1" t="s">
        <v>145382</v>
      </c>
      <c r="G42558" s="1" t="s">
        <v>145325</v>
      </c>
      <c r="H42558" s="1" t="s">
        <v>145326</v>
      </c>
      <c r="I42558" s="1" t="s">
        <v>142575</v>
      </c>
      <c r="J42558" s="1" t="s">
        <v>145383</v>
      </c>
    </row>
    <row r="42559" spans="1:10" x14ac:dyDescent="0.35">
      <c r="A42559" s="1" t="s">
        <v>9872</v>
      </c>
      <c r="B42559" s="1" t="s">
        <v>142570</v>
      </c>
      <c r="C42559" s="1" t="s">
        <v>110</v>
      </c>
      <c r="D42559" s="1" t="s">
        <v>4003</v>
      </c>
      <c r="E42559" s="1" t="s">
        <v>145384</v>
      </c>
      <c r="F42559" s="1" t="s">
        <v>145385</v>
      </c>
      <c r="G42559" s="1" t="s">
        <v>145325</v>
      </c>
      <c r="H42559" s="1" t="s">
        <v>145326</v>
      </c>
      <c r="I42559" s="1" t="s">
        <v>142575</v>
      </c>
      <c r="J42559" s="1" t="s">
        <v>145386</v>
      </c>
    </row>
    <row r="42560" spans="1:10" x14ac:dyDescent="0.35">
      <c r="A42560" s="1" t="s">
        <v>9872</v>
      </c>
      <c r="B42560" s="1" t="s">
        <v>142570</v>
      </c>
      <c r="C42560" s="1" t="s">
        <v>115</v>
      </c>
      <c r="D42560" s="1" t="s">
        <v>7033</v>
      </c>
      <c r="E42560" s="1" t="s">
        <v>145387</v>
      </c>
      <c r="F42560" s="1" t="s">
        <v>145388</v>
      </c>
      <c r="G42560" s="1" t="s">
        <v>145325</v>
      </c>
      <c r="H42560" s="1" t="s">
        <v>145326</v>
      </c>
      <c r="I42560" s="1" t="s">
        <v>142575</v>
      </c>
      <c r="J42560" s="1" t="s">
        <v>145389</v>
      </c>
    </row>
    <row r="42561" spans="1:10" x14ac:dyDescent="0.35">
      <c r="A42561" s="1" t="s">
        <v>9872</v>
      </c>
      <c r="B42561" s="1" t="s">
        <v>142570</v>
      </c>
      <c r="C42561" s="1" t="s">
        <v>120</v>
      </c>
      <c r="D42561" s="1" t="s">
        <v>111269</v>
      </c>
      <c r="E42561" s="1" t="s">
        <v>145390</v>
      </c>
      <c r="F42561" s="1" t="s">
        <v>145391</v>
      </c>
      <c r="G42561" s="1" t="s">
        <v>145325</v>
      </c>
      <c r="H42561" s="1" t="s">
        <v>145326</v>
      </c>
      <c r="I42561" s="1" t="s">
        <v>142575</v>
      </c>
      <c r="J42561" s="1" t="s">
        <v>145392</v>
      </c>
    </row>
    <row r="42562" spans="1:10" x14ac:dyDescent="0.35">
      <c r="A42562" s="1" t="s">
        <v>9872</v>
      </c>
      <c r="B42562" s="1" t="s">
        <v>142570</v>
      </c>
      <c r="C42562" s="1" t="s">
        <v>125</v>
      </c>
      <c r="D42562" s="1" t="s">
        <v>14987</v>
      </c>
      <c r="E42562" s="1" t="s">
        <v>145393</v>
      </c>
      <c r="F42562" s="1" t="s">
        <v>145394</v>
      </c>
      <c r="G42562" s="1" t="s">
        <v>145325</v>
      </c>
      <c r="H42562" s="1" t="s">
        <v>145326</v>
      </c>
      <c r="I42562" s="1" t="s">
        <v>142575</v>
      </c>
      <c r="J42562" s="1" t="s">
        <v>145395</v>
      </c>
    </row>
    <row r="42563" spans="1:10" x14ac:dyDescent="0.35">
      <c r="A42563" s="1" t="s">
        <v>9872</v>
      </c>
      <c r="B42563" s="1" t="s">
        <v>142570</v>
      </c>
      <c r="C42563" s="1" t="s">
        <v>130</v>
      </c>
      <c r="D42563" s="1" t="s">
        <v>145396</v>
      </c>
      <c r="E42563" s="1" t="s">
        <v>145397</v>
      </c>
      <c r="F42563" s="1" t="s">
        <v>145398</v>
      </c>
      <c r="G42563" s="1" t="s">
        <v>145325</v>
      </c>
      <c r="H42563" s="1" t="s">
        <v>145326</v>
      </c>
      <c r="I42563" s="1" t="s">
        <v>142575</v>
      </c>
      <c r="J42563" s="1" t="s">
        <v>145399</v>
      </c>
    </row>
    <row r="42564" spans="1:10" x14ac:dyDescent="0.35">
      <c r="A42564" s="1" t="s">
        <v>9872</v>
      </c>
      <c r="B42564" s="1" t="s">
        <v>142570</v>
      </c>
      <c r="C42564" s="1" t="s">
        <v>135</v>
      </c>
      <c r="D42564" s="1" t="s">
        <v>143197</v>
      </c>
      <c r="E42564" s="1" t="s">
        <v>145400</v>
      </c>
      <c r="F42564" s="1" t="s">
        <v>145401</v>
      </c>
      <c r="G42564" s="1" t="s">
        <v>145325</v>
      </c>
      <c r="H42564" s="1" t="s">
        <v>145326</v>
      </c>
      <c r="I42564" s="1" t="s">
        <v>142575</v>
      </c>
      <c r="J42564" s="1" t="s">
        <v>145402</v>
      </c>
    </row>
    <row r="42565" spans="1:10" x14ac:dyDescent="0.35">
      <c r="A42565" s="1" t="s">
        <v>9872</v>
      </c>
      <c r="B42565" s="1" t="s">
        <v>142570</v>
      </c>
      <c r="C42565" s="1" t="s">
        <v>140</v>
      </c>
      <c r="D42565" s="1" t="s">
        <v>45244</v>
      </c>
      <c r="E42565" s="1" t="s">
        <v>145403</v>
      </c>
      <c r="F42565" s="1" t="s">
        <v>145404</v>
      </c>
      <c r="G42565" s="1" t="s">
        <v>145325</v>
      </c>
      <c r="H42565" s="1" t="s">
        <v>145326</v>
      </c>
      <c r="I42565" s="1" t="s">
        <v>142575</v>
      </c>
      <c r="J42565" s="1" t="s">
        <v>145405</v>
      </c>
    </row>
    <row r="42566" spans="1:10" x14ac:dyDescent="0.35">
      <c r="A42566" s="1" t="s">
        <v>9872</v>
      </c>
      <c r="B42566" s="1" t="s">
        <v>142570</v>
      </c>
      <c r="C42566" s="1" t="s">
        <v>145</v>
      </c>
      <c r="D42566" s="1" t="s">
        <v>27596</v>
      </c>
      <c r="E42566" s="1" t="s">
        <v>145406</v>
      </c>
      <c r="F42566" s="1" t="s">
        <v>145407</v>
      </c>
      <c r="G42566" s="1" t="s">
        <v>145325</v>
      </c>
      <c r="H42566" s="1" t="s">
        <v>145326</v>
      </c>
      <c r="I42566" s="1" t="s">
        <v>142575</v>
      </c>
      <c r="J42566" s="1" t="s">
        <v>145408</v>
      </c>
    </row>
    <row r="42567" spans="1:10" x14ac:dyDescent="0.35">
      <c r="A42567" s="1" t="s">
        <v>9872</v>
      </c>
      <c r="B42567" s="1" t="s">
        <v>142570</v>
      </c>
      <c r="C42567" s="1" t="s">
        <v>150</v>
      </c>
      <c r="D42567" s="1" t="s">
        <v>119136</v>
      </c>
      <c r="E42567" s="1" t="s">
        <v>145409</v>
      </c>
      <c r="F42567" s="1" t="s">
        <v>145410</v>
      </c>
      <c r="G42567" s="1" t="s">
        <v>145325</v>
      </c>
      <c r="H42567" s="1" t="s">
        <v>145326</v>
      </c>
      <c r="I42567" s="1" t="s">
        <v>142575</v>
      </c>
      <c r="J42567" s="1" t="s">
        <v>145411</v>
      </c>
    </row>
    <row r="42568" spans="1:10" x14ac:dyDescent="0.35">
      <c r="A42568" s="1" t="s">
        <v>9872</v>
      </c>
      <c r="B42568" s="1" t="s">
        <v>142570</v>
      </c>
      <c r="C42568" s="1" t="s">
        <v>155</v>
      </c>
      <c r="D42568" s="1" t="s">
        <v>119480</v>
      </c>
      <c r="E42568" s="1" t="s">
        <v>145412</v>
      </c>
      <c r="F42568" s="1" t="s">
        <v>145413</v>
      </c>
      <c r="G42568" s="1" t="s">
        <v>145325</v>
      </c>
      <c r="H42568" s="1" t="s">
        <v>145326</v>
      </c>
      <c r="I42568" s="1" t="s">
        <v>142575</v>
      </c>
      <c r="J42568" s="1" t="s">
        <v>145414</v>
      </c>
    </row>
    <row r="42569" spans="1:10" x14ac:dyDescent="0.35">
      <c r="A42569" s="1" t="s">
        <v>9872</v>
      </c>
      <c r="B42569" s="1" t="s">
        <v>142570</v>
      </c>
      <c r="C42569" s="1" t="s">
        <v>160</v>
      </c>
      <c r="D42569" s="1" t="s">
        <v>10278</v>
      </c>
      <c r="E42569" s="1" t="s">
        <v>145415</v>
      </c>
      <c r="F42569" s="1" t="s">
        <v>145416</v>
      </c>
      <c r="G42569" s="1" t="s">
        <v>145325</v>
      </c>
      <c r="H42569" s="1" t="s">
        <v>145326</v>
      </c>
      <c r="I42569" s="1" t="s">
        <v>142575</v>
      </c>
      <c r="J42569" s="1" t="s">
        <v>145417</v>
      </c>
    </row>
    <row r="42570" spans="1:10" x14ac:dyDescent="0.35">
      <c r="A42570" s="1" t="s">
        <v>9872</v>
      </c>
      <c r="B42570" s="1" t="s">
        <v>142570</v>
      </c>
      <c r="C42570" s="1" t="s">
        <v>165</v>
      </c>
      <c r="D42570" s="1" t="s">
        <v>8745</v>
      </c>
      <c r="E42570" s="1" t="s">
        <v>145418</v>
      </c>
      <c r="F42570" s="1" t="s">
        <v>145419</v>
      </c>
      <c r="G42570" s="1" t="s">
        <v>145325</v>
      </c>
      <c r="H42570" s="1" t="s">
        <v>145326</v>
      </c>
      <c r="I42570" s="1" t="s">
        <v>142575</v>
      </c>
      <c r="J42570" s="1" t="s">
        <v>145420</v>
      </c>
    </row>
    <row r="42571" spans="1:10" x14ac:dyDescent="0.35">
      <c r="A42571" s="1" t="s">
        <v>9872</v>
      </c>
      <c r="B42571" s="1" t="s">
        <v>142570</v>
      </c>
      <c r="C42571" s="1" t="s">
        <v>170</v>
      </c>
      <c r="D42571" s="1" t="s">
        <v>27640</v>
      </c>
      <c r="E42571" s="1" t="s">
        <v>145421</v>
      </c>
      <c r="F42571" s="1" t="s">
        <v>145422</v>
      </c>
      <c r="G42571" s="1" t="s">
        <v>145325</v>
      </c>
      <c r="H42571" s="1" t="s">
        <v>145326</v>
      </c>
      <c r="I42571" s="1" t="s">
        <v>142575</v>
      </c>
      <c r="J42571" s="1" t="s">
        <v>145423</v>
      </c>
    </row>
    <row r="42572" spans="1:10" x14ac:dyDescent="0.35">
      <c r="A42572" s="1" t="s">
        <v>44863</v>
      </c>
      <c r="B42572" s="1" t="s">
        <v>142570</v>
      </c>
      <c r="C42572" s="1" t="s">
        <v>8</v>
      </c>
      <c r="D42572" s="1" t="s">
        <v>4333</v>
      </c>
      <c r="E42572" s="1" t="s">
        <v>145424</v>
      </c>
      <c r="F42572" s="1" t="s">
        <v>145425</v>
      </c>
      <c r="G42572" s="1" t="s">
        <v>145426</v>
      </c>
      <c r="H42572" s="1" t="s">
        <v>145427</v>
      </c>
      <c r="I42572" s="1" t="s">
        <v>142575</v>
      </c>
      <c r="J42572" s="1" t="s">
        <v>13</v>
      </c>
    </row>
    <row r="42573" spans="1:10" x14ac:dyDescent="0.35">
      <c r="A42573" s="1" t="s">
        <v>44863</v>
      </c>
      <c r="B42573" s="1" t="s">
        <v>142570</v>
      </c>
      <c r="C42573" s="1" t="s">
        <v>15</v>
      </c>
      <c r="D42573" s="1" t="s">
        <v>10231</v>
      </c>
      <c r="E42573" s="1" t="s">
        <v>145428</v>
      </c>
      <c r="F42573" s="1" t="s">
        <v>145429</v>
      </c>
      <c r="G42573" s="1" t="s">
        <v>145426</v>
      </c>
      <c r="H42573" s="1" t="s">
        <v>145427</v>
      </c>
      <c r="I42573" s="1" t="s">
        <v>142575</v>
      </c>
      <c r="J42573" s="1" t="s">
        <v>145430</v>
      </c>
    </row>
    <row r="42574" spans="1:10" x14ac:dyDescent="0.35">
      <c r="A42574" s="1" t="s">
        <v>44863</v>
      </c>
      <c r="B42574" s="1" t="s">
        <v>142570</v>
      </c>
      <c r="C42574" s="1" t="s">
        <v>20</v>
      </c>
      <c r="D42574" s="1" t="s">
        <v>10444</v>
      </c>
      <c r="E42574" s="1" t="s">
        <v>145431</v>
      </c>
      <c r="F42574" s="1" t="s">
        <v>145432</v>
      </c>
      <c r="G42574" s="1" t="s">
        <v>145426</v>
      </c>
      <c r="H42574" s="1" t="s">
        <v>145427</v>
      </c>
      <c r="I42574" s="1" t="s">
        <v>142575</v>
      </c>
      <c r="J42574" s="1" t="s">
        <v>145433</v>
      </c>
    </row>
    <row r="42575" spans="1:10" x14ac:dyDescent="0.35">
      <c r="A42575" s="1" t="s">
        <v>44863</v>
      </c>
      <c r="B42575" s="1" t="s">
        <v>142570</v>
      </c>
      <c r="C42575" s="1" t="s">
        <v>25</v>
      </c>
      <c r="D42575" s="1" t="s">
        <v>13126</v>
      </c>
      <c r="E42575" s="1" t="s">
        <v>145434</v>
      </c>
      <c r="F42575" s="1" t="s">
        <v>145435</v>
      </c>
      <c r="G42575" s="1" t="s">
        <v>145426</v>
      </c>
      <c r="H42575" s="1" t="s">
        <v>145427</v>
      </c>
      <c r="I42575" s="1" t="s">
        <v>142575</v>
      </c>
      <c r="J42575" s="1" t="s">
        <v>145436</v>
      </c>
    </row>
    <row r="42576" spans="1:10" x14ac:dyDescent="0.35">
      <c r="A42576" s="1" t="s">
        <v>44863</v>
      </c>
      <c r="B42576" s="1" t="s">
        <v>142570</v>
      </c>
      <c r="C42576" s="1" t="s">
        <v>30</v>
      </c>
      <c r="D42576" s="1" t="s">
        <v>6089</v>
      </c>
      <c r="E42576" s="1" t="s">
        <v>145437</v>
      </c>
      <c r="F42576" s="1" t="s">
        <v>145438</v>
      </c>
      <c r="G42576" s="1" t="s">
        <v>145426</v>
      </c>
      <c r="H42576" s="1" t="s">
        <v>145427</v>
      </c>
      <c r="I42576" s="1" t="s">
        <v>142575</v>
      </c>
      <c r="J42576" s="1" t="s">
        <v>145439</v>
      </c>
    </row>
    <row r="42577" spans="1:10" x14ac:dyDescent="0.35">
      <c r="A42577" s="1" t="s">
        <v>44863</v>
      </c>
      <c r="B42577" s="1" t="s">
        <v>142570</v>
      </c>
      <c r="C42577" s="1" t="s">
        <v>35</v>
      </c>
      <c r="D42577" s="1" t="s">
        <v>13203</v>
      </c>
      <c r="E42577" s="1" t="s">
        <v>145440</v>
      </c>
      <c r="F42577" s="1" t="s">
        <v>145441</v>
      </c>
      <c r="G42577" s="1" t="s">
        <v>145426</v>
      </c>
      <c r="H42577" s="1" t="s">
        <v>145427</v>
      </c>
      <c r="I42577" s="1" t="s">
        <v>142575</v>
      </c>
      <c r="J42577" s="1" t="s">
        <v>145442</v>
      </c>
    </row>
    <row r="42578" spans="1:10" x14ac:dyDescent="0.35">
      <c r="A42578" s="1" t="s">
        <v>44863</v>
      </c>
      <c r="B42578" s="1" t="s">
        <v>142570</v>
      </c>
      <c r="C42578" s="1" t="s">
        <v>40</v>
      </c>
      <c r="D42578" s="1" t="s">
        <v>117134</v>
      </c>
      <c r="E42578" s="1" t="s">
        <v>145443</v>
      </c>
      <c r="F42578" s="1" t="s">
        <v>145444</v>
      </c>
      <c r="G42578" s="1" t="s">
        <v>145426</v>
      </c>
      <c r="H42578" s="1" t="s">
        <v>145427</v>
      </c>
      <c r="I42578" s="1" t="s">
        <v>142575</v>
      </c>
      <c r="J42578" s="1" t="s">
        <v>145445</v>
      </c>
    </row>
    <row r="42579" spans="1:10" x14ac:dyDescent="0.35">
      <c r="A42579" s="1" t="s">
        <v>44863</v>
      </c>
      <c r="B42579" s="1" t="s">
        <v>142570</v>
      </c>
      <c r="C42579" s="1" t="s">
        <v>45</v>
      </c>
      <c r="D42579" s="1" t="s">
        <v>8529</v>
      </c>
      <c r="E42579" s="1" t="s">
        <v>145446</v>
      </c>
      <c r="F42579" s="1" t="s">
        <v>145447</v>
      </c>
      <c r="G42579" s="1" t="s">
        <v>145426</v>
      </c>
      <c r="H42579" s="1" t="s">
        <v>145427</v>
      </c>
      <c r="I42579" s="1" t="s">
        <v>142575</v>
      </c>
      <c r="J42579" s="1" t="s">
        <v>145448</v>
      </c>
    </row>
    <row r="42580" spans="1:10" x14ac:dyDescent="0.35">
      <c r="A42580" s="1" t="s">
        <v>44863</v>
      </c>
      <c r="B42580" s="1" t="s">
        <v>142570</v>
      </c>
      <c r="C42580" s="1" t="s">
        <v>50</v>
      </c>
      <c r="D42580" s="1" t="s">
        <v>9294</v>
      </c>
      <c r="E42580" s="1" t="s">
        <v>145449</v>
      </c>
      <c r="F42580" s="1" t="s">
        <v>145450</v>
      </c>
      <c r="G42580" s="1" t="s">
        <v>145426</v>
      </c>
      <c r="H42580" s="1" t="s">
        <v>145427</v>
      </c>
      <c r="I42580" s="1" t="s">
        <v>142575</v>
      </c>
      <c r="J42580" s="1" t="s">
        <v>145451</v>
      </c>
    </row>
    <row r="42581" spans="1:10" x14ac:dyDescent="0.35">
      <c r="A42581" s="1" t="s">
        <v>44863</v>
      </c>
      <c r="B42581" s="1" t="s">
        <v>142570</v>
      </c>
      <c r="C42581" s="1" t="s">
        <v>55</v>
      </c>
      <c r="D42581" s="1" t="s">
        <v>13910</v>
      </c>
      <c r="E42581" s="1" t="s">
        <v>145452</v>
      </c>
      <c r="F42581" s="1" t="s">
        <v>145453</v>
      </c>
      <c r="G42581" s="1" t="s">
        <v>145426</v>
      </c>
      <c r="H42581" s="1" t="s">
        <v>145427</v>
      </c>
      <c r="I42581" s="1" t="s">
        <v>142575</v>
      </c>
      <c r="J42581" s="1" t="s">
        <v>145454</v>
      </c>
    </row>
    <row r="42582" spans="1:10" x14ac:dyDescent="0.35">
      <c r="A42582" s="1" t="s">
        <v>44863</v>
      </c>
      <c r="B42582" s="1" t="s">
        <v>142570</v>
      </c>
      <c r="C42582" s="1" t="s">
        <v>60</v>
      </c>
      <c r="D42582" s="1" t="s">
        <v>145455</v>
      </c>
      <c r="E42582" s="1" t="s">
        <v>145456</v>
      </c>
      <c r="F42582" s="1" t="s">
        <v>145457</v>
      </c>
      <c r="G42582" s="1" t="s">
        <v>145426</v>
      </c>
      <c r="H42582" s="1" t="s">
        <v>145427</v>
      </c>
      <c r="I42582" s="1" t="s">
        <v>142575</v>
      </c>
      <c r="J42582" s="1" t="s">
        <v>145458</v>
      </c>
    </row>
    <row r="42583" spans="1:10" x14ac:dyDescent="0.35">
      <c r="A42583" s="1" t="s">
        <v>44863</v>
      </c>
      <c r="B42583" s="1" t="s">
        <v>142570</v>
      </c>
      <c r="C42583" s="1" t="s">
        <v>65</v>
      </c>
      <c r="D42583" s="1" t="s">
        <v>1536</v>
      </c>
      <c r="E42583" s="1" t="s">
        <v>145459</v>
      </c>
      <c r="F42583" s="1" t="s">
        <v>145460</v>
      </c>
      <c r="G42583" s="1" t="s">
        <v>145426</v>
      </c>
      <c r="H42583" s="1" t="s">
        <v>145427</v>
      </c>
      <c r="I42583" s="1" t="s">
        <v>142575</v>
      </c>
      <c r="J42583" s="1" t="s">
        <v>145461</v>
      </c>
    </row>
    <row r="42584" spans="1:10" x14ac:dyDescent="0.35">
      <c r="A42584" s="1" t="s">
        <v>44863</v>
      </c>
      <c r="B42584" s="1" t="s">
        <v>142570</v>
      </c>
      <c r="C42584" s="1" t="s">
        <v>70</v>
      </c>
      <c r="D42584" s="1" t="s">
        <v>45354</v>
      </c>
      <c r="E42584" s="1" t="s">
        <v>145462</v>
      </c>
      <c r="F42584" s="1" t="s">
        <v>145463</v>
      </c>
      <c r="G42584" s="1" t="s">
        <v>145426</v>
      </c>
      <c r="H42584" s="1" t="s">
        <v>145427</v>
      </c>
      <c r="I42584" s="1" t="s">
        <v>142575</v>
      </c>
      <c r="J42584" s="1" t="s">
        <v>145464</v>
      </c>
    </row>
    <row r="42585" spans="1:10" x14ac:dyDescent="0.35">
      <c r="A42585" s="1" t="s">
        <v>44863</v>
      </c>
      <c r="B42585" s="1" t="s">
        <v>142570</v>
      </c>
      <c r="C42585" s="1" t="s">
        <v>75</v>
      </c>
      <c r="D42585" s="1" t="s">
        <v>13199</v>
      </c>
      <c r="E42585" s="1" t="s">
        <v>145465</v>
      </c>
      <c r="F42585" s="1" t="s">
        <v>145466</v>
      </c>
      <c r="G42585" s="1" t="s">
        <v>145426</v>
      </c>
      <c r="H42585" s="1" t="s">
        <v>145427</v>
      </c>
      <c r="I42585" s="1" t="s">
        <v>142575</v>
      </c>
      <c r="J42585" s="1" t="s">
        <v>145467</v>
      </c>
    </row>
    <row r="42586" spans="1:10" x14ac:dyDescent="0.35">
      <c r="A42586" s="1" t="s">
        <v>44863</v>
      </c>
      <c r="B42586" s="1" t="s">
        <v>142570</v>
      </c>
      <c r="C42586" s="1" t="s">
        <v>80</v>
      </c>
      <c r="D42586" s="1" t="s">
        <v>128239</v>
      </c>
      <c r="E42586" s="1" t="s">
        <v>145468</v>
      </c>
      <c r="F42586" s="1" t="s">
        <v>145469</v>
      </c>
      <c r="G42586" s="1" t="s">
        <v>145426</v>
      </c>
      <c r="H42586" s="1" t="s">
        <v>145427</v>
      </c>
      <c r="I42586" s="1" t="s">
        <v>142575</v>
      </c>
      <c r="J42586" s="1" t="s">
        <v>145470</v>
      </c>
    </row>
    <row r="42587" spans="1:10" x14ac:dyDescent="0.35">
      <c r="A42587" s="1" t="s">
        <v>44863</v>
      </c>
      <c r="B42587" s="1" t="s">
        <v>142570</v>
      </c>
      <c r="C42587" s="1" t="s">
        <v>85</v>
      </c>
      <c r="D42587" s="1" t="s">
        <v>131452</v>
      </c>
      <c r="E42587" s="1" t="s">
        <v>145471</v>
      </c>
      <c r="F42587" s="1" t="s">
        <v>145472</v>
      </c>
      <c r="G42587" s="1" t="s">
        <v>145426</v>
      </c>
      <c r="H42587" s="1" t="s">
        <v>145427</v>
      </c>
      <c r="I42587" s="1" t="s">
        <v>142575</v>
      </c>
      <c r="J42587" s="1" t="s">
        <v>145473</v>
      </c>
    </row>
    <row r="42588" spans="1:10" x14ac:dyDescent="0.35">
      <c r="A42588" s="1" t="s">
        <v>44863</v>
      </c>
      <c r="B42588" s="1" t="s">
        <v>142570</v>
      </c>
      <c r="C42588" s="1" t="s">
        <v>90</v>
      </c>
      <c r="D42588" s="1" t="s">
        <v>10444</v>
      </c>
      <c r="E42588" s="1" t="s">
        <v>145474</v>
      </c>
      <c r="F42588" s="1" t="s">
        <v>145475</v>
      </c>
      <c r="G42588" s="1" t="s">
        <v>145426</v>
      </c>
      <c r="H42588" s="1" t="s">
        <v>145427</v>
      </c>
      <c r="I42588" s="1" t="s">
        <v>142575</v>
      </c>
      <c r="J42588" s="1" t="s">
        <v>145476</v>
      </c>
    </row>
    <row r="42589" spans="1:10" x14ac:dyDescent="0.35">
      <c r="A42589" s="1" t="s">
        <v>44863</v>
      </c>
      <c r="B42589" s="1" t="s">
        <v>142570</v>
      </c>
      <c r="C42589" s="1" t="s">
        <v>95</v>
      </c>
      <c r="D42589" s="1" t="s">
        <v>142569</v>
      </c>
      <c r="E42589" s="1" t="s">
        <v>145477</v>
      </c>
      <c r="F42589" s="1" t="s">
        <v>145478</v>
      </c>
      <c r="G42589" s="1" t="s">
        <v>145426</v>
      </c>
      <c r="H42589" s="1" t="s">
        <v>145427</v>
      </c>
      <c r="I42589" s="1" t="s">
        <v>142575</v>
      </c>
      <c r="J42589" s="1" t="s">
        <v>145479</v>
      </c>
    </row>
    <row r="42590" spans="1:10" x14ac:dyDescent="0.35">
      <c r="A42590" s="1" t="s">
        <v>44863</v>
      </c>
      <c r="B42590" s="1" t="s">
        <v>142570</v>
      </c>
      <c r="C42590" s="1" t="s">
        <v>100</v>
      </c>
      <c r="D42590" s="1" t="s">
        <v>1973</v>
      </c>
      <c r="E42590" s="1" t="s">
        <v>145480</v>
      </c>
      <c r="F42590" s="1" t="s">
        <v>145481</v>
      </c>
      <c r="G42590" s="1" t="s">
        <v>145426</v>
      </c>
      <c r="H42590" s="1" t="s">
        <v>145427</v>
      </c>
      <c r="I42590" s="1" t="s">
        <v>142575</v>
      </c>
      <c r="J42590" s="1" t="s">
        <v>145482</v>
      </c>
    </row>
    <row r="42591" spans="1:10" x14ac:dyDescent="0.35">
      <c r="A42591" s="1" t="s">
        <v>44863</v>
      </c>
      <c r="B42591" s="1" t="s">
        <v>142570</v>
      </c>
      <c r="C42591" s="1" t="s">
        <v>105</v>
      </c>
      <c r="D42591" s="1" t="s">
        <v>9364</v>
      </c>
      <c r="E42591" s="1" t="s">
        <v>145483</v>
      </c>
      <c r="F42591" s="1" t="s">
        <v>145484</v>
      </c>
      <c r="G42591" s="1" t="s">
        <v>145426</v>
      </c>
      <c r="H42591" s="1" t="s">
        <v>145427</v>
      </c>
      <c r="I42591" s="1" t="s">
        <v>142575</v>
      </c>
      <c r="J42591" s="1" t="s">
        <v>145485</v>
      </c>
    </row>
    <row r="42592" spans="1:10" x14ac:dyDescent="0.35">
      <c r="A42592" s="1" t="s">
        <v>44863</v>
      </c>
      <c r="B42592" s="1" t="s">
        <v>142570</v>
      </c>
      <c r="C42592" s="1" t="s">
        <v>110</v>
      </c>
      <c r="D42592" s="1" t="s">
        <v>4341</v>
      </c>
      <c r="E42592" s="1" t="s">
        <v>145486</v>
      </c>
      <c r="F42592" s="1" t="s">
        <v>145487</v>
      </c>
      <c r="G42592" s="1" t="s">
        <v>145426</v>
      </c>
      <c r="H42592" s="1" t="s">
        <v>145427</v>
      </c>
      <c r="I42592" s="1" t="s">
        <v>142575</v>
      </c>
      <c r="J42592" s="1" t="s">
        <v>145488</v>
      </c>
    </row>
    <row r="42593" spans="1:10" x14ac:dyDescent="0.35">
      <c r="A42593" s="1" t="s">
        <v>44863</v>
      </c>
      <c r="B42593" s="1" t="s">
        <v>142570</v>
      </c>
      <c r="C42593" s="1" t="s">
        <v>115</v>
      </c>
      <c r="D42593" s="1" t="s">
        <v>121190</v>
      </c>
      <c r="E42593" s="1" t="s">
        <v>145489</v>
      </c>
      <c r="F42593" s="1" t="s">
        <v>145490</v>
      </c>
      <c r="G42593" s="1" t="s">
        <v>145426</v>
      </c>
      <c r="H42593" s="1" t="s">
        <v>145427</v>
      </c>
      <c r="I42593" s="1" t="s">
        <v>142575</v>
      </c>
      <c r="J42593" s="1" t="s">
        <v>145491</v>
      </c>
    </row>
    <row r="42594" spans="1:10" x14ac:dyDescent="0.35">
      <c r="A42594" s="1" t="s">
        <v>44863</v>
      </c>
      <c r="B42594" s="1" t="s">
        <v>142570</v>
      </c>
      <c r="C42594" s="1" t="s">
        <v>120</v>
      </c>
      <c r="D42594" s="1" t="s">
        <v>51861</v>
      </c>
      <c r="E42594" s="1" t="s">
        <v>145492</v>
      </c>
      <c r="F42594" s="1" t="s">
        <v>145493</v>
      </c>
      <c r="G42594" s="1" t="s">
        <v>145426</v>
      </c>
      <c r="H42594" s="1" t="s">
        <v>145427</v>
      </c>
      <c r="I42594" s="1" t="s">
        <v>142575</v>
      </c>
      <c r="J42594" s="1" t="s">
        <v>145494</v>
      </c>
    </row>
    <row r="42595" spans="1:10" x14ac:dyDescent="0.35">
      <c r="A42595" s="1" t="s">
        <v>44863</v>
      </c>
      <c r="B42595" s="1" t="s">
        <v>142570</v>
      </c>
      <c r="C42595" s="1" t="s">
        <v>125</v>
      </c>
      <c r="D42595" s="1" t="s">
        <v>27366</v>
      </c>
      <c r="E42595" s="1" t="s">
        <v>145495</v>
      </c>
      <c r="F42595" s="1" t="s">
        <v>145496</v>
      </c>
      <c r="G42595" s="1" t="s">
        <v>145426</v>
      </c>
      <c r="H42595" s="1" t="s">
        <v>145427</v>
      </c>
      <c r="I42595" s="1" t="s">
        <v>142575</v>
      </c>
      <c r="J42595" s="1" t="s">
        <v>145497</v>
      </c>
    </row>
    <row r="42596" spans="1:10" x14ac:dyDescent="0.35">
      <c r="A42596" s="1" t="s">
        <v>44863</v>
      </c>
      <c r="B42596" s="1" t="s">
        <v>142570</v>
      </c>
      <c r="C42596" s="1" t="s">
        <v>130</v>
      </c>
      <c r="D42596" s="1" t="s">
        <v>9889</v>
      </c>
      <c r="E42596" s="1" t="s">
        <v>145498</v>
      </c>
      <c r="F42596" s="1" t="s">
        <v>145499</v>
      </c>
      <c r="G42596" s="1" t="s">
        <v>145426</v>
      </c>
      <c r="H42596" s="1" t="s">
        <v>145427</v>
      </c>
      <c r="I42596" s="1" t="s">
        <v>142575</v>
      </c>
      <c r="J42596" s="1" t="s">
        <v>145500</v>
      </c>
    </row>
    <row r="42597" spans="1:10" x14ac:dyDescent="0.35">
      <c r="A42597" s="1" t="s">
        <v>44863</v>
      </c>
      <c r="B42597" s="1" t="s">
        <v>142570</v>
      </c>
      <c r="C42597" s="1" t="s">
        <v>135</v>
      </c>
      <c r="D42597" s="1" t="s">
        <v>143201</v>
      </c>
      <c r="E42597" s="1" t="s">
        <v>145501</v>
      </c>
      <c r="F42597" s="1" t="s">
        <v>145502</v>
      </c>
      <c r="G42597" s="1" t="s">
        <v>145426</v>
      </c>
      <c r="H42597" s="1" t="s">
        <v>145427</v>
      </c>
      <c r="I42597" s="1" t="s">
        <v>142575</v>
      </c>
      <c r="J42597" s="1" t="s">
        <v>145503</v>
      </c>
    </row>
    <row r="42598" spans="1:10" x14ac:dyDescent="0.35">
      <c r="A42598" s="1" t="s">
        <v>44863</v>
      </c>
      <c r="B42598" s="1" t="s">
        <v>142570</v>
      </c>
      <c r="C42598" s="1" t="s">
        <v>140</v>
      </c>
      <c r="D42598" s="1" t="s">
        <v>3600</v>
      </c>
      <c r="E42598" s="1" t="s">
        <v>145504</v>
      </c>
      <c r="F42598" s="1" t="s">
        <v>145505</v>
      </c>
      <c r="G42598" s="1" t="s">
        <v>145426</v>
      </c>
      <c r="H42598" s="1" t="s">
        <v>145427</v>
      </c>
      <c r="I42598" s="1" t="s">
        <v>142575</v>
      </c>
      <c r="J42598" s="1" t="s">
        <v>145506</v>
      </c>
    </row>
    <row r="42599" spans="1:10" x14ac:dyDescent="0.35">
      <c r="A42599" s="1" t="s">
        <v>44863</v>
      </c>
      <c r="B42599" s="1" t="s">
        <v>142570</v>
      </c>
      <c r="C42599" s="1" t="s">
        <v>145</v>
      </c>
      <c r="D42599" s="1" t="s">
        <v>10098</v>
      </c>
      <c r="E42599" s="1" t="s">
        <v>145507</v>
      </c>
      <c r="F42599" s="1" t="s">
        <v>145508</v>
      </c>
      <c r="G42599" s="1" t="s">
        <v>145426</v>
      </c>
      <c r="H42599" s="1" t="s">
        <v>145427</v>
      </c>
      <c r="I42599" s="1" t="s">
        <v>142575</v>
      </c>
      <c r="J42599" s="1" t="s">
        <v>145509</v>
      </c>
    </row>
    <row r="42600" spans="1:10" x14ac:dyDescent="0.35">
      <c r="A42600" s="1" t="s">
        <v>44863</v>
      </c>
      <c r="B42600" s="1" t="s">
        <v>142570</v>
      </c>
      <c r="C42600" s="1" t="s">
        <v>150</v>
      </c>
      <c r="D42600" s="1" t="s">
        <v>111809</v>
      </c>
      <c r="E42600" s="1" t="s">
        <v>145510</v>
      </c>
      <c r="F42600" s="1" t="s">
        <v>145511</v>
      </c>
      <c r="G42600" s="1" t="s">
        <v>145426</v>
      </c>
      <c r="H42600" s="1" t="s">
        <v>145427</v>
      </c>
      <c r="I42600" s="1" t="s">
        <v>142575</v>
      </c>
      <c r="J42600" s="1" t="s">
        <v>145512</v>
      </c>
    </row>
    <row r="42601" spans="1:10" x14ac:dyDescent="0.35">
      <c r="A42601" s="1" t="s">
        <v>44863</v>
      </c>
      <c r="B42601" s="1" t="s">
        <v>142570</v>
      </c>
      <c r="C42601" s="1" t="s">
        <v>155</v>
      </c>
      <c r="D42601" s="1" t="s">
        <v>324</v>
      </c>
      <c r="E42601" s="1" t="s">
        <v>145513</v>
      </c>
      <c r="F42601" s="1" t="s">
        <v>145514</v>
      </c>
      <c r="G42601" s="1" t="s">
        <v>145426</v>
      </c>
      <c r="H42601" s="1" t="s">
        <v>145427</v>
      </c>
      <c r="I42601" s="1" t="s">
        <v>142575</v>
      </c>
      <c r="J42601" s="1" t="s">
        <v>36695</v>
      </c>
    </row>
    <row r="42602" spans="1:10" x14ac:dyDescent="0.35">
      <c r="A42602" s="1" t="s">
        <v>44863</v>
      </c>
      <c r="B42602" s="1" t="s">
        <v>142570</v>
      </c>
      <c r="C42602" s="1" t="s">
        <v>160</v>
      </c>
      <c r="D42602" s="1" t="s">
        <v>28184</v>
      </c>
      <c r="E42602" s="1" t="s">
        <v>145515</v>
      </c>
      <c r="F42602" s="1" t="s">
        <v>145516</v>
      </c>
      <c r="G42602" s="1" t="s">
        <v>145426</v>
      </c>
      <c r="H42602" s="1" t="s">
        <v>145427</v>
      </c>
      <c r="I42602" s="1" t="s">
        <v>142575</v>
      </c>
      <c r="J42602" s="1" t="s">
        <v>145517</v>
      </c>
    </row>
    <row r="42603" spans="1:10" x14ac:dyDescent="0.35">
      <c r="A42603" s="1" t="s">
        <v>44863</v>
      </c>
      <c r="B42603" s="1" t="s">
        <v>142570</v>
      </c>
      <c r="C42603" s="1" t="s">
        <v>165</v>
      </c>
      <c r="D42603" s="1" t="s">
        <v>52111</v>
      </c>
      <c r="E42603" s="1" t="s">
        <v>145518</v>
      </c>
      <c r="F42603" s="1" t="s">
        <v>145519</v>
      </c>
      <c r="G42603" s="1" t="s">
        <v>145426</v>
      </c>
      <c r="H42603" s="1" t="s">
        <v>145427</v>
      </c>
      <c r="I42603" s="1" t="s">
        <v>142575</v>
      </c>
      <c r="J42603" s="1" t="s">
        <v>145520</v>
      </c>
    </row>
    <row r="42604" spans="1:10" x14ac:dyDescent="0.35">
      <c r="A42604" s="1" t="s">
        <v>44863</v>
      </c>
      <c r="B42604" s="1" t="s">
        <v>142570</v>
      </c>
      <c r="C42604" s="1" t="s">
        <v>170</v>
      </c>
      <c r="D42604" s="1" t="s">
        <v>8042</v>
      </c>
      <c r="E42604" s="1" t="s">
        <v>145521</v>
      </c>
      <c r="F42604" s="1" t="s">
        <v>145522</v>
      </c>
      <c r="G42604" s="1" t="s">
        <v>145426</v>
      </c>
      <c r="H42604" s="1" t="s">
        <v>145427</v>
      </c>
      <c r="I42604" s="1" t="s">
        <v>142575</v>
      </c>
      <c r="J42604" s="1" t="s">
        <v>145523</v>
      </c>
    </row>
    <row r="42605" spans="1:10" x14ac:dyDescent="0.35">
      <c r="A42605" s="1" t="s">
        <v>13141</v>
      </c>
      <c r="B42605" s="1" t="s">
        <v>142570</v>
      </c>
      <c r="C42605" s="1" t="s">
        <v>8</v>
      </c>
      <c r="D42605" s="1" t="s">
        <v>144622</v>
      </c>
      <c r="E42605" s="1" t="s">
        <v>145524</v>
      </c>
      <c r="F42605" s="1" t="s">
        <v>145525</v>
      </c>
      <c r="G42605" s="1" t="s">
        <v>145526</v>
      </c>
      <c r="H42605" s="1" t="s">
        <v>145527</v>
      </c>
      <c r="I42605" s="1" t="s">
        <v>142575</v>
      </c>
      <c r="J42605" s="1" t="s">
        <v>13</v>
      </c>
    </row>
    <row r="42606" spans="1:10" x14ac:dyDescent="0.35">
      <c r="A42606" s="1" t="s">
        <v>13141</v>
      </c>
      <c r="B42606" s="1" t="s">
        <v>142570</v>
      </c>
      <c r="C42606" s="1" t="s">
        <v>15</v>
      </c>
      <c r="D42606" s="1" t="s">
        <v>112628</v>
      </c>
      <c r="E42606" s="1" t="s">
        <v>145528</v>
      </c>
      <c r="F42606" s="1" t="s">
        <v>145529</v>
      </c>
      <c r="G42606" s="1" t="s">
        <v>145526</v>
      </c>
      <c r="H42606" s="1" t="s">
        <v>145527</v>
      </c>
      <c r="I42606" s="1" t="s">
        <v>142575</v>
      </c>
      <c r="J42606" s="1" t="s">
        <v>145530</v>
      </c>
    </row>
    <row r="42607" spans="1:10" x14ac:dyDescent="0.35">
      <c r="A42607" s="1" t="s">
        <v>13141</v>
      </c>
      <c r="B42607" s="1" t="s">
        <v>142570</v>
      </c>
      <c r="C42607" s="1" t="s">
        <v>20</v>
      </c>
      <c r="D42607" s="1" t="s">
        <v>4753</v>
      </c>
      <c r="E42607" s="1" t="s">
        <v>145531</v>
      </c>
      <c r="F42607" s="1" t="s">
        <v>145532</v>
      </c>
      <c r="G42607" s="1" t="s">
        <v>145526</v>
      </c>
      <c r="H42607" s="1" t="s">
        <v>145527</v>
      </c>
      <c r="I42607" s="1" t="s">
        <v>142575</v>
      </c>
      <c r="J42607" s="1" t="s">
        <v>145533</v>
      </c>
    </row>
    <row r="42608" spans="1:10" x14ac:dyDescent="0.35">
      <c r="A42608" s="1" t="s">
        <v>13141</v>
      </c>
      <c r="B42608" s="1" t="s">
        <v>142570</v>
      </c>
      <c r="C42608" s="1" t="s">
        <v>25</v>
      </c>
      <c r="D42608" s="1" t="s">
        <v>15856</v>
      </c>
      <c r="E42608" s="1" t="s">
        <v>145534</v>
      </c>
      <c r="F42608" s="1" t="s">
        <v>145535</v>
      </c>
      <c r="G42608" s="1" t="s">
        <v>145526</v>
      </c>
      <c r="H42608" s="1" t="s">
        <v>145527</v>
      </c>
      <c r="I42608" s="1" t="s">
        <v>142575</v>
      </c>
      <c r="J42608" s="1" t="s">
        <v>145536</v>
      </c>
    </row>
    <row r="42609" spans="1:10" x14ac:dyDescent="0.35">
      <c r="A42609" s="1" t="s">
        <v>13141</v>
      </c>
      <c r="B42609" s="1" t="s">
        <v>142570</v>
      </c>
      <c r="C42609" s="1" t="s">
        <v>30</v>
      </c>
      <c r="D42609" s="1" t="s">
        <v>8079</v>
      </c>
      <c r="E42609" s="1" t="s">
        <v>145537</v>
      </c>
      <c r="F42609" s="1" t="s">
        <v>145538</v>
      </c>
      <c r="G42609" s="1" t="s">
        <v>145526</v>
      </c>
      <c r="H42609" s="1" t="s">
        <v>145527</v>
      </c>
      <c r="I42609" s="1" t="s">
        <v>142575</v>
      </c>
      <c r="J42609" s="1" t="s">
        <v>145539</v>
      </c>
    </row>
    <row r="42610" spans="1:10" x14ac:dyDescent="0.35">
      <c r="A42610" s="1" t="s">
        <v>13141</v>
      </c>
      <c r="B42610" s="1" t="s">
        <v>142570</v>
      </c>
      <c r="C42610" s="1" t="s">
        <v>35</v>
      </c>
      <c r="D42610" s="1" t="s">
        <v>27701</v>
      </c>
      <c r="E42610" s="1" t="s">
        <v>145540</v>
      </c>
      <c r="F42610" s="1" t="s">
        <v>145541</v>
      </c>
      <c r="G42610" s="1" t="s">
        <v>145526</v>
      </c>
      <c r="H42610" s="1" t="s">
        <v>145527</v>
      </c>
      <c r="I42610" s="1" t="s">
        <v>142575</v>
      </c>
      <c r="J42610" s="1" t="s">
        <v>145542</v>
      </c>
    </row>
    <row r="42611" spans="1:10" x14ac:dyDescent="0.35">
      <c r="A42611" s="1" t="s">
        <v>13141</v>
      </c>
      <c r="B42611" s="1" t="s">
        <v>142570</v>
      </c>
      <c r="C42611" s="1" t="s">
        <v>40</v>
      </c>
      <c r="D42611" s="1" t="s">
        <v>28994</v>
      </c>
      <c r="E42611" s="1" t="s">
        <v>145543</v>
      </c>
      <c r="F42611" s="1" t="s">
        <v>145544</v>
      </c>
      <c r="G42611" s="1" t="s">
        <v>145526</v>
      </c>
      <c r="H42611" s="1" t="s">
        <v>145527</v>
      </c>
      <c r="I42611" s="1" t="s">
        <v>142575</v>
      </c>
      <c r="J42611" s="1" t="s">
        <v>145545</v>
      </c>
    </row>
    <row r="42612" spans="1:10" x14ac:dyDescent="0.35">
      <c r="A42612" s="1" t="s">
        <v>13141</v>
      </c>
      <c r="B42612" s="1" t="s">
        <v>142570</v>
      </c>
      <c r="C42612" s="1" t="s">
        <v>45</v>
      </c>
      <c r="D42612" s="1" t="s">
        <v>8079</v>
      </c>
      <c r="E42612" s="1" t="s">
        <v>145546</v>
      </c>
      <c r="F42612" s="1" t="s">
        <v>145547</v>
      </c>
      <c r="G42612" s="1" t="s">
        <v>145526</v>
      </c>
      <c r="H42612" s="1" t="s">
        <v>145527</v>
      </c>
      <c r="I42612" s="1" t="s">
        <v>142575</v>
      </c>
      <c r="J42612" s="1" t="s">
        <v>145548</v>
      </c>
    </row>
    <row r="42613" spans="1:10" x14ac:dyDescent="0.35">
      <c r="A42613" s="1" t="s">
        <v>13141</v>
      </c>
      <c r="B42613" s="1" t="s">
        <v>142570</v>
      </c>
      <c r="C42613" s="1" t="s">
        <v>50</v>
      </c>
      <c r="D42613" s="1" t="s">
        <v>28780</v>
      </c>
      <c r="E42613" s="1" t="s">
        <v>145549</v>
      </c>
      <c r="F42613" s="1" t="s">
        <v>145550</v>
      </c>
      <c r="G42613" s="1" t="s">
        <v>145526</v>
      </c>
      <c r="H42613" s="1" t="s">
        <v>145527</v>
      </c>
      <c r="I42613" s="1" t="s">
        <v>142575</v>
      </c>
      <c r="J42613" s="1" t="s">
        <v>145551</v>
      </c>
    </row>
    <row r="42614" spans="1:10" x14ac:dyDescent="0.35">
      <c r="A42614" s="1" t="s">
        <v>13141</v>
      </c>
      <c r="B42614" s="1" t="s">
        <v>142570</v>
      </c>
      <c r="C42614" s="1" t="s">
        <v>55</v>
      </c>
      <c r="D42614" s="1" t="s">
        <v>24989</v>
      </c>
      <c r="E42614" s="1" t="s">
        <v>145552</v>
      </c>
      <c r="F42614" s="1" t="s">
        <v>145553</v>
      </c>
      <c r="G42614" s="1" t="s">
        <v>145526</v>
      </c>
      <c r="H42614" s="1" t="s">
        <v>145527</v>
      </c>
      <c r="I42614" s="1" t="s">
        <v>142575</v>
      </c>
      <c r="J42614" s="1" t="s">
        <v>145554</v>
      </c>
    </row>
    <row r="42615" spans="1:10" x14ac:dyDescent="0.35">
      <c r="A42615" s="1" t="s">
        <v>13141</v>
      </c>
      <c r="B42615" s="1" t="s">
        <v>142570</v>
      </c>
      <c r="C42615" s="1" t="s">
        <v>60</v>
      </c>
      <c r="D42615" s="1" t="s">
        <v>145555</v>
      </c>
      <c r="E42615" s="1" t="s">
        <v>145556</v>
      </c>
      <c r="F42615" s="1" t="s">
        <v>145557</v>
      </c>
      <c r="G42615" s="1" t="s">
        <v>145526</v>
      </c>
      <c r="H42615" s="1" t="s">
        <v>145527</v>
      </c>
      <c r="I42615" s="1" t="s">
        <v>142575</v>
      </c>
      <c r="J42615" s="1" t="s">
        <v>145558</v>
      </c>
    </row>
    <row r="42616" spans="1:10" x14ac:dyDescent="0.35">
      <c r="A42616" s="1" t="s">
        <v>13141</v>
      </c>
      <c r="B42616" s="1" t="s">
        <v>142570</v>
      </c>
      <c r="C42616" s="1" t="s">
        <v>65</v>
      </c>
      <c r="D42616" s="1" t="s">
        <v>8337</v>
      </c>
      <c r="E42616" s="1" t="s">
        <v>145559</v>
      </c>
      <c r="F42616" s="1" t="s">
        <v>145560</v>
      </c>
      <c r="G42616" s="1" t="s">
        <v>145526</v>
      </c>
      <c r="H42616" s="1" t="s">
        <v>145527</v>
      </c>
      <c r="I42616" s="1" t="s">
        <v>142575</v>
      </c>
      <c r="J42616" s="1" t="s">
        <v>145561</v>
      </c>
    </row>
    <row r="42617" spans="1:10" x14ac:dyDescent="0.35">
      <c r="A42617" s="1" t="s">
        <v>13141</v>
      </c>
      <c r="B42617" s="1" t="s">
        <v>142570</v>
      </c>
      <c r="C42617" s="1" t="s">
        <v>70</v>
      </c>
      <c r="D42617" s="1" t="s">
        <v>15199</v>
      </c>
      <c r="E42617" s="1" t="s">
        <v>145562</v>
      </c>
      <c r="F42617" s="1" t="s">
        <v>145563</v>
      </c>
      <c r="G42617" s="1" t="s">
        <v>145526</v>
      </c>
      <c r="H42617" s="1" t="s">
        <v>145527</v>
      </c>
      <c r="I42617" s="1" t="s">
        <v>142575</v>
      </c>
      <c r="J42617" s="1" t="s">
        <v>145564</v>
      </c>
    </row>
    <row r="42618" spans="1:10" x14ac:dyDescent="0.35">
      <c r="A42618" s="1" t="s">
        <v>13141</v>
      </c>
      <c r="B42618" s="1" t="s">
        <v>142570</v>
      </c>
      <c r="C42618" s="1" t="s">
        <v>75</v>
      </c>
      <c r="D42618" s="1" t="s">
        <v>27851</v>
      </c>
      <c r="E42618" s="1" t="s">
        <v>145565</v>
      </c>
      <c r="F42618" s="1" t="s">
        <v>145566</v>
      </c>
      <c r="G42618" s="1" t="s">
        <v>145526</v>
      </c>
      <c r="H42618" s="1" t="s">
        <v>145527</v>
      </c>
      <c r="I42618" s="1" t="s">
        <v>142575</v>
      </c>
      <c r="J42618" s="1" t="s">
        <v>145567</v>
      </c>
    </row>
    <row r="42619" spans="1:10" x14ac:dyDescent="0.35">
      <c r="A42619" s="1" t="s">
        <v>13141</v>
      </c>
      <c r="B42619" s="1" t="s">
        <v>142570</v>
      </c>
      <c r="C42619" s="1" t="s">
        <v>80</v>
      </c>
      <c r="D42619" s="1" t="s">
        <v>145568</v>
      </c>
      <c r="E42619" s="1" t="s">
        <v>145569</v>
      </c>
      <c r="F42619" s="1" t="s">
        <v>145570</v>
      </c>
      <c r="G42619" s="1" t="s">
        <v>145526</v>
      </c>
      <c r="H42619" s="1" t="s">
        <v>145527</v>
      </c>
      <c r="I42619" s="1" t="s">
        <v>142575</v>
      </c>
      <c r="J42619" s="1" t="s">
        <v>145571</v>
      </c>
    </row>
    <row r="42620" spans="1:10" x14ac:dyDescent="0.35">
      <c r="A42620" s="1" t="s">
        <v>13141</v>
      </c>
      <c r="B42620" s="1" t="s">
        <v>142570</v>
      </c>
      <c r="C42620" s="1" t="s">
        <v>85</v>
      </c>
      <c r="D42620" s="1" t="s">
        <v>109797</v>
      </c>
      <c r="E42620" s="1" t="s">
        <v>145572</v>
      </c>
      <c r="F42620" s="1" t="s">
        <v>145573</v>
      </c>
      <c r="G42620" s="1" t="s">
        <v>145526</v>
      </c>
      <c r="H42620" s="1" t="s">
        <v>145527</v>
      </c>
      <c r="I42620" s="1" t="s">
        <v>142575</v>
      </c>
      <c r="J42620" s="1" t="s">
        <v>145574</v>
      </c>
    </row>
    <row r="42621" spans="1:10" x14ac:dyDescent="0.35">
      <c r="A42621" s="1" t="s">
        <v>13141</v>
      </c>
      <c r="B42621" s="1" t="s">
        <v>142570</v>
      </c>
      <c r="C42621" s="1" t="s">
        <v>90</v>
      </c>
      <c r="D42621" s="1" t="s">
        <v>4753</v>
      </c>
      <c r="E42621" s="1" t="s">
        <v>145575</v>
      </c>
      <c r="F42621" s="1" t="s">
        <v>145576</v>
      </c>
      <c r="G42621" s="1" t="s">
        <v>145526</v>
      </c>
      <c r="H42621" s="1" t="s">
        <v>145527</v>
      </c>
      <c r="I42621" s="1" t="s">
        <v>142575</v>
      </c>
      <c r="J42621" s="1" t="s">
        <v>145577</v>
      </c>
    </row>
    <row r="42622" spans="1:10" x14ac:dyDescent="0.35">
      <c r="A42622" s="1" t="s">
        <v>13141</v>
      </c>
      <c r="B42622" s="1" t="s">
        <v>142570</v>
      </c>
      <c r="C42622" s="1" t="s">
        <v>95</v>
      </c>
      <c r="D42622" s="1" t="s">
        <v>143785</v>
      </c>
      <c r="E42622" s="1" t="s">
        <v>145578</v>
      </c>
      <c r="F42622" s="1" t="s">
        <v>145579</v>
      </c>
      <c r="G42622" s="1" t="s">
        <v>145526</v>
      </c>
      <c r="H42622" s="1" t="s">
        <v>145527</v>
      </c>
      <c r="I42622" s="1" t="s">
        <v>142575</v>
      </c>
      <c r="J42622" s="1" t="s">
        <v>145580</v>
      </c>
    </row>
    <row r="42623" spans="1:10" x14ac:dyDescent="0.35">
      <c r="A42623" s="1" t="s">
        <v>13141</v>
      </c>
      <c r="B42623" s="1" t="s">
        <v>142570</v>
      </c>
      <c r="C42623" s="1" t="s">
        <v>100</v>
      </c>
      <c r="D42623" s="1" t="s">
        <v>145581</v>
      </c>
      <c r="E42623" s="1" t="s">
        <v>145582</v>
      </c>
      <c r="F42623" s="1" t="s">
        <v>145583</v>
      </c>
      <c r="G42623" s="1" t="s">
        <v>145526</v>
      </c>
      <c r="H42623" s="1" t="s">
        <v>145527</v>
      </c>
      <c r="I42623" s="1" t="s">
        <v>142575</v>
      </c>
      <c r="J42623" s="1" t="s">
        <v>145584</v>
      </c>
    </row>
    <row r="42624" spans="1:10" x14ac:dyDescent="0.35">
      <c r="A42624" s="1" t="s">
        <v>13141</v>
      </c>
      <c r="B42624" s="1" t="s">
        <v>142570</v>
      </c>
      <c r="C42624" s="1" t="s">
        <v>105</v>
      </c>
      <c r="D42624" s="1" t="s">
        <v>119290</v>
      </c>
      <c r="E42624" s="1" t="s">
        <v>145585</v>
      </c>
      <c r="F42624" s="1" t="s">
        <v>145586</v>
      </c>
      <c r="G42624" s="1" t="s">
        <v>145526</v>
      </c>
      <c r="H42624" s="1" t="s">
        <v>145527</v>
      </c>
      <c r="I42624" s="1" t="s">
        <v>142575</v>
      </c>
      <c r="J42624" s="1" t="s">
        <v>145587</v>
      </c>
    </row>
    <row r="42625" spans="1:10" x14ac:dyDescent="0.35">
      <c r="A42625" s="1" t="s">
        <v>13141</v>
      </c>
      <c r="B42625" s="1" t="s">
        <v>142570</v>
      </c>
      <c r="C42625" s="1" t="s">
        <v>110</v>
      </c>
      <c r="D42625" s="1" t="s">
        <v>6862</v>
      </c>
      <c r="E42625" s="1" t="s">
        <v>145588</v>
      </c>
      <c r="F42625" s="1" t="s">
        <v>145589</v>
      </c>
      <c r="G42625" s="1" t="s">
        <v>145526</v>
      </c>
      <c r="H42625" s="1" t="s">
        <v>145527</v>
      </c>
      <c r="I42625" s="1" t="s">
        <v>142575</v>
      </c>
      <c r="J42625" s="1" t="s">
        <v>145590</v>
      </c>
    </row>
    <row r="42626" spans="1:10" x14ac:dyDescent="0.35">
      <c r="A42626" s="1" t="s">
        <v>13141</v>
      </c>
      <c r="B42626" s="1" t="s">
        <v>142570</v>
      </c>
      <c r="C42626" s="1" t="s">
        <v>115</v>
      </c>
      <c r="D42626" s="1" t="s">
        <v>25247</v>
      </c>
      <c r="E42626" s="1" t="s">
        <v>145591</v>
      </c>
      <c r="F42626" s="1" t="s">
        <v>145592</v>
      </c>
      <c r="G42626" s="1" t="s">
        <v>145526</v>
      </c>
      <c r="H42626" s="1" t="s">
        <v>145527</v>
      </c>
      <c r="I42626" s="1" t="s">
        <v>142575</v>
      </c>
      <c r="J42626" s="1" t="s">
        <v>145593</v>
      </c>
    </row>
    <row r="42627" spans="1:10" x14ac:dyDescent="0.35">
      <c r="A42627" s="1" t="s">
        <v>13141</v>
      </c>
      <c r="B42627" s="1" t="s">
        <v>142570</v>
      </c>
      <c r="C42627" s="1" t="s">
        <v>120</v>
      </c>
      <c r="D42627" s="1" t="s">
        <v>16078</v>
      </c>
      <c r="E42627" s="1" t="s">
        <v>145594</v>
      </c>
      <c r="F42627" s="1" t="s">
        <v>145595</v>
      </c>
      <c r="G42627" s="1" t="s">
        <v>145526</v>
      </c>
      <c r="H42627" s="1" t="s">
        <v>145527</v>
      </c>
      <c r="I42627" s="1" t="s">
        <v>142575</v>
      </c>
      <c r="J42627" s="1" t="s">
        <v>145596</v>
      </c>
    </row>
    <row r="42628" spans="1:10" x14ac:dyDescent="0.35">
      <c r="A42628" s="1" t="s">
        <v>13141</v>
      </c>
      <c r="B42628" s="1" t="s">
        <v>142570</v>
      </c>
      <c r="C42628" s="1" t="s">
        <v>125</v>
      </c>
      <c r="D42628" s="1" t="s">
        <v>1707</v>
      </c>
      <c r="E42628" s="1" t="s">
        <v>145597</v>
      </c>
      <c r="F42628" s="1" t="s">
        <v>145598</v>
      </c>
      <c r="G42628" s="1" t="s">
        <v>145526</v>
      </c>
      <c r="H42628" s="1" t="s">
        <v>145527</v>
      </c>
      <c r="I42628" s="1" t="s">
        <v>142575</v>
      </c>
      <c r="J42628" s="1" t="s">
        <v>145599</v>
      </c>
    </row>
    <row r="42629" spans="1:10" x14ac:dyDescent="0.35">
      <c r="A42629" s="1" t="s">
        <v>13141</v>
      </c>
      <c r="B42629" s="1" t="s">
        <v>142570</v>
      </c>
      <c r="C42629" s="1" t="s">
        <v>130</v>
      </c>
      <c r="D42629" s="1" t="s">
        <v>145101</v>
      </c>
      <c r="E42629" s="1" t="s">
        <v>145600</v>
      </c>
      <c r="F42629" s="1" t="s">
        <v>145601</v>
      </c>
      <c r="G42629" s="1" t="s">
        <v>145526</v>
      </c>
      <c r="H42629" s="1" t="s">
        <v>145527</v>
      </c>
      <c r="I42629" s="1" t="s">
        <v>142575</v>
      </c>
      <c r="J42629" s="1" t="s">
        <v>145602</v>
      </c>
    </row>
    <row r="42630" spans="1:10" x14ac:dyDescent="0.35">
      <c r="A42630" s="1" t="s">
        <v>13141</v>
      </c>
      <c r="B42630" s="1" t="s">
        <v>142570</v>
      </c>
      <c r="C42630" s="1" t="s">
        <v>135</v>
      </c>
      <c r="D42630" s="1" t="s">
        <v>6516</v>
      </c>
      <c r="E42630" s="1" t="s">
        <v>145603</v>
      </c>
      <c r="F42630" s="1" t="s">
        <v>145604</v>
      </c>
      <c r="G42630" s="1" t="s">
        <v>145526</v>
      </c>
      <c r="H42630" s="1" t="s">
        <v>145527</v>
      </c>
      <c r="I42630" s="1" t="s">
        <v>142575</v>
      </c>
      <c r="J42630" s="1" t="s">
        <v>145605</v>
      </c>
    </row>
    <row r="42631" spans="1:10" x14ac:dyDescent="0.35">
      <c r="A42631" s="1" t="s">
        <v>13141</v>
      </c>
      <c r="B42631" s="1" t="s">
        <v>142570</v>
      </c>
      <c r="C42631" s="1" t="s">
        <v>140</v>
      </c>
      <c r="D42631" s="1" t="s">
        <v>7912</v>
      </c>
      <c r="E42631" s="1" t="s">
        <v>145606</v>
      </c>
      <c r="F42631" s="1" t="s">
        <v>145607</v>
      </c>
      <c r="G42631" s="1" t="s">
        <v>145526</v>
      </c>
      <c r="H42631" s="1" t="s">
        <v>145527</v>
      </c>
      <c r="I42631" s="1" t="s">
        <v>142575</v>
      </c>
      <c r="J42631" s="1" t="s">
        <v>145608</v>
      </c>
    </row>
    <row r="42632" spans="1:10" x14ac:dyDescent="0.35">
      <c r="A42632" s="1" t="s">
        <v>13141</v>
      </c>
      <c r="B42632" s="1" t="s">
        <v>142570</v>
      </c>
      <c r="C42632" s="1" t="s">
        <v>145</v>
      </c>
      <c r="D42632" s="1" t="s">
        <v>118057</v>
      </c>
      <c r="E42632" s="1" t="s">
        <v>145609</v>
      </c>
      <c r="F42632" s="1" t="s">
        <v>145610</v>
      </c>
      <c r="G42632" s="1" t="s">
        <v>145526</v>
      </c>
      <c r="H42632" s="1" t="s">
        <v>145527</v>
      </c>
      <c r="I42632" s="1" t="s">
        <v>142575</v>
      </c>
      <c r="J42632" s="1" t="s">
        <v>145611</v>
      </c>
    </row>
    <row r="42633" spans="1:10" x14ac:dyDescent="0.35">
      <c r="A42633" s="1" t="s">
        <v>13141</v>
      </c>
      <c r="B42633" s="1" t="s">
        <v>142570</v>
      </c>
      <c r="C42633" s="1" t="s">
        <v>150</v>
      </c>
      <c r="D42633" s="1" t="s">
        <v>16097</v>
      </c>
      <c r="E42633" s="1" t="s">
        <v>145612</v>
      </c>
      <c r="F42633" s="1" t="s">
        <v>145613</v>
      </c>
      <c r="G42633" s="1" t="s">
        <v>145526</v>
      </c>
      <c r="H42633" s="1" t="s">
        <v>145527</v>
      </c>
      <c r="I42633" s="1" t="s">
        <v>142575</v>
      </c>
      <c r="J42633" s="1" t="s">
        <v>145614</v>
      </c>
    </row>
    <row r="42634" spans="1:10" x14ac:dyDescent="0.35">
      <c r="A42634" s="1" t="s">
        <v>13141</v>
      </c>
      <c r="B42634" s="1" t="s">
        <v>142570</v>
      </c>
      <c r="C42634" s="1" t="s">
        <v>155</v>
      </c>
      <c r="D42634" s="1" t="s">
        <v>15231</v>
      </c>
      <c r="E42634" s="1" t="s">
        <v>145615</v>
      </c>
      <c r="F42634" s="1" t="s">
        <v>145616</v>
      </c>
      <c r="G42634" s="1" t="s">
        <v>145526</v>
      </c>
      <c r="H42634" s="1" t="s">
        <v>145527</v>
      </c>
      <c r="I42634" s="1" t="s">
        <v>142575</v>
      </c>
      <c r="J42634" s="1" t="s">
        <v>145617</v>
      </c>
    </row>
    <row r="42635" spans="1:10" x14ac:dyDescent="0.35">
      <c r="A42635" s="1" t="s">
        <v>13141</v>
      </c>
      <c r="B42635" s="1" t="s">
        <v>142570</v>
      </c>
      <c r="C42635" s="1" t="s">
        <v>160</v>
      </c>
      <c r="D42635" s="1" t="s">
        <v>45024</v>
      </c>
      <c r="E42635" s="1" t="s">
        <v>145618</v>
      </c>
      <c r="F42635" s="1" t="s">
        <v>145619</v>
      </c>
      <c r="G42635" s="1" t="s">
        <v>145526</v>
      </c>
      <c r="H42635" s="1" t="s">
        <v>145527</v>
      </c>
      <c r="I42635" s="1" t="s">
        <v>142575</v>
      </c>
      <c r="J42635" s="1" t="s">
        <v>145620</v>
      </c>
    </row>
    <row r="42636" spans="1:10" x14ac:dyDescent="0.35">
      <c r="A42636" s="1" t="s">
        <v>13141</v>
      </c>
      <c r="B42636" s="1" t="s">
        <v>142570</v>
      </c>
      <c r="C42636" s="1" t="s">
        <v>165</v>
      </c>
      <c r="D42636" s="1" t="s">
        <v>145621</v>
      </c>
      <c r="E42636" s="1" t="s">
        <v>145622</v>
      </c>
      <c r="F42636" s="1" t="s">
        <v>145623</v>
      </c>
      <c r="G42636" s="1" t="s">
        <v>145526</v>
      </c>
      <c r="H42636" s="1" t="s">
        <v>145527</v>
      </c>
      <c r="I42636" s="1" t="s">
        <v>142575</v>
      </c>
      <c r="J42636" s="1" t="s">
        <v>145624</v>
      </c>
    </row>
    <row r="42637" spans="1:10" x14ac:dyDescent="0.35">
      <c r="A42637" s="1" t="s">
        <v>13141</v>
      </c>
      <c r="B42637" s="1" t="s">
        <v>142570</v>
      </c>
      <c r="C42637" s="1" t="s">
        <v>170</v>
      </c>
      <c r="D42637" s="1" t="s">
        <v>5095</v>
      </c>
      <c r="E42637" s="1" t="s">
        <v>145625</v>
      </c>
      <c r="F42637" s="1" t="s">
        <v>145626</v>
      </c>
      <c r="G42637" s="1" t="s">
        <v>145526</v>
      </c>
      <c r="H42637" s="1" t="s">
        <v>145527</v>
      </c>
      <c r="I42637" s="1" t="s">
        <v>142575</v>
      </c>
      <c r="J42637" s="1" t="s">
        <v>145627</v>
      </c>
    </row>
    <row r="42638" spans="1:10" x14ac:dyDescent="0.35">
      <c r="A42638" s="1" t="s">
        <v>4329</v>
      </c>
      <c r="B42638" s="1" t="s">
        <v>142570</v>
      </c>
      <c r="C42638" s="1" t="s">
        <v>8</v>
      </c>
      <c r="D42638" s="1" t="s">
        <v>143520</v>
      </c>
      <c r="E42638" s="1" t="s">
        <v>145628</v>
      </c>
      <c r="F42638" s="1" t="s">
        <v>145629</v>
      </c>
      <c r="G42638" s="1" t="s">
        <v>145630</v>
      </c>
      <c r="H42638" s="1" t="s">
        <v>145631</v>
      </c>
      <c r="I42638" s="1" t="s">
        <v>142575</v>
      </c>
      <c r="J42638" s="1" t="s">
        <v>13</v>
      </c>
    </row>
    <row r="42639" spans="1:10" x14ac:dyDescent="0.35">
      <c r="A42639" s="1" t="s">
        <v>4329</v>
      </c>
      <c r="B42639" s="1" t="s">
        <v>142570</v>
      </c>
      <c r="C42639" s="1" t="s">
        <v>15</v>
      </c>
      <c r="D42639" s="1" t="s">
        <v>29187</v>
      </c>
      <c r="E42639" s="1" t="s">
        <v>145632</v>
      </c>
      <c r="F42639" s="1" t="s">
        <v>145633</v>
      </c>
      <c r="G42639" s="1" t="s">
        <v>145630</v>
      </c>
      <c r="H42639" s="1" t="s">
        <v>145631</v>
      </c>
      <c r="I42639" s="1" t="s">
        <v>142575</v>
      </c>
      <c r="J42639" s="1" t="s">
        <v>145634</v>
      </c>
    </row>
    <row r="42640" spans="1:10" x14ac:dyDescent="0.35">
      <c r="A42640" s="1" t="s">
        <v>4329</v>
      </c>
      <c r="B42640" s="1" t="s">
        <v>142570</v>
      </c>
      <c r="C42640" s="1" t="s">
        <v>20</v>
      </c>
      <c r="D42640" s="1" t="s">
        <v>145635</v>
      </c>
      <c r="E42640" s="1" t="s">
        <v>145636</v>
      </c>
      <c r="F42640" s="1" t="s">
        <v>145637</v>
      </c>
      <c r="G42640" s="1" t="s">
        <v>145630</v>
      </c>
      <c r="H42640" s="1" t="s">
        <v>145631</v>
      </c>
      <c r="I42640" s="1" t="s">
        <v>142575</v>
      </c>
      <c r="J42640" s="1" t="s">
        <v>145638</v>
      </c>
    </row>
    <row r="42641" spans="1:10" x14ac:dyDescent="0.35">
      <c r="A42641" s="1" t="s">
        <v>4329</v>
      </c>
      <c r="B42641" s="1" t="s">
        <v>142570</v>
      </c>
      <c r="C42641" s="1" t="s">
        <v>25</v>
      </c>
      <c r="D42641" s="1" t="s">
        <v>145639</v>
      </c>
      <c r="E42641" s="1" t="s">
        <v>145640</v>
      </c>
      <c r="F42641" s="1" t="s">
        <v>145641</v>
      </c>
      <c r="G42641" s="1" t="s">
        <v>145630</v>
      </c>
      <c r="H42641" s="1" t="s">
        <v>145631</v>
      </c>
      <c r="I42641" s="1" t="s">
        <v>142575</v>
      </c>
      <c r="J42641" s="1" t="s">
        <v>145642</v>
      </c>
    </row>
    <row r="42642" spans="1:10" x14ac:dyDescent="0.35">
      <c r="A42642" s="1" t="s">
        <v>4329</v>
      </c>
      <c r="B42642" s="1" t="s">
        <v>142570</v>
      </c>
      <c r="C42642" s="1" t="s">
        <v>30</v>
      </c>
      <c r="D42642" s="1" t="s">
        <v>145643</v>
      </c>
      <c r="E42642" s="1" t="s">
        <v>145644</v>
      </c>
      <c r="F42642" s="1" t="s">
        <v>145645</v>
      </c>
      <c r="G42642" s="1" t="s">
        <v>145630</v>
      </c>
      <c r="H42642" s="1" t="s">
        <v>145631</v>
      </c>
      <c r="I42642" s="1" t="s">
        <v>142575</v>
      </c>
      <c r="J42642" s="1" t="s">
        <v>145646</v>
      </c>
    </row>
    <row r="42643" spans="1:10" x14ac:dyDescent="0.35">
      <c r="A42643" s="1" t="s">
        <v>4329</v>
      </c>
      <c r="B42643" s="1" t="s">
        <v>142570</v>
      </c>
      <c r="C42643" s="1" t="s">
        <v>35</v>
      </c>
      <c r="D42643" s="1" t="s">
        <v>11767</v>
      </c>
      <c r="E42643" s="1" t="s">
        <v>145647</v>
      </c>
      <c r="F42643" s="1" t="s">
        <v>145648</v>
      </c>
      <c r="G42643" s="1" t="s">
        <v>145630</v>
      </c>
      <c r="H42643" s="1" t="s">
        <v>145631</v>
      </c>
      <c r="I42643" s="1" t="s">
        <v>142575</v>
      </c>
      <c r="J42643" s="1" t="s">
        <v>145649</v>
      </c>
    </row>
    <row r="42644" spans="1:10" x14ac:dyDescent="0.35">
      <c r="A42644" s="1" t="s">
        <v>4329</v>
      </c>
      <c r="B42644" s="1" t="s">
        <v>142570</v>
      </c>
      <c r="C42644" s="1" t="s">
        <v>40</v>
      </c>
      <c r="D42644" s="1" t="s">
        <v>1564</v>
      </c>
      <c r="E42644" s="1" t="s">
        <v>145650</v>
      </c>
      <c r="F42644" s="1" t="s">
        <v>145651</v>
      </c>
      <c r="G42644" s="1" t="s">
        <v>145630</v>
      </c>
      <c r="H42644" s="1" t="s">
        <v>145631</v>
      </c>
      <c r="I42644" s="1" t="s">
        <v>142575</v>
      </c>
      <c r="J42644" s="1" t="s">
        <v>145652</v>
      </c>
    </row>
    <row r="42645" spans="1:10" x14ac:dyDescent="0.35">
      <c r="A42645" s="1" t="s">
        <v>4329</v>
      </c>
      <c r="B42645" s="1" t="s">
        <v>142570</v>
      </c>
      <c r="C42645" s="1" t="s">
        <v>45</v>
      </c>
      <c r="D42645" s="1" t="s">
        <v>145643</v>
      </c>
      <c r="E42645" s="1" t="s">
        <v>145653</v>
      </c>
      <c r="F42645" s="1" t="s">
        <v>145654</v>
      </c>
      <c r="G42645" s="1" t="s">
        <v>145630</v>
      </c>
      <c r="H42645" s="1" t="s">
        <v>145631</v>
      </c>
      <c r="I42645" s="1" t="s">
        <v>142575</v>
      </c>
      <c r="J42645" s="1" t="s">
        <v>145655</v>
      </c>
    </row>
    <row r="42646" spans="1:10" x14ac:dyDescent="0.35">
      <c r="A42646" s="1" t="s">
        <v>4329</v>
      </c>
      <c r="B42646" s="1" t="s">
        <v>142570</v>
      </c>
      <c r="C42646" s="1" t="s">
        <v>50</v>
      </c>
      <c r="D42646" s="1" t="s">
        <v>25401</v>
      </c>
      <c r="E42646" s="1" t="s">
        <v>145656</v>
      </c>
      <c r="F42646" s="1" t="s">
        <v>145657</v>
      </c>
      <c r="G42646" s="1" t="s">
        <v>145630</v>
      </c>
      <c r="H42646" s="1" t="s">
        <v>145631</v>
      </c>
      <c r="I42646" s="1" t="s">
        <v>142575</v>
      </c>
      <c r="J42646" s="1" t="s">
        <v>145658</v>
      </c>
    </row>
    <row r="42647" spans="1:10" x14ac:dyDescent="0.35">
      <c r="A42647" s="1" t="s">
        <v>4329</v>
      </c>
      <c r="B42647" s="1" t="s">
        <v>142570</v>
      </c>
      <c r="C42647" s="1" t="s">
        <v>55</v>
      </c>
      <c r="D42647" s="1" t="s">
        <v>145659</v>
      </c>
      <c r="E42647" s="1" t="s">
        <v>145660</v>
      </c>
      <c r="F42647" s="1" t="s">
        <v>145661</v>
      </c>
      <c r="G42647" s="1" t="s">
        <v>145630</v>
      </c>
      <c r="H42647" s="1" t="s">
        <v>145631</v>
      </c>
      <c r="I42647" s="1" t="s">
        <v>142575</v>
      </c>
      <c r="J42647" s="1" t="s">
        <v>145662</v>
      </c>
    </row>
    <row r="42648" spans="1:10" x14ac:dyDescent="0.35">
      <c r="A42648" s="1" t="s">
        <v>4329</v>
      </c>
      <c r="B42648" s="1" t="s">
        <v>142570</v>
      </c>
      <c r="C42648" s="1" t="s">
        <v>60</v>
      </c>
      <c r="D42648" s="1" t="s">
        <v>143704</v>
      </c>
      <c r="E42648" s="1" t="s">
        <v>145663</v>
      </c>
      <c r="F42648" s="1" t="s">
        <v>145664</v>
      </c>
      <c r="G42648" s="1" t="s">
        <v>145630</v>
      </c>
      <c r="H42648" s="1" t="s">
        <v>145631</v>
      </c>
      <c r="I42648" s="1" t="s">
        <v>142575</v>
      </c>
      <c r="J42648" s="1" t="s">
        <v>145665</v>
      </c>
    </row>
    <row r="42649" spans="1:10" x14ac:dyDescent="0.35">
      <c r="A42649" s="1" t="s">
        <v>4329</v>
      </c>
      <c r="B42649" s="1" t="s">
        <v>142570</v>
      </c>
      <c r="C42649" s="1" t="s">
        <v>65</v>
      </c>
      <c r="D42649" s="1" t="s">
        <v>143965</v>
      </c>
      <c r="E42649" s="1" t="s">
        <v>145666</v>
      </c>
      <c r="F42649" s="1" t="s">
        <v>145667</v>
      </c>
      <c r="G42649" s="1" t="s">
        <v>145630</v>
      </c>
      <c r="H42649" s="1" t="s">
        <v>145631</v>
      </c>
      <c r="I42649" s="1" t="s">
        <v>142575</v>
      </c>
      <c r="J42649" s="1" t="s">
        <v>145668</v>
      </c>
    </row>
    <row r="42650" spans="1:10" x14ac:dyDescent="0.35">
      <c r="A42650" s="1" t="s">
        <v>4329</v>
      </c>
      <c r="B42650" s="1" t="s">
        <v>142570</v>
      </c>
      <c r="C42650" s="1" t="s">
        <v>70</v>
      </c>
      <c r="D42650" s="1" t="s">
        <v>29564</v>
      </c>
      <c r="E42650" s="1" t="s">
        <v>145669</v>
      </c>
      <c r="F42650" s="1" t="s">
        <v>145670</v>
      </c>
      <c r="G42650" s="1" t="s">
        <v>145630</v>
      </c>
      <c r="H42650" s="1" t="s">
        <v>145631</v>
      </c>
      <c r="I42650" s="1" t="s">
        <v>142575</v>
      </c>
      <c r="J42650" s="1" t="s">
        <v>145671</v>
      </c>
    </row>
    <row r="42651" spans="1:10" x14ac:dyDescent="0.35">
      <c r="A42651" s="1" t="s">
        <v>4329</v>
      </c>
      <c r="B42651" s="1" t="s">
        <v>142570</v>
      </c>
      <c r="C42651" s="1" t="s">
        <v>75</v>
      </c>
      <c r="D42651" s="1" t="s">
        <v>15038</v>
      </c>
      <c r="E42651" s="1" t="s">
        <v>145672</v>
      </c>
      <c r="F42651" s="1" t="s">
        <v>145673</v>
      </c>
      <c r="G42651" s="1" t="s">
        <v>145630</v>
      </c>
      <c r="H42651" s="1" t="s">
        <v>145631</v>
      </c>
      <c r="I42651" s="1" t="s">
        <v>142575</v>
      </c>
      <c r="J42651" s="1" t="s">
        <v>145674</v>
      </c>
    </row>
    <row r="42652" spans="1:10" x14ac:dyDescent="0.35">
      <c r="A42652" s="1" t="s">
        <v>4329</v>
      </c>
      <c r="B42652" s="1" t="s">
        <v>142570</v>
      </c>
      <c r="C42652" s="1" t="s">
        <v>80</v>
      </c>
      <c r="D42652" s="1" t="s">
        <v>8679</v>
      </c>
      <c r="E42652" s="1" t="s">
        <v>145675</v>
      </c>
      <c r="F42652" s="1" t="s">
        <v>145676</v>
      </c>
      <c r="G42652" s="1" t="s">
        <v>145630</v>
      </c>
      <c r="H42652" s="1" t="s">
        <v>145631</v>
      </c>
      <c r="I42652" s="1" t="s">
        <v>142575</v>
      </c>
      <c r="J42652" s="1" t="s">
        <v>145677</v>
      </c>
    </row>
    <row r="42653" spans="1:10" x14ac:dyDescent="0.35">
      <c r="A42653" s="1" t="s">
        <v>4329</v>
      </c>
      <c r="B42653" s="1" t="s">
        <v>142570</v>
      </c>
      <c r="C42653" s="1" t="s">
        <v>85</v>
      </c>
      <c r="D42653" s="1" t="s">
        <v>45135</v>
      </c>
      <c r="E42653" s="1" t="s">
        <v>145678</v>
      </c>
      <c r="F42653" s="1" t="s">
        <v>145679</v>
      </c>
      <c r="G42653" s="1" t="s">
        <v>145630</v>
      </c>
      <c r="H42653" s="1" t="s">
        <v>145631</v>
      </c>
      <c r="I42653" s="1" t="s">
        <v>142575</v>
      </c>
      <c r="J42653" s="1" t="s">
        <v>145680</v>
      </c>
    </row>
    <row r="42654" spans="1:10" x14ac:dyDescent="0.35">
      <c r="A42654" s="1" t="s">
        <v>4329</v>
      </c>
      <c r="B42654" s="1" t="s">
        <v>142570</v>
      </c>
      <c r="C42654" s="1" t="s">
        <v>90</v>
      </c>
      <c r="D42654" s="1" t="s">
        <v>145635</v>
      </c>
      <c r="E42654" s="1" t="s">
        <v>145681</v>
      </c>
      <c r="F42654" s="1" t="s">
        <v>145682</v>
      </c>
      <c r="G42654" s="1" t="s">
        <v>145630</v>
      </c>
      <c r="H42654" s="1" t="s">
        <v>145631</v>
      </c>
      <c r="I42654" s="1" t="s">
        <v>142575</v>
      </c>
      <c r="J42654" s="1" t="s">
        <v>145683</v>
      </c>
    </row>
    <row r="42655" spans="1:10" x14ac:dyDescent="0.35">
      <c r="A42655" s="1" t="s">
        <v>4329</v>
      </c>
      <c r="B42655" s="1" t="s">
        <v>142570</v>
      </c>
      <c r="C42655" s="1" t="s">
        <v>95</v>
      </c>
      <c r="D42655" s="1" t="s">
        <v>145684</v>
      </c>
      <c r="E42655" s="1" t="s">
        <v>145685</v>
      </c>
      <c r="F42655" s="1" t="s">
        <v>145686</v>
      </c>
      <c r="G42655" s="1" t="s">
        <v>145630</v>
      </c>
      <c r="H42655" s="1" t="s">
        <v>145631</v>
      </c>
      <c r="I42655" s="1" t="s">
        <v>142575</v>
      </c>
      <c r="J42655" s="1" t="s">
        <v>145687</v>
      </c>
    </row>
    <row r="42656" spans="1:10" x14ac:dyDescent="0.35">
      <c r="A42656" s="1" t="s">
        <v>4329</v>
      </c>
      <c r="B42656" s="1" t="s">
        <v>142570</v>
      </c>
      <c r="C42656" s="1" t="s">
        <v>100</v>
      </c>
      <c r="D42656" s="1" t="s">
        <v>111907</v>
      </c>
      <c r="E42656" s="1" t="s">
        <v>145688</v>
      </c>
      <c r="F42656" s="1" t="s">
        <v>145689</v>
      </c>
      <c r="G42656" s="1" t="s">
        <v>145630</v>
      </c>
      <c r="H42656" s="1" t="s">
        <v>145631</v>
      </c>
      <c r="I42656" s="1" t="s">
        <v>142575</v>
      </c>
      <c r="J42656" s="1" t="s">
        <v>145690</v>
      </c>
    </row>
    <row r="42657" spans="1:10" x14ac:dyDescent="0.35">
      <c r="A42657" s="1" t="s">
        <v>4329</v>
      </c>
      <c r="B42657" s="1" t="s">
        <v>142570</v>
      </c>
      <c r="C42657" s="1" t="s">
        <v>105</v>
      </c>
      <c r="D42657" s="1" t="s">
        <v>47323</v>
      </c>
      <c r="E42657" s="1" t="s">
        <v>145691</v>
      </c>
      <c r="F42657" s="1" t="s">
        <v>145692</v>
      </c>
      <c r="G42657" s="1" t="s">
        <v>145630</v>
      </c>
      <c r="H42657" s="1" t="s">
        <v>145631</v>
      </c>
      <c r="I42657" s="1" t="s">
        <v>142575</v>
      </c>
      <c r="J42657" s="1" t="s">
        <v>145693</v>
      </c>
    </row>
    <row r="42658" spans="1:10" x14ac:dyDescent="0.35">
      <c r="A42658" s="1" t="s">
        <v>4329</v>
      </c>
      <c r="B42658" s="1" t="s">
        <v>142570</v>
      </c>
      <c r="C42658" s="1" t="s">
        <v>110</v>
      </c>
      <c r="D42658" s="1" t="s">
        <v>143105</v>
      </c>
      <c r="E42658" s="1" t="s">
        <v>145694</v>
      </c>
      <c r="F42658" s="1" t="s">
        <v>145695</v>
      </c>
      <c r="G42658" s="1" t="s">
        <v>145630</v>
      </c>
      <c r="H42658" s="1" t="s">
        <v>145631</v>
      </c>
      <c r="I42658" s="1" t="s">
        <v>142575</v>
      </c>
      <c r="J42658" s="1" t="s">
        <v>145696</v>
      </c>
    </row>
    <row r="42659" spans="1:10" x14ac:dyDescent="0.35">
      <c r="A42659" s="1" t="s">
        <v>4329</v>
      </c>
      <c r="B42659" s="1" t="s">
        <v>142570</v>
      </c>
      <c r="C42659" s="1" t="s">
        <v>115</v>
      </c>
      <c r="D42659" s="1" t="s">
        <v>30037</v>
      </c>
      <c r="E42659" s="1" t="s">
        <v>145697</v>
      </c>
      <c r="F42659" s="1" t="s">
        <v>145698</v>
      </c>
      <c r="G42659" s="1" t="s">
        <v>145630</v>
      </c>
      <c r="H42659" s="1" t="s">
        <v>145631</v>
      </c>
      <c r="I42659" s="1" t="s">
        <v>142575</v>
      </c>
      <c r="J42659" s="1" t="s">
        <v>145699</v>
      </c>
    </row>
    <row r="42660" spans="1:10" x14ac:dyDescent="0.35">
      <c r="A42660" s="1" t="s">
        <v>4329</v>
      </c>
      <c r="B42660" s="1" t="s">
        <v>142570</v>
      </c>
      <c r="C42660" s="1" t="s">
        <v>120</v>
      </c>
      <c r="D42660" s="1" t="s">
        <v>145700</v>
      </c>
      <c r="E42660" s="1" t="s">
        <v>145701</v>
      </c>
      <c r="F42660" s="1" t="s">
        <v>145702</v>
      </c>
      <c r="G42660" s="1" t="s">
        <v>145630</v>
      </c>
      <c r="H42660" s="1" t="s">
        <v>145631</v>
      </c>
      <c r="I42660" s="1" t="s">
        <v>142575</v>
      </c>
      <c r="J42660" s="1" t="s">
        <v>145703</v>
      </c>
    </row>
    <row r="42661" spans="1:10" x14ac:dyDescent="0.35">
      <c r="A42661" s="1" t="s">
        <v>4329</v>
      </c>
      <c r="B42661" s="1" t="s">
        <v>142570</v>
      </c>
      <c r="C42661" s="1" t="s">
        <v>125</v>
      </c>
      <c r="D42661" s="1" t="s">
        <v>45473</v>
      </c>
      <c r="E42661" s="1" t="s">
        <v>145704</v>
      </c>
      <c r="F42661" s="1" t="s">
        <v>145705</v>
      </c>
      <c r="G42661" s="1" t="s">
        <v>145630</v>
      </c>
      <c r="H42661" s="1" t="s">
        <v>145631</v>
      </c>
      <c r="I42661" s="1" t="s">
        <v>142575</v>
      </c>
      <c r="J42661" s="1" t="s">
        <v>145706</v>
      </c>
    </row>
    <row r="42662" spans="1:10" x14ac:dyDescent="0.35">
      <c r="A42662" s="1" t="s">
        <v>4329</v>
      </c>
      <c r="B42662" s="1" t="s">
        <v>142570</v>
      </c>
      <c r="C42662" s="1" t="s">
        <v>130</v>
      </c>
      <c r="D42662" s="1" t="s">
        <v>16328</v>
      </c>
      <c r="E42662" s="1" t="s">
        <v>145707</v>
      </c>
      <c r="F42662" s="1" t="s">
        <v>145708</v>
      </c>
      <c r="G42662" s="1" t="s">
        <v>145630</v>
      </c>
      <c r="H42662" s="1" t="s">
        <v>145631</v>
      </c>
      <c r="I42662" s="1" t="s">
        <v>142575</v>
      </c>
      <c r="J42662" s="1" t="s">
        <v>145709</v>
      </c>
    </row>
    <row r="42663" spans="1:10" x14ac:dyDescent="0.35">
      <c r="A42663" s="1" t="s">
        <v>4329</v>
      </c>
      <c r="B42663" s="1" t="s">
        <v>142570</v>
      </c>
      <c r="C42663" s="1" t="s">
        <v>135</v>
      </c>
      <c r="D42663" s="1" t="s">
        <v>15848</v>
      </c>
      <c r="E42663" s="1" t="s">
        <v>145710</v>
      </c>
      <c r="F42663" s="1" t="s">
        <v>145711</v>
      </c>
      <c r="G42663" s="1" t="s">
        <v>145630</v>
      </c>
      <c r="H42663" s="1" t="s">
        <v>145631</v>
      </c>
      <c r="I42663" s="1" t="s">
        <v>142575</v>
      </c>
      <c r="J42663" s="1" t="s">
        <v>145712</v>
      </c>
    </row>
    <row r="42664" spans="1:10" x14ac:dyDescent="0.35">
      <c r="A42664" s="1" t="s">
        <v>4329</v>
      </c>
      <c r="B42664" s="1" t="s">
        <v>142570</v>
      </c>
      <c r="C42664" s="1" t="s">
        <v>140</v>
      </c>
      <c r="D42664" s="1" t="s">
        <v>7533</v>
      </c>
      <c r="E42664" s="1" t="s">
        <v>145713</v>
      </c>
      <c r="F42664" s="1" t="s">
        <v>145714</v>
      </c>
      <c r="G42664" s="1" t="s">
        <v>145630</v>
      </c>
      <c r="H42664" s="1" t="s">
        <v>145631</v>
      </c>
      <c r="I42664" s="1" t="s">
        <v>142575</v>
      </c>
      <c r="J42664" s="1" t="s">
        <v>145715</v>
      </c>
    </row>
    <row r="42665" spans="1:10" x14ac:dyDescent="0.35">
      <c r="A42665" s="1" t="s">
        <v>4329</v>
      </c>
      <c r="B42665" s="1" t="s">
        <v>142570</v>
      </c>
      <c r="C42665" s="1" t="s">
        <v>145</v>
      </c>
      <c r="D42665" s="1" t="s">
        <v>1580</v>
      </c>
      <c r="E42665" s="1" t="s">
        <v>145716</v>
      </c>
      <c r="F42665" s="1" t="s">
        <v>145717</v>
      </c>
      <c r="G42665" s="1" t="s">
        <v>145630</v>
      </c>
      <c r="H42665" s="1" t="s">
        <v>145631</v>
      </c>
      <c r="I42665" s="1" t="s">
        <v>142575</v>
      </c>
      <c r="J42665" s="1" t="s">
        <v>145718</v>
      </c>
    </row>
    <row r="42666" spans="1:10" x14ac:dyDescent="0.35">
      <c r="A42666" s="1" t="s">
        <v>4329</v>
      </c>
      <c r="B42666" s="1" t="s">
        <v>142570</v>
      </c>
      <c r="C42666" s="1" t="s">
        <v>150</v>
      </c>
      <c r="D42666" s="1" t="s">
        <v>145114</v>
      </c>
      <c r="E42666" s="1" t="s">
        <v>145719</v>
      </c>
      <c r="F42666" s="1" t="s">
        <v>145720</v>
      </c>
      <c r="G42666" s="1" t="s">
        <v>145630</v>
      </c>
      <c r="H42666" s="1" t="s">
        <v>145631</v>
      </c>
      <c r="I42666" s="1" t="s">
        <v>142575</v>
      </c>
      <c r="J42666" s="1" t="s">
        <v>145721</v>
      </c>
    </row>
    <row r="42667" spans="1:10" x14ac:dyDescent="0.35">
      <c r="A42667" s="1" t="s">
        <v>4329</v>
      </c>
      <c r="B42667" s="1" t="s">
        <v>142570</v>
      </c>
      <c r="C42667" s="1" t="s">
        <v>155</v>
      </c>
      <c r="D42667" s="1" t="s">
        <v>104182</v>
      </c>
      <c r="E42667" s="1" t="s">
        <v>145722</v>
      </c>
      <c r="F42667" s="1" t="s">
        <v>145723</v>
      </c>
      <c r="G42667" s="1" t="s">
        <v>145630</v>
      </c>
      <c r="H42667" s="1" t="s">
        <v>145631</v>
      </c>
      <c r="I42667" s="1" t="s">
        <v>142575</v>
      </c>
      <c r="J42667" s="1" t="s">
        <v>145724</v>
      </c>
    </row>
    <row r="42668" spans="1:10" x14ac:dyDescent="0.35">
      <c r="A42668" s="1" t="s">
        <v>4329</v>
      </c>
      <c r="B42668" s="1" t="s">
        <v>142570</v>
      </c>
      <c r="C42668" s="1" t="s">
        <v>160</v>
      </c>
      <c r="D42668" s="1" t="s">
        <v>104445</v>
      </c>
      <c r="E42668" s="1" t="s">
        <v>145725</v>
      </c>
      <c r="F42668" s="1" t="s">
        <v>145726</v>
      </c>
      <c r="G42668" s="1" t="s">
        <v>145630</v>
      </c>
      <c r="H42668" s="1" t="s">
        <v>145631</v>
      </c>
      <c r="I42668" s="1" t="s">
        <v>142575</v>
      </c>
      <c r="J42668" s="1" t="s">
        <v>145727</v>
      </c>
    </row>
    <row r="42669" spans="1:10" x14ac:dyDescent="0.35">
      <c r="A42669" s="1" t="s">
        <v>4329</v>
      </c>
      <c r="B42669" s="1" t="s">
        <v>142570</v>
      </c>
      <c r="C42669" s="1" t="s">
        <v>165</v>
      </c>
      <c r="D42669" s="1" t="s">
        <v>27828</v>
      </c>
      <c r="E42669" s="1" t="s">
        <v>145728</v>
      </c>
      <c r="F42669" s="1" t="s">
        <v>145729</v>
      </c>
      <c r="G42669" s="1" t="s">
        <v>145630</v>
      </c>
      <c r="H42669" s="1" t="s">
        <v>145631</v>
      </c>
      <c r="I42669" s="1" t="s">
        <v>142575</v>
      </c>
      <c r="J42669" s="1" t="s">
        <v>145730</v>
      </c>
    </row>
    <row r="42670" spans="1:10" x14ac:dyDescent="0.35">
      <c r="A42670" s="1" t="s">
        <v>4329</v>
      </c>
      <c r="B42670" s="1" t="s">
        <v>142570</v>
      </c>
      <c r="C42670" s="1" t="s">
        <v>170</v>
      </c>
      <c r="D42670" s="1" t="s">
        <v>14537</v>
      </c>
      <c r="E42670" s="1" t="s">
        <v>145731</v>
      </c>
      <c r="F42670" s="1" t="s">
        <v>145732</v>
      </c>
      <c r="G42670" s="1" t="s">
        <v>145630</v>
      </c>
      <c r="H42670" s="1" t="s">
        <v>145631</v>
      </c>
      <c r="I42670" s="1" t="s">
        <v>142575</v>
      </c>
      <c r="J42670" s="1" t="s">
        <v>145733</v>
      </c>
    </row>
    <row r="42671" spans="1:10" x14ac:dyDescent="0.35">
      <c r="A42671" s="1" t="s">
        <v>1977</v>
      </c>
      <c r="B42671" s="1" t="s">
        <v>142570</v>
      </c>
      <c r="C42671" s="1" t="s">
        <v>8</v>
      </c>
      <c r="D42671" s="1" t="s">
        <v>8924</v>
      </c>
      <c r="E42671" s="1" t="s">
        <v>783</v>
      </c>
      <c r="F42671" s="1" t="s">
        <v>145734</v>
      </c>
      <c r="G42671" s="1" t="s">
        <v>145735</v>
      </c>
      <c r="H42671" s="1" t="s">
        <v>145736</v>
      </c>
      <c r="I42671" s="1" t="s">
        <v>142575</v>
      </c>
      <c r="J42671" s="1" t="s">
        <v>13</v>
      </c>
    </row>
    <row r="42672" spans="1:10" x14ac:dyDescent="0.35">
      <c r="A42672" s="1" t="s">
        <v>1977</v>
      </c>
      <c r="B42672" s="1" t="s">
        <v>142570</v>
      </c>
      <c r="C42672" s="1" t="s">
        <v>15</v>
      </c>
      <c r="D42672" s="1" t="s">
        <v>37676</v>
      </c>
      <c r="E42672" s="1" t="s">
        <v>110688</v>
      </c>
      <c r="F42672" s="1" t="s">
        <v>145737</v>
      </c>
      <c r="G42672" s="1" t="s">
        <v>145735</v>
      </c>
      <c r="H42672" s="1" t="s">
        <v>145736</v>
      </c>
      <c r="I42672" s="1" t="s">
        <v>142575</v>
      </c>
      <c r="J42672" s="1" t="s">
        <v>145738</v>
      </c>
    </row>
    <row r="42673" spans="1:10" x14ac:dyDescent="0.35">
      <c r="A42673" s="1" t="s">
        <v>1977</v>
      </c>
      <c r="B42673" s="1" t="s">
        <v>142570</v>
      </c>
      <c r="C42673" s="1" t="s">
        <v>20</v>
      </c>
      <c r="D42673" s="1" t="s">
        <v>46235</v>
      </c>
      <c r="E42673" s="1" t="s">
        <v>73467</v>
      </c>
      <c r="F42673" s="1" t="s">
        <v>145739</v>
      </c>
      <c r="G42673" s="1" t="s">
        <v>145735</v>
      </c>
      <c r="H42673" s="1" t="s">
        <v>145736</v>
      </c>
      <c r="I42673" s="1" t="s">
        <v>142575</v>
      </c>
      <c r="J42673" s="1" t="s">
        <v>145740</v>
      </c>
    </row>
    <row r="42674" spans="1:10" x14ac:dyDescent="0.35">
      <c r="A42674" s="1" t="s">
        <v>1977</v>
      </c>
      <c r="B42674" s="1" t="s">
        <v>142570</v>
      </c>
      <c r="C42674" s="1" t="s">
        <v>25</v>
      </c>
      <c r="D42674" s="1" t="s">
        <v>145741</v>
      </c>
      <c r="E42674" s="1" t="s">
        <v>143497</v>
      </c>
      <c r="F42674" s="1" t="s">
        <v>145742</v>
      </c>
      <c r="G42674" s="1" t="s">
        <v>145735</v>
      </c>
      <c r="H42674" s="1" t="s">
        <v>145736</v>
      </c>
      <c r="I42674" s="1" t="s">
        <v>142575</v>
      </c>
      <c r="J42674" s="1" t="s">
        <v>145743</v>
      </c>
    </row>
    <row r="42675" spans="1:10" x14ac:dyDescent="0.35">
      <c r="A42675" s="1" t="s">
        <v>1977</v>
      </c>
      <c r="B42675" s="1" t="s">
        <v>142570</v>
      </c>
      <c r="C42675" s="1" t="s">
        <v>30</v>
      </c>
      <c r="D42675" s="1" t="s">
        <v>37665</v>
      </c>
      <c r="E42675" s="1" t="s">
        <v>73702</v>
      </c>
      <c r="F42675" s="1" t="s">
        <v>102739</v>
      </c>
      <c r="G42675" s="1" t="s">
        <v>145735</v>
      </c>
      <c r="H42675" s="1" t="s">
        <v>145736</v>
      </c>
      <c r="I42675" s="1" t="s">
        <v>142575</v>
      </c>
      <c r="J42675" s="1" t="s">
        <v>145744</v>
      </c>
    </row>
    <row r="42676" spans="1:10" x14ac:dyDescent="0.35">
      <c r="A42676" s="1" t="s">
        <v>1977</v>
      </c>
      <c r="B42676" s="1" t="s">
        <v>142570</v>
      </c>
      <c r="C42676" s="1" t="s">
        <v>35</v>
      </c>
      <c r="D42676" s="1" t="s">
        <v>25542</v>
      </c>
      <c r="E42676" s="1" t="s">
        <v>145745</v>
      </c>
      <c r="F42676" s="1" t="s">
        <v>145746</v>
      </c>
      <c r="G42676" s="1" t="s">
        <v>145735</v>
      </c>
      <c r="H42676" s="1" t="s">
        <v>145736</v>
      </c>
      <c r="I42676" s="1" t="s">
        <v>142575</v>
      </c>
      <c r="J42676" s="1" t="s">
        <v>145747</v>
      </c>
    </row>
    <row r="42677" spans="1:10" x14ac:dyDescent="0.35">
      <c r="A42677" s="1" t="s">
        <v>1977</v>
      </c>
      <c r="B42677" s="1" t="s">
        <v>142570</v>
      </c>
      <c r="C42677" s="1" t="s">
        <v>40</v>
      </c>
      <c r="D42677" s="1" t="s">
        <v>6858</v>
      </c>
      <c r="E42677" s="1" t="s">
        <v>783</v>
      </c>
      <c r="F42677" s="1" t="s">
        <v>66488</v>
      </c>
      <c r="G42677" s="1" t="s">
        <v>145735</v>
      </c>
      <c r="H42677" s="1" t="s">
        <v>145736</v>
      </c>
      <c r="I42677" s="1" t="s">
        <v>142575</v>
      </c>
      <c r="J42677" s="1" t="s">
        <v>145748</v>
      </c>
    </row>
    <row r="42678" spans="1:10" x14ac:dyDescent="0.35">
      <c r="A42678" s="1" t="s">
        <v>1977</v>
      </c>
      <c r="B42678" s="1" t="s">
        <v>142570</v>
      </c>
      <c r="C42678" s="1" t="s">
        <v>45</v>
      </c>
      <c r="D42678" s="1" t="s">
        <v>8377</v>
      </c>
      <c r="E42678" s="1" t="s">
        <v>73498</v>
      </c>
      <c r="F42678" s="1" t="s">
        <v>145749</v>
      </c>
      <c r="G42678" s="1" t="s">
        <v>145735</v>
      </c>
      <c r="H42678" s="1" t="s">
        <v>145736</v>
      </c>
      <c r="I42678" s="1" t="s">
        <v>142575</v>
      </c>
      <c r="J42678" s="1" t="s">
        <v>145750</v>
      </c>
    </row>
    <row r="42679" spans="1:10" x14ac:dyDescent="0.35">
      <c r="A42679" s="1" t="s">
        <v>1977</v>
      </c>
      <c r="B42679" s="1" t="s">
        <v>142570</v>
      </c>
      <c r="C42679" s="1" t="s">
        <v>50</v>
      </c>
      <c r="D42679" s="1" t="s">
        <v>50907</v>
      </c>
      <c r="E42679" s="1" t="s">
        <v>110744</v>
      </c>
      <c r="F42679" s="1" t="s">
        <v>145751</v>
      </c>
      <c r="G42679" s="1" t="s">
        <v>145735</v>
      </c>
      <c r="H42679" s="1" t="s">
        <v>145736</v>
      </c>
      <c r="I42679" s="1" t="s">
        <v>142575</v>
      </c>
      <c r="J42679" s="1" t="s">
        <v>145752</v>
      </c>
    </row>
    <row r="42680" spans="1:10" x14ac:dyDescent="0.35">
      <c r="A42680" s="1" t="s">
        <v>1977</v>
      </c>
      <c r="B42680" s="1" t="s">
        <v>142570</v>
      </c>
      <c r="C42680" s="1" t="s">
        <v>55</v>
      </c>
      <c r="D42680" s="1" t="s">
        <v>145753</v>
      </c>
      <c r="E42680" s="1" t="s">
        <v>143482</v>
      </c>
      <c r="F42680" s="1" t="s">
        <v>110498</v>
      </c>
      <c r="G42680" s="1" t="s">
        <v>145735</v>
      </c>
      <c r="H42680" s="1" t="s">
        <v>145736</v>
      </c>
      <c r="I42680" s="1" t="s">
        <v>142575</v>
      </c>
      <c r="J42680" s="1" t="s">
        <v>145754</v>
      </c>
    </row>
    <row r="42681" spans="1:10" x14ac:dyDescent="0.35">
      <c r="A42681" s="1" t="s">
        <v>1977</v>
      </c>
      <c r="B42681" s="1" t="s">
        <v>142570</v>
      </c>
      <c r="C42681" s="1" t="s">
        <v>60</v>
      </c>
      <c r="D42681" s="1" t="s">
        <v>6854</v>
      </c>
      <c r="E42681" s="1" t="s">
        <v>145755</v>
      </c>
      <c r="F42681" s="1" t="s">
        <v>128810</v>
      </c>
      <c r="G42681" s="1" t="s">
        <v>145735</v>
      </c>
      <c r="H42681" s="1" t="s">
        <v>145736</v>
      </c>
      <c r="I42681" s="1" t="s">
        <v>142575</v>
      </c>
      <c r="J42681" s="1" t="s">
        <v>145756</v>
      </c>
    </row>
    <row r="42682" spans="1:10" x14ac:dyDescent="0.35">
      <c r="A42682" s="1" t="s">
        <v>1977</v>
      </c>
      <c r="B42682" s="1" t="s">
        <v>142570</v>
      </c>
      <c r="C42682" s="1" t="s">
        <v>65</v>
      </c>
      <c r="D42682" s="1" t="s">
        <v>112342</v>
      </c>
      <c r="E42682" s="1" t="s">
        <v>145757</v>
      </c>
      <c r="F42682" s="1" t="s">
        <v>145758</v>
      </c>
      <c r="G42682" s="1" t="s">
        <v>145735</v>
      </c>
      <c r="H42682" s="1" t="s">
        <v>145736</v>
      </c>
      <c r="I42682" s="1" t="s">
        <v>142575</v>
      </c>
      <c r="J42682" s="1" t="s">
        <v>145759</v>
      </c>
    </row>
    <row r="42683" spans="1:10" x14ac:dyDescent="0.35">
      <c r="A42683" s="1" t="s">
        <v>1977</v>
      </c>
      <c r="B42683" s="1" t="s">
        <v>142570</v>
      </c>
      <c r="C42683" s="1" t="s">
        <v>70</v>
      </c>
      <c r="D42683" s="1" t="s">
        <v>115687</v>
      </c>
      <c r="E42683" s="1" t="s">
        <v>74210</v>
      </c>
      <c r="F42683" s="1" t="s">
        <v>140895</v>
      </c>
      <c r="G42683" s="1" t="s">
        <v>145735</v>
      </c>
      <c r="H42683" s="1" t="s">
        <v>145736</v>
      </c>
      <c r="I42683" s="1" t="s">
        <v>142575</v>
      </c>
      <c r="J42683" s="1" t="s">
        <v>145760</v>
      </c>
    </row>
    <row r="42684" spans="1:10" x14ac:dyDescent="0.35">
      <c r="A42684" s="1" t="s">
        <v>1977</v>
      </c>
      <c r="B42684" s="1" t="s">
        <v>142570</v>
      </c>
      <c r="C42684" s="1" t="s">
        <v>75</v>
      </c>
      <c r="D42684" s="1" t="s">
        <v>15848</v>
      </c>
      <c r="E42684" s="1" t="s">
        <v>145761</v>
      </c>
      <c r="F42684" s="1" t="s">
        <v>145762</v>
      </c>
      <c r="G42684" s="1" t="s">
        <v>145735</v>
      </c>
      <c r="H42684" s="1" t="s">
        <v>145736</v>
      </c>
      <c r="I42684" s="1" t="s">
        <v>142575</v>
      </c>
      <c r="J42684" s="1" t="s">
        <v>145763</v>
      </c>
    </row>
    <row r="42685" spans="1:10" x14ac:dyDescent="0.35">
      <c r="A42685" s="1" t="s">
        <v>1977</v>
      </c>
      <c r="B42685" s="1" t="s">
        <v>142570</v>
      </c>
      <c r="C42685" s="1" t="s">
        <v>80</v>
      </c>
      <c r="D42685" s="1" t="s">
        <v>46231</v>
      </c>
      <c r="E42685" s="1" t="s">
        <v>73690</v>
      </c>
      <c r="F42685" s="1" t="s">
        <v>103075</v>
      </c>
      <c r="G42685" s="1" t="s">
        <v>145735</v>
      </c>
      <c r="H42685" s="1" t="s">
        <v>145736</v>
      </c>
      <c r="I42685" s="1" t="s">
        <v>142575</v>
      </c>
      <c r="J42685" s="1" t="s">
        <v>145764</v>
      </c>
    </row>
    <row r="42686" spans="1:10" x14ac:dyDescent="0.35">
      <c r="A42686" s="1" t="s">
        <v>1977</v>
      </c>
      <c r="B42686" s="1" t="s">
        <v>142570</v>
      </c>
      <c r="C42686" s="1" t="s">
        <v>85</v>
      </c>
      <c r="D42686" s="1" t="s">
        <v>120056</v>
      </c>
      <c r="E42686" s="1" t="s">
        <v>110724</v>
      </c>
      <c r="F42686" s="1" t="s">
        <v>145765</v>
      </c>
      <c r="G42686" s="1" t="s">
        <v>145735</v>
      </c>
      <c r="H42686" s="1" t="s">
        <v>145736</v>
      </c>
      <c r="I42686" s="1" t="s">
        <v>142575</v>
      </c>
      <c r="J42686" s="1" t="s">
        <v>145766</v>
      </c>
    </row>
    <row r="42687" spans="1:10" x14ac:dyDescent="0.35">
      <c r="A42687" s="1" t="s">
        <v>1977</v>
      </c>
      <c r="B42687" s="1" t="s">
        <v>142570</v>
      </c>
      <c r="C42687" s="1" t="s">
        <v>90</v>
      </c>
      <c r="D42687" s="1" t="s">
        <v>46235</v>
      </c>
      <c r="E42687" s="1" t="s">
        <v>145745</v>
      </c>
      <c r="F42687" s="1" t="s">
        <v>145767</v>
      </c>
      <c r="G42687" s="1" t="s">
        <v>145735</v>
      </c>
      <c r="H42687" s="1" t="s">
        <v>145736</v>
      </c>
      <c r="I42687" s="1" t="s">
        <v>142575</v>
      </c>
      <c r="J42687" s="1" t="s">
        <v>145768</v>
      </c>
    </row>
    <row r="42688" spans="1:10" x14ac:dyDescent="0.35">
      <c r="A42688" s="1" t="s">
        <v>1977</v>
      </c>
      <c r="B42688" s="1" t="s">
        <v>142570</v>
      </c>
      <c r="C42688" s="1" t="s">
        <v>95</v>
      </c>
      <c r="D42688" s="1" t="s">
        <v>2845</v>
      </c>
      <c r="E42688" s="1" t="s">
        <v>145769</v>
      </c>
      <c r="F42688" s="1" t="s">
        <v>86952</v>
      </c>
      <c r="G42688" s="1" t="s">
        <v>145735</v>
      </c>
      <c r="H42688" s="1" t="s">
        <v>145736</v>
      </c>
      <c r="I42688" s="1" t="s">
        <v>142575</v>
      </c>
      <c r="J42688" s="1" t="s">
        <v>145770</v>
      </c>
    </row>
    <row r="42689" spans="1:10" x14ac:dyDescent="0.35">
      <c r="A42689" s="1" t="s">
        <v>1977</v>
      </c>
      <c r="B42689" s="1" t="s">
        <v>142570</v>
      </c>
      <c r="C42689" s="1" t="s">
        <v>100</v>
      </c>
      <c r="D42689" s="1" t="s">
        <v>104445</v>
      </c>
      <c r="E42689" s="1" t="s">
        <v>819</v>
      </c>
      <c r="F42689" s="1" t="s">
        <v>55567</v>
      </c>
      <c r="G42689" s="1" t="s">
        <v>145735</v>
      </c>
      <c r="H42689" s="1" t="s">
        <v>145736</v>
      </c>
      <c r="I42689" s="1" t="s">
        <v>142575</v>
      </c>
      <c r="J42689" s="1" t="s">
        <v>145771</v>
      </c>
    </row>
    <row r="42690" spans="1:10" x14ac:dyDescent="0.35">
      <c r="A42690" s="1" t="s">
        <v>1977</v>
      </c>
      <c r="B42690" s="1" t="s">
        <v>142570</v>
      </c>
      <c r="C42690" s="1" t="s">
        <v>105</v>
      </c>
      <c r="D42690" s="1" t="s">
        <v>145772</v>
      </c>
      <c r="E42690" s="1" t="s">
        <v>4828</v>
      </c>
      <c r="F42690" s="1" t="s">
        <v>145773</v>
      </c>
      <c r="G42690" s="1" t="s">
        <v>145735</v>
      </c>
      <c r="H42690" s="1" t="s">
        <v>145736</v>
      </c>
      <c r="I42690" s="1" t="s">
        <v>142575</v>
      </c>
      <c r="J42690" s="1" t="s">
        <v>145774</v>
      </c>
    </row>
    <row r="42691" spans="1:10" x14ac:dyDescent="0.35">
      <c r="A42691" s="1" t="s">
        <v>1977</v>
      </c>
      <c r="B42691" s="1" t="s">
        <v>142570</v>
      </c>
      <c r="C42691" s="1" t="s">
        <v>110</v>
      </c>
      <c r="D42691" s="1" t="s">
        <v>1699</v>
      </c>
      <c r="E42691" s="1" t="s">
        <v>74229</v>
      </c>
      <c r="F42691" s="1" t="s">
        <v>132899</v>
      </c>
      <c r="G42691" s="1" t="s">
        <v>145735</v>
      </c>
      <c r="H42691" s="1" t="s">
        <v>145736</v>
      </c>
      <c r="I42691" s="1" t="s">
        <v>142575</v>
      </c>
      <c r="J42691" s="1" t="s">
        <v>145775</v>
      </c>
    </row>
    <row r="42692" spans="1:10" x14ac:dyDescent="0.35">
      <c r="A42692" s="1" t="s">
        <v>1977</v>
      </c>
      <c r="B42692" s="1" t="s">
        <v>142570</v>
      </c>
      <c r="C42692" s="1" t="s">
        <v>115</v>
      </c>
      <c r="D42692" s="1" t="s">
        <v>6936</v>
      </c>
      <c r="E42692" s="1" t="s">
        <v>145776</v>
      </c>
      <c r="F42692" s="1" t="s">
        <v>145777</v>
      </c>
      <c r="G42692" s="1" t="s">
        <v>145735</v>
      </c>
      <c r="H42692" s="1" t="s">
        <v>145736</v>
      </c>
      <c r="I42692" s="1" t="s">
        <v>142575</v>
      </c>
      <c r="J42692" s="1" t="s">
        <v>145778</v>
      </c>
    </row>
    <row r="42693" spans="1:10" x14ac:dyDescent="0.35">
      <c r="A42693" s="1" t="s">
        <v>1977</v>
      </c>
      <c r="B42693" s="1" t="s">
        <v>142570</v>
      </c>
      <c r="C42693" s="1" t="s">
        <v>120</v>
      </c>
      <c r="D42693" s="1" t="s">
        <v>112374</v>
      </c>
      <c r="E42693" s="1" t="s">
        <v>110712</v>
      </c>
      <c r="F42693" s="1" t="s">
        <v>145779</v>
      </c>
      <c r="G42693" s="1" t="s">
        <v>145735</v>
      </c>
      <c r="H42693" s="1" t="s">
        <v>145736</v>
      </c>
      <c r="I42693" s="1" t="s">
        <v>142575</v>
      </c>
      <c r="J42693" s="1" t="s">
        <v>145780</v>
      </c>
    </row>
    <row r="42694" spans="1:10" x14ac:dyDescent="0.35">
      <c r="A42694" s="1" t="s">
        <v>1977</v>
      </c>
      <c r="B42694" s="1" t="s">
        <v>142570</v>
      </c>
      <c r="C42694" s="1" t="s">
        <v>125</v>
      </c>
      <c r="D42694" s="1" t="s">
        <v>1403</v>
      </c>
      <c r="E42694" s="1" t="s">
        <v>145781</v>
      </c>
      <c r="F42694" s="1" t="s">
        <v>145782</v>
      </c>
      <c r="G42694" s="1" t="s">
        <v>145735</v>
      </c>
      <c r="H42694" s="1" t="s">
        <v>145736</v>
      </c>
      <c r="I42694" s="1" t="s">
        <v>142575</v>
      </c>
      <c r="J42694" s="1" t="s">
        <v>145783</v>
      </c>
    </row>
    <row r="42695" spans="1:10" x14ac:dyDescent="0.35">
      <c r="A42695" s="1" t="s">
        <v>1977</v>
      </c>
      <c r="B42695" s="1" t="s">
        <v>142570</v>
      </c>
      <c r="C42695" s="1" t="s">
        <v>130</v>
      </c>
      <c r="D42695" s="1" t="s">
        <v>2410</v>
      </c>
      <c r="E42695" s="1" t="s">
        <v>145784</v>
      </c>
      <c r="F42695" s="1" t="s">
        <v>97009</v>
      </c>
      <c r="G42695" s="1" t="s">
        <v>145735</v>
      </c>
      <c r="H42695" s="1" t="s">
        <v>145736</v>
      </c>
      <c r="I42695" s="1" t="s">
        <v>142575</v>
      </c>
      <c r="J42695" s="1" t="s">
        <v>145785</v>
      </c>
    </row>
    <row r="42696" spans="1:10" x14ac:dyDescent="0.35">
      <c r="A42696" s="1" t="s">
        <v>1977</v>
      </c>
      <c r="B42696" s="1" t="s">
        <v>142570</v>
      </c>
      <c r="C42696" s="1" t="s">
        <v>135</v>
      </c>
      <c r="D42696" s="1" t="s">
        <v>27480</v>
      </c>
      <c r="E42696" s="1" t="s">
        <v>803</v>
      </c>
      <c r="F42696" s="1" t="s">
        <v>23815</v>
      </c>
      <c r="G42696" s="1" t="s">
        <v>145735</v>
      </c>
      <c r="H42696" s="1" t="s">
        <v>145736</v>
      </c>
      <c r="I42696" s="1" t="s">
        <v>142575</v>
      </c>
      <c r="J42696" s="1" t="s">
        <v>145786</v>
      </c>
    </row>
    <row r="42697" spans="1:10" x14ac:dyDescent="0.35">
      <c r="A42697" s="1" t="s">
        <v>1977</v>
      </c>
      <c r="B42697" s="1" t="s">
        <v>142570</v>
      </c>
      <c r="C42697" s="1" t="s">
        <v>140</v>
      </c>
      <c r="D42697" s="1" t="s">
        <v>2825</v>
      </c>
      <c r="E42697" s="1" t="s">
        <v>145787</v>
      </c>
      <c r="F42697" s="1" t="s">
        <v>145788</v>
      </c>
      <c r="G42697" s="1" t="s">
        <v>145735</v>
      </c>
      <c r="H42697" s="1" t="s">
        <v>145736</v>
      </c>
      <c r="I42697" s="1" t="s">
        <v>142575</v>
      </c>
      <c r="J42697" s="1" t="s">
        <v>145789</v>
      </c>
    </row>
    <row r="42698" spans="1:10" x14ac:dyDescent="0.35">
      <c r="A42698" s="1" t="s">
        <v>1977</v>
      </c>
      <c r="B42698" s="1" t="s">
        <v>142570</v>
      </c>
      <c r="C42698" s="1" t="s">
        <v>145</v>
      </c>
      <c r="D42698" s="1" t="s">
        <v>73311</v>
      </c>
      <c r="E42698" s="1" t="s">
        <v>145790</v>
      </c>
      <c r="F42698" s="1" t="s">
        <v>145791</v>
      </c>
      <c r="G42698" s="1" t="s">
        <v>145735</v>
      </c>
      <c r="H42698" s="1" t="s">
        <v>145736</v>
      </c>
      <c r="I42698" s="1" t="s">
        <v>142575</v>
      </c>
      <c r="J42698" s="1" t="s">
        <v>145792</v>
      </c>
    </row>
    <row r="42699" spans="1:10" x14ac:dyDescent="0.35">
      <c r="A42699" s="1" t="s">
        <v>1977</v>
      </c>
      <c r="B42699" s="1" t="s">
        <v>142570</v>
      </c>
      <c r="C42699" s="1" t="s">
        <v>150</v>
      </c>
      <c r="D42699" s="1" t="s">
        <v>73730</v>
      </c>
      <c r="E42699" s="1" t="s">
        <v>145793</v>
      </c>
      <c r="F42699" s="1" t="s">
        <v>145794</v>
      </c>
      <c r="G42699" s="1" t="s">
        <v>145735</v>
      </c>
      <c r="H42699" s="1" t="s">
        <v>145736</v>
      </c>
      <c r="I42699" s="1" t="s">
        <v>142575</v>
      </c>
      <c r="J42699" s="1" t="s">
        <v>145795</v>
      </c>
    </row>
    <row r="42700" spans="1:10" x14ac:dyDescent="0.35">
      <c r="A42700" s="1" t="s">
        <v>1977</v>
      </c>
      <c r="B42700" s="1" t="s">
        <v>142570</v>
      </c>
      <c r="C42700" s="1" t="s">
        <v>155</v>
      </c>
      <c r="D42700" s="1" t="s">
        <v>145796</v>
      </c>
      <c r="E42700" s="1" t="s">
        <v>145797</v>
      </c>
      <c r="F42700" s="1" t="s">
        <v>145798</v>
      </c>
      <c r="G42700" s="1" t="s">
        <v>145735</v>
      </c>
      <c r="H42700" s="1" t="s">
        <v>145736</v>
      </c>
      <c r="I42700" s="1" t="s">
        <v>142575</v>
      </c>
      <c r="J42700" s="1" t="s">
        <v>145799</v>
      </c>
    </row>
    <row r="42701" spans="1:10" x14ac:dyDescent="0.35">
      <c r="A42701" s="1" t="s">
        <v>1977</v>
      </c>
      <c r="B42701" s="1" t="s">
        <v>142570</v>
      </c>
      <c r="C42701" s="1" t="s">
        <v>160</v>
      </c>
      <c r="D42701" s="1" t="s">
        <v>145800</v>
      </c>
      <c r="E42701" s="1" t="s">
        <v>143469</v>
      </c>
      <c r="F42701" s="1" t="s">
        <v>145801</v>
      </c>
      <c r="G42701" s="1" t="s">
        <v>145735</v>
      </c>
      <c r="H42701" s="1" t="s">
        <v>145736</v>
      </c>
      <c r="I42701" s="1" t="s">
        <v>142575</v>
      </c>
      <c r="J42701" s="1" t="s">
        <v>145802</v>
      </c>
    </row>
    <row r="42702" spans="1:10" x14ac:dyDescent="0.35">
      <c r="A42702" s="1" t="s">
        <v>1977</v>
      </c>
      <c r="B42702" s="1" t="s">
        <v>142570</v>
      </c>
      <c r="C42702" s="1" t="s">
        <v>165</v>
      </c>
      <c r="D42702" s="1" t="s">
        <v>2948</v>
      </c>
      <c r="E42702" s="1" t="s">
        <v>74220</v>
      </c>
      <c r="F42702" s="1" t="s">
        <v>145803</v>
      </c>
      <c r="G42702" s="1" t="s">
        <v>145735</v>
      </c>
      <c r="H42702" s="1" t="s">
        <v>145736</v>
      </c>
      <c r="I42702" s="1" t="s">
        <v>142575</v>
      </c>
      <c r="J42702" s="1" t="s">
        <v>145804</v>
      </c>
    </row>
    <row r="42703" spans="1:10" x14ac:dyDescent="0.35">
      <c r="A42703" s="1" t="s">
        <v>1977</v>
      </c>
      <c r="B42703" s="1" t="s">
        <v>142570</v>
      </c>
      <c r="C42703" s="1" t="s">
        <v>170</v>
      </c>
      <c r="D42703" s="1" t="s">
        <v>33425</v>
      </c>
      <c r="E42703" s="1" t="s">
        <v>143466</v>
      </c>
      <c r="F42703" s="1" t="s">
        <v>145805</v>
      </c>
      <c r="G42703" s="1" t="s">
        <v>145735</v>
      </c>
      <c r="H42703" s="1" t="s">
        <v>145736</v>
      </c>
      <c r="I42703" s="1" t="s">
        <v>142575</v>
      </c>
      <c r="J42703" s="1" t="s">
        <v>145806</v>
      </c>
    </row>
    <row r="42704" spans="1:10" x14ac:dyDescent="0.35">
      <c r="A42704" s="1" t="s">
        <v>4333</v>
      </c>
      <c r="B42704" s="1" t="s">
        <v>142570</v>
      </c>
      <c r="C42704" s="1" t="s">
        <v>8</v>
      </c>
      <c r="D42704" s="1" t="s">
        <v>29743</v>
      </c>
      <c r="E42704" s="1" t="s">
        <v>145807</v>
      </c>
      <c r="F42704" s="1" t="s">
        <v>145808</v>
      </c>
      <c r="G42704" s="1" t="s">
        <v>145809</v>
      </c>
      <c r="H42704" s="1" t="s">
        <v>145810</v>
      </c>
      <c r="I42704" s="1" t="s">
        <v>142575</v>
      </c>
      <c r="J42704" s="1" t="s">
        <v>13</v>
      </c>
    </row>
    <row r="42705" spans="1:10" x14ac:dyDescent="0.35">
      <c r="A42705" s="1" t="s">
        <v>4333</v>
      </c>
      <c r="B42705" s="1" t="s">
        <v>142570</v>
      </c>
      <c r="C42705" s="1" t="s">
        <v>15</v>
      </c>
      <c r="D42705" s="1" t="s">
        <v>29055</v>
      </c>
      <c r="E42705" s="1" t="s">
        <v>145811</v>
      </c>
      <c r="F42705" s="1" t="s">
        <v>145812</v>
      </c>
      <c r="G42705" s="1" t="s">
        <v>145809</v>
      </c>
      <c r="H42705" s="1" t="s">
        <v>145810</v>
      </c>
      <c r="I42705" s="1" t="s">
        <v>142575</v>
      </c>
      <c r="J42705" s="1" t="s">
        <v>56213</v>
      </c>
    </row>
    <row r="42706" spans="1:10" x14ac:dyDescent="0.35">
      <c r="A42706" s="1" t="s">
        <v>4333</v>
      </c>
      <c r="B42706" s="1" t="s">
        <v>142570</v>
      </c>
      <c r="C42706" s="1" t="s">
        <v>20</v>
      </c>
      <c r="D42706" s="1" t="s">
        <v>29276</v>
      </c>
      <c r="E42706" s="1" t="s">
        <v>145813</v>
      </c>
      <c r="F42706" s="1" t="s">
        <v>145814</v>
      </c>
      <c r="G42706" s="1" t="s">
        <v>145809</v>
      </c>
      <c r="H42706" s="1" t="s">
        <v>145810</v>
      </c>
      <c r="I42706" s="1" t="s">
        <v>142575</v>
      </c>
      <c r="J42706" s="1" t="s">
        <v>145815</v>
      </c>
    </row>
    <row r="42707" spans="1:10" x14ac:dyDescent="0.35">
      <c r="A42707" s="1" t="s">
        <v>4333</v>
      </c>
      <c r="B42707" s="1" t="s">
        <v>142570</v>
      </c>
      <c r="C42707" s="1" t="s">
        <v>25</v>
      </c>
      <c r="D42707" s="1" t="s">
        <v>10537</v>
      </c>
      <c r="E42707" s="1" t="s">
        <v>145816</v>
      </c>
      <c r="F42707" s="1" t="s">
        <v>145817</v>
      </c>
      <c r="G42707" s="1" t="s">
        <v>145809</v>
      </c>
      <c r="H42707" s="1" t="s">
        <v>145810</v>
      </c>
      <c r="I42707" s="1" t="s">
        <v>142575</v>
      </c>
      <c r="J42707" s="1" t="s">
        <v>145818</v>
      </c>
    </row>
    <row r="42708" spans="1:10" x14ac:dyDescent="0.35">
      <c r="A42708" s="1" t="s">
        <v>4333</v>
      </c>
      <c r="B42708" s="1" t="s">
        <v>142570</v>
      </c>
      <c r="C42708" s="1" t="s">
        <v>30</v>
      </c>
      <c r="D42708" s="1" t="s">
        <v>1185</v>
      </c>
      <c r="E42708" s="1" t="s">
        <v>145819</v>
      </c>
      <c r="F42708" s="1" t="s">
        <v>145820</v>
      </c>
      <c r="G42708" s="1" t="s">
        <v>145809</v>
      </c>
      <c r="H42708" s="1" t="s">
        <v>145810</v>
      </c>
      <c r="I42708" s="1" t="s">
        <v>142575</v>
      </c>
      <c r="J42708" s="1" t="s">
        <v>145821</v>
      </c>
    </row>
    <row r="42709" spans="1:10" x14ac:dyDescent="0.35">
      <c r="A42709" s="1" t="s">
        <v>4333</v>
      </c>
      <c r="B42709" s="1" t="s">
        <v>142570</v>
      </c>
      <c r="C42709" s="1" t="s">
        <v>35</v>
      </c>
      <c r="D42709" s="1" t="s">
        <v>13162</v>
      </c>
      <c r="E42709" s="1" t="s">
        <v>145822</v>
      </c>
      <c r="F42709" s="1" t="s">
        <v>145823</v>
      </c>
      <c r="G42709" s="1" t="s">
        <v>145809</v>
      </c>
      <c r="H42709" s="1" t="s">
        <v>145810</v>
      </c>
      <c r="I42709" s="1" t="s">
        <v>142575</v>
      </c>
      <c r="J42709" s="1" t="s">
        <v>145824</v>
      </c>
    </row>
    <row r="42710" spans="1:10" x14ac:dyDescent="0.35">
      <c r="A42710" s="1" t="s">
        <v>4333</v>
      </c>
      <c r="B42710" s="1" t="s">
        <v>142570</v>
      </c>
      <c r="C42710" s="1" t="s">
        <v>40</v>
      </c>
      <c r="D42710" s="1" t="s">
        <v>28026</v>
      </c>
      <c r="E42710" s="1" t="s">
        <v>145825</v>
      </c>
      <c r="F42710" s="1" t="s">
        <v>145826</v>
      </c>
      <c r="G42710" s="1" t="s">
        <v>145809</v>
      </c>
      <c r="H42710" s="1" t="s">
        <v>145810</v>
      </c>
      <c r="I42710" s="1" t="s">
        <v>142575</v>
      </c>
      <c r="J42710" s="1" t="s">
        <v>145827</v>
      </c>
    </row>
    <row r="42711" spans="1:10" x14ac:dyDescent="0.35">
      <c r="A42711" s="1" t="s">
        <v>4333</v>
      </c>
      <c r="B42711" s="1" t="s">
        <v>142570</v>
      </c>
      <c r="C42711" s="1" t="s">
        <v>45</v>
      </c>
      <c r="D42711" s="1" t="s">
        <v>1185</v>
      </c>
      <c r="E42711" s="1" t="s">
        <v>145828</v>
      </c>
      <c r="F42711" s="1" t="s">
        <v>145829</v>
      </c>
      <c r="G42711" s="1" t="s">
        <v>145809</v>
      </c>
      <c r="H42711" s="1" t="s">
        <v>145810</v>
      </c>
      <c r="I42711" s="1" t="s">
        <v>142575</v>
      </c>
      <c r="J42711" s="1" t="s">
        <v>145830</v>
      </c>
    </row>
    <row r="42712" spans="1:10" x14ac:dyDescent="0.35">
      <c r="A42712" s="1" t="s">
        <v>4333</v>
      </c>
      <c r="B42712" s="1" t="s">
        <v>142570</v>
      </c>
      <c r="C42712" s="1" t="s">
        <v>50</v>
      </c>
      <c r="D42712" s="1" t="s">
        <v>27358</v>
      </c>
      <c r="E42712" s="1" t="s">
        <v>145831</v>
      </c>
      <c r="F42712" s="1" t="s">
        <v>145832</v>
      </c>
      <c r="G42712" s="1" t="s">
        <v>145809</v>
      </c>
      <c r="H42712" s="1" t="s">
        <v>145810</v>
      </c>
      <c r="I42712" s="1" t="s">
        <v>142575</v>
      </c>
      <c r="J42712" s="1" t="s">
        <v>145833</v>
      </c>
    </row>
    <row r="42713" spans="1:10" x14ac:dyDescent="0.35">
      <c r="A42713" s="1" t="s">
        <v>4333</v>
      </c>
      <c r="B42713" s="1" t="s">
        <v>142570</v>
      </c>
      <c r="C42713" s="1" t="s">
        <v>55</v>
      </c>
      <c r="D42713" s="1" t="s">
        <v>25583</v>
      </c>
      <c r="E42713" s="1" t="s">
        <v>145834</v>
      </c>
      <c r="F42713" s="1" t="s">
        <v>145835</v>
      </c>
      <c r="G42713" s="1" t="s">
        <v>145809</v>
      </c>
      <c r="H42713" s="1" t="s">
        <v>145810</v>
      </c>
      <c r="I42713" s="1" t="s">
        <v>142575</v>
      </c>
      <c r="J42713" s="1" t="s">
        <v>145836</v>
      </c>
    </row>
    <row r="42714" spans="1:10" x14ac:dyDescent="0.35">
      <c r="A42714" s="1" t="s">
        <v>4333</v>
      </c>
      <c r="B42714" s="1" t="s">
        <v>142570</v>
      </c>
      <c r="C42714" s="1" t="s">
        <v>60</v>
      </c>
      <c r="D42714" s="1" t="s">
        <v>136245</v>
      </c>
      <c r="E42714" s="1" t="s">
        <v>145837</v>
      </c>
      <c r="F42714" s="1" t="s">
        <v>145838</v>
      </c>
      <c r="G42714" s="1" t="s">
        <v>145809</v>
      </c>
      <c r="H42714" s="1" t="s">
        <v>145810</v>
      </c>
      <c r="I42714" s="1" t="s">
        <v>142575</v>
      </c>
      <c r="J42714" s="1" t="s">
        <v>145839</v>
      </c>
    </row>
    <row r="42715" spans="1:10" x14ac:dyDescent="0.35">
      <c r="A42715" s="1" t="s">
        <v>4333</v>
      </c>
      <c r="B42715" s="1" t="s">
        <v>142570</v>
      </c>
      <c r="C42715" s="1" t="s">
        <v>65</v>
      </c>
      <c r="D42715" s="1" t="s">
        <v>4451</v>
      </c>
      <c r="E42715" s="1" t="s">
        <v>145840</v>
      </c>
      <c r="F42715" s="1" t="s">
        <v>145841</v>
      </c>
      <c r="G42715" s="1" t="s">
        <v>145809</v>
      </c>
      <c r="H42715" s="1" t="s">
        <v>145810</v>
      </c>
      <c r="I42715" s="1" t="s">
        <v>142575</v>
      </c>
      <c r="J42715" s="1" t="s">
        <v>145842</v>
      </c>
    </row>
    <row r="42716" spans="1:10" x14ac:dyDescent="0.35">
      <c r="A42716" s="1" t="s">
        <v>4333</v>
      </c>
      <c r="B42716" s="1" t="s">
        <v>142570</v>
      </c>
      <c r="C42716" s="1" t="s">
        <v>70</v>
      </c>
      <c r="D42716" s="1" t="s">
        <v>11061</v>
      </c>
      <c r="E42716" s="1" t="s">
        <v>145843</v>
      </c>
      <c r="F42716" s="1" t="s">
        <v>145844</v>
      </c>
      <c r="G42716" s="1" t="s">
        <v>145809</v>
      </c>
      <c r="H42716" s="1" t="s">
        <v>145810</v>
      </c>
      <c r="I42716" s="1" t="s">
        <v>142575</v>
      </c>
      <c r="J42716" s="1" t="s">
        <v>145845</v>
      </c>
    </row>
    <row r="42717" spans="1:10" x14ac:dyDescent="0.35">
      <c r="A42717" s="1" t="s">
        <v>4333</v>
      </c>
      <c r="B42717" s="1" t="s">
        <v>142570</v>
      </c>
      <c r="C42717" s="1" t="s">
        <v>75</v>
      </c>
      <c r="D42717" s="1" t="s">
        <v>133272</v>
      </c>
      <c r="E42717" s="1" t="s">
        <v>145846</v>
      </c>
      <c r="F42717" s="1" t="s">
        <v>145847</v>
      </c>
      <c r="G42717" s="1" t="s">
        <v>145809</v>
      </c>
      <c r="H42717" s="1" t="s">
        <v>145810</v>
      </c>
      <c r="I42717" s="1" t="s">
        <v>142575</v>
      </c>
      <c r="J42717" s="1" t="s">
        <v>145848</v>
      </c>
    </row>
    <row r="42718" spans="1:10" x14ac:dyDescent="0.35">
      <c r="A42718" s="1" t="s">
        <v>4333</v>
      </c>
      <c r="B42718" s="1" t="s">
        <v>142570</v>
      </c>
      <c r="C42718" s="1" t="s">
        <v>80</v>
      </c>
      <c r="D42718" s="1" t="s">
        <v>9868</v>
      </c>
      <c r="E42718" s="1" t="s">
        <v>145849</v>
      </c>
      <c r="F42718" s="1" t="s">
        <v>145850</v>
      </c>
      <c r="G42718" s="1" t="s">
        <v>145809</v>
      </c>
      <c r="H42718" s="1" t="s">
        <v>145810</v>
      </c>
      <c r="I42718" s="1" t="s">
        <v>142575</v>
      </c>
      <c r="J42718" s="1" t="s">
        <v>145851</v>
      </c>
    </row>
    <row r="42719" spans="1:10" x14ac:dyDescent="0.35">
      <c r="A42719" s="1" t="s">
        <v>4333</v>
      </c>
      <c r="B42719" s="1" t="s">
        <v>142570</v>
      </c>
      <c r="C42719" s="1" t="s">
        <v>85</v>
      </c>
      <c r="D42719" s="1" t="s">
        <v>10530</v>
      </c>
      <c r="E42719" s="1" t="s">
        <v>145852</v>
      </c>
      <c r="F42719" s="1" t="s">
        <v>145853</v>
      </c>
      <c r="G42719" s="1" t="s">
        <v>145809</v>
      </c>
      <c r="H42719" s="1" t="s">
        <v>145810</v>
      </c>
      <c r="I42719" s="1" t="s">
        <v>142575</v>
      </c>
      <c r="J42719" s="1" t="s">
        <v>145854</v>
      </c>
    </row>
    <row r="42720" spans="1:10" x14ac:dyDescent="0.35">
      <c r="A42720" s="1" t="s">
        <v>4333</v>
      </c>
      <c r="B42720" s="1" t="s">
        <v>142570</v>
      </c>
      <c r="C42720" s="1" t="s">
        <v>90</v>
      </c>
      <c r="D42720" s="1" t="s">
        <v>1189</v>
      </c>
      <c r="E42720" s="1" t="s">
        <v>145855</v>
      </c>
      <c r="F42720" s="1" t="s">
        <v>145856</v>
      </c>
      <c r="G42720" s="1" t="s">
        <v>145809</v>
      </c>
      <c r="H42720" s="1" t="s">
        <v>145810</v>
      </c>
      <c r="I42720" s="1" t="s">
        <v>142575</v>
      </c>
      <c r="J42720" s="1" t="s">
        <v>145857</v>
      </c>
    </row>
    <row r="42721" spans="1:10" x14ac:dyDescent="0.35">
      <c r="A42721" s="1" t="s">
        <v>4333</v>
      </c>
      <c r="B42721" s="1" t="s">
        <v>142570</v>
      </c>
      <c r="C42721" s="1" t="s">
        <v>95</v>
      </c>
      <c r="D42721" s="1" t="s">
        <v>145858</v>
      </c>
      <c r="E42721" s="1" t="s">
        <v>145859</v>
      </c>
      <c r="F42721" s="1" t="s">
        <v>145860</v>
      </c>
      <c r="G42721" s="1" t="s">
        <v>145809</v>
      </c>
      <c r="H42721" s="1" t="s">
        <v>145810</v>
      </c>
      <c r="I42721" s="1" t="s">
        <v>142575</v>
      </c>
      <c r="J42721" s="1" t="s">
        <v>145861</v>
      </c>
    </row>
    <row r="42722" spans="1:10" x14ac:dyDescent="0.35">
      <c r="A42722" s="1" t="s">
        <v>4333</v>
      </c>
      <c r="B42722" s="1" t="s">
        <v>142570</v>
      </c>
      <c r="C42722" s="1" t="s">
        <v>100</v>
      </c>
      <c r="D42722" s="1" t="s">
        <v>29868</v>
      </c>
      <c r="E42722" s="1" t="s">
        <v>145862</v>
      </c>
      <c r="F42722" s="1" t="s">
        <v>145863</v>
      </c>
      <c r="G42722" s="1" t="s">
        <v>145809</v>
      </c>
      <c r="H42722" s="1" t="s">
        <v>145810</v>
      </c>
      <c r="I42722" s="1" t="s">
        <v>142575</v>
      </c>
      <c r="J42722" s="1" t="s">
        <v>145864</v>
      </c>
    </row>
    <row r="42723" spans="1:10" x14ac:dyDescent="0.35">
      <c r="A42723" s="1" t="s">
        <v>4333</v>
      </c>
      <c r="B42723" s="1" t="s">
        <v>142570</v>
      </c>
      <c r="C42723" s="1" t="s">
        <v>105</v>
      </c>
      <c r="D42723" s="1" t="s">
        <v>120016</v>
      </c>
      <c r="E42723" s="1" t="s">
        <v>145865</v>
      </c>
      <c r="F42723" s="1" t="s">
        <v>145866</v>
      </c>
      <c r="G42723" s="1" t="s">
        <v>145809</v>
      </c>
      <c r="H42723" s="1" t="s">
        <v>145810</v>
      </c>
      <c r="I42723" s="1" t="s">
        <v>142575</v>
      </c>
      <c r="J42723" s="1" t="s">
        <v>145867</v>
      </c>
    </row>
    <row r="42724" spans="1:10" x14ac:dyDescent="0.35">
      <c r="A42724" s="1" t="s">
        <v>4333</v>
      </c>
      <c r="B42724" s="1" t="s">
        <v>142570</v>
      </c>
      <c r="C42724" s="1" t="s">
        <v>110</v>
      </c>
      <c r="D42724" s="1" t="s">
        <v>3984</v>
      </c>
      <c r="E42724" s="1" t="s">
        <v>145868</v>
      </c>
      <c r="F42724" s="1" t="s">
        <v>145869</v>
      </c>
      <c r="G42724" s="1" t="s">
        <v>145809</v>
      </c>
      <c r="H42724" s="1" t="s">
        <v>145810</v>
      </c>
      <c r="I42724" s="1" t="s">
        <v>142575</v>
      </c>
      <c r="J42724" s="1" t="s">
        <v>145870</v>
      </c>
    </row>
    <row r="42725" spans="1:10" x14ac:dyDescent="0.35">
      <c r="A42725" s="1" t="s">
        <v>4333</v>
      </c>
      <c r="B42725" s="1" t="s">
        <v>142570</v>
      </c>
      <c r="C42725" s="1" t="s">
        <v>115</v>
      </c>
      <c r="D42725" s="1" t="s">
        <v>28519</v>
      </c>
      <c r="E42725" s="1" t="s">
        <v>145871</v>
      </c>
      <c r="F42725" s="1" t="s">
        <v>145872</v>
      </c>
      <c r="G42725" s="1" t="s">
        <v>145809</v>
      </c>
      <c r="H42725" s="1" t="s">
        <v>145810</v>
      </c>
      <c r="I42725" s="1" t="s">
        <v>142575</v>
      </c>
      <c r="J42725" s="1" t="s">
        <v>145873</v>
      </c>
    </row>
    <row r="42726" spans="1:10" x14ac:dyDescent="0.35">
      <c r="A42726" s="1" t="s">
        <v>4333</v>
      </c>
      <c r="B42726" s="1" t="s">
        <v>142570</v>
      </c>
      <c r="C42726" s="1" t="s">
        <v>120</v>
      </c>
      <c r="D42726" s="1" t="s">
        <v>120868</v>
      </c>
      <c r="E42726" s="1" t="s">
        <v>145874</v>
      </c>
      <c r="F42726" s="1" t="s">
        <v>145875</v>
      </c>
      <c r="G42726" s="1" t="s">
        <v>145809</v>
      </c>
      <c r="H42726" s="1" t="s">
        <v>145810</v>
      </c>
      <c r="I42726" s="1" t="s">
        <v>142575</v>
      </c>
      <c r="J42726" s="1" t="s">
        <v>145876</v>
      </c>
    </row>
    <row r="42727" spans="1:10" x14ac:dyDescent="0.35">
      <c r="A42727" s="1" t="s">
        <v>4333</v>
      </c>
      <c r="B42727" s="1" t="s">
        <v>142570</v>
      </c>
      <c r="C42727" s="1" t="s">
        <v>125</v>
      </c>
      <c r="D42727" s="1" t="s">
        <v>8</v>
      </c>
      <c r="E42727" s="1" t="s">
        <v>145877</v>
      </c>
      <c r="F42727" s="1" t="s">
        <v>145878</v>
      </c>
      <c r="G42727" s="1" t="s">
        <v>145809</v>
      </c>
      <c r="H42727" s="1" t="s">
        <v>145810</v>
      </c>
      <c r="I42727" s="1" t="s">
        <v>142575</v>
      </c>
      <c r="J42727" s="1" t="s">
        <v>145879</v>
      </c>
    </row>
    <row r="42728" spans="1:10" x14ac:dyDescent="0.35">
      <c r="A42728" s="1" t="s">
        <v>4333</v>
      </c>
      <c r="B42728" s="1" t="s">
        <v>142570</v>
      </c>
      <c r="C42728" s="1" t="s">
        <v>130</v>
      </c>
      <c r="D42728" s="1" t="s">
        <v>145880</v>
      </c>
      <c r="E42728" s="1" t="s">
        <v>145881</v>
      </c>
      <c r="F42728" s="1" t="s">
        <v>145882</v>
      </c>
      <c r="G42728" s="1" t="s">
        <v>145809</v>
      </c>
      <c r="H42728" s="1" t="s">
        <v>145810</v>
      </c>
      <c r="I42728" s="1" t="s">
        <v>142575</v>
      </c>
      <c r="J42728" s="1" t="s">
        <v>145883</v>
      </c>
    </row>
    <row r="42729" spans="1:10" x14ac:dyDescent="0.35">
      <c r="A42729" s="1" t="s">
        <v>4333</v>
      </c>
      <c r="B42729" s="1" t="s">
        <v>142570</v>
      </c>
      <c r="C42729" s="1" t="s">
        <v>135</v>
      </c>
      <c r="D42729" s="1" t="s">
        <v>6431</v>
      </c>
      <c r="E42729" s="1" t="s">
        <v>145884</v>
      </c>
      <c r="F42729" s="1" t="s">
        <v>145885</v>
      </c>
      <c r="G42729" s="1" t="s">
        <v>145809</v>
      </c>
      <c r="H42729" s="1" t="s">
        <v>145810</v>
      </c>
      <c r="I42729" s="1" t="s">
        <v>142575</v>
      </c>
      <c r="J42729" s="1" t="s">
        <v>14060</v>
      </c>
    </row>
    <row r="42730" spans="1:10" x14ac:dyDescent="0.35">
      <c r="A42730" s="1" t="s">
        <v>4333</v>
      </c>
      <c r="B42730" s="1" t="s">
        <v>142570</v>
      </c>
      <c r="C42730" s="1" t="s">
        <v>140</v>
      </c>
      <c r="D42730" s="1" t="s">
        <v>3883</v>
      </c>
      <c r="E42730" s="1" t="s">
        <v>145886</v>
      </c>
      <c r="F42730" s="1" t="s">
        <v>145887</v>
      </c>
      <c r="G42730" s="1" t="s">
        <v>145809</v>
      </c>
      <c r="H42730" s="1" t="s">
        <v>145810</v>
      </c>
      <c r="I42730" s="1" t="s">
        <v>142575</v>
      </c>
      <c r="J42730" s="1" t="s">
        <v>145888</v>
      </c>
    </row>
    <row r="42731" spans="1:10" x14ac:dyDescent="0.35">
      <c r="A42731" s="1" t="s">
        <v>4333</v>
      </c>
      <c r="B42731" s="1" t="s">
        <v>142570</v>
      </c>
      <c r="C42731" s="1" t="s">
        <v>145</v>
      </c>
      <c r="D42731" s="1" t="s">
        <v>155</v>
      </c>
      <c r="E42731" s="1" t="s">
        <v>145889</v>
      </c>
      <c r="F42731" s="1" t="s">
        <v>145890</v>
      </c>
      <c r="G42731" s="1" t="s">
        <v>145809</v>
      </c>
      <c r="H42731" s="1" t="s">
        <v>145810</v>
      </c>
      <c r="I42731" s="1" t="s">
        <v>142575</v>
      </c>
      <c r="J42731" s="1" t="s">
        <v>145891</v>
      </c>
    </row>
    <row r="42732" spans="1:10" x14ac:dyDescent="0.35">
      <c r="A42732" s="1" t="s">
        <v>4333</v>
      </c>
      <c r="B42732" s="1" t="s">
        <v>142570</v>
      </c>
      <c r="C42732" s="1" t="s">
        <v>150</v>
      </c>
      <c r="D42732" s="1" t="s">
        <v>45124</v>
      </c>
      <c r="E42732" s="1" t="s">
        <v>145892</v>
      </c>
      <c r="F42732" s="1" t="s">
        <v>145893</v>
      </c>
      <c r="G42732" s="1" t="s">
        <v>145809</v>
      </c>
      <c r="H42732" s="1" t="s">
        <v>145810</v>
      </c>
      <c r="I42732" s="1" t="s">
        <v>142575</v>
      </c>
      <c r="J42732" s="1" t="s">
        <v>145894</v>
      </c>
    </row>
    <row r="42733" spans="1:10" x14ac:dyDescent="0.35">
      <c r="A42733" s="1" t="s">
        <v>4333</v>
      </c>
      <c r="B42733" s="1" t="s">
        <v>142570</v>
      </c>
      <c r="C42733" s="1" t="s">
        <v>155</v>
      </c>
      <c r="D42733" s="1" t="s">
        <v>145895</v>
      </c>
      <c r="E42733" s="1" t="s">
        <v>145896</v>
      </c>
      <c r="F42733" s="1" t="s">
        <v>145897</v>
      </c>
      <c r="G42733" s="1" t="s">
        <v>145809</v>
      </c>
      <c r="H42733" s="1" t="s">
        <v>145810</v>
      </c>
      <c r="I42733" s="1" t="s">
        <v>142575</v>
      </c>
      <c r="J42733" s="1" t="s">
        <v>145898</v>
      </c>
    </row>
    <row r="42734" spans="1:10" x14ac:dyDescent="0.35">
      <c r="A42734" s="1" t="s">
        <v>4333</v>
      </c>
      <c r="B42734" s="1" t="s">
        <v>142570</v>
      </c>
      <c r="C42734" s="1" t="s">
        <v>160</v>
      </c>
      <c r="D42734" s="1" t="s">
        <v>145899</v>
      </c>
      <c r="E42734" s="1" t="s">
        <v>145900</v>
      </c>
      <c r="F42734" s="1" t="s">
        <v>145901</v>
      </c>
      <c r="G42734" s="1" t="s">
        <v>145809</v>
      </c>
      <c r="H42734" s="1" t="s">
        <v>145810</v>
      </c>
      <c r="I42734" s="1" t="s">
        <v>142575</v>
      </c>
      <c r="J42734" s="1" t="s">
        <v>145902</v>
      </c>
    </row>
    <row r="42735" spans="1:10" x14ac:dyDescent="0.35">
      <c r="A42735" s="1" t="s">
        <v>4333</v>
      </c>
      <c r="B42735" s="1" t="s">
        <v>142570</v>
      </c>
      <c r="C42735" s="1" t="s">
        <v>165</v>
      </c>
      <c r="D42735" s="1" t="s">
        <v>145903</v>
      </c>
      <c r="E42735" s="1" t="s">
        <v>145904</v>
      </c>
      <c r="F42735" s="1" t="s">
        <v>145905</v>
      </c>
      <c r="G42735" s="1" t="s">
        <v>145809</v>
      </c>
      <c r="H42735" s="1" t="s">
        <v>145810</v>
      </c>
      <c r="I42735" s="1" t="s">
        <v>142575</v>
      </c>
      <c r="J42735" s="1" t="s">
        <v>145906</v>
      </c>
    </row>
    <row r="42736" spans="1:10" x14ac:dyDescent="0.35">
      <c r="A42736" s="1" t="s">
        <v>4333</v>
      </c>
      <c r="B42736" s="1" t="s">
        <v>142570</v>
      </c>
      <c r="C42736" s="1" t="s">
        <v>170</v>
      </c>
      <c r="D42736" s="1" t="s">
        <v>143496</v>
      </c>
      <c r="E42736" s="1" t="s">
        <v>145907</v>
      </c>
      <c r="F42736" s="1" t="s">
        <v>145908</v>
      </c>
      <c r="G42736" s="1" t="s">
        <v>145809</v>
      </c>
      <c r="H42736" s="1" t="s">
        <v>145810</v>
      </c>
      <c r="I42736" s="1" t="s">
        <v>142575</v>
      </c>
      <c r="J42736" s="1" t="s">
        <v>145909</v>
      </c>
    </row>
    <row r="42737" spans="1:10" x14ac:dyDescent="0.35">
      <c r="A42737" s="1" t="s">
        <v>28045</v>
      </c>
      <c r="B42737" s="1" t="s">
        <v>142570</v>
      </c>
      <c r="C42737" s="1" t="s">
        <v>8</v>
      </c>
      <c r="D42737" s="1" t="s">
        <v>145910</v>
      </c>
      <c r="E42737" s="1" t="s">
        <v>126643</v>
      </c>
      <c r="F42737" s="1" t="s">
        <v>145911</v>
      </c>
      <c r="G42737" s="1" t="s">
        <v>145912</v>
      </c>
      <c r="H42737" s="1" t="s">
        <v>145913</v>
      </c>
      <c r="I42737" s="1" t="s">
        <v>142575</v>
      </c>
      <c r="J42737" s="1" t="s">
        <v>13</v>
      </c>
    </row>
    <row r="42738" spans="1:10" x14ac:dyDescent="0.35">
      <c r="A42738" s="1" t="s">
        <v>28045</v>
      </c>
      <c r="B42738" s="1" t="s">
        <v>142570</v>
      </c>
      <c r="C42738" s="1" t="s">
        <v>15</v>
      </c>
      <c r="D42738" s="1" t="s">
        <v>145184</v>
      </c>
      <c r="E42738" s="1" t="s">
        <v>133285</v>
      </c>
      <c r="F42738" s="1" t="s">
        <v>145914</v>
      </c>
      <c r="G42738" s="1" t="s">
        <v>145912</v>
      </c>
      <c r="H42738" s="1" t="s">
        <v>145913</v>
      </c>
      <c r="I42738" s="1" t="s">
        <v>142575</v>
      </c>
      <c r="J42738" s="1" t="s">
        <v>145915</v>
      </c>
    </row>
    <row r="42739" spans="1:10" x14ac:dyDescent="0.35">
      <c r="A42739" s="1" t="s">
        <v>28045</v>
      </c>
      <c r="B42739" s="1" t="s">
        <v>142570</v>
      </c>
      <c r="C42739" s="1" t="s">
        <v>20</v>
      </c>
      <c r="D42739" s="1" t="s">
        <v>121640</v>
      </c>
      <c r="E42739" s="1" t="s">
        <v>145916</v>
      </c>
      <c r="F42739" s="1" t="s">
        <v>41721</v>
      </c>
      <c r="G42739" s="1" t="s">
        <v>145912</v>
      </c>
      <c r="H42739" s="1" t="s">
        <v>145913</v>
      </c>
      <c r="I42739" s="1" t="s">
        <v>142575</v>
      </c>
      <c r="J42739" s="1" t="s">
        <v>145917</v>
      </c>
    </row>
    <row r="42740" spans="1:10" x14ac:dyDescent="0.35">
      <c r="A42740" s="1" t="s">
        <v>28045</v>
      </c>
      <c r="B42740" s="1" t="s">
        <v>142570</v>
      </c>
      <c r="C42740" s="1" t="s">
        <v>25</v>
      </c>
      <c r="D42740" s="1" t="s">
        <v>37696</v>
      </c>
      <c r="E42740" s="1" t="s">
        <v>145918</v>
      </c>
      <c r="F42740" s="1" t="s">
        <v>62064</v>
      </c>
      <c r="G42740" s="1" t="s">
        <v>145912</v>
      </c>
      <c r="H42740" s="1" t="s">
        <v>145913</v>
      </c>
      <c r="I42740" s="1" t="s">
        <v>142575</v>
      </c>
      <c r="J42740" s="1" t="s">
        <v>145919</v>
      </c>
    </row>
    <row r="42741" spans="1:10" x14ac:dyDescent="0.35">
      <c r="A42741" s="1" t="s">
        <v>28045</v>
      </c>
      <c r="B42741" s="1" t="s">
        <v>142570</v>
      </c>
      <c r="C42741" s="1" t="s">
        <v>30</v>
      </c>
      <c r="D42741" s="1" t="s">
        <v>8389</v>
      </c>
      <c r="E42741" s="1" t="s">
        <v>106525</v>
      </c>
      <c r="F42741" s="1" t="s">
        <v>145920</v>
      </c>
      <c r="G42741" s="1" t="s">
        <v>145912</v>
      </c>
      <c r="H42741" s="1" t="s">
        <v>145913</v>
      </c>
      <c r="I42741" s="1" t="s">
        <v>142575</v>
      </c>
      <c r="J42741" s="1" t="s">
        <v>145921</v>
      </c>
    </row>
    <row r="42742" spans="1:10" x14ac:dyDescent="0.35">
      <c r="A42742" s="1" t="s">
        <v>28045</v>
      </c>
      <c r="B42742" s="1" t="s">
        <v>142570</v>
      </c>
      <c r="C42742" s="1" t="s">
        <v>35</v>
      </c>
      <c r="D42742" s="1" t="s">
        <v>121893</v>
      </c>
      <c r="E42742" s="1" t="s">
        <v>145922</v>
      </c>
      <c r="F42742" s="1" t="s">
        <v>145923</v>
      </c>
      <c r="G42742" s="1" t="s">
        <v>145912</v>
      </c>
      <c r="H42742" s="1" t="s">
        <v>145913</v>
      </c>
      <c r="I42742" s="1" t="s">
        <v>142575</v>
      </c>
      <c r="J42742" s="1" t="s">
        <v>145924</v>
      </c>
    </row>
    <row r="42743" spans="1:10" x14ac:dyDescent="0.35">
      <c r="A42743" s="1" t="s">
        <v>28045</v>
      </c>
      <c r="B42743" s="1" t="s">
        <v>142570</v>
      </c>
      <c r="C42743" s="1" t="s">
        <v>40</v>
      </c>
      <c r="D42743" s="1" t="s">
        <v>145925</v>
      </c>
      <c r="E42743" s="1" t="s">
        <v>145926</v>
      </c>
      <c r="F42743" s="1" t="s">
        <v>145927</v>
      </c>
      <c r="G42743" s="1" t="s">
        <v>145912</v>
      </c>
      <c r="H42743" s="1" t="s">
        <v>145913</v>
      </c>
      <c r="I42743" s="1" t="s">
        <v>142575</v>
      </c>
      <c r="J42743" s="1" t="s">
        <v>145928</v>
      </c>
    </row>
    <row r="42744" spans="1:10" x14ac:dyDescent="0.35">
      <c r="A42744" s="1" t="s">
        <v>28045</v>
      </c>
      <c r="B42744" s="1" t="s">
        <v>142570</v>
      </c>
      <c r="C42744" s="1" t="s">
        <v>45</v>
      </c>
      <c r="D42744" s="1" t="s">
        <v>145929</v>
      </c>
      <c r="E42744" s="1" t="s">
        <v>107419</v>
      </c>
      <c r="F42744" s="1" t="s">
        <v>145930</v>
      </c>
      <c r="G42744" s="1" t="s">
        <v>145912</v>
      </c>
      <c r="H42744" s="1" t="s">
        <v>145913</v>
      </c>
      <c r="I42744" s="1" t="s">
        <v>142575</v>
      </c>
      <c r="J42744" s="1" t="s">
        <v>145931</v>
      </c>
    </row>
    <row r="42745" spans="1:10" x14ac:dyDescent="0.35">
      <c r="A42745" s="1" t="s">
        <v>28045</v>
      </c>
      <c r="B42745" s="1" t="s">
        <v>142570</v>
      </c>
      <c r="C42745" s="1" t="s">
        <v>50</v>
      </c>
      <c r="D42745" s="1" t="s">
        <v>145932</v>
      </c>
      <c r="E42745" s="1" t="s">
        <v>145064</v>
      </c>
      <c r="F42745" s="1" t="s">
        <v>145933</v>
      </c>
      <c r="G42745" s="1" t="s">
        <v>145912</v>
      </c>
      <c r="H42745" s="1" t="s">
        <v>145913</v>
      </c>
      <c r="I42745" s="1" t="s">
        <v>142575</v>
      </c>
      <c r="J42745" s="1" t="s">
        <v>145934</v>
      </c>
    </row>
    <row r="42746" spans="1:10" x14ac:dyDescent="0.35">
      <c r="A42746" s="1" t="s">
        <v>28045</v>
      </c>
      <c r="B42746" s="1" t="s">
        <v>142570</v>
      </c>
      <c r="C42746" s="1" t="s">
        <v>55</v>
      </c>
      <c r="D42746" s="1" t="s">
        <v>118047</v>
      </c>
      <c r="E42746" s="1" t="s">
        <v>139588</v>
      </c>
      <c r="F42746" s="1" t="s">
        <v>145935</v>
      </c>
      <c r="G42746" s="1" t="s">
        <v>145912</v>
      </c>
      <c r="H42746" s="1" t="s">
        <v>145913</v>
      </c>
      <c r="I42746" s="1" t="s">
        <v>142575</v>
      </c>
      <c r="J42746" s="1" t="s">
        <v>145936</v>
      </c>
    </row>
    <row r="42747" spans="1:10" x14ac:dyDescent="0.35">
      <c r="A42747" s="1" t="s">
        <v>28045</v>
      </c>
      <c r="B42747" s="1" t="s">
        <v>142570</v>
      </c>
      <c r="C42747" s="1" t="s">
        <v>60</v>
      </c>
      <c r="D42747" s="1" t="s">
        <v>44556</v>
      </c>
      <c r="E42747" s="1" t="s">
        <v>145937</v>
      </c>
      <c r="F42747" s="1" t="s">
        <v>145938</v>
      </c>
      <c r="G42747" s="1" t="s">
        <v>145912</v>
      </c>
      <c r="H42747" s="1" t="s">
        <v>145913</v>
      </c>
      <c r="I42747" s="1" t="s">
        <v>142575</v>
      </c>
      <c r="J42747" s="1" t="s">
        <v>145939</v>
      </c>
    </row>
    <row r="42748" spans="1:10" x14ac:dyDescent="0.35">
      <c r="A42748" s="1" t="s">
        <v>28045</v>
      </c>
      <c r="B42748" s="1" t="s">
        <v>142570</v>
      </c>
      <c r="C42748" s="1" t="s">
        <v>65</v>
      </c>
      <c r="D42748" s="1" t="s">
        <v>2133</v>
      </c>
      <c r="E42748" s="1" t="s">
        <v>107337</v>
      </c>
      <c r="F42748" s="1" t="s">
        <v>145940</v>
      </c>
      <c r="G42748" s="1" t="s">
        <v>145912</v>
      </c>
      <c r="H42748" s="1" t="s">
        <v>145913</v>
      </c>
      <c r="I42748" s="1" t="s">
        <v>142575</v>
      </c>
      <c r="J42748" s="1" t="s">
        <v>145941</v>
      </c>
    </row>
    <row r="42749" spans="1:10" x14ac:dyDescent="0.35">
      <c r="A42749" s="1" t="s">
        <v>28045</v>
      </c>
      <c r="B42749" s="1" t="s">
        <v>142570</v>
      </c>
      <c r="C42749" s="1" t="s">
        <v>70</v>
      </c>
      <c r="D42749" s="1" t="s">
        <v>27882</v>
      </c>
      <c r="E42749" s="1" t="s">
        <v>74198</v>
      </c>
      <c r="F42749" s="1" t="s">
        <v>145942</v>
      </c>
      <c r="G42749" s="1" t="s">
        <v>145912</v>
      </c>
      <c r="H42749" s="1" t="s">
        <v>145913</v>
      </c>
      <c r="I42749" s="1" t="s">
        <v>142575</v>
      </c>
      <c r="J42749" s="1" t="s">
        <v>145943</v>
      </c>
    </row>
    <row r="42750" spans="1:10" x14ac:dyDescent="0.35">
      <c r="A42750" s="1" t="s">
        <v>28045</v>
      </c>
      <c r="B42750" s="1" t="s">
        <v>142570</v>
      </c>
      <c r="C42750" s="1" t="s">
        <v>75</v>
      </c>
      <c r="D42750" s="1" t="s">
        <v>145944</v>
      </c>
      <c r="E42750" s="1" t="s">
        <v>77796</v>
      </c>
      <c r="F42750" s="1" t="s">
        <v>145945</v>
      </c>
      <c r="G42750" s="1" t="s">
        <v>145912</v>
      </c>
      <c r="H42750" s="1" t="s">
        <v>145913</v>
      </c>
      <c r="I42750" s="1" t="s">
        <v>142575</v>
      </c>
      <c r="J42750" s="1" t="s">
        <v>145946</v>
      </c>
    </row>
    <row r="42751" spans="1:10" x14ac:dyDescent="0.35">
      <c r="A42751" s="1" t="s">
        <v>28045</v>
      </c>
      <c r="B42751" s="1" t="s">
        <v>142570</v>
      </c>
      <c r="C42751" s="1" t="s">
        <v>80</v>
      </c>
      <c r="D42751" s="1" t="s">
        <v>143331</v>
      </c>
      <c r="E42751" s="1" t="s">
        <v>107435</v>
      </c>
      <c r="F42751" s="1" t="s">
        <v>134051</v>
      </c>
      <c r="G42751" s="1" t="s">
        <v>145912</v>
      </c>
      <c r="H42751" s="1" t="s">
        <v>145913</v>
      </c>
      <c r="I42751" s="1" t="s">
        <v>142575</v>
      </c>
      <c r="J42751" s="1" t="s">
        <v>145947</v>
      </c>
    </row>
    <row r="42752" spans="1:10" x14ac:dyDescent="0.35">
      <c r="A42752" s="1" t="s">
        <v>28045</v>
      </c>
      <c r="B42752" s="1" t="s">
        <v>142570</v>
      </c>
      <c r="C42752" s="1" t="s">
        <v>85</v>
      </c>
      <c r="D42752" s="1" t="s">
        <v>6896</v>
      </c>
      <c r="E42752" s="1" t="s">
        <v>145948</v>
      </c>
      <c r="F42752" s="1" t="s">
        <v>145949</v>
      </c>
      <c r="G42752" s="1" t="s">
        <v>145912</v>
      </c>
      <c r="H42752" s="1" t="s">
        <v>145913</v>
      </c>
      <c r="I42752" s="1" t="s">
        <v>142575</v>
      </c>
      <c r="J42752" s="1" t="s">
        <v>145950</v>
      </c>
    </row>
    <row r="42753" spans="1:10" x14ac:dyDescent="0.35">
      <c r="A42753" s="1" t="s">
        <v>28045</v>
      </c>
      <c r="B42753" s="1" t="s">
        <v>142570</v>
      </c>
      <c r="C42753" s="1" t="s">
        <v>90</v>
      </c>
      <c r="D42753" s="1" t="s">
        <v>28210</v>
      </c>
      <c r="E42753" s="1" t="s">
        <v>145922</v>
      </c>
      <c r="F42753" s="1" t="s">
        <v>145951</v>
      </c>
      <c r="G42753" s="1" t="s">
        <v>145912</v>
      </c>
      <c r="H42753" s="1" t="s">
        <v>145913</v>
      </c>
      <c r="I42753" s="1" t="s">
        <v>142575</v>
      </c>
      <c r="J42753" s="1" t="s">
        <v>145952</v>
      </c>
    </row>
    <row r="42754" spans="1:10" x14ac:dyDescent="0.35">
      <c r="A42754" s="1" t="s">
        <v>28045</v>
      </c>
      <c r="B42754" s="1" t="s">
        <v>142570</v>
      </c>
      <c r="C42754" s="1" t="s">
        <v>95</v>
      </c>
      <c r="D42754" s="1" t="s">
        <v>25604</v>
      </c>
      <c r="E42754" s="1" t="s">
        <v>126655</v>
      </c>
      <c r="F42754" s="1" t="s">
        <v>145953</v>
      </c>
      <c r="G42754" s="1" t="s">
        <v>145912</v>
      </c>
      <c r="H42754" s="1" t="s">
        <v>145913</v>
      </c>
      <c r="I42754" s="1" t="s">
        <v>142575</v>
      </c>
      <c r="J42754" s="1" t="s">
        <v>145954</v>
      </c>
    </row>
    <row r="42755" spans="1:10" x14ac:dyDescent="0.35">
      <c r="A42755" s="1" t="s">
        <v>28045</v>
      </c>
      <c r="B42755" s="1" t="s">
        <v>142570</v>
      </c>
      <c r="C42755" s="1" t="s">
        <v>100</v>
      </c>
      <c r="D42755" s="1" t="s">
        <v>8400</v>
      </c>
      <c r="E42755" s="1" t="s">
        <v>145955</v>
      </c>
      <c r="F42755" s="1" t="s">
        <v>145956</v>
      </c>
      <c r="G42755" s="1" t="s">
        <v>145912</v>
      </c>
      <c r="H42755" s="1" t="s">
        <v>145913</v>
      </c>
      <c r="I42755" s="1" t="s">
        <v>142575</v>
      </c>
      <c r="J42755" s="1" t="s">
        <v>145957</v>
      </c>
    </row>
    <row r="42756" spans="1:10" x14ac:dyDescent="0.35">
      <c r="A42756" s="1" t="s">
        <v>28045</v>
      </c>
      <c r="B42756" s="1" t="s">
        <v>142570</v>
      </c>
      <c r="C42756" s="1" t="s">
        <v>105</v>
      </c>
      <c r="D42756" s="1" t="s">
        <v>6932</v>
      </c>
      <c r="E42756" s="1" t="s">
        <v>133097</v>
      </c>
      <c r="F42756" s="1" t="s">
        <v>145958</v>
      </c>
      <c r="G42756" s="1" t="s">
        <v>145912</v>
      </c>
      <c r="H42756" s="1" t="s">
        <v>145913</v>
      </c>
      <c r="I42756" s="1" t="s">
        <v>142575</v>
      </c>
      <c r="J42756" s="1" t="s">
        <v>145959</v>
      </c>
    </row>
    <row r="42757" spans="1:10" x14ac:dyDescent="0.35">
      <c r="A42757" s="1" t="s">
        <v>28045</v>
      </c>
      <c r="B42757" s="1" t="s">
        <v>142570</v>
      </c>
      <c r="C42757" s="1" t="s">
        <v>110</v>
      </c>
      <c r="D42757" s="1" t="s">
        <v>9021</v>
      </c>
      <c r="E42757" s="1" t="s">
        <v>131799</v>
      </c>
      <c r="F42757" s="1" t="s">
        <v>145960</v>
      </c>
      <c r="G42757" s="1" t="s">
        <v>145912</v>
      </c>
      <c r="H42757" s="1" t="s">
        <v>145913</v>
      </c>
      <c r="I42757" s="1" t="s">
        <v>142575</v>
      </c>
      <c r="J42757" s="1" t="s">
        <v>145961</v>
      </c>
    </row>
    <row r="42758" spans="1:10" x14ac:dyDescent="0.35">
      <c r="A42758" s="1" t="s">
        <v>28045</v>
      </c>
      <c r="B42758" s="1" t="s">
        <v>142570</v>
      </c>
      <c r="C42758" s="1" t="s">
        <v>115</v>
      </c>
      <c r="D42758" s="1" t="s">
        <v>121295</v>
      </c>
      <c r="E42758" s="1" t="s">
        <v>107305</v>
      </c>
      <c r="F42758" s="1" t="s">
        <v>145962</v>
      </c>
      <c r="G42758" s="1" t="s">
        <v>145912</v>
      </c>
      <c r="H42758" s="1" t="s">
        <v>145913</v>
      </c>
      <c r="I42758" s="1" t="s">
        <v>142575</v>
      </c>
      <c r="J42758" s="1" t="s">
        <v>145963</v>
      </c>
    </row>
    <row r="42759" spans="1:10" x14ac:dyDescent="0.35">
      <c r="A42759" s="1" t="s">
        <v>28045</v>
      </c>
      <c r="B42759" s="1" t="s">
        <v>142570</v>
      </c>
      <c r="C42759" s="1" t="s">
        <v>120</v>
      </c>
      <c r="D42759" s="1" t="s">
        <v>145201</v>
      </c>
      <c r="E42759" s="1" t="s">
        <v>109526</v>
      </c>
      <c r="F42759" s="1" t="s">
        <v>145964</v>
      </c>
      <c r="G42759" s="1" t="s">
        <v>145912</v>
      </c>
      <c r="H42759" s="1" t="s">
        <v>145913</v>
      </c>
      <c r="I42759" s="1" t="s">
        <v>142575</v>
      </c>
      <c r="J42759" s="1" t="s">
        <v>145965</v>
      </c>
    </row>
    <row r="42760" spans="1:10" x14ac:dyDescent="0.35">
      <c r="A42760" s="1" t="s">
        <v>28045</v>
      </c>
      <c r="B42760" s="1" t="s">
        <v>142570</v>
      </c>
      <c r="C42760" s="1" t="s">
        <v>125</v>
      </c>
      <c r="D42760" s="1" t="s">
        <v>2572</v>
      </c>
      <c r="E42760" s="1" t="s">
        <v>130020</v>
      </c>
      <c r="F42760" s="1" t="s">
        <v>145966</v>
      </c>
      <c r="G42760" s="1" t="s">
        <v>145912</v>
      </c>
      <c r="H42760" s="1" t="s">
        <v>145913</v>
      </c>
      <c r="I42760" s="1" t="s">
        <v>142575</v>
      </c>
      <c r="J42760" s="1" t="s">
        <v>145967</v>
      </c>
    </row>
    <row r="42761" spans="1:10" x14ac:dyDescent="0.35">
      <c r="A42761" s="1" t="s">
        <v>28045</v>
      </c>
      <c r="B42761" s="1" t="s">
        <v>142570</v>
      </c>
      <c r="C42761" s="1" t="s">
        <v>130</v>
      </c>
      <c r="D42761" s="1" t="s">
        <v>145968</v>
      </c>
      <c r="E42761" s="1" t="s">
        <v>107309</v>
      </c>
      <c r="F42761" s="1" t="s">
        <v>145969</v>
      </c>
      <c r="G42761" s="1" t="s">
        <v>145912</v>
      </c>
      <c r="H42761" s="1" t="s">
        <v>145913</v>
      </c>
      <c r="I42761" s="1" t="s">
        <v>142575</v>
      </c>
      <c r="J42761" s="1" t="s">
        <v>145970</v>
      </c>
    </row>
    <row r="42762" spans="1:10" x14ac:dyDescent="0.35">
      <c r="A42762" s="1" t="s">
        <v>28045</v>
      </c>
      <c r="B42762" s="1" t="s">
        <v>142570</v>
      </c>
      <c r="C42762" s="1" t="s">
        <v>135</v>
      </c>
      <c r="D42762" s="1" t="s">
        <v>25883</v>
      </c>
      <c r="E42762" s="1" t="s">
        <v>109529</v>
      </c>
      <c r="F42762" s="1" t="s">
        <v>145971</v>
      </c>
      <c r="G42762" s="1" t="s">
        <v>145912</v>
      </c>
      <c r="H42762" s="1" t="s">
        <v>145913</v>
      </c>
      <c r="I42762" s="1" t="s">
        <v>142575</v>
      </c>
      <c r="J42762" s="1" t="s">
        <v>145972</v>
      </c>
    </row>
    <row r="42763" spans="1:10" x14ac:dyDescent="0.35">
      <c r="A42763" s="1" t="s">
        <v>28045</v>
      </c>
      <c r="B42763" s="1" t="s">
        <v>142570</v>
      </c>
      <c r="C42763" s="1" t="s">
        <v>140</v>
      </c>
      <c r="D42763" s="1" t="s">
        <v>45855</v>
      </c>
      <c r="E42763" s="1" t="s">
        <v>74198</v>
      </c>
      <c r="F42763" s="1" t="s">
        <v>133823</v>
      </c>
      <c r="G42763" s="1" t="s">
        <v>145912</v>
      </c>
      <c r="H42763" s="1" t="s">
        <v>145913</v>
      </c>
      <c r="I42763" s="1" t="s">
        <v>142575</v>
      </c>
      <c r="J42763" s="1" t="s">
        <v>145973</v>
      </c>
    </row>
    <row r="42764" spans="1:10" x14ac:dyDescent="0.35">
      <c r="A42764" s="1" t="s">
        <v>28045</v>
      </c>
      <c r="B42764" s="1" t="s">
        <v>142570</v>
      </c>
      <c r="C42764" s="1" t="s">
        <v>145</v>
      </c>
      <c r="D42764" s="1" t="s">
        <v>142938</v>
      </c>
      <c r="E42764" s="1" t="s">
        <v>145922</v>
      </c>
      <c r="F42764" s="1" t="s">
        <v>145974</v>
      </c>
      <c r="G42764" s="1" t="s">
        <v>145912</v>
      </c>
      <c r="H42764" s="1" t="s">
        <v>145913</v>
      </c>
      <c r="I42764" s="1" t="s">
        <v>142575</v>
      </c>
      <c r="J42764" s="1" t="s">
        <v>145975</v>
      </c>
    </row>
    <row r="42765" spans="1:10" x14ac:dyDescent="0.35">
      <c r="A42765" s="1" t="s">
        <v>28045</v>
      </c>
      <c r="B42765" s="1" t="s">
        <v>142570</v>
      </c>
      <c r="C42765" s="1" t="s">
        <v>150</v>
      </c>
      <c r="D42765" s="1" t="s">
        <v>34780</v>
      </c>
      <c r="E42765" s="1" t="s">
        <v>145079</v>
      </c>
      <c r="F42765" s="1" t="s">
        <v>145976</v>
      </c>
      <c r="G42765" s="1" t="s">
        <v>145912</v>
      </c>
      <c r="H42765" s="1" t="s">
        <v>145913</v>
      </c>
      <c r="I42765" s="1" t="s">
        <v>142575</v>
      </c>
      <c r="J42765" s="1" t="s">
        <v>145977</v>
      </c>
    </row>
    <row r="42766" spans="1:10" x14ac:dyDescent="0.35">
      <c r="A42766" s="1" t="s">
        <v>28045</v>
      </c>
      <c r="B42766" s="1" t="s">
        <v>142570</v>
      </c>
      <c r="C42766" s="1" t="s">
        <v>155</v>
      </c>
      <c r="D42766" s="1" t="s">
        <v>2584</v>
      </c>
      <c r="E42766" s="1" t="s">
        <v>130004</v>
      </c>
      <c r="F42766" s="1" t="s">
        <v>145978</v>
      </c>
      <c r="G42766" s="1" t="s">
        <v>145912</v>
      </c>
      <c r="H42766" s="1" t="s">
        <v>145913</v>
      </c>
      <c r="I42766" s="1" t="s">
        <v>142575</v>
      </c>
      <c r="J42766" s="1" t="s">
        <v>145979</v>
      </c>
    </row>
    <row r="42767" spans="1:10" x14ac:dyDescent="0.35">
      <c r="A42767" s="1" t="s">
        <v>28045</v>
      </c>
      <c r="B42767" s="1" t="s">
        <v>142570</v>
      </c>
      <c r="C42767" s="1" t="s">
        <v>160</v>
      </c>
      <c r="D42767" s="1" t="s">
        <v>34579</v>
      </c>
      <c r="E42767" s="1" t="s">
        <v>145980</v>
      </c>
      <c r="F42767" s="1" t="s">
        <v>145981</v>
      </c>
      <c r="G42767" s="1" t="s">
        <v>145912</v>
      </c>
      <c r="H42767" s="1" t="s">
        <v>145913</v>
      </c>
      <c r="I42767" s="1" t="s">
        <v>142575</v>
      </c>
      <c r="J42767" s="1" t="s">
        <v>145982</v>
      </c>
    </row>
    <row r="42768" spans="1:10" x14ac:dyDescent="0.35">
      <c r="A42768" s="1" t="s">
        <v>28045</v>
      </c>
      <c r="B42768" s="1" t="s">
        <v>142570</v>
      </c>
      <c r="C42768" s="1" t="s">
        <v>165</v>
      </c>
      <c r="D42768" s="1" t="s">
        <v>2323</v>
      </c>
      <c r="E42768" s="1" t="s">
        <v>145983</v>
      </c>
      <c r="F42768" s="1" t="s">
        <v>145984</v>
      </c>
      <c r="G42768" s="1" t="s">
        <v>145912</v>
      </c>
      <c r="H42768" s="1" t="s">
        <v>145913</v>
      </c>
      <c r="I42768" s="1" t="s">
        <v>142575</v>
      </c>
      <c r="J42768" s="1" t="s">
        <v>145985</v>
      </c>
    </row>
    <row r="42769" spans="1:10" x14ac:dyDescent="0.35">
      <c r="A42769" s="1" t="s">
        <v>28045</v>
      </c>
      <c r="B42769" s="1" t="s">
        <v>142570</v>
      </c>
      <c r="C42769" s="1" t="s">
        <v>170</v>
      </c>
      <c r="D42769" s="1" t="s">
        <v>145986</v>
      </c>
      <c r="E42769" s="1" t="s">
        <v>145922</v>
      </c>
      <c r="F42769" s="1" t="s">
        <v>145987</v>
      </c>
      <c r="G42769" s="1" t="s">
        <v>145912</v>
      </c>
      <c r="H42769" s="1" t="s">
        <v>145913</v>
      </c>
      <c r="I42769" s="1" t="s">
        <v>142575</v>
      </c>
      <c r="J42769" s="1" t="s">
        <v>145988</v>
      </c>
    </row>
    <row r="42770" spans="1:10" x14ac:dyDescent="0.35">
      <c r="A42770" s="1" t="s">
        <v>145989</v>
      </c>
      <c r="B42770" s="1" t="s">
        <v>142570</v>
      </c>
      <c r="C42770" s="1" t="s">
        <v>8</v>
      </c>
      <c r="D42770" s="1" t="s">
        <v>5693</v>
      </c>
      <c r="E42770" s="1" t="s">
        <v>145990</v>
      </c>
      <c r="F42770" s="1" t="s">
        <v>145991</v>
      </c>
      <c r="G42770" s="1" t="s">
        <v>145992</v>
      </c>
      <c r="H42770" s="1" t="s">
        <v>145993</v>
      </c>
      <c r="I42770" s="1" t="s">
        <v>142575</v>
      </c>
      <c r="J42770" s="1" t="s">
        <v>13</v>
      </c>
    </row>
    <row r="42771" spans="1:10" x14ac:dyDescent="0.35">
      <c r="A42771" s="1" t="s">
        <v>145989</v>
      </c>
      <c r="B42771" s="1" t="s">
        <v>142570</v>
      </c>
      <c r="C42771" s="1" t="s">
        <v>15</v>
      </c>
      <c r="D42771" s="1" t="s">
        <v>27676</v>
      </c>
      <c r="E42771" s="1" t="s">
        <v>145994</v>
      </c>
      <c r="F42771" s="1" t="s">
        <v>145995</v>
      </c>
      <c r="G42771" s="1" t="s">
        <v>145992</v>
      </c>
      <c r="H42771" s="1" t="s">
        <v>145993</v>
      </c>
      <c r="I42771" s="1" t="s">
        <v>142575</v>
      </c>
      <c r="J42771" s="1" t="s">
        <v>145996</v>
      </c>
    </row>
    <row r="42772" spans="1:10" x14ac:dyDescent="0.35">
      <c r="A42772" s="1" t="s">
        <v>145989</v>
      </c>
      <c r="B42772" s="1" t="s">
        <v>142570</v>
      </c>
      <c r="C42772" s="1" t="s">
        <v>20</v>
      </c>
      <c r="D42772" s="1" t="s">
        <v>27666</v>
      </c>
      <c r="E42772" s="1" t="s">
        <v>145997</v>
      </c>
      <c r="F42772" s="1" t="s">
        <v>145998</v>
      </c>
      <c r="G42772" s="1" t="s">
        <v>145992</v>
      </c>
      <c r="H42772" s="1" t="s">
        <v>145993</v>
      </c>
      <c r="I42772" s="1" t="s">
        <v>142575</v>
      </c>
      <c r="J42772" s="1" t="s">
        <v>145999</v>
      </c>
    </row>
    <row r="42773" spans="1:10" x14ac:dyDescent="0.35">
      <c r="A42773" s="1" t="s">
        <v>145989</v>
      </c>
      <c r="B42773" s="1" t="s">
        <v>142570</v>
      </c>
      <c r="C42773" s="1" t="s">
        <v>25</v>
      </c>
      <c r="D42773" s="1" t="s">
        <v>3980</v>
      </c>
      <c r="E42773" s="1" t="s">
        <v>146000</v>
      </c>
      <c r="F42773" s="1" t="s">
        <v>146001</v>
      </c>
      <c r="G42773" s="1" t="s">
        <v>145992</v>
      </c>
      <c r="H42773" s="1" t="s">
        <v>145993</v>
      </c>
      <c r="I42773" s="1" t="s">
        <v>142575</v>
      </c>
      <c r="J42773" s="1" t="s">
        <v>146002</v>
      </c>
    </row>
    <row r="42774" spans="1:10" x14ac:dyDescent="0.35">
      <c r="A42774" s="1" t="s">
        <v>145989</v>
      </c>
      <c r="B42774" s="1" t="s">
        <v>142570</v>
      </c>
      <c r="C42774" s="1" t="s">
        <v>30</v>
      </c>
      <c r="D42774" s="1" t="s">
        <v>119006</v>
      </c>
      <c r="E42774" s="1" t="s">
        <v>146003</v>
      </c>
      <c r="F42774" s="1" t="s">
        <v>146004</v>
      </c>
      <c r="G42774" s="1" t="s">
        <v>145992</v>
      </c>
      <c r="H42774" s="1" t="s">
        <v>145993</v>
      </c>
      <c r="I42774" s="1" t="s">
        <v>142575</v>
      </c>
      <c r="J42774" s="1" t="s">
        <v>146005</v>
      </c>
    </row>
    <row r="42775" spans="1:10" x14ac:dyDescent="0.35">
      <c r="A42775" s="1" t="s">
        <v>145989</v>
      </c>
      <c r="B42775" s="1" t="s">
        <v>142570</v>
      </c>
      <c r="C42775" s="1" t="s">
        <v>35</v>
      </c>
      <c r="D42775" s="1" t="s">
        <v>6396</v>
      </c>
      <c r="E42775" s="1" t="s">
        <v>146006</v>
      </c>
      <c r="F42775" s="1" t="s">
        <v>146007</v>
      </c>
      <c r="G42775" s="1" t="s">
        <v>145992</v>
      </c>
      <c r="H42775" s="1" t="s">
        <v>145993</v>
      </c>
      <c r="I42775" s="1" t="s">
        <v>142575</v>
      </c>
      <c r="J42775" s="1" t="s">
        <v>146008</v>
      </c>
    </row>
    <row r="42776" spans="1:10" x14ac:dyDescent="0.35">
      <c r="A42776" s="1" t="s">
        <v>145989</v>
      </c>
      <c r="B42776" s="1" t="s">
        <v>142570</v>
      </c>
      <c r="C42776" s="1" t="s">
        <v>40</v>
      </c>
      <c r="D42776" s="1" t="s">
        <v>46093</v>
      </c>
      <c r="E42776" s="1" t="s">
        <v>146009</v>
      </c>
      <c r="F42776" s="1" t="s">
        <v>146010</v>
      </c>
      <c r="G42776" s="1" t="s">
        <v>145992</v>
      </c>
      <c r="H42776" s="1" t="s">
        <v>145993</v>
      </c>
      <c r="I42776" s="1" t="s">
        <v>142575</v>
      </c>
      <c r="J42776" s="1" t="s">
        <v>146011</v>
      </c>
    </row>
    <row r="42777" spans="1:10" x14ac:dyDescent="0.35">
      <c r="A42777" s="1" t="s">
        <v>145989</v>
      </c>
      <c r="B42777" s="1" t="s">
        <v>142570</v>
      </c>
      <c r="C42777" s="1" t="s">
        <v>45</v>
      </c>
      <c r="D42777" s="1" t="s">
        <v>119006</v>
      </c>
      <c r="E42777" s="1" t="s">
        <v>146012</v>
      </c>
      <c r="F42777" s="1" t="s">
        <v>146013</v>
      </c>
      <c r="G42777" s="1" t="s">
        <v>145992</v>
      </c>
      <c r="H42777" s="1" t="s">
        <v>145993</v>
      </c>
      <c r="I42777" s="1" t="s">
        <v>142575</v>
      </c>
      <c r="J42777" s="1" t="s">
        <v>146014</v>
      </c>
    </row>
    <row r="42778" spans="1:10" x14ac:dyDescent="0.35">
      <c r="A42778" s="1" t="s">
        <v>145989</v>
      </c>
      <c r="B42778" s="1" t="s">
        <v>142570</v>
      </c>
      <c r="C42778" s="1" t="s">
        <v>50</v>
      </c>
      <c r="D42778" s="1" t="s">
        <v>120864</v>
      </c>
      <c r="E42778" s="1" t="s">
        <v>146015</v>
      </c>
      <c r="F42778" s="1" t="s">
        <v>146016</v>
      </c>
      <c r="G42778" s="1" t="s">
        <v>145992</v>
      </c>
      <c r="H42778" s="1" t="s">
        <v>145993</v>
      </c>
      <c r="I42778" s="1" t="s">
        <v>142575</v>
      </c>
      <c r="J42778" s="1" t="s">
        <v>146017</v>
      </c>
    </row>
    <row r="42779" spans="1:10" x14ac:dyDescent="0.35">
      <c r="A42779" s="1" t="s">
        <v>145989</v>
      </c>
      <c r="B42779" s="1" t="s">
        <v>142570</v>
      </c>
      <c r="C42779" s="1" t="s">
        <v>55</v>
      </c>
      <c r="D42779" s="1" t="s">
        <v>25587</v>
      </c>
      <c r="E42779" s="1" t="s">
        <v>146018</v>
      </c>
      <c r="F42779" s="1" t="s">
        <v>146019</v>
      </c>
      <c r="G42779" s="1" t="s">
        <v>145992</v>
      </c>
      <c r="H42779" s="1" t="s">
        <v>145993</v>
      </c>
      <c r="I42779" s="1" t="s">
        <v>142575</v>
      </c>
      <c r="J42779" s="1" t="s">
        <v>146020</v>
      </c>
    </row>
    <row r="42780" spans="1:10" x14ac:dyDescent="0.35">
      <c r="A42780" s="1" t="s">
        <v>145989</v>
      </c>
      <c r="B42780" s="1" t="s">
        <v>142570</v>
      </c>
      <c r="C42780" s="1" t="s">
        <v>60</v>
      </c>
      <c r="D42780" s="1" t="s">
        <v>145858</v>
      </c>
      <c r="E42780" s="1" t="s">
        <v>146021</v>
      </c>
      <c r="F42780" s="1" t="s">
        <v>146022</v>
      </c>
      <c r="G42780" s="1" t="s">
        <v>145992</v>
      </c>
      <c r="H42780" s="1" t="s">
        <v>145993</v>
      </c>
      <c r="I42780" s="1" t="s">
        <v>142575</v>
      </c>
      <c r="J42780" s="1" t="s">
        <v>146023</v>
      </c>
    </row>
    <row r="42781" spans="1:10" x14ac:dyDescent="0.35">
      <c r="A42781" s="1" t="s">
        <v>145989</v>
      </c>
      <c r="B42781" s="1" t="s">
        <v>142570</v>
      </c>
      <c r="C42781" s="1" t="s">
        <v>65</v>
      </c>
      <c r="D42781" s="1" t="s">
        <v>4357</v>
      </c>
      <c r="E42781" s="1" t="s">
        <v>146024</v>
      </c>
      <c r="F42781" s="1" t="s">
        <v>146025</v>
      </c>
      <c r="G42781" s="1" t="s">
        <v>145992</v>
      </c>
      <c r="H42781" s="1" t="s">
        <v>145993</v>
      </c>
      <c r="I42781" s="1" t="s">
        <v>142575</v>
      </c>
      <c r="J42781" s="1" t="s">
        <v>146026</v>
      </c>
    </row>
    <row r="42782" spans="1:10" x14ac:dyDescent="0.35">
      <c r="A42782" s="1" t="s">
        <v>145989</v>
      </c>
      <c r="B42782" s="1" t="s">
        <v>142570</v>
      </c>
      <c r="C42782" s="1" t="s">
        <v>70</v>
      </c>
      <c r="D42782" s="1" t="s">
        <v>27535</v>
      </c>
      <c r="E42782" s="1" t="s">
        <v>146027</v>
      </c>
      <c r="F42782" s="1" t="s">
        <v>146028</v>
      </c>
      <c r="G42782" s="1" t="s">
        <v>145992</v>
      </c>
      <c r="H42782" s="1" t="s">
        <v>145993</v>
      </c>
      <c r="I42782" s="1" t="s">
        <v>142575</v>
      </c>
      <c r="J42782" s="1" t="s">
        <v>146029</v>
      </c>
    </row>
    <row r="42783" spans="1:10" x14ac:dyDescent="0.35">
      <c r="A42783" s="1" t="s">
        <v>145989</v>
      </c>
      <c r="B42783" s="1" t="s">
        <v>142570</v>
      </c>
      <c r="C42783" s="1" t="s">
        <v>75</v>
      </c>
      <c r="D42783" s="1" t="s">
        <v>13881</v>
      </c>
      <c r="E42783" s="1" t="s">
        <v>146030</v>
      </c>
      <c r="F42783" s="1" t="s">
        <v>146031</v>
      </c>
      <c r="G42783" s="1" t="s">
        <v>145992</v>
      </c>
      <c r="H42783" s="1" t="s">
        <v>145993</v>
      </c>
      <c r="I42783" s="1" t="s">
        <v>142575</v>
      </c>
      <c r="J42783" s="1" t="s">
        <v>146032</v>
      </c>
    </row>
    <row r="42784" spans="1:10" x14ac:dyDescent="0.35">
      <c r="A42784" s="1" t="s">
        <v>145989</v>
      </c>
      <c r="B42784" s="1" t="s">
        <v>142570</v>
      </c>
      <c r="C42784" s="1" t="s">
        <v>80</v>
      </c>
      <c r="D42784" s="1" t="s">
        <v>146033</v>
      </c>
      <c r="E42784" s="1" t="s">
        <v>146034</v>
      </c>
      <c r="F42784" s="1" t="s">
        <v>146035</v>
      </c>
      <c r="G42784" s="1" t="s">
        <v>145992</v>
      </c>
      <c r="H42784" s="1" t="s">
        <v>145993</v>
      </c>
      <c r="I42784" s="1" t="s">
        <v>142575</v>
      </c>
      <c r="J42784" s="1" t="s">
        <v>146036</v>
      </c>
    </row>
    <row r="42785" spans="1:10" x14ac:dyDescent="0.35">
      <c r="A42785" s="1" t="s">
        <v>145989</v>
      </c>
      <c r="B42785" s="1" t="s">
        <v>142570</v>
      </c>
      <c r="C42785" s="1" t="s">
        <v>85</v>
      </c>
      <c r="D42785" s="1" t="s">
        <v>5521</v>
      </c>
      <c r="E42785" s="1" t="s">
        <v>146037</v>
      </c>
      <c r="F42785" s="1" t="s">
        <v>146038</v>
      </c>
      <c r="G42785" s="1" t="s">
        <v>145992</v>
      </c>
      <c r="H42785" s="1" t="s">
        <v>145993</v>
      </c>
      <c r="I42785" s="1" t="s">
        <v>142575</v>
      </c>
      <c r="J42785" s="1" t="s">
        <v>146039</v>
      </c>
    </row>
    <row r="42786" spans="1:10" x14ac:dyDescent="0.35">
      <c r="A42786" s="1" t="s">
        <v>145989</v>
      </c>
      <c r="B42786" s="1" t="s">
        <v>142570</v>
      </c>
      <c r="C42786" s="1" t="s">
        <v>90</v>
      </c>
      <c r="D42786" s="1" t="s">
        <v>50616</v>
      </c>
      <c r="E42786" s="1" t="s">
        <v>146040</v>
      </c>
      <c r="F42786" s="1" t="s">
        <v>146041</v>
      </c>
      <c r="G42786" s="1" t="s">
        <v>145992</v>
      </c>
      <c r="H42786" s="1" t="s">
        <v>145993</v>
      </c>
      <c r="I42786" s="1" t="s">
        <v>142575</v>
      </c>
      <c r="J42786" s="1" t="s">
        <v>146042</v>
      </c>
    </row>
    <row r="42787" spans="1:10" x14ac:dyDescent="0.35">
      <c r="A42787" s="1" t="s">
        <v>145989</v>
      </c>
      <c r="B42787" s="1" t="s">
        <v>142570</v>
      </c>
      <c r="C42787" s="1" t="s">
        <v>95</v>
      </c>
      <c r="D42787" s="1" t="s">
        <v>10250</v>
      </c>
      <c r="E42787" s="1" t="s">
        <v>146043</v>
      </c>
      <c r="F42787" s="1" t="s">
        <v>146044</v>
      </c>
      <c r="G42787" s="1" t="s">
        <v>145992</v>
      </c>
      <c r="H42787" s="1" t="s">
        <v>145993</v>
      </c>
      <c r="I42787" s="1" t="s">
        <v>142575</v>
      </c>
      <c r="J42787" s="1" t="s">
        <v>146045</v>
      </c>
    </row>
    <row r="42788" spans="1:10" x14ac:dyDescent="0.35">
      <c r="A42788" s="1" t="s">
        <v>145989</v>
      </c>
      <c r="B42788" s="1" t="s">
        <v>142570</v>
      </c>
      <c r="C42788" s="1" t="s">
        <v>100</v>
      </c>
      <c r="D42788" s="1" t="s">
        <v>1209</v>
      </c>
      <c r="E42788" s="1" t="s">
        <v>146046</v>
      </c>
      <c r="F42788" s="1" t="s">
        <v>146047</v>
      </c>
      <c r="G42788" s="1" t="s">
        <v>145992</v>
      </c>
      <c r="H42788" s="1" t="s">
        <v>145993</v>
      </c>
      <c r="I42788" s="1" t="s">
        <v>142575</v>
      </c>
      <c r="J42788" s="1" t="s">
        <v>146048</v>
      </c>
    </row>
    <row r="42789" spans="1:10" x14ac:dyDescent="0.35">
      <c r="A42789" s="1" t="s">
        <v>145989</v>
      </c>
      <c r="B42789" s="1" t="s">
        <v>142570</v>
      </c>
      <c r="C42789" s="1" t="s">
        <v>105</v>
      </c>
      <c r="D42789" s="1" t="s">
        <v>25386</v>
      </c>
      <c r="E42789" s="1" t="s">
        <v>146049</v>
      </c>
      <c r="F42789" s="1" t="s">
        <v>146050</v>
      </c>
      <c r="G42789" s="1" t="s">
        <v>145992</v>
      </c>
      <c r="H42789" s="1" t="s">
        <v>145993</v>
      </c>
      <c r="I42789" s="1" t="s">
        <v>142575</v>
      </c>
      <c r="J42789" s="1" t="s">
        <v>146051</v>
      </c>
    </row>
    <row r="42790" spans="1:10" x14ac:dyDescent="0.35">
      <c r="A42790" s="1" t="s">
        <v>145989</v>
      </c>
      <c r="B42790" s="1" t="s">
        <v>142570</v>
      </c>
      <c r="C42790" s="1" t="s">
        <v>110</v>
      </c>
      <c r="D42790" s="1" t="s">
        <v>9175</v>
      </c>
      <c r="E42790" s="1" t="s">
        <v>146052</v>
      </c>
      <c r="F42790" s="1" t="s">
        <v>146053</v>
      </c>
      <c r="G42790" s="1" t="s">
        <v>145992</v>
      </c>
      <c r="H42790" s="1" t="s">
        <v>145993</v>
      </c>
      <c r="I42790" s="1" t="s">
        <v>142575</v>
      </c>
      <c r="J42790" s="1" t="s">
        <v>146054</v>
      </c>
    </row>
    <row r="42791" spans="1:10" x14ac:dyDescent="0.35">
      <c r="A42791" s="1" t="s">
        <v>145989</v>
      </c>
      <c r="B42791" s="1" t="s">
        <v>142570</v>
      </c>
      <c r="C42791" s="1" t="s">
        <v>115</v>
      </c>
      <c r="D42791" s="1" t="s">
        <v>9399</v>
      </c>
      <c r="E42791" s="1" t="s">
        <v>146055</v>
      </c>
      <c r="F42791" s="1" t="s">
        <v>146056</v>
      </c>
      <c r="G42791" s="1" t="s">
        <v>145992</v>
      </c>
      <c r="H42791" s="1" t="s">
        <v>145993</v>
      </c>
      <c r="I42791" s="1" t="s">
        <v>142575</v>
      </c>
      <c r="J42791" s="1" t="s">
        <v>146057</v>
      </c>
    </row>
    <row r="42792" spans="1:10" x14ac:dyDescent="0.35">
      <c r="A42792" s="1" t="s">
        <v>145989</v>
      </c>
      <c r="B42792" s="1" t="s">
        <v>142570</v>
      </c>
      <c r="C42792" s="1" t="s">
        <v>120</v>
      </c>
      <c r="D42792" s="1" t="s">
        <v>14013</v>
      </c>
      <c r="E42792" s="1" t="s">
        <v>146058</v>
      </c>
      <c r="F42792" s="1" t="s">
        <v>146059</v>
      </c>
      <c r="G42792" s="1" t="s">
        <v>145992</v>
      </c>
      <c r="H42792" s="1" t="s">
        <v>145993</v>
      </c>
      <c r="I42792" s="1" t="s">
        <v>142575</v>
      </c>
      <c r="J42792" s="1" t="s">
        <v>146060</v>
      </c>
    </row>
    <row r="42793" spans="1:10" x14ac:dyDescent="0.35">
      <c r="A42793" s="1" t="s">
        <v>145989</v>
      </c>
      <c r="B42793" s="1" t="s">
        <v>142570</v>
      </c>
      <c r="C42793" s="1" t="s">
        <v>125</v>
      </c>
      <c r="D42793" s="1" t="s">
        <v>146061</v>
      </c>
      <c r="E42793" s="1" t="s">
        <v>146062</v>
      </c>
      <c r="F42793" s="1" t="s">
        <v>146063</v>
      </c>
      <c r="G42793" s="1" t="s">
        <v>145992</v>
      </c>
      <c r="H42793" s="1" t="s">
        <v>145993</v>
      </c>
      <c r="I42793" s="1" t="s">
        <v>142575</v>
      </c>
      <c r="J42793" s="1" t="s">
        <v>25364</v>
      </c>
    </row>
    <row r="42794" spans="1:10" x14ac:dyDescent="0.35">
      <c r="A42794" s="1" t="s">
        <v>145989</v>
      </c>
      <c r="B42794" s="1" t="s">
        <v>142570</v>
      </c>
      <c r="C42794" s="1" t="s">
        <v>130</v>
      </c>
      <c r="D42794" s="1" t="s">
        <v>45240</v>
      </c>
      <c r="E42794" s="1" t="s">
        <v>146064</v>
      </c>
      <c r="F42794" s="1" t="s">
        <v>146065</v>
      </c>
      <c r="G42794" s="1" t="s">
        <v>145992</v>
      </c>
      <c r="H42794" s="1" t="s">
        <v>145993</v>
      </c>
      <c r="I42794" s="1" t="s">
        <v>142575</v>
      </c>
      <c r="J42794" s="1" t="s">
        <v>146066</v>
      </c>
    </row>
    <row r="42795" spans="1:10" x14ac:dyDescent="0.35">
      <c r="A42795" s="1" t="s">
        <v>145989</v>
      </c>
      <c r="B42795" s="1" t="s">
        <v>142570</v>
      </c>
      <c r="C42795" s="1" t="s">
        <v>135</v>
      </c>
      <c r="D42795" s="1" t="s">
        <v>14157</v>
      </c>
      <c r="E42795" s="1" t="s">
        <v>146067</v>
      </c>
      <c r="F42795" s="1" t="s">
        <v>146068</v>
      </c>
      <c r="G42795" s="1" t="s">
        <v>145992</v>
      </c>
      <c r="H42795" s="1" t="s">
        <v>145993</v>
      </c>
      <c r="I42795" s="1" t="s">
        <v>142575</v>
      </c>
      <c r="J42795" s="1" t="s">
        <v>146069</v>
      </c>
    </row>
    <row r="42796" spans="1:10" x14ac:dyDescent="0.35">
      <c r="A42796" s="1" t="s">
        <v>145989</v>
      </c>
      <c r="B42796" s="1" t="s">
        <v>142570</v>
      </c>
      <c r="C42796" s="1" t="s">
        <v>140</v>
      </c>
      <c r="D42796" s="1" t="s">
        <v>143738</v>
      </c>
      <c r="E42796" s="1" t="s">
        <v>146070</v>
      </c>
      <c r="F42796" s="1" t="s">
        <v>146071</v>
      </c>
      <c r="G42796" s="1" t="s">
        <v>145992</v>
      </c>
      <c r="H42796" s="1" t="s">
        <v>145993</v>
      </c>
      <c r="I42796" s="1" t="s">
        <v>142575</v>
      </c>
      <c r="J42796" s="1" t="s">
        <v>146072</v>
      </c>
    </row>
    <row r="42797" spans="1:10" x14ac:dyDescent="0.35">
      <c r="A42797" s="1" t="s">
        <v>145989</v>
      </c>
      <c r="B42797" s="1" t="s">
        <v>142570</v>
      </c>
      <c r="C42797" s="1" t="s">
        <v>145</v>
      </c>
      <c r="D42797" s="1" t="s">
        <v>24974</v>
      </c>
      <c r="E42797" s="1" t="s">
        <v>146052</v>
      </c>
      <c r="F42797" s="1" t="s">
        <v>146073</v>
      </c>
      <c r="G42797" s="1" t="s">
        <v>145992</v>
      </c>
      <c r="H42797" s="1" t="s">
        <v>145993</v>
      </c>
      <c r="I42797" s="1" t="s">
        <v>142575</v>
      </c>
      <c r="J42797" s="1" t="s">
        <v>146074</v>
      </c>
    </row>
    <row r="42798" spans="1:10" x14ac:dyDescent="0.35">
      <c r="A42798" s="1" t="s">
        <v>145989</v>
      </c>
      <c r="B42798" s="1" t="s">
        <v>142570</v>
      </c>
      <c r="C42798" s="1" t="s">
        <v>150</v>
      </c>
      <c r="D42798" s="1" t="s">
        <v>51288</v>
      </c>
      <c r="E42798" s="1" t="s">
        <v>146075</v>
      </c>
      <c r="F42798" s="1" t="s">
        <v>146076</v>
      </c>
      <c r="G42798" s="1" t="s">
        <v>145992</v>
      </c>
      <c r="H42798" s="1" t="s">
        <v>145993</v>
      </c>
      <c r="I42798" s="1" t="s">
        <v>142575</v>
      </c>
      <c r="J42798" s="1" t="s">
        <v>146077</v>
      </c>
    </row>
    <row r="42799" spans="1:10" x14ac:dyDescent="0.35">
      <c r="A42799" s="1" t="s">
        <v>145989</v>
      </c>
      <c r="B42799" s="1" t="s">
        <v>142570</v>
      </c>
      <c r="C42799" s="1" t="s">
        <v>155</v>
      </c>
      <c r="D42799" s="1" t="s">
        <v>146078</v>
      </c>
      <c r="E42799" s="1" t="s">
        <v>146079</v>
      </c>
      <c r="F42799" s="1" t="s">
        <v>146080</v>
      </c>
      <c r="G42799" s="1" t="s">
        <v>145992</v>
      </c>
      <c r="H42799" s="1" t="s">
        <v>145993</v>
      </c>
      <c r="I42799" s="1" t="s">
        <v>142575</v>
      </c>
      <c r="J42799" s="1" t="s">
        <v>146081</v>
      </c>
    </row>
    <row r="42800" spans="1:10" x14ac:dyDescent="0.35">
      <c r="A42800" s="1" t="s">
        <v>145989</v>
      </c>
      <c r="B42800" s="1" t="s">
        <v>142570</v>
      </c>
      <c r="C42800" s="1" t="s">
        <v>160</v>
      </c>
      <c r="D42800" s="1" t="s">
        <v>15021</v>
      </c>
      <c r="E42800" s="1" t="s">
        <v>146082</v>
      </c>
      <c r="F42800" s="1" t="s">
        <v>146083</v>
      </c>
      <c r="G42800" s="1" t="s">
        <v>145992</v>
      </c>
      <c r="H42800" s="1" t="s">
        <v>145993</v>
      </c>
      <c r="I42800" s="1" t="s">
        <v>142575</v>
      </c>
      <c r="J42800" s="1" t="s">
        <v>144553</v>
      </c>
    </row>
    <row r="42801" spans="1:10" x14ac:dyDescent="0.35">
      <c r="A42801" s="1" t="s">
        <v>145989</v>
      </c>
      <c r="B42801" s="1" t="s">
        <v>142570</v>
      </c>
      <c r="C42801" s="1" t="s">
        <v>165</v>
      </c>
      <c r="D42801" s="1" t="s">
        <v>29179</v>
      </c>
      <c r="E42801" s="1" t="s">
        <v>146084</v>
      </c>
      <c r="F42801" s="1" t="s">
        <v>146085</v>
      </c>
      <c r="G42801" s="1" t="s">
        <v>145992</v>
      </c>
      <c r="H42801" s="1" t="s">
        <v>145993</v>
      </c>
      <c r="I42801" s="1" t="s">
        <v>142575</v>
      </c>
      <c r="J42801" s="1" t="s">
        <v>146086</v>
      </c>
    </row>
    <row r="42802" spans="1:10" x14ac:dyDescent="0.35">
      <c r="A42802" s="1" t="s">
        <v>145989</v>
      </c>
      <c r="B42802" s="1" t="s">
        <v>142570</v>
      </c>
      <c r="C42802" s="1" t="s">
        <v>170</v>
      </c>
      <c r="D42802" s="1" t="s">
        <v>146087</v>
      </c>
      <c r="E42802" s="1" t="s">
        <v>146088</v>
      </c>
      <c r="F42802" s="1" t="s">
        <v>146089</v>
      </c>
      <c r="G42802" s="1" t="s">
        <v>145992</v>
      </c>
      <c r="H42802" s="1" t="s">
        <v>145993</v>
      </c>
      <c r="I42802" s="1" t="s">
        <v>142575</v>
      </c>
      <c r="J42802" s="1" t="s">
        <v>146090</v>
      </c>
    </row>
    <row r="42803" spans="1:10" x14ac:dyDescent="0.35">
      <c r="A42803" s="1" t="s">
        <v>6377</v>
      </c>
      <c r="B42803" s="1" t="s">
        <v>142570</v>
      </c>
      <c r="C42803" s="1" t="s">
        <v>8</v>
      </c>
      <c r="D42803" s="1" t="s">
        <v>9371</v>
      </c>
      <c r="E42803" s="1" t="s">
        <v>146091</v>
      </c>
      <c r="F42803" s="1" t="s">
        <v>146092</v>
      </c>
      <c r="G42803" s="1" t="s">
        <v>146093</v>
      </c>
      <c r="H42803" s="1" t="s">
        <v>146094</v>
      </c>
      <c r="I42803" s="1" t="s">
        <v>142575</v>
      </c>
      <c r="J42803" s="1" t="s">
        <v>13</v>
      </c>
    </row>
    <row r="42804" spans="1:10" x14ac:dyDescent="0.35">
      <c r="A42804" s="1" t="s">
        <v>6377</v>
      </c>
      <c r="B42804" s="1" t="s">
        <v>142570</v>
      </c>
      <c r="C42804" s="1" t="s">
        <v>15</v>
      </c>
      <c r="D42804" s="1" t="s">
        <v>4329</v>
      </c>
      <c r="E42804" s="1" t="s">
        <v>146095</v>
      </c>
      <c r="F42804" s="1" t="s">
        <v>146096</v>
      </c>
      <c r="G42804" s="1" t="s">
        <v>146093</v>
      </c>
      <c r="H42804" s="1" t="s">
        <v>146094</v>
      </c>
      <c r="I42804" s="1" t="s">
        <v>142575</v>
      </c>
      <c r="J42804" s="1" t="s">
        <v>146097</v>
      </c>
    </row>
    <row r="42805" spans="1:10" x14ac:dyDescent="0.35">
      <c r="A42805" s="1" t="s">
        <v>6377</v>
      </c>
      <c r="B42805" s="1" t="s">
        <v>142570</v>
      </c>
      <c r="C42805" s="1" t="s">
        <v>20</v>
      </c>
      <c r="D42805" s="1" t="s">
        <v>139279</v>
      </c>
      <c r="E42805" s="1" t="s">
        <v>146098</v>
      </c>
      <c r="F42805" s="1" t="s">
        <v>146099</v>
      </c>
      <c r="G42805" s="1" t="s">
        <v>146093</v>
      </c>
      <c r="H42805" s="1" t="s">
        <v>146094</v>
      </c>
      <c r="I42805" s="1" t="s">
        <v>142575</v>
      </c>
      <c r="J42805" s="1" t="s">
        <v>146100</v>
      </c>
    </row>
    <row r="42806" spans="1:10" x14ac:dyDescent="0.35">
      <c r="A42806" s="1" t="s">
        <v>6377</v>
      </c>
      <c r="B42806" s="1" t="s">
        <v>142570</v>
      </c>
      <c r="C42806" s="1" t="s">
        <v>25</v>
      </c>
      <c r="D42806" s="1" t="s">
        <v>28498</v>
      </c>
      <c r="E42806" s="1" t="s">
        <v>146101</v>
      </c>
      <c r="F42806" s="1" t="s">
        <v>146102</v>
      </c>
      <c r="G42806" s="1" t="s">
        <v>146093</v>
      </c>
      <c r="H42806" s="1" t="s">
        <v>146094</v>
      </c>
      <c r="I42806" s="1" t="s">
        <v>142575</v>
      </c>
      <c r="J42806" s="1" t="s">
        <v>146103</v>
      </c>
    </row>
    <row r="42807" spans="1:10" x14ac:dyDescent="0.35">
      <c r="A42807" s="1" t="s">
        <v>6377</v>
      </c>
      <c r="B42807" s="1" t="s">
        <v>142570</v>
      </c>
      <c r="C42807" s="1" t="s">
        <v>30</v>
      </c>
      <c r="D42807" s="1" t="s">
        <v>133742</v>
      </c>
      <c r="E42807" s="1" t="s">
        <v>146104</v>
      </c>
      <c r="F42807" s="1" t="s">
        <v>146105</v>
      </c>
      <c r="G42807" s="1" t="s">
        <v>146093</v>
      </c>
      <c r="H42807" s="1" t="s">
        <v>146094</v>
      </c>
      <c r="I42807" s="1" t="s">
        <v>142575</v>
      </c>
      <c r="J42807" s="1" t="s">
        <v>146106</v>
      </c>
    </row>
    <row r="42808" spans="1:10" x14ac:dyDescent="0.35">
      <c r="A42808" s="1" t="s">
        <v>6377</v>
      </c>
      <c r="B42808" s="1" t="s">
        <v>142570</v>
      </c>
      <c r="C42808" s="1" t="s">
        <v>35</v>
      </c>
      <c r="D42808" s="1" t="s">
        <v>25849</v>
      </c>
      <c r="E42808" s="1" t="s">
        <v>146107</v>
      </c>
      <c r="F42808" s="1" t="s">
        <v>146108</v>
      </c>
      <c r="G42808" s="1" t="s">
        <v>146093</v>
      </c>
      <c r="H42808" s="1" t="s">
        <v>146094</v>
      </c>
      <c r="I42808" s="1" t="s">
        <v>142575</v>
      </c>
      <c r="J42808" s="1" t="s">
        <v>146109</v>
      </c>
    </row>
    <row r="42809" spans="1:10" x14ac:dyDescent="0.35">
      <c r="A42809" s="1" t="s">
        <v>6377</v>
      </c>
      <c r="B42809" s="1" t="s">
        <v>142570</v>
      </c>
      <c r="C42809" s="1" t="s">
        <v>40</v>
      </c>
      <c r="D42809" s="1" t="s">
        <v>52062</v>
      </c>
      <c r="E42809" s="1" t="s">
        <v>146110</v>
      </c>
      <c r="F42809" s="1" t="s">
        <v>146111</v>
      </c>
      <c r="G42809" s="1" t="s">
        <v>146093</v>
      </c>
      <c r="H42809" s="1" t="s">
        <v>146094</v>
      </c>
      <c r="I42809" s="1" t="s">
        <v>142575</v>
      </c>
      <c r="J42809" s="1" t="s">
        <v>146112</v>
      </c>
    </row>
    <row r="42810" spans="1:10" x14ac:dyDescent="0.35">
      <c r="A42810" s="1" t="s">
        <v>6377</v>
      </c>
      <c r="B42810" s="1" t="s">
        <v>142570</v>
      </c>
      <c r="C42810" s="1" t="s">
        <v>45</v>
      </c>
      <c r="D42810" s="1" t="s">
        <v>133742</v>
      </c>
      <c r="E42810" s="1" t="s">
        <v>146113</v>
      </c>
      <c r="F42810" s="1" t="s">
        <v>146114</v>
      </c>
      <c r="G42810" s="1" t="s">
        <v>146093</v>
      </c>
      <c r="H42810" s="1" t="s">
        <v>146094</v>
      </c>
      <c r="I42810" s="1" t="s">
        <v>142575</v>
      </c>
      <c r="J42810" s="1" t="s">
        <v>146115</v>
      </c>
    </row>
    <row r="42811" spans="1:10" x14ac:dyDescent="0.35">
      <c r="A42811" s="1" t="s">
        <v>6377</v>
      </c>
      <c r="B42811" s="1" t="s">
        <v>142570</v>
      </c>
      <c r="C42811" s="1" t="s">
        <v>50</v>
      </c>
      <c r="D42811" s="1" t="s">
        <v>29263</v>
      </c>
      <c r="E42811" s="1" t="s">
        <v>146116</v>
      </c>
      <c r="F42811" s="1" t="s">
        <v>146117</v>
      </c>
      <c r="G42811" s="1" t="s">
        <v>146093</v>
      </c>
      <c r="H42811" s="1" t="s">
        <v>146094</v>
      </c>
      <c r="I42811" s="1" t="s">
        <v>142575</v>
      </c>
      <c r="J42811" s="1" t="s">
        <v>146118</v>
      </c>
    </row>
    <row r="42812" spans="1:10" x14ac:dyDescent="0.35">
      <c r="A42812" s="1" t="s">
        <v>6377</v>
      </c>
      <c r="B42812" s="1" t="s">
        <v>142570</v>
      </c>
      <c r="C42812" s="1" t="s">
        <v>55</v>
      </c>
      <c r="D42812" s="1" t="s">
        <v>9305</v>
      </c>
      <c r="E42812" s="1" t="s">
        <v>146119</v>
      </c>
      <c r="F42812" s="1" t="s">
        <v>146120</v>
      </c>
      <c r="G42812" s="1" t="s">
        <v>146093</v>
      </c>
      <c r="H42812" s="1" t="s">
        <v>146094</v>
      </c>
      <c r="I42812" s="1" t="s">
        <v>142575</v>
      </c>
      <c r="J42812" s="1" t="s">
        <v>146121</v>
      </c>
    </row>
    <row r="42813" spans="1:10" x14ac:dyDescent="0.35">
      <c r="A42813" s="1" t="s">
        <v>6377</v>
      </c>
      <c r="B42813" s="1" t="s">
        <v>142570</v>
      </c>
      <c r="C42813" s="1" t="s">
        <v>60</v>
      </c>
      <c r="D42813" s="1" t="s">
        <v>51472</v>
      </c>
      <c r="E42813" s="1" t="s">
        <v>146122</v>
      </c>
      <c r="F42813" s="1" t="s">
        <v>146123</v>
      </c>
      <c r="G42813" s="1" t="s">
        <v>146093</v>
      </c>
      <c r="H42813" s="1" t="s">
        <v>146094</v>
      </c>
      <c r="I42813" s="1" t="s">
        <v>142575</v>
      </c>
      <c r="J42813" s="1" t="s">
        <v>146124</v>
      </c>
    </row>
    <row r="42814" spans="1:10" x14ac:dyDescent="0.35">
      <c r="A42814" s="1" t="s">
        <v>6377</v>
      </c>
      <c r="B42814" s="1" t="s">
        <v>142570</v>
      </c>
      <c r="C42814" s="1" t="s">
        <v>65</v>
      </c>
      <c r="D42814" s="1" t="s">
        <v>4462</v>
      </c>
      <c r="E42814" s="1" t="s">
        <v>146125</v>
      </c>
      <c r="F42814" s="1" t="s">
        <v>146126</v>
      </c>
      <c r="G42814" s="1" t="s">
        <v>146093</v>
      </c>
      <c r="H42814" s="1" t="s">
        <v>146094</v>
      </c>
      <c r="I42814" s="1" t="s">
        <v>142575</v>
      </c>
      <c r="J42814" s="1" t="s">
        <v>146127</v>
      </c>
    </row>
    <row r="42815" spans="1:10" x14ac:dyDescent="0.35">
      <c r="A42815" s="1" t="s">
        <v>6377</v>
      </c>
      <c r="B42815" s="1" t="s">
        <v>142570</v>
      </c>
      <c r="C42815" s="1" t="s">
        <v>70</v>
      </c>
      <c r="D42815" s="1" t="s">
        <v>145455</v>
      </c>
      <c r="E42815" s="1" t="s">
        <v>146128</v>
      </c>
      <c r="F42815" s="1" t="s">
        <v>146129</v>
      </c>
      <c r="G42815" s="1" t="s">
        <v>146093</v>
      </c>
      <c r="H42815" s="1" t="s">
        <v>146094</v>
      </c>
      <c r="I42815" s="1" t="s">
        <v>142575</v>
      </c>
      <c r="J42815" s="1" t="s">
        <v>146130</v>
      </c>
    </row>
    <row r="42816" spans="1:10" x14ac:dyDescent="0.35">
      <c r="A42816" s="1" t="s">
        <v>6377</v>
      </c>
      <c r="B42816" s="1" t="s">
        <v>142570</v>
      </c>
      <c r="C42816" s="1" t="s">
        <v>75</v>
      </c>
      <c r="D42816" s="1" t="s">
        <v>44515</v>
      </c>
      <c r="E42816" s="1" t="s">
        <v>146131</v>
      </c>
      <c r="F42816" s="1" t="s">
        <v>146132</v>
      </c>
      <c r="G42816" s="1" t="s">
        <v>146093</v>
      </c>
      <c r="H42816" s="1" t="s">
        <v>146094</v>
      </c>
      <c r="I42816" s="1" t="s">
        <v>142575</v>
      </c>
      <c r="J42816" s="1" t="s">
        <v>146133</v>
      </c>
    </row>
    <row r="42817" spans="1:10" x14ac:dyDescent="0.35">
      <c r="A42817" s="1" t="s">
        <v>6377</v>
      </c>
      <c r="B42817" s="1" t="s">
        <v>142570</v>
      </c>
      <c r="C42817" s="1" t="s">
        <v>80</v>
      </c>
      <c r="D42817" s="1" t="s">
        <v>51472</v>
      </c>
      <c r="E42817" s="1" t="s">
        <v>146134</v>
      </c>
      <c r="F42817" s="1" t="s">
        <v>146135</v>
      </c>
      <c r="G42817" s="1" t="s">
        <v>146093</v>
      </c>
      <c r="H42817" s="1" t="s">
        <v>146094</v>
      </c>
      <c r="I42817" s="1" t="s">
        <v>142575</v>
      </c>
      <c r="J42817" s="1" t="s">
        <v>146136</v>
      </c>
    </row>
    <row r="42818" spans="1:10" x14ac:dyDescent="0.35">
      <c r="A42818" s="1" t="s">
        <v>6377</v>
      </c>
      <c r="B42818" s="1" t="s">
        <v>142570</v>
      </c>
      <c r="C42818" s="1" t="s">
        <v>85</v>
      </c>
      <c r="D42818" s="1" t="s">
        <v>30096</v>
      </c>
      <c r="E42818" s="1" t="s">
        <v>146137</v>
      </c>
      <c r="F42818" s="1" t="s">
        <v>146138</v>
      </c>
      <c r="G42818" s="1" t="s">
        <v>146093</v>
      </c>
      <c r="H42818" s="1" t="s">
        <v>146094</v>
      </c>
      <c r="I42818" s="1" t="s">
        <v>142575</v>
      </c>
      <c r="J42818" s="1" t="s">
        <v>146139</v>
      </c>
    </row>
    <row r="42819" spans="1:10" x14ac:dyDescent="0.35">
      <c r="A42819" s="1" t="s">
        <v>6377</v>
      </c>
      <c r="B42819" s="1" t="s">
        <v>142570</v>
      </c>
      <c r="C42819" s="1" t="s">
        <v>90</v>
      </c>
      <c r="D42819" s="1" t="s">
        <v>4484</v>
      </c>
      <c r="E42819" s="1" t="s">
        <v>146140</v>
      </c>
      <c r="F42819" s="1" t="s">
        <v>146141</v>
      </c>
      <c r="G42819" s="1" t="s">
        <v>146093</v>
      </c>
      <c r="H42819" s="1" t="s">
        <v>146094</v>
      </c>
      <c r="I42819" s="1" t="s">
        <v>142575</v>
      </c>
      <c r="J42819" s="1" t="s">
        <v>146142</v>
      </c>
    </row>
    <row r="42820" spans="1:10" x14ac:dyDescent="0.35">
      <c r="A42820" s="1" t="s">
        <v>6377</v>
      </c>
      <c r="B42820" s="1" t="s">
        <v>142570</v>
      </c>
      <c r="C42820" s="1" t="s">
        <v>95</v>
      </c>
      <c r="D42820" s="1" t="s">
        <v>1544</v>
      </c>
      <c r="E42820" s="1" t="s">
        <v>146143</v>
      </c>
      <c r="F42820" s="1" t="s">
        <v>146144</v>
      </c>
      <c r="G42820" s="1" t="s">
        <v>146093</v>
      </c>
      <c r="H42820" s="1" t="s">
        <v>146094</v>
      </c>
      <c r="I42820" s="1" t="s">
        <v>142575</v>
      </c>
      <c r="J42820" s="1" t="s">
        <v>146145</v>
      </c>
    </row>
    <row r="42821" spans="1:10" x14ac:dyDescent="0.35">
      <c r="A42821" s="1" t="s">
        <v>6377</v>
      </c>
      <c r="B42821" s="1" t="s">
        <v>142570</v>
      </c>
      <c r="C42821" s="1" t="s">
        <v>100</v>
      </c>
      <c r="D42821" s="1" t="s">
        <v>25583</v>
      </c>
      <c r="E42821" s="1" t="s">
        <v>146146</v>
      </c>
      <c r="F42821" s="1" t="s">
        <v>146147</v>
      </c>
      <c r="G42821" s="1" t="s">
        <v>146093</v>
      </c>
      <c r="H42821" s="1" t="s">
        <v>146094</v>
      </c>
      <c r="I42821" s="1" t="s">
        <v>142575</v>
      </c>
      <c r="J42821" s="1" t="s">
        <v>146148</v>
      </c>
    </row>
    <row r="42822" spans="1:10" x14ac:dyDescent="0.35">
      <c r="A42822" s="1" t="s">
        <v>6377</v>
      </c>
      <c r="B42822" s="1" t="s">
        <v>142570</v>
      </c>
      <c r="C42822" s="1" t="s">
        <v>105</v>
      </c>
      <c r="D42822" s="1" t="s">
        <v>10530</v>
      </c>
      <c r="E42822" s="1" t="s">
        <v>146149</v>
      </c>
      <c r="F42822" s="1" t="s">
        <v>146150</v>
      </c>
      <c r="G42822" s="1" t="s">
        <v>146093</v>
      </c>
      <c r="H42822" s="1" t="s">
        <v>146094</v>
      </c>
      <c r="I42822" s="1" t="s">
        <v>142575</v>
      </c>
      <c r="J42822" s="1" t="s">
        <v>146151</v>
      </c>
    </row>
    <row r="42823" spans="1:10" x14ac:dyDescent="0.35">
      <c r="A42823" s="1" t="s">
        <v>6377</v>
      </c>
      <c r="B42823" s="1" t="s">
        <v>142570</v>
      </c>
      <c r="C42823" s="1" t="s">
        <v>110</v>
      </c>
      <c r="D42823" s="1" t="s">
        <v>46432</v>
      </c>
      <c r="E42823" s="1" t="s">
        <v>146152</v>
      </c>
      <c r="F42823" s="1" t="s">
        <v>146153</v>
      </c>
      <c r="G42823" s="1" t="s">
        <v>146093</v>
      </c>
      <c r="H42823" s="1" t="s">
        <v>146094</v>
      </c>
      <c r="I42823" s="1" t="s">
        <v>142575</v>
      </c>
      <c r="J42823" s="1" t="s">
        <v>146154</v>
      </c>
    </row>
    <row r="42824" spans="1:10" x14ac:dyDescent="0.35">
      <c r="A42824" s="1" t="s">
        <v>6377</v>
      </c>
      <c r="B42824" s="1" t="s">
        <v>142570</v>
      </c>
      <c r="C42824" s="1" t="s">
        <v>115</v>
      </c>
      <c r="D42824" s="1" t="s">
        <v>51861</v>
      </c>
      <c r="E42824" s="1" t="s">
        <v>146155</v>
      </c>
      <c r="F42824" s="1" t="s">
        <v>146156</v>
      </c>
      <c r="G42824" s="1" t="s">
        <v>146093</v>
      </c>
      <c r="H42824" s="1" t="s">
        <v>146094</v>
      </c>
      <c r="I42824" s="1" t="s">
        <v>142575</v>
      </c>
      <c r="J42824" s="1" t="s">
        <v>146157</v>
      </c>
    </row>
    <row r="42825" spans="1:10" x14ac:dyDescent="0.35">
      <c r="A42825" s="1" t="s">
        <v>6377</v>
      </c>
      <c r="B42825" s="1" t="s">
        <v>142570</v>
      </c>
      <c r="C42825" s="1" t="s">
        <v>120</v>
      </c>
      <c r="D42825" s="1" t="s">
        <v>9879</v>
      </c>
      <c r="E42825" s="1" t="s">
        <v>146158</v>
      </c>
      <c r="F42825" s="1" t="s">
        <v>146159</v>
      </c>
      <c r="G42825" s="1" t="s">
        <v>146093</v>
      </c>
      <c r="H42825" s="1" t="s">
        <v>146094</v>
      </c>
      <c r="I42825" s="1" t="s">
        <v>142575</v>
      </c>
      <c r="J42825" s="1" t="s">
        <v>146160</v>
      </c>
    </row>
    <row r="42826" spans="1:10" x14ac:dyDescent="0.35">
      <c r="A42826" s="1" t="s">
        <v>6377</v>
      </c>
      <c r="B42826" s="1" t="s">
        <v>142570</v>
      </c>
      <c r="C42826" s="1" t="s">
        <v>125</v>
      </c>
      <c r="D42826" s="1" t="s">
        <v>143839</v>
      </c>
      <c r="E42826" s="1" t="s">
        <v>146161</v>
      </c>
      <c r="F42826" s="1" t="s">
        <v>146162</v>
      </c>
      <c r="G42826" s="1" t="s">
        <v>146093</v>
      </c>
      <c r="H42826" s="1" t="s">
        <v>146094</v>
      </c>
      <c r="I42826" s="1" t="s">
        <v>142575</v>
      </c>
      <c r="J42826" s="1" t="s">
        <v>146163</v>
      </c>
    </row>
    <row r="42827" spans="1:10" x14ac:dyDescent="0.35">
      <c r="A42827" s="1" t="s">
        <v>6377</v>
      </c>
      <c r="B42827" s="1" t="s">
        <v>142570</v>
      </c>
      <c r="C42827" s="1" t="s">
        <v>130</v>
      </c>
      <c r="D42827" s="1" t="s">
        <v>5497</v>
      </c>
      <c r="E42827" s="1" t="s">
        <v>146164</v>
      </c>
      <c r="F42827" s="1" t="s">
        <v>146165</v>
      </c>
      <c r="G42827" s="1" t="s">
        <v>146093</v>
      </c>
      <c r="H42827" s="1" t="s">
        <v>146094</v>
      </c>
      <c r="I42827" s="1" t="s">
        <v>142575</v>
      </c>
      <c r="J42827" s="1" t="s">
        <v>146166</v>
      </c>
    </row>
    <row r="42828" spans="1:10" x14ac:dyDescent="0.35">
      <c r="A42828" s="1" t="s">
        <v>6377</v>
      </c>
      <c r="B42828" s="1" t="s">
        <v>142570</v>
      </c>
      <c r="C42828" s="1" t="s">
        <v>135</v>
      </c>
      <c r="D42828" s="1" t="s">
        <v>125</v>
      </c>
      <c r="E42828" s="1" t="s">
        <v>146167</v>
      </c>
      <c r="F42828" s="1" t="s">
        <v>146168</v>
      </c>
      <c r="G42828" s="1" t="s">
        <v>146093</v>
      </c>
      <c r="H42828" s="1" t="s">
        <v>146094</v>
      </c>
      <c r="I42828" s="1" t="s">
        <v>142575</v>
      </c>
      <c r="J42828" s="1" t="s">
        <v>146169</v>
      </c>
    </row>
    <row r="42829" spans="1:10" x14ac:dyDescent="0.35">
      <c r="A42829" s="1" t="s">
        <v>6377</v>
      </c>
      <c r="B42829" s="1" t="s">
        <v>142570</v>
      </c>
      <c r="C42829" s="1" t="s">
        <v>140</v>
      </c>
      <c r="D42829" s="1" t="s">
        <v>29882</v>
      </c>
      <c r="E42829" s="1" t="s">
        <v>146170</v>
      </c>
      <c r="F42829" s="1" t="s">
        <v>146171</v>
      </c>
      <c r="G42829" s="1" t="s">
        <v>146093</v>
      </c>
      <c r="H42829" s="1" t="s">
        <v>146094</v>
      </c>
      <c r="I42829" s="1" t="s">
        <v>142575</v>
      </c>
      <c r="J42829" s="1" t="s">
        <v>146172</v>
      </c>
    </row>
    <row r="42830" spans="1:10" x14ac:dyDescent="0.35">
      <c r="A42830" s="1" t="s">
        <v>6377</v>
      </c>
      <c r="B42830" s="1" t="s">
        <v>142570</v>
      </c>
      <c r="C42830" s="1" t="s">
        <v>145</v>
      </c>
      <c r="D42830" s="1" t="s">
        <v>27313</v>
      </c>
      <c r="E42830" s="1" t="s">
        <v>146173</v>
      </c>
      <c r="F42830" s="1" t="s">
        <v>146174</v>
      </c>
      <c r="G42830" s="1" t="s">
        <v>146093</v>
      </c>
      <c r="H42830" s="1" t="s">
        <v>146094</v>
      </c>
      <c r="I42830" s="1" t="s">
        <v>142575</v>
      </c>
      <c r="J42830" s="1" t="s">
        <v>146175</v>
      </c>
    </row>
    <row r="42831" spans="1:10" x14ac:dyDescent="0.35">
      <c r="A42831" s="1" t="s">
        <v>6377</v>
      </c>
      <c r="B42831" s="1" t="s">
        <v>142570</v>
      </c>
      <c r="C42831" s="1" t="s">
        <v>150</v>
      </c>
      <c r="D42831" s="1" t="s">
        <v>4414</v>
      </c>
      <c r="E42831" s="1" t="s">
        <v>146176</v>
      </c>
      <c r="F42831" s="1" t="s">
        <v>146177</v>
      </c>
      <c r="G42831" s="1" t="s">
        <v>146093</v>
      </c>
      <c r="H42831" s="1" t="s">
        <v>146094</v>
      </c>
      <c r="I42831" s="1" t="s">
        <v>142575</v>
      </c>
      <c r="J42831" s="1" t="s">
        <v>19595</v>
      </c>
    </row>
    <row r="42832" spans="1:10" x14ac:dyDescent="0.35">
      <c r="A42832" s="1" t="s">
        <v>6377</v>
      </c>
      <c r="B42832" s="1" t="s">
        <v>142570</v>
      </c>
      <c r="C42832" s="1" t="s">
        <v>155</v>
      </c>
      <c r="D42832" s="1" t="s">
        <v>146178</v>
      </c>
      <c r="E42832" s="1" t="s">
        <v>146179</v>
      </c>
      <c r="F42832" s="1" t="s">
        <v>146180</v>
      </c>
      <c r="G42832" s="1" t="s">
        <v>146093</v>
      </c>
      <c r="H42832" s="1" t="s">
        <v>146094</v>
      </c>
      <c r="I42832" s="1" t="s">
        <v>142575</v>
      </c>
      <c r="J42832" s="1" t="s">
        <v>146181</v>
      </c>
    </row>
    <row r="42833" spans="1:10" x14ac:dyDescent="0.35">
      <c r="A42833" s="1" t="s">
        <v>6377</v>
      </c>
      <c r="B42833" s="1" t="s">
        <v>142570</v>
      </c>
      <c r="C42833" s="1" t="s">
        <v>160</v>
      </c>
      <c r="D42833" s="1" t="s">
        <v>1383</v>
      </c>
      <c r="E42833" s="1" t="s">
        <v>146182</v>
      </c>
      <c r="F42833" s="1" t="s">
        <v>146183</v>
      </c>
      <c r="G42833" s="1" t="s">
        <v>146093</v>
      </c>
      <c r="H42833" s="1" t="s">
        <v>146094</v>
      </c>
      <c r="I42833" s="1" t="s">
        <v>142575</v>
      </c>
      <c r="J42833" s="1" t="s">
        <v>146184</v>
      </c>
    </row>
    <row r="42834" spans="1:10" x14ac:dyDescent="0.35">
      <c r="A42834" s="1" t="s">
        <v>6377</v>
      </c>
      <c r="B42834" s="1" t="s">
        <v>142570</v>
      </c>
      <c r="C42834" s="1" t="s">
        <v>165</v>
      </c>
      <c r="D42834" s="1" t="s">
        <v>29074</v>
      </c>
      <c r="E42834" s="1" t="s">
        <v>146185</v>
      </c>
      <c r="F42834" s="1" t="s">
        <v>146186</v>
      </c>
      <c r="G42834" s="1" t="s">
        <v>146093</v>
      </c>
      <c r="H42834" s="1" t="s">
        <v>146094</v>
      </c>
      <c r="I42834" s="1" t="s">
        <v>142575</v>
      </c>
      <c r="J42834" s="1" t="s">
        <v>146187</v>
      </c>
    </row>
    <row r="42835" spans="1:10" x14ac:dyDescent="0.35">
      <c r="A42835" s="1" t="s">
        <v>6377</v>
      </c>
      <c r="B42835" s="1" t="s">
        <v>142570</v>
      </c>
      <c r="C42835" s="1" t="s">
        <v>170</v>
      </c>
      <c r="D42835" s="1" t="s">
        <v>27611</v>
      </c>
      <c r="E42835" s="1" t="s">
        <v>146188</v>
      </c>
      <c r="F42835" s="1" t="s">
        <v>146189</v>
      </c>
      <c r="G42835" s="1" t="s">
        <v>146093</v>
      </c>
      <c r="H42835" s="1" t="s">
        <v>146094</v>
      </c>
      <c r="I42835" s="1" t="s">
        <v>142575</v>
      </c>
      <c r="J42835" s="1" t="s">
        <v>146190</v>
      </c>
    </row>
    <row r="42836" spans="1:10" x14ac:dyDescent="0.35">
      <c r="A42836" s="1" t="s">
        <v>1189</v>
      </c>
      <c r="B42836" s="1" t="s">
        <v>146191</v>
      </c>
      <c r="C42836" s="1" t="s">
        <v>8</v>
      </c>
      <c r="D42836" s="1" t="s">
        <v>104062</v>
      </c>
      <c r="E42836" s="1" t="s">
        <v>146192</v>
      </c>
      <c r="F42836" s="1" t="s">
        <v>146193</v>
      </c>
      <c r="G42836" s="1" t="s">
        <v>146194</v>
      </c>
      <c r="H42836" s="1" t="s">
        <v>146195</v>
      </c>
      <c r="I42836" s="1" t="s">
        <v>146196</v>
      </c>
      <c r="J42836" s="1" t="s">
        <v>13</v>
      </c>
    </row>
    <row r="42837" spans="1:10" x14ac:dyDescent="0.35">
      <c r="A42837" s="1" t="s">
        <v>1189</v>
      </c>
      <c r="B42837" s="1" t="s">
        <v>146191</v>
      </c>
      <c r="C42837" s="1" t="s">
        <v>15</v>
      </c>
      <c r="D42837" s="1" t="s">
        <v>27433</v>
      </c>
      <c r="E42837" s="1" t="s">
        <v>146197</v>
      </c>
      <c r="F42837" s="1" t="s">
        <v>146198</v>
      </c>
      <c r="G42837" s="1" t="s">
        <v>146194</v>
      </c>
      <c r="H42837" s="1" t="s">
        <v>146195</v>
      </c>
      <c r="I42837" s="1" t="s">
        <v>146196</v>
      </c>
      <c r="J42837" s="1" t="s">
        <v>146199</v>
      </c>
    </row>
    <row r="42838" spans="1:10" x14ac:dyDescent="0.35">
      <c r="A42838" s="1" t="s">
        <v>1189</v>
      </c>
      <c r="B42838" s="1" t="s">
        <v>146191</v>
      </c>
      <c r="C42838" s="1" t="s">
        <v>20</v>
      </c>
      <c r="D42838" s="1" t="s">
        <v>29897</v>
      </c>
      <c r="E42838" s="1" t="s">
        <v>146200</v>
      </c>
      <c r="F42838" s="1" t="s">
        <v>146201</v>
      </c>
      <c r="G42838" s="1" t="s">
        <v>146194</v>
      </c>
      <c r="H42838" s="1" t="s">
        <v>146195</v>
      </c>
      <c r="I42838" s="1" t="s">
        <v>146196</v>
      </c>
      <c r="J42838" s="1" t="s">
        <v>146202</v>
      </c>
    </row>
    <row r="42839" spans="1:10" x14ac:dyDescent="0.35">
      <c r="A42839" s="1" t="s">
        <v>1189</v>
      </c>
      <c r="B42839" s="1" t="s">
        <v>146191</v>
      </c>
      <c r="C42839" s="1" t="s">
        <v>25</v>
      </c>
      <c r="D42839" s="1" t="s">
        <v>10455</v>
      </c>
      <c r="E42839" s="1" t="s">
        <v>146203</v>
      </c>
      <c r="F42839" s="1" t="s">
        <v>146204</v>
      </c>
      <c r="G42839" s="1" t="s">
        <v>146194</v>
      </c>
      <c r="H42839" s="1" t="s">
        <v>146195</v>
      </c>
      <c r="I42839" s="1" t="s">
        <v>146196</v>
      </c>
      <c r="J42839" s="1" t="s">
        <v>146205</v>
      </c>
    </row>
    <row r="42840" spans="1:10" x14ac:dyDescent="0.35">
      <c r="A42840" s="1" t="s">
        <v>1189</v>
      </c>
      <c r="B42840" s="1" t="s">
        <v>146191</v>
      </c>
      <c r="C42840" s="1" t="s">
        <v>30</v>
      </c>
      <c r="D42840" s="1" t="s">
        <v>13126</v>
      </c>
      <c r="E42840" s="1" t="s">
        <v>146206</v>
      </c>
      <c r="F42840" s="1" t="s">
        <v>146207</v>
      </c>
      <c r="G42840" s="1" t="s">
        <v>146194</v>
      </c>
      <c r="H42840" s="1" t="s">
        <v>146195</v>
      </c>
      <c r="I42840" s="1" t="s">
        <v>146196</v>
      </c>
      <c r="J42840" s="1" t="s">
        <v>146208</v>
      </c>
    </row>
    <row r="42841" spans="1:10" x14ac:dyDescent="0.35">
      <c r="A42841" s="1" t="s">
        <v>1189</v>
      </c>
      <c r="B42841" s="1" t="s">
        <v>146191</v>
      </c>
      <c r="C42841" s="1" t="s">
        <v>35</v>
      </c>
      <c r="D42841" s="1" t="s">
        <v>3573</v>
      </c>
      <c r="E42841" s="1" t="s">
        <v>146209</v>
      </c>
      <c r="F42841" s="1" t="s">
        <v>146210</v>
      </c>
      <c r="G42841" s="1" t="s">
        <v>146194</v>
      </c>
      <c r="H42841" s="1" t="s">
        <v>146195</v>
      </c>
      <c r="I42841" s="1" t="s">
        <v>146196</v>
      </c>
      <c r="J42841" s="1" t="s">
        <v>146211</v>
      </c>
    </row>
    <row r="42842" spans="1:10" x14ac:dyDescent="0.35">
      <c r="A42842" s="1" t="s">
        <v>1189</v>
      </c>
      <c r="B42842" s="1" t="s">
        <v>146191</v>
      </c>
      <c r="C42842" s="1" t="s">
        <v>40</v>
      </c>
      <c r="D42842" s="1" t="s">
        <v>146212</v>
      </c>
      <c r="E42842" s="1" t="s">
        <v>146213</v>
      </c>
      <c r="F42842" s="1" t="s">
        <v>146214</v>
      </c>
      <c r="G42842" s="1" t="s">
        <v>146194</v>
      </c>
      <c r="H42842" s="1" t="s">
        <v>146195</v>
      </c>
      <c r="I42842" s="1" t="s">
        <v>146196</v>
      </c>
      <c r="J42842" s="1" t="s">
        <v>146215</v>
      </c>
    </row>
    <row r="42843" spans="1:10" x14ac:dyDescent="0.35">
      <c r="A42843" s="1" t="s">
        <v>1189</v>
      </c>
      <c r="B42843" s="1" t="s">
        <v>146191</v>
      </c>
      <c r="C42843" s="1" t="s">
        <v>45</v>
      </c>
      <c r="D42843" s="1" t="s">
        <v>121839</v>
      </c>
      <c r="E42843" s="1" t="s">
        <v>146216</v>
      </c>
      <c r="F42843" s="1" t="s">
        <v>146217</v>
      </c>
      <c r="G42843" s="1" t="s">
        <v>146194</v>
      </c>
      <c r="H42843" s="1" t="s">
        <v>146195</v>
      </c>
      <c r="I42843" s="1" t="s">
        <v>146196</v>
      </c>
      <c r="J42843" s="1" t="s">
        <v>146218</v>
      </c>
    </row>
    <row r="42844" spans="1:10" x14ac:dyDescent="0.35">
      <c r="A42844" s="1" t="s">
        <v>1189</v>
      </c>
      <c r="B42844" s="1" t="s">
        <v>146191</v>
      </c>
      <c r="C42844" s="1" t="s">
        <v>50</v>
      </c>
      <c r="D42844" s="1" t="s">
        <v>28134</v>
      </c>
      <c r="E42844" s="1" t="s">
        <v>146219</v>
      </c>
      <c r="F42844" s="1" t="s">
        <v>146220</v>
      </c>
      <c r="G42844" s="1" t="s">
        <v>146194</v>
      </c>
      <c r="H42844" s="1" t="s">
        <v>146195</v>
      </c>
      <c r="I42844" s="1" t="s">
        <v>146196</v>
      </c>
      <c r="J42844" s="1" t="s">
        <v>146221</v>
      </c>
    </row>
    <row r="42845" spans="1:10" x14ac:dyDescent="0.35">
      <c r="A42845" s="1" t="s">
        <v>1189</v>
      </c>
      <c r="B42845" s="1" t="s">
        <v>146191</v>
      </c>
      <c r="C42845" s="1" t="s">
        <v>55</v>
      </c>
      <c r="D42845" s="1" t="s">
        <v>45715</v>
      </c>
      <c r="E42845" s="1" t="s">
        <v>146222</v>
      </c>
      <c r="F42845" s="1" t="s">
        <v>146223</v>
      </c>
      <c r="G42845" s="1" t="s">
        <v>146194</v>
      </c>
      <c r="H42845" s="1" t="s">
        <v>146195</v>
      </c>
      <c r="I42845" s="1" t="s">
        <v>146196</v>
      </c>
      <c r="J42845" s="1" t="s">
        <v>146224</v>
      </c>
    </row>
    <row r="42846" spans="1:10" x14ac:dyDescent="0.35">
      <c r="A42846" s="1" t="s">
        <v>1189</v>
      </c>
      <c r="B42846" s="1" t="s">
        <v>146191</v>
      </c>
      <c r="C42846" s="1" t="s">
        <v>60</v>
      </c>
      <c r="D42846" s="1" t="s">
        <v>28158</v>
      </c>
      <c r="E42846" s="1" t="s">
        <v>146225</v>
      </c>
      <c r="F42846" s="1" t="s">
        <v>146226</v>
      </c>
      <c r="G42846" s="1" t="s">
        <v>146194</v>
      </c>
      <c r="H42846" s="1" t="s">
        <v>146195</v>
      </c>
      <c r="I42846" s="1" t="s">
        <v>146196</v>
      </c>
      <c r="J42846" s="1" t="s">
        <v>119463</v>
      </c>
    </row>
    <row r="42847" spans="1:10" x14ac:dyDescent="0.35">
      <c r="A42847" s="1" t="s">
        <v>1189</v>
      </c>
      <c r="B42847" s="1" t="s">
        <v>146191</v>
      </c>
      <c r="C42847" s="1" t="s">
        <v>65</v>
      </c>
      <c r="D42847" s="1" t="s">
        <v>5681</v>
      </c>
      <c r="E42847" s="1" t="s">
        <v>146227</v>
      </c>
      <c r="F42847" s="1" t="s">
        <v>146228</v>
      </c>
      <c r="G42847" s="1" t="s">
        <v>146194</v>
      </c>
      <c r="H42847" s="1" t="s">
        <v>146195</v>
      </c>
      <c r="I42847" s="1" t="s">
        <v>146196</v>
      </c>
      <c r="J42847" s="1" t="s">
        <v>146229</v>
      </c>
    </row>
    <row r="42848" spans="1:10" x14ac:dyDescent="0.35">
      <c r="A42848" s="1" t="s">
        <v>1189</v>
      </c>
      <c r="B42848" s="1" t="s">
        <v>146191</v>
      </c>
      <c r="C42848" s="1" t="s">
        <v>70</v>
      </c>
      <c r="D42848" s="1" t="s">
        <v>44299</v>
      </c>
      <c r="E42848" s="1" t="s">
        <v>146230</v>
      </c>
      <c r="F42848" s="1" t="s">
        <v>146231</v>
      </c>
      <c r="G42848" s="1" t="s">
        <v>146194</v>
      </c>
      <c r="H42848" s="1" t="s">
        <v>146195</v>
      </c>
      <c r="I42848" s="1" t="s">
        <v>146196</v>
      </c>
      <c r="J42848" s="1" t="s">
        <v>146232</v>
      </c>
    </row>
    <row r="42849" spans="1:10" x14ac:dyDescent="0.35">
      <c r="A42849" s="1" t="s">
        <v>1189</v>
      </c>
      <c r="B42849" s="1" t="s">
        <v>146191</v>
      </c>
      <c r="C42849" s="1" t="s">
        <v>75</v>
      </c>
      <c r="D42849" s="1" t="s">
        <v>4427</v>
      </c>
      <c r="E42849" s="1" t="s">
        <v>146233</v>
      </c>
      <c r="F42849" s="1" t="s">
        <v>146234</v>
      </c>
      <c r="G42849" s="1" t="s">
        <v>146194</v>
      </c>
      <c r="H42849" s="1" t="s">
        <v>146195</v>
      </c>
      <c r="I42849" s="1" t="s">
        <v>146196</v>
      </c>
      <c r="J42849" s="1" t="s">
        <v>146235</v>
      </c>
    </row>
    <row r="42850" spans="1:10" x14ac:dyDescent="0.35">
      <c r="A42850" s="1" t="s">
        <v>1189</v>
      </c>
      <c r="B42850" s="1" t="s">
        <v>146191</v>
      </c>
      <c r="C42850" s="1" t="s">
        <v>80</v>
      </c>
      <c r="D42850" s="1" t="s">
        <v>146236</v>
      </c>
      <c r="E42850" s="1" t="s">
        <v>146237</v>
      </c>
      <c r="F42850" s="1" t="s">
        <v>146238</v>
      </c>
      <c r="G42850" s="1" t="s">
        <v>146194</v>
      </c>
      <c r="H42850" s="1" t="s">
        <v>146195</v>
      </c>
      <c r="I42850" s="1" t="s">
        <v>146196</v>
      </c>
      <c r="J42850" s="1" t="s">
        <v>146239</v>
      </c>
    </row>
    <row r="42851" spans="1:10" x14ac:dyDescent="0.35">
      <c r="A42851" s="1" t="s">
        <v>1189</v>
      </c>
      <c r="B42851" s="1" t="s">
        <v>146191</v>
      </c>
      <c r="C42851" s="1" t="s">
        <v>85</v>
      </c>
      <c r="D42851" s="1" t="s">
        <v>8706</v>
      </c>
      <c r="E42851" s="1" t="s">
        <v>146240</v>
      </c>
      <c r="F42851" s="1" t="s">
        <v>146241</v>
      </c>
      <c r="G42851" s="1" t="s">
        <v>146194</v>
      </c>
      <c r="H42851" s="1" t="s">
        <v>146195</v>
      </c>
      <c r="I42851" s="1" t="s">
        <v>146196</v>
      </c>
      <c r="J42851" s="1" t="s">
        <v>146242</v>
      </c>
    </row>
    <row r="42852" spans="1:10" x14ac:dyDescent="0.35">
      <c r="A42852" s="1" t="s">
        <v>1189</v>
      </c>
      <c r="B42852" s="1" t="s">
        <v>146191</v>
      </c>
      <c r="C42852" s="1" t="s">
        <v>90</v>
      </c>
      <c r="D42852" s="1" t="s">
        <v>146243</v>
      </c>
      <c r="E42852" s="1" t="s">
        <v>146244</v>
      </c>
      <c r="F42852" s="1" t="s">
        <v>146245</v>
      </c>
      <c r="G42852" s="1" t="s">
        <v>146194</v>
      </c>
      <c r="H42852" s="1" t="s">
        <v>146195</v>
      </c>
      <c r="I42852" s="1" t="s">
        <v>146196</v>
      </c>
      <c r="J42852" s="1" t="s">
        <v>146246</v>
      </c>
    </row>
    <row r="42853" spans="1:10" x14ac:dyDescent="0.35">
      <c r="A42853" s="1" t="s">
        <v>1189</v>
      </c>
      <c r="B42853" s="1" t="s">
        <v>146191</v>
      </c>
      <c r="C42853" s="1" t="s">
        <v>95</v>
      </c>
      <c r="D42853" s="1" t="s">
        <v>146247</v>
      </c>
      <c r="E42853" s="1" t="s">
        <v>146248</v>
      </c>
      <c r="F42853" s="1" t="s">
        <v>146249</v>
      </c>
      <c r="G42853" s="1" t="s">
        <v>146194</v>
      </c>
      <c r="H42853" s="1" t="s">
        <v>146195</v>
      </c>
      <c r="I42853" s="1" t="s">
        <v>146196</v>
      </c>
      <c r="J42853" s="1" t="s">
        <v>146250</v>
      </c>
    </row>
    <row r="42854" spans="1:10" x14ac:dyDescent="0.35">
      <c r="A42854" s="1" t="s">
        <v>1189</v>
      </c>
      <c r="B42854" s="1" t="s">
        <v>146191</v>
      </c>
      <c r="C42854" s="1" t="s">
        <v>100</v>
      </c>
      <c r="D42854" s="1" t="s">
        <v>112228</v>
      </c>
      <c r="E42854" s="1" t="s">
        <v>146251</v>
      </c>
      <c r="F42854" s="1" t="s">
        <v>146252</v>
      </c>
      <c r="G42854" s="1" t="s">
        <v>146194</v>
      </c>
      <c r="H42854" s="1" t="s">
        <v>146195</v>
      </c>
      <c r="I42854" s="1" t="s">
        <v>146196</v>
      </c>
      <c r="J42854" s="1" t="s">
        <v>146253</v>
      </c>
    </row>
    <row r="42855" spans="1:10" x14ac:dyDescent="0.35">
      <c r="A42855" s="1" t="s">
        <v>1189</v>
      </c>
      <c r="B42855" s="1" t="s">
        <v>146191</v>
      </c>
      <c r="C42855" s="1" t="s">
        <v>105</v>
      </c>
      <c r="D42855" s="1" t="s">
        <v>4392</v>
      </c>
      <c r="E42855" s="1" t="s">
        <v>146254</v>
      </c>
      <c r="F42855" s="1" t="s">
        <v>146255</v>
      </c>
      <c r="G42855" s="1" t="s">
        <v>146194</v>
      </c>
      <c r="H42855" s="1" t="s">
        <v>146195</v>
      </c>
      <c r="I42855" s="1" t="s">
        <v>146196</v>
      </c>
      <c r="J42855" s="1" t="s">
        <v>146256</v>
      </c>
    </row>
    <row r="42856" spans="1:10" x14ac:dyDescent="0.35">
      <c r="A42856" s="1" t="s">
        <v>1189</v>
      </c>
      <c r="B42856" s="1" t="s">
        <v>146191</v>
      </c>
      <c r="C42856" s="1" t="s">
        <v>110</v>
      </c>
      <c r="D42856" s="1" t="s">
        <v>143505</v>
      </c>
      <c r="E42856" s="1" t="s">
        <v>146257</v>
      </c>
      <c r="F42856" s="1" t="s">
        <v>146258</v>
      </c>
      <c r="G42856" s="1" t="s">
        <v>146194</v>
      </c>
      <c r="H42856" s="1" t="s">
        <v>146195</v>
      </c>
      <c r="I42856" s="1" t="s">
        <v>146196</v>
      </c>
      <c r="J42856" s="1" t="s">
        <v>146259</v>
      </c>
    </row>
    <row r="42857" spans="1:10" x14ac:dyDescent="0.35">
      <c r="A42857" s="1" t="s">
        <v>1189</v>
      </c>
      <c r="B42857" s="1" t="s">
        <v>146191</v>
      </c>
      <c r="C42857" s="1" t="s">
        <v>115</v>
      </c>
      <c r="D42857" s="1" t="s">
        <v>8050</v>
      </c>
      <c r="E42857" s="1" t="s">
        <v>146260</v>
      </c>
      <c r="F42857" s="1" t="s">
        <v>146261</v>
      </c>
      <c r="G42857" s="1" t="s">
        <v>146194</v>
      </c>
      <c r="H42857" s="1" t="s">
        <v>146195</v>
      </c>
      <c r="I42857" s="1" t="s">
        <v>146196</v>
      </c>
      <c r="J42857" s="1" t="s">
        <v>146262</v>
      </c>
    </row>
    <row r="42858" spans="1:10" x14ac:dyDescent="0.35">
      <c r="A42858" s="1" t="s">
        <v>1189</v>
      </c>
      <c r="B42858" s="1" t="s">
        <v>146191</v>
      </c>
      <c r="C42858" s="1" t="s">
        <v>120</v>
      </c>
      <c r="D42858" s="1" t="s">
        <v>25401</v>
      </c>
      <c r="E42858" s="1" t="s">
        <v>146263</v>
      </c>
      <c r="F42858" s="1" t="s">
        <v>146264</v>
      </c>
      <c r="G42858" s="1" t="s">
        <v>146194</v>
      </c>
      <c r="H42858" s="1" t="s">
        <v>146195</v>
      </c>
      <c r="I42858" s="1" t="s">
        <v>146196</v>
      </c>
      <c r="J42858" s="1" t="s">
        <v>146265</v>
      </c>
    </row>
    <row r="42859" spans="1:10" x14ac:dyDescent="0.35">
      <c r="A42859" s="1" t="s">
        <v>1189</v>
      </c>
      <c r="B42859" s="1" t="s">
        <v>146191</v>
      </c>
      <c r="C42859" s="1" t="s">
        <v>125</v>
      </c>
      <c r="D42859" s="1" t="s">
        <v>28256</v>
      </c>
      <c r="E42859" s="1" t="s">
        <v>146266</v>
      </c>
      <c r="F42859" s="1" t="s">
        <v>146267</v>
      </c>
      <c r="G42859" s="1" t="s">
        <v>146194</v>
      </c>
      <c r="H42859" s="1" t="s">
        <v>146195</v>
      </c>
      <c r="I42859" s="1" t="s">
        <v>146196</v>
      </c>
      <c r="J42859" s="1" t="s">
        <v>146268</v>
      </c>
    </row>
    <row r="42860" spans="1:10" x14ac:dyDescent="0.35">
      <c r="A42860" s="1" t="s">
        <v>1189</v>
      </c>
      <c r="B42860" s="1" t="s">
        <v>146191</v>
      </c>
      <c r="C42860" s="1" t="s">
        <v>130</v>
      </c>
      <c r="D42860" s="1" t="s">
        <v>146269</v>
      </c>
      <c r="E42860" s="1" t="s">
        <v>146270</v>
      </c>
      <c r="F42860" s="1" t="s">
        <v>146271</v>
      </c>
      <c r="G42860" s="1" t="s">
        <v>146194</v>
      </c>
      <c r="H42860" s="1" t="s">
        <v>146195</v>
      </c>
      <c r="I42860" s="1" t="s">
        <v>146196</v>
      </c>
      <c r="J42860" s="1" t="s">
        <v>146272</v>
      </c>
    </row>
    <row r="42861" spans="1:10" x14ac:dyDescent="0.35">
      <c r="A42861" s="1" t="s">
        <v>1189</v>
      </c>
      <c r="B42861" s="1" t="s">
        <v>146191</v>
      </c>
      <c r="C42861" s="1" t="s">
        <v>135</v>
      </c>
      <c r="D42861" s="1" t="s">
        <v>110319</v>
      </c>
      <c r="E42861" s="1" t="s">
        <v>146273</v>
      </c>
      <c r="F42861" s="1" t="s">
        <v>146274</v>
      </c>
      <c r="G42861" s="1" t="s">
        <v>146194</v>
      </c>
      <c r="H42861" s="1" t="s">
        <v>146195</v>
      </c>
      <c r="I42861" s="1" t="s">
        <v>146196</v>
      </c>
      <c r="J42861" s="1" t="s">
        <v>146275</v>
      </c>
    </row>
    <row r="42862" spans="1:10" x14ac:dyDescent="0.35">
      <c r="A42862" s="1" t="s">
        <v>1189</v>
      </c>
      <c r="B42862" s="1" t="s">
        <v>146191</v>
      </c>
      <c r="C42862" s="1" t="s">
        <v>140</v>
      </c>
      <c r="D42862" s="1" t="s">
        <v>4026</v>
      </c>
      <c r="E42862" s="1" t="s">
        <v>146276</v>
      </c>
      <c r="F42862" s="1" t="s">
        <v>146277</v>
      </c>
      <c r="G42862" s="1" t="s">
        <v>146194</v>
      </c>
      <c r="H42862" s="1" t="s">
        <v>146195</v>
      </c>
      <c r="I42862" s="1" t="s">
        <v>146196</v>
      </c>
      <c r="J42862" s="1" t="s">
        <v>146278</v>
      </c>
    </row>
    <row r="42863" spans="1:10" x14ac:dyDescent="0.35">
      <c r="A42863" s="1" t="s">
        <v>1189</v>
      </c>
      <c r="B42863" s="1" t="s">
        <v>146191</v>
      </c>
      <c r="C42863" s="1" t="s">
        <v>145</v>
      </c>
      <c r="D42863" s="1" t="s">
        <v>14134</v>
      </c>
      <c r="E42863" s="1" t="s">
        <v>146279</v>
      </c>
      <c r="F42863" s="1" t="s">
        <v>146280</v>
      </c>
      <c r="G42863" s="1" t="s">
        <v>146194</v>
      </c>
      <c r="H42863" s="1" t="s">
        <v>146195</v>
      </c>
      <c r="I42863" s="1" t="s">
        <v>146196</v>
      </c>
      <c r="J42863" s="1" t="s">
        <v>146281</v>
      </c>
    </row>
    <row r="42864" spans="1:10" x14ac:dyDescent="0.35">
      <c r="A42864" s="1" t="s">
        <v>1189</v>
      </c>
      <c r="B42864" s="1" t="s">
        <v>146191</v>
      </c>
      <c r="C42864" s="1" t="s">
        <v>150</v>
      </c>
      <c r="D42864" s="1" t="s">
        <v>14161</v>
      </c>
      <c r="E42864" s="1" t="s">
        <v>146282</v>
      </c>
      <c r="F42864" s="1" t="s">
        <v>146283</v>
      </c>
      <c r="G42864" s="1" t="s">
        <v>146194</v>
      </c>
      <c r="H42864" s="1" t="s">
        <v>146195</v>
      </c>
      <c r="I42864" s="1" t="s">
        <v>146196</v>
      </c>
      <c r="J42864" s="1" t="s">
        <v>146284</v>
      </c>
    </row>
    <row r="42865" spans="1:10" x14ac:dyDescent="0.35">
      <c r="A42865" s="1" t="s">
        <v>1189</v>
      </c>
      <c r="B42865" s="1" t="s">
        <v>146191</v>
      </c>
      <c r="C42865" s="1" t="s">
        <v>155</v>
      </c>
      <c r="D42865" s="1" t="s">
        <v>110342</v>
      </c>
      <c r="E42865" s="1" t="s">
        <v>146285</v>
      </c>
      <c r="F42865" s="1" t="s">
        <v>146286</v>
      </c>
      <c r="G42865" s="1" t="s">
        <v>146194</v>
      </c>
      <c r="H42865" s="1" t="s">
        <v>146195</v>
      </c>
      <c r="I42865" s="1" t="s">
        <v>146196</v>
      </c>
      <c r="J42865" s="1" t="s">
        <v>146287</v>
      </c>
    </row>
    <row r="42866" spans="1:10" x14ac:dyDescent="0.35">
      <c r="A42866" s="1" t="s">
        <v>1189</v>
      </c>
      <c r="B42866" s="1" t="s">
        <v>146191</v>
      </c>
      <c r="C42866" s="1" t="s">
        <v>160</v>
      </c>
      <c r="D42866" s="1" t="s">
        <v>146288</v>
      </c>
      <c r="E42866" s="1" t="s">
        <v>146289</v>
      </c>
      <c r="F42866" s="1" t="s">
        <v>146290</v>
      </c>
      <c r="G42866" s="1" t="s">
        <v>146194</v>
      </c>
      <c r="H42866" s="1" t="s">
        <v>146195</v>
      </c>
      <c r="I42866" s="1" t="s">
        <v>146196</v>
      </c>
      <c r="J42866" s="1" t="s">
        <v>146291</v>
      </c>
    </row>
    <row r="42867" spans="1:10" x14ac:dyDescent="0.35">
      <c r="A42867" s="1" t="s">
        <v>1189</v>
      </c>
      <c r="B42867" s="1" t="s">
        <v>146191</v>
      </c>
      <c r="C42867" s="1" t="s">
        <v>165</v>
      </c>
      <c r="D42867" s="1" t="s">
        <v>29893</v>
      </c>
      <c r="E42867" s="1" t="s">
        <v>146292</v>
      </c>
      <c r="F42867" s="1" t="s">
        <v>146293</v>
      </c>
      <c r="G42867" s="1" t="s">
        <v>146194</v>
      </c>
      <c r="H42867" s="1" t="s">
        <v>146195</v>
      </c>
      <c r="I42867" s="1" t="s">
        <v>146196</v>
      </c>
      <c r="J42867" s="1" t="s">
        <v>146294</v>
      </c>
    </row>
    <row r="42868" spans="1:10" x14ac:dyDescent="0.35">
      <c r="A42868" s="1" t="s">
        <v>1189</v>
      </c>
      <c r="B42868" s="1" t="s">
        <v>146191</v>
      </c>
      <c r="C42868" s="1" t="s">
        <v>170</v>
      </c>
      <c r="D42868" s="1" t="s">
        <v>146295</v>
      </c>
      <c r="E42868" s="1" t="s">
        <v>146296</v>
      </c>
      <c r="F42868" s="1" t="s">
        <v>146297</v>
      </c>
      <c r="G42868" s="1" t="s">
        <v>146194</v>
      </c>
      <c r="H42868" s="1" t="s">
        <v>146195</v>
      </c>
      <c r="I42868" s="1" t="s">
        <v>146196</v>
      </c>
      <c r="J42868" s="1" t="s">
        <v>146298</v>
      </c>
    </row>
    <row r="42869" spans="1:10" x14ac:dyDescent="0.35">
      <c r="A42869" s="1" t="s">
        <v>11054</v>
      </c>
      <c r="B42869" s="1" t="s">
        <v>146191</v>
      </c>
      <c r="C42869" s="1" t="s">
        <v>8</v>
      </c>
      <c r="D42869" s="1" t="s">
        <v>48217</v>
      </c>
      <c r="E42869" s="1" t="s">
        <v>146299</v>
      </c>
      <c r="F42869" s="1" t="s">
        <v>146300</v>
      </c>
      <c r="G42869" s="1" t="s">
        <v>146301</v>
      </c>
      <c r="H42869" s="1" t="s">
        <v>146302</v>
      </c>
      <c r="I42869" s="1" t="s">
        <v>146196</v>
      </c>
      <c r="J42869" s="1" t="s">
        <v>13</v>
      </c>
    </row>
    <row r="42870" spans="1:10" x14ac:dyDescent="0.35">
      <c r="A42870" s="1" t="s">
        <v>11054</v>
      </c>
      <c r="B42870" s="1" t="s">
        <v>146191</v>
      </c>
      <c r="C42870" s="1" t="s">
        <v>15</v>
      </c>
      <c r="D42870" s="1" t="s">
        <v>121247</v>
      </c>
      <c r="E42870" s="1" t="s">
        <v>146303</v>
      </c>
      <c r="F42870" s="1" t="s">
        <v>146304</v>
      </c>
      <c r="G42870" s="1" t="s">
        <v>146301</v>
      </c>
      <c r="H42870" s="1" t="s">
        <v>146302</v>
      </c>
      <c r="I42870" s="1" t="s">
        <v>146196</v>
      </c>
      <c r="J42870" s="1" t="s">
        <v>146305</v>
      </c>
    </row>
    <row r="42871" spans="1:10" x14ac:dyDescent="0.35">
      <c r="A42871" s="1" t="s">
        <v>11054</v>
      </c>
      <c r="B42871" s="1" t="s">
        <v>146191</v>
      </c>
      <c r="C42871" s="1" t="s">
        <v>20</v>
      </c>
      <c r="D42871" s="1" t="s">
        <v>109598</v>
      </c>
      <c r="E42871" s="1" t="s">
        <v>146306</v>
      </c>
      <c r="F42871" s="1" t="s">
        <v>146307</v>
      </c>
      <c r="G42871" s="1" t="s">
        <v>146301</v>
      </c>
      <c r="H42871" s="1" t="s">
        <v>146302</v>
      </c>
      <c r="I42871" s="1" t="s">
        <v>146196</v>
      </c>
      <c r="J42871" s="1" t="s">
        <v>146308</v>
      </c>
    </row>
    <row r="42872" spans="1:10" x14ac:dyDescent="0.35">
      <c r="A42872" s="1" t="s">
        <v>11054</v>
      </c>
      <c r="B42872" s="1" t="s">
        <v>146191</v>
      </c>
      <c r="C42872" s="1" t="s">
        <v>25</v>
      </c>
      <c r="D42872" s="1" t="s">
        <v>10956</v>
      </c>
      <c r="E42872" s="1" t="s">
        <v>146309</v>
      </c>
      <c r="F42872" s="1" t="s">
        <v>146310</v>
      </c>
      <c r="G42872" s="1" t="s">
        <v>146301</v>
      </c>
      <c r="H42872" s="1" t="s">
        <v>146302</v>
      </c>
      <c r="I42872" s="1" t="s">
        <v>146196</v>
      </c>
      <c r="J42872" s="1" t="s">
        <v>146311</v>
      </c>
    </row>
    <row r="42873" spans="1:10" x14ac:dyDescent="0.35">
      <c r="A42873" s="1" t="s">
        <v>11054</v>
      </c>
      <c r="B42873" s="1" t="s">
        <v>146191</v>
      </c>
      <c r="C42873" s="1" t="s">
        <v>30</v>
      </c>
      <c r="D42873" s="1" t="s">
        <v>120891</v>
      </c>
      <c r="E42873" s="1" t="s">
        <v>146312</v>
      </c>
      <c r="F42873" s="1" t="s">
        <v>146313</v>
      </c>
      <c r="G42873" s="1" t="s">
        <v>146301</v>
      </c>
      <c r="H42873" s="1" t="s">
        <v>146302</v>
      </c>
      <c r="I42873" s="1" t="s">
        <v>146196</v>
      </c>
      <c r="J42873" s="1" t="s">
        <v>146314</v>
      </c>
    </row>
    <row r="42874" spans="1:10" x14ac:dyDescent="0.35">
      <c r="A42874" s="1" t="s">
        <v>11054</v>
      </c>
      <c r="B42874" s="1" t="s">
        <v>146191</v>
      </c>
      <c r="C42874" s="1" t="s">
        <v>35</v>
      </c>
      <c r="D42874" s="1" t="s">
        <v>27802</v>
      </c>
      <c r="E42874" s="1" t="s">
        <v>146315</v>
      </c>
      <c r="F42874" s="1" t="s">
        <v>146316</v>
      </c>
      <c r="G42874" s="1" t="s">
        <v>146301</v>
      </c>
      <c r="H42874" s="1" t="s">
        <v>146302</v>
      </c>
      <c r="I42874" s="1" t="s">
        <v>146196</v>
      </c>
      <c r="J42874" s="1" t="s">
        <v>146317</v>
      </c>
    </row>
    <row r="42875" spans="1:10" x14ac:dyDescent="0.35">
      <c r="A42875" s="1" t="s">
        <v>11054</v>
      </c>
      <c r="B42875" s="1" t="s">
        <v>146191</v>
      </c>
      <c r="C42875" s="1" t="s">
        <v>40</v>
      </c>
      <c r="D42875" s="1" t="s">
        <v>112515</v>
      </c>
      <c r="E42875" s="1" t="s">
        <v>146318</v>
      </c>
      <c r="F42875" s="1" t="s">
        <v>146319</v>
      </c>
      <c r="G42875" s="1" t="s">
        <v>146301</v>
      </c>
      <c r="H42875" s="1" t="s">
        <v>146302</v>
      </c>
      <c r="I42875" s="1" t="s">
        <v>146196</v>
      </c>
      <c r="J42875" s="1" t="s">
        <v>146320</v>
      </c>
    </row>
    <row r="42876" spans="1:10" x14ac:dyDescent="0.35">
      <c r="A42876" s="1" t="s">
        <v>11054</v>
      </c>
      <c r="B42876" s="1" t="s">
        <v>146191</v>
      </c>
      <c r="C42876" s="1" t="s">
        <v>45</v>
      </c>
      <c r="D42876" s="1" t="s">
        <v>8691</v>
      </c>
      <c r="E42876" s="1" t="s">
        <v>146321</v>
      </c>
      <c r="F42876" s="1" t="s">
        <v>146322</v>
      </c>
      <c r="G42876" s="1" t="s">
        <v>146301</v>
      </c>
      <c r="H42876" s="1" t="s">
        <v>146302</v>
      </c>
      <c r="I42876" s="1" t="s">
        <v>146196</v>
      </c>
      <c r="J42876" s="1" t="s">
        <v>146323</v>
      </c>
    </row>
    <row r="42877" spans="1:10" x14ac:dyDescent="0.35">
      <c r="A42877" s="1" t="s">
        <v>11054</v>
      </c>
      <c r="B42877" s="1" t="s">
        <v>146191</v>
      </c>
      <c r="C42877" s="1" t="s">
        <v>50</v>
      </c>
      <c r="D42877" s="1" t="s">
        <v>146324</v>
      </c>
      <c r="E42877" s="1" t="s">
        <v>146325</v>
      </c>
      <c r="F42877" s="1" t="s">
        <v>146326</v>
      </c>
      <c r="G42877" s="1" t="s">
        <v>146301</v>
      </c>
      <c r="H42877" s="1" t="s">
        <v>146302</v>
      </c>
      <c r="I42877" s="1" t="s">
        <v>146196</v>
      </c>
      <c r="J42877" s="1" t="s">
        <v>146327</v>
      </c>
    </row>
    <row r="42878" spans="1:10" x14ac:dyDescent="0.35">
      <c r="A42878" s="1" t="s">
        <v>11054</v>
      </c>
      <c r="B42878" s="1" t="s">
        <v>146191</v>
      </c>
      <c r="C42878" s="1" t="s">
        <v>55</v>
      </c>
      <c r="D42878" s="1" t="s">
        <v>7540</v>
      </c>
      <c r="E42878" s="1" t="s">
        <v>146328</v>
      </c>
      <c r="F42878" s="1" t="s">
        <v>146329</v>
      </c>
      <c r="G42878" s="1" t="s">
        <v>146301</v>
      </c>
      <c r="H42878" s="1" t="s">
        <v>146302</v>
      </c>
      <c r="I42878" s="1" t="s">
        <v>146196</v>
      </c>
      <c r="J42878" s="1" t="s">
        <v>146330</v>
      </c>
    </row>
    <row r="42879" spans="1:10" x14ac:dyDescent="0.35">
      <c r="A42879" s="1" t="s">
        <v>11054</v>
      </c>
      <c r="B42879" s="1" t="s">
        <v>146191</v>
      </c>
      <c r="C42879" s="1" t="s">
        <v>60</v>
      </c>
      <c r="D42879" s="1" t="s">
        <v>4697</v>
      </c>
      <c r="E42879" s="1" t="s">
        <v>146331</v>
      </c>
      <c r="F42879" s="1" t="s">
        <v>146332</v>
      </c>
      <c r="G42879" s="1" t="s">
        <v>146301</v>
      </c>
      <c r="H42879" s="1" t="s">
        <v>146302</v>
      </c>
      <c r="I42879" s="1" t="s">
        <v>146196</v>
      </c>
      <c r="J42879" s="1" t="s">
        <v>146333</v>
      </c>
    </row>
    <row r="42880" spans="1:10" x14ac:dyDescent="0.35">
      <c r="A42880" s="1" t="s">
        <v>11054</v>
      </c>
      <c r="B42880" s="1" t="s">
        <v>146191</v>
      </c>
      <c r="C42880" s="1" t="s">
        <v>65</v>
      </c>
      <c r="D42880" s="1" t="s">
        <v>51707</v>
      </c>
      <c r="E42880" s="1" t="s">
        <v>146334</v>
      </c>
      <c r="F42880" s="1" t="s">
        <v>146335</v>
      </c>
      <c r="G42880" s="1" t="s">
        <v>146301</v>
      </c>
      <c r="H42880" s="1" t="s">
        <v>146302</v>
      </c>
      <c r="I42880" s="1" t="s">
        <v>146196</v>
      </c>
      <c r="J42880" s="1" t="s">
        <v>146336</v>
      </c>
    </row>
    <row r="42881" spans="1:10" x14ac:dyDescent="0.35">
      <c r="A42881" s="1" t="s">
        <v>11054</v>
      </c>
      <c r="B42881" s="1" t="s">
        <v>146191</v>
      </c>
      <c r="C42881" s="1" t="s">
        <v>70</v>
      </c>
      <c r="D42881" s="1" t="s">
        <v>119150</v>
      </c>
      <c r="E42881" s="1" t="s">
        <v>146337</v>
      </c>
      <c r="F42881" s="1" t="s">
        <v>146338</v>
      </c>
      <c r="G42881" s="1" t="s">
        <v>146301</v>
      </c>
      <c r="H42881" s="1" t="s">
        <v>146302</v>
      </c>
      <c r="I42881" s="1" t="s">
        <v>146196</v>
      </c>
      <c r="J42881" s="1" t="s">
        <v>146339</v>
      </c>
    </row>
    <row r="42882" spans="1:10" x14ac:dyDescent="0.35">
      <c r="A42882" s="1" t="s">
        <v>11054</v>
      </c>
      <c r="B42882" s="1" t="s">
        <v>146191</v>
      </c>
      <c r="C42882" s="1" t="s">
        <v>75</v>
      </c>
      <c r="D42882" s="1" t="s">
        <v>146340</v>
      </c>
      <c r="E42882" s="1" t="s">
        <v>146341</v>
      </c>
      <c r="F42882" s="1" t="s">
        <v>146342</v>
      </c>
      <c r="G42882" s="1" t="s">
        <v>146301</v>
      </c>
      <c r="H42882" s="1" t="s">
        <v>146302</v>
      </c>
      <c r="I42882" s="1" t="s">
        <v>146196</v>
      </c>
      <c r="J42882" s="1" t="s">
        <v>146343</v>
      </c>
    </row>
    <row r="42883" spans="1:10" x14ac:dyDescent="0.35">
      <c r="A42883" s="1" t="s">
        <v>11054</v>
      </c>
      <c r="B42883" s="1" t="s">
        <v>146191</v>
      </c>
      <c r="C42883" s="1" t="s">
        <v>80</v>
      </c>
      <c r="D42883" s="1" t="s">
        <v>6909</v>
      </c>
      <c r="E42883" s="1" t="s">
        <v>146344</v>
      </c>
      <c r="F42883" s="1" t="s">
        <v>146345</v>
      </c>
      <c r="G42883" s="1" t="s">
        <v>146301</v>
      </c>
      <c r="H42883" s="1" t="s">
        <v>146302</v>
      </c>
      <c r="I42883" s="1" t="s">
        <v>146196</v>
      </c>
      <c r="J42883" s="1" t="s">
        <v>146346</v>
      </c>
    </row>
    <row r="42884" spans="1:10" x14ac:dyDescent="0.35">
      <c r="A42884" s="1" t="s">
        <v>11054</v>
      </c>
      <c r="B42884" s="1" t="s">
        <v>146191</v>
      </c>
      <c r="C42884" s="1" t="s">
        <v>85</v>
      </c>
      <c r="D42884" s="1" t="s">
        <v>44777</v>
      </c>
      <c r="E42884" s="1" t="s">
        <v>146347</v>
      </c>
      <c r="F42884" s="1" t="s">
        <v>146348</v>
      </c>
      <c r="G42884" s="1" t="s">
        <v>146301</v>
      </c>
      <c r="H42884" s="1" t="s">
        <v>146302</v>
      </c>
      <c r="I42884" s="1" t="s">
        <v>146196</v>
      </c>
      <c r="J42884" s="1" t="s">
        <v>146349</v>
      </c>
    </row>
    <row r="42885" spans="1:10" x14ac:dyDescent="0.35">
      <c r="A42885" s="1" t="s">
        <v>11054</v>
      </c>
      <c r="B42885" s="1" t="s">
        <v>146191</v>
      </c>
      <c r="C42885" s="1" t="s">
        <v>90</v>
      </c>
      <c r="D42885" s="1" t="s">
        <v>146350</v>
      </c>
      <c r="E42885" s="1" t="s">
        <v>146351</v>
      </c>
      <c r="F42885" s="1" t="s">
        <v>146352</v>
      </c>
      <c r="G42885" s="1" t="s">
        <v>146301</v>
      </c>
      <c r="H42885" s="1" t="s">
        <v>146302</v>
      </c>
      <c r="I42885" s="1" t="s">
        <v>146196</v>
      </c>
      <c r="J42885" s="1" t="s">
        <v>146353</v>
      </c>
    </row>
    <row r="42886" spans="1:10" x14ac:dyDescent="0.35">
      <c r="A42886" s="1" t="s">
        <v>11054</v>
      </c>
      <c r="B42886" s="1" t="s">
        <v>146191</v>
      </c>
      <c r="C42886" s="1" t="s">
        <v>95</v>
      </c>
      <c r="D42886" s="1" t="s">
        <v>146354</v>
      </c>
      <c r="E42886" s="1" t="s">
        <v>146355</v>
      </c>
      <c r="F42886" s="1" t="s">
        <v>146356</v>
      </c>
      <c r="G42886" s="1" t="s">
        <v>146301</v>
      </c>
      <c r="H42886" s="1" t="s">
        <v>146302</v>
      </c>
      <c r="I42886" s="1" t="s">
        <v>146196</v>
      </c>
      <c r="J42886" s="1" t="s">
        <v>146357</v>
      </c>
    </row>
    <row r="42887" spans="1:10" x14ac:dyDescent="0.35">
      <c r="A42887" s="1" t="s">
        <v>11054</v>
      </c>
      <c r="B42887" s="1" t="s">
        <v>146191</v>
      </c>
      <c r="C42887" s="1" t="s">
        <v>100</v>
      </c>
      <c r="D42887" s="1" t="s">
        <v>125976</v>
      </c>
      <c r="E42887" s="1" t="s">
        <v>146358</v>
      </c>
      <c r="F42887" s="1" t="s">
        <v>146359</v>
      </c>
      <c r="G42887" s="1" t="s">
        <v>146301</v>
      </c>
      <c r="H42887" s="1" t="s">
        <v>146302</v>
      </c>
      <c r="I42887" s="1" t="s">
        <v>146196</v>
      </c>
      <c r="J42887" s="1" t="s">
        <v>146360</v>
      </c>
    </row>
    <row r="42888" spans="1:10" x14ac:dyDescent="0.35">
      <c r="A42888" s="1" t="s">
        <v>11054</v>
      </c>
      <c r="B42888" s="1" t="s">
        <v>146191</v>
      </c>
      <c r="C42888" s="1" t="s">
        <v>105</v>
      </c>
      <c r="D42888" s="1" t="s">
        <v>2576</v>
      </c>
      <c r="E42888" s="1" t="s">
        <v>146361</v>
      </c>
      <c r="F42888" s="1" t="s">
        <v>146362</v>
      </c>
      <c r="G42888" s="1" t="s">
        <v>146301</v>
      </c>
      <c r="H42888" s="1" t="s">
        <v>146302</v>
      </c>
      <c r="I42888" s="1" t="s">
        <v>146196</v>
      </c>
      <c r="J42888" s="1" t="s">
        <v>146363</v>
      </c>
    </row>
    <row r="42889" spans="1:10" x14ac:dyDescent="0.35">
      <c r="A42889" s="1" t="s">
        <v>11054</v>
      </c>
      <c r="B42889" s="1" t="s">
        <v>146191</v>
      </c>
      <c r="C42889" s="1" t="s">
        <v>110</v>
      </c>
      <c r="D42889" s="1" t="s">
        <v>125976</v>
      </c>
      <c r="E42889" s="1" t="s">
        <v>146364</v>
      </c>
      <c r="F42889" s="1" t="s">
        <v>146365</v>
      </c>
      <c r="G42889" s="1" t="s">
        <v>146301</v>
      </c>
      <c r="H42889" s="1" t="s">
        <v>146302</v>
      </c>
      <c r="I42889" s="1" t="s">
        <v>146196</v>
      </c>
      <c r="J42889" s="1" t="s">
        <v>146366</v>
      </c>
    </row>
    <row r="42890" spans="1:10" x14ac:dyDescent="0.35">
      <c r="A42890" s="1" t="s">
        <v>11054</v>
      </c>
      <c r="B42890" s="1" t="s">
        <v>146191</v>
      </c>
      <c r="C42890" s="1" t="s">
        <v>115</v>
      </c>
      <c r="D42890" s="1" t="s">
        <v>7932</v>
      </c>
      <c r="E42890" s="1" t="s">
        <v>146367</v>
      </c>
      <c r="F42890" s="1" t="s">
        <v>146368</v>
      </c>
      <c r="G42890" s="1" t="s">
        <v>146301</v>
      </c>
      <c r="H42890" s="1" t="s">
        <v>146302</v>
      </c>
      <c r="I42890" s="1" t="s">
        <v>146196</v>
      </c>
      <c r="J42890" s="1" t="s">
        <v>146369</v>
      </c>
    </row>
    <row r="42891" spans="1:10" x14ac:dyDescent="0.35">
      <c r="A42891" s="1" t="s">
        <v>11054</v>
      </c>
      <c r="B42891" s="1" t="s">
        <v>146191</v>
      </c>
      <c r="C42891" s="1" t="s">
        <v>120</v>
      </c>
      <c r="D42891" s="1" t="s">
        <v>146370</v>
      </c>
      <c r="E42891" s="1" t="s">
        <v>146371</v>
      </c>
      <c r="F42891" s="1" t="s">
        <v>146372</v>
      </c>
      <c r="G42891" s="1" t="s">
        <v>146301</v>
      </c>
      <c r="H42891" s="1" t="s">
        <v>146302</v>
      </c>
      <c r="I42891" s="1" t="s">
        <v>146196</v>
      </c>
      <c r="J42891" s="1" t="s">
        <v>146373</v>
      </c>
    </row>
    <row r="42892" spans="1:10" x14ac:dyDescent="0.35">
      <c r="A42892" s="1" t="s">
        <v>11054</v>
      </c>
      <c r="B42892" s="1" t="s">
        <v>146191</v>
      </c>
      <c r="C42892" s="1" t="s">
        <v>125</v>
      </c>
      <c r="D42892" s="1" t="s">
        <v>146374</v>
      </c>
      <c r="E42892" s="1" t="s">
        <v>146375</v>
      </c>
      <c r="F42892" s="1" t="s">
        <v>146376</v>
      </c>
      <c r="G42892" s="1" t="s">
        <v>146301</v>
      </c>
      <c r="H42892" s="1" t="s">
        <v>146302</v>
      </c>
      <c r="I42892" s="1" t="s">
        <v>146196</v>
      </c>
      <c r="J42892" s="1" t="s">
        <v>146377</v>
      </c>
    </row>
    <row r="42893" spans="1:10" x14ac:dyDescent="0.35">
      <c r="A42893" s="1" t="s">
        <v>11054</v>
      </c>
      <c r="B42893" s="1" t="s">
        <v>146191</v>
      </c>
      <c r="C42893" s="1" t="s">
        <v>130</v>
      </c>
      <c r="D42893" s="1" t="s">
        <v>9730</v>
      </c>
      <c r="E42893" s="1" t="s">
        <v>146378</v>
      </c>
      <c r="F42893" s="1" t="s">
        <v>146379</v>
      </c>
      <c r="G42893" s="1" t="s">
        <v>146301</v>
      </c>
      <c r="H42893" s="1" t="s">
        <v>146302</v>
      </c>
      <c r="I42893" s="1" t="s">
        <v>146196</v>
      </c>
      <c r="J42893" s="1" t="s">
        <v>146380</v>
      </c>
    </row>
    <row r="42894" spans="1:10" x14ac:dyDescent="0.35">
      <c r="A42894" s="1" t="s">
        <v>11054</v>
      </c>
      <c r="B42894" s="1" t="s">
        <v>146191</v>
      </c>
      <c r="C42894" s="1" t="s">
        <v>135</v>
      </c>
      <c r="D42894" s="1" t="s">
        <v>25876</v>
      </c>
      <c r="E42894" s="1" t="s">
        <v>146381</v>
      </c>
      <c r="F42894" s="1" t="s">
        <v>146382</v>
      </c>
      <c r="G42894" s="1" t="s">
        <v>146301</v>
      </c>
      <c r="H42894" s="1" t="s">
        <v>146302</v>
      </c>
      <c r="I42894" s="1" t="s">
        <v>146196</v>
      </c>
      <c r="J42894" s="1" t="s">
        <v>146383</v>
      </c>
    </row>
    <row r="42895" spans="1:10" x14ac:dyDescent="0.35">
      <c r="A42895" s="1" t="s">
        <v>11054</v>
      </c>
      <c r="B42895" s="1" t="s">
        <v>146191</v>
      </c>
      <c r="C42895" s="1" t="s">
        <v>140</v>
      </c>
      <c r="D42895" s="1" t="s">
        <v>146384</v>
      </c>
      <c r="E42895" s="1" t="s">
        <v>146385</v>
      </c>
      <c r="F42895" s="1" t="s">
        <v>146386</v>
      </c>
      <c r="G42895" s="1" t="s">
        <v>146301</v>
      </c>
      <c r="H42895" s="1" t="s">
        <v>146302</v>
      </c>
      <c r="I42895" s="1" t="s">
        <v>146196</v>
      </c>
      <c r="J42895" s="1" t="s">
        <v>146387</v>
      </c>
    </row>
    <row r="42896" spans="1:10" x14ac:dyDescent="0.35">
      <c r="A42896" s="1" t="s">
        <v>11054</v>
      </c>
      <c r="B42896" s="1" t="s">
        <v>146191</v>
      </c>
      <c r="C42896" s="1" t="s">
        <v>145</v>
      </c>
      <c r="D42896" s="1" t="s">
        <v>116198</v>
      </c>
      <c r="E42896" s="1" t="s">
        <v>146388</v>
      </c>
      <c r="F42896" s="1" t="s">
        <v>146389</v>
      </c>
      <c r="G42896" s="1" t="s">
        <v>146301</v>
      </c>
      <c r="H42896" s="1" t="s">
        <v>146302</v>
      </c>
      <c r="I42896" s="1" t="s">
        <v>146196</v>
      </c>
      <c r="J42896" s="1" t="s">
        <v>146390</v>
      </c>
    </row>
    <row r="42897" spans="1:10" x14ac:dyDescent="0.35">
      <c r="A42897" s="1" t="s">
        <v>11054</v>
      </c>
      <c r="B42897" s="1" t="s">
        <v>146191</v>
      </c>
      <c r="C42897" s="1" t="s">
        <v>150</v>
      </c>
      <c r="D42897" s="1" t="s">
        <v>146391</v>
      </c>
      <c r="E42897" s="1" t="s">
        <v>146392</v>
      </c>
      <c r="F42897" s="1" t="s">
        <v>146393</v>
      </c>
      <c r="G42897" s="1" t="s">
        <v>146301</v>
      </c>
      <c r="H42897" s="1" t="s">
        <v>146302</v>
      </c>
      <c r="I42897" s="1" t="s">
        <v>146196</v>
      </c>
      <c r="J42897" s="1" t="s">
        <v>146394</v>
      </c>
    </row>
    <row r="42898" spans="1:10" x14ac:dyDescent="0.35">
      <c r="A42898" s="1" t="s">
        <v>11054</v>
      </c>
      <c r="B42898" s="1" t="s">
        <v>146191</v>
      </c>
      <c r="C42898" s="1" t="s">
        <v>155</v>
      </c>
      <c r="D42898" s="1" t="s">
        <v>146395</v>
      </c>
      <c r="E42898" s="1" t="s">
        <v>146396</v>
      </c>
      <c r="F42898" s="1" t="s">
        <v>146397</v>
      </c>
      <c r="G42898" s="1" t="s">
        <v>146301</v>
      </c>
      <c r="H42898" s="1" t="s">
        <v>146302</v>
      </c>
      <c r="I42898" s="1" t="s">
        <v>146196</v>
      </c>
      <c r="J42898" s="1" t="s">
        <v>146398</v>
      </c>
    </row>
    <row r="42899" spans="1:10" x14ac:dyDescent="0.35">
      <c r="A42899" s="1" t="s">
        <v>11054</v>
      </c>
      <c r="B42899" s="1" t="s">
        <v>146191</v>
      </c>
      <c r="C42899" s="1" t="s">
        <v>160</v>
      </c>
      <c r="D42899" s="1" t="s">
        <v>120969</v>
      </c>
      <c r="E42899" s="1" t="s">
        <v>146399</v>
      </c>
      <c r="F42899" s="1" t="s">
        <v>146400</v>
      </c>
      <c r="G42899" s="1" t="s">
        <v>146301</v>
      </c>
      <c r="H42899" s="1" t="s">
        <v>146302</v>
      </c>
      <c r="I42899" s="1" t="s">
        <v>146196</v>
      </c>
      <c r="J42899" s="1" t="s">
        <v>146401</v>
      </c>
    </row>
    <row r="42900" spans="1:10" x14ac:dyDescent="0.35">
      <c r="A42900" s="1" t="s">
        <v>11054</v>
      </c>
      <c r="B42900" s="1" t="s">
        <v>146191</v>
      </c>
      <c r="C42900" s="1" t="s">
        <v>165</v>
      </c>
      <c r="D42900" s="1" t="s">
        <v>146402</v>
      </c>
      <c r="E42900" s="1" t="s">
        <v>146403</v>
      </c>
      <c r="F42900" s="1" t="s">
        <v>146404</v>
      </c>
      <c r="G42900" s="1" t="s">
        <v>146301</v>
      </c>
      <c r="H42900" s="1" t="s">
        <v>146302</v>
      </c>
      <c r="I42900" s="1" t="s">
        <v>146196</v>
      </c>
      <c r="J42900" s="1" t="s">
        <v>146405</v>
      </c>
    </row>
    <row r="42901" spans="1:10" x14ac:dyDescent="0.35">
      <c r="A42901" s="1" t="s">
        <v>11054</v>
      </c>
      <c r="B42901" s="1" t="s">
        <v>146191</v>
      </c>
      <c r="C42901" s="1" t="s">
        <v>170</v>
      </c>
      <c r="D42901" s="1" t="s">
        <v>119819</v>
      </c>
      <c r="E42901" s="1" t="s">
        <v>146406</v>
      </c>
      <c r="F42901" s="1" t="s">
        <v>146407</v>
      </c>
      <c r="G42901" s="1" t="s">
        <v>146301</v>
      </c>
      <c r="H42901" s="1" t="s">
        <v>146302</v>
      </c>
      <c r="I42901" s="1" t="s">
        <v>146196</v>
      </c>
      <c r="J42901" s="1" t="s">
        <v>146408</v>
      </c>
    </row>
    <row r="42902" spans="1:10" x14ac:dyDescent="0.35">
      <c r="A42902" s="1" t="s">
        <v>146409</v>
      </c>
      <c r="B42902" s="1" t="s">
        <v>146191</v>
      </c>
      <c r="C42902" s="1" t="s">
        <v>8</v>
      </c>
      <c r="D42902" s="1" t="s">
        <v>112358</v>
      </c>
      <c r="E42902" s="1" t="s">
        <v>146410</v>
      </c>
      <c r="F42902" s="1" t="s">
        <v>146411</v>
      </c>
      <c r="G42902" s="1" t="s">
        <v>146412</v>
      </c>
      <c r="H42902" s="1" t="s">
        <v>146413</v>
      </c>
      <c r="I42902" s="1" t="s">
        <v>146196</v>
      </c>
      <c r="J42902" s="1" t="s">
        <v>13</v>
      </c>
    </row>
    <row r="42903" spans="1:10" x14ac:dyDescent="0.35">
      <c r="A42903" s="1" t="s">
        <v>146409</v>
      </c>
      <c r="B42903" s="1" t="s">
        <v>146191</v>
      </c>
      <c r="C42903" s="1" t="s">
        <v>15</v>
      </c>
      <c r="D42903" s="1" t="s">
        <v>2063</v>
      </c>
      <c r="E42903" s="1" t="s">
        <v>146414</v>
      </c>
      <c r="F42903" s="1" t="s">
        <v>146415</v>
      </c>
      <c r="G42903" s="1" t="s">
        <v>146412</v>
      </c>
      <c r="H42903" s="1" t="s">
        <v>146413</v>
      </c>
      <c r="I42903" s="1" t="s">
        <v>146196</v>
      </c>
      <c r="J42903" s="1" t="s">
        <v>146416</v>
      </c>
    </row>
    <row r="42904" spans="1:10" x14ac:dyDescent="0.35">
      <c r="A42904" s="1" t="s">
        <v>146409</v>
      </c>
      <c r="B42904" s="1" t="s">
        <v>146191</v>
      </c>
      <c r="C42904" s="1" t="s">
        <v>20</v>
      </c>
      <c r="D42904" s="1" t="s">
        <v>146417</v>
      </c>
      <c r="E42904" s="1" t="s">
        <v>146418</v>
      </c>
      <c r="F42904" s="1" t="s">
        <v>146419</v>
      </c>
      <c r="G42904" s="1" t="s">
        <v>146412</v>
      </c>
      <c r="H42904" s="1" t="s">
        <v>146413</v>
      </c>
      <c r="I42904" s="1" t="s">
        <v>146196</v>
      </c>
      <c r="J42904" s="1" t="s">
        <v>146420</v>
      </c>
    </row>
    <row r="42905" spans="1:10" x14ac:dyDescent="0.35">
      <c r="A42905" s="1" t="s">
        <v>146409</v>
      </c>
      <c r="B42905" s="1" t="s">
        <v>146191</v>
      </c>
      <c r="C42905" s="1" t="s">
        <v>25</v>
      </c>
      <c r="D42905" s="1" t="s">
        <v>146421</v>
      </c>
      <c r="E42905" s="1" t="s">
        <v>146422</v>
      </c>
      <c r="F42905" s="1" t="s">
        <v>146423</v>
      </c>
      <c r="G42905" s="1" t="s">
        <v>146412</v>
      </c>
      <c r="H42905" s="1" t="s">
        <v>146413</v>
      </c>
      <c r="I42905" s="1" t="s">
        <v>146196</v>
      </c>
      <c r="J42905" s="1" t="s">
        <v>146424</v>
      </c>
    </row>
    <row r="42906" spans="1:10" x14ac:dyDescent="0.35">
      <c r="A42906" s="1" t="s">
        <v>146409</v>
      </c>
      <c r="B42906" s="1" t="s">
        <v>146191</v>
      </c>
      <c r="C42906" s="1" t="s">
        <v>30</v>
      </c>
      <c r="D42906" s="1" t="s">
        <v>133742</v>
      </c>
      <c r="E42906" s="1" t="s">
        <v>146425</v>
      </c>
      <c r="F42906" s="1" t="s">
        <v>146426</v>
      </c>
      <c r="G42906" s="1" t="s">
        <v>146412</v>
      </c>
      <c r="H42906" s="1" t="s">
        <v>146413</v>
      </c>
      <c r="I42906" s="1" t="s">
        <v>146196</v>
      </c>
      <c r="J42906" s="1" t="s">
        <v>146427</v>
      </c>
    </row>
    <row r="42907" spans="1:10" x14ac:dyDescent="0.35">
      <c r="A42907" s="1" t="s">
        <v>146409</v>
      </c>
      <c r="B42907" s="1" t="s">
        <v>146191</v>
      </c>
      <c r="C42907" s="1" t="s">
        <v>35</v>
      </c>
      <c r="D42907" s="1" t="s">
        <v>125830</v>
      </c>
      <c r="E42907" s="1" t="s">
        <v>146428</v>
      </c>
      <c r="F42907" s="1" t="s">
        <v>146429</v>
      </c>
      <c r="G42907" s="1" t="s">
        <v>146412</v>
      </c>
      <c r="H42907" s="1" t="s">
        <v>146413</v>
      </c>
      <c r="I42907" s="1" t="s">
        <v>146196</v>
      </c>
      <c r="J42907" s="1" t="s">
        <v>146430</v>
      </c>
    </row>
    <row r="42908" spans="1:10" x14ac:dyDescent="0.35">
      <c r="A42908" s="1" t="s">
        <v>146409</v>
      </c>
      <c r="B42908" s="1" t="s">
        <v>146191</v>
      </c>
      <c r="C42908" s="1" t="s">
        <v>40</v>
      </c>
      <c r="D42908" s="1" t="s">
        <v>4305</v>
      </c>
      <c r="E42908" s="1" t="s">
        <v>146431</v>
      </c>
      <c r="F42908" s="1" t="s">
        <v>146432</v>
      </c>
      <c r="G42908" s="1" t="s">
        <v>146412</v>
      </c>
      <c r="H42908" s="1" t="s">
        <v>146413</v>
      </c>
      <c r="I42908" s="1" t="s">
        <v>146196</v>
      </c>
      <c r="J42908" s="1" t="s">
        <v>146433</v>
      </c>
    </row>
    <row r="42909" spans="1:10" x14ac:dyDescent="0.35">
      <c r="A42909" s="1" t="s">
        <v>146409</v>
      </c>
      <c r="B42909" s="1" t="s">
        <v>146191</v>
      </c>
      <c r="C42909" s="1" t="s">
        <v>45</v>
      </c>
      <c r="D42909" s="1" t="s">
        <v>144915</v>
      </c>
      <c r="E42909" s="1" t="s">
        <v>146434</v>
      </c>
      <c r="F42909" s="1" t="s">
        <v>146435</v>
      </c>
      <c r="G42909" s="1" t="s">
        <v>146412</v>
      </c>
      <c r="H42909" s="1" t="s">
        <v>146413</v>
      </c>
      <c r="I42909" s="1" t="s">
        <v>146196</v>
      </c>
      <c r="J42909" s="1" t="s">
        <v>146436</v>
      </c>
    </row>
    <row r="42910" spans="1:10" x14ac:dyDescent="0.35">
      <c r="A42910" s="1" t="s">
        <v>146409</v>
      </c>
      <c r="B42910" s="1" t="s">
        <v>146191</v>
      </c>
      <c r="C42910" s="1" t="s">
        <v>50</v>
      </c>
      <c r="D42910" s="1" t="s">
        <v>1977</v>
      </c>
      <c r="E42910" s="1" t="s">
        <v>146437</v>
      </c>
      <c r="F42910" s="1" t="s">
        <v>146438</v>
      </c>
      <c r="G42910" s="1" t="s">
        <v>146412</v>
      </c>
      <c r="H42910" s="1" t="s">
        <v>146413</v>
      </c>
      <c r="I42910" s="1" t="s">
        <v>146196</v>
      </c>
      <c r="J42910" s="1" t="s">
        <v>146439</v>
      </c>
    </row>
    <row r="42911" spans="1:10" x14ac:dyDescent="0.35">
      <c r="A42911" s="1" t="s">
        <v>146409</v>
      </c>
      <c r="B42911" s="1" t="s">
        <v>146191</v>
      </c>
      <c r="C42911" s="1" t="s">
        <v>55</v>
      </c>
      <c r="D42911" s="1" t="s">
        <v>119103</v>
      </c>
      <c r="E42911" s="1" t="s">
        <v>146440</v>
      </c>
      <c r="F42911" s="1" t="s">
        <v>146441</v>
      </c>
      <c r="G42911" s="1" t="s">
        <v>146412</v>
      </c>
      <c r="H42911" s="1" t="s">
        <v>146413</v>
      </c>
      <c r="I42911" s="1" t="s">
        <v>146196</v>
      </c>
      <c r="J42911" s="1" t="s">
        <v>146442</v>
      </c>
    </row>
    <row r="42912" spans="1:10" x14ac:dyDescent="0.35">
      <c r="A42912" s="1" t="s">
        <v>146409</v>
      </c>
      <c r="B42912" s="1" t="s">
        <v>146191</v>
      </c>
      <c r="C42912" s="1" t="s">
        <v>60</v>
      </c>
      <c r="D42912" s="1" t="s">
        <v>5529</v>
      </c>
      <c r="E42912" s="1" t="s">
        <v>146443</v>
      </c>
      <c r="F42912" s="1" t="s">
        <v>146444</v>
      </c>
      <c r="G42912" s="1" t="s">
        <v>146412</v>
      </c>
      <c r="H42912" s="1" t="s">
        <v>146413</v>
      </c>
      <c r="I42912" s="1" t="s">
        <v>146196</v>
      </c>
      <c r="J42912" s="1" t="s">
        <v>146445</v>
      </c>
    </row>
    <row r="42913" spans="1:10" x14ac:dyDescent="0.35">
      <c r="A42913" s="1" t="s">
        <v>146409</v>
      </c>
      <c r="B42913" s="1" t="s">
        <v>146191</v>
      </c>
      <c r="C42913" s="1" t="s">
        <v>65</v>
      </c>
      <c r="D42913" s="1" t="s">
        <v>3916</v>
      </c>
      <c r="E42913" s="1" t="s">
        <v>146446</v>
      </c>
      <c r="F42913" s="1" t="s">
        <v>146447</v>
      </c>
      <c r="G42913" s="1" t="s">
        <v>146412</v>
      </c>
      <c r="H42913" s="1" t="s">
        <v>146413</v>
      </c>
      <c r="I42913" s="1" t="s">
        <v>146196</v>
      </c>
      <c r="J42913" s="1" t="s">
        <v>146448</v>
      </c>
    </row>
    <row r="42914" spans="1:10" x14ac:dyDescent="0.35">
      <c r="A42914" s="1" t="s">
        <v>146409</v>
      </c>
      <c r="B42914" s="1" t="s">
        <v>146191</v>
      </c>
      <c r="C42914" s="1" t="s">
        <v>70</v>
      </c>
      <c r="D42914" s="1" t="s">
        <v>15208</v>
      </c>
      <c r="E42914" s="1" t="s">
        <v>146449</v>
      </c>
      <c r="F42914" s="1" t="s">
        <v>146450</v>
      </c>
      <c r="G42914" s="1" t="s">
        <v>146412</v>
      </c>
      <c r="H42914" s="1" t="s">
        <v>146413</v>
      </c>
      <c r="I42914" s="1" t="s">
        <v>146196</v>
      </c>
      <c r="J42914" s="1" t="s">
        <v>146451</v>
      </c>
    </row>
    <row r="42915" spans="1:10" x14ac:dyDescent="0.35">
      <c r="A42915" s="1" t="s">
        <v>146409</v>
      </c>
      <c r="B42915" s="1" t="s">
        <v>146191</v>
      </c>
      <c r="C42915" s="1" t="s">
        <v>75</v>
      </c>
      <c r="D42915" s="1" t="s">
        <v>117929</v>
      </c>
      <c r="E42915" s="1" t="s">
        <v>146452</v>
      </c>
      <c r="F42915" s="1" t="s">
        <v>146453</v>
      </c>
      <c r="G42915" s="1" t="s">
        <v>146412</v>
      </c>
      <c r="H42915" s="1" t="s">
        <v>146413</v>
      </c>
      <c r="I42915" s="1" t="s">
        <v>146196</v>
      </c>
      <c r="J42915" s="1" t="s">
        <v>29366</v>
      </c>
    </row>
    <row r="42916" spans="1:10" x14ac:dyDescent="0.35">
      <c r="A42916" s="1" t="s">
        <v>146409</v>
      </c>
      <c r="B42916" s="1" t="s">
        <v>146191</v>
      </c>
      <c r="C42916" s="1" t="s">
        <v>80</v>
      </c>
      <c r="D42916" s="1" t="s">
        <v>3596</v>
      </c>
      <c r="E42916" s="1" t="s">
        <v>146454</v>
      </c>
      <c r="F42916" s="1" t="s">
        <v>146455</v>
      </c>
      <c r="G42916" s="1" t="s">
        <v>146412</v>
      </c>
      <c r="H42916" s="1" t="s">
        <v>146413</v>
      </c>
      <c r="I42916" s="1" t="s">
        <v>146196</v>
      </c>
      <c r="J42916" s="1" t="s">
        <v>146456</v>
      </c>
    </row>
    <row r="42917" spans="1:10" x14ac:dyDescent="0.35">
      <c r="A42917" s="1" t="s">
        <v>146409</v>
      </c>
      <c r="B42917" s="1" t="s">
        <v>146191</v>
      </c>
      <c r="C42917" s="1" t="s">
        <v>85</v>
      </c>
      <c r="D42917" s="1" t="s">
        <v>51865</v>
      </c>
      <c r="E42917" s="1" t="s">
        <v>146457</v>
      </c>
      <c r="F42917" s="1" t="s">
        <v>146458</v>
      </c>
      <c r="G42917" s="1" t="s">
        <v>146412</v>
      </c>
      <c r="H42917" s="1" t="s">
        <v>146413</v>
      </c>
      <c r="I42917" s="1" t="s">
        <v>146196</v>
      </c>
      <c r="J42917" s="1" t="s">
        <v>146459</v>
      </c>
    </row>
    <row r="42918" spans="1:10" x14ac:dyDescent="0.35">
      <c r="A42918" s="1" t="s">
        <v>146409</v>
      </c>
      <c r="B42918" s="1" t="s">
        <v>146191</v>
      </c>
      <c r="C42918" s="1" t="s">
        <v>90</v>
      </c>
      <c r="D42918" s="1" t="s">
        <v>27615</v>
      </c>
      <c r="E42918" s="1" t="s">
        <v>146460</v>
      </c>
      <c r="F42918" s="1" t="s">
        <v>146461</v>
      </c>
      <c r="G42918" s="1" t="s">
        <v>146412</v>
      </c>
      <c r="H42918" s="1" t="s">
        <v>146413</v>
      </c>
      <c r="I42918" s="1" t="s">
        <v>146196</v>
      </c>
      <c r="J42918" s="1" t="s">
        <v>146462</v>
      </c>
    </row>
    <row r="42919" spans="1:10" x14ac:dyDescent="0.35">
      <c r="A42919" s="1" t="s">
        <v>146409</v>
      </c>
      <c r="B42919" s="1" t="s">
        <v>146191</v>
      </c>
      <c r="C42919" s="1" t="s">
        <v>95</v>
      </c>
      <c r="D42919" s="1" t="s">
        <v>146463</v>
      </c>
      <c r="E42919" s="1" t="s">
        <v>146464</v>
      </c>
      <c r="F42919" s="1" t="s">
        <v>146465</v>
      </c>
      <c r="G42919" s="1" t="s">
        <v>146412</v>
      </c>
      <c r="H42919" s="1" t="s">
        <v>146413</v>
      </c>
      <c r="I42919" s="1" t="s">
        <v>146196</v>
      </c>
      <c r="J42919" s="1" t="s">
        <v>146466</v>
      </c>
    </row>
    <row r="42920" spans="1:10" x14ac:dyDescent="0.35">
      <c r="A42920" s="1" t="s">
        <v>146409</v>
      </c>
      <c r="B42920" s="1" t="s">
        <v>146191</v>
      </c>
      <c r="C42920" s="1" t="s">
        <v>100</v>
      </c>
      <c r="D42920" s="1" t="s">
        <v>110353</v>
      </c>
      <c r="E42920" s="1" t="s">
        <v>146467</v>
      </c>
      <c r="F42920" s="1" t="s">
        <v>146468</v>
      </c>
      <c r="G42920" s="1" t="s">
        <v>146412</v>
      </c>
      <c r="H42920" s="1" t="s">
        <v>146413</v>
      </c>
      <c r="I42920" s="1" t="s">
        <v>146196</v>
      </c>
      <c r="J42920" s="1" t="s">
        <v>146469</v>
      </c>
    </row>
    <row r="42921" spans="1:10" x14ac:dyDescent="0.35">
      <c r="A42921" s="1" t="s">
        <v>146409</v>
      </c>
      <c r="B42921" s="1" t="s">
        <v>146191</v>
      </c>
      <c r="C42921" s="1" t="s">
        <v>105</v>
      </c>
      <c r="D42921" s="1" t="s">
        <v>104431</v>
      </c>
      <c r="E42921" s="1" t="s">
        <v>146470</v>
      </c>
      <c r="F42921" s="1" t="s">
        <v>146471</v>
      </c>
      <c r="G42921" s="1" t="s">
        <v>146412</v>
      </c>
      <c r="H42921" s="1" t="s">
        <v>146413</v>
      </c>
      <c r="I42921" s="1" t="s">
        <v>146196</v>
      </c>
      <c r="J42921" s="1" t="s">
        <v>146472</v>
      </c>
    </row>
    <row r="42922" spans="1:10" x14ac:dyDescent="0.35">
      <c r="A42922" s="1" t="s">
        <v>146409</v>
      </c>
      <c r="B42922" s="1" t="s">
        <v>146191</v>
      </c>
      <c r="C42922" s="1" t="s">
        <v>110</v>
      </c>
      <c r="D42922" s="1" t="s">
        <v>110353</v>
      </c>
      <c r="E42922" s="1" t="s">
        <v>146473</v>
      </c>
      <c r="F42922" s="1" t="s">
        <v>146474</v>
      </c>
      <c r="G42922" s="1" t="s">
        <v>146412</v>
      </c>
      <c r="H42922" s="1" t="s">
        <v>146413</v>
      </c>
      <c r="I42922" s="1" t="s">
        <v>146196</v>
      </c>
      <c r="J42922" s="1" t="s">
        <v>146475</v>
      </c>
    </row>
    <row r="42923" spans="1:10" x14ac:dyDescent="0.35">
      <c r="A42923" s="1" t="s">
        <v>146409</v>
      </c>
      <c r="B42923" s="1" t="s">
        <v>146191</v>
      </c>
      <c r="C42923" s="1" t="s">
        <v>115</v>
      </c>
      <c r="D42923" s="1" t="s">
        <v>29087</v>
      </c>
      <c r="E42923" s="1" t="s">
        <v>146476</v>
      </c>
      <c r="F42923" s="1" t="s">
        <v>146477</v>
      </c>
      <c r="G42923" s="1" t="s">
        <v>146412</v>
      </c>
      <c r="H42923" s="1" t="s">
        <v>146413</v>
      </c>
      <c r="I42923" s="1" t="s">
        <v>146196</v>
      </c>
      <c r="J42923" s="1" t="s">
        <v>146478</v>
      </c>
    </row>
    <row r="42924" spans="1:10" x14ac:dyDescent="0.35">
      <c r="A42924" s="1" t="s">
        <v>146409</v>
      </c>
      <c r="B42924" s="1" t="s">
        <v>146191</v>
      </c>
      <c r="C42924" s="1" t="s">
        <v>120</v>
      </c>
      <c r="D42924" s="1" t="s">
        <v>119140</v>
      </c>
      <c r="E42924" s="1" t="s">
        <v>146479</v>
      </c>
      <c r="F42924" s="1" t="s">
        <v>146480</v>
      </c>
      <c r="G42924" s="1" t="s">
        <v>146412</v>
      </c>
      <c r="H42924" s="1" t="s">
        <v>146413</v>
      </c>
      <c r="I42924" s="1" t="s">
        <v>146196</v>
      </c>
      <c r="J42924" s="1" t="s">
        <v>146481</v>
      </c>
    </row>
    <row r="42925" spans="1:10" x14ac:dyDescent="0.35">
      <c r="A42925" s="1" t="s">
        <v>146409</v>
      </c>
      <c r="B42925" s="1" t="s">
        <v>146191</v>
      </c>
      <c r="C42925" s="1" t="s">
        <v>125</v>
      </c>
      <c r="D42925" s="1" t="s">
        <v>10302</v>
      </c>
      <c r="E42925" s="1" t="s">
        <v>146482</v>
      </c>
      <c r="F42925" s="1" t="s">
        <v>146483</v>
      </c>
      <c r="G42925" s="1" t="s">
        <v>146412</v>
      </c>
      <c r="H42925" s="1" t="s">
        <v>146413</v>
      </c>
      <c r="I42925" s="1" t="s">
        <v>146196</v>
      </c>
      <c r="J42925" s="1" t="s">
        <v>146484</v>
      </c>
    </row>
    <row r="42926" spans="1:10" x14ac:dyDescent="0.35">
      <c r="A42926" s="1" t="s">
        <v>146409</v>
      </c>
      <c r="B42926" s="1" t="s">
        <v>146191</v>
      </c>
      <c r="C42926" s="1" t="s">
        <v>130</v>
      </c>
      <c r="D42926" s="1" t="s">
        <v>25502</v>
      </c>
      <c r="E42926" s="1" t="s">
        <v>146485</v>
      </c>
      <c r="F42926" s="1" t="s">
        <v>146486</v>
      </c>
      <c r="G42926" s="1" t="s">
        <v>146412</v>
      </c>
      <c r="H42926" s="1" t="s">
        <v>146413</v>
      </c>
      <c r="I42926" s="1" t="s">
        <v>146196</v>
      </c>
      <c r="J42926" s="1" t="s">
        <v>146487</v>
      </c>
    </row>
    <row r="42927" spans="1:10" x14ac:dyDescent="0.35">
      <c r="A42927" s="1" t="s">
        <v>146409</v>
      </c>
      <c r="B42927" s="1" t="s">
        <v>146191</v>
      </c>
      <c r="C42927" s="1" t="s">
        <v>135</v>
      </c>
      <c r="D42927" s="1" t="s">
        <v>30160</v>
      </c>
      <c r="E42927" s="1" t="s">
        <v>146488</v>
      </c>
      <c r="F42927" s="1" t="s">
        <v>146489</v>
      </c>
      <c r="G42927" s="1" t="s">
        <v>146412</v>
      </c>
      <c r="H42927" s="1" t="s">
        <v>146413</v>
      </c>
      <c r="I42927" s="1" t="s">
        <v>146196</v>
      </c>
      <c r="J42927" s="1" t="s">
        <v>146490</v>
      </c>
    </row>
    <row r="42928" spans="1:10" x14ac:dyDescent="0.35">
      <c r="A42928" s="1" t="s">
        <v>146409</v>
      </c>
      <c r="B42928" s="1" t="s">
        <v>146191</v>
      </c>
      <c r="C42928" s="1" t="s">
        <v>140</v>
      </c>
      <c r="D42928" s="1" t="s">
        <v>48509</v>
      </c>
      <c r="E42928" s="1" t="s">
        <v>146491</v>
      </c>
      <c r="F42928" s="1" t="s">
        <v>90402</v>
      </c>
      <c r="G42928" s="1" t="s">
        <v>146412</v>
      </c>
      <c r="H42928" s="1" t="s">
        <v>146413</v>
      </c>
      <c r="I42928" s="1" t="s">
        <v>146196</v>
      </c>
      <c r="J42928" s="1" t="s">
        <v>146492</v>
      </c>
    </row>
    <row r="42929" spans="1:10" x14ac:dyDescent="0.35">
      <c r="A42929" s="1" t="s">
        <v>146409</v>
      </c>
      <c r="B42929" s="1" t="s">
        <v>146191</v>
      </c>
      <c r="C42929" s="1" t="s">
        <v>145</v>
      </c>
      <c r="D42929" s="1" t="s">
        <v>146493</v>
      </c>
      <c r="E42929" s="1" t="s">
        <v>146494</v>
      </c>
      <c r="F42929" s="1" t="s">
        <v>146495</v>
      </c>
      <c r="G42929" s="1" t="s">
        <v>146412</v>
      </c>
      <c r="H42929" s="1" t="s">
        <v>146413</v>
      </c>
      <c r="I42929" s="1" t="s">
        <v>146196</v>
      </c>
      <c r="J42929" s="1" t="s">
        <v>146496</v>
      </c>
    </row>
    <row r="42930" spans="1:10" x14ac:dyDescent="0.35">
      <c r="A42930" s="1" t="s">
        <v>146409</v>
      </c>
      <c r="B42930" s="1" t="s">
        <v>146191</v>
      </c>
      <c r="C42930" s="1" t="s">
        <v>150</v>
      </c>
      <c r="D42930" s="1" t="s">
        <v>47210</v>
      </c>
      <c r="E42930" s="1" t="s">
        <v>146497</v>
      </c>
      <c r="F42930" s="1" t="s">
        <v>146498</v>
      </c>
      <c r="G42930" s="1" t="s">
        <v>146412</v>
      </c>
      <c r="H42930" s="1" t="s">
        <v>146413</v>
      </c>
      <c r="I42930" s="1" t="s">
        <v>146196</v>
      </c>
      <c r="J42930" s="1" t="s">
        <v>146499</v>
      </c>
    </row>
    <row r="42931" spans="1:10" x14ac:dyDescent="0.35">
      <c r="A42931" s="1" t="s">
        <v>146409</v>
      </c>
      <c r="B42931" s="1" t="s">
        <v>146191</v>
      </c>
      <c r="C42931" s="1" t="s">
        <v>155</v>
      </c>
      <c r="D42931" s="1" t="s">
        <v>121897</v>
      </c>
      <c r="E42931" s="1" t="s">
        <v>146500</v>
      </c>
      <c r="F42931" s="1" t="s">
        <v>146501</v>
      </c>
      <c r="G42931" s="1" t="s">
        <v>146412</v>
      </c>
      <c r="H42931" s="1" t="s">
        <v>146413</v>
      </c>
      <c r="I42931" s="1" t="s">
        <v>146196</v>
      </c>
      <c r="J42931" s="1" t="s">
        <v>146502</v>
      </c>
    </row>
    <row r="42932" spans="1:10" x14ac:dyDescent="0.35">
      <c r="A42932" s="1" t="s">
        <v>146409</v>
      </c>
      <c r="B42932" s="1" t="s">
        <v>146191</v>
      </c>
      <c r="C42932" s="1" t="s">
        <v>160</v>
      </c>
      <c r="D42932" s="1" t="s">
        <v>144404</v>
      </c>
      <c r="E42932" s="1" t="s">
        <v>146503</v>
      </c>
      <c r="F42932" s="1" t="s">
        <v>146504</v>
      </c>
      <c r="G42932" s="1" t="s">
        <v>146412</v>
      </c>
      <c r="H42932" s="1" t="s">
        <v>146413</v>
      </c>
      <c r="I42932" s="1" t="s">
        <v>146196</v>
      </c>
      <c r="J42932" s="1" t="s">
        <v>146505</v>
      </c>
    </row>
    <row r="42933" spans="1:10" x14ac:dyDescent="0.35">
      <c r="A42933" s="1" t="s">
        <v>146409</v>
      </c>
      <c r="B42933" s="1" t="s">
        <v>146191</v>
      </c>
      <c r="C42933" s="1" t="s">
        <v>165</v>
      </c>
      <c r="D42933" s="1" t="s">
        <v>145772</v>
      </c>
      <c r="E42933" s="1" t="s">
        <v>146506</v>
      </c>
      <c r="F42933" s="1" t="s">
        <v>146507</v>
      </c>
      <c r="G42933" s="1" t="s">
        <v>146412</v>
      </c>
      <c r="H42933" s="1" t="s">
        <v>146413</v>
      </c>
      <c r="I42933" s="1" t="s">
        <v>146196</v>
      </c>
      <c r="J42933" s="1" t="s">
        <v>146508</v>
      </c>
    </row>
    <row r="42934" spans="1:10" x14ac:dyDescent="0.35">
      <c r="A42934" s="1" t="s">
        <v>146409</v>
      </c>
      <c r="B42934" s="1" t="s">
        <v>146191</v>
      </c>
      <c r="C42934" s="1" t="s">
        <v>170</v>
      </c>
      <c r="D42934" s="1" t="s">
        <v>1683</v>
      </c>
      <c r="E42934" s="1" t="s">
        <v>146509</v>
      </c>
      <c r="F42934" s="1" t="s">
        <v>146510</v>
      </c>
      <c r="G42934" s="1" t="s">
        <v>146412</v>
      </c>
      <c r="H42934" s="1" t="s">
        <v>146413</v>
      </c>
      <c r="I42934" s="1" t="s">
        <v>146196</v>
      </c>
      <c r="J42934" s="1" t="s">
        <v>146511</v>
      </c>
    </row>
    <row r="42935" spans="1:10" x14ac:dyDescent="0.35">
      <c r="A42935" s="1" t="s">
        <v>146512</v>
      </c>
      <c r="B42935" s="1" t="s">
        <v>146191</v>
      </c>
      <c r="C42935" s="1" t="s">
        <v>8</v>
      </c>
      <c r="D42935" s="1" t="s">
        <v>4082</v>
      </c>
      <c r="E42935" s="1" t="s">
        <v>146513</v>
      </c>
      <c r="F42935" s="1" t="s">
        <v>146514</v>
      </c>
      <c r="G42935" s="1" t="s">
        <v>146515</v>
      </c>
      <c r="H42935" s="1" t="s">
        <v>146516</v>
      </c>
      <c r="I42935" s="1" t="s">
        <v>146196</v>
      </c>
      <c r="J42935" s="1" t="s">
        <v>13</v>
      </c>
    </row>
    <row r="42936" spans="1:10" x14ac:dyDescent="0.35">
      <c r="A42936" s="1" t="s">
        <v>146512</v>
      </c>
      <c r="B42936" s="1" t="s">
        <v>146191</v>
      </c>
      <c r="C42936" s="1" t="s">
        <v>15</v>
      </c>
      <c r="D42936" s="1" t="s">
        <v>145700</v>
      </c>
      <c r="E42936" s="1" t="s">
        <v>146517</v>
      </c>
      <c r="F42936" s="1" t="s">
        <v>146518</v>
      </c>
      <c r="G42936" s="1" t="s">
        <v>146515</v>
      </c>
      <c r="H42936" s="1" t="s">
        <v>146516</v>
      </c>
      <c r="I42936" s="1" t="s">
        <v>146196</v>
      </c>
      <c r="J42936" s="1" t="s">
        <v>146519</v>
      </c>
    </row>
    <row r="42937" spans="1:10" x14ac:dyDescent="0.35">
      <c r="A42937" s="1" t="s">
        <v>146512</v>
      </c>
      <c r="B42937" s="1" t="s">
        <v>146191</v>
      </c>
      <c r="C42937" s="1" t="s">
        <v>20</v>
      </c>
      <c r="D42937" s="1" t="s">
        <v>112495</v>
      </c>
      <c r="E42937" s="1" t="s">
        <v>146520</v>
      </c>
      <c r="F42937" s="1" t="s">
        <v>146521</v>
      </c>
      <c r="G42937" s="1" t="s">
        <v>146515</v>
      </c>
      <c r="H42937" s="1" t="s">
        <v>146516</v>
      </c>
      <c r="I42937" s="1" t="s">
        <v>146196</v>
      </c>
      <c r="J42937" s="1" t="s">
        <v>146522</v>
      </c>
    </row>
    <row r="42938" spans="1:10" x14ac:dyDescent="0.35">
      <c r="A42938" s="1" t="s">
        <v>146512</v>
      </c>
      <c r="B42938" s="1" t="s">
        <v>146191</v>
      </c>
      <c r="C42938" s="1" t="s">
        <v>25</v>
      </c>
      <c r="D42938" s="1" t="s">
        <v>11742</v>
      </c>
      <c r="E42938" s="1" t="s">
        <v>146523</v>
      </c>
      <c r="F42938" s="1" t="s">
        <v>146524</v>
      </c>
      <c r="G42938" s="1" t="s">
        <v>146515</v>
      </c>
      <c r="H42938" s="1" t="s">
        <v>146516</v>
      </c>
      <c r="I42938" s="1" t="s">
        <v>146196</v>
      </c>
      <c r="J42938" s="1" t="s">
        <v>146525</v>
      </c>
    </row>
    <row r="42939" spans="1:10" x14ac:dyDescent="0.35">
      <c r="A42939" s="1" t="s">
        <v>146512</v>
      </c>
      <c r="B42939" s="1" t="s">
        <v>146191</v>
      </c>
      <c r="C42939" s="1" t="s">
        <v>30</v>
      </c>
      <c r="D42939" s="1" t="s">
        <v>52062</v>
      </c>
      <c r="E42939" s="1" t="s">
        <v>146526</v>
      </c>
      <c r="F42939" s="1" t="s">
        <v>146527</v>
      </c>
      <c r="G42939" s="1" t="s">
        <v>146515</v>
      </c>
      <c r="H42939" s="1" t="s">
        <v>146516</v>
      </c>
      <c r="I42939" s="1" t="s">
        <v>146196</v>
      </c>
      <c r="J42939" s="1" t="s">
        <v>146528</v>
      </c>
    </row>
    <row r="42940" spans="1:10" x14ac:dyDescent="0.35">
      <c r="A42940" s="1" t="s">
        <v>146512</v>
      </c>
      <c r="B42940" s="1" t="s">
        <v>146191</v>
      </c>
      <c r="C42940" s="1" t="s">
        <v>35</v>
      </c>
      <c r="D42940" s="1" t="s">
        <v>4301</v>
      </c>
      <c r="E42940" s="1" t="s">
        <v>146529</v>
      </c>
      <c r="F42940" s="1" t="s">
        <v>146530</v>
      </c>
      <c r="G42940" s="1" t="s">
        <v>146515</v>
      </c>
      <c r="H42940" s="1" t="s">
        <v>146516</v>
      </c>
      <c r="I42940" s="1" t="s">
        <v>146196</v>
      </c>
      <c r="J42940" s="1" t="s">
        <v>146531</v>
      </c>
    </row>
    <row r="42941" spans="1:10" x14ac:dyDescent="0.35">
      <c r="A42941" s="1" t="s">
        <v>146512</v>
      </c>
      <c r="B42941" s="1" t="s">
        <v>146191</v>
      </c>
      <c r="C42941" s="1" t="s">
        <v>40</v>
      </c>
      <c r="D42941" s="1" t="s">
        <v>9212</v>
      </c>
      <c r="E42941" s="1" t="s">
        <v>146532</v>
      </c>
      <c r="F42941" s="1" t="s">
        <v>146533</v>
      </c>
      <c r="G42941" s="1" t="s">
        <v>146515</v>
      </c>
      <c r="H42941" s="1" t="s">
        <v>146516</v>
      </c>
      <c r="I42941" s="1" t="s">
        <v>146196</v>
      </c>
      <c r="J42941" s="1" t="s">
        <v>146534</v>
      </c>
    </row>
    <row r="42942" spans="1:10" x14ac:dyDescent="0.35">
      <c r="A42942" s="1" t="s">
        <v>146512</v>
      </c>
      <c r="B42942" s="1" t="s">
        <v>146191</v>
      </c>
      <c r="C42942" s="1" t="s">
        <v>45</v>
      </c>
      <c r="D42942" s="1" t="s">
        <v>9316</v>
      </c>
      <c r="E42942" s="1" t="s">
        <v>146535</v>
      </c>
      <c r="F42942" s="1" t="s">
        <v>146536</v>
      </c>
      <c r="G42942" s="1" t="s">
        <v>146515</v>
      </c>
      <c r="H42942" s="1" t="s">
        <v>146516</v>
      </c>
      <c r="I42942" s="1" t="s">
        <v>146196</v>
      </c>
      <c r="J42942" s="1" t="s">
        <v>146537</v>
      </c>
    </row>
    <row r="42943" spans="1:10" x14ac:dyDescent="0.35">
      <c r="A42943" s="1" t="s">
        <v>146512</v>
      </c>
      <c r="B42943" s="1" t="s">
        <v>146191</v>
      </c>
      <c r="C42943" s="1" t="s">
        <v>50</v>
      </c>
      <c r="D42943" s="1" t="s">
        <v>29410</v>
      </c>
      <c r="E42943" s="1" t="s">
        <v>146538</v>
      </c>
      <c r="F42943" s="1" t="s">
        <v>146539</v>
      </c>
      <c r="G42943" s="1" t="s">
        <v>146515</v>
      </c>
      <c r="H42943" s="1" t="s">
        <v>146516</v>
      </c>
      <c r="I42943" s="1" t="s">
        <v>146196</v>
      </c>
      <c r="J42943" s="1" t="s">
        <v>146540</v>
      </c>
    </row>
    <row r="42944" spans="1:10" x14ac:dyDescent="0.35">
      <c r="A42944" s="1" t="s">
        <v>146512</v>
      </c>
      <c r="B42944" s="1" t="s">
        <v>146191</v>
      </c>
      <c r="C42944" s="1" t="s">
        <v>55</v>
      </c>
      <c r="D42944" s="1" t="s">
        <v>4345</v>
      </c>
      <c r="E42944" s="1" t="s">
        <v>146541</v>
      </c>
      <c r="F42944" s="1" t="s">
        <v>146542</v>
      </c>
      <c r="G42944" s="1" t="s">
        <v>146515</v>
      </c>
      <c r="H42944" s="1" t="s">
        <v>146516</v>
      </c>
      <c r="I42944" s="1" t="s">
        <v>146196</v>
      </c>
      <c r="J42944" s="1" t="s">
        <v>146543</v>
      </c>
    </row>
    <row r="42945" spans="1:10" x14ac:dyDescent="0.35">
      <c r="A42945" s="1" t="s">
        <v>146512</v>
      </c>
      <c r="B42945" s="1" t="s">
        <v>146191</v>
      </c>
      <c r="C42945" s="1" t="s">
        <v>60</v>
      </c>
      <c r="D42945" s="1" t="s">
        <v>51492</v>
      </c>
      <c r="E42945" s="1" t="s">
        <v>146544</v>
      </c>
      <c r="F42945" s="1" t="s">
        <v>146545</v>
      </c>
      <c r="G42945" s="1" t="s">
        <v>146515</v>
      </c>
      <c r="H42945" s="1" t="s">
        <v>146516</v>
      </c>
      <c r="I42945" s="1" t="s">
        <v>146196</v>
      </c>
      <c r="J42945" s="1" t="s">
        <v>146546</v>
      </c>
    </row>
    <row r="42946" spans="1:10" x14ac:dyDescent="0.35">
      <c r="A42946" s="1" t="s">
        <v>146512</v>
      </c>
      <c r="B42946" s="1" t="s">
        <v>146191</v>
      </c>
      <c r="C42946" s="1" t="s">
        <v>65</v>
      </c>
      <c r="D42946" s="1" t="s">
        <v>125</v>
      </c>
      <c r="E42946" s="1" t="s">
        <v>146547</v>
      </c>
      <c r="F42946" s="1" t="s">
        <v>146548</v>
      </c>
      <c r="G42946" s="1" t="s">
        <v>146515</v>
      </c>
      <c r="H42946" s="1" t="s">
        <v>146516</v>
      </c>
      <c r="I42946" s="1" t="s">
        <v>146196</v>
      </c>
      <c r="J42946" s="1" t="s">
        <v>146549</v>
      </c>
    </row>
    <row r="42947" spans="1:10" x14ac:dyDescent="0.35">
      <c r="A42947" s="1" t="s">
        <v>146512</v>
      </c>
      <c r="B42947" s="1" t="s">
        <v>146191</v>
      </c>
      <c r="C42947" s="1" t="s">
        <v>70</v>
      </c>
      <c r="D42947" s="1" t="s">
        <v>35</v>
      </c>
      <c r="E42947" s="1" t="s">
        <v>146550</v>
      </c>
      <c r="F42947" s="1" t="s">
        <v>146551</v>
      </c>
      <c r="G42947" s="1" t="s">
        <v>146515</v>
      </c>
      <c r="H42947" s="1" t="s">
        <v>146516</v>
      </c>
      <c r="I42947" s="1" t="s">
        <v>146196</v>
      </c>
      <c r="J42947" s="1" t="s">
        <v>146552</v>
      </c>
    </row>
    <row r="42948" spans="1:10" x14ac:dyDescent="0.35">
      <c r="A42948" s="1" t="s">
        <v>146512</v>
      </c>
      <c r="B42948" s="1" t="s">
        <v>146191</v>
      </c>
      <c r="C42948" s="1" t="s">
        <v>75</v>
      </c>
      <c r="D42948" s="1" t="s">
        <v>4007</v>
      </c>
      <c r="E42948" s="1" t="s">
        <v>146553</v>
      </c>
      <c r="F42948" s="1" t="s">
        <v>146554</v>
      </c>
      <c r="G42948" s="1" t="s">
        <v>146515</v>
      </c>
      <c r="H42948" s="1" t="s">
        <v>146516</v>
      </c>
      <c r="I42948" s="1" t="s">
        <v>146196</v>
      </c>
      <c r="J42948" s="1" t="s">
        <v>146555</v>
      </c>
    </row>
    <row r="42949" spans="1:10" x14ac:dyDescent="0.35">
      <c r="A42949" s="1" t="s">
        <v>146512</v>
      </c>
      <c r="B42949" s="1" t="s">
        <v>146191</v>
      </c>
      <c r="C42949" s="1" t="s">
        <v>80</v>
      </c>
      <c r="D42949" s="1" t="s">
        <v>27611</v>
      </c>
      <c r="E42949" s="1" t="s">
        <v>146556</v>
      </c>
      <c r="F42949" s="1" t="s">
        <v>146557</v>
      </c>
      <c r="G42949" s="1" t="s">
        <v>146515</v>
      </c>
      <c r="H42949" s="1" t="s">
        <v>146516</v>
      </c>
      <c r="I42949" s="1" t="s">
        <v>146196</v>
      </c>
      <c r="J42949" s="1" t="s">
        <v>146558</v>
      </c>
    </row>
    <row r="42950" spans="1:10" x14ac:dyDescent="0.35">
      <c r="A42950" s="1" t="s">
        <v>146512</v>
      </c>
      <c r="B42950" s="1" t="s">
        <v>146191</v>
      </c>
      <c r="C42950" s="1" t="s">
        <v>85</v>
      </c>
      <c r="D42950" s="1" t="s">
        <v>14991</v>
      </c>
      <c r="E42950" s="1" t="s">
        <v>146559</v>
      </c>
      <c r="F42950" s="1" t="s">
        <v>146560</v>
      </c>
      <c r="G42950" s="1" t="s">
        <v>146515</v>
      </c>
      <c r="H42950" s="1" t="s">
        <v>146516</v>
      </c>
      <c r="I42950" s="1" t="s">
        <v>146196</v>
      </c>
      <c r="J42950" s="1" t="s">
        <v>146561</v>
      </c>
    </row>
    <row r="42951" spans="1:10" x14ac:dyDescent="0.35">
      <c r="A42951" s="1" t="s">
        <v>146512</v>
      </c>
      <c r="B42951" s="1" t="s">
        <v>146191</v>
      </c>
      <c r="C42951" s="1" t="s">
        <v>90</v>
      </c>
      <c r="D42951" s="1" t="s">
        <v>10094</v>
      </c>
      <c r="E42951" s="1" t="s">
        <v>146562</v>
      </c>
      <c r="F42951" s="1" t="s">
        <v>146563</v>
      </c>
      <c r="G42951" s="1" t="s">
        <v>146515</v>
      </c>
      <c r="H42951" s="1" t="s">
        <v>146516</v>
      </c>
      <c r="I42951" s="1" t="s">
        <v>146196</v>
      </c>
      <c r="J42951" s="1" t="s">
        <v>146564</v>
      </c>
    </row>
    <row r="42952" spans="1:10" x14ac:dyDescent="0.35">
      <c r="A42952" s="1" t="s">
        <v>146512</v>
      </c>
      <c r="B42952" s="1" t="s">
        <v>146191</v>
      </c>
      <c r="C42952" s="1" t="s">
        <v>95</v>
      </c>
      <c r="D42952" s="1" t="s">
        <v>30139</v>
      </c>
      <c r="E42952" s="1" t="s">
        <v>146565</v>
      </c>
      <c r="F42952" s="1" t="s">
        <v>146566</v>
      </c>
      <c r="G42952" s="1" t="s">
        <v>146515</v>
      </c>
      <c r="H42952" s="1" t="s">
        <v>146516</v>
      </c>
      <c r="I42952" s="1" t="s">
        <v>146196</v>
      </c>
      <c r="J42952" s="1" t="s">
        <v>146567</v>
      </c>
    </row>
    <row r="42953" spans="1:10" x14ac:dyDescent="0.35">
      <c r="A42953" s="1" t="s">
        <v>146512</v>
      </c>
      <c r="B42953" s="1" t="s">
        <v>146191</v>
      </c>
      <c r="C42953" s="1" t="s">
        <v>100</v>
      </c>
      <c r="D42953" s="1" t="s">
        <v>11767</v>
      </c>
      <c r="E42953" s="1" t="s">
        <v>146568</v>
      </c>
      <c r="F42953" s="1" t="s">
        <v>146569</v>
      </c>
      <c r="G42953" s="1" t="s">
        <v>146515</v>
      </c>
      <c r="H42953" s="1" t="s">
        <v>146516</v>
      </c>
      <c r="I42953" s="1" t="s">
        <v>146196</v>
      </c>
      <c r="J42953" s="1" t="s">
        <v>146570</v>
      </c>
    </row>
    <row r="42954" spans="1:10" x14ac:dyDescent="0.35">
      <c r="A42954" s="1" t="s">
        <v>146512</v>
      </c>
      <c r="B42954" s="1" t="s">
        <v>146191</v>
      </c>
      <c r="C42954" s="1" t="s">
        <v>105</v>
      </c>
      <c r="D42954" s="1" t="s">
        <v>28773</v>
      </c>
      <c r="E42954" s="1" t="s">
        <v>146571</v>
      </c>
      <c r="F42954" s="1" t="s">
        <v>146572</v>
      </c>
      <c r="G42954" s="1" t="s">
        <v>146515</v>
      </c>
      <c r="H42954" s="1" t="s">
        <v>146516</v>
      </c>
      <c r="I42954" s="1" t="s">
        <v>146196</v>
      </c>
      <c r="J42954" s="1" t="s">
        <v>146573</v>
      </c>
    </row>
    <row r="42955" spans="1:10" x14ac:dyDescent="0.35">
      <c r="A42955" s="1" t="s">
        <v>146512</v>
      </c>
      <c r="B42955" s="1" t="s">
        <v>146191</v>
      </c>
      <c r="C42955" s="1" t="s">
        <v>110</v>
      </c>
      <c r="D42955" s="1" t="s">
        <v>11767</v>
      </c>
      <c r="E42955" s="1" t="s">
        <v>146574</v>
      </c>
      <c r="F42955" s="1" t="s">
        <v>146575</v>
      </c>
      <c r="G42955" s="1" t="s">
        <v>146515</v>
      </c>
      <c r="H42955" s="1" t="s">
        <v>146516</v>
      </c>
      <c r="I42955" s="1" t="s">
        <v>146196</v>
      </c>
      <c r="J42955" s="1" t="s">
        <v>146576</v>
      </c>
    </row>
    <row r="42956" spans="1:10" x14ac:dyDescent="0.35">
      <c r="A42956" s="1" t="s">
        <v>146512</v>
      </c>
      <c r="B42956" s="1" t="s">
        <v>146191</v>
      </c>
      <c r="C42956" s="1" t="s">
        <v>115</v>
      </c>
      <c r="D42956" s="1" t="s">
        <v>119770</v>
      </c>
      <c r="E42956" s="1" t="s">
        <v>146577</v>
      </c>
      <c r="F42956" s="1" t="s">
        <v>146578</v>
      </c>
      <c r="G42956" s="1" t="s">
        <v>146515</v>
      </c>
      <c r="H42956" s="1" t="s">
        <v>146516</v>
      </c>
      <c r="I42956" s="1" t="s">
        <v>146196</v>
      </c>
      <c r="J42956" s="1" t="s">
        <v>146579</v>
      </c>
    </row>
    <row r="42957" spans="1:10" x14ac:dyDescent="0.35">
      <c r="A42957" s="1" t="s">
        <v>146512</v>
      </c>
      <c r="B42957" s="1" t="s">
        <v>146191</v>
      </c>
      <c r="C42957" s="1" t="s">
        <v>120</v>
      </c>
      <c r="D42957" s="1" t="s">
        <v>45252</v>
      </c>
      <c r="E42957" s="1" t="s">
        <v>146580</v>
      </c>
      <c r="F42957" s="1" t="s">
        <v>146581</v>
      </c>
      <c r="G42957" s="1" t="s">
        <v>146515</v>
      </c>
      <c r="H42957" s="1" t="s">
        <v>146516</v>
      </c>
      <c r="I42957" s="1" t="s">
        <v>146196</v>
      </c>
      <c r="J42957" s="1" t="s">
        <v>146582</v>
      </c>
    </row>
    <row r="42958" spans="1:10" x14ac:dyDescent="0.35">
      <c r="A42958" s="1" t="s">
        <v>146512</v>
      </c>
      <c r="B42958" s="1" t="s">
        <v>146191</v>
      </c>
      <c r="C42958" s="1" t="s">
        <v>125</v>
      </c>
      <c r="D42958" s="1" t="s">
        <v>2081</v>
      </c>
      <c r="E42958" s="1" t="s">
        <v>146583</v>
      </c>
      <c r="F42958" s="1" t="s">
        <v>146584</v>
      </c>
      <c r="G42958" s="1" t="s">
        <v>146515</v>
      </c>
      <c r="H42958" s="1" t="s">
        <v>146516</v>
      </c>
      <c r="I42958" s="1" t="s">
        <v>146196</v>
      </c>
      <c r="J42958" s="1" t="s">
        <v>146585</v>
      </c>
    </row>
    <row r="42959" spans="1:10" x14ac:dyDescent="0.35">
      <c r="A42959" s="1" t="s">
        <v>146512</v>
      </c>
      <c r="B42959" s="1" t="s">
        <v>146191</v>
      </c>
      <c r="C42959" s="1" t="s">
        <v>130</v>
      </c>
      <c r="D42959" s="1" t="s">
        <v>25243</v>
      </c>
      <c r="E42959" s="1" t="s">
        <v>146586</v>
      </c>
      <c r="F42959" s="1" t="s">
        <v>146587</v>
      </c>
      <c r="G42959" s="1" t="s">
        <v>146515</v>
      </c>
      <c r="H42959" s="1" t="s">
        <v>146516</v>
      </c>
      <c r="I42959" s="1" t="s">
        <v>146196</v>
      </c>
      <c r="J42959" s="1" t="s">
        <v>146588</v>
      </c>
    </row>
    <row r="42960" spans="1:10" x14ac:dyDescent="0.35">
      <c r="A42960" s="1" t="s">
        <v>146512</v>
      </c>
      <c r="B42960" s="1" t="s">
        <v>146191</v>
      </c>
      <c r="C42960" s="1" t="s">
        <v>135</v>
      </c>
      <c r="D42960" s="1" t="s">
        <v>4681</v>
      </c>
      <c r="E42960" s="1" t="s">
        <v>146589</v>
      </c>
      <c r="F42960" s="1" t="s">
        <v>146590</v>
      </c>
      <c r="G42960" s="1" t="s">
        <v>146515</v>
      </c>
      <c r="H42960" s="1" t="s">
        <v>146516</v>
      </c>
      <c r="I42960" s="1" t="s">
        <v>146196</v>
      </c>
      <c r="J42960" s="1" t="s">
        <v>146591</v>
      </c>
    </row>
    <row r="42961" spans="1:10" x14ac:dyDescent="0.35">
      <c r="A42961" s="1" t="s">
        <v>146512</v>
      </c>
      <c r="B42961" s="1" t="s">
        <v>146191</v>
      </c>
      <c r="C42961" s="1" t="s">
        <v>140</v>
      </c>
      <c r="D42961" s="1" t="s">
        <v>115698</v>
      </c>
      <c r="E42961" s="1" t="s">
        <v>146592</v>
      </c>
      <c r="F42961" s="1" t="s">
        <v>146593</v>
      </c>
      <c r="G42961" s="1" t="s">
        <v>146515</v>
      </c>
      <c r="H42961" s="1" t="s">
        <v>146516</v>
      </c>
      <c r="I42961" s="1" t="s">
        <v>146196</v>
      </c>
      <c r="J42961" s="1" t="s">
        <v>146594</v>
      </c>
    </row>
    <row r="42962" spans="1:10" x14ac:dyDescent="0.35">
      <c r="A42962" s="1" t="s">
        <v>146512</v>
      </c>
      <c r="B42962" s="1" t="s">
        <v>146191</v>
      </c>
      <c r="C42962" s="1" t="s">
        <v>145</v>
      </c>
      <c r="D42962" s="1" t="s">
        <v>44773</v>
      </c>
      <c r="E42962" s="1" t="s">
        <v>146595</v>
      </c>
      <c r="F42962" s="1" t="s">
        <v>146596</v>
      </c>
      <c r="G42962" s="1" t="s">
        <v>146515</v>
      </c>
      <c r="H42962" s="1" t="s">
        <v>146516</v>
      </c>
      <c r="I42962" s="1" t="s">
        <v>146196</v>
      </c>
      <c r="J42962" s="1" t="s">
        <v>146597</v>
      </c>
    </row>
    <row r="42963" spans="1:10" x14ac:dyDescent="0.35">
      <c r="A42963" s="1" t="s">
        <v>146512</v>
      </c>
      <c r="B42963" s="1" t="s">
        <v>146191</v>
      </c>
      <c r="C42963" s="1" t="s">
        <v>150</v>
      </c>
      <c r="D42963" s="1" t="s">
        <v>110028</v>
      </c>
      <c r="E42963" s="1" t="s">
        <v>146598</v>
      </c>
      <c r="F42963" s="1" t="s">
        <v>146599</v>
      </c>
      <c r="G42963" s="1" t="s">
        <v>146515</v>
      </c>
      <c r="H42963" s="1" t="s">
        <v>146516</v>
      </c>
      <c r="I42963" s="1" t="s">
        <v>146196</v>
      </c>
      <c r="J42963" s="1" t="s">
        <v>146600</v>
      </c>
    </row>
    <row r="42964" spans="1:10" x14ac:dyDescent="0.35">
      <c r="A42964" s="1" t="s">
        <v>146512</v>
      </c>
      <c r="B42964" s="1" t="s">
        <v>146191</v>
      </c>
      <c r="C42964" s="1" t="s">
        <v>155</v>
      </c>
      <c r="D42964" s="1" t="s">
        <v>45386</v>
      </c>
      <c r="E42964" s="1" t="s">
        <v>146601</v>
      </c>
      <c r="F42964" s="1" t="s">
        <v>146602</v>
      </c>
      <c r="G42964" s="1" t="s">
        <v>146515</v>
      </c>
      <c r="H42964" s="1" t="s">
        <v>146516</v>
      </c>
      <c r="I42964" s="1" t="s">
        <v>146196</v>
      </c>
      <c r="J42964" s="1" t="s">
        <v>146603</v>
      </c>
    </row>
    <row r="42965" spans="1:10" x14ac:dyDescent="0.35">
      <c r="A42965" s="1" t="s">
        <v>146512</v>
      </c>
      <c r="B42965" s="1" t="s">
        <v>146191</v>
      </c>
      <c r="C42965" s="1" t="s">
        <v>160</v>
      </c>
      <c r="D42965" s="1" t="s">
        <v>27828</v>
      </c>
      <c r="E42965" s="1" t="s">
        <v>146604</v>
      </c>
      <c r="F42965" s="1" t="s">
        <v>146605</v>
      </c>
      <c r="G42965" s="1" t="s">
        <v>146515</v>
      </c>
      <c r="H42965" s="1" t="s">
        <v>146516</v>
      </c>
      <c r="I42965" s="1" t="s">
        <v>146196</v>
      </c>
      <c r="J42965" s="1" t="s">
        <v>146606</v>
      </c>
    </row>
    <row r="42966" spans="1:10" x14ac:dyDescent="0.35">
      <c r="A42966" s="1" t="s">
        <v>146512</v>
      </c>
      <c r="B42966" s="1" t="s">
        <v>146191</v>
      </c>
      <c r="C42966" s="1" t="s">
        <v>165</v>
      </c>
      <c r="D42966" s="1" t="s">
        <v>104924</v>
      </c>
      <c r="E42966" s="1" t="s">
        <v>146607</v>
      </c>
      <c r="F42966" s="1" t="s">
        <v>146608</v>
      </c>
      <c r="G42966" s="1" t="s">
        <v>146515</v>
      </c>
      <c r="H42966" s="1" t="s">
        <v>146516</v>
      </c>
      <c r="I42966" s="1" t="s">
        <v>146196</v>
      </c>
      <c r="J42966" s="1" t="s">
        <v>146609</v>
      </c>
    </row>
    <row r="42967" spans="1:10" x14ac:dyDescent="0.35">
      <c r="A42967" s="1" t="s">
        <v>146512</v>
      </c>
      <c r="B42967" s="1" t="s">
        <v>146191</v>
      </c>
      <c r="C42967" s="1" t="s">
        <v>170</v>
      </c>
      <c r="D42967" s="1" t="s">
        <v>27444</v>
      </c>
      <c r="E42967" s="1" t="s">
        <v>146610</v>
      </c>
      <c r="F42967" s="1" t="s">
        <v>146611</v>
      </c>
      <c r="G42967" s="1" t="s">
        <v>146515</v>
      </c>
      <c r="H42967" s="1" t="s">
        <v>146516</v>
      </c>
      <c r="I42967" s="1" t="s">
        <v>146196</v>
      </c>
      <c r="J42967" s="1" t="s">
        <v>146612</v>
      </c>
    </row>
    <row r="42968" spans="1:10" x14ac:dyDescent="0.35">
      <c r="A42968" s="1" t="s">
        <v>146613</v>
      </c>
      <c r="B42968" s="1" t="s">
        <v>146191</v>
      </c>
      <c r="C42968" s="1" t="s">
        <v>8</v>
      </c>
      <c r="D42968" s="1" t="s">
        <v>28759</v>
      </c>
      <c r="E42968" s="1" t="s">
        <v>146614</v>
      </c>
      <c r="F42968" s="1" t="s">
        <v>146615</v>
      </c>
      <c r="G42968" s="1" t="s">
        <v>146616</v>
      </c>
      <c r="H42968" s="1" t="s">
        <v>146617</v>
      </c>
      <c r="I42968" s="1" t="s">
        <v>146196</v>
      </c>
      <c r="J42968" s="1" t="s">
        <v>13</v>
      </c>
    </row>
    <row r="42969" spans="1:10" x14ac:dyDescent="0.35">
      <c r="A42969" s="1" t="s">
        <v>146613</v>
      </c>
      <c r="B42969" s="1" t="s">
        <v>146191</v>
      </c>
      <c r="C42969" s="1" t="s">
        <v>15</v>
      </c>
      <c r="D42969" s="1" t="s">
        <v>146618</v>
      </c>
      <c r="E42969" s="1" t="s">
        <v>146619</v>
      </c>
      <c r="F42969" s="1" t="s">
        <v>146620</v>
      </c>
      <c r="G42969" s="1" t="s">
        <v>146616</v>
      </c>
      <c r="H42969" s="1" t="s">
        <v>146617</v>
      </c>
      <c r="I42969" s="1" t="s">
        <v>146196</v>
      </c>
      <c r="J42969" s="1" t="s">
        <v>146621</v>
      </c>
    </row>
    <row r="42970" spans="1:10" x14ac:dyDescent="0.35">
      <c r="A42970" s="1" t="s">
        <v>146613</v>
      </c>
      <c r="B42970" s="1" t="s">
        <v>146191</v>
      </c>
      <c r="C42970" s="1" t="s">
        <v>20</v>
      </c>
      <c r="D42970" s="1" t="s">
        <v>136245</v>
      </c>
      <c r="E42970" s="1" t="s">
        <v>146622</v>
      </c>
      <c r="F42970" s="1" t="s">
        <v>146623</v>
      </c>
      <c r="G42970" s="1" t="s">
        <v>146616</v>
      </c>
      <c r="H42970" s="1" t="s">
        <v>146617</v>
      </c>
      <c r="I42970" s="1" t="s">
        <v>146196</v>
      </c>
      <c r="J42970" s="1" t="s">
        <v>146624</v>
      </c>
    </row>
    <row r="42971" spans="1:10" x14ac:dyDescent="0.35">
      <c r="A42971" s="1" t="s">
        <v>146613</v>
      </c>
      <c r="B42971" s="1" t="s">
        <v>146191</v>
      </c>
      <c r="C42971" s="1" t="s">
        <v>25</v>
      </c>
      <c r="D42971" s="1" t="s">
        <v>3569</v>
      </c>
      <c r="E42971" s="1" t="s">
        <v>146625</v>
      </c>
      <c r="F42971" s="1" t="s">
        <v>146626</v>
      </c>
      <c r="G42971" s="1" t="s">
        <v>146616</v>
      </c>
      <c r="H42971" s="1" t="s">
        <v>146617</v>
      </c>
      <c r="I42971" s="1" t="s">
        <v>146196</v>
      </c>
      <c r="J42971" s="1" t="s">
        <v>146627</v>
      </c>
    </row>
    <row r="42972" spans="1:10" x14ac:dyDescent="0.35">
      <c r="A42972" s="1" t="s">
        <v>146613</v>
      </c>
      <c r="B42972" s="1" t="s">
        <v>146191</v>
      </c>
      <c r="C42972" s="1" t="s">
        <v>30</v>
      </c>
      <c r="D42972" s="1" t="s">
        <v>45343</v>
      </c>
      <c r="E42972" s="1" t="s">
        <v>146628</v>
      </c>
      <c r="F42972" s="1" t="s">
        <v>146629</v>
      </c>
      <c r="G42972" s="1" t="s">
        <v>146616</v>
      </c>
      <c r="H42972" s="1" t="s">
        <v>146617</v>
      </c>
      <c r="I42972" s="1" t="s">
        <v>146196</v>
      </c>
      <c r="J42972" s="1" t="s">
        <v>146630</v>
      </c>
    </row>
    <row r="42973" spans="1:10" x14ac:dyDescent="0.35">
      <c r="A42973" s="1" t="s">
        <v>146613</v>
      </c>
      <c r="B42973" s="1" t="s">
        <v>146191</v>
      </c>
      <c r="C42973" s="1" t="s">
        <v>35</v>
      </c>
      <c r="D42973" s="1" t="s">
        <v>25812</v>
      </c>
      <c r="E42973" s="1" t="s">
        <v>146631</v>
      </c>
      <c r="F42973" s="1" t="s">
        <v>146632</v>
      </c>
      <c r="G42973" s="1" t="s">
        <v>146616</v>
      </c>
      <c r="H42973" s="1" t="s">
        <v>146617</v>
      </c>
      <c r="I42973" s="1" t="s">
        <v>146196</v>
      </c>
      <c r="J42973" s="1" t="s">
        <v>146633</v>
      </c>
    </row>
    <row r="42974" spans="1:10" x14ac:dyDescent="0.35">
      <c r="A42974" s="1" t="s">
        <v>146613</v>
      </c>
      <c r="B42974" s="1" t="s">
        <v>146191</v>
      </c>
      <c r="C42974" s="1" t="s">
        <v>40</v>
      </c>
      <c r="D42974" s="1" t="s">
        <v>1900</v>
      </c>
      <c r="E42974" s="1" t="s">
        <v>146634</v>
      </c>
      <c r="F42974" s="1" t="s">
        <v>146635</v>
      </c>
      <c r="G42974" s="1" t="s">
        <v>146616</v>
      </c>
      <c r="H42974" s="1" t="s">
        <v>146617</v>
      </c>
      <c r="I42974" s="1" t="s">
        <v>146196</v>
      </c>
      <c r="J42974" s="1" t="s">
        <v>146636</v>
      </c>
    </row>
    <row r="42975" spans="1:10" x14ac:dyDescent="0.35">
      <c r="A42975" s="1" t="s">
        <v>146613</v>
      </c>
      <c r="B42975" s="1" t="s">
        <v>146191</v>
      </c>
      <c r="C42975" s="1" t="s">
        <v>45</v>
      </c>
      <c r="D42975" s="1" t="s">
        <v>146637</v>
      </c>
      <c r="E42975" s="1" t="s">
        <v>146638</v>
      </c>
      <c r="F42975" s="1" t="s">
        <v>146639</v>
      </c>
      <c r="G42975" s="1" t="s">
        <v>146616</v>
      </c>
      <c r="H42975" s="1" t="s">
        <v>146617</v>
      </c>
      <c r="I42975" s="1" t="s">
        <v>146196</v>
      </c>
      <c r="J42975" s="1" t="s">
        <v>146640</v>
      </c>
    </row>
    <row r="42976" spans="1:10" x14ac:dyDescent="0.35">
      <c r="A42976" s="1" t="s">
        <v>146613</v>
      </c>
      <c r="B42976" s="1" t="s">
        <v>146191</v>
      </c>
      <c r="C42976" s="1" t="s">
        <v>50</v>
      </c>
      <c r="D42976" s="1" t="s">
        <v>8422</v>
      </c>
      <c r="E42976" s="1" t="s">
        <v>146641</v>
      </c>
      <c r="F42976" s="1" t="s">
        <v>146642</v>
      </c>
      <c r="G42976" s="1" t="s">
        <v>146616</v>
      </c>
      <c r="H42976" s="1" t="s">
        <v>146617</v>
      </c>
      <c r="I42976" s="1" t="s">
        <v>146196</v>
      </c>
      <c r="J42976" s="1" t="s">
        <v>146643</v>
      </c>
    </row>
    <row r="42977" spans="1:10" x14ac:dyDescent="0.35">
      <c r="A42977" s="1" t="s">
        <v>146613</v>
      </c>
      <c r="B42977" s="1" t="s">
        <v>146191</v>
      </c>
      <c r="C42977" s="1" t="s">
        <v>55</v>
      </c>
      <c r="D42977" s="1" t="s">
        <v>8471</v>
      </c>
      <c r="E42977" s="1" t="s">
        <v>146644</v>
      </c>
      <c r="F42977" s="1" t="s">
        <v>146645</v>
      </c>
      <c r="G42977" s="1" t="s">
        <v>146616</v>
      </c>
      <c r="H42977" s="1" t="s">
        <v>146617</v>
      </c>
      <c r="I42977" s="1" t="s">
        <v>146196</v>
      </c>
      <c r="J42977" s="1" t="s">
        <v>146646</v>
      </c>
    </row>
    <row r="42978" spans="1:10" x14ac:dyDescent="0.35">
      <c r="A42978" s="1" t="s">
        <v>146613</v>
      </c>
      <c r="B42978" s="1" t="s">
        <v>146191</v>
      </c>
      <c r="C42978" s="1" t="s">
        <v>60</v>
      </c>
      <c r="D42978" s="1" t="s">
        <v>25365</v>
      </c>
      <c r="E42978" s="1" t="s">
        <v>146647</v>
      </c>
      <c r="F42978" s="1" t="s">
        <v>146648</v>
      </c>
      <c r="G42978" s="1" t="s">
        <v>146616</v>
      </c>
      <c r="H42978" s="1" t="s">
        <v>146617</v>
      </c>
      <c r="I42978" s="1" t="s">
        <v>146196</v>
      </c>
      <c r="J42978" s="1" t="s">
        <v>146649</v>
      </c>
    </row>
    <row r="42979" spans="1:10" x14ac:dyDescent="0.35">
      <c r="A42979" s="1" t="s">
        <v>146613</v>
      </c>
      <c r="B42979" s="1" t="s">
        <v>146191</v>
      </c>
      <c r="C42979" s="1" t="s">
        <v>65</v>
      </c>
      <c r="D42979" s="1" t="s">
        <v>107756</v>
      </c>
      <c r="E42979" s="1" t="s">
        <v>146650</v>
      </c>
      <c r="F42979" s="1" t="s">
        <v>146651</v>
      </c>
      <c r="G42979" s="1" t="s">
        <v>146616</v>
      </c>
      <c r="H42979" s="1" t="s">
        <v>146617</v>
      </c>
      <c r="I42979" s="1" t="s">
        <v>146196</v>
      </c>
      <c r="J42979" s="1" t="s">
        <v>146652</v>
      </c>
    </row>
    <row r="42980" spans="1:10" x14ac:dyDescent="0.35">
      <c r="A42980" s="1" t="s">
        <v>146613</v>
      </c>
      <c r="B42980" s="1" t="s">
        <v>146191</v>
      </c>
      <c r="C42980" s="1" t="s">
        <v>70</v>
      </c>
      <c r="D42980" s="1" t="s">
        <v>9850</v>
      </c>
      <c r="E42980" s="1" t="s">
        <v>146653</v>
      </c>
      <c r="F42980" s="1" t="s">
        <v>146654</v>
      </c>
      <c r="G42980" s="1" t="s">
        <v>146616</v>
      </c>
      <c r="H42980" s="1" t="s">
        <v>146617</v>
      </c>
      <c r="I42980" s="1" t="s">
        <v>146196</v>
      </c>
      <c r="J42980" s="1" t="s">
        <v>146655</v>
      </c>
    </row>
    <row r="42981" spans="1:10" x14ac:dyDescent="0.35">
      <c r="A42981" s="1" t="s">
        <v>146613</v>
      </c>
      <c r="B42981" s="1" t="s">
        <v>146191</v>
      </c>
      <c r="C42981" s="1" t="s">
        <v>75</v>
      </c>
      <c r="D42981" s="1" t="s">
        <v>112804</v>
      </c>
      <c r="E42981" s="1" t="s">
        <v>146656</v>
      </c>
      <c r="F42981" s="1" t="s">
        <v>146657</v>
      </c>
      <c r="G42981" s="1" t="s">
        <v>146616</v>
      </c>
      <c r="H42981" s="1" t="s">
        <v>146617</v>
      </c>
      <c r="I42981" s="1" t="s">
        <v>146196</v>
      </c>
      <c r="J42981" s="1" t="s">
        <v>146658</v>
      </c>
    </row>
    <row r="42982" spans="1:10" x14ac:dyDescent="0.35">
      <c r="A42982" s="1" t="s">
        <v>146613</v>
      </c>
      <c r="B42982" s="1" t="s">
        <v>146191</v>
      </c>
      <c r="C42982" s="1" t="s">
        <v>80</v>
      </c>
      <c r="D42982" s="1" t="s">
        <v>6135</v>
      </c>
      <c r="E42982" s="1" t="s">
        <v>146659</v>
      </c>
      <c r="F42982" s="1" t="s">
        <v>146660</v>
      </c>
      <c r="G42982" s="1" t="s">
        <v>146616</v>
      </c>
      <c r="H42982" s="1" t="s">
        <v>146617</v>
      </c>
      <c r="I42982" s="1" t="s">
        <v>146196</v>
      </c>
      <c r="J42982" s="1" t="s">
        <v>146661</v>
      </c>
    </row>
    <row r="42983" spans="1:10" x14ac:dyDescent="0.35">
      <c r="A42983" s="1" t="s">
        <v>146613</v>
      </c>
      <c r="B42983" s="1" t="s">
        <v>146191</v>
      </c>
      <c r="C42983" s="1" t="s">
        <v>85</v>
      </c>
      <c r="D42983" s="1" t="s">
        <v>1162</v>
      </c>
      <c r="E42983" s="1" t="s">
        <v>146662</v>
      </c>
      <c r="F42983" s="1" t="s">
        <v>146663</v>
      </c>
      <c r="G42983" s="1" t="s">
        <v>146616</v>
      </c>
      <c r="H42983" s="1" t="s">
        <v>146617</v>
      </c>
      <c r="I42983" s="1" t="s">
        <v>146196</v>
      </c>
      <c r="J42983" s="1" t="s">
        <v>146664</v>
      </c>
    </row>
    <row r="42984" spans="1:10" x14ac:dyDescent="0.35">
      <c r="A42984" s="1" t="s">
        <v>146613</v>
      </c>
      <c r="B42984" s="1" t="s">
        <v>146191</v>
      </c>
      <c r="C42984" s="1" t="s">
        <v>90</v>
      </c>
      <c r="D42984" s="1" t="s">
        <v>4278</v>
      </c>
      <c r="E42984" s="1" t="s">
        <v>146665</v>
      </c>
      <c r="F42984" s="1" t="s">
        <v>146666</v>
      </c>
      <c r="G42984" s="1" t="s">
        <v>146616</v>
      </c>
      <c r="H42984" s="1" t="s">
        <v>146617</v>
      </c>
      <c r="I42984" s="1" t="s">
        <v>146196</v>
      </c>
      <c r="J42984" s="1" t="s">
        <v>146667</v>
      </c>
    </row>
    <row r="42985" spans="1:10" x14ac:dyDescent="0.35">
      <c r="A42985" s="1" t="s">
        <v>146613</v>
      </c>
      <c r="B42985" s="1" t="s">
        <v>146191</v>
      </c>
      <c r="C42985" s="1" t="s">
        <v>95</v>
      </c>
      <c r="D42985" s="1" t="s">
        <v>9294</v>
      </c>
      <c r="E42985" s="1" t="s">
        <v>146668</v>
      </c>
      <c r="F42985" s="1" t="s">
        <v>146669</v>
      </c>
      <c r="G42985" s="1" t="s">
        <v>146616</v>
      </c>
      <c r="H42985" s="1" t="s">
        <v>146617</v>
      </c>
      <c r="I42985" s="1" t="s">
        <v>146196</v>
      </c>
      <c r="J42985" s="1" t="s">
        <v>146670</v>
      </c>
    </row>
    <row r="42986" spans="1:10" x14ac:dyDescent="0.35">
      <c r="A42986" s="1" t="s">
        <v>146613</v>
      </c>
      <c r="B42986" s="1" t="s">
        <v>146191</v>
      </c>
      <c r="C42986" s="1" t="s">
        <v>100</v>
      </c>
      <c r="D42986" s="1" t="s">
        <v>10465</v>
      </c>
      <c r="E42986" s="1" t="s">
        <v>146671</v>
      </c>
      <c r="F42986" s="1" t="s">
        <v>146672</v>
      </c>
      <c r="G42986" s="1" t="s">
        <v>146616</v>
      </c>
      <c r="H42986" s="1" t="s">
        <v>146617</v>
      </c>
      <c r="I42986" s="1" t="s">
        <v>146196</v>
      </c>
      <c r="J42986" s="1" t="s">
        <v>146673</v>
      </c>
    </row>
    <row r="42987" spans="1:10" x14ac:dyDescent="0.35">
      <c r="A42987" s="1" t="s">
        <v>146613</v>
      </c>
      <c r="B42987" s="1" t="s">
        <v>146191</v>
      </c>
      <c r="C42987" s="1" t="s">
        <v>105</v>
      </c>
      <c r="D42987" s="1" t="s">
        <v>1977</v>
      </c>
      <c r="E42987" s="1" t="s">
        <v>146674</v>
      </c>
      <c r="F42987" s="1" t="s">
        <v>146675</v>
      </c>
      <c r="G42987" s="1" t="s">
        <v>146616</v>
      </c>
      <c r="H42987" s="1" t="s">
        <v>146617</v>
      </c>
      <c r="I42987" s="1" t="s">
        <v>146196</v>
      </c>
      <c r="J42987" s="1" t="s">
        <v>146676</v>
      </c>
    </row>
    <row r="42988" spans="1:10" x14ac:dyDescent="0.35">
      <c r="A42988" s="1" t="s">
        <v>146613</v>
      </c>
      <c r="B42988" s="1" t="s">
        <v>146191</v>
      </c>
      <c r="C42988" s="1" t="s">
        <v>110</v>
      </c>
      <c r="D42988" s="1" t="s">
        <v>10465</v>
      </c>
      <c r="E42988" s="1" t="s">
        <v>146677</v>
      </c>
      <c r="F42988" s="1" t="s">
        <v>146678</v>
      </c>
      <c r="G42988" s="1" t="s">
        <v>146616</v>
      </c>
      <c r="H42988" s="1" t="s">
        <v>146617</v>
      </c>
      <c r="I42988" s="1" t="s">
        <v>146196</v>
      </c>
      <c r="J42988" s="1" t="s">
        <v>146679</v>
      </c>
    </row>
    <row r="42989" spans="1:10" x14ac:dyDescent="0.35">
      <c r="A42989" s="1" t="s">
        <v>146613</v>
      </c>
      <c r="B42989" s="1" t="s">
        <v>146191</v>
      </c>
      <c r="C42989" s="1" t="s">
        <v>115</v>
      </c>
      <c r="D42989" s="1" t="s">
        <v>25069</v>
      </c>
      <c r="E42989" s="1" t="s">
        <v>146680</v>
      </c>
      <c r="F42989" s="1" t="s">
        <v>146681</v>
      </c>
      <c r="G42989" s="1" t="s">
        <v>146616</v>
      </c>
      <c r="H42989" s="1" t="s">
        <v>146617</v>
      </c>
      <c r="I42989" s="1" t="s">
        <v>146196</v>
      </c>
      <c r="J42989" s="1" t="s">
        <v>146682</v>
      </c>
    </row>
    <row r="42990" spans="1:10" x14ac:dyDescent="0.35">
      <c r="A42990" s="1" t="s">
        <v>146613</v>
      </c>
      <c r="B42990" s="1" t="s">
        <v>146191</v>
      </c>
      <c r="C42990" s="1" t="s">
        <v>120</v>
      </c>
      <c r="D42990" s="1" t="s">
        <v>30106</v>
      </c>
      <c r="E42990" s="1" t="s">
        <v>146683</v>
      </c>
      <c r="F42990" s="1" t="s">
        <v>146684</v>
      </c>
      <c r="G42990" s="1" t="s">
        <v>146616</v>
      </c>
      <c r="H42990" s="1" t="s">
        <v>146617</v>
      </c>
      <c r="I42990" s="1" t="s">
        <v>146196</v>
      </c>
      <c r="J42990" s="1" t="s">
        <v>146685</v>
      </c>
    </row>
    <row r="42991" spans="1:10" x14ac:dyDescent="0.35">
      <c r="A42991" s="1" t="s">
        <v>146613</v>
      </c>
      <c r="B42991" s="1" t="s">
        <v>146191</v>
      </c>
      <c r="C42991" s="1" t="s">
        <v>125</v>
      </c>
      <c r="D42991" s="1" t="s">
        <v>46093</v>
      </c>
      <c r="E42991" s="1" t="s">
        <v>146686</v>
      </c>
      <c r="F42991" s="1" t="s">
        <v>146687</v>
      </c>
      <c r="G42991" s="1" t="s">
        <v>146616</v>
      </c>
      <c r="H42991" s="1" t="s">
        <v>146617</v>
      </c>
      <c r="I42991" s="1" t="s">
        <v>146196</v>
      </c>
      <c r="J42991" s="1" t="s">
        <v>146688</v>
      </c>
    </row>
    <row r="42992" spans="1:10" x14ac:dyDescent="0.35">
      <c r="A42992" s="1" t="s">
        <v>146613</v>
      </c>
      <c r="B42992" s="1" t="s">
        <v>146191</v>
      </c>
      <c r="C42992" s="1" t="s">
        <v>130</v>
      </c>
      <c r="D42992" s="1" t="s">
        <v>12108</v>
      </c>
      <c r="E42992" s="1" t="s">
        <v>146689</v>
      </c>
      <c r="F42992" s="1" t="s">
        <v>146690</v>
      </c>
      <c r="G42992" s="1" t="s">
        <v>146616</v>
      </c>
      <c r="H42992" s="1" t="s">
        <v>146617</v>
      </c>
      <c r="I42992" s="1" t="s">
        <v>146196</v>
      </c>
      <c r="J42992" s="1" t="s">
        <v>146691</v>
      </c>
    </row>
    <row r="42993" spans="1:10" x14ac:dyDescent="0.35">
      <c r="A42993" s="1" t="s">
        <v>146613</v>
      </c>
      <c r="B42993" s="1" t="s">
        <v>146191</v>
      </c>
      <c r="C42993" s="1" t="s">
        <v>135</v>
      </c>
      <c r="D42993" s="1" t="s">
        <v>13866</v>
      </c>
      <c r="E42993" s="1" t="s">
        <v>146692</v>
      </c>
      <c r="F42993" s="1" t="s">
        <v>146693</v>
      </c>
      <c r="G42993" s="1" t="s">
        <v>146616</v>
      </c>
      <c r="H42993" s="1" t="s">
        <v>146617</v>
      </c>
      <c r="I42993" s="1" t="s">
        <v>146196</v>
      </c>
      <c r="J42993" s="1" t="s">
        <v>146694</v>
      </c>
    </row>
    <row r="42994" spans="1:10" x14ac:dyDescent="0.35">
      <c r="A42994" s="1" t="s">
        <v>146613</v>
      </c>
      <c r="B42994" s="1" t="s">
        <v>146191</v>
      </c>
      <c r="C42994" s="1" t="s">
        <v>140</v>
      </c>
      <c r="D42994" s="1" t="s">
        <v>13881</v>
      </c>
      <c r="E42994" s="1" t="s">
        <v>146695</v>
      </c>
      <c r="F42994" s="1" t="s">
        <v>146696</v>
      </c>
      <c r="G42994" s="1" t="s">
        <v>146616</v>
      </c>
      <c r="H42994" s="1" t="s">
        <v>146617</v>
      </c>
      <c r="I42994" s="1" t="s">
        <v>146196</v>
      </c>
      <c r="J42994" s="1" t="s">
        <v>146697</v>
      </c>
    </row>
    <row r="42995" spans="1:10" x14ac:dyDescent="0.35">
      <c r="A42995" s="1" t="s">
        <v>146613</v>
      </c>
      <c r="B42995" s="1" t="s">
        <v>146191</v>
      </c>
      <c r="C42995" s="1" t="s">
        <v>145</v>
      </c>
      <c r="D42995" s="1" t="s">
        <v>7029</v>
      </c>
      <c r="E42995" s="1" t="s">
        <v>146698</v>
      </c>
      <c r="F42995" s="1" t="s">
        <v>146699</v>
      </c>
      <c r="G42995" s="1" t="s">
        <v>146616</v>
      </c>
      <c r="H42995" s="1" t="s">
        <v>146617</v>
      </c>
      <c r="I42995" s="1" t="s">
        <v>146196</v>
      </c>
      <c r="J42995" s="1" t="s">
        <v>146700</v>
      </c>
    </row>
    <row r="42996" spans="1:10" x14ac:dyDescent="0.35">
      <c r="A42996" s="1" t="s">
        <v>146613</v>
      </c>
      <c r="B42996" s="1" t="s">
        <v>146191</v>
      </c>
      <c r="C42996" s="1" t="s">
        <v>150</v>
      </c>
      <c r="D42996" s="1" t="s">
        <v>146701</v>
      </c>
      <c r="E42996" s="1" t="s">
        <v>146702</v>
      </c>
      <c r="F42996" s="1" t="s">
        <v>146703</v>
      </c>
      <c r="G42996" s="1" t="s">
        <v>146616</v>
      </c>
      <c r="H42996" s="1" t="s">
        <v>146617</v>
      </c>
      <c r="I42996" s="1" t="s">
        <v>146196</v>
      </c>
      <c r="J42996" s="1" t="s">
        <v>146704</v>
      </c>
    </row>
    <row r="42997" spans="1:10" x14ac:dyDescent="0.35">
      <c r="A42997" s="1" t="s">
        <v>146613</v>
      </c>
      <c r="B42997" s="1" t="s">
        <v>146191</v>
      </c>
      <c r="C42997" s="1" t="s">
        <v>155</v>
      </c>
      <c r="D42997" s="1" t="s">
        <v>130</v>
      </c>
      <c r="E42997" s="1" t="s">
        <v>146705</v>
      </c>
      <c r="F42997" s="1" t="s">
        <v>146706</v>
      </c>
      <c r="G42997" s="1" t="s">
        <v>146616</v>
      </c>
      <c r="H42997" s="1" t="s">
        <v>146617</v>
      </c>
      <c r="I42997" s="1" t="s">
        <v>146196</v>
      </c>
      <c r="J42997" s="1" t="s">
        <v>146707</v>
      </c>
    </row>
    <row r="42998" spans="1:10" x14ac:dyDescent="0.35">
      <c r="A42998" s="1" t="s">
        <v>146613</v>
      </c>
      <c r="B42998" s="1" t="s">
        <v>146191</v>
      </c>
      <c r="C42998" s="1" t="s">
        <v>160</v>
      </c>
      <c r="D42998" s="1" t="s">
        <v>90</v>
      </c>
      <c r="E42998" s="1" t="s">
        <v>146708</v>
      </c>
      <c r="F42998" s="1" t="s">
        <v>146709</v>
      </c>
      <c r="G42998" s="1" t="s">
        <v>146616</v>
      </c>
      <c r="H42998" s="1" t="s">
        <v>146617</v>
      </c>
      <c r="I42998" s="1" t="s">
        <v>146196</v>
      </c>
      <c r="J42998" s="1" t="s">
        <v>146710</v>
      </c>
    </row>
    <row r="42999" spans="1:10" x14ac:dyDescent="0.35">
      <c r="A42999" s="1" t="s">
        <v>146613</v>
      </c>
      <c r="B42999" s="1" t="s">
        <v>146191</v>
      </c>
      <c r="C42999" s="1" t="s">
        <v>165</v>
      </c>
      <c r="D42999" s="1" t="s">
        <v>75</v>
      </c>
      <c r="E42999" s="1" t="s">
        <v>146711</v>
      </c>
      <c r="F42999" s="1" t="s">
        <v>146712</v>
      </c>
      <c r="G42999" s="1" t="s">
        <v>146616</v>
      </c>
      <c r="H42999" s="1" t="s">
        <v>146617</v>
      </c>
      <c r="I42999" s="1" t="s">
        <v>146196</v>
      </c>
      <c r="J42999" s="1" t="s">
        <v>146713</v>
      </c>
    </row>
    <row r="43000" spans="1:10" x14ac:dyDescent="0.35">
      <c r="A43000" s="1" t="s">
        <v>146613</v>
      </c>
      <c r="B43000" s="1" t="s">
        <v>146191</v>
      </c>
      <c r="C43000" s="1" t="s">
        <v>170</v>
      </c>
      <c r="D43000" s="1" t="s">
        <v>146701</v>
      </c>
      <c r="E43000" s="1" t="s">
        <v>146714</v>
      </c>
      <c r="F43000" s="1" t="s">
        <v>146715</v>
      </c>
      <c r="G43000" s="1" t="s">
        <v>146616</v>
      </c>
      <c r="H43000" s="1" t="s">
        <v>146617</v>
      </c>
      <c r="I43000" s="1" t="s">
        <v>146196</v>
      </c>
      <c r="J43000" s="1" t="s">
        <v>146716</v>
      </c>
    </row>
    <row r="43001" spans="1:10" x14ac:dyDescent="0.35">
      <c r="A43001" s="1" t="s">
        <v>45715</v>
      </c>
      <c r="B43001" s="1" t="s">
        <v>146191</v>
      </c>
      <c r="C43001" s="1" t="s">
        <v>8</v>
      </c>
      <c r="D43001" s="1" t="s">
        <v>15728</v>
      </c>
      <c r="E43001" s="1" t="s">
        <v>146717</v>
      </c>
      <c r="F43001" s="1" t="s">
        <v>146718</v>
      </c>
      <c r="G43001" s="1" t="s">
        <v>146719</v>
      </c>
      <c r="H43001" s="1" t="s">
        <v>146720</v>
      </c>
      <c r="I43001" s="1" t="s">
        <v>146196</v>
      </c>
      <c r="J43001" s="1" t="s">
        <v>13</v>
      </c>
    </row>
    <row r="43002" spans="1:10" x14ac:dyDescent="0.35">
      <c r="A43002" s="1" t="s">
        <v>45715</v>
      </c>
      <c r="B43002" s="1" t="s">
        <v>146191</v>
      </c>
      <c r="C43002" s="1" t="s">
        <v>15</v>
      </c>
      <c r="D43002" s="1" t="s">
        <v>146721</v>
      </c>
      <c r="E43002" s="1" t="s">
        <v>146722</v>
      </c>
      <c r="F43002" s="1" t="s">
        <v>146723</v>
      </c>
      <c r="G43002" s="1" t="s">
        <v>146719</v>
      </c>
      <c r="H43002" s="1" t="s">
        <v>146720</v>
      </c>
      <c r="I43002" s="1" t="s">
        <v>146196</v>
      </c>
      <c r="J43002" s="1" t="s">
        <v>146724</v>
      </c>
    </row>
    <row r="43003" spans="1:10" x14ac:dyDescent="0.35">
      <c r="A43003" s="1" t="s">
        <v>45715</v>
      </c>
      <c r="B43003" s="1" t="s">
        <v>146191</v>
      </c>
      <c r="C43003" s="1" t="s">
        <v>20</v>
      </c>
      <c r="D43003" s="1" t="s">
        <v>28443</v>
      </c>
      <c r="E43003" s="1" t="s">
        <v>146725</v>
      </c>
      <c r="F43003" s="1" t="s">
        <v>146726</v>
      </c>
      <c r="G43003" s="1" t="s">
        <v>146719</v>
      </c>
      <c r="H43003" s="1" t="s">
        <v>146720</v>
      </c>
      <c r="I43003" s="1" t="s">
        <v>146196</v>
      </c>
      <c r="J43003" s="1" t="s">
        <v>146727</v>
      </c>
    </row>
    <row r="43004" spans="1:10" x14ac:dyDescent="0.35">
      <c r="A43004" s="1" t="s">
        <v>45715</v>
      </c>
      <c r="B43004" s="1" t="s">
        <v>146191</v>
      </c>
      <c r="C43004" s="1" t="s">
        <v>25</v>
      </c>
      <c r="D43004" s="1" t="s">
        <v>14126</v>
      </c>
      <c r="E43004" s="1" t="s">
        <v>146728</v>
      </c>
      <c r="F43004" s="1" t="s">
        <v>146729</v>
      </c>
      <c r="G43004" s="1" t="s">
        <v>146719</v>
      </c>
      <c r="H43004" s="1" t="s">
        <v>146720</v>
      </c>
      <c r="I43004" s="1" t="s">
        <v>146196</v>
      </c>
      <c r="J43004" s="1" t="s">
        <v>146730</v>
      </c>
    </row>
    <row r="43005" spans="1:10" x14ac:dyDescent="0.35">
      <c r="A43005" s="1" t="s">
        <v>45715</v>
      </c>
      <c r="B43005" s="1" t="s">
        <v>146191</v>
      </c>
      <c r="C43005" s="1" t="s">
        <v>30</v>
      </c>
      <c r="D43005" s="1" t="s">
        <v>6431</v>
      </c>
      <c r="E43005" s="1" t="s">
        <v>146731</v>
      </c>
      <c r="F43005" s="1" t="s">
        <v>146732</v>
      </c>
      <c r="G43005" s="1" t="s">
        <v>146719</v>
      </c>
      <c r="H43005" s="1" t="s">
        <v>146720</v>
      </c>
      <c r="I43005" s="1" t="s">
        <v>146196</v>
      </c>
      <c r="J43005" s="1" t="s">
        <v>146733</v>
      </c>
    </row>
    <row r="43006" spans="1:10" x14ac:dyDescent="0.35">
      <c r="A43006" s="1" t="s">
        <v>45715</v>
      </c>
      <c r="B43006" s="1" t="s">
        <v>146191</v>
      </c>
      <c r="C43006" s="1" t="s">
        <v>35</v>
      </c>
      <c r="D43006" s="1" t="s">
        <v>5505</v>
      </c>
      <c r="E43006" s="1" t="s">
        <v>146734</v>
      </c>
      <c r="F43006" s="1" t="s">
        <v>146735</v>
      </c>
      <c r="G43006" s="1" t="s">
        <v>146719</v>
      </c>
      <c r="H43006" s="1" t="s">
        <v>146720</v>
      </c>
      <c r="I43006" s="1" t="s">
        <v>146196</v>
      </c>
      <c r="J43006" s="1" t="s">
        <v>146736</v>
      </c>
    </row>
    <row r="43007" spans="1:10" x14ac:dyDescent="0.35">
      <c r="A43007" s="1" t="s">
        <v>45715</v>
      </c>
      <c r="B43007" s="1" t="s">
        <v>146191</v>
      </c>
      <c r="C43007" s="1" t="s">
        <v>40</v>
      </c>
      <c r="D43007" s="1" t="s">
        <v>30012</v>
      </c>
      <c r="E43007" s="1" t="s">
        <v>146737</v>
      </c>
      <c r="F43007" s="1" t="s">
        <v>146738</v>
      </c>
      <c r="G43007" s="1" t="s">
        <v>146719</v>
      </c>
      <c r="H43007" s="1" t="s">
        <v>146720</v>
      </c>
      <c r="I43007" s="1" t="s">
        <v>146196</v>
      </c>
      <c r="J43007" s="1" t="s">
        <v>146739</v>
      </c>
    </row>
    <row r="43008" spans="1:10" x14ac:dyDescent="0.35">
      <c r="A43008" s="1" t="s">
        <v>45715</v>
      </c>
      <c r="B43008" s="1" t="s">
        <v>146191</v>
      </c>
      <c r="C43008" s="1" t="s">
        <v>45</v>
      </c>
      <c r="D43008" s="1" t="s">
        <v>29557</v>
      </c>
      <c r="E43008" s="1" t="s">
        <v>146740</v>
      </c>
      <c r="F43008" s="1" t="s">
        <v>146741</v>
      </c>
      <c r="G43008" s="1" t="s">
        <v>146719</v>
      </c>
      <c r="H43008" s="1" t="s">
        <v>146720</v>
      </c>
      <c r="I43008" s="1" t="s">
        <v>146196</v>
      </c>
      <c r="J43008" s="1" t="s">
        <v>146742</v>
      </c>
    </row>
    <row r="43009" spans="1:10" x14ac:dyDescent="0.35">
      <c r="A43009" s="1" t="s">
        <v>45715</v>
      </c>
      <c r="B43009" s="1" t="s">
        <v>146191</v>
      </c>
      <c r="C43009" s="1" t="s">
        <v>50</v>
      </c>
      <c r="D43009" s="1" t="s">
        <v>143677</v>
      </c>
      <c r="E43009" s="1" t="s">
        <v>146743</v>
      </c>
      <c r="F43009" s="1" t="s">
        <v>146744</v>
      </c>
      <c r="G43009" s="1" t="s">
        <v>146719</v>
      </c>
      <c r="H43009" s="1" t="s">
        <v>146720</v>
      </c>
      <c r="I43009" s="1" t="s">
        <v>146196</v>
      </c>
      <c r="J43009" s="1" t="s">
        <v>146745</v>
      </c>
    </row>
    <row r="43010" spans="1:10" x14ac:dyDescent="0.35">
      <c r="A43010" s="1" t="s">
        <v>45715</v>
      </c>
      <c r="B43010" s="1" t="s">
        <v>146191</v>
      </c>
      <c r="C43010" s="1" t="s">
        <v>55</v>
      </c>
      <c r="D43010" s="1" t="s">
        <v>143729</v>
      </c>
      <c r="E43010" s="1" t="s">
        <v>146746</v>
      </c>
      <c r="F43010" s="1" t="s">
        <v>146747</v>
      </c>
      <c r="G43010" s="1" t="s">
        <v>146719</v>
      </c>
      <c r="H43010" s="1" t="s">
        <v>146720</v>
      </c>
      <c r="I43010" s="1" t="s">
        <v>146196</v>
      </c>
      <c r="J43010" s="1" t="s">
        <v>146748</v>
      </c>
    </row>
    <row r="43011" spans="1:10" x14ac:dyDescent="0.35">
      <c r="A43011" s="1" t="s">
        <v>45715</v>
      </c>
      <c r="B43011" s="1" t="s">
        <v>146191</v>
      </c>
      <c r="C43011" s="1" t="s">
        <v>60</v>
      </c>
      <c r="D43011" s="1" t="s">
        <v>51288</v>
      </c>
      <c r="E43011" s="1" t="s">
        <v>146749</v>
      </c>
      <c r="F43011" s="1" t="s">
        <v>146750</v>
      </c>
      <c r="G43011" s="1" t="s">
        <v>146719</v>
      </c>
      <c r="H43011" s="1" t="s">
        <v>146720</v>
      </c>
      <c r="I43011" s="1" t="s">
        <v>146196</v>
      </c>
      <c r="J43011" s="1" t="s">
        <v>146751</v>
      </c>
    </row>
    <row r="43012" spans="1:10" x14ac:dyDescent="0.35">
      <c r="A43012" s="1" t="s">
        <v>45715</v>
      </c>
      <c r="B43012" s="1" t="s">
        <v>146191</v>
      </c>
      <c r="C43012" s="1" t="s">
        <v>65</v>
      </c>
      <c r="D43012" s="1" t="s">
        <v>10106</v>
      </c>
      <c r="E43012" s="1" t="s">
        <v>146752</v>
      </c>
      <c r="F43012" s="1" t="s">
        <v>146753</v>
      </c>
      <c r="G43012" s="1" t="s">
        <v>146719</v>
      </c>
      <c r="H43012" s="1" t="s">
        <v>146720</v>
      </c>
      <c r="I43012" s="1" t="s">
        <v>146196</v>
      </c>
      <c r="J43012" s="1" t="s">
        <v>146754</v>
      </c>
    </row>
    <row r="43013" spans="1:10" x14ac:dyDescent="0.35">
      <c r="A43013" s="1" t="s">
        <v>45715</v>
      </c>
      <c r="B43013" s="1" t="s">
        <v>146191</v>
      </c>
      <c r="C43013" s="1" t="s">
        <v>70</v>
      </c>
      <c r="D43013" s="1" t="s">
        <v>11763</v>
      </c>
      <c r="E43013" s="1" t="s">
        <v>146755</v>
      </c>
      <c r="F43013" s="1" t="s">
        <v>146756</v>
      </c>
      <c r="G43013" s="1" t="s">
        <v>146719</v>
      </c>
      <c r="H43013" s="1" t="s">
        <v>146720</v>
      </c>
      <c r="I43013" s="1" t="s">
        <v>146196</v>
      </c>
      <c r="J43013" s="1" t="s">
        <v>146757</v>
      </c>
    </row>
    <row r="43014" spans="1:10" x14ac:dyDescent="0.35">
      <c r="A43014" s="1" t="s">
        <v>45715</v>
      </c>
      <c r="B43014" s="1" t="s">
        <v>146191</v>
      </c>
      <c r="C43014" s="1" t="s">
        <v>75</v>
      </c>
      <c r="D43014" s="1" t="s">
        <v>44048</v>
      </c>
      <c r="E43014" s="1" t="s">
        <v>146758</v>
      </c>
      <c r="F43014" s="1" t="s">
        <v>146759</v>
      </c>
      <c r="G43014" s="1" t="s">
        <v>146719</v>
      </c>
      <c r="H43014" s="1" t="s">
        <v>146720</v>
      </c>
      <c r="I43014" s="1" t="s">
        <v>146196</v>
      </c>
      <c r="J43014" s="1" t="s">
        <v>146760</v>
      </c>
    </row>
    <row r="43015" spans="1:10" x14ac:dyDescent="0.35">
      <c r="A43015" s="1" t="s">
        <v>45715</v>
      </c>
      <c r="B43015" s="1" t="s">
        <v>146191</v>
      </c>
      <c r="C43015" s="1" t="s">
        <v>80</v>
      </c>
      <c r="D43015" s="1" t="s">
        <v>14755</v>
      </c>
      <c r="E43015" s="1" t="s">
        <v>146761</v>
      </c>
      <c r="F43015" s="1" t="s">
        <v>146762</v>
      </c>
      <c r="G43015" s="1" t="s">
        <v>146719</v>
      </c>
      <c r="H43015" s="1" t="s">
        <v>146720</v>
      </c>
      <c r="I43015" s="1" t="s">
        <v>146196</v>
      </c>
      <c r="J43015" s="1" t="s">
        <v>146763</v>
      </c>
    </row>
    <row r="43016" spans="1:10" x14ac:dyDescent="0.35">
      <c r="A43016" s="1" t="s">
        <v>45715</v>
      </c>
      <c r="B43016" s="1" t="s">
        <v>146191</v>
      </c>
      <c r="C43016" s="1" t="s">
        <v>85</v>
      </c>
      <c r="D43016" s="1" t="s">
        <v>146764</v>
      </c>
      <c r="E43016" s="1" t="s">
        <v>146765</v>
      </c>
      <c r="F43016" s="1" t="s">
        <v>146766</v>
      </c>
      <c r="G43016" s="1" t="s">
        <v>146719</v>
      </c>
      <c r="H43016" s="1" t="s">
        <v>146720</v>
      </c>
      <c r="I43016" s="1" t="s">
        <v>146196</v>
      </c>
      <c r="J43016" s="1" t="s">
        <v>146767</v>
      </c>
    </row>
    <row r="43017" spans="1:10" x14ac:dyDescent="0.35">
      <c r="A43017" s="1" t="s">
        <v>45715</v>
      </c>
      <c r="B43017" s="1" t="s">
        <v>146191</v>
      </c>
      <c r="C43017" s="1" t="s">
        <v>90</v>
      </c>
      <c r="D43017" s="1" t="s">
        <v>27433</v>
      </c>
      <c r="E43017" s="1" t="s">
        <v>146768</v>
      </c>
      <c r="F43017" s="1" t="s">
        <v>146769</v>
      </c>
      <c r="G43017" s="1" t="s">
        <v>146719</v>
      </c>
      <c r="H43017" s="1" t="s">
        <v>146720</v>
      </c>
      <c r="I43017" s="1" t="s">
        <v>146196</v>
      </c>
      <c r="J43017" s="1" t="s">
        <v>146770</v>
      </c>
    </row>
    <row r="43018" spans="1:10" x14ac:dyDescent="0.35">
      <c r="A43018" s="1" t="s">
        <v>45715</v>
      </c>
      <c r="B43018" s="1" t="s">
        <v>146191</v>
      </c>
      <c r="C43018" s="1" t="s">
        <v>95</v>
      </c>
      <c r="D43018" s="1" t="s">
        <v>6881</v>
      </c>
      <c r="E43018" s="1" t="s">
        <v>146771</v>
      </c>
      <c r="F43018" s="1" t="s">
        <v>146772</v>
      </c>
      <c r="G43018" s="1" t="s">
        <v>146719</v>
      </c>
      <c r="H43018" s="1" t="s">
        <v>146720</v>
      </c>
      <c r="I43018" s="1" t="s">
        <v>146196</v>
      </c>
      <c r="J43018" s="1" t="s">
        <v>146773</v>
      </c>
    </row>
    <row r="43019" spans="1:10" x14ac:dyDescent="0.35">
      <c r="A43019" s="1" t="s">
        <v>45715</v>
      </c>
      <c r="B43019" s="1" t="s">
        <v>146191</v>
      </c>
      <c r="C43019" s="1" t="s">
        <v>100</v>
      </c>
      <c r="D43019" s="1" t="s">
        <v>16078</v>
      </c>
      <c r="E43019" s="1" t="s">
        <v>146774</v>
      </c>
      <c r="F43019" s="1" t="s">
        <v>146775</v>
      </c>
      <c r="G43019" s="1" t="s">
        <v>146719</v>
      </c>
      <c r="H43019" s="1" t="s">
        <v>146720</v>
      </c>
      <c r="I43019" s="1" t="s">
        <v>146196</v>
      </c>
      <c r="J43019" s="1" t="s">
        <v>146776</v>
      </c>
    </row>
    <row r="43020" spans="1:10" x14ac:dyDescent="0.35">
      <c r="A43020" s="1" t="s">
        <v>45715</v>
      </c>
      <c r="B43020" s="1" t="s">
        <v>146191</v>
      </c>
      <c r="C43020" s="1" t="s">
        <v>105</v>
      </c>
      <c r="D43020" s="1" t="s">
        <v>111557</v>
      </c>
      <c r="E43020" s="1" t="s">
        <v>146777</v>
      </c>
      <c r="F43020" s="1" t="s">
        <v>146778</v>
      </c>
      <c r="G43020" s="1" t="s">
        <v>146719</v>
      </c>
      <c r="H43020" s="1" t="s">
        <v>146720</v>
      </c>
      <c r="I43020" s="1" t="s">
        <v>146196</v>
      </c>
      <c r="J43020" s="1" t="s">
        <v>146779</v>
      </c>
    </row>
    <row r="43021" spans="1:10" x14ac:dyDescent="0.35">
      <c r="A43021" s="1" t="s">
        <v>45715</v>
      </c>
      <c r="B43021" s="1" t="s">
        <v>146191</v>
      </c>
      <c r="C43021" s="1" t="s">
        <v>110</v>
      </c>
      <c r="D43021" s="1" t="s">
        <v>16078</v>
      </c>
      <c r="E43021" s="1" t="s">
        <v>146780</v>
      </c>
      <c r="F43021" s="1" t="s">
        <v>146781</v>
      </c>
      <c r="G43021" s="1" t="s">
        <v>146719</v>
      </c>
      <c r="H43021" s="1" t="s">
        <v>146720</v>
      </c>
      <c r="I43021" s="1" t="s">
        <v>146196</v>
      </c>
      <c r="J43021" s="1" t="s">
        <v>146782</v>
      </c>
    </row>
    <row r="43022" spans="1:10" x14ac:dyDescent="0.35">
      <c r="A43022" s="1" t="s">
        <v>45715</v>
      </c>
      <c r="B43022" s="1" t="s">
        <v>146191</v>
      </c>
      <c r="C43022" s="1" t="s">
        <v>115</v>
      </c>
      <c r="D43022" s="1" t="s">
        <v>15323</v>
      </c>
      <c r="E43022" s="1" t="s">
        <v>146783</v>
      </c>
      <c r="F43022" s="1" t="s">
        <v>146784</v>
      </c>
      <c r="G43022" s="1" t="s">
        <v>146719</v>
      </c>
      <c r="H43022" s="1" t="s">
        <v>146720</v>
      </c>
      <c r="I43022" s="1" t="s">
        <v>146196</v>
      </c>
      <c r="J43022" s="1" t="s">
        <v>146785</v>
      </c>
    </row>
    <row r="43023" spans="1:10" x14ac:dyDescent="0.35">
      <c r="A43023" s="1" t="s">
        <v>45715</v>
      </c>
      <c r="B43023" s="1" t="s">
        <v>146191</v>
      </c>
      <c r="C43023" s="1" t="s">
        <v>120</v>
      </c>
      <c r="D43023" s="1" t="s">
        <v>6504</v>
      </c>
      <c r="E43023" s="1" t="s">
        <v>146786</v>
      </c>
      <c r="F43023" s="1" t="s">
        <v>146787</v>
      </c>
      <c r="G43023" s="1" t="s">
        <v>146719</v>
      </c>
      <c r="H43023" s="1" t="s">
        <v>146720</v>
      </c>
      <c r="I43023" s="1" t="s">
        <v>146196</v>
      </c>
      <c r="J43023" s="1" t="s">
        <v>146788</v>
      </c>
    </row>
    <row r="43024" spans="1:10" x14ac:dyDescent="0.35">
      <c r="A43024" s="1" t="s">
        <v>45715</v>
      </c>
      <c r="B43024" s="1" t="s">
        <v>146191</v>
      </c>
      <c r="C43024" s="1" t="s">
        <v>125</v>
      </c>
      <c r="D43024" s="1" t="s">
        <v>122207</v>
      </c>
      <c r="E43024" s="1" t="s">
        <v>146789</v>
      </c>
      <c r="F43024" s="1" t="s">
        <v>146790</v>
      </c>
      <c r="G43024" s="1" t="s">
        <v>146719</v>
      </c>
      <c r="H43024" s="1" t="s">
        <v>146720</v>
      </c>
      <c r="I43024" s="1" t="s">
        <v>146196</v>
      </c>
      <c r="J43024" s="1" t="s">
        <v>146791</v>
      </c>
    </row>
    <row r="43025" spans="1:10" x14ac:dyDescent="0.35">
      <c r="A43025" s="1" t="s">
        <v>45715</v>
      </c>
      <c r="B43025" s="1" t="s">
        <v>146191</v>
      </c>
      <c r="C43025" s="1" t="s">
        <v>130</v>
      </c>
      <c r="D43025" s="1" t="s">
        <v>146792</v>
      </c>
      <c r="E43025" s="1" t="s">
        <v>146793</v>
      </c>
      <c r="F43025" s="1" t="s">
        <v>146794</v>
      </c>
      <c r="G43025" s="1" t="s">
        <v>146719</v>
      </c>
      <c r="H43025" s="1" t="s">
        <v>146720</v>
      </c>
      <c r="I43025" s="1" t="s">
        <v>146196</v>
      </c>
      <c r="J43025" s="1" t="s">
        <v>146795</v>
      </c>
    </row>
    <row r="43026" spans="1:10" x14ac:dyDescent="0.35">
      <c r="A43026" s="1" t="s">
        <v>45715</v>
      </c>
      <c r="B43026" s="1" t="s">
        <v>146191</v>
      </c>
      <c r="C43026" s="1" t="s">
        <v>135</v>
      </c>
      <c r="D43026" s="1" t="s">
        <v>11009</v>
      </c>
      <c r="E43026" s="1" t="s">
        <v>146796</v>
      </c>
      <c r="F43026" s="1" t="s">
        <v>146797</v>
      </c>
      <c r="G43026" s="1" t="s">
        <v>146719</v>
      </c>
      <c r="H43026" s="1" t="s">
        <v>146720</v>
      </c>
      <c r="I43026" s="1" t="s">
        <v>146196</v>
      </c>
      <c r="J43026" s="1" t="s">
        <v>146798</v>
      </c>
    </row>
    <row r="43027" spans="1:10" x14ac:dyDescent="0.35">
      <c r="A43027" s="1" t="s">
        <v>45715</v>
      </c>
      <c r="B43027" s="1" t="s">
        <v>146191</v>
      </c>
      <c r="C43027" s="1" t="s">
        <v>140</v>
      </c>
      <c r="D43027" s="1" t="s">
        <v>120566</v>
      </c>
      <c r="E43027" s="1" t="s">
        <v>146799</v>
      </c>
      <c r="F43027" s="1" t="s">
        <v>146800</v>
      </c>
      <c r="G43027" s="1" t="s">
        <v>146719</v>
      </c>
      <c r="H43027" s="1" t="s">
        <v>146720</v>
      </c>
      <c r="I43027" s="1" t="s">
        <v>146196</v>
      </c>
      <c r="J43027" s="1" t="s">
        <v>146801</v>
      </c>
    </row>
    <row r="43028" spans="1:10" x14ac:dyDescent="0.35">
      <c r="A43028" s="1" t="s">
        <v>45715</v>
      </c>
      <c r="B43028" s="1" t="s">
        <v>146191</v>
      </c>
      <c r="C43028" s="1" t="s">
        <v>145</v>
      </c>
      <c r="D43028" s="1" t="s">
        <v>8932</v>
      </c>
      <c r="E43028" s="1" t="s">
        <v>146802</v>
      </c>
      <c r="F43028" s="1" t="s">
        <v>146803</v>
      </c>
      <c r="G43028" s="1" t="s">
        <v>146719</v>
      </c>
      <c r="H43028" s="1" t="s">
        <v>146720</v>
      </c>
      <c r="I43028" s="1" t="s">
        <v>146196</v>
      </c>
      <c r="J43028" s="1" t="s">
        <v>146804</v>
      </c>
    </row>
    <row r="43029" spans="1:10" x14ac:dyDescent="0.35">
      <c r="A43029" s="1" t="s">
        <v>45715</v>
      </c>
      <c r="B43029" s="1" t="s">
        <v>146191</v>
      </c>
      <c r="C43029" s="1" t="s">
        <v>150</v>
      </c>
      <c r="D43029" s="1" t="s">
        <v>145925</v>
      </c>
      <c r="E43029" s="1" t="s">
        <v>146805</v>
      </c>
      <c r="F43029" s="1" t="s">
        <v>146806</v>
      </c>
      <c r="G43029" s="1" t="s">
        <v>146719</v>
      </c>
      <c r="H43029" s="1" t="s">
        <v>146720</v>
      </c>
      <c r="I43029" s="1" t="s">
        <v>146196</v>
      </c>
      <c r="J43029" s="1" t="s">
        <v>146807</v>
      </c>
    </row>
    <row r="43030" spans="1:10" x14ac:dyDescent="0.35">
      <c r="A43030" s="1" t="s">
        <v>45715</v>
      </c>
      <c r="B43030" s="1" t="s">
        <v>146191</v>
      </c>
      <c r="C43030" s="1" t="s">
        <v>155</v>
      </c>
      <c r="D43030" s="1" t="s">
        <v>15335</v>
      </c>
      <c r="E43030" s="1" t="s">
        <v>146808</v>
      </c>
      <c r="F43030" s="1" t="s">
        <v>146809</v>
      </c>
      <c r="G43030" s="1" t="s">
        <v>146719</v>
      </c>
      <c r="H43030" s="1" t="s">
        <v>146720</v>
      </c>
      <c r="I43030" s="1" t="s">
        <v>146196</v>
      </c>
      <c r="J43030" s="1" t="s">
        <v>146810</v>
      </c>
    </row>
    <row r="43031" spans="1:10" x14ac:dyDescent="0.35">
      <c r="A43031" s="1" t="s">
        <v>45715</v>
      </c>
      <c r="B43031" s="1" t="s">
        <v>146191</v>
      </c>
      <c r="C43031" s="1" t="s">
        <v>160</v>
      </c>
      <c r="D43031" s="1" t="s">
        <v>16328</v>
      </c>
      <c r="E43031" s="1" t="s">
        <v>146811</v>
      </c>
      <c r="F43031" s="1" t="s">
        <v>146812</v>
      </c>
      <c r="G43031" s="1" t="s">
        <v>146719</v>
      </c>
      <c r="H43031" s="1" t="s">
        <v>146720</v>
      </c>
      <c r="I43031" s="1" t="s">
        <v>146196</v>
      </c>
      <c r="J43031" s="1" t="s">
        <v>146813</v>
      </c>
    </row>
    <row r="43032" spans="1:10" x14ac:dyDescent="0.35">
      <c r="A43032" s="1" t="s">
        <v>45715</v>
      </c>
      <c r="B43032" s="1" t="s">
        <v>146191</v>
      </c>
      <c r="C43032" s="1" t="s">
        <v>165</v>
      </c>
      <c r="D43032" s="1" t="s">
        <v>119180</v>
      </c>
      <c r="E43032" s="1" t="s">
        <v>146814</v>
      </c>
      <c r="F43032" s="1" t="s">
        <v>146815</v>
      </c>
      <c r="G43032" s="1" t="s">
        <v>146719</v>
      </c>
      <c r="H43032" s="1" t="s">
        <v>146720</v>
      </c>
      <c r="I43032" s="1" t="s">
        <v>146196</v>
      </c>
      <c r="J43032" s="1" t="s">
        <v>146816</v>
      </c>
    </row>
    <row r="43033" spans="1:10" x14ac:dyDescent="0.35">
      <c r="A43033" s="1" t="s">
        <v>45715</v>
      </c>
      <c r="B43033" s="1" t="s">
        <v>146191</v>
      </c>
      <c r="C43033" s="1" t="s">
        <v>170</v>
      </c>
      <c r="D43033" s="1" t="s">
        <v>50174</v>
      </c>
      <c r="E43033" s="1" t="s">
        <v>146817</v>
      </c>
      <c r="F43033" s="1" t="s">
        <v>146818</v>
      </c>
      <c r="G43033" s="1" t="s">
        <v>146719</v>
      </c>
      <c r="H43033" s="1" t="s">
        <v>146720</v>
      </c>
      <c r="I43033" s="1" t="s">
        <v>146196</v>
      </c>
      <c r="J43033" s="1" t="s">
        <v>146819</v>
      </c>
    </row>
    <row r="43034" spans="1:10" x14ac:dyDescent="0.35">
      <c r="A43034" s="1" t="s">
        <v>51857</v>
      </c>
      <c r="B43034" s="1" t="s">
        <v>146191</v>
      </c>
      <c r="C43034" s="1" t="s">
        <v>8</v>
      </c>
      <c r="D43034" s="1" t="s">
        <v>146820</v>
      </c>
      <c r="E43034" s="1" t="s">
        <v>146821</v>
      </c>
      <c r="F43034" s="1" t="s">
        <v>146822</v>
      </c>
      <c r="G43034" s="1" t="s">
        <v>146823</v>
      </c>
      <c r="H43034" s="1" t="s">
        <v>146824</v>
      </c>
      <c r="I43034" s="1" t="s">
        <v>146196</v>
      </c>
      <c r="J43034" s="1" t="s">
        <v>13</v>
      </c>
    </row>
    <row r="43035" spans="1:10" x14ac:dyDescent="0.35">
      <c r="A43035" s="1" t="s">
        <v>51857</v>
      </c>
      <c r="B43035" s="1" t="s">
        <v>146191</v>
      </c>
      <c r="C43035" s="1" t="s">
        <v>15</v>
      </c>
      <c r="D43035" s="1" t="s">
        <v>37066</v>
      </c>
      <c r="E43035" s="1" t="s">
        <v>146825</v>
      </c>
      <c r="F43035" s="1" t="s">
        <v>146826</v>
      </c>
      <c r="G43035" s="1" t="s">
        <v>146823</v>
      </c>
      <c r="H43035" s="1" t="s">
        <v>146824</v>
      </c>
      <c r="I43035" s="1" t="s">
        <v>146196</v>
      </c>
      <c r="J43035" s="1" t="s">
        <v>146827</v>
      </c>
    </row>
    <row r="43036" spans="1:10" x14ac:dyDescent="0.35">
      <c r="A43036" s="1" t="s">
        <v>51857</v>
      </c>
      <c r="B43036" s="1" t="s">
        <v>146191</v>
      </c>
      <c r="C43036" s="1" t="s">
        <v>20</v>
      </c>
      <c r="D43036" s="1" t="s">
        <v>146828</v>
      </c>
      <c r="E43036" s="1" t="s">
        <v>146829</v>
      </c>
      <c r="F43036" s="1" t="s">
        <v>146830</v>
      </c>
      <c r="G43036" s="1" t="s">
        <v>146823</v>
      </c>
      <c r="H43036" s="1" t="s">
        <v>146824</v>
      </c>
      <c r="I43036" s="1" t="s">
        <v>146196</v>
      </c>
      <c r="J43036" s="1" t="s">
        <v>146831</v>
      </c>
    </row>
    <row r="43037" spans="1:10" x14ac:dyDescent="0.35">
      <c r="A43037" s="1" t="s">
        <v>51857</v>
      </c>
      <c r="B43037" s="1" t="s">
        <v>146191</v>
      </c>
      <c r="C43037" s="1" t="s">
        <v>25</v>
      </c>
      <c r="D43037" s="1" t="s">
        <v>146832</v>
      </c>
      <c r="E43037" s="1" t="s">
        <v>146833</v>
      </c>
      <c r="F43037" s="1" t="s">
        <v>146834</v>
      </c>
      <c r="G43037" s="1" t="s">
        <v>146823</v>
      </c>
      <c r="H43037" s="1" t="s">
        <v>146824</v>
      </c>
      <c r="I43037" s="1" t="s">
        <v>146196</v>
      </c>
      <c r="J43037" s="1" t="s">
        <v>146835</v>
      </c>
    </row>
    <row r="43038" spans="1:10" x14ac:dyDescent="0.35">
      <c r="A43038" s="1" t="s">
        <v>51857</v>
      </c>
      <c r="B43038" s="1" t="s">
        <v>146191</v>
      </c>
      <c r="C43038" s="1" t="s">
        <v>30</v>
      </c>
      <c r="D43038" s="1" t="s">
        <v>72670</v>
      </c>
      <c r="E43038" s="1" t="s">
        <v>146836</v>
      </c>
      <c r="F43038" s="1" t="s">
        <v>146837</v>
      </c>
      <c r="G43038" s="1" t="s">
        <v>146823</v>
      </c>
      <c r="H43038" s="1" t="s">
        <v>146824</v>
      </c>
      <c r="I43038" s="1" t="s">
        <v>146196</v>
      </c>
      <c r="J43038" s="1" t="s">
        <v>146838</v>
      </c>
    </row>
    <row r="43039" spans="1:10" x14ac:dyDescent="0.35">
      <c r="A43039" s="1" t="s">
        <v>51857</v>
      </c>
      <c r="B43039" s="1" t="s">
        <v>146191</v>
      </c>
      <c r="C43039" s="1" t="s">
        <v>35</v>
      </c>
      <c r="D43039" s="1" t="s">
        <v>6669</v>
      </c>
      <c r="E43039" s="1" t="s">
        <v>146839</v>
      </c>
      <c r="F43039" s="1" t="s">
        <v>146840</v>
      </c>
      <c r="G43039" s="1" t="s">
        <v>146823</v>
      </c>
      <c r="H43039" s="1" t="s">
        <v>146824</v>
      </c>
      <c r="I43039" s="1" t="s">
        <v>146196</v>
      </c>
      <c r="J43039" s="1" t="s">
        <v>146841</v>
      </c>
    </row>
    <row r="43040" spans="1:10" x14ac:dyDescent="0.35">
      <c r="A43040" s="1" t="s">
        <v>51857</v>
      </c>
      <c r="B43040" s="1" t="s">
        <v>146191</v>
      </c>
      <c r="C43040" s="1" t="s">
        <v>40</v>
      </c>
      <c r="D43040" s="1" t="s">
        <v>141809</v>
      </c>
      <c r="E43040" s="1" t="s">
        <v>146842</v>
      </c>
      <c r="F43040" s="1" t="s">
        <v>146843</v>
      </c>
      <c r="G43040" s="1" t="s">
        <v>146823</v>
      </c>
      <c r="H43040" s="1" t="s">
        <v>146824</v>
      </c>
      <c r="I43040" s="1" t="s">
        <v>146196</v>
      </c>
      <c r="J43040" s="1" t="s">
        <v>146844</v>
      </c>
    </row>
    <row r="43041" spans="1:10" x14ac:dyDescent="0.35">
      <c r="A43041" s="1" t="s">
        <v>51857</v>
      </c>
      <c r="B43041" s="1" t="s">
        <v>146191</v>
      </c>
      <c r="C43041" s="1" t="s">
        <v>45</v>
      </c>
      <c r="D43041" s="1" t="s">
        <v>146845</v>
      </c>
      <c r="E43041" s="1" t="s">
        <v>146846</v>
      </c>
      <c r="F43041" s="1" t="s">
        <v>146847</v>
      </c>
      <c r="G43041" s="1" t="s">
        <v>146823</v>
      </c>
      <c r="H43041" s="1" t="s">
        <v>146824</v>
      </c>
      <c r="I43041" s="1" t="s">
        <v>146196</v>
      </c>
      <c r="J43041" s="1" t="s">
        <v>146848</v>
      </c>
    </row>
    <row r="43042" spans="1:10" x14ac:dyDescent="0.35">
      <c r="A43042" s="1" t="s">
        <v>51857</v>
      </c>
      <c r="B43042" s="1" t="s">
        <v>146191</v>
      </c>
      <c r="C43042" s="1" t="s">
        <v>50</v>
      </c>
      <c r="D43042" s="1" t="s">
        <v>50174</v>
      </c>
      <c r="E43042" s="1" t="s">
        <v>146849</v>
      </c>
      <c r="F43042" s="1" t="s">
        <v>146850</v>
      </c>
      <c r="G43042" s="1" t="s">
        <v>146823</v>
      </c>
      <c r="H43042" s="1" t="s">
        <v>146824</v>
      </c>
      <c r="I43042" s="1" t="s">
        <v>146196</v>
      </c>
      <c r="J43042" s="1" t="s">
        <v>146851</v>
      </c>
    </row>
    <row r="43043" spans="1:10" x14ac:dyDescent="0.35">
      <c r="A43043" s="1" t="s">
        <v>51857</v>
      </c>
      <c r="B43043" s="1" t="s">
        <v>146191</v>
      </c>
      <c r="C43043" s="1" t="s">
        <v>55</v>
      </c>
      <c r="D43043" s="1" t="s">
        <v>44700</v>
      </c>
      <c r="E43043" s="1" t="s">
        <v>146852</v>
      </c>
      <c r="F43043" s="1" t="s">
        <v>146853</v>
      </c>
      <c r="G43043" s="1" t="s">
        <v>146823</v>
      </c>
      <c r="H43043" s="1" t="s">
        <v>146824</v>
      </c>
      <c r="I43043" s="1" t="s">
        <v>146196</v>
      </c>
      <c r="J43043" s="1" t="s">
        <v>146854</v>
      </c>
    </row>
    <row r="43044" spans="1:10" x14ac:dyDescent="0.35">
      <c r="A43044" s="1" t="s">
        <v>51857</v>
      </c>
      <c r="B43044" s="1" t="s">
        <v>146191</v>
      </c>
      <c r="C43044" s="1" t="s">
        <v>60</v>
      </c>
      <c r="D43044" s="1" t="s">
        <v>111893</v>
      </c>
      <c r="E43044" s="1" t="s">
        <v>146855</v>
      </c>
      <c r="F43044" s="1" t="s">
        <v>146856</v>
      </c>
      <c r="G43044" s="1" t="s">
        <v>146823</v>
      </c>
      <c r="H43044" s="1" t="s">
        <v>146824</v>
      </c>
      <c r="I43044" s="1" t="s">
        <v>146196</v>
      </c>
      <c r="J43044" s="1" t="s">
        <v>146857</v>
      </c>
    </row>
    <row r="43045" spans="1:10" x14ac:dyDescent="0.35">
      <c r="A43045" s="1" t="s">
        <v>51857</v>
      </c>
      <c r="B43045" s="1" t="s">
        <v>146191</v>
      </c>
      <c r="C43045" s="1" t="s">
        <v>65</v>
      </c>
      <c r="D43045" s="1" t="s">
        <v>146858</v>
      </c>
      <c r="E43045" s="1" t="s">
        <v>146859</v>
      </c>
      <c r="F43045" s="1" t="s">
        <v>146860</v>
      </c>
      <c r="G43045" s="1" t="s">
        <v>146823</v>
      </c>
      <c r="H43045" s="1" t="s">
        <v>146824</v>
      </c>
      <c r="I43045" s="1" t="s">
        <v>146196</v>
      </c>
      <c r="J43045" s="1" t="s">
        <v>146861</v>
      </c>
    </row>
    <row r="43046" spans="1:10" x14ac:dyDescent="0.35">
      <c r="A43046" s="1" t="s">
        <v>51857</v>
      </c>
      <c r="B43046" s="1" t="s">
        <v>146191</v>
      </c>
      <c r="C43046" s="1" t="s">
        <v>70</v>
      </c>
      <c r="D43046" s="1" t="s">
        <v>146862</v>
      </c>
      <c r="E43046" s="1" t="s">
        <v>146863</v>
      </c>
      <c r="F43046" s="1" t="s">
        <v>146864</v>
      </c>
      <c r="G43046" s="1" t="s">
        <v>146823</v>
      </c>
      <c r="H43046" s="1" t="s">
        <v>146824</v>
      </c>
      <c r="I43046" s="1" t="s">
        <v>146196</v>
      </c>
      <c r="J43046" s="1" t="s">
        <v>146865</v>
      </c>
    </row>
    <row r="43047" spans="1:10" x14ac:dyDescent="0.35">
      <c r="A43047" s="1" t="s">
        <v>51857</v>
      </c>
      <c r="B43047" s="1" t="s">
        <v>146191</v>
      </c>
      <c r="C43047" s="1" t="s">
        <v>75</v>
      </c>
      <c r="D43047" s="1" t="s">
        <v>124989</v>
      </c>
      <c r="E43047" s="1" t="s">
        <v>146866</v>
      </c>
      <c r="F43047" s="1" t="s">
        <v>146867</v>
      </c>
      <c r="G43047" s="1" t="s">
        <v>146823</v>
      </c>
      <c r="H43047" s="1" t="s">
        <v>146824</v>
      </c>
      <c r="I43047" s="1" t="s">
        <v>146196</v>
      </c>
      <c r="J43047" s="1" t="s">
        <v>146868</v>
      </c>
    </row>
    <row r="43048" spans="1:10" x14ac:dyDescent="0.35">
      <c r="A43048" s="1" t="s">
        <v>51857</v>
      </c>
      <c r="B43048" s="1" t="s">
        <v>146191</v>
      </c>
      <c r="C43048" s="1" t="s">
        <v>80</v>
      </c>
      <c r="D43048" s="1" t="s">
        <v>35013</v>
      </c>
      <c r="E43048" s="1" t="s">
        <v>146869</v>
      </c>
      <c r="F43048" s="1" t="s">
        <v>146870</v>
      </c>
      <c r="G43048" s="1" t="s">
        <v>146823</v>
      </c>
      <c r="H43048" s="1" t="s">
        <v>146824</v>
      </c>
      <c r="I43048" s="1" t="s">
        <v>146196</v>
      </c>
      <c r="J43048" s="1" t="s">
        <v>146871</v>
      </c>
    </row>
    <row r="43049" spans="1:10" x14ac:dyDescent="0.35">
      <c r="A43049" s="1" t="s">
        <v>51857</v>
      </c>
      <c r="B43049" s="1" t="s">
        <v>146191</v>
      </c>
      <c r="C43049" s="1" t="s">
        <v>85</v>
      </c>
      <c r="D43049" s="1" t="s">
        <v>15997</v>
      </c>
      <c r="E43049" s="1" t="s">
        <v>146872</v>
      </c>
      <c r="F43049" s="1" t="s">
        <v>146873</v>
      </c>
      <c r="G43049" s="1" t="s">
        <v>146823</v>
      </c>
      <c r="H43049" s="1" t="s">
        <v>146824</v>
      </c>
      <c r="I43049" s="1" t="s">
        <v>146196</v>
      </c>
      <c r="J43049" s="1" t="s">
        <v>146874</v>
      </c>
    </row>
    <row r="43050" spans="1:10" x14ac:dyDescent="0.35">
      <c r="A43050" s="1" t="s">
        <v>51857</v>
      </c>
      <c r="B43050" s="1" t="s">
        <v>146191</v>
      </c>
      <c r="C43050" s="1" t="s">
        <v>90</v>
      </c>
      <c r="D43050" s="1" t="s">
        <v>30724</v>
      </c>
      <c r="E43050" s="1" t="s">
        <v>146875</v>
      </c>
      <c r="F43050" s="1" t="s">
        <v>146876</v>
      </c>
      <c r="G43050" s="1" t="s">
        <v>146823</v>
      </c>
      <c r="H43050" s="1" t="s">
        <v>146824</v>
      </c>
      <c r="I43050" s="1" t="s">
        <v>146196</v>
      </c>
      <c r="J43050" s="1" t="s">
        <v>146877</v>
      </c>
    </row>
    <row r="43051" spans="1:10" x14ac:dyDescent="0.35">
      <c r="A43051" s="1" t="s">
        <v>51857</v>
      </c>
      <c r="B43051" s="1" t="s">
        <v>146191</v>
      </c>
      <c r="C43051" s="1" t="s">
        <v>95</v>
      </c>
      <c r="D43051" s="1" t="s">
        <v>146878</v>
      </c>
      <c r="E43051" s="1" t="s">
        <v>146879</v>
      </c>
      <c r="F43051" s="1" t="s">
        <v>146880</v>
      </c>
      <c r="G43051" s="1" t="s">
        <v>146823</v>
      </c>
      <c r="H43051" s="1" t="s">
        <v>146824</v>
      </c>
      <c r="I43051" s="1" t="s">
        <v>146196</v>
      </c>
      <c r="J43051" s="1" t="s">
        <v>146881</v>
      </c>
    </row>
    <row r="43052" spans="1:10" x14ac:dyDescent="0.35">
      <c r="A43052" s="1" t="s">
        <v>51857</v>
      </c>
      <c r="B43052" s="1" t="s">
        <v>146191</v>
      </c>
      <c r="C43052" s="1" t="s">
        <v>100</v>
      </c>
      <c r="D43052" s="1" t="s">
        <v>146882</v>
      </c>
      <c r="E43052" s="1" t="s">
        <v>146883</v>
      </c>
      <c r="F43052" s="1" t="s">
        <v>146884</v>
      </c>
      <c r="G43052" s="1" t="s">
        <v>146823</v>
      </c>
      <c r="H43052" s="1" t="s">
        <v>146824</v>
      </c>
      <c r="I43052" s="1" t="s">
        <v>146196</v>
      </c>
      <c r="J43052" s="1" t="s">
        <v>146885</v>
      </c>
    </row>
    <row r="43053" spans="1:10" x14ac:dyDescent="0.35">
      <c r="A43053" s="1" t="s">
        <v>51857</v>
      </c>
      <c r="B43053" s="1" t="s">
        <v>146191</v>
      </c>
      <c r="C43053" s="1" t="s">
        <v>105</v>
      </c>
      <c r="D43053" s="1" t="s">
        <v>71780</v>
      </c>
      <c r="E43053" s="1" t="s">
        <v>146886</v>
      </c>
      <c r="F43053" s="1" t="s">
        <v>146887</v>
      </c>
      <c r="G43053" s="1" t="s">
        <v>146823</v>
      </c>
      <c r="H43053" s="1" t="s">
        <v>146824</v>
      </c>
      <c r="I43053" s="1" t="s">
        <v>146196</v>
      </c>
      <c r="J43053" s="1" t="s">
        <v>146888</v>
      </c>
    </row>
    <row r="43054" spans="1:10" x14ac:dyDescent="0.35">
      <c r="A43054" s="1" t="s">
        <v>51857</v>
      </c>
      <c r="B43054" s="1" t="s">
        <v>146191</v>
      </c>
      <c r="C43054" s="1" t="s">
        <v>110</v>
      </c>
      <c r="D43054" s="1" t="s">
        <v>32097</v>
      </c>
      <c r="E43054" s="1" t="s">
        <v>146889</v>
      </c>
      <c r="F43054" s="1" t="s">
        <v>146890</v>
      </c>
      <c r="G43054" s="1" t="s">
        <v>146823</v>
      </c>
      <c r="H43054" s="1" t="s">
        <v>146824</v>
      </c>
      <c r="I43054" s="1" t="s">
        <v>146196</v>
      </c>
      <c r="J43054" s="1" t="s">
        <v>146891</v>
      </c>
    </row>
    <row r="43055" spans="1:10" x14ac:dyDescent="0.35">
      <c r="A43055" s="1" t="s">
        <v>51857</v>
      </c>
      <c r="B43055" s="1" t="s">
        <v>146191</v>
      </c>
      <c r="C43055" s="1" t="s">
        <v>115</v>
      </c>
      <c r="D43055" s="1" t="s">
        <v>110776</v>
      </c>
      <c r="E43055" s="1" t="s">
        <v>146892</v>
      </c>
      <c r="F43055" s="1" t="s">
        <v>146893</v>
      </c>
      <c r="G43055" s="1" t="s">
        <v>146823</v>
      </c>
      <c r="H43055" s="1" t="s">
        <v>146824</v>
      </c>
      <c r="I43055" s="1" t="s">
        <v>146196</v>
      </c>
      <c r="J43055" s="1" t="s">
        <v>146894</v>
      </c>
    </row>
    <row r="43056" spans="1:10" x14ac:dyDescent="0.35">
      <c r="A43056" s="1" t="s">
        <v>51857</v>
      </c>
      <c r="B43056" s="1" t="s">
        <v>146191</v>
      </c>
      <c r="C43056" s="1" t="s">
        <v>120</v>
      </c>
      <c r="D43056" s="1" t="s">
        <v>17836</v>
      </c>
      <c r="E43056" s="1" t="s">
        <v>146895</v>
      </c>
      <c r="F43056" s="1" t="s">
        <v>146896</v>
      </c>
      <c r="G43056" s="1" t="s">
        <v>146823</v>
      </c>
      <c r="H43056" s="1" t="s">
        <v>146824</v>
      </c>
      <c r="I43056" s="1" t="s">
        <v>146196</v>
      </c>
      <c r="J43056" s="1" t="s">
        <v>146897</v>
      </c>
    </row>
    <row r="43057" spans="1:10" x14ac:dyDescent="0.35">
      <c r="A43057" s="1" t="s">
        <v>51857</v>
      </c>
      <c r="B43057" s="1" t="s">
        <v>146191</v>
      </c>
      <c r="C43057" s="1" t="s">
        <v>125</v>
      </c>
      <c r="D43057" s="1" t="s">
        <v>72805</v>
      </c>
      <c r="E43057" s="1" t="s">
        <v>146898</v>
      </c>
      <c r="F43057" s="1" t="s">
        <v>146899</v>
      </c>
      <c r="G43057" s="1" t="s">
        <v>146823</v>
      </c>
      <c r="H43057" s="1" t="s">
        <v>146824</v>
      </c>
      <c r="I43057" s="1" t="s">
        <v>146196</v>
      </c>
      <c r="J43057" s="1" t="s">
        <v>146900</v>
      </c>
    </row>
    <row r="43058" spans="1:10" x14ac:dyDescent="0.35">
      <c r="A43058" s="1" t="s">
        <v>51857</v>
      </c>
      <c r="B43058" s="1" t="s">
        <v>146191</v>
      </c>
      <c r="C43058" s="1" t="s">
        <v>130</v>
      </c>
      <c r="D43058" s="1" t="s">
        <v>42896</v>
      </c>
      <c r="E43058" s="1" t="s">
        <v>146901</v>
      </c>
      <c r="F43058" s="1" t="s">
        <v>146902</v>
      </c>
      <c r="G43058" s="1" t="s">
        <v>146823</v>
      </c>
      <c r="H43058" s="1" t="s">
        <v>146824</v>
      </c>
      <c r="I43058" s="1" t="s">
        <v>146196</v>
      </c>
      <c r="J43058" s="1" t="s">
        <v>146903</v>
      </c>
    </row>
    <row r="43059" spans="1:10" x14ac:dyDescent="0.35">
      <c r="A43059" s="1" t="s">
        <v>51857</v>
      </c>
      <c r="B43059" s="1" t="s">
        <v>146191</v>
      </c>
      <c r="C43059" s="1" t="s">
        <v>135</v>
      </c>
      <c r="D43059" s="1" t="s">
        <v>146904</v>
      </c>
      <c r="E43059" s="1" t="s">
        <v>146905</v>
      </c>
      <c r="F43059" s="1" t="s">
        <v>146906</v>
      </c>
      <c r="G43059" s="1" t="s">
        <v>146823</v>
      </c>
      <c r="H43059" s="1" t="s">
        <v>146824</v>
      </c>
      <c r="I43059" s="1" t="s">
        <v>146196</v>
      </c>
      <c r="J43059" s="1" t="s">
        <v>146907</v>
      </c>
    </row>
    <row r="43060" spans="1:10" x14ac:dyDescent="0.35">
      <c r="A43060" s="1" t="s">
        <v>51857</v>
      </c>
      <c r="B43060" s="1" t="s">
        <v>146191</v>
      </c>
      <c r="C43060" s="1" t="s">
        <v>140</v>
      </c>
      <c r="D43060" s="1" t="s">
        <v>146908</v>
      </c>
      <c r="E43060" s="1" t="s">
        <v>146909</v>
      </c>
      <c r="F43060" s="1" t="s">
        <v>146910</v>
      </c>
      <c r="G43060" s="1" t="s">
        <v>146823</v>
      </c>
      <c r="H43060" s="1" t="s">
        <v>146824</v>
      </c>
      <c r="I43060" s="1" t="s">
        <v>146196</v>
      </c>
      <c r="J43060" s="1" t="s">
        <v>146911</v>
      </c>
    </row>
    <row r="43061" spans="1:10" x14ac:dyDescent="0.35">
      <c r="A43061" s="1" t="s">
        <v>51857</v>
      </c>
      <c r="B43061" s="1" t="s">
        <v>146191</v>
      </c>
      <c r="C43061" s="1" t="s">
        <v>145</v>
      </c>
      <c r="D43061" s="1" t="s">
        <v>32079</v>
      </c>
      <c r="E43061" s="1" t="s">
        <v>146912</v>
      </c>
      <c r="F43061" s="1" t="s">
        <v>146913</v>
      </c>
      <c r="G43061" s="1" t="s">
        <v>146823</v>
      </c>
      <c r="H43061" s="1" t="s">
        <v>146824</v>
      </c>
      <c r="I43061" s="1" t="s">
        <v>146196</v>
      </c>
      <c r="J43061" s="1" t="s">
        <v>146914</v>
      </c>
    </row>
    <row r="43062" spans="1:10" x14ac:dyDescent="0.35">
      <c r="A43062" s="1" t="s">
        <v>51857</v>
      </c>
      <c r="B43062" s="1" t="s">
        <v>146191</v>
      </c>
      <c r="C43062" s="1" t="s">
        <v>150</v>
      </c>
      <c r="D43062" s="1" t="s">
        <v>17437</v>
      </c>
      <c r="E43062" s="1" t="s">
        <v>146915</v>
      </c>
      <c r="F43062" s="1" t="s">
        <v>146916</v>
      </c>
      <c r="G43062" s="1" t="s">
        <v>146823</v>
      </c>
      <c r="H43062" s="1" t="s">
        <v>146824</v>
      </c>
      <c r="I43062" s="1" t="s">
        <v>146196</v>
      </c>
      <c r="J43062" s="1" t="s">
        <v>146917</v>
      </c>
    </row>
    <row r="43063" spans="1:10" x14ac:dyDescent="0.35">
      <c r="A43063" s="1" t="s">
        <v>51857</v>
      </c>
      <c r="B43063" s="1" t="s">
        <v>146191</v>
      </c>
      <c r="C43063" s="1" t="s">
        <v>155</v>
      </c>
      <c r="D43063" s="1" t="s">
        <v>146918</v>
      </c>
      <c r="E43063" s="1" t="s">
        <v>146919</v>
      </c>
      <c r="F43063" s="1" t="s">
        <v>146920</v>
      </c>
      <c r="G43063" s="1" t="s">
        <v>146823</v>
      </c>
      <c r="H43063" s="1" t="s">
        <v>146824</v>
      </c>
      <c r="I43063" s="1" t="s">
        <v>146196</v>
      </c>
      <c r="J43063" s="1" t="s">
        <v>146921</v>
      </c>
    </row>
    <row r="43064" spans="1:10" x14ac:dyDescent="0.35">
      <c r="A43064" s="1" t="s">
        <v>51857</v>
      </c>
      <c r="B43064" s="1" t="s">
        <v>146191</v>
      </c>
      <c r="C43064" s="1" t="s">
        <v>160</v>
      </c>
      <c r="D43064" s="1" t="s">
        <v>837</v>
      </c>
      <c r="E43064" s="1" t="s">
        <v>146922</v>
      </c>
      <c r="F43064" s="1" t="s">
        <v>146923</v>
      </c>
      <c r="G43064" s="1" t="s">
        <v>146823</v>
      </c>
      <c r="H43064" s="1" t="s">
        <v>146824</v>
      </c>
      <c r="I43064" s="1" t="s">
        <v>146196</v>
      </c>
      <c r="J43064" s="1" t="s">
        <v>146924</v>
      </c>
    </row>
    <row r="43065" spans="1:10" x14ac:dyDescent="0.35">
      <c r="A43065" s="1" t="s">
        <v>51857</v>
      </c>
      <c r="B43065" s="1" t="s">
        <v>146191</v>
      </c>
      <c r="C43065" s="1" t="s">
        <v>165</v>
      </c>
      <c r="D43065" s="1" t="s">
        <v>31713</v>
      </c>
      <c r="E43065" s="1" t="s">
        <v>146925</v>
      </c>
      <c r="F43065" s="1" t="s">
        <v>146926</v>
      </c>
      <c r="G43065" s="1" t="s">
        <v>146823</v>
      </c>
      <c r="H43065" s="1" t="s">
        <v>146824</v>
      </c>
      <c r="I43065" s="1" t="s">
        <v>146196</v>
      </c>
      <c r="J43065" s="1" t="s">
        <v>146927</v>
      </c>
    </row>
    <row r="43066" spans="1:10" x14ac:dyDescent="0.35">
      <c r="A43066" s="1" t="s">
        <v>51857</v>
      </c>
      <c r="B43066" s="1" t="s">
        <v>146191</v>
      </c>
      <c r="C43066" s="1" t="s">
        <v>170</v>
      </c>
      <c r="D43066" s="1" t="s">
        <v>104578</v>
      </c>
      <c r="E43066" s="1" t="s">
        <v>146928</v>
      </c>
      <c r="F43066" s="1" t="s">
        <v>146929</v>
      </c>
      <c r="G43066" s="1" t="s">
        <v>146823</v>
      </c>
      <c r="H43066" s="1" t="s">
        <v>146824</v>
      </c>
      <c r="I43066" s="1" t="s">
        <v>146196</v>
      </c>
      <c r="J43066" s="1" t="s">
        <v>146930</v>
      </c>
    </row>
    <row r="43067" spans="1:10" x14ac:dyDescent="0.35">
      <c r="A43067" s="1" t="s">
        <v>4325</v>
      </c>
      <c r="B43067" s="1" t="s">
        <v>146931</v>
      </c>
      <c r="C43067" s="1" t="s">
        <v>8</v>
      </c>
      <c r="D43067" s="1" t="s">
        <v>141434</v>
      </c>
      <c r="E43067" s="1" t="s">
        <v>146932</v>
      </c>
      <c r="F43067" s="1" t="s">
        <v>146933</v>
      </c>
      <c r="G43067" s="1" t="s">
        <v>146934</v>
      </c>
      <c r="H43067" s="1" t="s">
        <v>146935</v>
      </c>
      <c r="I43067" s="1" t="s">
        <v>146936</v>
      </c>
      <c r="J43067" s="1" t="s">
        <v>13</v>
      </c>
    </row>
    <row r="43068" spans="1:10" x14ac:dyDescent="0.35">
      <c r="A43068" s="1" t="s">
        <v>4325</v>
      </c>
      <c r="B43068" s="1" t="s">
        <v>146931</v>
      </c>
      <c r="C43068" s="1" t="s">
        <v>15</v>
      </c>
      <c r="D43068" s="1" t="s">
        <v>83462</v>
      </c>
      <c r="E43068" s="1" t="s">
        <v>146937</v>
      </c>
      <c r="F43068" s="1" t="s">
        <v>146938</v>
      </c>
      <c r="G43068" s="1" t="s">
        <v>146934</v>
      </c>
      <c r="H43068" s="1" t="s">
        <v>146935</v>
      </c>
      <c r="I43068" s="1" t="s">
        <v>146936</v>
      </c>
      <c r="J43068" s="1" t="s">
        <v>146939</v>
      </c>
    </row>
    <row r="43069" spans="1:10" x14ac:dyDescent="0.35">
      <c r="A43069" s="1" t="s">
        <v>4325</v>
      </c>
      <c r="B43069" s="1" t="s">
        <v>146931</v>
      </c>
      <c r="C43069" s="1" t="s">
        <v>20</v>
      </c>
      <c r="D43069" s="1" t="s">
        <v>146940</v>
      </c>
      <c r="E43069" s="1" t="s">
        <v>146941</v>
      </c>
      <c r="F43069" s="1" t="s">
        <v>146942</v>
      </c>
      <c r="G43069" s="1" t="s">
        <v>146934</v>
      </c>
      <c r="H43069" s="1" t="s">
        <v>146935</v>
      </c>
      <c r="I43069" s="1" t="s">
        <v>146936</v>
      </c>
      <c r="J43069" s="1" t="s">
        <v>146943</v>
      </c>
    </row>
    <row r="43070" spans="1:10" x14ac:dyDescent="0.35">
      <c r="A43070" s="1" t="s">
        <v>4325</v>
      </c>
      <c r="B43070" s="1" t="s">
        <v>146931</v>
      </c>
      <c r="C43070" s="1" t="s">
        <v>25</v>
      </c>
      <c r="D43070" s="1" t="s">
        <v>146944</v>
      </c>
      <c r="E43070" s="1" t="s">
        <v>146945</v>
      </c>
      <c r="F43070" s="1" t="s">
        <v>146946</v>
      </c>
      <c r="G43070" s="1" t="s">
        <v>146934</v>
      </c>
      <c r="H43070" s="1" t="s">
        <v>146935</v>
      </c>
      <c r="I43070" s="1" t="s">
        <v>146936</v>
      </c>
      <c r="J43070" s="1" t="s">
        <v>146947</v>
      </c>
    </row>
    <row r="43071" spans="1:10" x14ac:dyDescent="0.35">
      <c r="A43071" s="1" t="s">
        <v>4325</v>
      </c>
      <c r="B43071" s="1" t="s">
        <v>146931</v>
      </c>
      <c r="C43071" s="1" t="s">
        <v>30</v>
      </c>
      <c r="D43071" s="1" t="s">
        <v>146948</v>
      </c>
      <c r="E43071" s="1" t="s">
        <v>146949</v>
      </c>
      <c r="F43071" s="1" t="s">
        <v>146950</v>
      </c>
      <c r="G43071" s="1" t="s">
        <v>146934</v>
      </c>
      <c r="H43071" s="1" t="s">
        <v>146935</v>
      </c>
      <c r="I43071" s="1" t="s">
        <v>146936</v>
      </c>
      <c r="J43071" s="1" t="s">
        <v>146951</v>
      </c>
    </row>
    <row r="43072" spans="1:10" x14ac:dyDescent="0.35">
      <c r="A43072" s="1" t="s">
        <v>4325</v>
      </c>
      <c r="B43072" s="1" t="s">
        <v>146931</v>
      </c>
      <c r="C43072" s="1" t="s">
        <v>35</v>
      </c>
      <c r="D43072" s="1" t="s">
        <v>142078</v>
      </c>
      <c r="E43072" s="1" t="s">
        <v>146952</v>
      </c>
      <c r="F43072" s="1" t="s">
        <v>146953</v>
      </c>
      <c r="G43072" s="1" t="s">
        <v>146934</v>
      </c>
      <c r="H43072" s="1" t="s">
        <v>146935</v>
      </c>
      <c r="I43072" s="1" t="s">
        <v>146936</v>
      </c>
      <c r="J43072" s="1" t="s">
        <v>146954</v>
      </c>
    </row>
    <row r="43073" spans="1:10" x14ac:dyDescent="0.35">
      <c r="A43073" s="1" t="s">
        <v>4325</v>
      </c>
      <c r="B43073" s="1" t="s">
        <v>146931</v>
      </c>
      <c r="C43073" s="1" t="s">
        <v>40</v>
      </c>
      <c r="D43073" s="1" t="s">
        <v>106607</v>
      </c>
      <c r="E43073" s="1" t="s">
        <v>146955</v>
      </c>
      <c r="F43073" s="1" t="s">
        <v>146956</v>
      </c>
      <c r="G43073" s="1" t="s">
        <v>146934</v>
      </c>
      <c r="H43073" s="1" t="s">
        <v>146935</v>
      </c>
      <c r="I43073" s="1" t="s">
        <v>146936</v>
      </c>
      <c r="J43073" s="1" t="s">
        <v>146957</v>
      </c>
    </row>
    <row r="43074" spans="1:10" x14ac:dyDescent="0.35">
      <c r="A43074" s="1" t="s">
        <v>4325</v>
      </c>
      <c r="B43074" s="1" t="s">
        <v>146931</v>
      </c>
      <c r="C43074" s="1" t="s">
        <v>45</v>
      </c>
      <c r="D43074" s="1" t="s">
        <v>146958</v>
      </c>
      <c r="E43074" s="1" t="s">
        <v>146959</v>
      </c>
      <c r="F43074" s="1" t="s">
        <v>146960</v>
      </c>
      <c r="G43074" s="1" t="s">
        <v>146934</v>
      </c>
      <c r="H43074" s="1" t="s">
        <v>146935</v>
      </c>
      <c r="I43074" s="1" t="s">
        <v>146936</v>
      </c>
      <c r="J43074" s="1" t="s">
        <v>146961</v>
      </c>
    </row>
    <row r="43075" spans="1:10" x14ac:dyDescent="0.35">
      <c r="A43075" s="1" t="s">
        <v>4325</v>
      </c>
      <c r="B43075" s="1" t="s">
        <v>146931</v>
      </c>
      <c r="C43075" s="1" t="s">
        <v>50</v>
      </c>
      <c r="D43075" s="1" t="s">
        <v>146962</v>
      </c>
      <c r="E43075" s="1" t="s">
        <v>146963</v>
      </c>
      <c r="F43075" s="1" t="s">
        <v>146964</v>
      </c>
      <c r="G43075" s="1" t="s">
        <v>146934</v>
      </c>
      <c r="H43075" s="1" t="s">
        <v>146935</v>
      </c>
      <c r="I43075" s="1" t="s">
        <v>146936</v>
      </c>
      <c r="J43075" s="1" t="s">
        <v>146965</v>
      </c>
    </row>
    <row r="43076" spans="1:10" x14ac:dyDescent="0.35">
      <c r="A43076" s="1" t="s">
        <v>4325</v>
      </c>
      <c r="B43076" s="1" t="s">
        <v>146931</v>
      </c>
      <c r="C43076" s="1" t="s">
        <v>55</v>
      </c>
      <c r="D43076" s="1" t="s">
        <v>115204</v>
      </c>
      <c r="E43076" s="1" t="s">
        <v>146966</v>
      </c>
      <c r="F43076" s="1" t="s">
        <v>146967</v>
      </c>
      <c r="G43076" s="1" t="s">
        <v>146934</v>
      </c>
      <c r="H43076" s="1" t="s">
        <v>146935</v>
      </c>
      <c r="I43076" s="1" t="s">
        <v>146936</v>
      </c>
      <c r="J43076" s="1" t="s">
        <v>146968</v>
      </c>
    </row>
    <row r="43077" spans="1:10" x14ac:dyDescent="0.35">
      <c r="A43077" s="1" t="s">
        <v>4325</v>
      </c>
      <c r="B43077" s="1" t="s">
        <v>146931</v>
      </c>
      <c r="C43077" s="1" t="s">
        <v>60</v>
      </c>
      <c r="D43077" s="1" t="s">
        <v>127109</v>
      </c>
      <c r="E43077" s="1" t="s">
        <v>146969</v>
      </c>
      <c r="F43077" s="1" t="s">
        <v>146970</v>
      </c>
      <c r="G43077" s="1" t="s">
        <v>146934</v>
      </c>
      <c r="H43077" s="1" t="s">
        <v>146935</v>
      </c>
      <c r="I43077" s="1" t="s">
        <v>146936</v>
      </c>
      <c r="J43077" s="1" t="s">
        <v>146971</v>
      </c>
    </row>
    <row r="43078" spans="1:10" x14ac:dyDescent="0.35">
      <c r="A43078" s="1" t="s">
        <v>4325</v>
      </c>
      <c r="B43078" s="1" t="s">
        <v>146931</v>
      </c>
      <c r="C43078" s="1" t="s">
        <v>65</v>
      </c>
      <c r="D43078" s="1" t="s">
        <v>146972</v>
      </c>
      <c r="E43078" s="1" t="s">
        <v>146973</v>
      </c>
      <c r="F43078" s="1" t="s">
        <v>146974</v>
      </c>
      <c r="G43078" s="1" t="s">
        <v>146934</v>
      </c>
      <c r="H43078" s="1" t="s">
        <v>146935</v>
      </c>
      <c r="I43078" s="1" t="s">
        <v>146936</v>
      </c>
      <c r="J43078" s="1" t="s">
        <v>146975</v>
      </c>
    </row>
    <row r="43079" spans="1:10" x14ac:dyDescent="0.35">
      <c r="A43079" s="1" t="s">
        <v>4325</v>
      </c>
      <c r="B43079" s="1" t="s">
        <v>146931</v>
      </c>
      <c r="C43079" s="1" t="s">
        <v>70</v>
      </c>
      <c r="D43079" s="1" t="s">
        <v>146976</v>
      </c>
      <c r="E43079" s="1" t="s">
        <v>146977</v>
      </c>
      <c r="F43079" s="1" t="s">
        <v>146978</v>
      </c>
      <c r="G43079" s="1" t="s">
        <v>146934</v>
      </c>
      <c r="H43079" s="1" t="s">
        <v>146935</v>
      </c>
      <c r="I43079" s="1" t="s">
        <v>146936</v>
      </c>
      <c r="J43079" s="1" t="s">
        <v>146979</v>
      </c>
    </row>
    <row r="43080" spans="1:10" x14ac:dyDescent="0.35">
      <c r="A43080" s="1" t="s">
        <v>4325</v>
      </c>
      <c r="B43080" s="1" t="s">
        <v>146931</v>
      </c>
      <c r="C43080" s="1" t="s">
        <v>75</v>
      </c>
      <c r="D43080" s="1" t="s">
        <v>146980</v>
      </c>
      <c r="E43080" s="1" t="s">
        <v>146981</v>
      </c>
      <c r="F43080" s="1" t="s">
        <v>146982</v>
      </c>
      <c r="G43080" s="1" t="s">
        <v>146934</v>
      </c>
      <c r="H43080" s="1" t="s">
        <v>146935</v>
      </c>
      <c r="I43080" s="1" t="s">
        <v>146936</v>
      </c>
      <c r="J43080" s="1" t="s">
        <v>146983</v>
      </c>
    </row>
    <row r="43081" spans="1:10" x14ac:dyDescent="0.35">
      <c r="A43081" s="1" t="s">
        <v>4325</v>
      </c>
      <c r="B43081" s="1" t="s">
        <v>146931</v>
      </c>
      <c r="C43081" s="1" t="s">
        <v>80</v>
      </c>
      <c r="D43081" s="1" t="s">
        <v>43095</v>
      </c>
      <c r="E43081" s="1" t="s">
        <v>146984</v>
      </c>
      <c r="F43081" s="1" t="s">
        <v>146985</v>
      </c>
      <c r="G43081" s="1" t="s">
        <v>146934</v>
      </c>
      <c r="H43081" s="1" t="s">
        <v>146935</v>
      </c>
      <c r="I43081" s="1" t="s">
        <v>146936</v>
      </c>
      <c r="J43081" s="1" t="s">
        <v>146986</v>
      </c>
    </row>
    <row r="43082" spans="1:10" x14ac:dyDescent="0.35">
      <c r="A43082" s="1" t="s">
        <v>4325</v>
      </c>
      <c r="B43082" s="1" t="s">
        <v>146931</v>
      </c>
      <c r="C43082" s="1" t="s">
        <v>85</v>
      </c>
      <c r="D43082" s="1" t="s">
        <v>64958</v>
      </c>
      <c r="E43082" s="1" t="s">
        <v>146987</v>
      </c>
      <c r="F43082" s="1" t="s">
        <v>146988</v>
      </c>
      <c r="G43082" s="1" t="s">
        <v>146934</v>
      </c>
      <c r="H43082" s="1" t="s">
        <v>146935</v>
      </c>
      <c r="I43082" s="1" t="s">
        <v>146936</v>
      </c>
      <c r="J43082" s="1" t="s">
        <v>146989</v>
      </c>
    </row>
    <row r="43083" spans="1:10" x14ac:dyDescent="0.35">
      <c r="A43083" s="1" t="s">
        <v>4325</v>
      </c>
      <c r="B43083" s="1" t="s">
        <v>146931</v>
      </c>
      <c r="C43083" s="1" t="s">
        <v>90</v>
      </c>
      <c r="D43083" s="1" t="s">
        <v>146990</v>
      </c>
      <c r="E43083" s="1" t="s">
        <v>146991</v>
      </c>
      <c r="F43083" s="1" t="s">
        <v>146992</v>
      </c>
      <c r="G43083" s="1" t="s">
        <v>146934</v>
      </c>
      <c r="H43083" s="1" t="s">
        <v>146935</v>
      </c>
      <c r="I43083" s="1" t="s">
        <v>146936</v>
      </c>
      <c r="J43083" s="1" t="s">
        <v>146993</v>
      </c>
    </row>
    <row r="43084" spans="1:10" x14ac:dyDescent="0.35">
      <c r="A43084" s="1" t="s">
        <v>4325</v>
      </c>
      <c r="B43084" s="1" t="s">
        <v>146931</v>
      </c>
      <c r="C43084" s="1" t="s">
        <v>95</v>
      </c>
      <c r="D43084" s="1" t="s">
        <v>95772</v>
      </c>
      <c r="E43084" s="1" t="s">
        <v>146994</v>
      </c>
      <c r="F43084" s="1" t="s">
        <v>146995</v>
      </c>
      <c r="G43084" s="1" t="s">
        <v>146934</v>
      </c>
      <c r="H43084" s="1" t="s">
        <v>146935</v>
      </c>
      <c r="I43084" s="1" t="s">
        <v>146936</v>
      </c>
      <c r="J43084" s="1" t="s">
        <v>146996</v>
      </c>
    </row>
    <row r="43085" spans="1:10" x14ac:dyDescent="0.35">
      <c r="A43085" s="1" t="s">
        <v>4325</v>
      </c>
      <c r="B43085" s="1" t="s">
        <v>146931</v>
      </c>
      <c r="C43085" s="1" t="s">
        <v>100</v>
      </c>
      <c r="D43085" s="1" t="s">
        <v>58077</v>
      </c>
      <c r="E43085" s="1" t="s">
        <v>146997</v>
      </c>
      <c r="F43085" s="1" t="s">
        <v>146998</v>
      </c>
      <c r="G43085" s="1" t="s">
        <v>146934</v>
      </c>
      <c r="H43085" s="1" t="s">
        <v>146935</v>
      </c>
      <c r="I43085" s="1" t="s">
        <v>146936</v>
      </c>
      <c r="J43085" s="1" t="s">
        <v>146999</v>
      </c>
    </row>
    <row r="43086" spans="1:10" x14ac:dyDescent="0.35">
      <c r="A43086" s="1" t="s">
        <v>4325</v>
      </c>
      <c r="B43086" s="1" t="s">
        <v>146931</v>
      </c>
      <c r="C43086" s="1" t="s">
        <v>105</v>
      </c>
      <c r="D43086" s="1" t="s">
        <v>81398</v>
      </c>
      <c r="E43086" s="1" t="s">
        <v>147000</v>
      </c>
      <c r="F43086" s="1" t="s">
        <v>147001</v>
      </c>
      <c r="G43086" s="1" t="s">
        <v>146934</v>
      </c>
      <c r="H43086" s="1" t="s">
        <v>146935</v>
      </c>
      <c r="I43086" s="1" t="s">
        <v>146936</v>
      </c>
      <c r="J43086" s="1" t="s">
        <v>147002</v>
      </c>
    </row>
    <row r="43087" spans="1:10" x14ac:dyDescent="0.35">
      <c r="A43087" s="1" t="s">
        <v>4325</v>
      </c>
      <c r="B43087" s="1" t="s">
        <v>146931</v>
      </c>
      <c r="C43087" s="1" t="s">
        <v>110</v>
      </c>
      <c r="D43087" s="1" t="s">
        <v>96101</v>
      </c>
      <c r="E43087" s="1" t="s">
        <v>147003</v>
      </c>
      <c r="F43087" s="1" t="s">
        <v>147004</v>
      </c>
      <c r="G43087" s="1" t="s">
        <v>146934</v>
      </c>
      <c r="H43087" s="1" t="s">
        <v>146935</v>
      </c>
      <c r="I43087" s="1" t="s">
        <v>146936</v>
      </c>
      <c r="J43087" s="1" t="s">
        <v>147005</v>
      </c>
    </row>
    <row r="43088" spans="1:10" x14ac:dyDescent="0.35">
      <c r="A43088" s="1" t="s">
        <v>4325</v>
      </c>
      <c r="B43088" s="1" t="s">
        <v>146931</v>
      </c>
      <c r="C43088" s="1" t="s">
        <v>115</v>
      </c>
      <c r="D43088" s="1" t="s">
        <v>137713</v>
      </c>
      <c r="E43088" s="1" t="s">
        <v>147006</v>
      </c>
      <c r="F43088" s="1" t="s">
        <v>147007</v>
      </c>
      <c r="G43088" s="1" t="s">
        <v>146934</v>
      </c>
      <c r="H43088" s="1" t="s">
        <v>146935</v>
      </c>
      <c r="I43088" s="1" t="s">
        <v>146936</v>
      </c>
      <c r="J43088" s="1" t="s">
        <v>147008</v>
      </c>
    </row>
    <row r="43089" spans="1:10" x14ac:dyDescent="0.35">
      <c r="A43089" s="1" t="s">
        <v>4325</v>
      </c>
      <c r="B43089" s="1" t="s">
        <v>146931</v>
      </c>
      <c r="C43089" s="1" t="s">
        <v>120</v>
      </c>
      <c r="D43089" s="1" t="s">
        <v>91331</v>
      </c>
      <c r="E43089" s="1" t="s">
        <v>147009</v>
      </c>
      <c r="F43089" s="1" t="s">
        <v>147010</v>
      </c>
      <c r="G43089" s="1" t="s">
        <v>146934</v>
      </c>
      <c r="H43089" s="1" t="s">
        <v>146935</v>
      </c>
      <c r="I43089" s="1" t="s">
        <v>146936</v>
      </c>
      <c r="J43089" s="1" t="s">
        <v>147011</v>
      </c>
    </row>
    <row r="43090" spans="1:10" x14ac:dyDescent="0.35">
      <c r="A43090" s="1" t="s">
        <v>4325</v>
      </c>
      <c r="B43090" s="1" t="s">
        <v>146931</v>
      </c>
      <c r="C43090" s="1" t="s">
        <v>125</v>
      </c>
      <c r="D43090" s="1" t="s">
        <v>58900</v>
      </c>
      <c r="E43090" s="1" t="s">
        <v>147012</v>
      </c>
      <c r="F43090" s="1" t="s">
        <v>147013</v>
      </c>
      <c r="G43090" s="1" t="s">
        <v>146934</v>
      </c>
      <c r="H43090" s="1" t="s">
        <v>146935</v>
      </c>
      <c r="I43090" s="1" t="s">
        <v>146936</v>
      </c>
      <c r="J43090" s="1" t="s">
        <v>147014</v>
      </c>
    </row>
    <row r="43091" spans="1:10" x14ac:dyDescent="0.35">
      <c r="A43091" s="1" t="s">
        <v>4325</v>
      </c>
      <c r="B43091" s="1" t="s">
        <v>146931</v>
      </c>
      <c r="C43091" s="1" t="s">
        <v>130</v>
      </c>
      <c r="D43091" s="1" t="s">
        <v>20961</v>
      </c>
      <c r="E43091" s="1" t="s">
        <v>147015</v>
      </c>
      <c r="F43091" s="1" t="s">
        <v>147016</v>
      </c>
      <c r="G43091" s="1" t="s">
        <v>146934</v>
      </c>
      <c r="H43091" s="1" t="s">
        <v>146935</v>
      </c>
      <c r="I43091" s="1" t="s">
        <v>146936</v>
      </c>
      <c r="J43091" s="1" t="s">
        <v>147017</v>
      </c>
    </row>
    <row r="43092" spans="1:10" x14ac:dyDescent="0.35">
      <c r="A43092" s="1" t="s">
        <v>4325</v>
      </c>
      <c r="B43092" s="1" t="s">
        <v>146931</v>
      </c>
      <c r="C43092" s="1" t="s">
        <v>135</v>
      </c>
      <c r="D43092" s="1" t="s">
        <v>147018</v>
      </c>
      <c r="E43092" s="1" t="s">
        <v>31838</v>
      </c>
      <c r="F43092" s="1" t="s">
        <v>147019</v>
      </c>
      <c r="G43092" s="1" t="s">
        <v>146934</v>
      </c>
      <c r="H43092" s="1" t="s">
        <v>146935</v>
      </c>
      <c r="I43092" s="1" t="s">
        <v>146936</v>
      </c>
      <c r="J43092" s="1" t="s">
        <v>147020</v>
      </c>
    </row>
    <row r="43093" spans="1:10" x14ac:dyDescent="0.35">
      <c r="A43093" s="1" t="s">
        <v>4325</v>
      </c>
      <c r="B43093" s="1" t="s">
        <v>146931</v>
      </c>
      <c r="C43093" s="1" t="s">
        <v>140</v>
      </c>
      <c r="D43093" s="1" t="s">
        <v>20804</v>
      </c>
      <c r="E43093" s="1" t="s">
        <v>147021</v>
      </c>
      <c r="F43093" s="1" t="s">
        <v>147022</v>
      </c>
      <c r="G43093" s="1" t="s">
        <v>146934</v>
      </c>
      <c r="H43093" s="1" t="s">
        <v>146935</v>
      </c>
      <c r="I43093" s="1" t="s">
        <v>146936</v>
      </c>
      <c r="J43093" s="1" t="s">
        <v>147023</v>
      </c>
    </row>
    <row r="43094" spans="1:10" x14ac:dyDescent="0.35">
      <c r="A43094" s="1" t="s">
        <v>4325</v>
      </c>
      <c r="B43094" s="1" t="s">
        <v>146931</v>
      </c>
      <c r="C43094" s="1" t="s">
        <v>145</v>
      </c>
      <c r="D43094" s="1" t="s">
        <v>147024</v>
      </c>
      <c r="E43094" s="1" t="s">
        <v>147025</v>
      </c>
      <c r="F43094" s="1" t="s">
        <v>147026</v>
      </c>
      <c r="G43094" s="1" t="s">
        <v>146934</v>
      </c>
      <c r="H43094" s="1" t="s">
        <v>146935</v>
      </c>
      <c r="I43094" s="1" t="s">
        <v>146936</v>
      </c>
      <c r="J43094" s="1" t="s">
        <v>147027</v>
      </c>
    </row>
    <row r="43095" spans="1:10" x14ac:dyDescent="0.35">
      <c r="A43095" s="1" t="s">
        <v>4325</v>
      </c>
      <c r="B43095" s="1" t="s">
        <v>146931</v>
      </c>
      <c r="C43095" s="1" t="s">
        <v>150</v>
      </c>
      <c r="D43095" s="1" t="s">
        <v>147028</v>
      </c>
      <c r="E43095" s="1" t="s">
        <v>147029</v>
      </c>
      <c r="F43095" s="1" t="s">
        <v>147030</v>
      </c>
      <c r="G43095" s="1" t="s">
        <v>146934</v>
      </c>
      <c r="H43095" s="1" t="s">
        <v>146935</v>
      </c>
      <c r="I43095" s="1" t="s">
        <v>146936</v>
      </c>
      <c r="J43095" s="1" t="s">
        <v>147031</v>
      </c>
    </row>
    <row r="43096" spans="1:10" x14ac:dyDescent="0.35">
      <c r="A43096" s="1" t="s">
        <v>4325</v>
      </c>
      <c r="B43096" s="1" t="s">
        <v>146931</v>
      </c>
      <c r="C43096" s="1" t="s">
        <v>155</v>
      </c>
      <c r="D43096" s="1" t="s">
        <v>147032</v>
      </c>
      <c r="E43096" s="1" t="s">
        <v>147033</v>
      </c>
      <c r="F43096" s="1" t="s">
        <v>147034</v>
      </c>
      <c r="G43096" s="1" t="s">
        <v>146934</v>
      </c>
      <c r="H43096" s="1" t="s">
        <v>146935</v>
      </c>
      <c r="I43096" s="1" t="s">
        <v>146936</v>
      </c>
      <c r="J43096" s="1" t="s">
        <v>147035</v>
      </c>
    </row>
    <row r="43097" spans="1:10" x14ac:dyDescent="0.35">
      <c r="A43097" s="1" t="s">
        <v>4325</v>
      </c>
      <c r="B43097" s="1" t="s">
        <v>146931</v>
      </c>
      <c r="C43097" s="1" t="s">
        <v>160</v>
      </c>
      <c r="D43097" s="1" t="s">
        <v>147036</v>
      </c>
      <c r="E43097" s="1" t="s">
        <v>147037</v>
      </c>
      <c r="F43097" s="1" t="s">
        <v>147038</v>
      </c>
      <c r="G43097" s="1" t="s">
        <v>146934</v>
      </c>
      <c r="H43097" s="1" t="s">
        <v>146935</v>
      </c>
      <c r="I43097" s="1" t="s">
        <v>146936</v>
      </c>
      <c r="J43097" s="1" t="s">
        <v>147039</v>
      </c>
    </row>
    <row r="43098" spans="1:10" x14ac:dyDescent="0.35">
      <c r="A43098" s="1" t="s">
        <v>4325</v>
      </c>
      <c r="B43098" s="1" t="s">
        <v>146931</v>
      </c>
      <c r="C43098" s="1" t="s">
        <v>165</v>
      </c>
      <c r="D43098" s="1" t="s">
        <v>147040</v>
      </c>
      <c r="E43098" s="1" t="s">
        <v>147041</v>
      </c>
      <c r="F43098" s="1" t="s">
        <v>147042</v>
      </c>
      <c r="G43098" s="1" t="s">
        <v>146934</v>
      </c>
      <c r="H43098" s="1" t="s">
        <v>146935</v>
      </c>
      <c r="I43098" s="1" t="s">
        <v>146936</v>
      </c>
      <c r="J43098" s="1" t="s">
        <v>147043</v>
      </c>
    </row>
    <row r="43099" spans="1:10" x14ac:dyDescent="0.35">
      <c r="A43099" s="1" t="s">
        <v>4325</v>
      </c>
      <c r="B43099" s="1" t="s">
        <v>146931</v>
      </c>
      <c r="C43099" s="1" t="s">
        <v>170</v>
      </c>
      <c r="D43099" s="1" t="s">
        <v>41424</v>
      </c>
      <c r="E43099" s="1" t="s">
        <v>147044</v>
      </c>
      <c r="F43099" s="1" t="s">
        <v>147045</v>
      </c>
      <c r="G43099" s="1" t="s">
        <v>146934</v>
      </c>
      <c r="H43099" s="1" t="s">
        <v>146935</v>
      </c>
      <c r="I43099" s="1" t="s">
        <v>146936</v>
      </c>
      <c r="J43099" s="1" t="s">
        <v>147046</v>
      </c>
    </row>
    <row r="43100" spans="1:10" x14ac:dyDescent="0.35">
      <c r="A43100" s="1" t="s">
        <v>4488</v>
      </c>
      <c r="B43100" s="1" t="s">
        <v>146931</v>
      </c>
      <c r="C43100" s="1" t="s">
        <v>8</v>
      </c>
      <c r="D43100" s="1" t="s">
        <v>43387</v>
      </c>
      <c r="E43100" s="1" t="s">
        <v>147047</v>
      </c>
      <c r="F43100" s="1" t="s">
        <v>147048</v>
      </c>
      <c r="G43100" s="1" t="s">
        <v>147049</v>
      </c>
      <c r="H43100" s="1" t="s">
        <v>147050</v>
      </c>
      <c r="I43100" s="1" t="s">
        <v>146936</v>
      </c>
      <c r="J43100" s="1" t="s">
        <v>13</v>
      </c>
    </row>
    <row r="43101" spans="1:10" x14ac:dyDescent="0.35">
      <c r="A43101" s="1" t="s">
        <v>4488</v>
      </c>
      <c r="B43101" s="1" t="s">
        <v>146931</v>
      </c>
      <c r="C43101" s="1" t="s">
        <v>15</v>
      </c>
      <c r="D43101" s="1" t="s">
        <v>147051</v>
      </c>
      <c r="E43101" s="1" t="s">
        <v>147052</v>
      </c>
      <c r="F43101" s="1" t="s">
        <v>147053</v>
      </c>
      <c r="G43101" s="1" t="s">
        <v>147049</v>
      </c>
      <c r="H43101" s="1" t="s">
        <v>147050</v>
      </c>
      <c r="I43101" s="1" t="s">
        <v>146936</v>
      </c>
      <c r="J43101" s="1" t="s">
        <v>147054</v>
      </c>
    </row>
    <row r="43102" spans="1:10" x14ac:dyDescent="0.35">
      <c r="A43102" s="1" t="s">
        <v>4488</v>
      </c>
      <c r="B43102" s="1" t="s">
        <v>146931</v>
      </c>
      <c r="C43102" s="1" t="s">
        <v>20</v>
      </c>
      <c r="D43102" s="1" t="s">
        <v>147055</v>
      </c>
      <c r="E43102" s="1" t="s">
        <v>147056</v>
      </c>
      <c r="F43102" s="1" t="s">
        <v>147057</v>
      </c>
      <c r="G43102" s="1" t="s">
        <v>147049</v>
      </c>
      <c r="H43102" s="1" t="s">
        <v>147050</v>
      </c>
      <c r="I43102" s="1" t="s">
        <v>146936</v>
      </c>
      <c r="J43102" s="1" t="s">
        <v>147058</v>
      </c>
    </row>
    <row r="43103" spans="1:10" x14ac:dyDescent="0.35">
      <c r="A43103" s="1" t="s">
        <v>4488</v>
      </c>
      <c r="B43103" s="1" t="s">
        <v>146931</v>
      </c>
      <c r="C43103" s="1" t="s">
        <v>25</v>
      </c>
      <c r="D43103" s="1" t="s">
        <v>9444</v>
      </c>
      <c r="E43103" s="1" t="s">
        <v>147059</v>
      </c>
      <c r="F43103" s="1" t="s">
        <v>147060</v>
      </c>
      <c r="G43103" s="1" t="s">
        <v>147049</v>
      </c>
      <c r="H43103" s="1" t="s">
        <v>147050</v>
      </c>
      <c r="I43103" s="1" t="s">
        <v>146936</v>
      </c>
      <c r="J43103" s="1" t="s">
        <v>147061</v>
      </c>
    </row>
    <row r="43104" spans="1:10" x14ac:dyDescent="0.35">
      <c r="A43104" s="1" t="s">
        <v>4488</v>
      </c>
      <c r="B43104" s="1" t="s">
        <v>146931</v>
      </c>
      <c r="C43104" s="1" t="s">
        <v>30</v>
      </c>
      <c r="D43104" s="1" t="s">
        <v>147062</v>
      </c>
      <c r="E43104" s="1" t="s">
        <v>147063</v>
      </c>
      <c r="F43104" s="1" t="s">
        <v>147064</v>
      </c>
      <c r="G43104" s="1" t="s">
        <v>147049</v>
      </c>
      <c r="H43104" s="1" t="s">
        <v>147050</v>
      </c>
      <c r="I43104" s="1" t="s">
        <v>146936</v>
      </c>
      <c r="J43104" s="1" t="s">
        <v>147065</v>
      </c>
    </row>
    <row r="43105" spans="1:10" x14ac:dyDescent="0.35">
      <c r="A43105" s="1" t="s">
        <v>4488</v>
      </c>
      <c r="B43105" s="1" t="s">
        <v>146931</v>
      </c>
      <c r="C43105" s="1" t="s">
        <v>35</v>
      </c>
      <c r="D43105" s="1" t="s">
        <v>147066</v>
      </c>
      <c r="E43105" s="1" t="s">
        <v>147067</v>
      </c>
      <c r="F43105" s="1" t="s">
        <v>147068</v>
      </c>
      <c r="G43105" s="1" t="s">
        <v>147049</v>
      </c>
      <c r="H43105" s="1" t="s">
        <v>147050</v>
      </c>
      <c r="I43105" s="1" t="s">
        <v>146936</v>
      </c>
      <c r="J43105" s="1" t="s">
        <v>147069</v>
      </c>
    </row>
    <row r="43106" spans="1:10" x14ac:dyDescent="0.35">
      <c r="A43106" s="1" t="s">
        <v>4488</v>
      </c>
      <c r="B43106" s="1" t="s">
        <v>146931</v>
      </c>
      <c r="C43106" s="1" t="s">
        <v>40</v>
      </c>
      <c r="D43106" s="1" t="s">
        <v>147070</v>
      </c>
      <c r="E43106" s="1" t="s">
        <v>147071</v>
      </c>
      <c r="F43106" s="1" t="s">
        <v>147072</v>
      </c>
      <c r="G43106" s="1" t="s">
        <v>147049</v>
      </c>
      <c r="H43106" s="1" t="s">
        <v>147050</v>
      </c>
      <c r="I43106" s="1" t="s">
        <v>146936</v>
      </c>
      <c r="J43106" s="1" t="s">
        <v>147073</v>
      </c>
    </row>
    <row r="43107" spans="1:10" x14ac:dyDescent="0.35">
      <c r="A43107" s="1" t="s">
        <v>4488</v>
      </c>
      <c r="B43107" s="1" t="s">
        <v>146931</v>
      </c>
      <c r="C43107" s="1" t="s">
        <v>45</v>
      </c>
      <c r="D43107" s="1" t="s">
        <v>22009</v>
      </c>
      <c r="E43107" s="1" t="s">
        <v>147074</v>
      </c>
      <c r="F43107" s="1" t="s">
        <v>147075</v>
      </c>
      <c r="G43107" s="1" t="s">
        <v>147049</v>
      </c>
      <c r="H43107" s="1" t="s">
        <v>147050</v>
      </c>
      <c r="I43107" s="1" t="s">
        <v>146936</v>
      </c>
      <c r="J43107" s="1" t="s">
        <v>147076</v>
      </c>
    </row>
    <row r="43108" spans="1:10" x14ac:dyDescent="0.35">
      <c r="A43108" s="1" t="s">
        <v>4488</v>
      </c>
      <c r="B43108" s="1" t="s">
        <v>146931</v>
      </c>
      <c r="C43108" s="1" t="s">
        <v>50</v>
      </c>
      <c r="D43108" s="1" t="s">
        <v>147077</v>
      </c>
      <c r="E43108" s="1" t="s">
        <v>147078</v>
      </c>
      <c r="F43108" s="1" t="s">
        <v>147079</v>
      </c>
      <c r="G43108" s="1" t="s">
        <v>147049</v>
      </c>
      <c r="H43108" s="1" t="s">
        <v>147050</v>
      </c>
      <c r="I43108" s="1" t="s">
        <v>146936</v>
      </c>
      <c r="J43108" s="1" t="s">
        <v>147080</v>
      </c>
    </row>
    <row r="43109" spans="1:10" x14ac:dyDescent="0.35">
      <c r="A43109" s="1" t="s">
        <v>4488</v>
      </c>
      <c r="B43109" s="1" t="s">
        <v>146931</v>
      </c>
      <c r="C43109" s="1" t="s">
        <v>55</v>
      </c>
      <c r="D43109" s="1" t="s">
        <v>86171</v>
      </c>
      <c r="E43109" s="1" t="s">
        <v>147081</v>
      </c>
      <c r="F43109" s="1" t="s">
        <v>147082</v>
      </c>
      <c r="G43109" s="1" t="s">
        <v>147049</v>
      </c>
      <c r="H43109" s="1" t="s">
        <v>147050</v>
      </c>
      <c r="I43109" s="1" t="s">
        <v>146936</v>
      </c>
      <c r="J43109" s="1" t="s">
        <v>147083</v>
      </c>
    </row>
    <row r="43110" spans="1:10" x14ac:dyDescent="0.35">
      <c r="A43110" s="1" t="s">
        <v>4488</v>
      </c>
      <c r="B43110" s="1" t="s">
        <v>146931</v>
      </c>
      <c r="C43110" s="1" t="s">
        <v>60</v>
      </c>
      <c r="D43110" s="1" t="s">
        <v>62829</v>
      </c>
      <c r="E43110" s="1" t="s">
        <v>147084</v>
      </c>
      <c r="F43110" s="1" t="s">
        <v>147085</v>
      </c>
      <c r="G43110" s="1" t="s">
        <v>147049</v>
      </c>
      <c r="H43110" s="1" t="s">
        <v>147050</v>
      </c>
      <c r="I43110" s="1" t="s">
        <v>146936</v>
      </c>
      <c r="J43110" s="1" t="s">
        <v>147086</v>
      </c>
    </row>
    <row r="43111" spans="1:10" x14ac:dyDescent="0.35">
      <c r="A43111" s="1" t="s">
        <v>4488</v>
      </c>
      <c r="B43111" s="1" t="s">
        <v>146931</v>
      </c>
      <c r="C43111" s="1" t="s">
        <v>65</v>
      </c>
      <c r="D43111" s="1" t="s">
        <v>147087</v>
      </c>
      <c r="E43111" s="1" t="s">
        <v>147088</v>
      </c>
      <c r="F43111" s="1" t="s">
        <v>147089</v>
      </c>
      <c r="G43111" s="1" t="s">
        <v>147049</v>
      </c>
      <c r="H43111" s="1" t="s">
        <v>147050</v>
      </c>
      <c r="I43111" s="1" t="s">
        <v>146936</v>
      </c>
      <c r="J43111" s="1" t="s">
        <v>147090</v>
      </c>
    </row>
    <row r="43112" spans="1:10" x14ac:dyDescent="0.35">
      <c r="A43112" s="1" t="s">
        <v>4488</v>
      </c>
      <c r="B43112" s="1" t="s">
        <v>146931</v>
      </c>
      <c r="C43112" s="1" t="s">
        <v>70</v>
      </c>
      <c r="D43112" s="1" t="s">
        <v>147091</v>
      </c>
      <c r="E43112" s="1" t="s">
        <v>147092</v>
      </c>
      <c r="F43112" s="1" t="s">
        <v>147093</v>
      </c>
      <c r="G43112" s="1" t="s">
        <v>147049</v>
      </c>
      <c r="H43112" s="1" t="s">
        <v>147050</v>
      </c>
      <c r="I43112" s="1" t="s">
        <v>146936</v>
      </c>
      <c r="J43112" s="1" t="s">
        <v>147094</v>
      </c>
    </row>
    <row r="43113" spans="1:10" x14ac:dyDescent="0.35">
      <c r="A43113" s="1" t="s">
        <v>4488</v>
      </c>
      <c r="B43113" s="1" t="s">
        <v>146931</v>
      </c>
      <c r="C43113" s="1" t="s">
        <v>75</v>
      </c>
      <c r="D43113" s="1" t="s">
        <v>147095</v>
      </c>
      <c r="E43113" s="1" t="s">
        <v>147096</v>
      </c>
      <c r="F43113" s="1" t="s">
        <v>147097</v>
      </c>
      <c r="G43113" s="1" t="s">
        <v>147049</v>
      </c>
      <c r="H43113" s="1" t="s">
        <v>147050</v>
      </c>
      <c r="I43113" s="1" t="s">
        <v>146936</v>
      </c>
      <c r="J43113" s="1" t="s">
        <v>147098</v>
      </c>
    </row>
    <row r="43114" spans="1:10" x14ac:dyDescent="0.35">
      <c r="A43114" s="1" t="s">
        <v>4488</v>
      </c>
      <c r="B43114" s="1" t="s">
        <v>146931</v>
      </c>
      <c r="C43114" s="1" t="s">
        <v>80</v>
      </c>
      <c r="D43114" s="1" t="s">
        <v>129726</v>
      </c>
      <c r="E43114" s="1" t="s">
        <v>147099</v>
      </c>
      <c r="F43114" s="1" t="s">
        <v>147100</v>
      </c>
      <c r="G43114" s="1" t="s">
        <v>147049</v>
      </c>
      <c r="H43114" s="1" t="s">
        <v>147050</v>
      </c>
      <c r="I43114" s="1" t="s">
        <v>146936</v>
      </c>
      <c r="J43114" s="1" t="s">
        <v>147101</v>
      </c>
    </row>
    <row r="43115" spans="1:10" x14ac:dyDescent="0.35">
      <c r="A43115" s="1" t="s">
        <v>4488</v>
      </c>
      <c r="B43115" s="1" t="s">
        <v>146931</v>
      </c>
      <c r="C43115" s="1" t="s">
        <v>85</v>
      </c>
      <c r="D43115" s="1" t="s">
        <v>129407</v>
      </c>
      <c r="E43115" s="1" t="s">
        <v>147102</v>
      </c>
      <c r="F43115" s="1" t="s">
        <v>147103</v>
      </c>
      <c r="G43115" s="1" t="s">
        <v>147049</v>
      </c>
      <c r="H43115" s="1" t="s">
        <v>147050</v>
      </c>
      <c r="I43115" s="1" t="s">
        <v>146936</v>
      </c>
      <c r="J43115" s="1" t="s">
        <v>147104</v>
      </c>
    </row>
    <row r="43116" spans="1:10" x14ac:dyDescent="0.35">
      <c r="A43116" s="1" t="s">
        <v>4488</v>
      </c>
      <c r="B43116" s="1" t="s">
        <v>146931</v>
      </c>
      <c r="C43116" s="1" t="s">
        <v>90</v>
      </c>
      <c r="D43116" s="1" t="s">
        <v>27073</v>
      </c>
      <c r="E43116" s="1" t="s">
        <v>147105</v>
      </c>
      <c r="F43116" s="1" t="s">
        <v>147106</v>
      </c>
      <c r="G43116" s="1" t="s">
        <v>147049</v>
      </c>
      <c r="H43116" s="1" t="s">
        <v>147050</v>
      </c>
      <c r="I43116" s="1" t="s">
        <v>146936</v>
      </c>
      <c r="J43116" s="1" t="s">
        <v>147107</v>
      </c>
    </row>
    <row r="43117" spans="1:10" x14ac:dyDescent="0.35">
      <c r="A43117" s="1" t="s">
        <v>4488</v>
      </c>
      <c r="B43117" s="1" t="s">
        <v>146931</v>
      </c>
      <c r="C43117" s="1" t="s">
        <v>95</v>
      </c>
      <c r="D43117" s="1" t="s">
        <v>147108</v>
      </c>
      <c r="E43117" s="1" t="s">
        <v>147109</v>
      </c>
      <c r="F43117" s="1" t="s">
        <v>147110</v>
      </c>
      <c r="G43117" s="1" t="s">
        <v>147049</v>
      </c>
      <c r="H43117" s="1" t="s">
        <v>147050</v>
      </c>
      <c r="I43117" s="1" t="s">
        <v>146936</v>
      </c>
      <c r="J43117" s="1" t="s">
        <v>147111</v>
      </c>
    </row>
    <row r="43118" spans="1:10" x14ac:dyDescent="0.35">
      <c r="A43118" s="1" t="s">
        <v>4488</v>
      </c>
      <c r="B43118" s="1" t="s">
        <v>146931</v>
      </c>
      <c r="C43118" s="1" t="s">
        <v>100</v>
      </c>
      <c r="D43118" s="1" t="s">
        <v>147112</v>
      </c>
      <c r="E43118" s="1" t="s">
        <v>147113</v>
      </c>
      <c r="F43118" s="1" t="s">
        <v>147114</v>
      </c>
      <c r="G43118" s="1" t="s">
        <v>147049</v>
      </c>
      <c r="H43118" s="1" t="s">
        <v>147050</v>
      </c>
      <c r="I43118" s="1" t="s">
        <v>146936</v>
      </c>
      <c r="J43118" s="1" t="s">
        <v>147115</v>
      </c>
    </row>
    <row r="43119" spans="1:10" x14ac:dyDescent="0.35">
      <c r="A43119" s="1" t="s">
        <v>4488</v>
      </c>
      <c r="B43119" s="1" t="s">
        <v>146931</v>
      </c>
      <c r="C43119" s="1" t="s">
        <v>105</v>
      </c>
      <c r="D43119" s="1" t="s">
        <v>147116</v>
      </c>
      <c r="E43119" s="1" t="s">
        <v>147117</v>
      </c>
      <c r="F43119" s="1" t="s">
        <v>147118</v>
      </c>
      <c r="G43119" s="1" t="s">
        <v>147049</v>
      </c>
      <c r="H43119" s="1" t="s">
        <v>147050</v>
      </c>
      <c r="I43119" s="1" t="s">
        <v>146936</v>
      </c>
      <c r="J43119" s="1" t="s">
        <v>147119</v>
      </c>
    </row>
    <row r="43120" spans="1:10" x14ac:dyDescent="0.35">
      <c r="A43120" s="1" t="s">
        <v>4488</v>
      </c>
      <c r="B43120" s="1" t="s">
        <v>146931</v>
      </c>
      <c r="C43120" s="1" t="s">
        <v>110</v>
      </c>
      <c r="D43120" s="1" t="s">
        <v>147120</v>
      </c>
      <c r="E43120" s="1" t="s">
        <v>147121</v>
      </c>
      <c r="F43120" s="1" t="s">
        <v>147122</v>
      </c>
      <c r="G43120" s="1" t="s">
        <v>147049</v>
      </c>
      <c r="H43120" s="1" t="s">
        <v>147050</v>
      </c>
      <c r="I43120" s="1" t="s">
        <v>146936</v>
      </c>
      <c r="J43120" s="1" t="s">
        <v>147123</v>
      </c>
    </row>
    <row r="43121" spans="1:10" x14ac:dyDescent="0.35">
      <c r="A43121" s="1" t="s">
        <v>4488</v>
      </c>
      <c r="B43121" s="1" t="s">
        <v>146931</v>
      </c>
      <c r="C43121" s="1" t="s">
        <v>115</v>
      </c>
      <c r="D43121" s="1" t="s">
        <v>147124</v>
      </c>
      <c r="E43121" s="1" t="s">
        <v>147125</v>
      </c>
      <c r="F43121" s="1" t="s">
        <v>147126</v>
      </c>
      <c r="G43121" s="1" t="s">
        <v>147049</v>
      </c>
      <c r="H43121" s="1" t="s">
        <v>147050</v>
      </c>
      <c r="I43121" s="1" t="s">
        <v>146936</v>
      </c>
      <c r="J43121" s="1" t="s">
        <v>147127</v>
      </c>
    </row>
    <row r="43122" spans="1:10" x14ac:dyDescent="0.35">
      <c r="A43122" s="1" t="s">
        <v>4488</v>
      </c>
      <c r="B43122" s="1" t="s">
        <v>146931</v>
      </c>
      <c r="C43122" s="1" t="s">
        <v>120</v>
      </c>
      <c r="D43122" s="1" t="s">
        <v>147128</v>
      </c>
      <c r="E43122" s="1" t="s">
        <v>147129</v>
      </c>
      <c r="F43122" s="1" t="s">
        <v>147130</v>
      </c>
      <c r="G43122" s="1" t="s">
        <v>147049</v>
      </c>
      <c r="H43122" s="1" t="s">
        <v>147050</v>
      </c>
      <c r="I43122" s="1" t="s">
        <v>146936</v>
      </c>
      <c r="J43122" s="1" t="s">
        <v>147131</v>
      </c>
    </row>
    <row r="43123" spans="1:10" x14ac:dyDescent="0.35">
      <c r="A43123" s="1" t="s">
        <v>4488</v>
      </c>
      <c r="B43123" s="1" t="s">
        <v>146931</v>
      </c>
      <c r="C43123" s="1" t="s">
        <v>125</v>
      </c>
      <c r="D43123" s="1" t="s">
        <v>147132</v>
      </c>
      <c r="E43123" s="1" t="s">
        <v>147133</v>
      </c>
      <c r="F43123" s="1" t="s">
        <v>147134</v>
      </c>
      <c r="G43123" s="1" t="s">
        <v>147049</v>
      </c>
      <c r="H43123" s="1" t="s">
        <v>147050</v>
      </c>
      <c r="I43123" s="1" t="s">
        <v>146936</v>
      </c>
      <c r="J43123" s="1" t="s">
        <v>147135</v>
      </c>
    </row>
    <row r="43124" spans="1:10" x14ac:dyDescent="0.35">
      <c r="A43124" s="1" t="s">
        <v>4488</v>
      </c>
      <c r="B43124" s="1" t="s">
        <v>146931</v>
      </c>
      <c r="C43124" s="1" t="s">
        <v>130</v>
      </c>
      <c r="D43124" s="1" t="s">
        <v>147136</v>
      </c>
      <c r="E43124" s="1" t="s">
        <v>147137</v>
      </c>
      <c r="F43124" s="1" t="s">
        <v>147138</v>
      </c>
      <c r="G43124" s="1" t="s">
        <v>147049</v>
      </c>
      <c r="H43124" s="1" t="s">
        <v>147050</v>
      </c>
      <c r="I43124" s="1" t="s">
        <v>146936</v>
      </c>
      <c r="J43124" s="1" t="s">
        <v>147139</v>
      </c>
    </row>
    <row r="43125" spans="1:10" x14ac:dyDescent="0.35">
      <c r="A43125" s="1" t="s">
        <v>4488</v>
      </c>
      <c r="B43125" s="1" t="s">
        <v>146931</v>
      </c>
      <c r="C43125" s="1" t="s">
        <v>135</v>
      </c>
      <c r="D43125" s="1" t="s">
        <v>147140</v>
      </c>
      <c r="E43125" s="1" t="s">
        <v>147141</v>
      </c>
      <c r="F43125" s="1" t="s">
        <v>147142</v>
      </c>
      <c r="G43125" s="1" t="s">
        <v>147049</v>
      </c>
      <c r="H43125" s="1" t="s">
        <v>147050</v>
      </c>
      <c r="I43125" s="1" t="s">
        <v>146936</v>
      </c>
      <c r="J43125" s="1" t="s">
        <v>147143</v>
      </c>
    </row>
    <row r="43126" spans="1:10" x14ac:dyDescent="0.35">
      <c r="A43126" s="1" t="s">
        <v>4488</v>
      </c>
      <c r="B43126" s="1" t="s">
        <v>146931</v>
      </c>
      <c r="C43126" s="1" t="s">
        <v>140</v>
      </c>
      <c r="D43126" s="1" t="s">
        <v>147144</v>
      </c>
      <c r="E43126" s="1" t="s">
        <v>147145</v>
      </c>
      <c r="F43126" s="1" t="s">
        <v>147146</v>
      </c>
      <c r="G43126" s="1" t="s">
        <v>147049</v>
      </c>
      <c r="H43126" s="1" t="s">
        <v>147050</v>
      </c>
      <c r="I43126" s="1" t="s">
        <v>146936</v>
      </c>
      <c r="J43126" s="1" t="s">
        <v>147147</v>
      </c>
    </row>
    <row r="43127" spans="1:10" x14ac:dyDescent="0.35">
      <c r="A43127" s="1" t="s">
        <v>4488</v>
      </c>
      <c r="B43127" s="1" t="s">
        <v>146931</v>
      </c>
      <c r="C43127" s="1" t="s">
        <v>145</v>
      </c>
      <c r="D43127" s="1" t="s">
        <v>147148</v>
      </c>
      <c r="E43127" s="1" t="s">
        <v>147149</v>
      </c>
      <c r="F43127" s="1" t="s">
        <v>147150</v>
      </c>
      <c r="G43127" s="1" t="s">
        <v>147049</v>
      </c>
      <c r="H43127" s="1" t="s">
        <v>147050</v>
      </c>
      <c r="I43127" s="1" t="s">
        <v>146936</v>
      </c>
      <c r="J43127" s="1" t="s">
        <v>147151</v>
      </c>
    </row>
    <row r="43128" spans="1:10" x14ac:dyDescent="0.35">
      <c r="A43128" s="1" t="s">
        <v>4488</v>
      </c>
      <c r="B43128" s="1" t="s">
        <v>146931</v>
      </c>
      <c r="C43128" s="1" t="s">
        <v>150</v>
      </c>
      <c r="D43128" s="1" t="s">
        <v>147152</v>
      </c>
      <c r="E43128" s="1" t="s">
        <v>147153</v>
      </c>
      <c r="F43128" s="1" t="s">
        <v>147154</v>
      </c>
      <c r="G43128" s="1" t="s">
        <v>147049</v>
      </c>
      <c r="H43128" s="1" t="s">
        <v>147050</v>
      </c>
      <c r="I43128" s="1" t="s">
        <v>146936</v>
      </c>
      <c r="J43128" s="1" t="s">
        <v>147155</v>
      </c>
    </row>
    <row r="43129" spans="1:10" x14ac:dyDescent="0.35">
      <c r="A43129" s="1" t="s">
        <v>4488</v>
      </c>
      <c r="B43129" s="1" t="s">
        <v>146931</v>
      </c>
      <c r="C43129" s="1" t="s">
        <v>155</v>
      </c>
      <c r="D43129" s="1" t="s">
        <v>147156</v>
      </c>
      <c r="E43129" s="1" t="s">
        <v>147157</v>
      </c>
      <c r="F43129" s="1" t="s">
        <v>147158</v>
      </c>
      <c r="G43129" s="1" t="s">
        <v>147049</v>
      </c>
      <c r="H43129" s="1" t="s">
        <v>147050</v>
      </c>
      <c r="I43129" s="1" t="s">
        <v>146936</v>
      </c>
      <c r="J43129" s="1" t="s">
        <v>147159</v>
      </c>
    </row>
    <row r="43130" spans="1:10" x14ac:dyDescent="0.35">
      <c r="A43130" s="1" t="s">
        <v>4488</v>
      </c>
      <c r="B43130" s="1" t="s">
        <v>146931</v>
      </c>
      <c r="C43130" s="1" t="s">
        <v>160</v>
      </c>
      <c r="D43130" s="1" t="s">
        <v>147160</v>
      </c>
      <c r="E43130" s="1" t="s">
        <v>147161</v>
      </c>
      <c r="F43130" s="1" t="s">
        <v>147162</v>
      </c>
      <c r="G43130" s="1" t="s">
        <v>147049</v>
      </c>
      <c r="H43130" s="1" t="s">
        <v>147050</v>
      </c>
      <c r="I43130" s="1" t="s">
        <v>146936</v>
      </c>
      <c r="J43130" s="1" t="s">
        <v>147163</v>
      </c>
    </row>
    <row r="43131" spans="1:10" x14ac:dyDescent="0.35">
      <c r="A43131" s="1" t="s">
        <v>4488</v>
      </c>
      <c r="B43131" s="1" t="s">
        <v>146931</v>
      </c>
      <c r="C43131" s="1" t="s">
        <v>165</v>
      </c>
      <c r="D43131" s="1" t="s">
        <v>147164</v>
      </c>
      <c r="E43131" s="1" t="s">
        <v>147165</v>
      </c>
      <c r="F43131" s="1" t="s">
        <v>147166</v>
      </c>
      <c r="G43131" s="1" t="s">
        <v>147049</v>
      </c>
      <c r="H43131" s="1" t="s">
        <v>147050</v>
      </c>
      <c r="I43131" s="1" t="s">
        <v>146936</v>
      </c>
      <c r="J43131" s="1" t="s">
        <v>147167</v>
      </c>
    </row>
    <row r="43132" spans="1:10" x14ac:dyDescent="0.35">
      <c r="A43132" s="1" t="s">
        <v>4488</v>
      </c>
      <c r="B43132" s="1" t="s">
        <v>146931</v>
      </c>
      <c r="C43132" s="1" t="s">
        <v>170</v>
      </c>
      <c r="D43132" s="1" t="s">
        <v>147168</v>
      </c>
      <c r="E43132" s="1" t="s">
        <v>147169</v>
      </c>
      <c r="F43132" s="1" t="s">
        <v>147170</v>
      </c>
      <c r="G43132" s="1" t="s">
        <v>147049</v>
      </c>
      <c r="H43132" s="1" t="s">
        <v>147050</v>
      </c>
      <c r="I43132" s="1" t="s">
        <v>146936</v>
      </c>
      <c r="J43132" s="1" t="s">
        <v>147171</v>
      </c>
    </row>
    <row r="43133" spans="1:10" x14ac:dyDescent="0.35">
      <c r="A43133" s="1" t="s">
        <v>25710</v>
      </c>
      <c r="B43133" s="1" t="s">
        <v>146931</v>
      </c>
      <c r="C43133" s="1" t="s">
        <v>8</v>
      </c>
      <c r="D43133" s="1" t="s">
        <v>147172</v>
      </c>
      <c r="E43133" s="1" t="s">
        <v>147173</v>
      </c>
      <c r="F43133" s="1" t="s">
        <v>147174</v>
      </c>
      <c r="G43133" s="1" t="s">
        <v>147175</v>
      </c>
      <c r="H43133" s="1" t="s">
        <v>147176</v>
      </c>
      <c r="I43133" s="1" t="s">
        <v>146936</v>
      </c>
      <c r="J43133" s="1" t="s">
        <v>13</v>
      </c>
    </row>
    <row r="43134" spans="1:10" x14ac:dyDescent="0.35">
      <c r="A43134" s="1" t="s">
        <v>25710</v>
      </c>
      <c r="B43134" s="1" t="s">
        <v>146931</v>
      </c>
      <c r="C43134" s="1" t="s">
        <v>15</v>
      </c>
      <c r="D43134" s="1" t="s">
        <v>147177</v>
      </c>
      <c r="E43134" s="1" t="s">
        <v>147178</v>
      </c>
      <c r="F43134" s="1" t="s">
        <v>147179</v>
      </c>
      <c r="G43134" s="1" t="s">
        <v>147175</v>
      </c>
      <c r="H43134" s="1" t="s">
        <v>147176</v>
      </c>
      <c r="I43134" s="1" t="s">
        <v>146936</v>
      </c>
      <c r="J43134" s="1" t="s">
        <v>147180</v>
      </c>
    </row>
    <row r="43135" spans="1:10" x14ac:dyDescent="0.35">
      <c r="A43135" s="1" t="s">
        <v>25710</v>
      </c>
      <c r="B43135" s="1" t="s">
        <v>146931</v>
      </c>
      <c r="C43135" s="1" t="s">
        <v>20</v>
      </c>
      <c r="D43135" s="1" t="s">
        <v>147181</v>
      </c>
      <c r="E43135" s="1" t="s">
        <v>147182</v>
      </c>
      <c r="F43135" s="1" t="s">
        <v>147183</v>
      </c>
      <c r="G43135" s="1" t="s">
        <v>147175</v>
      </c>
      <c r="H43135" s="1" t="s">
        <v>147176</v>
      </c>
      <c r="I43135" s="1" t="s">
        <v>146936</v>
      </c>
      <c r="J43135" s="1" t="s">
        <v>147184</v>
      </c>
    </row>
    <row r="43136" spans="1:10" x14ac:dyDescent="0.35">
      <c r="A43136" s="1" t="s">
        <v>25710</v>
      </c>
      <c r="B43136" s="1" t="s">
        <v>146931</v>
      </c>
      <c r="C43136" s="1" t="s">
        <v>25</v>
      </c>
      <c r="D43136" s="1" t="s">
        <v>147185</v>
      </c>
      <c r="E43136" s="1" t="s">
        <v>147186</v>
      </c>
      <c r="F43136" s="1" t="s">
        <v>147187</v>
      </c>
      <c r="G43136" s="1" t="s">
        <v>147175</v>
      </c>
      <c r="H43136" s="1" t="s">
        <v>147176</v>
      </c>
      <c r="I43136" s="1" t="s">
        <v>146936</v>
      </c>
      <c r="J43136" s="1" t="s">
        <v>147188</v>
      </c>
    </row>
    <row r="43137" spans="1:10" x14ac:dyDescent="0.35">
      <c r="A43137" s="1" t="s">
        <v>25710</v>
      </c>
      <c r="B43137" s="1" t="s">
        <v>146931</v>
      </c>
      <c r="C43137" s="1" t="s">
        <v>30</v>
      </c>
      <c r="D43137" s="1" t="s">
        <v>135083</v>
      </c>
      <c r="E43137" s="1" t="s">
        <v>147189</v>
      </c>
      <c r="F43137" s="1" t="s">
        <v>147190</v>
      </c>
      <c r="G43137" s="1" t="s">
        <v>147175</v>
      </c>
      <c r="H43137" s="1" t="s">
        <v>147176</v>
      </c>
      <c r="I43137" s="1" t="s">
        <v>146936</v>
      </c>
      <c r="J43137" s="1" t="s">
        <v>147191</v>
      </c>
    </row>
    <row r="43138" spans="1:10" x14ac:dyDescent="0.35">
      <c r="A43138" s="1" t="s">
        <v>25710</v>
      </c>
      <c r="B43138" s="1" t="s">
        <v>146931</v>
      </c>
      <c r="C43138" s="1" t="s">
        <v>35</v>
      </c>
      <c r="D43138" s="1" t="s">
        <v>3802</v>
      </c>
      <c r="E43138" s="1" t="s">
        <v>147192</v>
      </c>
      <c r="F43138" s="1" t="s">
        <v>147193</v>
      </c>
      <c r="G43138" s="1" t="s">
        <v>147175</v>
      </c>
      <c r="H43138" s="1" t="s">
        <v>147176</v>
      </c>
      <c r="I43138" s="1" t="s">
        <v>146936</v>
      </c>
      <c r="J43138" s="1" t="s">
        <v>147194</v>
      </c>
    </row>
    <row r="43139" spans="1:10" x14ac:dyDescent="0.35">
      <c r="A43139" s="1" t="s">
        <v>25710</v>
      </c>
      <c r="B43139" s="1" t="s">
        <v>146931</v>
      </c>
      <c r="C43139" s="1" t="s">
        <v>40</v>
      </c>
      <c r="D43139" s="1" t="s">
        <v>17494</v>
      </c>
      <c r="E43139" s="1" t="s">
        <v>147195</v>
      </c>
      <c r="F43139" s="1" t="s">
        <v>147196</v>
      </c>
      <c r="G43139" s="1" t="s">
        <v>147175</v>
      </c>
      <c r="H43139" s="1" t="s">
        <v>147176</v>
      </c>
      <c r="I43139" s="1" t="s">
        <v>146936</v>
      </c>
      <c r="J43139" s="1" t="s">
        <v>147197</v>
      </c>
    </row>
    <row r="43140" spans="1:10" x14ac:dyDescent="0.35">
      <c r="A43140" s="1" t="s">
        <v>25710</v>
      </c>
      <c r="B43140" s="1" t="s">
        <v>146931</v>
      </c>
      <c r="C43140" s="1" t="s">
        <v>45</v>
      </c>
      <c r="D43140" s="1" t="s">
        <v>147198</v>
      </c>
      <c r="E43140" s="1" t="s">
        <v>147199</v>
      </c>
      <c r="F43140" s="1" t="s">
        <v>147200</v>
      </c>
      <c r="G43140" s="1" t="s">
        <v>147175</v>
      </c>
      <c r="H43140" s="1" t="s">
        <v>147176</v>
      </c>
      <c r="I43140" s="1" t="s">
        <v>146936</v>
      </c>
      <c r="J43140" s="1" t="s">
        <v>147201</v>
      </c>
    </row>
    <row r="43141" spans="1:10" x14ac:dyDescent="0.35">
      <c r="A43141" s="1" t="s">
        <v>25710</v>
      </c>
      <c r="B43141" s="1" t="s">
        <v>146931</v>
      </c>
      <c r="C43141" s="1" t="s">
        <v>50</v>
      </c>
      <c r="D43141" s="1" t="s">
        <v>3264</v>
      </c>
      <c r="E43141" s="1" t="s">
        <v>147202</v>
      </c>
      <c r="F43141" s="1" t="s">
        <v>147203</v>
      </c>
      <c r="G43141" s="1" t="s">
        <v>147175</v>
      </c>
      <c r="H43141" s="1" t="s">
        <v>147176</v>
      </c>
      <c r="I43141" s="1" t="s">
        <v>146936</v>
      </c>
      <c r="J43141" s="1" t="s">
        <v>147204</v>
      </c>
    </row>
    <row r="43142" spans="1:10" x14ac:dyDescent="0.35">
      <c r="A43142" s="1" t="s">
        <v>25710</v>
      </c>
      <c r="B43142" s="1" t="s">
        <v>146931</v>
      </c>
      <c r="C43142" s="1" t="s">
        <v>55</v>
      </c>
      <c r="D43142" s="1" t="s">
        <v>147205</v>
      </c>
      <c r="E43142" s="1" t="s">
        <v>147206</v>
      </c>
      <c r="F43142" s="1" t="s">
        <v>147207</v>
      </c>
      <c r="G43142" s="1" t="s">
        <v>147175</v>
      </c>
      <c r="H43142" s="1" t="s">
        <v>147176</v>
      </c>
      <c r="I43142" s="1" t="s">
        <v>146936</v>
      </c>
      <c r="J43142" s="1" t="s">
        <v>147208</v>
      </c>
    </row>
    <row r="43143" spans="1:10" x14ac:dyDescent="0.35">
      <c r="A43143" s="1" t="s">
        <v>25710</v>
      </c>
      <c r="B43143" s="1" t="s">
        <v>146931</v>
      </c>
      <c r="C43143" s="1" t="s">
        <v>60</v>
      </c>
      <c r="D43143" s="1" t="s">
        <v>61072</v>
      </c>
      <c r="E43143" s="1" t="s">
        <v>147209</v>
      </c>
      <c r="F43143" s="1" t="s">
        <v>147210</v>
      </c>
      <c r="G43143" s="1" t="s">
        <v>147175</v>
      </c>
      <c r="H43143" s="1" t="s">
        <v>147176</v>
      </c>
      <c r="I43143" s="1" t="s">
        <v>146936</v>
      </c>
      <c r="J43143" s="1" t="s">
        <v>147211</v>
      </c>
    </row>
    <row r="43144" spans="1:10" x14ac:dyDescent="0.35">
      <c r="A43144" s="1" t="s">
        <v>25710</v>
      </c>
      <c r="B43144" s="1" t="s">
        <v>146931</v>
      </c>
      <c r="C43144" s="1" t="s">
        <v>65</v>
      </c>
      <c r="D43144" s="1" t="s">
        <v>147212</v>
      </c>
      <c r="E43144" s="1" t="s">
        <v>147213</v>
      </c>
      <c r="F43144" s="1" t="s">
        <v>147214</v>
      </c>
      <c r="G43144" s="1" t="s">
        <v>147175</v>
      </c>
      <c r="H43144" s="1" t="s">
        <v>147176</v>
      </c>
      <c r="I43144" s="1" t="s">
        <v>146936</v>
      </c>
      <c r="J43144" s="1" t="s">
        <v>147215</v>
      </c>
    </row>
    <row r="43145" spans="1:10" x14ac:dyDescent="0.35">
      <c r="A43145" s="1" t="s">
        <v>25710</v>
      </c>
      <c r="B43145" s="1" t="s">
        <v>146931</v>
      </c>
      <c r="C43145" s="1" t="s">
        <v>70</v>
      </c>
      <c r="D43145" s="1" t="s">
        <v>69283</v>
      </c>
      <c r="E43145" s="1" t="s">
        <v>147216</v>
      </c>
      <c r="F43145" s="1" t="s">
        <v>147217</v>
      </c>
      <c r="G43145" s="1" t="s">
        <v>147175</v>
      </c>
      <c r="H43145" s="1" t="s">
        <v>147176</v>
      </c>
      <c r="I43145" s="1" t="s">
        <v>146936</v>
      </c>
      <c r="J43145" s="1" t="s">
        <v>147218</v>
      </c>
    </row>
    <row r="43146" spans="1:10" x14ac:dyDescent="0.35">
      <c r="A43146" s="1" t="s">
        <v>25710</v>
      </c>
      <c r="B43146" s="1" t="s">
        <v>146931</v>
      </c>
      <c r="C43146" s="1" t="s">
        <v>75</v>
      </c>
      <c r="D43146" s="1" t="s">
        <v>147219</v>
      </c>
      <c r="E43146" s="1" t="s">
        <v>147220</v>
      </c>
      <c r="F43146" s="1" t="s">
        <v>147221</v>
      </c>
      <c r="G43146" s="1" t="s">
        <v>147175</v>
      </c>
      <c r="H43146" s="1" t="s">
        <v>147176</v>
      </c>
      <c r="I43146" s="1" t="s">
        <v>146936</v>
      </c>
      <c r="J43146" s="1" t="s">
        <v>147222</v>
      </c>
    </row>
    <row r="43147" spans="1:10" x14ac:dyDescent="0.35">
      <c r="A43147" s="1" t="s">
        <v>25710</v>
      </c>
      <c r="B43147" s="1" t="s">
        <v>146931</v>
      </c>
      <c r="C43147" s="1" t="s">
        <v>80</v>
      </c>
      <c r="D43147" s="1" t="s">
        <v>147223</v>
      </c>
      <c r="E43147" s="1" t="s">
        <v>147224</v>
      </c>
      <c r="F43147" s="1" t="s">
        <v>147225</v>
      </c>
      <c r="G43147" s="1" t="s">
        <v>147175</v>
      </c>
      <c r="H43147" s="1" t="s">
        <v>147176</v>
      </c>
      <c r="I43147" s="1" t="s">
        <v>146936</v>
      </c>
      <c r="J43147" s="1" t="s">
        <v>147226</v>
      </c>
    </row>
    <row r="43148" spans="1:10" x14ac:dyDescent="0.35">
      <c r="A43148" s="1" t="s">
        <v>25710</v>
      </c>
      <c r="B43148" s="1" t="s">
        <v>146931</v>
      </c>
      <c r="C43148" s="1" t="s">
        <v>85</v>
      </c>
      <c r="D43148" s="1" t="s">
        <v>141593</v>
      </c>
      <c r="E43148" s="1" t="s">
        <v>147227</v>
      </c>
      <c r="F43148" s="1" t="s">
        <v>147228</v>
      </c>
      <c r="G43148" s="1" t="s">
        <v>147175</v>
      </c>
      <c r="H43148" s="1" t="s">
        <v>147176</v>
      </c>
      <c r="I43148" s="1" t="s">
        <v>146936</v>
      </c>
      <c r="J43148" s="1" t="s">
        <v>147229</v>
      </c>
    </row>
    <row r="43149" spans="1:10" x14ac:dyDescent="0.35">
      <c r="A43149" s="1" t="s">
        <v>25710</v>
      </c>
      <c r="B43149" s="1" t="s">
        <v>146931</v>
      </c>
      <c r="C43149" s="1" t="s">
        <v>90</v>
      </c>
      <c r="D43149" s="1" t="s">
        <v>87969</v>
      </c>
      <c r="E43149" s="1" t="s">
        <v>147230</v>
      </c>
      <c r="F43149" s="1" t="s">
        <v>147231</v>
      </c>
      <c r="G43149" s="1" t="s">
        <v>147175</v>
      </c>
      <c r="H43149" s="1" t="s">
        <v>147176</v>
      </c>
      <c r="I43149" s="1" t="s">
        <v>146936</v>
      </c>
      <c r="J43149" s="1" t="s">
        <v>147232</v>
      </c>
    </row>
    <row r="43150" spans="1:10" x14ac:dyDescent="0.35">
      <c r="A43150" s="1" t="s">
        <v>25710</v>
      </c>
      <c r="B43150" s="1" t="s">
        <v>146931</v>
      </c>
      <c r="C43150" s="1" t="s">
        <v>95</v>
      </c>
      <c r="D43150" s="1" t="s">
        <v>147233</v>
      </c>
      <c r="E43150" s="1" t="s">
        <v>147234</v>
      </c>
      <c r="F43150" s="1" t="s">
        <v>147235</v>
      </c>
      <c r="G43150" s="1" t="s">
        <v>147175</v>
      </c>
      <c r="H43150" s="1" t="s">
        <v>147176</v>
      </c>
      <c r="I43150" s="1" t="s">
        <v>146936</v>
      </c>
      <c r="J43150" s="1" t="s">
        <v>147236</v>
      </c>
    </row>
    <row r="43151" spans="1:10" x14ac:dyDescent="0.35">
      <c r="A43151" s="1" t="s">
        <v>25710</v>
      </c>
      <c r="B43151" s="1" t="s">
        <v>146931</v>
      </c>
      <c r="C43151" s="1" t="s">
        <v>100</v>
      </c>
      <c r="D43151" s="1" t="s">
        <v>69399</v>
      </c>
      <c r="E43151" s="1" t="s">
        <v>147237</v>
      </c>
      <c r="F43151" s="1" t="s">
        <v>147238</v>
      </c>
      <c r="G43151" s="1" t="s">
        <v>147175</v>
      </c>
      <c r="H43151" s="1" t="s">
        <v>147176</v>
      </c>
      <c r="I43151" s="1" t="s">
        <v>146936</v>
      </c>
      <c r="J43151" s="1" t="s">
        <v>147239</v>
      </c>
    </row>
    <row r="43152" spans="1:10" x14ac:dyDescent="0.35">
      <c r="A43152" s="1" t="s">
        <v>25710</v>
      </c>
      <c r="B43152" s="1" t="s">
        <v>146931</v>
      </c>
      <c r="C43152" s="1" t="s">
        <v>105</v>
      </c>
      <c r="D43152" s="1" t="s">
        <v>56400</v>
      </c>
      <c r="E43152" s="1" t="s">
        <v>147240</v>
      </c>
      <c r="F43152" s="1" t="s">
        <v>147241</v>
      </c>
      <c r="G43152" s="1" t="s">
        <v>147175</v>
      </c>
      <c r="H43152" s="1" t="s">
        <v>147176</v>
      </c>
      <c r="I43152" s="1" t="s">
        <v>146936</v>
      </c>
      <c r="J43152" s="1" t="s">
        <v>147242</v>
      </c>
    </row>
    <row r="43153" spans="1:10" x14ac:dyDescent="0.35">
      <c r="A43153" s="1" t="s">
        <v>25710</v>
      </c>
      <c r="B43153" s="1" t="s">
        <v>146931</v>
      </c>
      <c r="C43153" s="1" t="s">
        <v>110</v>
      </c>
      <c r="D43153" s="1" t="s">
        <v>78008</v>
      </c>
      <c r="E43153" s="1" t="s">
        <v>147243</v>
      </c>
      <c r="F43153" s="1" t="s">
        <v>147244</v>
      </c>
      <c r="G43153" s="1" t="s">
        <v>147175</v>
      </c>
      <c r="H43153" s="1" t="s">
        <v>147176</v>
      </c>
      <c r="I43153" s="1" t="s">
        <v>146936</v>
      </c>
      <c r="J43153" s="1" t="s">
        <v>147245</v>
      </c>
    </row>
    <row r="43154" spans="1:10" x14ac:dyDescent="0.35">
      <c r="A43154" s="1" t="s">
        <v>25710</v>
      </c>
      <c r="B43154" s="1" t="s">
        <v>146931</v>
      </c>
      <c r="C43154" s="1" t="s">
        <v>115</v>
      </c>
      <c r="D43154" s="1" t="s">
        <v>133313</v>
      </c>
      <c r="E43154" s="1" t="s">
        <v>147246</v>
      </c>
      <c r="F43154" s="1" t="s">
        <v>147247</v>
      </c>
      <c r="G43154" s="1" t="s">
        <v>147175</v>
      </c>
      <c r="H43154" s="1" t="s">
        <v>147176</v>
      </c>
      <c r="I43154" s="1" t="s">
        <v>146936</v>
      </c>
      <c r="J43154" s="1" t="s">
        <v>147248</v>
      </c>
    </row>
    <row r="43155" spans="1:10" x14ac:dyDescent="0.35">
      <c r="A43155" s="1" t="s">
        <v>25710</v>
      </c>
      <c r="B43155" s="1" t="s">
        <v>146931</v>
      </c>
      <c r="C43155" s="1" t="s">
        <v>120</v>
      </c>
      <c r="D43155" s="1" t="s">
        <v>61713</v>
      </c>
      <c r="E43155" s="1" t="s">
        <v>147249</v>
      </c>
      <c r="F43155" s="1" t="s">
        <v>147250</v>
      </c>
      <c r="G43155" s="1" t="s">
        <v>147175</v>
      </c>
      <c r="H43155" s="1" t="s">
        <v>147176</v>
      </c>
      <c r="I43155" s="1" t="s">
        <v>146936</v>
      </c>
      <c r="J43155" s="1" t="s">
        <v>147251</v>
      </c>
    </row>
    <row r="43156" spans="1:10" x14ac:dyDescent="0.35">
      <c r="A43156" s="1" t="s">
        <v>25710</v>
      </c>
      <c r="B43156" s="1" t="s">
        <v>146931</v>
      </c>
      <c r="C43156" s="1" t="s">
        <v>125</v>
      </c>
      <c r="D43156" s="1" t="s">
        <v>79695</v>
      </c>
      <c r="E43156" s="1" t="s">
        <v>147252</v>
      </c>
      <c r="F43156" s="1" t="s">
        <v>147253</v>
      </c>
      <c r="G43156" s="1" t="s">
        <v>147175</v>
      </c>
      <c r="H43156" s="1" t="s">
        <v>147176</v>
      </c>
      <c r="I43156" s="1" t="s">
        <v>146936</v>
      </c>
      <c r="J43156" s="1" t="s">
        <v>147254</v>
      </c>
    </row>
    <row r="43157" spans="1:10" x14ac:dyDescent="0.35">
      <c r="A43157" s="1" t="s">
        <v>25710</v>
      </c>
      <c r="B43157" s="1" t="s">
        <v>146931</v>
      </c>
      <c r="C43157" s="1" t="s">
        <v>130</v>
      </c>
      <c r="D43157" s="1" t="s">
        <v>82622</v>
      </c>
      <c r="E43157" s="1" t="s">
        <v>147255</v>
      </c>
      <c r="F43157" s="1" t="s">
        <v>147256</v>
      </c>
      <c r="G43157" s="1" t="s">
        <v>147175</v>
      </c>
      <c r="H43157" s="1" t="s">
        <v>147176</v>
      </c>
      <c r="I43157" s="1" t="s">
        <v>146936</v>
      </c>
      <c r="J43157" s="1" t="s">
        <v>147257</v>
      </c>
    </row>
    <row r="43158" spans="1:10" x14ac:dyDescent="0.35">
      <c r="A43158" s="1" t="s">
        <v>25710</v>
      </c>
      <c r="B43158" s="1" t="s">
        <v>146931</v>
      </c>
      <c r="C43158" s="1" t="s">
        <v>135</v>
      </c>
      <c r="D43158" s="1" t="s">
        <v>93818</v>
      </c>
      <c r="E43158" s="1" t="s">
        <v>147258</v>
      </c>
      <c r="F43158" s="1" t="s">
        <v>147259</v>
      </c>
      <c r="G43158" s="1" t="s">
        <v>147175</v>
      </c>
      <c r="H43158" s="1" t="s">
        <v>147176</v>
      </c>
      <c r="I43158" s="1" t="s">
        <v>146936</v>
      </c>
      <c r="J43158" s="1" t="s">
        <v>147260</v>
      </c>
    </row>
    <row r="43159" spans="1:10" x14ac:dyDescent="0.35">
      <c r="A43159" s="1" t="s">
        <v>25710</v>
      </c>
      <c r="B43159" s="1" t="s">
        <v>146931</v>
      </c>
      <c r="C43159" s="1" t="s">
        <v>140</v>
      </c>
      <c r="D43159" s="1" t="s">
        <v>95248</v>
      </c>
      <c r="E43159" s="1" t="s">
        <v>147261</v>
      </c>
      <c r="F43159" s="1" t="s">
        <v>147262</v>
      </c>
      <c r="G43159" s="1" t="s">
        <v>147175</v>
      </c>
      <c r="H43159" s="1" t="s">
        <v>147176</v>
      </c>
      <c r="I43159" s="1" t="s">
        <v>146936</v>
      </c>
      <c r="J43159" s="1" t="s">
        <v>147263</v>
      </c>
    </row>
    <row r="43160" spans="1:10" x14ac:dyDescent="0.35">
      <c r="A43160" s="1" t="s">
        <v>25710</v>
      </c>
      <c r="B43160" s="1" t="s">
        <v>146931</v>
      </c>
      <c r="C43160" s="1" t="s">
        <v>145</v>
      </c>
      <c r="D43160" s="1" t="s">
        <v>147264</v>
      </c>
      <c r="E43160" s="1" t="s">
        <v>147265</v>
      </c>
      <c r="F43160" s="1" t="s">
        <v>147266</v>
      </c>
      <c r="G43160" s="1" t="s">
        <v>147175</v>
      </c>
      <c r="H43160" s="1" t="s">
        <v>147176</v>
      </c>
      <c r="I43160" s="1" t="s">
        <v>146936</v>
      </c>
      <c r="J43160" s="1" t="s">
        <v>147267</v>
      </c>
    </row>
    <row r="43161" spans="1:10" x14ac:dyDescent="0.35">
      <c r="A43161" s="1" t="s">
        <v>25710</v>
      </c>
      <c r="B43161" s="1" t="s">
        <v>146931</v>
      </c>
      <c r="C43161" s="1" t="s">
        <v>150</v>
      </c>
      <c r="D43161" s="1" t="s">
        <v>147268</v>
      </c>
      <c r="E43161" s="1" t="s">
        <v>147269</v>
      </c>
      <c r="F43161" s="1" t="s">
        <v>147270</v>
      </c>
      <c r="G43161" s="1" t="s">
        <v>147175</v>
      </c>
      <c r="H43161" s="1" t="s">
        <v>147176</v>
      </c>
      <c r="I43161" s="1" t="s">
        <v>146936</v>
      </c>
      <c r="J43161" s="1" t="s">
        <v>147271</v>
      </c>
    </row>
    <row r="43162" spans="1:10" x14ac:dyDescent="0.35">
      <c r="A43162" s="1" t="s">
        <v>25710</v>
      </c>
      <c r="B43162" s="1" t="s">
        <v>146931</v>
      </c>
      <c r="C43162" s="1" t="s">
        <v>155</v>
      </c>
      <c r="D43162" s="1" t="s">
        <v>17352</v>
      </c>
      <c r="E43162" s="1" t="s">
        <v>147272</v>
      </c>
      <c r="F43162" s="1" t="s">
        <v>147273</v>
      </c>
      <c r="G43162" s="1" t="s">
        <v>147175</v>
      </c>
      <c r="H43162" s="1" t="s">
        <v>147176</v>
      </c>
      <c r="I43162" s="1" t="s">
        <v>146936</v>
      </c>
      <c r="J43162" s="1" t="s">
        <v>147274</v>
      </c>
    </row>
    <row r="43163" spans="1:10" x14ac:dyDescent="0.35">
      <c r="A43163" s="1" t="s">
        <v>25710</v>
      </c>
      <c r="B43163" s="1" t="s">
        <v>146931</v>
      </c>
      <c r="C43163" s="1" t="s">
        <v>160</v>
      </c>
      <c r="D43163" s="1" t="s">
        <v>24489</v>
      </c>
      <c r="E43163" s="1" t="s">
        <v>147275</v>
      </c>
      <c r="F43163" s="1" t="s">
        <v>147276</v>
      </c>
      <c r="G43163" s="1" t="s">
        <v>147175</v>
      </c>
      <c r="H43163" s="1" t="s">
        <v>147176</v>
      </c>
      <c r="I43163" s="1" t="s">
        <v>146936</v>
      </c>
      <c r="J43163" s="1" t="s">
        <v>147277</v>
      </c>
    </row>
    <row r="43164" spans="1:10" x14ac:dyDescent="0.35">
      <c r="A43164" s="1" t="s">
        <v>25710</v>
      </c>
      <c r="B43164" s="1" t="s">
        <v>146931</v>
      </c>
      <c r="C43164" s="1" t="s">
        <v>165</v>
      </c>
      <c r="D43164" s="1" t="s">
        <v>147278</v>
      </c>
      <c r="E43164" s="1" t="s">
        <v>147279</v>
      </c>
      <c r="F43164" s="1" t="s">
        <v>147280</v>
      </c>
      <c r="G43164" s="1" t="s">
        <v>147175</v>
      </c>
      <c r="H43164" s="1" t="s">
        <v>147176</v>
      </c>
      <c r="I43164" s="1" t="s">
        <v>146936</v>
      </c>
      <c r="J43164" s="1" t="s">
        <v>147281</v>
      </c>
    </row>
    <row r="43165" spans="1:10" x14ac:dyDescent="0.35">
      <c r="A43165" s="1" t="s">
        <v>25710</v>
      </c>
      <c r="B43165" s="1" t="s">
        <v>146931</v>
      </c>
      <c r="C43165" s="1" t="s">
        <v>170</v>
      </c>
      <c r="D43165" s="1" t="s">
        <v>88891</v>
      </c>
      <c r="E43165" s="1" t="s">
        <v>147282</v>
      </c>
      <c r="F43165" s="1" t="s">
        <v>147283</v>
      </c>
      <c r="G43165" s="1" t="s">
        <v>147175</v>
      </c>
      <c r="H43165" s="1" t="s">
        <v>147176</v>
      </c>
      <c r="I43165" s="1" t="s">
        <v>146936</v>
      </c>
      <c r="J43165" s="1" t="s">
        <v>147284</v>
      </c>
    </row>
    <row r="43166" spans="1:10" x14ac:dyDescent="0.35">
      <c r="A43166" s="1" t="s">
        <v>28137</v>
      </c>
      <c r="B43166" s="1" t="s">
        <v>146931</v>
      </c>
      <c r="C43166" s="1" t="s">
        <v>8</v>
      </c>
      <c r="D43166" s="1" t="s">
        <v>147285</v>
      </c>
      <c r="E43166" s="1" t="s">
        <v>147286</v>
      </c>
      <c r="F43166" s="1" t="s">
        <v>147287</v>
      </c>
      <c r="G43166" s="1" t="s">
        <v>147288</v>
      </c>
      <c r="H43166" s="1" t="s">
        <v>147289</v>
      </c>
      <c r="I43166" s="1" t="s">
        <v>146936</v>
      </c>
      <c r="J43166" s="1" t="s">
        <v>13</v>
      </c>
    </row>
    <row r="43167" spans="1:10" x14ac:dyDescent="0.35">
      <c r="A43167" s="1" t="s">
        <v>28137</v>
      </c>
      <c r="B43167" s="1" t="s">
        <v>146931</v>
      </c>
      <c r="C43167" s="1" t="s">
        <v>15</v>
      </c>
      <c r="D43167" s="1" t="s">
        <v>48853</v>
      </c>
      <c r="E43167" s="1" t="s">
        <v>147290</v>
      </c>
      <c r="F43167" s="1" t="s">
        <v>147291</v>
      </c>
      <c r="G43167" s="1" t="s">
        <v>147288</v>
      </c>
      <c r="H43167" s="1" t="s">
        <v>147289</v>
      </c>
      <c r="I43167" s="1" t="s">
        <v>146936</v>
      </c>
      <c r="J43167" s="1" t="s">
        <v>147292</v>
      </c>
    </row>
    <row r="43168" spans="1:10" x14ac:dyDescent="0.35">
      <c r="A43168" s="1" t="s">
        <v>28137</v>
      </c>
      <c r="B43168" s="1" t="s">
        <v>146931</v>
      </c>
      <c r="C43168" s="1" t="s">
        <v>20</v>
      </c>
      <c r="D43168" s="1" t="s">
        <v>30332</v>
      </c>
      <c r="E43168" s="1" t="s">
        <v>147293</v>
      </c>
      <c r="F43168" s="1" t="s">
        <v>147294</v>
      </c>
      <c r="G43168" s="1" t="s">
        <v>147288</v>
      </c>
      <c r="H43168" s="1" t="s">
        <v>147289</v>
      </c>
      <c r="I43168" s="1" t="s">
        <v>146936</v>
      </c>
      <c r="J43168" s="1" t="s">
        <v>147295</v>
      </c>
    </row>
    <row r="43169" spans="1:10" x14ac:dyDescent="0.35">
      <c r="A43169" s="1" t="s">
        <v>28137</v>
      </c>
      <c r="B43169" s="1" t="s">
        <v>146931</v>
      </c>
      <c r="C43169" s="1" t="s">
        <v>25</v>
      </c>
      <c r="D43169" s="1" t="s">
        <v>114862</v>
      </c>
      <c r="E43169" s="1" t="s">
        <v>147296</v>
      </c>
      <c r="F43169" s="1" t="s">
        <v>147297</v>
      </c>
      <c r="G43169" s="1" t="s">
        <v>147288</v>
      </c>
      <c r="H43169" s="1" t="s">
        <v>147289</v>
      </c>
      <c r="I43169" s="1" t="s">
        <v>146936</v>
      </c>
      <c r="J43169" s="1" t="s">
        <v>147298</v>
      </c>
    </row>
    <row r="43170" spans="1:10" x14ac:dyDescent="0.35">
      <c r="A43170" s="1" t="s">
        <v>28137</v>
      </c>
      <c r="B43170" s="1" t="s">
        <v>146931</v>
      </c>
      <c r="C43170" s="1" t="s">
        <v>30</v>
      </c>
      <c r="D43170" s="1" t="s">
        <v>147299</v>
      </c>
      <c r="E43170" s="1" t="s">
        <v>147300</v>
      </c>
      <c r="F43170" s="1" t="s">
        <v>147301</v>
      </c>
      <c r="G43170" s="1" t="s">
        <v>147288</v>
      </c>
      <c r="H43170" s="1" t="s">
        <v>147289</v>
      </c>
      <c r="I43170" s="1" t="s">
        <v>146936</v>
      </c>
      <c r="J43170" s="1" t="s">
        <v>147302</v>
      </c>
    </row>
    <row r="43171" spans="1:10" x14ac:dyDescent="0.35">
      <c r="A43171" s="1" t="s">
        <v>28137</v>
      </c>
      <c r="B43171" s="1" t="s">
        <v>146931</v>
      </c>
      <c r="C43171" s="1" t="s">
        <v>35</v>
      </c>
      <c r="D43171" s="1" t="s">
        <v>147303</v>
      </c>
      <c r="E43171" s="1" t="s">
        <v>147304</v>
      </c>
      <c r="F43171" s="1" t="s">
        <v>147305</v>
      </c>
      <c r="G43171" s="1" t="s">
        <v>147288</v>
      </c>
      <c r="H43171" s="1" t="s">
        <v>147289</v>
      </c>
      <c r="I43171" s="1" t="s">
        <v>146936</v>
      </c>
      <c r="J43171" s="1" t="s">
        <v>147306</v>
      </c>
    </row>
    <row r="43172" spans="1:10" x14ac:dyDescent="0.35">
      <c r="A43172" s="1" t="s">
        <v>28137</v>
      </c>
      <c r="B43172" s="1" t="s">
        <v>146931</v>
      </c>
      <c r="C43172" s="1" t="s">
        <v>40</v>
      </c>
      <c r="D43172" s="1" t="s">
        <v>147307</v>
      </c>
      <c r="E43172" s="1" t="s">
        <v>147308</v>
      </c>
      <c r="F43172" s="1" t="s">
        <v>147309</v>
      </c>
      <c r="G43172" s="1" t="s">
        <v>147288</v>
      </c>
      <c r="H43172" s="1" t="s">
        <v>147289</v>
      </c>
      <c r="I43172" s="1" t="s">
        <v>146936</v>
      </c>
      <c r="J43172" s="1" t="s">
        <v>147310</v>
      </c>
    </row>
    <row r="43173" spans="1:10" x14ac:dyDescent="0.35">
      <c r="A43173" s="1" t="s">
        <v>28137</v>
      </c>
      <c r="B43173" s="1" t="s">
        <v>146931</v>
      </c>
      <c r="C43173" s="1" t="s">
        <v>45</v>
      </c>
      <c r="D43173" s="1" t="s">
        <v>53069</v>
      </c>
      <c r="E43173" s="1" t="s">
        <v>147311</v>
      </c>
      <c r="F43173" s="1" t="s">
        <v>147312</v>
      </c>
      <c r="G43173" s="1" t="s">
        <v>147288</v>
      </c>
      <c r="H43173" s="1" t="s">
        <v>147289</v>
      </c>
      <c r="I43173" s="1" t="s">
        <v>146936</v>
      </c>
      <c r="J43173" s="1" t="s">
        <v>147313</v>
      </c>
    </row>
    <row r="43174" spans="1:10" x14ac:dyDescent="0.35">
      <c r="A43174" s="1" t="s">
        <v>28137</v>
      </c>
      <c r="B43174" s="1" t="s">
        <v>146931</v>
      </c>
      <c r="C43174" s="1" t="s">
        <v>50</v>
      </c>
      <c r="D43174" s="1" t="s">
        <v>147314</v>
      </c>
      <c r="E43174" s="1" t="s">
        <v>147315</v>
      </c>
      <c r="F43174" s="1" t="s">
        <v>147316</v>
      </c>
      <c r="G43174" s="1" t="s">
        <v>147288</v>
      </c>
      <c r="H43174" s="1" t="s">
        <v>147289</v>
      </c>
      <c r="I43174" s="1" t="s">
        <v>146936</v>
      </c>
      <c r="J43174" s="1" t="s">
        <v>147317</v>
      </c>
    </row>
    <row r="43175" spans="1:10" x14ac:dyDescent="0.35">
      <c r="A43175" s="1" t="s">
        <v>28137</v>
      </c>
      <c r="B43175" s="1" t="s">
        <v>146931</v>
      </c>
      <c r="C43175" s="1" t="s">
        <v>55</v>
      </c>
      <c r="D43175" s="1" t="s">
        <v>147318</v>
      </c>
      <c r="E43175" s="1" t="s">
        <v>147319</v>
      </c>
      <c r="F43175" s="1" t="s">
        <v>147320</v>
      </c>
      <c r="G43175" s="1" t="s">
        <v>147288</v>
      </c>
      <c r="H43175" s="1" t="s">
        <v>147289</v>
      </c>
      <c r="I43175" s="1" t="s">
        <v>146936</v>
      </c>
      <c r="J43175" s="1" t="s">
        <v>147321</v>
      </c>
    </row>
    <row r="43176" spans="1:10" x14ac:dyDescent="0.35">
      <c r="A43176" s="1" t="s">
        <v>28137</v>
      </c>
      <c r="B43176" s="1" t="s">
        <v>146931</v>
      </c>
      <c r="C43176" s="1" t="s">
        <v>60</v>
      </c>
      <c r="D43176" s="1" t="s">
        <v>60386</v>
      </c>
      <c r="E43176" s="1" t="s">
        <v>147322</v>
      </c>
      <c r="F43176" s="1" t="s">
        <v>147323</v>
      </c>
      <c r="G43176" s="1" t="s">
        <v>147288</v>
      </c>
      <c r="H43176" s="1" t="s">
        <v>147289</v>
      </c>
      <c r="I43176" s="1" t="s">
        <v>146936</v>
      </c>
      <c r="J43176" s="1" t="s">
        <v>147324</v>
      </c>
    </row>
    <row r="43177" spans="1:10" x14ac:dyDescent="0.35">
      <c r="A43177" s="1" t="s">
        <v>28137</v>
      </c>
      <c r="B43177" s="1" t="s">
        <v>146931</v>
      </c>
      <c r="C43177" s="1" t="s">
        <v>65</v>
      </c>
      <c r="D43177" s="1" t="s">
        <v>106397</v>
      </c>
      <c r="E43177" s="1" t="s">
        <v>147325</v>
      </c>
      <c r="F43177" s="1" t="s">
        <v>147326</v>
      </c>
      <c r="G43177" s="1" t="s">
        <v>147288</v>
      </c>
      <c r="H43177" s="1" t="s">
        <v>147289</v>
      </c>
      <c r="I43177" s="1" t="s">
        <v>146936</v>
      </c>
      <c r="J43177" s="1" t="s">
        <v>147327</v>
      </c>
    </row>
    <row r="43178" spans="1:10" x14ac:dyDescent="0.35">
      <c r="A43178" s="1" t="s">
        <v>28137</v>
      </c>
      <c r="B43178" s="1" t="s">
        <v>146931</v>
      </c>
      <c r="C43178" s="1" t="s">
        <v>70</v>
      </c>
      <c r="D43178" s="1" t="s">
        <v>115214</v>
      </c>
      <c r="E43178" s="1" t="s">
        <v>147328</v>
      </c>
      <c r="F43178" s="1" t="s">
        <v>147329</v>
      </c>
      <c r="G43178" s="1" t="s">
        <v>147288</v>
      </c>
      <c r="H43178" s="1" t="s">
        <v>147289</v>
      </c>
      <c r="I43178" s="1" t="s">
        <v>146936</v>
      </c>
      <c r="J43178" s="1" t="s">
        <v>147330</v>
      </c>
    </row>
    <row r="43179" spans="1:10" x14ac:dyDescent="0.35">
      <c r="A43179" s="1" t="s">
        <v>28137</v>
      </c>
      <c r="B43179" s="1" t="s">
        <v>146931</v>
      </c>
      <c r="C43179" s="1" t="s">
        <v>75</v>
      </c>
      <c r="D43179" s="1" t="s">
        <v>52342</v>
      </c>
      <c r="E43179" s="1" t="s">
        <v>95430</v>
      </c>
      <c r="F43179" s="1" t="s">
        <v>147331</v>
      </c>
      <c r="G43179" s="1" t="s">
        <v>147288</v>
      </c>
      <c r="H43179" s="1" t="s">
        <v>147289</v>
      </c>
      <c r="I43179" s="1" t="s">
        <v>146936</v>
      </c>
      <c r="J43179" s="1" t="s">
        <v>147332</v>
      </c>
    </row>
    <row r="43180" spans="1:10" x14ac:dyDescent="0.35">
      <c r="A43180" s="1" t="s">
        <v>28137</v>
      </c>
      <c r="B43180" s="1" t="s">
        <v>146931</v>
      </c>
      <c r="C43180" s="1" t="s">
        <v>80</v>
      </c>
      <c r="D43180" s="1" t="s">
        <v>147333</v>
      </c>
      <c r="E43180" s="1" t="s">
        <v>147334</v>
      </c>
      <c r="F43180" s="1" t="s">
        <v>147335</v>
      </c>
      <c r="G43180" s="1" t="s">
        <v>147288</v>
      </c>
      <c r="H43180" s="1" t="s">
        <v>147289</v>
      </c>
      <c r="I43180" s="1" t="s">
        <v>146936</v>
      </c>
      <c r="J43180" s="1" t="s">
        <v>147336</v>
      </c>
    </row>
    <row r="43181" spans="1:10" x14ac:dyDescent="0.35">
      <c r="A43181" s="1" t="s">
        <v>28137</v>
      </c>
      <c r="B43181" s="1" t="s">
        <v>146931</v>
      </c>
      <c r="C43181" s="1" t="s">
        <v>85</v>
      </c>
      <c r="D43181" s="1" t="s">
        <v>93004</v>
      </c>
      <c r="E43181" s="1" t="s">
        <v>147337</v>
      </c>
      <c r="F43181" s="1" t="s">
        <v>147338</v>
      </c>
      <c r="G43181" s="1" t="s">
        <v>147288</v>
      </c>
      <c r="H43181" s="1" t="s">
        <v>147289</v>
      </c>
      <c r="I43181" s="1" t="s">
        <v>146936</v>
      </c>
      <c r="J43181" s="1" t="s">
        <v>147339</v>
      </c>
    </row>
    <row r="43182" spans="1:10" x14ac:dyDescent="0.35">
      <c r="A43182" s="1" t="s">
        <v>28137</v>
      </c>
      <c r="B43182" s="1" t="s">
        <v>146931</v>
      </c>
      <c r="C43182" s="1" t="s">
        <v>90</v>
      </c>
      <c r="D43182" s="1" t="s">
        <v>80857</v>
      </c>
      <c r="E43182" s="1" t="s">
        <v>147340</v>
      </c>
      <c r="F43182" s="1" t="s">
        <v>147341</v>
      </c>
      <c r="G43182" s="1" t="s">
        <v>147288</v>
      </c>
      <c r="H43182" s="1" t="s">
        <v>147289</v>
      </c>
      <c r="I43182" s="1" t="s">
        <v>146936</v>
      </c>
      <c r="J43182" s="1" t="s">
        <v>147342</v>
      </c>
    </row>
    <row r="43183" spans="1:10" x14ac:dyDescent="0.35">
      <c r="A43183" s="1" t="s">
        <v>28137</v>
      </c>
      <c r="B43183" s="1" t="s">
        <v>146931</v>
      </c>
      <c r="C43183" s="1" t="s">
        <v>95</v>
      </c>
      <c r="D43183" s="1" t="s">
        <v>57208</v>
      </c>
      <c r="E43183" s="1" t="s">
        <v>147343</v>
      </c>
      <c r="F43183" s="1" t="s">
        <v>147344</v>
      </c>
      <c r="G43183" s="1" t="s">
        <v>147288</v>
      </c>
      <c r="H43183" s="1" t="s">
        <v>147289</v>
      </c>
      <c r="I43183" s="1" t="s">
        <v>146936</v>
      </c>
      <c r="J43183" s="1" t="s">
        <v>147345</v>
      </c>
    </row>
    <row r="43184" spans="1:10" x14ac:dyDescent="0.35">
      <c r="A43184" s="1" t="s">
        <v>28137</v>
      </c>
      <c r="B43184" s="1" t="s">
        <v>146931</v>
      </c>
      <c r="C43184" s="1" t="s">
        <v>100</v>
      </c>
      <c r="D43184" s="1" t="s">
        <v>91843</v>
      </c>
      <c r="E43184" s="1" t="s">
        <v>147346</v>
      </c>
      <c r="F43184" s="1" t="s">
        <v>147347</v>
      </c>
      <c r="G43184" s="1" t="s">
        <v>147288</v>
      </c>
      <c r="H43184" s="1" t="s">
        <v>147289</v>
      </c>
      <c r="I43184" s="1" t="s">
        <v>146936</v>
      </c>
      <c r="J43184" s="1" t="s">
        <v>147348</v>
      </c>
    </row>
    <row r="43185" spans="1:10" x14ac:dyDescent="0.35">
      <c r="A43185" s="1" t="s">
        <v>28137</v>
      </c>
      <c r="B43185" s="1" t="s">
        <v>146931</v>
      </c>
      <c r="C43185" s="1" t="s">
        <v>105</v>
      </c>
      <c r="D43185" s="1" t="s">
        <v>122300</v>
      </c>
      <c r="E43185" s="1" t="s">
        <v>147349</v>
      </c>
      <c r="F43185" s="1" t="s">
        <v>147350</v>
      </c>
      <c r="G43185" s="1" t="s">
        <v>147288</v>
      </c>
      <c r="H43185" s="1" t="s">
        <v>147289</v>
      </c>
      <c r="I43185" s="1" t="s">
        <v>146936</v>
      </c>
      <c r="J43185" s="1" t="s">
        <v>147351</v>
      </c>
    </row>
    <row r="43186" spans="1:10" x14ac:dyDescent="0.35">
      <c r="A43186" s="1" t="s">
        <v>28137</v>
      </c>
      <c r="B43186" s="1" t="s">
        <v>146931</v>
      </c>
      <c r="C43186" s="1" t="s">
        <v>110</v>
      </c>
      <c r="D43186" s="1" t="s">
        <v>55859</v>
      </c>
      <c r="E43186" s="1" t="s">
        <v>147352</v>
      </c>
      <c r="F43186" s="1" t="s">
        <v>147353</v>
      </c>
      <c r="G43186" s="1" t="s">
        <v>147288</v>
      </c>
      <c r="H43186" s="1" t="s">
        <v>147289</v>
      </c>
      <c r="I43186" s="1" t="s">
        <v>146936</v>
      </c>
      <c r="J43186" s="1" t="s">
        <v>147354</v>
      </c>
    </row>
    <row r="43187" spans="1:10" x14ac:dyDescent="0.35">
      <c r="A43187" s="1" t="s">
        <v>28137</v>
      </c>
      <c r="B43187" s="1" t="s">
        <v>146931</v>
      </c>
      <c r="C43187" s="1" t="s">
        <v>115</v>
      </c>
      <c r="D43187" s="1" t="s">
        <v>90261</v>
      </c>
      <c r="E43187" s="1" t="s">
        <v>147355</v>
      </c>
      <c r="F43187" s="1" t="s">
        <v>147356</v>
      </c>
      <c r="G43187" s="1" t="s">
        <v>147288</v>
      </c>
      <c r="H43187" s="1" t="s">
        <v>147289</v>
      </c>
      <c r="I43187" s="1" t="s">
        <v>146936</v>
      </c>
      <c r="J43187" s="1" t="s">
        <v>147357</v>
      </c>
    </row>
    <row r="43188" spans="1:10" x14ac:dyDescent="0.35">
      <c r="A43188" s="1" t="s">
        <v>28137</v>
      </c>
      <c r="B43188" s="1" t="s">
        <v>146931</v>
      </c>
      <c r="C43188" s="1" t="s">
        <v>120</v>
      </c>
      <c r="D43188" s="1" t="s">
        <v>105290</v>
      </c>
      <c r="E43188" s="1" t="s">
        <v>147358</v>
      </c>
      <c r="F43188" s="1" t="s">
        <v>147359</v>
      </c>
      <c r="G43188" s="1" t="s">
        <v>147288</v>
      </c>
      <c r="H43188" s="1" t="s">
        <v>147289</v>
      </c>
      <c r="I43188" s="1" t="s">
        <v>146936</v>
      </c>
      <c r="J43188" s="1" t="s">
        <v>147360</v>
      </c>
    </row>
    <row r="43189" spans="1:10" x14ac:dyDescent="0.35">
      <c r="A43189" s="1" t="s">
        <v>28137</v>
      </c>
      <c r="B43189" s="1" t="s">
        <v>146931</v>
      </c>
      <c r="C43189" s="1" t="s">
        <v>125</v>
      </c>
      <c r="D43189" s="1" t="s">
        <v>58623</v>
      </c>
      <c r="E43189" s="1" t="s">
        <v>147361</v>
      </c>
      <c r="F43189" s="1" t="s">
        <v>147362</v>
      </c>
      <c r="G43189" s="1" t="s">
        <v>147288</v>
      </c>
      <c r="H43189" s="1" t="s">
        <v>147289</v>
      </c>
      <c r="I43189" s="1" t="s">
        <v>146936</v>
      </c>
      <c r="J43189" s="1" t="s">
        <v>147363</v>
      </c>
    </row>
    <row r="43190" spans="1:10" x14ac:dyDescent="0.35">
      <c r="A43190" s="1" t="s">
        <v>28137</v>
      </c>
      <c r="B43190" s="1" t="s">
        <v>146931</v>
      </c>
      <c r="C43190" s="1" t="s">
        <v>130</v>
      </c>
      <c r="D43190" s="1" t="s">
        <v>61384</v>
      </c>
      <c r="E43190" s="1" t="s">
        <v>147364</v>
      </c>
      <c r="F43190" s="1" t="s">
        <v>147365</v>
      </c>
      <c r="G43190" s="1" t="s">
        <v>147288</v>
      </c>
      <c r="H43190" s="1" t="s">
        <v>147289</v>
      </c>
      <c r="I43190" s="1" t="s">
        <v>146936</v>
      </c>
      <c r="J43190" s="1" t="s">
        <v>147366</v>
      </c>
    </row>
    <row r="43191" spans="1:10" x14ac:dyDescent="0.35">
      <c r="A43191" s="1" t="s">
        <v>28137</v>
      </c>
      <c r="B43191" s="1" t="s">
        <v>146931</v>
      </c>
      <c r="C43191" s="1" t="s">
        <v>135</v>
      </c>
      <c r="D43191" s="1" t="s">
        <v>22694</v>
      </c>
      <c r="E43191" s="1" t="s">
        <v>147367</v>
      </c>
      <c r="F43191" s="1" t="s">
        <v>147368</v>
      </c>
      <c r="G43191" s="1" t="s">
        <v>147288</v>
      </c>
      <c r="H43191" s="1" t="s">
        <v>147289</v>
      </c>
      <c r="I43191" s="1" t="s">
        <v>146936</v>
      </c>
      <c r="J43191" s="1" t="s">
        <v>147369</v>
      </c>
    </row>
    <row r="43192" spans="1:10" x14ac:dyDescent="0.35">
      <c r="A43192" s="1" t="s">
        <v>28137</v>
      </c>
      <c r="B43192" s="1" t="s">
        <v>146931</v>
      </c>
      <c r="C43192" s="1" t="s">
        <v>140</v>
      </c>
      <c r="D43192" s="1" t="s">
        <v>147370</v>
      </c>
      <c r="E43192" s="1" t="s">
        <v>147371</v>
      </c>
      <c r="F43192" s="1" t="s">
        <v>147372</v>
      </c>
      <c r="G43192" s="1" t="s">
        <v>147288</v>
      </c>
      <c r="H43192" s="1" t="s">
        <v>147289</v>
      </c>
      <c r="I43192" s="1" t="s">
        <v>146936</v>
      </c>
      <c r="J43192" s="1" t="s">
        <v>147373</v>
      </c>
    </row>
    <row r="43193" spans="1:10" x14ac:dyDescent="0.35">
      <c r="A43193" s="1" t="s">
        <v>28137</v>
      </c>
      <c r="B43193" s="1" t="s">
        <v>146931</v>
      </c>
      <c r="C43193" s="1" t="s">
        <v>145</v>
      </c>
      <c r="D43193" s="1" t="s">
        <v>88397</v>
      </c>
      <c r="E43193" s="1" t="s">
        <v>147374</v>
      </c>
      <c r="F43193" s="1" t="s">
        <v>147375</v>
      </c>
      <c r="G43193" s="1" t="s">
        <v>147288</v>
      </c>
      <c r="H43193" s="1" t="s">
        <v>147289</v>
      </c>
      <c r="I43193" s="1" t="s">
        <v>146936</v>
      </c>
      <c r="J43193" s="1" t="s">
        <v>147376</v>
      </c>
    </row>
    <row r="43194" spans="1:10" x14ac:dyDescent="0.35">
      <c r="A43194" s="1" t="s">
        <v>28137</v>
      </c>
      <c r="B43194" s="1" t="s">
        <v>146931</v>
      </c>
      <c r="C43194" s="1" t="s">
        <v>150</v>
      </c>
      <c r="D43194" s="1" t="s">
        <v>129575</v>
      </c>
      <c r="E43194" s="1" t="s">
        <v>147377</v>
      </c>
      <c r="F43194" s="1" t="s">
        <v>147378</v>
      </c>
      <c r="G43194" s="1" t="s">
        <v>147288</v>
      </c>
      <c r="H43194" s="1" t="s">
        <v>147289</v>
      </c>
      <c r="I43194" s="1" t="s">
        <v>146936</v>
      </c>
      <c r="J43194" s="1" t="s">
        <v>147379</v>
      </c>
    </row>
    <row r="43195" spans="1:10" x14ac:dyDescent="0.35">
      <c r="A43195" s="1" t="s">
        <v>28137</v>
      </c>
      <c r="B43195" s="1" t="s">
        <v>146931</v>
      </c>
      <c r="C43195" s="1" t="s">
        <v>155</v>
      </c>
      <c r="D43195" s="1" t="s">
        <v>147380</v>
      </c>
      <c r="E43195" s="1" t="s">
        <v>147381</v>
      </c>
      <c r="F43195" s="1" t="s">
        <v>147382</v>
      </c>
      <c r="G43195" s="1" t="s">
        <v>147288</v>
      </c>
      <c r="H43195" s="1" t="s">
        <v>147289</v>
      </c>
      <c r="I43195" s="1" t="s">
        <v>146936</v>
      </c>
      <c r="J43195" s="1" t="s">
        <v>147383</v>
      </c>
    </row>
    <row r="43196" spans="1:10" x14ac:dyDescent="0.35">
      <c r="A43196" s="1" t="s">
        <v>28137</v>
      </c>
      <c r="B43196" s="1" t="s">
        <v>146931</v>
      </c>
      <c r="C43196" s="1" t="s">
        <v>160</v>
      </c>
      <c r="D43196" s="1" t="s">
        <v>60651</v>
      </c>
      <c r="E43196" s="1" t="s">
        <v>147384</v>
      </c>
      <c r="F43196" s="1" t="s">
        <v>147385</v>
      </c>
      <c r="G43196" s="1" t="s">
        <v>147288</v>
      </c>
      <c r="H43196" s="1" t="s">
        <v>147289</v>
      </c>
      <c r="I43196" s="1" t="s">
        <v>146936</v>
      </c>
      <c r="J43196" s="1" t="s">
        <v>147386</v>
      </c>
    </row>
    <row r="43197" spans="1:10" x14ac:dyDescent="0.35">
      <c r="A43197" s="1" t="s">
        <v>28137</v>
      </c>
      <c r="B43197" s="1" t="s">
        <v>146931</v>
      </c>
      <c r="C43197" s="1" t="s">
        <v>165</v>
      </c>
      <c r="D43197" s="1" t="s">
        <v>147387</v>
      </c>
      <c r="E43197" s="1" t="s">
        <v>147388</v>
      </c>
      <c r="F43197" s="1" t="s">
        <v>147389</v>
      </c>
      <c r="G43197" s="1" t="s">
        <v>147288</v>
      </c>
      <c r="H43197" s="1" t="s">
        <v>147289</v>
      </c>
      <c r="I43197" s="1" t="s">
        <v>146936</v>
      </c>
      <c r="J43197" s="1" t="s">
        <v>147390</v>
      </c>
    </row>
    <row r="43198" spans="1:10" x14ac:dyDescent="0.35">
      <c r="A43198" s="1" t="s">
        <v>28137</v>
      </c>
      <c r="B43198" s="1" t="s">
        <v>146931</v>
      </c>
      <c r="C43198" s="1" t="s">
        <v>170</v>
      </c>
      <c r="D43198" s="1" t="s">
        <v>147391</v>
      </c>
      <c r="E43198" s="1" t="s">
        <v>147392</v>
      </c>
      <c r="F43198" s="1" t="s">
        <v>147393</v>
      </c>
      <c r="G43198" s="1" t="s">
        <v>147288</v>
      </c>
      <c r="H43198" s="1" t="s">
        <v>147289</v>
      </c>
      <c r="I43198" s="1" t="s">
        <v>146936</v>
      </c>
      <c r="J43198" s="1" t="s">
        <v>147394</v>
      </c>
    </row>
    <row r="43199" spans="1:10" x14ac:dyDescent="0.35">
      <c r="A43199" s="1" t="s">
        <v>29868</v>
      </c>
      <c r="B43199" s="1" t="s">
        <v>146931</v>
      </c>
      <c r="C43199" s="1" t="s">
        <v>8</v>
      </c>
      <c r="D43199" s="1" t="s">
        <v>18188</v>
      </c>
      <c r="E43199" s="1" t="s">
        <v>147395</v>
      </c>
      <c r="F43199" s="1" t="s">
        <v>147396</v>
      </c>
      <c r="G43199" s="1" t="s">
        <v>147397</v>
      </c>
      <c r="H43199" s="1" t="s">
        <v>147398</v>
      </c>
      <c r="I43199" s="1" t="s">
        <v>146936</v>
      </c>
      <c r="J43199" s="1" t="s">
        <v>13</v>
      </c>
    </row>
    <row r="43200" spans="1:10" x14ac:dyDescent="0.35">
      <c r="A43200" s="1" t="s">
        <v>29868</v>
      </c>
      <c r="B43200" s="1" t="s">
        <v>146931</v>
      </c>
      <c r="C43200" s="1" t="s">
        <v>15</v>
      </c>
      <c r="D43200" s="1" t="s">
        <v>15535</v>
      </c>
      <c r="E43200" s="1" t="s">
        <v>147399</v>
      </c>
      <c r="F43200" s="1" t="s">
        <v>147400</v>
      </c>
      <c r="G43200" s="1" t="s">
        <v>147397</v>
      </c>
      <c r="H43200" s="1" t="s">
        <v>147398</v>
      </c>
      <c r="I43200" s="1" t="s">
        <v>146936</v>
      </c>
      <c r="J43200" s="1" t="s">
        <v>147401</v>
      </c>
    </row>
    <row r="43201" spans="1:10" x14ac:dyDescent="0.35">
      <c r="A43201" s="1" t="s">
        <v>29868</v>
      </c>
      <c r="B43201" s="1" t="s">
        <v>146931</v>
      </c>
      <c r="C43201" s="1" t="s">
        <v>20</v>
      </c>
      <c r="D43201" s="1" t="s">
        <v>11341</v>
      </c>
      <c r="E43201" s="1" t="s">
        <v>147402</v>
      </c>
      <c r="F43201" s="1" t="s">
        <v>147403</v>
      </c>
      <c r="G43201" s="1" t="s">
        <v>147397</v>
      </c>
      <c r="H43201" s="1" t="s">
        <v>147398</v>
      </c>
      <c r="I43201" s="1" t="s">
        <v>146936</v>
      </c>
      <c r="J43201" s="1" t="s">
        <v>147404</v>
      </c>
    </row>
    <row r="43202" spans="1:10" x14ac:dyDescent="0.35">
      <c r="A43202" s="1" t="s">
        <v>29868</v>
      </c>
      <c r="B43202" s="1" t="s">
        <v>146931</v>
      </c>
      <c r="C43202" s="1" t="s">
        <v>25</v>
      </c>
      <c r="D43202" s="1" t="s">
        <v>147405</v>
      </c>
      <c r="E43202" s="1" t="s">
        <v>147406</v>
      </c>
      <c r="F43202" s="1" t="s">
        <v>147407</v>
      </c>
      <c r="G43202" s="1" t="s">
        <v>147397</v>
      </c>
      <c r="H43202" s="1" t="s">
        <v>147398</v>
      </c>
      <c r="I43202" s="1" t="s">
        <v>146936</v>
      </c>
      <c r="J43202" s="1" t="s">
        <v>147408</v>
      </c>
    </row>
    <row r="43203" spans="1:10" x14ac:dyDescent="0.35">
      <c r="A43203" s="1" t="s">
        <v>29868</v>
      </c>
      <c r="B43203" s="1" t="s">
        <v>146931</v>
      </c>
      <c r="C43203" s="1" t="s">
        <v>30</v>
      </c>
      <c r="D43203" s="1" t="s">
        <v>147409</v>
      </c>
      <c r="E43203" s="1" t="s">
        <v>147410</v>
      </c>
      <c r="F43203" s="1" t="s">
        <v>147411</v>
      </c>
      <c r="G43203" s="1" t="s">
        <v>147397</v>
      </c>
      <c r="H43203" s="1" t="s">
        <v>147398</v>
      </c>
      <c r="I43203" s="1" t="s">
        <v>146936</v>
      </c>
      <c r="J43203" s="1" t="s">
        <v>147412</v>
      </c>
    </row>
    <row r="43204" spans="1:10" x14ac:dyDescent="0.35">
      <c r="A43204" s="1" t="s">
        <v>29868</v>
      </c>
      <c r="B43204" s="1" t="s">
        <v>146931</v>
      </c>
      <c r="C43204" s="1" t="s">
        <v>35</v>
      </c>
      <c r="D43204" s="1" t="s">
        <v>82250</v>
      </c>
      <c r="E43204" s="1" t="s">
        <v>147413</v>
      </c>
      <c r="F43204" s="1" t="s">
        <v>147414</v>
      </c>
      <c r="G43204" s="1" t="s">
        <v>147397</v>
      </c>
      <c r="H43204" s="1" t="s">
        <v>147398</v>
      </c>
      <c r="I43204" s="1" t="s">
        <v>146936</v>
      </c>
      <c r="J43204" s="1" t="s">
        <v>147415</v>
      </c>
    </row>
    <row r="43205" spans="1:10" x14ac:dyDescent="0.35">
      <c r="A43205" s="1" t="s">
        <v>29868</v>
      </c>
      <c r="B43205" s="1" t="s">
        <v>146931</v>
      </c>
      <c r="C43205" s="1" t="s">
        <v>40</v>
      </c>
      <c r="D43205" s="1" t="s">
        <v>147416</v>
      </c>
      <c r="E43205" s="1" t="s">
        <v>147417</v>
      </c>
      <c r="F43205" s="1" t="s">
        <v>147418</v>
      </c>
      <c r="G43205" s="1" t="s">
        <v>147397</v>
      </c>
      <c r="H43205" s="1" t="s">
        <v>147398</v>
      </c>
      <c r="I43205" s="1" t="s">
        <v>146936</v>
      </c>
      <c r="J43205" s="1" t="s">
        <v>147419</v>
      </c>
    </row>
    <row r="43206" spans="1:10" x14ac:dyDescent="0.35">
      <c r="A43206" s="1" t="s">
        <v>29868</v>
      </c>
      <c r="B43206" s="1" t="s">
        <v>146931</v>
      </c>
      <c r="C43206" s="1" t="s">
        <v>45</v>
      </c>
      <c r="D43206" s="1" t="s">
        <v>147420</v>
      </c>
      <c r="E43206" s="1" t="s">
        <v>147421</v>
      </c>
      <c r="F43206" s="1" t="s">
        <v>147422</v>
      </c>
      <c r="G43206" s="1" t="s">
        <v>147397</v>
      </c>
      <c r="H43206" s="1" t="s">
        <v>147398</v>
      </c>
      <c r="I43206" s="1" t="s">
        <v>146936</v>
      </c>
      <c r="J43206" s="1" t="s">
        <v>147423</v>
      </c>
    </row>
    <row r="43207" spans="1:10" x14ac:dyDescent="0.35">
      <c r="A43207" s="1" t="s">
        <v>29868</v>
      </c>
      <c r="B43207" s="1" t="s">
        <v>146931</v>
      </c>
      <c r="C43207" s="1" t="s">
        <v>50</v>
      </c>
      <c r="D43207" s="1" t="s">
        <v>67787</v>
      </c>
      <c r="E43207" s="1" t="s">
        <v>147424</v>
      </c>
      <c r="F43207" s="1" t="s">
        <v>147425</v>
      </c>
      <c r="G43207" s="1" t="s">
        <v>147397</v>
      </c>
      <c r="H43207" s="1" t="s">
        <v>147398</v>
      </c>
      <c r="I43207" s="1" t="s">
        <v>146936</v>
      </c>
      <c r="J43207" s="1" t="s">
        <v>147426</v>
      </c>
    </row>
    <row r="43208" spans="1:10" x14ac:dyDescent="0.35">
      <c r="A43208" s="1" t="s">
        <v>29868</v>
      </c>
      <c r="B43208" s="1" t="s">
        <v>146931</v>
      </c>
      <c r="C43208" s="1" t="s">
        <v>55</v>
      </c>
      <c r="D43208" s="1" t="s">
        <v>147427</v>
      </c>
      <c r="E43208" s="1" t="s">
        <v>147428</v>
      </c>
      <c r="F43208" s="1" t="s">
        <v>147429</v>
      </c>
      <c r="G43208" s="1" t="s">
        <v>147397</v>
      </c>
      <c r="H43208" s="1" t="s">
        <v>147398</v>
      </c>
      <c r="I43208" s="1" t="s">
        <v>146936</v>
      </c>
      <c r="J43208" s="1" t="s">
        <v>147430</v>
      </c>
    </row>
    <row r="43209" spans="1:10" x14ac:dyDescent="0.35">
      <c r="A43209" s="1" t="s">
        <v>29868</v>
      </c>
      <c r="B43209" s="1" t="s">
        <v>146931</v>
      </c>
      <c r="C43209" s="1" t="s">
        <v>60</v>
      </c>
      <c r="D43209" s="1" t="s">
        <v>81763</v>
      </c>
      <c r="E43209" s="1" t="s">
        <v>147431</v>
      </c>
      <c r="F43209" s="1" t="s">
        <v>147432</v>
      </c>
      <c r="G43209" s="1" t="s">
        <v>147397</v>
      </c>
      <c r="H43209" s="1" t="s">
        <v>147398</v>
      </c>
      <c r="I43209" s="1" t="s">
        <v>146936</v>
      </c>
      <c r="J43209" s="1" t="s">
        <v>147433</v>
      </c>
    </row>
    <row r="43210" spans="1:10" x14ac:dyDescent="0.35">
      <c r="A43210" s="1" t="s">
        <v>29868</v>
      </c>
      <c r="B43210" s="1" t="s">
        <v>146931</v>
      </c>
      <c r="C43210" s="1" t="s">
        <v>65</v>
      </c>
      <c r="D43210" s="1" t="s">
        <v>78568</v>
      </c>
      <c r="E43210" s="1" t="s">
        <v>147434</v>
      </c>
      <c r="F43210" s="1" t="s">
        <v>147435</v>
      </c>
      <c r="G43210" s="1" t="s">
        <v>147397</v>
      </c>
      <c r="H43210" s="1" t="s">
        <v>147398</v>
      </c>
      <c r="I43210" s="1" t="s">
        <v>146936</v>
      </c>
      <c r="J43210" s="1" t="s">
        <v>147436</v>
      </c>
    </row>
    <row r="43211" spans="1:10" x14ac:dyDescent="0.35">
      <c r="A43211" s="1" t="s">
        <v>29868</v>
      </c>
      <c r="B43211" s="1" t="s">
        <v>146931</v>
      </c>
      <c r="C43211" s="1" t="s">
        <v>70</v>
      </c>
      <c r="D43211" s="1" t="s">
        <v>53267</v>
      </c>
      <c r="E43211" s="1" t="s">
        <v>147437</v>
      </c>
      <c r="F43211" s="1" t="s">
        <v>147438</v>
      </c>
      <c r="G43211" s="1" t="s">
        <v>147397</v>
      </c>
      <c r="H43211" s="1" t="s">
        <v>147398</v>
      </c>
      <c r="I43211" s="1" t="s">
        <v>146936</v>
      </c>
      <c r="J43211" s="1" t="s">
        <v>147439</v>
      </c>
    </row>
    <row r="43212" spans="1:10" x14ac:dyDescent="0.35">
      <c r="A43212" s="1" t="s">
        <v>29868</v>
      </c>
      <c r="B43212" s="1" t="s">
        <v>146931</v>
      </c>
      <c r="C43212" s="1" t="s">
        <v>75</v>
      </c>
      <c r="D43212" s="1" t="s">
        <v>147440</v>
      </c>
      <c r="E43212" s="1" t="s">
        <v>147441</v>
      </c>
      <c r="F43212" s="1" t="s">
        <v>147442</v>
      </c>
      <c r="G43212" s="1" t="s">
        <v>147397</v>
      </c>
      <c r="H43212" s="1" t="s">
        <v>147398</v>
      </c>
      <c r="I43212" s="1" t="s">
        <v>146936</v>
      </c>
      <c r="J43212" s="1" t="s">
        <v>147443</v>
      </c>
    </row>
    <row r="43213" spans="1:10" x14ac:dyDescent="0.35">
      <c r="A43213" s="1" t="s">
        <v>29868</v>
      </c>
      <c r="B43213" s="1" t="s">
        <v>146931</v>
      </c>
      <c r="C43213" s="1" t="s">
        <v>80</v>
      </c>
      <c r="D43213" s="1" t="s">
        <v>93470</v>
      </c>
      <c r="E43213" s="1" t="s">
        <v>147444</v>
      </c>
      <c r="F43213" s="1" t="s">
        <v>147445</v>
      </c>
      <c r="G43213" s="1" t="s">
        <v>147397</v>
      </c>
      <c r="H43213" s="1" t="s">
        <v>147398</v>
      </c>
      <c r="I43213" s="1" t="s">
        <v>146936</v>
      </c>
      <c r="J43213" s="1" t="s">
        <v>147446</v>
      </c>
    </row>
    <row r="43214" spans="1:10" x14ac:dyDescent="0.35">
      <c r="A43214" s="1" t="s">
        <v>29868</v>
      </c>
      <c r="B43214" s="1" t="s">
        <v>146931</v>
      </c>
      <c r="C43214" s="1" t="s">
        <v>85</v>
      </c>
      <c r="D43214" s="1" t="s">
        <v>147447</v>
      </c>
      <c r="E43214" s="1" t="s">
        <v>147448</v>
      </c>
      <c r="F43214" s="1" t="s">
        <v>147449</v>
      </c>
      <c r="G43214" s="1" t="s">
        <v>147397</v>
      </c>
      <c r="H43214" s="1" t="s">
        <v>147398</v>
      </c>
      <c r="I43214" s="1" t="s">
        <v>146936</v>
      </c>
      <c r="J43214" s="1" t="s">
        <v>147450</v>
      </c>
    </row>
    <row r="43215" spans="1:10" x14ac:dyDescent="0.35">
      <c r="A43215" s="1" t="s">
        <v>29868</v>
      </c>
      <c r="B43215" s="1" t="s">
        <v>146931</v>
      </c>
      <c r="C43215" s="1" t="s">
        <v>90</v>
      </c>
      <c r="D43215" s="1" t="s">
        <v>103928</v>
      </c>
      <c r="E43215" s="1" t="s">
        <v>147451</v>
      </c>
      <c r="F43215" s="1" t="s">
        <v>147452</v>
      </c>
      <c r="G43215" s="1" t="s">
        <v>147397</v>
      </c>
      <c r="H43215" s="1" t="s">
        <v>147398</v>
      </c>
      <c r="I43215" s="1" t="s">
        <v>146936</v>
      </c>
      <c r="J43215" s="1" t="s">
        <v>147453</v>
      </c>
    </row>
    <row r="43216" spans="1:10" x14ac:dyDescent="0.35">
      <c r="A43216" s="1" t="s">
        <v>29868</v>
      </c>
      <c r="B43216" s="1" t="s">
        <v>146931</v>
      </c>
      <c r="C43216" s="1" t="s">
        <v>95</v>
      </c>
      <c r="D43216" s="1" t="s">
        <v>147454</v>
      </c>
      <c r="E43216" s="1" t="s">
        <v>147455</v>
      </c>
      <c r="F43216" s="1" t="s">
        <v>147456</v>
      </c>
      <c r="G43216" s="1" t="s">
        <v>147397</v>
      </c>
      <c r="H43216" s="1" t="s">
        <v>147398</v>
      </c>
      <c r="I43216" s="1" t="s">
        <v>146936</v>
      </c>
      <c r="J43216" s="1" t="s">
        <v>147457</v>
      </c>
    </row>
    <row r="43217" spans="1:10" x14ac:dyDescent="0.35">
      <c r="A43217" s="1" t="s">
        <v>29868</v>
      </c>
      <c r="B43217" s="1" t="s">
        <v>146931</v>
      </c>
      <c r="C43217" s="1" t="s">
        <v>100</v>
      </c>
      <c r="D43217" s="1" t="s">
        <v>147458</v>
      </c>
      <c r="E43217" s="1" t="s">
        <v>147459</v>
      </c>
      <c r="F43217" s="1" t="s">
        <v>147460</v>
      </c>
      <c r="G43217" s="1" t="s">
        <v>147397</v>
      </c>
      <c r="H43217" s="1" t="s">
        <v>147398</v>
      </c>
      <c r="I43217" s="1" t="s">
        <v>146936</v>
      </c>
      <c r="J43217" s="1" t="s">
        <v>147461</v>
      </c>
    </row>
    <row r="43218" spans="1:10" x14ac:dyDescent="0.35">
      <c r="A43218" s="1" t="s">
        <v>29868</v>
      </c>
      <c r="B43218" s="1" t="s">
        <v>146931</v>
      </c>
      <c r="C43218" s="1" t="s">
        <v>105</v>
      </c>
      <c r="D43218" s="1" t="s">
        <v>147462</v>
      </c>
      <c r="E43218" s="1" t="s">
        <v>147463</v>
      </c>
      <c r="F43218" s="1" t="s">
        <v>147464</v>
      </c>
      <c r="G43218" s="1" t="s">
        <v>147397</v>
      </c>
      <c r="H43218" s="1" t="s">
        <v>147398</v>
      </c>
      <c r="I43218" s="1" t="s">
        <v>146936</v>
      </c>
      <c r="J43218" s="1" t="s">
        <v>147465</v>
      </c>
    </row>
    <row r="43219" spans="1:10" x14ac:dyDescent="0.35">
      <c r="A43219" s="1" t="s">
        <v>29868</v>
      </c>
      <c r="B43219" s="1" t="s">
        <v>146931</v>
      </c>
      <c r="C43219" s="1" t="s">
        <v>110</v>
      </c>
      <c r="D43219" s="1" t="s">
        <v>147466</v>
      </c>
      <c r="E43219" s="1" t="s">
        <v>147467</v>
      </c>
      <c r="F43219" s="1" t="s">
        <v>147468</v>
      </c>
      <c r="G43219" s="1" t="s">
        <v>147397</v>
      </c>
      <c r="H43219" s="1" t="s">
        <v>147398</v>
      </c>
      <c r="I43219" s="1" t="s">
        <v>146936</v>
      </c>
      <c r="J43219" s="1" t="s">
        <v>147469</v>
      </c>
    </row>
    <row r="43220" spans="1:10" x14ac:dyDescent="0.35">
      <c r="A43220" s="1" t="s">
        <v>29868</v>
      </c>
      <c r="B43220" s="1" t="s">
        <v>146931</v>
      </c>
      <c r="C43220" s="1" t="s">
        <v>115</v>
      </c>
      <c r="D43220" s="1" t="s">
        <v>59592</v>
      </c>
      <c r="E43220" s="1" t="s">
        <v>147470</v>
      </c>
      <c r="F43220" s="1" t="s">
        <v>104067</v>
      </c>
      <c r="G43220" s="1" t="s">
        <v>147397</v>
      </c>
      <c r="H43220" s="1" t="s">
        <v>147398</v>
      </c>
      <c r="I43220" s="1" t="s">
        <v>146936</v>
      </c>
      <c r="J43220" s="1" t="s">
        <v>147471</v>
      </c>
    </row>
    <row r="43221" spans="1:10" x14ac:dyDescent="0.35">
      <c r="A43221" s="1" t="s">
        <v>29868</v>
      </c>
      <c r="B43221" s="1" t="s">
        <v>146931</v>
      </c>
      <c r="C43221" s="1" t="s">
        <v>120</v>
      </c>
      <c r="D43221" s="1" t="s">
        <v>147472</v>
      </c>
      <c r="E43221" s="1" t="s">
        <v>147473</v>
      </c>
      <c r="F43221" s="1" t="s">
        <v>147474</v>
      </c>
      <c r="G43221" s="1" t="s">
        <v>147397</v>
      </c>
      <c r="H43221" s="1" t="s">
        <v>147398</v>
      </c>
      <c r="I43221" s="1" t="s">
        <v>146936</v>
      </c>
      <c r="J43221" s="1" t="s">
        <v>147475</v>
      </c>
    </row>
    <row r="43222" spans="1:10" x14ac:dyDescent="0.35">
      <c r="A43222" s="1" t="s">
        <v>29868</v>
      </c>
      <c r="B43222" s="1" t="s">
        <v>146931</v>
      </c>
      <c r="C43222" s="1" t="s">
        <v>125</v>
      </c>
      <c r="D43222" s="1" t="s">
        <v>17320</v>
      </c>
      <c r="E43222" s="1" t="s">
        <v>147476</v>
      </c>
      <c r="F43222" s="1" t="s">
        <v>147477</v>
      </c>
      <c r="G43222" s="1" t="s">
        <v>147397</v>
      </c>
      <c r="H43222" s="1" t="s">
        <v>147398</v>
      </c>
      <c r="I43222" s="1" t="s">
        <v>146936</v>
      </c>
      <c r="J43222" s="1" t="s">
        <v>147478</v>
      </c>
    </row>
    <row r="43223" spans="1:10" x14ac:dyDescent="0.35">
      <c r="A43223" s="1" t="s">
        <v>29868</v>
      </c>
      <c r="B43223" s="1" t="s">
        <v>146931</v>
      </c>
      <c r="C43223" s="1" t="s">
        <v>130</v>
      </c>
      <c r="D43223" s="1" t="s">
        <v>147479</v>
      </c>
      <c r="E43223" s="1" t="s">
        <v>147480</v>
      </c>
      <c r="F43223" s="1" t="s">
        <v>147481</v>
      </c>
      <c r="G43223" s="1" t="s">
        <v>147397</v>
      </c>
      <c r="H43223" s="1" t="s">
        <v>147398</v>
      </c>
      <c r="I43223" s="1" t="s">
        <v>146936</v>
      </c>
      <c r="J43223" s="1" t="s">
        <v>147482</v>
      </c>
    </row>
    <row r="43224" spans="1:10" x14ac:dyDescent="0.35">
      <c r="A43224" s="1" t="s">
        <v>29868</v>
      </c>
      <c r="B43224" s="1" t="s">
        <v>146931</v>
      </c>
      <c r="C43224" s="1" t="s">
        <v>135</v>
      </c>
      <c r="D43224" s="1" t="s">
        <v>84933</v>
      </c>
      <c r="E43224" s="1" t="s">
        <v>147483</v>
      </c>
      <c r="F43224" s="1" t="s">
        <v>147484</v>
      </c>
      <c r="G43224" s="1" t="s">
        <v>147397</v>
      </c>
      <c r="H43224" s="1" t="s">
        <v>147398</v>
      </c>
      <c r="I43224" s="1" t="s">
        <v>146936</v>
      </c>
      <c r="J43224" s="1" t="s">
        <v>147485</v>
      </c>
    </row>
    <row r="43225" spans="1:10" x14ac:dyDescent="0.35">
      <c r="A43225" s="1" t="s">
        <v>29868</v>
      </c>
      <c r="B43225" s="1" t="s">
        <v>146931</v>
      </c>
      <c r="C43225" s="1" t="s">
        <v>140</v>
      </c>
      <c r="D43225" s="1" t="s">
        <v>133989</v>
      </c>
      <c r="E43225" s="1" t="s">
        <v>147486</v>
      </c>
      <c r="F43225" s="1" t="s">
        <v>147487</v>
      </c>
      <c r="G43225" s="1" t="s">
        <v>147397</v>
      </c>
      <c r="H43225" s="1" t="s">
        <v>147398</v>
      </c>
      <c r="I43225" s="1" t="s">
        <v>146936</v>
      </c>
      <c r="J43225" s="1" t="s">
        <v>147488</v>
      </c>
    </row>
    <row r="43226" spans="1:10" x14ac:dyDescent="0.35">
      <c r="A43226" s="1" t="s">
        <v>29868</v>
      </c>
      <c r="B43226" s="1" t="s">
        <v>146931</v>
      </c>
      <c r="C43226" s="1" t="s">
        <v>145</v>
      </c>
      <c r="D43226" s="1" t="s">
        <v>97191</v>
      </c>
      <c r="E43226" s="1" t="s">
        <v>147489</v>
      </c>
      <c r="F43226" s="1" t="s">
        <v>147490</v>
      </c>
      <c r="G43226" s="1" t="s">
        <v>147397</v>
      </c>
      <c r="H43226" s="1" t="s">
        <v>147398</v>
      </c>
      <c r="I43226" s="1" t="s">
        <v>146936</v>
      </c>
      <c r="J43226" s="1" t="s">
        <v>147491</v>
      </c>
    </row>
    <row r="43227" spans="1:10" x14ac:dyDescent="0.35">
      <c r="A43227" s="1" t="s">
        <v>29868</v>
      </c>
      <c r="B43227" s="1" t="s">
        <v>146931</v>
      </c>
      <c r="C43227" s="1" t="s">
        <v>150</v>
      </c>
      <c r="D43227" s="1" t="s">
        <v>147492</v>
      </c>
      <c r="E43227" s="1" t="s">
        <v>147493</v>
      </c>
      <c r="F43227" s="1" t="s">
        <v>147494</v>
      </c>
      <c r="G43227" s="1" t="s">
        <v>147397</v>
      </c>
      <c r="H43227" s="1" t="s">
        <v>147398</v>
      </c>
      <c r="I43227" s="1" t="s">
        <v>146936</v>
      </c>
      <c r="J43227" s="1" t="s">
        <v>147495</v>
      </c>
    </row>
    <row r="43228" spans="1:10" x14ac:dyDescent="0.35">
      <c r="A43228" s="1" t="s">
        <v>29868</v>
      </c>
      <c r="B43228" s="1" t="s">
        <v>146931</v>
      </c>
      <c r="C43228" s="1" t="s">
        <v>155</v>
      </c>
      <c r="D43228" s="1" t="s">
        <v>133020</v>
      </c>
      <c r="E43228" s="1" t="s">
        <v>147496</v>
      </c>
      <c r="F43228" s="1" t="s">
        <v>147497</v>
      </c>
      <c r="G43228" s="1" t="s">
        <v>147397</v>
      </c>
      <c r="H43228" s="1" t="s">
        <v>147398</v>
      </c>
      <c r="I43228" s="1" t="s">
        <v>146936</v>
      </c>
      <c r="J43228" s="1" t="s">
        <v>147498</v>
      </c>
    </row>
    <row r="43229" spans="1:10" x14ac:dyDescent="0.35">
      <c r="A43229" s="1" t="s">
        <v>29868</v>
      </c>
      <c r="B43229" s="1" t="s">
        <v>146931</v>
      </c>
      <c r="C43229" s="1" t="s">
        <v>160</v>
      </c>
      <c r="D43229" s="1" t="s">
        <v>133001</v>
      </c>
      <c r="E43229" s="1" t="s">
        <v>147499</v>
      </c>
      <c r="F43229" s="1" t="s">
        <v>147500</v>
      </c>
      <c r="G43229" s="1" t="s">
        <v>147397</v>
      </c>
      <c r="H43229" s="1" t="s">
        <v>147398</v>
      </c>
      <c r="I43229" s="1" t="s">
        <v>146936</v>
      </c>
      <c r="J43229" s="1" t="s">
        <v>147501</v>
      </c>
    </row>
    <row r="43230" spans="1:10" x14ac:dyDescent="0.35">
      <c r="A43230" s="1" t="s">
        <v>29868</v>
      </c>
      <c r="B43230" s="1" t="s">
        <v>146931</v>
      </c>
      <c r="C43230" s="1" t="s">
        <v>165</v>
      </c>
      <c r="D43230" s="1" t="s">
        <v>133819</v>
      </c>
      <c r="E43230" s="1" t="s">
        <v>147502</v>
      </c>
      <c r="F43230" s="1" t="s">
        <v>147503</v>
      </c>
      <c r="G43230" s="1" t="s">
        <v>147397</v>
      </c>
      <c r="H43230" s="1" t="s">
        <v>147398</v>
      </c>
      <c r="I43230" s="1" t="s">
        <v>146936</v>
      </c>
      <c r="J43230" s="1" t="s">
        <v>147504</v>
      </c>
    </row>
    <row r="43231" spans="1:10" x14ac:dyDescent="0.35">
      <c r="A43231" s="1" t="s">
        <v>29868</v>
      </c>
      <c r="B43231" s="1" t="s">
        <v>146931</v>
      </c>
      <c r="C43231" s="1" t="s">
        <v>170</v>
      </c>
      <c r="D43231" s="1" t="s">
        <v>147505</v>
      </c>
      <c r="E43231" s="1" t="s">
        <v>147506</v>
      </c>
      <c r="F43231" s="1" t="s">
        <v>147507</v>
      </c>
      <c r="G43231" s="1" t="s">
        <v>147397</v>
      </c>
      <c r="H43231" s="1" t="s">
        <v>147398</v>
      </c>
      <c r="I43231" s="1" t="s">
        <v>146936</v>
      </c>
      <c r="J43231" s="1" t="s">
        <v>147508</v>
      </c>
    </row>
    <row r="43232" spans="1:10" x14ac:dyDescent="0.35">
      <c r="A43232" s="1" t="s">
        <v>9320</v>
      </c>
      <c r="B43232" s="1" t="s">
        <v>146931</v>
      </c>
      <c r="C43232" s="1" t="s">
        <v>8</v>
      </c>
      <c r="D43232" s="1" t="s">
        <v>147509</v>
      </c>
      <c r="E43232" s="1" t="s">
        <v>147510</v>
      </c>
      <c r="F43232" s="1" t="s">
        <v>147511</v>
      </c>
      <c r="G43232" s="1" t="s">
        <v>147512</v>
      </c>
      <c r="H43232" s="1" t="s">
        <v>147513</v>
      </c>
      <c r="I43232" s="1" t="s">
        <v>146936</v>
      </c>
      <c r="J43232" s="1" t="s">
        <v>13</v>
      </c>
    </row>
    <row r="43233" spans="1:10" x14ac:dyDescent="0.35">
      <c r="A43233" s="1" t="s">
        <v>9320</v>
      </c>
      <c r="B43233" s="1" t="s">
        <v>146931</v>
      </c>
      <c r="C43233" s="1" t="s">
        <v>15</v>
      </c>
      <c r="D43233" s="1" t="s">
        <v>147514</v>
      </c>
      <c r="E43233" s="1" t="s">
        <v>147515</v>
      </c>
      <c r="F43233" s="1" t="s">
        <v>147516</v>
      </c>
      <c r="G43233" s="1" t="s">
        <v>147512</v>
      </c>
      <c r="H43233" s="1" t="s">
        <v>147513</v>
      </c>
      <c r="I43233" s="1" t="s">
        <v>146936</v>
      </c>
      <c r="J43233" s="1" t="s">
        <v>147517</v>
      </c>
    </row>
    <row r="43234" spans="1:10" x14ac:dyDescent="0.35">
      <c r="A43234" s="1" t="s">
        <v>9320</v>
      </c>
      <c r="B43234" s="1" t="s">
        <v>146931</v>
      </c>
      <c r="C43234" s="1" t="s">
        <v>20</v>
      </c>
      <c r="D43234" s="1" t="s">
        <v>141995</v>
      </c>
      <c r="E43234" s="1" t="s">
        <v>147518</v>
      </c>
      <c r="F43234" s="1" t="s">
        <v>147519</v>
      </c>
      <c r="G43234" s="1" t="s">
        <v>147512</v>
      </c>
      <c r="H43234" s="1" t="s">
        <v>147513</v>
      </c>
      <c r="I43234" s="1" t="s">
        <v>146936</v>
      </c>
      <c r="J43234" s="1" t="s">
        <v>147520</v>
      </c>
    </row>
    <row r="43235" spans="1:10" x14ac:dyDescent="0.35">
      <c r="A43235" s="1" t="s">
        <v>9320</v>
      </c>
      <c r="B43235" s="1" t="s">
        <v>146931</v>
      </c>
      <c r="C43235" s="1" t="s">
        <v>25</v>
      </c>
      <c r="D43235" s="1" t="s">
        <v>14355</v>
      </c>
      <c r="E43235" s="1" t="s">
        <v>147521</v>
      </c>
      <c r="F43235" s="1" t="s">
        <v>147522</v>
      </c>
      <c r="G43235" s="1" t="s">
        <v>147512</v>
      </c>
      <c r="H43235" s="1" t="s">
        <v>147513</v>
      </c>
      <c r="I43235" s="1" t="s">
        <v>146936</v>
      </c>
      <c r="J43235" s="1" t="s">
        <v>147523</v>
      </c>
    </row>
    <row r="43236" spans="1:10" x14ac:dyDescent="0.35">
      <c r="A43236" s="1" t="s">
        <v>9320</v>
      </c>
      <c r="B43236" s="1" t="s">
        <v>146931</v>
      </c>
      <c r="C43236" s="1" t="s">
        <v>30</v>
      </c>
      <c r="D43236" s="1" t="s">
        <v>117864</v>
      </c>
      <c r="E43236" s="1" t="s">
        <v>147524</v>
      </c>
      <c r="F43236" s="1" t="s">
        <v>147525</v>
      </c>
      <c r="G43236" s="1" t="s">
        <v>147512</v>
      </c>
      <c r="H43236" s="1" t="s">
        <v>147513</v>
      </c>
      <c r="I43236" s="1" t="s">
        <v>146936</v>
      </c>
      <c r="J43236" s="1" t="s">
        <v>147526</v>
      </c>
    </row>
    <row r="43237" spans="1:10" x14ac:dyDescent="0.35">
      <c r="A43237" s="1" t="s">
        <v>9320</v>
      </c>
      <c r="B43237" s="1" t="s">
        <v>146931</v>
      </c>
      <c r="C43237" s="1" t="s">
        <v>35</v>
      </c>
      <c r="D43237" s="1" t="s">
        <v>147527</v>
      </c>
      <c r="E43237" s="1" t="s">
        <v>147528</v>
      </c>
      <c r="F43237" s="1" t="s">
        <v>147529</v>
      </c>
      <c r="G43237" s="1" t="s">
        <v>147512</v>
      </c>
      <c r="H43237" s="1" t="s">
        <v>147513</v>
      </c>
      <c r="I43237" s="1" t="s">
        <v>146936</v>
      </c>
      <c r="J43237" s="1" t="s">
        <v>147530</v>
      </c>
    </row>
    <row r="43238" spans="1:10" x14ac:dyDescent="0.35">
      <c r="A43238" s="1" t="s">
        <v>9320</v>
      </c>
      <c r="B43238" s="1" t="s">
        <v>146931</v>
      </c>
      <c r="C43238" s="1" t="s">
        <v>40</v>
      </c>
      <c r="D43238" s="1" t="s">
        <v>107119</v>
      </c>
      <c r="E43238" s="1" t="s">
        <v>147531</v>
      </c>
      <c r="F43238" s="1" t="s">
        <v>147532</v>
      </c>
      <c r="G43238" s="1" t="s">
        <v>147512</v>
      </c>
      <c r="H43238" s="1" t="s">
        <v>147513</v>
      </c>
      <c r="I43238" s="1" t="s">
        <v>146936</v>
      </c>
      <c r="J43238" s="1" t="s">
        <v>147533</v>
      </c>
    </row>
    <row r="43239" spans="1:10" x14ac:dyDescent="0.35">
      <c r="A43239" s="1" t="s">
        <v>9320</v>
      </c>
      <c r="B43239" s="1" t="s">
        <v>146931</v>
      </c>
      <c r="C43239" s="1" t="s">
        <v>45</v>
      </c>
      <c r="D43239" s="1" t="s">
        <v>147534</v>
      </c>
      <c r="E43239" s="1" t="s">
        <v>147535</v>
      </c>
      <c r="F43239" s="1" t="s">
        <v>147536</v>
      </c>
      <c r="G43239" s="1" t="s">
        <v>147512</v>
      </c>
      <c r="H43239" s="1" t="s">
        <v>147513</v>
      </c>
      <c r="I43239" s="1" t="s">
        <v>146936</v>
      </c>
      <c r="J43239" s="1" t="s">
        <v>147537</v>
      </c>
    </row>
    <row r="43240" spans="1:10" x14ac:dyDescent="0.35">
      <c r="A43240" s="1" t="s">
        <v>9320</v>
      </c>
      <c r="B43240" s="1" t="s">
        <v>146931</v>
      </c>
      <c r="C43240" s="1" t="s">
        <v>50</v>
      </c>
      <c r="D43240" s="1" t="s">
        <v>147538</v>
      </c>
      <c r="E43240" s="1" t="s">
        <v>147539</v>
      </c>
      <c r="F43240" s="1" t="s">
        <v>147540</v>
      </c>
      <c r="G43240" s="1" t="s">
        <v>147512</v>
      </c>
      <c r="H43240" s="1" t="s">
        <v>147513</v>
      </c>
      <c r="I43240" s="1" t="s">
        <v>146936</v>
      </c>
      <c r="J43240" s="1" t="s">
        <v>147541</v>
      </c>
    </row>
    <row r="43241" spans="1:10" x14ac:dyDescent="0.35">
      <c r="A43241" s="1" t="s">
        <v>9320</v>
      </c>
      <c r="B43241" s="1" t="s">
        <v>146931</v>
      </c>
      <c r="C43241" s="1" t="s">
        <v>55</v>
      </c>
      <c r="D43241" s="1" t="s">
        <v>77331</v>
      </c>
      <c r="E43241" s="1" t="s">
        <v>147542</v>
      </c>
      <c r="F43241" s="1" t="s">
        <v>147543</v>
      </c>
      <c r="G43241" s="1" t="s">
        <v>147512</v>
      </c>
      <c r="H43241" s="1" t="s">
        <v>147513</v>
      </c>
      <c r="I43241" s="1" t="s">
        <v>146936</v>
      </c>
      <c r="J43241" s="1" t="s">
        <v>147544</v>
      </c>
    </row>
    <row r="43242" spans="1:10" x14ac:dyDescent="0.35">
      <c r="A43242" s="1" t="s">
        <v>9320</v>
      </c>
      <c r="B43242" s="1" t="s">
        <v>146931</v>
      </c>
      <c r="C43242" s="1" t="s">
        <v>60</v>
      </c>
      <c r="D43242" s="1" t="s">
        <v>147545</v>
      </c>
      <c r="E43242" s="1" t="s">
        <v>147546</v>
      </c>
      <c r="F43242" s="1" t="s">
        <v>147547</v>
      </c>
      <c r="G43242" s="1" t="s">
        <v>147512</v>
      </c>
      <c r="H43242" s="1" t="s">
        <v>147513</v>
      </c>
      <c r="I43242" s="1" t="s">
        <v>146936</v>
      </c>
      <c r="J43242" s="1" t="s">
        <v>147548</v>
      </c>
    </row>
    <row r="43243" spans="1:10" x14ac:dyDescent="0.35">
      <c r="A43243" s="1" t="s">
        <v>9320</v>
      </c>
      <c r="B43243" s="1" t="s">
        <v>146931</v>
      </c>
      <c r="C43243" s="1" t="s">
        <v>65</v>
      </c>
      <c r="D43243" s="1" t="s">
        <v>67944</v>
      </c>
      <c r="E43243" s="1" t="s">
        <v>147549</v>
      </c>
      <c r="F43243" s="1" t="s">
        <v>147550</v>
      </c>
      <c r="G43243" s="1" t="s">
        <v>147512</v>
      </c>
      <c r="H43243" s="1" t="s">
        <v>147513</v>
      </c>
      <c r="I43243" s="1" t="s">
        <v>146936</v>
      </c>
      <c r="J43243" s="1" t="s">
        <v>147551</v>
      </c>
    </row>
    <row r="43244" spans="1:10" x14ac:dyDescent="0.35">
      <c r="A43244" s="1" t="s">
        <v>9320</v>
      </c>
      <c r="B43244" s="1" t="s">
        <v>146931</v>
      </c>
      <c r="C43244" s="1" t="s">
        <v>70</v>
      </c>
      <c r="D43244" s="1" t="s">
        <v>61304</v>
      </c>
      <c r="E43244" s="1" t="s">
        <v>147552</v>
      </c>
      <c r="F43244" s="1" t="s">
        <v>147553</v>
      </c>
      <c r="G43244" s="1" t="s">
        <v>147512</v>
      </c>
      <c r="H43244" s="1" t="s">
        <v>147513</v>
      </c>
      <c r="I43244" s="1" t="s">
        <v>146936</v>
      </c>
      <c r="J43244" s="1" t="s">
        <v>147554</v>
      </c>
    </row>
    <row r="43245" spans="1:10" x14ac:dyDescent="0.35">
      <c r="A43245" s="1" t="s">
        <v>9320</v>
      </c>
      <c r="B43245" s="1" t="s">
        <v>146931</v>
      </c>
      <c r="C43245" s="1" t="s">
        <v>75</v>
      </c>
      <c r="D43245" s="1" t="s">
        <v>147555</v>
      </c>
      <c r="E43245" s="1" t="s">
        <v>147556</v>
      </c>
      <c r="F43245" s="1" t="s">
        <v>147557</v>
      </c>
      <c r="G43245" s="1" t="s">
        <v>147512</v>
      </c>
      <c r="H43245" s="1" t="s">
        <v>147513</v>
      </c>
      <c r="I43245" s="1" t="s">
        <v>146936</v>
      </c>
      <c r="J43245" s="1" t="s">
        <v>147558</v>
      </c>
    </row>
    <row r="43246" spans="1:10" x14ac:dyDescent="0.35">
      <c r="A43246" s="1" t="s">
        <v>9320</v>
      </c>
      <c r="B43246" s="1" t="s">
        <v>146931</v>
      </c>
      <c r="C43246" s="1" t="s">
        <v>80</v>
      </c>
      <c r="D43246" s="1" t="s">
        <v>147559</v>
      </c>
      <c r="E43246" s="1" t="s">
        <v>147560</v>
      </c>
      <c r="F43246" s="1" t="s">
        <v>147561</v>
      </c>
      <c r="G43246" s="1" t="s">
        <v>147512</v>
      </c>
      <c r="H43246" s="1" t="s">
        <v>147513</v>
      </c>
      <c r="I43246" s="1" t="s">
        <v>146936</v>
      </c>
      <c r="J43246" s="1" t="s">
        <v>147562</v>
      </c>
    </row>
    <row r="43247" spans="1:10" x14ac:dyDescent="0.35">
      <c r="A43247" s="1" t="s">
        <v>9320</v>
      </c>
      <c r="B43247" s="1" t="s">
        <v>146931</v>
      </c>
      <c r="C43247" s="1" t="s">
        <v>85</v>
      </c>
      <c r="D43247" s="1" t="s">
        <v>147563</v>
      </c>
      <c r="E43247" s="1" t="s">
        <v>147564</v>
      </c>
      <c r="F43247" s="1" t="s">
        <v>147565</v>
      </c>
      <c r="G43247" s="1" t="s">
        <v>147512</v>
      </c>
      <c r="H43247" s="1" t="s">
        <v>147513</v>
      </c>
      <c r="I43247" s="1" t="s">
        <v>146936</v>
      </c>
      <c r="J43247" s="1" t="s">
        <v>147566</v>
      </c>
    </row>
    <row r="43248" spans="1:10" x14ac:dyDescent="0.35">
      <c r="A43248" s="1" t="s">
        <v>9320</v>
      </c>
      <c r="B43248" s="1" t="s">
        <v>146931</v>
      </c>
      <c r="C43248" s="1" t="s">
        <v>90</v>
      </c>
      <c r="D43248" s="1" t="s">
        <v>97111</v>
      </c>
      <c r="E43248" s="1" t="s">
        <v>147567</v>
      </c>
      <c r="F43248" s="1" t="s">
        <v>147568</v>
      </c>
      <c r="G43248" s="1" t="s">
        <v>147512</v>
      </c>
      <c r="H43248" s="1" t="s">
        <v>147513</v>
      </c>
      <c r="I43248" s="1" t="s">
        <v>146936</v>
      </c>
      <c r="J43248" s="1" t="s">
        <v>147569</v>
      </c>
    </row>
    <row r="43249" spans="1:10" x14ac:dyDescent="0.35">
      <c r="A43249" s="1" t="s">
        <v>9320</v>
      </c>
      <c r="B43249" s="1" t="s">
        <v>146931</v>
      </c>
      <c r="C43249" s="1" t="s">
        <v>95</v>
      </c>
      <c r="D43249" s="1" t="s">
        <v>147570</v>
      </c>
      <c r="E43249" s="1" t="s">
        <v>147571</v>
      </c>
      <c r="F43249" s="1" t="s">
        <v>147572</v>
      </c>
      <c r="G43249" s="1" t="s">
        <v>147512</v>
      </c>
      <c r="H43249" s="1" t="s">
        <v>147513</v>
      </c>
      <c r="I43249" s="1" t="s">
        <v>146936</v>
      </c>
      <c r="J43249" s="1" t="s">
        <v>147573</v>
      </c>
    </row>
    <row r="43250" spans="1:10" x14ac:dyDescent="0.35">
      <c r="A43250" s="1" t="s">
        <v>9320</v>
      </c>
      <c r="B43250" s="1" t="s">
        <v>146931</v>
      </c>
      <c r="C43250" s="1" t="s">
        <v>100</v>
      </c>
      <c r="D43250" s="1" t="s">
        <v>4834</v>
      </c>
      <c r="E43250" s="1" t="s">
        <v>147574</v>
      </c>
      <c r="F43250" s="1" t="s">
        <v>147575</v>
      </c>
      <c r="G43250" s="1" t="s">
        <v>147512</v>
      </c>
      <c r="H43250" s="1" t="s">
        <v>147513</v>
      </c>
      <c r="I43250" s="1" t="s">
        <v>146936</v>
      </c>
      <c r="J43250" s="1" t="s">
        <v>147576</v>
      </c>
    </row>
    <row r="43251" spans="1:10" x14ac:dyDescent="0.35">
      <c r="A43251" s="1" t="s">
        <v>9320</v>
      </c>
      <c r="B43251" s="1" t="s">
        <v>146931</v>
      </c>
      <c r="C43251" s="1" t="s">
        <v>105</v>
      </c>
      <c r="D43251" s="1" t="s">
        <v>147577</v>
      </c>
      <c r="E43251" s="1" t="s">
        <v>147578</v>
      </c>
      <c r="F43251" s="1" t="s">
        <v>147579</v>
      </c>
      <c r="G43251" s="1" t="s">
        <v>147512</v>
      </c>
      <c r="H43251" s="1" t="s">
        <v>147513</v>
      </c>
      <c r="I43251" s="1" t="s">
        <v>146936</v>
      </c>
      <c r="J43251" s="1" t="s">
        <v>147580</v>
      </c>
    </row>
    <row r="43252" spans="1:10" x14ac:dyDescent="0.35">
      <c r="A43252" s="1" t="s">
        <v>9320</v>
      </c>
      <c r="B43252" s="1" t="s">
        <v>146931</v>
      </c>
      <c r="C43252" s="1" t="s">
        <v>110</v>
      </c>
      <c r="D43252" s="1" t="s">
        <v>22437</v>
      </c>
      <c r="E43252" s="1" t="s">
        <v>147581</v>
      </c>
      <c r="F43252" s="1" t="s">
        <v>147582</v>
      </c>
      <c r="G43252" s="1" t="s">
        <v>147512</v>
      </c>
      <c r="H43252" s="1" t="s">
        <v>147513</v>
      </c>
      <c r="I43252" s="1" t="s">
        <v>146936</v>
      </c>
      <c r="J43252" s="1" t="s">
        <v>147583</v>
      </c>
    </row>
    <row r="43253" spans="1:10" x14ac:dyDescent="0.35">
      <c r="A43253" s="1" t="s">
        <v>9320</v>
      </c>
      <c r="B43253" s="1" t="s">
        <v>146931</v>
      </c>
      <c r="C43253" s="1" t="s">
        <v>115</v>
      </c>
      <c r="D43253" s="1" t="s">
        <v>138359</v>
      </c>
      <c r="E43253" s="1" t="s">
        <v>147584</v>
      </c>
      <c r="F43253" s="1" t="s">
        <v>147585</v>
      </c>
      <c r="G43253" s="1" t="s">
        <v>147512</v>
      </c>
      <c r="H43253" s="1" t="s">
        <v>147513</v>
      </c>
      <c r="I43253" s="1" t="s">
        <v>146936</v>
      </c>
      <c r="J43253" s="1" t="s">
        <v>147586</v>
      </c>
    </row>
    <row r="43254" spans="1:10" x14ac:dyDescent="0.35">
      <c r="A43254" s="1" t="s">
        <v>9320</v>
      </c>
      <c r="B43254" s="1" t="s">
        <v>146931</v>
      </c>
      <c r="C43254" s="1" t="s">
        <v>120</v>
      </c>
      <c r="D43254" s="1" t="s">
        <v>94061</v>
      </c>
      <c r="E43254" s="1" t="s">
        <v>147587</v>
      </c>
      <c r="F43254" s="1" t="s">
        <v>147588</v>
      </c>
      <c r="G43254" s="1" t="s">
        <v>147512</v>
      </c>
      <c r="H43254" s="1" t="s">
        <v>147513</v>
      </c>
      <c r="I43254" s="1" t="s">
        <v>146936</v>
      </c>
      <c r="J43254" s="1" t="s">
        <v>147589</v>
      </c>
    </row>
    <row r="43255" spans="1:10" x14ac:dyDescent="0.35">
      <c r="A43255" s="1" t="s">
        <v>9320</v>
      </c>
      <c r="B43255" s="1" t="s">
        <v>146931</v>
      </c>
      <c r="C43255" s="1" t="s">
        <v>125</v>
      </c>
      <c r="D43255" s="1" t="s">
        <v>64790</v>
      </c>
      <c r="E43255" s="1" t="s">
        <v>147590</v>
      </c>
      <c r="F43255" s="1" t="s">
        <v>147591</v>
      </c>
      <c r="G43255" s="1" t="s">
        <v>147512</v>
      </c>
      <c r="H43255" s="1" t="s">
        <v>147513</v>
      </c>
      <c r="I43255" s="1" t="s">
        <v>146936</v>
      </c>
      <c r="J43255" s="1" t="s">
        <v>147592</v>
      </c>
    </row>
    <row r="43256" spans="1:10" x14ac:dyDescent="0.35">
      <c r="A43256" s="1" t="s">
        <v>9320</v>
      </c>
      <c r="B43256" s="1" t="s">
        <v>146931</v>
      </c>
      <c r="C43256" s="1" t="s">
        <v>130</v>
      </c>
      <c r="D43256" s="1" t="s">
        <v>85895</v>
      </c>
      <c r="E43256" s="1" t="s">
        <v>147593</v>
      </c>
      <c r="F43256" s="1" t="s">
        <v>147594</v>
      </c>
      <c r="G43256" s="1" t="s">
        <v>147512</v>
      </c>
      <c r="H43256" s="1" t="s">
        <v>147513</v>
      </c>
      <c r="I43256" s="1" t="s">
        <v>146936</v>
      </c>
      <c r="J43256" s="1" t="s">
        <v>147595</v>
      </c>
    </row>
    <row r="43257" spans="1:10" x14ac:dyDescent="0.35">
      <c r="A43257" s="1" t="s">
        <v>9320</v>
      </c>
      <c r="B43257" s="1" t="s">
        <v>146931</v>
      </c>
      <c r="C43257" s="1" t="s">
        <v>135</v>
      </c>
      <c r="D43257" s="1" t="s">
        <v>147596</v>
      </c>
      <c r="E43257" s="1" t="s">
        <v>147597</v>
      </c>
      <c r="F43257" s="1" t="s">
        <v>147598</v>
      </c>
      <c r="G43257" s="1" t="s">
        <v>147512</v>
      </c>
      <c r="H43257" s="1" t="s">
        <v>147513</v>
      </c>
      <c r="I43257" s="1" t="s">
        <v>146936</v>
      </c>
      <c r="J43257" s="1" t="s">
        <v>147599</v>
      </c>
    </row>
    <row r="43258" spans="1:10" x14ac:dyDescent="0.35">
      <c r="A43258" s="1" t="s">
        <v>9320</v>
      </c>
      <c r="B43258" s="1" t="s">
        <v>146931</v>
      </c>
      <c r="C43258" s="1" t="s">
        <v>140</v>
      </c>
      <c r="D43258" s="1" t="s">
        <v>21402</v>
      </c>
      <c r="E43258" s="1" t="s">
        <v>147600</v>
      </c>
      <c r="F43258" s="1" t="s">
        <v>147601</v>
      </c>
      <c r="G43258" s="1" t="s">
        <v>147512</v>
      </c>
      <c r="H43258" s="1" t="s">
        <v>147513</v>
      </c>
      <c r="I43258" s="1" t="s">
        <v>146936</v>
      </c>
      <c r="J43258" s="1" t="s">
        <v>147602</v>
      </c>
    </row>
    <row r="43259" spans="1:10" x14ac:dyDescent="0.35">
      <c r="A43259" s="1" t="s">
        <v>9320</v>
      </c>
      <c r="B43259" s="1" t="s">
        <v>146931</v>
      </c>
      <c r="C43259" s="1" t="s">
        <v>145</v>
      </c>
      <c r="D43259" s="1" t="s">
        <v>147603</v>
      </c>
      <c r="E43259" s="1" t="s">
        <v>147604</v>
      </c>
      <c r="F43259" s="1" t="s">
        <v>147605</v>
      </c>
      <c r="G43259" s="1" t="s">
        <v>147512</v>
      </c>
      <c r="H43259" s="1" t="s">
        <v>147513</v>
      </c>
      <c r="I43259" s="1" t="s">
        <v>146936</v>
      </c>
      <c r="J43259" s="1" t="s">
        <v>147606</v>
      </c>
    </row>
    <row r="43260" spans="1:10" x14ac:dyDescent="0.35">
      <c r="A43260" s="1" t="s">
        <v>9320</v>
      </c>
      <c r="B43260" s="1" t="s">
        <v>146931</v>
      </c>
      <c r="C43260" s="1" t="s">
        <v>150</v>
      </c>
      <c r="D43260" s="1" t="s">
        <v>147607</v>
      </c>
      <c r="E43260" s="1" t="s">
        <v>147608</v>
      </c>
      <c r="F43260" s="1" t="s">
        <v>147609</v>
      </c>
      <c r="G43260" s="1" t="s">
        <v>147512</v>
      </c>
      <c r="H43260" s="1" t="s">
        <v>147513</v>
      </c>
      <c r="I43260" s="1" t="s">
        <v>146936</v>
      </c>
      <c r="J43260" s="1" t="s">
        <v>147610</v>
      </c>
    </row>
    <row r="43261" spans="1:10" x14ac:dyDescent="0.35">
      <c r="A43261" s="1" t="s">
        <v>9320</v>
      </c>
      <c r="B43261" s="1" t="s">
        <v>146931</v>
      </c>
      <c r="C43261" s="1" t="s">
        <v>155</v>
      </c>
      <c r="D43261" s="1" t="s">
        <v>105801</v>
      </c>
      <c r="E43261" s="1" t="s">
        <v>147611</v>
      </c>
      <c r="F43261" s="1" t="s">
        <v>147612</v>
      </c>
      <c r="G43261" s="1" t="s">
        <v>147512</v>
      </c>
      <c r="H43261" s="1" t="s">
        <v>147513</v>
      </c>
      <c r="I43261" s="1" t="s">
        <v>146936</v>
      </c>
      <c r="J43261" s="1" t="s">
        <v>147613</v>
      </c>
    </row>
    <row r="43262" spans="1:10" x14ac:dyDescent="0.35">
      <c r="A43262" s="1" t="s">
        <v>9320</v>
      </c>
      <c r="B43262" s="1" t="s">
        <v>146931</v>
      </c>
      <c r="C43262" s="1" t="s">
        <v>160</v>
      </c>
      <c r="D43262" s="1" t="s">
        <v>80912</v>
      </c>
      <c r="E43262" s="1" t="s">
        <v>147614</v>
      </c>
      <c r="F43262" s="1" t="s">
        <v>147615</v>
      </c>
      <c r="G43262" s="1" t="s">
        <v>147512</v>
      </c>
      <c r="H43262" s="1" t="s">
        <v>147513</v>
      </c>
      <c r="I43262" s="1" t="s">
        <v>146936</v>
      </c>
      <c r="J43262" s="1" t="s">
        <v>147616</v>
      </c>
    </row>
    <row r="43263" spans="1:10" x14ac:dyDescent="0.35">
      <c r="A43263" s="1" t="s">
        <v>9320</v>
      </c>
      <c r="B43263" s="1" t="s">
        <v>146931</v>
      </c>
      <c r="C43263" s="1" t="s">
        <v>165</v>
      </c>
      <c r="D43263" s="1" t="s">
        <v>133264</v>
      </c>
      <c r="E43263" s="1" t="s">
        <v>147617</v>
      </c>
      <c r="F43263" s="1" t="s">
        <v>147618</v>
      </c>
      <c r="G43263" s="1" t="s">
        <v>147512</v>
      </c>
      <c r="H43263" s="1" t="s">
        <v>147513</v>
      </c>
      <c r="I43263" s="1" t="s">
        <v>146936</v>
      </c>
      <c r="J43263" s="1" t="s">
        <v>147619</v>
      </c>
    </row>
    <row r="43264" spans="1:10" x14ac:dyDescent="0.35">
      <c r="A43264" s="1" t="s">
        <v>9320</v>
      </c>
      <c r="B43264" s="1" t="s">
        <v>146931</v>
      </c>
      <c r="C43264" s="1" t="s">
        <v>170</v>
      </c>
      <c r="D43264" s="1" t="s">
        <v>147620</v>
      </c>
      <c r="E43264" s="1" t="s">
        <v>147621</v>
      </c>
      <c r="F43264" s="1" t="s">
        <v>147622</v>
      </c>
      <c r="G43264" s="1" t="s">
        <v>147512</v>
      </c>
      <c r="H43264" s="1" t="s">
        <v>147513</v>
      </c>
      <c r="I43264" s="1" t="s">
        <v>146936</v>
      </c>
      <c r="J43264" s="1" t="s">
        <v>147623</v>
      </c>
    </row>
    <row r="43265" spans="1:10" x14ac:dyDescent="0.35">
      <c r="A43265" s="1" t="s">
        <v>10507</v>
      </c>
      <c r="B43265" s="1" t="s">
        <v>146931</v>
      </c>
      <c r="C43265" s="1" t="s">
        <v>8</v>
      </c>
      <c r="D43265" s="1" t="s">
        <v>147624</v>
      </c>
      <c r="E43265" s="1" t="s">
        <v>147625</v>
      </c>
      <c r="F43265" s="1" t="s">
        <v>147626</v>
      </c>
      <c r="G43265" s="1" t="s">
        <v>147627</v>
      </c>
      <c r="H43265" s="1" t="s">
        <v>147628</v>
      </c>
      <c r="I43265" s="1" t="s">
        <v>146936</v>
      </c>
      <c r="J43265" s="1" t="s">
        <v>13</v>
      </c>
    </row>
    <row r="43266" spans="1:10" x14ac:dyDescent="0.35">
      <c r="A43266" s="1" t="s">
        <v>10507</v>
      </c>
      <c r="B43266" s="1" t="s">
        <v>146931</v>
      </c>
      <c r="C43266" s="1" t="s">
        <v>15</v>
      </c>
      <c r="D43266" s="1" t="s">
        <v>147629</v>
      </c>
      <c r="E43266" s="1" t="s">
        <v>147630</v>
      </c>
      <c r="F43266" s="1" t="s">
        <v>147631</v>
      </c>
      <c r="G43266" s="1" t="s">
        <v>147627</v>
      </c>
      <c r="H43266" s="1" t="s">
        <v>147628</v>
      </c>
      <c r="I43266" s="1" t="s">
        <v>146936</v>
      </c>
      <c r="J43266" s="1" t="s">
        <v>147632</v>
      </c>
    </row>
    <row r="43267" spans="1:10" x14ac:dyDescent="0.35">
      <c r="A43267" s="1" t="s">
        <v>10507</v>
      </c>
      <c r="B43267" s="1" t="s">
        <v>146931</v>
      </c>
      <c r="C43267" s="1" t="s">
        <v>20</v>
      </c>
      <c r="D43267" s="1" t="s">
        <v>147633</v>
      </c>
      <c r="E43267" s="1" t="s">
        <v>147634</v>
      </c>
      <c r="F43267" s="1" t="s">
        <v>147635</v>
      </c>
      <c r="G43267" s="1" t="s">
        <v>147627</v>
      </c>
      <c r="H43267" s="1" t="s">
        <v>147628</v>
      </c>
      <c r="I43267" s="1" t="s">
        <v>146936</v>
      </c>
      <c r="J43267" s="1" t="s">
        <v>147636</v>
      </c>
    </row>
    <row r="43268" spans="1:10" x14ac:dyDescent="0.35">
      <c r="A43268" s="1" t="s">
        <v>10507</v>
      </c>
      <c r="B43268" s="1" t="s">
        <v>146931</v>
      </c>
      <c r="C43268" s="1" t="s">
        <v>25</v>
      </c>
      <c r="D43268" s="1" t="s">
        <v>147637</v>
      </c>
      <c r="E43268" s="1" t="s">
        <v>147638</v>
      </c>
      <c r="F43268" s="1" t="s">
        <v>147639</v>
      </c>
      <c r="G43268" s="1" t="s">
        <v>147627</v>
      </c>
      <c r="H43268" s="1" t="s">
        <v>147628</v>
      </c>
      <c r="I43268" s="1" t="s">
        <v>146936</v>
      </c>
      <c r="J43268" s="1" t="s">
        <v>147640</v>
      </c>
    </row>
    <row r="43269" spans="1:10" x14ac:dyDescent="0.35">
      <c r="A43269" s="1" t="s">
        <v>10507</v>
      </c>
      <c r="B43269" s="1" t="s">
        <v>146931</v>
      </c>
      <c r="C43269" s="1" t="s">
        <v>30</v>
      </c>
      <c r="D43269" s="1" t="s">
        <v>147641</v>
      </c>
      <c r="E43269" s="1" t="s">
        <v>147642</v>
      </c>
      <c r="F43269" s="1" t="s">
        <v>147643</v>
      </c>
      <c r="G43269" s="1" t="s">
        <v>147627</v>
      </c>
      <c r="H43269" s="1" t="s">
        <v>147628</v>
      </c>
      <c r="I43269" s="1" t="s">
        <v>146936</v>
      </c>
      <c r="J43269" s="1" t="s">
        <v>147644</v>
      </c>
    </row>
    <row r="43270" spans="1:10" x14ac:dyDescent="0.35">
      <c r="A43270" s="1" t="s">
        <v>10507</v>
      </c>
      <c r="B43270" s="1" t="s">
        <v>146931</v>
      </c>
      <c r="C43270" s="1" t="s">
        <v>35</v>
      </c>
      <c r="D43270" s="1" t="s">
        <v>147645</v>
      </c>
      <c r="E43270" s="1" t="s">
        <v>147646</v>
      </c>
      <c r="F43270" s="1" t="s">
        <v>147647</v>
      </c>
      <c r="G43270" s="1" t="s">
        <v>147627</v>
      </c>
      <c r="H43270" s="1" t="s">
        <v>147628</v>
      </c>
      <c r="I43270" s="1" t="s">
        <v>146936</v>
      </c>
      <c r="J43270" s="1" t="s">
        <v>147648</v>
      </c>
    </row>
    <row r="43271" spans="1:10" x14ac:dyDescent="0.35">
      <c r="A43271" s="1" t="s">
        <v>10507</v>
      </c>
      <c r="B43271" s="1" t="s">
        <v>146931</v>
      </c>
      <c r="C43271" s="1" t="s">
        <v>40</v>
      </c>
      <c r="D43271" s="1" t="s">
        <v>147649</v>
      </c>
      <c r="E43271" s="1" t="s">
        <v>147650</v>
      </c>
      <c r="F43271" s="1" t="s">
        <v>147651</v>
      </c>
      <c r="G43271" s="1" t="s">
        <v>147627</v>
      </c>
      <c r="H43271" s="1" t="s">
        <v>147628</v>
      </c>
      <c r="I43271" s="1" t="s">
        <v>146936</v>
      </c>
      <c r="J43271" s="1" t="s">
        <v>147652</v>
      </c>
    </row>
    <row r="43272" spans="1:10" x14ac:dyDescent="0.35">
      <c r="A43272" s="1" t="s">
        <v>10507</v>
      </c>
      <c r="B43272" s="1" t="s">
        <v>146931</v>
      </c>
      <c r="C43272" s="1" t="s">
        <v>45</v>
      </c>
      <c r="D43272" s="1" t="s">
        <v>147653</v>
      </c>
      <c r="E43272" s="1" t="s">
        <v>147654</v>
      </c>
      <c r="F43272" s="1" t="s">
        <v>147655</v>
      </c>
      <c r="G43272" s="1" t="s">
        <v>147627</v>
      </c>
      <c r="H43272" s="1" t="s">
        <v>147628</v>
      </c>
      <c r="I43272" s="1" t="s">
        <v>146936</v>
      </c>
      <c r="J43272" s="1" t="s">
        <v>147656</v>
      </c>
    </row>
    <row r="43273" spans="1:10" x14ac:dyDescent="0.35">
      <c r="A43273" s="1" t="s">
        <v>10507</v>
      </c>
      <c r="B43273" s="1" t="s">
        <v>146931</v>
      </c>
      <c r="C43273" s="1" t="s">
        <v>50</v>
      </c>
      <c r="D43273" s="1" t="s">
        <v>76077</v>
      </c>
      <c r="E43273" s="1" t="s">
        <v>147657</v>
      </c>
      <c r="F43273" s="1" t="s">
        <v>147658</v>
      </c>
      <c r="G43273" s="1" t="s">
        <v>147627</v>
      </c>
      <c r="H43273" s="1" t="s">
        <v>147628</v>
      </c>
      <c r="I43273" s="1" t="s">
        <v>146936</v>
      </c>
      <c r="J43273" s="1" t="s">
        <v>147659</v>
      </c>
    </row>
    <row r="43274" spans="1:10" x14ac:dyDescent="0.35">
      <c r="A43274" s="1" t="s">
        <v>10507</v>
      </c>
      <c r="B43274" s="1" t="s">
        <v>146931</v>
      </c>
      <c r="C43274" s="1" t="s">
        <v>55</v>
      </c>
      <c r="D43274" s="1" t="s">
        <v>147660</v>
      </c>
      <c r="E43274" s="1" t="s">
        <v>147661</v>
      </c>
      <c r="F43274" s="1" t="s">
        <v>147662</v>
      </c>
      <c r="G43274" s="1" t="s">
        <v>147627</v>
      </c>
      <c r="H43274" s="1" t="s">
        <v>147628</v>
      </c>
      <c r="I43274" s="1" t="s">
        <v>146936</v>
      </c>
      <c r="J43274" s="1" t="s">
        <v>147663</v>
      </c>
    </row>
    <row r="43275" spans="1:10" x14ac:dyDescent="0.35">
      <c r="A43275" s="1" t="s">
        <v>10507</v>
      </c>
      <c r="B43275" s="1" t="s">
        <v>146931</v>
      </c>
      <c r="C43275" s="1" t="s">
        <v>60</v>
      </c>
      <c r="D43275" s="1" t="s">
        <v>97818</v>
      </c>
      <c r="E43275" s="1" t="s">
        <v>147664</v>
      </c>
      <c r="F43275" s="1" t="s">
        <v>147665</v>
      </c>
      <c r="G43275" s="1" t="s">
        <v>147627</v>
      </c>
      <c r="H43275" s="1" t="s">
        <v>147628</v>
      </c>
      <c r="I43275" s="1" t="s">
        <v>146936</v>
      </c>
      <c r="J43275" s="1" t="s">
        <v>147666</v>
      </c>
    </row>
    <row r="43276" spans="1:10" x14ac:dyDescent="0.35">
      <c r="A43276" s="1" t="s">
        <v>10507</v>
      </c>
      <c r="B43276" s="1" t="s">
        <v>146931</v>
      </c>
      <c r="C43276" s="1" t="s">
        <v>65</v>
      </c>
      <c r="D43276" s="1" t="s">
        <v>147667</v>
      </c>
      <c r="E43276" s="1" t="s">
        <v>147668</v>
      </c>
      <c r="F43276" s="1" t="s">
        <v>147669</v>
      </c>
      <c r="G43276" s="1" t="s">
        <v>147627</v>
      </c>
      <c r="H43276" s="1" t="s">
        <v>147628</v>
      </c>
      <c r="I43276" s="1" t="s">
        <v>146936</v>
      </c>
      <c r="J43276" s="1" t="s">
        <v>147670</v>
      </c>
    </row>
    <row r="43277" spans="1:10" x14ac:dyDescent="0.35">
      <c r="A43277" s="1" t="s">
        <v>10507</v>
      </c>
      <c r="B43277" s="1" t="s">
        <v>146931</v>
      </c>
      <c r="C43277" s="1" t="s">
        <v>70</v>
      </c>
      <c r="D43277" s="1" t="s">
        <v>60398</v>
      </c>
      <c r="E43277" s="1" t="s">
        <v>147671</v>
      </c>
      <c r="F43277" s="1" t="s">
        <v>147672</v>
      </c>
      <c r="G43277" s="1" t="s">
        <v>147627</v>
      </c>
      <c r="H43277" s="1" t="s">
        <v>147628</v>
      </c>
      <c r="I43277" s="1" t="s">
        <v>146936</v>
      </c>
      <c r="J43277" s="1" t="s">
        <v>147673</v>
      </c>
    </row>
    <row r="43278" spans="1:10" x14ac:dyDescent="0.35">
      <c r="A43278" s="1" t="s">
        <v>10507</v>
      </c>
      <c r="B43278" s="1" t="s">
        <v>146931</v>
      </c>
      <c r="C43278" s="1" t="s">
        <v>75</v>
      </c>
      <c r="D43278" s="1" t="s">
        <v>42298</v>
      </c>
      <c r="E43278" s="1" t="s">
        <v>147674</v>
      </c>
      <c r="F43278" s="1" t="s">
        <v>147675</v>
      </c>
      <c r="G43278" s="1" t="s">
        <v>147627</v>
      </c>
      <c r="H43278" s="1" t="s">
        <v>147628</v>
      </c>
      <c r="I43278" s="1" t="s">
        <v>146936</v>
      </c>
      <c r="J43278" s="1" t="s">
        <v>147676</v>
      </c>
    </row>
    <row r="43279" spans="1:10" x14ac:dyDescent="0.35">
      <c r="A43279" s="1" t="s">
        <v>10507</v>
      </c>
      <c r="B43279" s="1" t="s">
        <v>146931</v>
      </c>
      <c r="C43279" s="1" t="s">
        <v>80</v>
      </c>
      <c r="D43279" s="1" t="s">
        <v>100187</v>
      </c>
      <c r="E43279" s="1" t="s">
        <v>147677</v>
      </c>
      <c r="F43279" s="1" t="s">
        <v>147678</v>
      </c>
      <c r="G43279" s="1" t="s">
        <v>147627</v>
      </c>
      <c r="H43279" s="1" t="s">
        <v>147628</v>
      </c>
      <c r="I43279" s="1" t="s">
        <v>146936</v>
      </c>
      <c r="J43279" s="1" t="s">
        <v>147679</v>
      </c>
    </row>
    <row r="43280" spans="1:10" x14ac:dyDescent="0.35">
      <c r="A43280" s="1" t="s">
        <v>10507</v>
      </c>
      <c r="B43280" s="1" t="s">
        <v>146931</v>
      </c>
      <c r="C43280" s="1" t="s">
        <v>85</v>
      </c>
      <c r="D43280" s="1" t="s">
        <v>147680</v>
      </c>
      <c r="E43280" s="1" t="s">
        <v>147681</v>
      </c>
      <c r="F43280" s="1" t="s">
        <v>147682</v>
      </c>
      <c r="G43280" s="1" t="s">
        <v>147627</v>
      </c>
      <c r="H43280" s="1" t="s">
        <v>147628</v>
      </c>
      <c r="I43280" s="1" t="s">
        <v>146936</v>
      </c>
      <c r="J43280" s="1" t="s">
        <v>147683</v>
      </c>
    </row>
    <row r="43281" spans="1:10" x14ac:dyDescent="0.35">
      <c r="A43281" s="1" t="s">
        <v>10507</v>
      </c>
      <c r="B43281" s="1" t="s">
        <v>146931</v>
      </c>
      <c r="C43281" s="1" t="s">
        <v>90</v>
      </c>
      <c r="D43281" s="1" t="s">
        <v>147684</v>
      </c>
      <c r="E43281" s="1" t="s">
        <v>147685</v>
      </c>
      <c r="F43281" s="1" t="s">
        <v>147686</v>
      </c>
      <c r="G43281" s="1" t="s">
        <v>147627</v>
      </c>
      <c r="H43281" s="1" t="s">
        <v>147628</v>
      </c>
      <c r="I43281" s="1" t="s">
        <v>146936</v>
      </c>
      <c r="J43281" s="1" t="s">
        <v>147687</v>
      </c>
    </row>
    <row r="43282" spans="1:10" x14ac:dyDescent="0.35">
      <c r="A43282" s="1" t="s">
        <v>10507</v>
      </c>
      <c r="B43282" s="1" t="s">
        <v>146931</v>
      </c>
      <c r="C43282" s="1" t="s">
        <v>95</v>
      </c>
      <c r="D43282" s="1" t="s">
        <v>147688</v>
      </c>
      <c r="E43282" s="1" t="s">
        <v>147689</v>
      </c>
      <c r="F43282" s="1" t="s">
        <v>147690</v>
      </c>
      <c r="G43282" s="1" t="s">
        <v>147627</v>
      </c>
      <c r="H43282" s="1" t="s">
        <v>147628</v>
      </c>
      <c r="I43282" s="1" t="s">
        <v>146936</v>
      </c>
      <c r="J43282" s="1" t="s">
        <v>147691</v>
      </c>
    </row>
    <row r="43283" spans="1:10" x14ac:dyDescent="0.35">
      <c r="A43283" s="1" t="s">
        <v>10507</v>
      </c>
      <c r="B43283" s="1" t="s">
        <v>146931</v>
      </c>
      <c r="C43283" s="1" t="s">
        <v>100</v>
      </c>
      <c r="D43283" s="1" t="s">
        <v>129452</v>
      </c>
      <c r="E43283" s="1" t="s">
        <v>147692</v>
      </c>
      <c r="F43283" s="1" t="s">
        <v>147693</v>
      </c>
      <c r="G43283" s="1" t="s">
        <v>147627</v>
      </c>
      <c r="H43283" s="1" t="s">
        <v>147628</v>
      </c>
      <c r="I43283" s="1" t="s">
        <v>146936</v>
      </c>
      <c r="J43283" s="1" t="s">
        <v>147694</v>
      </c>
    </row>
    <row r="43284" spans="1:10" x14ac:dyDescent="0.35">
      <c r="A43284" s="1" t="s">
        <v>10507</v>
      </c>
      <c r="B43284" s="1" t="s">
        <v>146931</v>
      </c>
      <c r="C43284" s="1" t="s">
        <v>105</v>
      </c>
      <c r="D43284" s="1" t="s">
        <v>141860</v>
      </c>
      <c r="E43284" s="1" t="s">
        <v>147695</v>
      </c>
      <c r="F43284" s="1" t="s">
        <v>147696</v>
      </c>
      <c r="G43284" s="1" t="s">
        <v>147627</v>
      </c>
      <c r="H43284" s="1" t="s">
        <v>147628</v>
      </c>
      <c r="I43284" s="1" t="s">
        <v>146936</v>
      </c>
      <c r="J43284" s="1" t="s">
        <v>147697</v>
      </c>
    </row>
    <row r="43285" spans="1:10" x14ac:dyDescent="0.35">
      <c r="A43285" s="1" t="s">
        <v>10507</v>
      </c>
      <c r="B43285" s="1" t="s">
        <v>146931</v>
      </c>
      <c r="C43285" s="1" t="s">
        <v>110</v>
      </c>
      <c r="D43285" s="1" t="s">
        <v>147698</v>
      </c>
      <c r="E43285" s="1" t="s">
        <v>147699</v>
      </c>
      <c r="F43285" s="1" t="s">
        <v>147700</v>
      </c>
      <c r="G43285" s="1" t="s">
        <v>147627</v>
      </c>
      <c r="H43285" s="1" t="s">
        <v>147628</v>
      </c>
      <c r="I43285" s="1" t="s">
        <v>146936</v>
      </c>
      <c r="J43285" s="1" t="s">
        <v>147701</v>
      </c>
    </row>
    <row r="43286" spans="1:10" x14ac:dyDescent="0.35">
      <c r="A43286" s="1" t="s">
        <v>10507</v>
      </c>
      <c r="B43286" s="1" t="s">
        <v>146931</v>
      </c>
      <c r="C43286" s="1" t="s">
        <v>115</v>
      </c>
      <c r="D43286" s="1" t="s">
        <v>147702</v>
      </c>
      <c r="E43286" s="1" t="s">
        <v>147703</v>
      </c>
      <c r="F43286" s="1" t="s">
        <v>147704</v>
      </c>
      <c r="G43286" s="1" t="s">
        <v>147627</v>
      </c>
      <c r="H43286" s="1" t="s">
        <v>147628</v>
      </c>
      <c r="I43286" s="1" t="s">
        <v>146936</v>
      </c>
      <c r="J43286" s="1" t="s">
        <v>147705</v>
      </c>
    </row>
    <row r="43287" spans="1:10" x14ac:dyDescent="0.35">
      <c r="A43287" s="1" t="s">
        <v>10507</v>
      </c>
      <c r="B43287" s="1" t="s">
        <v>146931</v>
      </c>
      <c r="C43287" s="1" t="s">
        <v>120</v>
      </c>
      <c r="D43287" s="1" t="s">
        <v>64731</v>
      </c>
      <c r="E43287" s="1" t="s">
        <v>147706</v>
      </c>
      <c r="F43287" s="1" t="s">
        <v>147707</v>
      </c>
      <c r="G43287" s="1" t="s">
        <v>147627</v>
      </c>
      <c r="H43287" s="1" t="s">
        <v>147628</v>
      </c>
      <c r="I43287" s="1" t="s">
        <v>146936</v>
      </c>
      <c r="J43287" s="1" t="s">
        <v>147708</v>
      </c>
    </row>
    <row r="43288" spans="1:10" x14ac:dyDescent="0.35">
      <c r="A43288" s="1" t="s">
        <v>10507</v>
      </c>
      <c r="B43288" s="1" t="s">
        <v>146931</v>
      </c>
      <c r="C43288" s="1" t="s">
        <v>125</v>
      </c>
      <c r="D43288" s="1" t="s">
        <v>102597</v>
      </c>
      <c r="E43288" s="1" t="s">
        <v>147709</v>
      </c>
      <c r="F43288" s="1" t="s">
        <v>147710</v>
      </c>
      <c r="G43288" s="1" t="s">
        <v>147627</v>
      </c>
      <c r="H43288" s="1" t="s">
        <v>147628</v>
      </c>
      <c r="I43288" s="1" t="s">
        <v>146936</v>
      </c>
      <c r="J43288" s="1" t="s">
        <v>147711</v>
      </c>
    </row>
    <row r="43289" spans="1:10" x14ac:dyDescent="0.35">
      <c r="A43289" s="1" t="s">
        <v>10507</v>
      </c>
      <c r="B43289" s="1" t="s">
        <v>146931</v>
      </c>
      <c r="C43289" s="1" t="s">
        <v>130</v>
      </c>
      <c r="D43289" s="1" t="s">
        <v>102547</v>
      </c>
      <c r="E43289" s="1" t="s">
        <v>147712</v>
      </c>
      <c r="F43289" s="1" t="s">
        <v>147713</v>
      </c>
      <c r="G43289" s="1" t="s">
        <v>147627</v>
      </c>
      <c r="H43289" s="1" t="s">
        <v>147628</v>
      </c>
      <c r="I43289" s="1" t="s">
        <v>146936</v>
      </c>
      <c r="J43289" s="1" t="s">
        <v>147714</v>
      </c>
    </row>
    <row r="43290" spans="1:10" x14ac:dyDescent="0.35">
      <c r="A43290" s="1" t="s">
        <v>10507</v>
      </c>
      <c r="B43290" s="1" t="s">
        <v>146931</v>
      </c>
      <c r="C43290" s="1" t="s">
        <v>135</v>
      </c>
      <c r="D43290" s="1" t="s">
        <v>147715</v>
      </c>
      <c r="E43290" s="1" t="s">
        <v>147716</v>
      </c>
      <c r="F43290" s="1" t="s">
        <v>147717</v>
      </c>
      <c r="G43290" s="1" t="s">
        <v>147627</v>
      </c>
      <c r="H43290" s="1" t="s">
        <v>147628</v>
      </c>
      <c r="I43290" s="1" t="s">
        <v>146936</v>
      </c>
      <c r="J43290" s="1" t="s">
        <v>147718</v>
      </c>
    </row>
    <row r="43291" spans="1:10" x14ac:dyDescent="0.35">
      <c r="A43291" s="1" t="s">
        <v>10507</v>
      </c>
      <c r="B43291" s="1" t="s">
        <v>146931</v>
      </c>
      <c r="C43291" s="1" t="s">
        <v>140</v>
      </c>
      <c r="D43291" s="1" t="s">
        <v>147719</v>
      </c>
      <c r="E43291" s="1" t="s">
        <v>147720</v>
      </c>
      <c r="F43291" s="1" t="s">
        <v>147721</v>
      </c>
      <c r="G43291" s="1" t="s">
        <v>147627</v>
      </c>
      <c r="H43291" s="1" t="s">
        <v>147628</v>
      </c>
      <c r="I43291" s="1" t="s">
        <v>146936</v>
      </c>
      <c r="J43291" s="1" t="s">
        <v>147722</v>
      </c>
    </row>
    <row r="43292" spans="1:10" x14ac:dyDescent="0.35">
      <c r="A43292" s="1" t="s">
        <v>10507</v>
      </c>
      <c r="B43292" s="1" t="s">
        <v>146931</v>
      </c>
      <c r="C43292" s="1" t="s">
        <v>145</v>
      </c>
      <c r="D43292" s="1" t="s">
        <v>56828</v>
      </c>
      <c r="E43292" s="1" t="s">
        <v>147723</v>
      </c>
      <c r="F43292" s="1" t="s">
        <v>147724</v>
      </c>
      <c r="G43292" s="1" t="s">
        <v>147627</v>
      </c>
      <c r="H43292" s="1" t="s">
        <v>147628</v>
      </c>
      <c r="I43292" s="1" t="s">
        <v>146936</v>
      </c>
      <c r="J43292" s="1" t="s">
        <v>147725</v>
      </c>
    </row>
    <row r="43293" spans="1:10" x14ac:dyDescent="0.35">
      <c r="A43293" s="1" t="s">
        <v>10507</v>
      </c>
      <c r="B43293" s="1" t="s">
        <v>146931</v>
      </c>
      <c r="C43293" s="1" t="s">
        <v>150</v>
      </c>
      <c r="D43293" s="1" t="s">
        <v>147726</v>
      </c>
      <c r="E43293" s="1" t="s">
        <v>147727</v>
      </c>
      <c r="F43293" s="1" t="s">
        <v>147728</v>
      </c>
      <c r="G43293" s="1" t="s">
        <v>147627</v>
      </c>
      <c r="H43293" s="1" t="s">
        <v>147628</v>
      </c>
      <c r="I43293" s="1" t="s">
        <v>146936</v>
      </c>
      <c r="J43293" s="1" t="s">
        <v>147729</v>
      </c>
    </row>
    <row r="43294" spans="1:10" x14ac:dyDescent="0.35">
      <c r="A43294" s="1" t="s">
        <v>10507</v>
      </c>
      <c r="B43294" s="1" t="s">
        <v>146931</v>
      </c>
      <c r="C43294" s="1" t="s">
        <v>155</v>
      </c>
      <c r="D43294" s="1" t="s">
        <v>91118</v>
      </c>
      <c r="E43294" s="1" t="s">
        <v>147730</v>
      </c>
      <c r="F43294" s="1" t="s">
        <v>147731</v>
      </c>
      <c r="G43294" s="1" t="s">
        <v>147627</v>
      </c>
      <c r="H43294" s="1" t="s">
        <v>147628</v>
      </c>
      <c r="I43294" s="1" t="s">
        <v>146936</v>
      </c>
      <c r="J43294" s="1" t="s">
        <v>147732</v>
      </c>
    </row>
    <row r="43295" spans="1:10" x14ac:dyDescent="0.35">
      <c r="A43295" s="1" t="s">
        <v>10507</v>
      </c>
      <c r="B43295" s="1" t="s">
        <v>146931</v>
      </c>
      <c r="C43295" s="1" t="s">
        <v>160</v>
      </c>
      <c r="D43295" s="1" t="s">
        <v>136490</v>
      </c>
      <c r="E43295" s="1" t="s">
        <v>147733</v>
      </c>
      <c r="F43295" s="1" t="s">
        <v>147734</v>
      </c>
      <c r="G43295" s="1" t="s">
        <v>147627</v>
      </c>
      <c r="H43295" s="1" t="s">
        <v>147628</v>
      </c>
      <c r="I43295" s="1" t="s">
        <v>146936</v>
      </c>
      <c r="J43295" s="1" t="s">
        <v>147735</v>
      </c>
    </row>
    <row r="43296" spans="1:10" x14ac:dyDescent="0.35">
      <c r="A43296" s="1" t="s">
        <v>10507</v>
      </c>
      <c r="B43296" s="1" t="s">
        <v>146931</v>
      </c>
      <c r="C43296" s="1" t="s">
        <v>165</v>
      </c>
      <c r="D43296" s="1" t="s">
        <v>147736</v>
      </c>
      <c r="E43296" s="1" t="s">
        <v>147737</v>
      </c>
      <c r="F43296" s="1" t="s">
        <v>147738</v>
      </c>
      <c r="G43296" s="1" t="s">
        <v>147627</v>
      </c>
      <c r="H43296" s="1" t="s">
        <v>147628</v>
      </c>
      <c r="I43296" s="1" t="s">
        <v>146936</v>
      </c>
      <c r="J43296" s="1" t="s">
        <v>147739</v>
      </c>
    </row>
    <row r="43297" spans="1:10" x14ac:dyDescent="0.35">
      <c r="A43297" s="1" t="s">
        <v>10507</v>
      </c>
      <c r="B43297" s="1" t="s">
        <v>146931</v>
      </c>
      <c r="C43297" s="1" t="s">
        <v>170</v>
      </c>
      <c r="D43297" s="1" t="s">
        <v>147740</v>
      </c>
      <c r="E43297" s="1" t="s">
        <v>147741</v>
      </c>
      <c r="F43297" s="1" t="s">
        <v>147742</v>
      </c>
      <c r="G43297" s="1" t="s">
        <v>147627</v>
      </c>
      <c r="H43297" s="1" t="s">
        <v>147628</v>
      </c>
      <c r="I43297" s="1" t="s">
        <v>146936</v>
      </c>
      <c r="J43297" s="1" t="s">
        <v>147743</v>
      </c>
    </row>
    <row r="43298" spans="1:10" x14ac:dyDescent="0.35">
      <c r="A43298" s="1" t="s">
        <v>29287</v>
      </c>
      <c r="B43298" s="1" t="s">
        <v>146931</v>
      </c>
      <c r="C43298" s="1" t="s">
        <v>8</v>
      </c>
      <c r="D43298" s="1" t="s">
        <v>30917</v>
      </c>
      <c r="E43298" s="1" t="s">
        <v>110984</v>
      </c>
      <c r="F43298" s="1" t="s">
        <v>147744</v>
      </c>
      <c r="G43298" s="1" t="s">
        <v>147745</v>
      </c>
      <c r="H43298" s="1" t="s">
        <v>147746</v>
      </c>
      <c r="I43298" s="1" t="s">
        <v>146936</v>
      </c>
      <c r="J43298" s="1" t="s">
        <v>13</v>
      </c>
    </row>
    <row r="43299" spans="1:10" x14ac:dyDescent="0.35">
      <c r="A43299" s="1" t="s">
        <v>29287</v>
      </c>
      <c r="B43299" s="1" t="s">
        <v>146931</v>
      </c>
      <c r="C43299" s="1" t="s">
        <v>15</v>
      </c>
      <c r="D43299" s="1" t="s">
        <v>43270</v>
      </c>
      <c r="E43299" s="1" t="s">
        <v>16201</v>
      </c>
      <c r="F43299" s="1" t="s">
        <v>147747</v>
      </c>
      <c r="G43299" s="1" t="s">
        <v>147745</v>
      </c>
      <c r="H43299" s="1" t="s">
        <v>147746</v>
      </c>
      <c r="I43299" s="1" t="s">
        <v>146936</v>
      </c>
      <c r="J43299" s="1" t="s">
        <v>147748</v>
      </c>
    </row>
    <row r="43300" spans="1:10" x14ac:dyDescent="0.35">
      <c r="A43300" s="1" t="s">
        <v>29287</v>
      </c>
      <c r="B43300" s="1" t="s">
        <v>146931</v>
      </c>
      <c r="C43300" s="1" t="s">
        <v>20</v>
      </c>
      <c r="D43300" s="1" t="s">
        <v>147749</v>
      </c>
      <c r="E43300" s="1" t="s">
        <v>105928</v>
      </c>
      <c r="F43300" s="1" t="s">
        <v>147750</v>
      </c>
      <c r="G43300" s="1" t="s">
        <v>147745</v>
      </c>
      <c r="H43300" s="1" t="s">
        <v>147746</v>
      </c>
      <c r="I43300" s="1" t="s">
        <v>146936</v>
      </c>
      <c r="J43300" s="1" t="s">
        <v>147751</v>
      </c>
    </row>
    <row r="43301" spans="1:10" x14ac:dyDescent="0.35">
      <c r="A43301" s="1" t="s">
        <v>29287</v>
      </c>
      <c r="B43301" s="1" t="s">
        <v>146931</v>
      </c>
      <c r="C43301" s="1" t="s">
        <v>25</v>
      </c>
      <c r="D43301" s="1" t="s">
        <v>147752</v>
      </c>
      <c r="E43301" s="1" t="s">
        <v>128767</v>
      </c>
      <c r="F43301" s="1" t="s">
        <v>147753</v>
      </c>
      <c r="G43301" s="1" t="s">
        <v>147745</v>
      </c>
      <c r="H43301" s="1" t="s">
        <v>147746</v>
      </c>
      <c r="I43301" s="1" t="s">
        <v>146936</v>
      </c>
      <c r="J43301" s="1" t="s">
        <v>147754</v>
      </c>
    </row>
    <row r="43302" spans="1:10" x14ac:dyDescent="0.35">
      <c r="A43302" s="1" t="s">
        <v>29287</v>
      </c>
      <c r="B43302" s="1" t="s">
        <v>146931</v>
      </c>
      <c r="C43302" s="1" t="s">
        <v>30</v>
      </c>
      <c r="D43302" s="1" t="s">
        <v>45311</v>
      </c>
      <c r="E43302" s="1" t="s">
        <v>147755</v>
      </c>
      <c r="F43302" s="1" t="s">
        <v>147756</v>
      </c>
      <c r="G43302" s="1" t="s">
        <v>147745</v>
      </c>
      <c r="H43302" s="1" t="s">
        <v>147746</v>
      </c>
      <c r="I43302" s="1" t="s">
        <v>146936</v>
      </c>
      <c r="J43302" s="1" t="s">
        <v>147757</v>
      </c>
    </row>
    <row r="43303" spans="1:10" x14ac:dyDescent="0.35">
      <c r="A43303" s="1" t="s">
        <v>29287</v>
      </c>
      <c r="B43303" s="1" t="s">
        <v>146931</v>
      </c>
      <c r="C43303" s="1" t="s">
        <v>35</v>
      </c>
      <c r="D43303" s="1" t="s">
        <v>147758</v>
      </c>
      <c r="E43303" s="1" t="s">
        <v>105964</v>
      </c>
      <c r="F43303" s="1" t="s">
        <v>147759</v>
      </c>
      <c r="G43303" s="1" t="s">
        <v>147745</v>
      </c>
      <c r="H43303" s="1" t="s">
        <v>147746</v>
      </c>
      <c r="I43303" s="1" t="s">
        <v>146936</v>
      </c>
      <c r="J43303" s="1" t="s">
        <v>147760</v>
      </c>
    </row>
    <row r="43304" spans="1:10" x14ac:dyDescent="0.35">
      <c r="A43304" s="1" t="s">
        <v>29287</v>
      </c>
      <c r="B43304" s="1" t="s">
        <v>146931</v>
      </c>
      <c r="C43304" s="1" t="s">
        <v>40</v>
      </c>
      <c r="D43304" s="1" t="s">
        <v>147761</v>
      </c>
      <c r="E43304" s="1" t="s">
        <v>15965</v>
      </c>
      <c r="F43304" s="1" t="s">
        <v>147762</v>
      </c>
      <c r="G43304" s="1" t="s">
        <v>147745</v>
      </c>
      <c r="H43304" s="1" t="s">
        <v>147746</v>
      </c>
      <c r="I43304" s="1" t="s">
        <v>146936</v>
      </c>
      <c r="J43304" s="1" t="s">
        <v>147763</v>
      </c>
    </row>
    <row r="43305" spans="1:10" x14ac:dyDescent="0.35">
      <c r="A43305" s="1" t="s">
        <v>29287</v>
      </c>
      <c r="B43305" s="1" t="s">
        <v>146931</v>
      </c>
      <c r="C43305" s="1" t="s">
        <v>45</v>
      </c>
      <c r="D43305" s="1" t="s">
        <v>147764</v>
      </c>
      <c r="E43305" s="1" t="s">
        <v>105265</v>
      </c>
      <c r="F43305" s="1" t="s">
        <v>147765</v>
      </c>
      <c r="G43305" s="1" t="s">
        <v>147745</v>
      </c>
      <c r="H43305" s="1" t="s">
        <v>147746</v>
      </c>
      <c r="I43305" s="1" t="s">
        <v>146936</v>
      </c>
      <c r="J43305" s="1" t="s">
        <v>147766</v>
      </c>
    </row>
    <row r="43306" spans="1:10" x14ac:dyDescent="0.35">
      <c r="A43306" s="1" t="s">
        <v>29287</v>
      </c>
      <c r="B43306" s="1" t="s">
        <v>146931</v>
      </c>
      <c r="C43306" s="1" t="s">
        <v>50</v>
      </c>
      <c r="D43306" s="1" t="s">
        <v>147767</v>
      </c>
      <c r="E43306" s="1" t="s">
        <v>108907</v>
      </c>
      <c r="F43306" s="1" t="s">
        <v>147768</v>
      </c>
      <c r="G43306" s="1" t="s">
        <v>147745</v>
      </c>
      <c r="H43306" s="1" t="s">
        <v>147746</v>
      </c>
      <c r="I43306" s="1" t="s">
        <v>146936</v>
      </c>
      <c r="J43306" s="1" t="s">
        <v>147769</v>
      </c>
    </row>
    <row r="43307" spans="1:10" x14ac:dyDescent="0.35">
      <c r="A43307" s="1" t="s">
        <v>29287</v>
      </c>
      <c r="B43307" s="1" t="s">
        <v>146931</v>
      </c>
      <c r="C43307" s="1" t="s">
        <v>55</v>
      </c>
      <c r="D43307" s="1" t="s">
        <v>147770</v>
      </c>
      <c r="E43307" s="1" t="s">
        <v>147771</v>
      </c>
      <c r="F43307" s="1" t="s">
        <v>147772</v>
      </c>
      <c r="G43307" s="1" t="s">
        <v>147745</v>
      </c>
      <c r="H43307" s="1" t="s">
        <v>147746</v>
      </c>
      <c r="I43307" s="1" t="s">
        <v>146936</v>
      </c>
      <c r="J43307" s="1" t="s">
        <v>147773</v>
      </c>
    </row>
    <row r="43308" spans="1:10" x14ac:dyDescent="0.35">
      <c r="A43308" s="1" t="s">
        <v>29287</v>
      </c>
      <c r="B43308" s="1" t="s">
        <v>146931</v>
      </c>
      <c r="C43308" s="1" t="s">
        <v>60</v>
      </c>
      <c r="D43308" s="1" t="s">
        <v>147774</v>
      </c>
      <c r="E43308" s="1" t="s">
        <v>128749</v>
      </c>
      <c r="F43308" s="1" t="s">
        <v>15187</v>
      </c>
      <c r="G43308" s="1" t="s">
        <v>147745</v>
      </c>
      <c r="H43308" s="1" t="s">
        <v>147746</v>
      </c>
      <c r="I43308" s="1" t="s">
        <v>146936</v>
      </c>
      <c r="J43308" s="1" t="s">
        <v>147775</v>
      </c>
    </row>
    <row r="43309" spans="1:10" x14ac:dyDescent="0.35">
      <c r="A43309" s="1" t="s">
        <v>29287</v>
      </c>
      <c r="B43309" s="1" t="s">
        <v>146931</v>
      </c>
      <c r="C43309" s="1" t="s">
        <v>65</v>
      </c>
      <c r="D43309" s="1" t="s">
        <v>106822</v>
      </c>
      <c r="E43309" s="1" t="s">
        <v>16058</v>
      </c>
      <c r="F43309" s="1" t="s">
        <v>145751</v>
      </c>
      <c r="G43309" s="1" t="s">
        <v>147745</v>
      </c>
      <c r="H43309" s="1" t="s">
        <v>147746</v>
      </c>
      <c r="I43309" s="1" t="s">
        <v>146936</v>
      </c>
      <c r="J43309" s="1" t="s">
        <v>147776</v>
      </c>
    </row>
    <row r="43310" spans="1:10" x14ac:dyDescent="0.35">
      <c r="A43310" s="1" t="s">
        <v>29287</v>
      </c>
      <c r="B43310" s="1" t="s">
        <v>146931</v>
      </c>
      <c r="C43310" s="1" t="s">
        <v>70</v>
      </c>
      <c r="D43310" s="1" t="s">
        <v>147777</v>
      </c>
      <c r="E43310" s="1" t="s">
        <v>147778</v>
      </c>
      <c r="F43310" s="1" t="s">
        <v>147779</v>
      </c>
      <c r="G43310" s="1" t="s">
        <v>147745</v>
      </c>
      <c r="H43310" s="1" t="s">
        <v>147746</v>
      </c>
      <c r="I43310" s="1" t="s">
        <v>146936</v>
      </c>
      <c r="J43310" s="1" t="s">
        <v>147780</v>
      </c>
    </row>
    <row r="43311" spans="1:10" x14ac:dyDescent="0.35">
      <c r="A43311" s="1" t="s">
        <v>29287</v>
      </c>
      <c r="B43311" s="1" t="s">
        <v>146931</v>
      </c>
      <c r="C43311" s="1" t="s">
        <v>75</v>
      </c>
      <c r="D43311" s="1" t="s">
        <v>147781</v>
      </c>
      <c r="E43311" s="1" t="s">
        <v>48040</v>
      </c>
      <c r="F43311" s="1" t="s">
        <v>147782</v>
      </c>
      <c r="G43311" s="1" t="s">
        <v>147745</v>
      </c>
      <c r="H43311" s="1" t="s">
        <v>147746</v>
      </c>
      <c r="I43311" s="1" t="s">
        <v>146936</v>
      </c>
      <c r="J43311" s="1" t="s">
        <v>147783</v>
      </c>
    </row>
    <row r="43312" spans="1:10" x14ac:dyDescent="0.35">
      <c r="A43312" s="1" t="s">
        <v>29287</v>
      </c>
      <c r="B43312" s="1" t="s">
        <v>146931</v>
      </c>
      <c r="C43312" s="1" t="s">
        <v>80</v>
      </c>
      <c r="D43312" s="1" t="s">
        <v>55601</v>
      </c>
      <c r="E43312" s="1" t="s">
        <v>147784</v>
      </c>
      <c r="F43312" s="1" t="s">
        <v>147785</v>
      </c>
      <c r="G43312" s="1" t="s">
        <v>147745</v>
      </c>
      <c r="H43312" s="1" t="s">
        <v>147746</v>
      </c>
      <c r="I43312" s="1" t="s">
        <v>146936</v>
      </c>
      <c r="J43312" s="1" t="s">
        <v>147786</v>
      </c>
    </row>
    <row r="43313" spans="1:10" x14ac:dyDescent="0.35">
      <c r="A43313" s="1" t="s">
        <v>29287</v>
      </c>
      <c r="B43313" s="1" t="s">
        <v>146931</v>
      </c>
      <c r="C43313" s="1" t="s">
        <v>85</v>
      </c>
      <c r="D43313" s="1" t="s">
        <v>147787</v>
      </c>
      <c r="E43313" s="1" t="s">
        <v>147788</v>
      </c>
      <c r="F43313" s="1" t="s">
        <v>147789</v>
      </c>
      <c r="G43313" s="1" t="s">
        <v>147745</v>
      </c>
      <c r="H43313" s="1" t="s">
        <v>147746</v>
      </c>
      <c r="I43313" s="1" t="s">
        <v>146936</v>
      </c>
      <c r="J43313" s="1" t="s">
        <v>147790</v>
      </c>
    </row>
    <row r="43314" spans="1:10" x14ac:dyDescent="0.35">
      <c r="A43314" s="1" t="s">
        <v>29287</v>
      </c>
      <c r="B43314" s="1" t="s">
        <v>146931</v>
      </c>
      <c r="C43314" s="1" t="s">
        <v>90</v>
      </c>
      <c r="D43314" s="1" t="s">
        <v>113522</v>
      </c>
      <c r="E43314" s="1" t="s">
        <v>130375</v>
      </c>
      <c r="F43314" s="1" t="s">
        <v>147791</v>
      </c>
      <c r="G43314" s="1" t="s">
        <v>147745</v>
      </c>
      <c r="H43314" s="1" t="s">
        <v>147746</v>
      </c>
      <c r="I43314" s="1" t="s">
        <v>146936</v>
      </c>
      <c r="J43314" s="1" t="s">
        <v>147792</v>
      </c>
    </row>
    <row r="43315" spans="1:10" x14ac:dyDescent="0.35">
      <c r="A43315" s="1" t="s">
        <v>29287</v>
      </c>
      <c r="B43315" s="1" t="s">
        <v>146931</v>
      </c>
      <c r="C43315" s="1" t="s">
        <v>95</v>
      </c>
      <c r="D43315" s="1" t="s">
        <v>80388</v>
      </c>
      <c r="E43315" s="1" t="s">
        <v>147793</v>
      </c>
      <c r="F43315" s="1" t="s">
        <v>147794</v>
      </c>
      <c r="G43315" s="1" t="s">
        <v>147745</v>
      </c>
      <c r="H43315" s="1" t="s">
        <v>147746</v>
      </c>
      <c r="I43315" s="1" t="s">
        <v>146936</v>
      </c>
      <c r="J43315" s="1" t="s">
        <v>147795</v>
      </c>
    </row>
    <row r="43316" spans="1:10" x14ac:dyDescent="0.35">
      <c r="A43316" s="1" t="s">
        <v>29287</v>
      </c>
      <c r="B43316" s="1" t="s">
        <v>146931</v>
      </c>
      <c r="C43316" s="1" t="s">
        <v>100</v>
      </c>
      <c r="D43316" s="1" t="s">
        <v>18764</v>
      </c>
      <c r="E43316" s="1" t="s">
        <v>15464</v>
      </c>
      <c r="F43316" s="1" t="s">
        <v>147796</v>
      </c>
      <c r="G43316" s="1" t="s">
        <v>147745</v>
      </c>
      <c r="H43316" s="1" t="s">
        <v>147746</v>
      </c>
      <c r="I43316" s="1" t="s">
        <v>146936</v>
      </c>
      <c r="J43316" s="1" t="s">
        <v>147797</v>
      </c>
    </row>
    <row r="43317" spans="1:10" x14ac:dyDescent="0.35">
      <c r="A43317" s="1" t="s">
        <v>29287</v>
      </c>
      <c r="B43317" s="1" t="s">
        <v>146931</v>
      </c>
      <c r="C43317" s="1" t="s">
        <v>105</v>
      </c>
      <c r="D43317" s="1" t="s">
        <v>147798</v>
      </c>
      <c r="E43317" s="1" t="s">
        <v>105973</v>
      </c>
      <c r="F43317" s="1" t="s">
        <v>147799</v>
      </c>
      <c r="G43317" s="1" t="s">
        <v>147745</v>
      </c>
      <c r="H43317" s="1" t="s">
        <v>147746</v>
      </c>
      <c r="I43317" s="1" t="s">
        <v>146936</v>
      </c>
      <c r="J43317" s="1" t="s">
        <v>147800</v>
      </c>
    </row>
    <row r="43318" spans="1:10" x14ac:dyDescent="0.35">
      <c r="A43318" s="1" t="s">
        <v>29287</v>
      </c>
      <c r="B43318" s="1" t="s">
        <v>146931</v>
      </c>
      <c r="C43318" s="1" t="s">
        <v>110</v>
      </c>
      <c r="D43318" s="1" t="s">
        <v>62929</v>
      </c>
      <c r="E43318" s="1" t="s">
        <v>128771</v>
      </c>
      <c r="F43318" s="1" t="s">
        <v>147801</v>
      </c>
      <c r="G43318" s="1" t="s">
        <v>147745</v>
      </c>
      <c r="H43318" s="1" t="s">
        <v>147746</v>
      </c>
      <c r="I43318" s="1" t="s">
        <v>146936</v>
      </c>
      <c r="J43318" s="1" t="s">
        <v>147802</v>
      </c>
    </row>
    <row r="43319" spans="1:10" x14ac:dyDescent="0.35">
      <c r="A43319" s="1" t="s">
        <v>29287</v>
      </c>
      <c r="B43319" s="1" t="s">
        <v>146931</v>
      </c>
      <c r="C43319" s="1" t="s">
        <v>115</v>
      </c>
      <c r="D43319" s="1" t="s">
        <v>78190</v>
      </c>
      <c r="E43319" s="1" t="s">
        <v>16035</v>
      </c>
      <c r="F43319" s="1" t="s">
        <v>147803</v>
      </c>
      <c r="G43319" s="1" t="s">
        <v>147745</v>
      </c>
      <c r="H43319" s="1" t="s">
        <v>147746</v>
      </c>
      <c r="I43319" s="1" t="s">
        <v>146936</v>
      </c>
      <c r="J43319" s="1" t="s">
        <v>147804</v>
      </c>
    </row>
    <row r="43320" spans="1:10" x14ac:dyDescent="0.35">
      <c r="A43320" s="1" t="s">
        <v>29287</v>
      </c>
      <c r="B43320" s="1" t="s">
        <v>146931</v>
      </c>
      <c r="C43320" s="1" t="s">
        <v>120</v>
      </c>
      <c r="D43320" s="1" t="s">
        <v>98039</v>
      </c>
      <c r="E43320" s="1" t="s">
        <v>128674</v>
      </c>
      <c r="F43320" s="1" t="s">
        <v>147805</v>
      </c>
      <c r="G43320" s="1" t="s">
        <v>147745</v>
      </c>
      <c r="H43320" s="1" t="s">
        <v>147746</v>
      </c>
      <c r="I43320" s="1" t="s">
        <v>146936</v>
      </c>
      <c r="J43320" s="1" t="s">
        <v>147806</v>
      </c>
    </row>
    <row r="43321" spans="1:10" x14ac:dyDescent="0.35">
      <c r="A43321" s="1" t="s">
        <v>29287</v>
      </c>
      <c r="B43321" s="1" t="s">
        <v>146931</v>
      </c>
      <c r="C43321" s="1" t="s">
        <v>125</v>
      </c>
      <c r="D43321" s="1" t="s">
        <v>113966</v>
      </c>
      <c r="E43321" s="1" t="s">
        <v>106144</v>
      </c>
      <c r="F43321" s="1" t="s">
        <v>147807</v>
      </c>
      <c r="G43321" s="1" t="s">
        <v>147745</v>
      </c>
      <c r="H43321" s="1" t="s">
        <v>147746</v>
      </c>
      <c r="I43321" s="1" t="s">
        <v>146936</v>
      </c>
      <c r="J43321" s="1" t="s">
        <v>147808</v>
      </c>
    </row>
    <row r="43322" spans="1:10" x14ac:dyDescent="0.35">
      <c r="A43322" s="1" t="s">
        <v>29287</v>
      </c>
      <c r="B43322" s="1" t="s">
        <v>146931</v>
      </c>
      <c r="C43322" s="1" t="s">
        <v>130</v>
      </c>
      <c r="D43322" s="1" t="s">
        <v>141049</v>
      </c>
      <c r="E43322" s="1" t="s">
        <v>139608</v>
      </c>
      <c r="F43322" s="1" t="s">
        <v>147809</v>
      </c>
      <c r="G43322" s="1" t="s">
        <v>147745</v>
      </c>
      <c r="H43322" s="1" t="s">
        <v>147746</v>
      </c>
      <c r="I43322" s="1" t="s">
        <v>146936</v>
      </c>
      <c r="J43322" s="1" t="s">
        <v>147810</v>
      </c>
    </row>
    <row r="43323" spans="1:10" x14ac:dyDescent="0.35">
      <c r="A43323" s="1" t="s">
        <v>29287</v>
      </c>
      <c r="B43323" s="1" t="s">
        <v>146931</v>
      </c>
      <c r="C43323" s="1" t="s">
        <v>135</v>
      </c>
      <c r="D43323" s="1" t="s">
        <v>95174</v>
      </c>
      <c r="E43323" s="1" t="s">
        <v>105268</v>
      </c>
      <c r="F43323" s="1" t="s">
        <v>147811</v>
      </c>
      <c r="G43323" s="1" t="s">
        <v>147745</v>
      </c>
      <c r="H43323" s="1" t="s">
        <v>147746</v>
      </c>
      <c r="I43323" s="1" t="s">
        <v>146936</v>
      </c>
      <c r="J43323" s="1" t="s">
        <v>147812</v>
      </c>
    </row>
    <row r="43324" spans="1:10" x14ac:dyDescent="0.35">
      <c r="A43324" s="1" t="s">
        <v>29287</v>
      </c>
      <c r="B43324" s="1" t="s">
        <v>146931</v>
      </c>
      <c r="C43324" s="1" t="s">
        <v>140</v>
      </c>
      <c r="D43324" s="1" t="s">
        <v>66587</v>
      </c>
      <c r="E43324" s="1" t="s">
        <v>105325</v>
      </c>
      <c r="F43324" s="1" t="s">
        <v>147813</v>
      </c>
      <c r="G43324" s="1" t="s">
        <v>147745</v>
      </c>
      <c r="H43324" s="1" t="s">
        <v>147746</v>
      </c>
      <c r="I43324" s="1" t="s">
        <v>146936</v>
      </c>
      <c r="J43324" s="1" t="s">
        <v>147814</v>
      </c>
    </row>
    <row r="43325" spans="1:10" x14ac:dyDescent="0.35">
      <c r="A43325" s="1" t="s">
        <v>29287</v>
      </c>
      <c r="B43325" s="1" t="s">
        <v>146931</v>
      </c>
      <c r="C43325" s="1" t="s">
        <v>145</v>
      </c>
      <c r="D43325" s="1" t="s">
        <v>147815</v>
      </c>
      <c r="E43325" s="1" t="s">
        <v>105384</v>
      </c>
      <c r="F43325" s="1" t="s">
        <v>41357</v>
      </c>
      <c r="G43325" s="1" t="s">
        <v>147745</v>
      </c>
      <c r="H43325" s="1" t="s">
        <v>147746</v>
      </c>
      <c r="I43325" s="1" t="s">
        <v>146936</v>
      </c>
      <c r="J43325" s="1" t="s">
        <v>147816</v>
      </c>
    </row>
    <row r="43326" spans="1:10" x14ac:dyDescent="0.35">
      <c r="A43326" s="1" t="s">
        <v>29287</v>
      </c>
      <c r="B43326" s="1" t="s">
        <v>146931</v>
      </c>
      <c r="C43326" s="1" t="s">
        <v>150</v>
      </c>
      <c r="D43326" s="1" t="s">
        <v>147817</v>
      </c>
      <c r="E43326" s="1" t="s">
        <v>147818</v>
      </c>
      <c r="F43326" s="1" t="s">
        <v>147819</v>
      </c>
      <c r="G43326" s="1" t="s">
        <v>147745</v>
      </c>
      <c r="H43326" s="1" t="s">
        <v>147746</v>
      </c>
      <c r="I43326" s="1" t="s">
        <v>146936</v>
      </c>
      <c r="J43326" s="1" t="s">
        <v>147820</v>
      </c>
    </row>
    <row r="43327" spans="1:10" x14ac:dyDescent="0.35">
      <c r="A43327" s="1" t="s">
        <v>29287</v>
      </c>
      <c r="B43327" s="1" t="s">
        <v>146931</v>
      </c>
      <c r="C43327" s="1" t="s">
        <v>155</v>
      </c>
      <c r="D43327" s="1" t="s">
        <v>122310</v>
      </c>
      <c r="E43327" s="1" t="s">
        <v>108236</v>
      </c>
      <c r="F43327" s="1" t="s">
        <v>147821</v>
      </c>
      <c r="G43327" s="1" t="s">
        <v>147745</v>
      </c>
      <c r="H43327" s="1" t="s">
        <v>147746</v>
      </c>
      <c r="I43327" s="1" t="s">
        <v>146936</v>
      </c>
      <c r="J43327" s="1" t="s">
        <v>147822</v>
      </c>
    </row>
    <row r="43328" spans="1:10" x14ac:dyDescent="0.35">
      <c r="A43328" s="1" t="s">
        <v>29287</v>
      </c>
      <c r="B43328" s="1" t="s">
        <v>146931</v>
      </c>
      <c r="C43328" s="1" t="s">
        <v>160</v>
      </c>
      <c r="D43328" s="1" t="s">
        <v>100498</v>
      </c>
      <c r="E43328" s="1" t="s">
        <v>106144</v>
      </c>
      <c r="F43328" s="1" t="s">
        <v>147823</v>
      </c>
      <c r="G43328" s="1" t="s">
        <v>147745</v>
      </c>
      <c r="H43328" s="1" t="s">
        <v>147746</v>
      </c>
      <c r="I43328" s="1" t="s">
        <v>146936</v>
      </c>
      <c r="J43328" s="1" t="s">
        <v>147824</v>
      </c>
    </row>
    <row r="43329" spans="1:10" x14ac:dyDescent="0.35">
      <c r="A43329" s="1" t="s">
        <v>29287</v>
      </c>
      <c r="B43329" s="1" t="s">
        <v>146931</v>
      </c>
      <c r="C43329" s="1" t="s">
        <v>165</v>
      </c>
      <c r="D43329" s="1" t="s">
        <v>39772</v>
      </c>
      <c r="E43329" s="1" t="s">
        <v>147825</v>
      </c>
      <c r="F43329" s="1" t="s">
        <v>147826</v>
      </c>
      <c r="G43329" s="1" t="s">
        <v>147745</v>
      </c>
      <c r="H43329" s="1" t="s">
        <v>147746</v>
      </c>
      <c r="I43329" s="1" t="s">
        <v>146936</v>
      </c>
      <c r="J43329" s="1" t="s">
        <v>147827</v>
      </c>
    </row>
    <row r="43330" spans="1:10" x14ac:dyDescent="0.35">
      <c r="A43330" s="1" t="s">
        <v>29287</v>
      </c>
      <c r="B43330" s="1" t="s">
        <v>146931</v>
      </c>
      <c r="C43330" s="1" t="s">
        <v>170</v>
      </c>
      <c r="D43330" s="1" t="s">
        <v>59027</v>
      </c>
      <c r="E43330" s="1" t="s">
        <v>147793</v>
      </c>
      <c r="F43330" s="1" t="s">
        <v>86931</v>
      </c>
      <c r="G43330" s="1" t="s">
        <v>147745</v>
      </c>
      <c r="H43330" s="1" t="s">
        <v>147746</v>
      </c>
      <c r="I43330" s="1" t="s">
        <v>146936</v>
      </c>
      <c r="J43330" s="1" t="s">
        <v>147828</v>
      </c>
    </row>
    <row r="43331" spans="1:10" x14ac:dyDescent="0.35">
      <c r="A43331" s="1" t="s">
        <v>28735</v>
      </c>
      <c r="B43331" s="1" t="s">
        <v>146931</v>
      </c>
      <c r="C43331" s="1" t="s">
        <v>8</v>
      </c>
      <c r="D43331" s="1" t="s">
        <v>135386</v>
      </c>
      <c r="E43331" s="1" t="s">
        <v>147829</v>
      </c>
      <c r="F43331" s="1" t="s">
        <v>147830</v>
      </c>
      <c r="G43331" s="1" t="s">
        <v>147831</v>
      </c>
      <c r="H43331" s="1" t="s">
        <v>147832</v>
      </c>
      <c r="I43331" s="1" t="s">
        <v>146936</v>
      </c>
      <c r="J43331" s="1" t="s">
        <v>13</v>
      </c>
    </row>
    <row r="43332" spans="1:10" x14ac:dyDescent="0.35">
      <c r="A43332" s="1" t="s">
        <v>28735</v>
      </c>
      <c r="B43332" s="1" t="s">
        <v>146931</v>
      </c>
      <c r="C43332" s="1" t="s">
        <v>15</v>
      </c>
      <c r="D43332" s="1" t="s">
        <v>42638</v>
      </c>
      <c r="E43332" s="1" t="s">
        <v>147833</v>
      </c>
      <c r="F43332" s="1" t="s">
        <v>147834</v>
      </c>
      <c r="G43332" s="1" t="s">
        <v>147831</v>
      </c>
      <c r="H43332" s="1" t="s">
        <v>147832</v>
      </c>
      <c r="I43332" s="1" t="s">
        <v>146936</v>
      </c>
      <c r="J43332" s="1" t="s">
        <v>147835</v>
      </c>
    </row>
    <row r="43333" spans="1:10" x14ac:dyDescent="0.35">
      <c r="A43333" s="1" t="s">
        <v>28735</v>
      </c>
      <c r="B43333" s="1" t="s">
        <v>146931</v>
      </c>
      <c r="C43333" s="1" t="s">
        <v>20</v>
      </c>
      <c r="D43333" s="1" t="s">
        <v>45912</v>
      </c>
      <c r="E43333" s="1" t="s">
        <v>147836</v>
      </c>
      <c r="F43333" s="1" t="s">
        <v>147837</v>
      </c>
      <c r="G43333" s="1" t="s">
        <v>147831</v>
      </c>
      <c r="H43333" s="1" t="s">
        <v>147832</v>
      </c>
      <c r="I43333" s="1" t="s">
        <v>146936</v>
      </c>
      <c r="J43333" s="1" t="s">
        <v>147838</v>
      </c>
    </row>
    <row r="43334" spans="1:10" x14ac:dyDescent="0.35">
      <c r="A43334" s="1" t="s">
        <v>28735</v>
      </c>
      <c r="B43334" s="1" t="s">
        <v>146931</v>
      </c>
      <c r="C43334" s="1" t="s">
        <v>25</v>
      </c>
      <c r="D43334" s="1" t="s">
        <v>147839</v>
      </c>
      <c r="E43334" s="1" t="s">
        <v>147840</v>
      </c>
      <c r="F43334" s="1" t="s">
        <v>147841</v>
      </c>
      <c r="G43334" s="1" t="s">
        <v>147831</v>
      </c>
      <c r="H43334" s="1" t="s">
        <v>147832</v>
      </c>
      <c r="I43334" s="1" t="s">
        <v>146936</v>
      </c>
      <c r="J43334" s="1" t="s">
        <v>147842</v>
      </c>
    </row>
    <row r="43335" spans="1:10" x14ac:dyDescent="0.35">
      <c r="A43335" s="1" t="s">
        <v>28735</v>
      </c>
      <c r="B43335" s="1" t="s">
        <v>146931</v>
      </c>
      <c r="C43335" s="1" t="s">
        <v>30</v>
      </c>
      <c r="D43335" s="1" t="s">
        <v>142115</v>
      </c>
      <c r="E43335" s="1" t="s">
        <v>147843</v>
      </c>
      <c r="F43335" s="1" t="s">
        <v>147844</v>
      </c>
      <c r="G43335" s="1" t="s">
        <v>147831</v>
      </c>
      <c r="H43335" s="1" t="s">
        <v>147832</v>
      </c>
      <c r="I43335" s="1" t="s">
        <v>146936</v>
      </c>
      <c r="J43335" s="1" t="s">
        <v>147845</v>
      </c>
    </row>
    <row r="43336" spans="1:10" x14ac:dyDescent="0.35">
      <c r="A43336" s="1" t="s">
        <v>28735</v>
      </c>
      <c r="B43336" s="1" t="s">
        <v>146931</v>
      </c>
      <c r="C43336" s="1" t="s">
        <v>35</v>
      </c>
      <c r="D43336" s="1" t="s">
        <v>30344</v>
      </c>
      <c r="E43336" s="1" t="s">
        <v>147846</v>
      </c>
      <c r="F43336" s="1" t="s">
        <v>147847</v>
      </c>
      <c r="G43336" s="1" t="s">
        <v>147831</v>
      </c>
      <c r="H43336" s="1" t="s">
        <v>147832</v>
      </c>
      <c r="I43336" s="1" t="s">
        <v>146936</v>
      </c>
      <c r="J43336" s="1" t="s">
        <v>147848</v>
      </c>
    </row>
    <row r="43337" spans="1:10" x14ac:dyDescent="0.35">
      <c r="A43337" s="1" t="s">
        <v>28735</v>
      </c>
      <c r="B43337" s="1" t="s">
        <v>146931</v>
      </c>
      <c r="C43337" s="1" t="s">
        <v>40</v>
      </c>
      <c r="D43337" s="1" t="s">
        <v>147849</v>
      </c>
      <c r="E43337" s="1" t="s">
        <v>147850</v>
      </c>
      <c r="F43337" s="1" t="s">
        <v>147851</v>
      </c>
      <c r="G43337" s="1" t="s">
        <v>147831</v>
      </c>
      <c r="H43337" s="1" t="s">
        <v>147832</v>
      </c>
      <c r="I43337" s="1" t="s">
        <v>146936</v>
      </c>
      <c r="J43337" s="1" t="s">
        <v>147852</v>
      </c>
    </row>
    <row r="43338" spans="1:10" x14ac:dyDescent="0.35">
      <c r="A43338" s="1" t="s">
        <v>28735</v>
      </c>
      <c r="B43338" s="1" t="s">
        <v>146931</v>
      </c>
      <c r="C43338" s="1" t="s">
        <v>45</v>
      </c>
      <c r="D43338" s="1" t="s">
        <v>147853</v>
      </c>
      <c r="E43338" s="1" t="s">
        <v>147854</v>
      </c>
      <c r="F43338" s="1" t="s">
        <v>147855</v>
      </c>
      <c r="G43338" s="1" t="s">
        <v>147831</v>
      </c>
      <c r="H43338" s="1" t="s">
        <v>147832</v>
      </c>
      <c r="I43338" s="1" t="s">
        <v>146936</v>
      </c>
      <c r="J43338" s="1" t="s">
        <v>147856</v>
      </c>
    </row>
    <row r="43339" spans="1:10" x14ac:dyDescent="0.35">
      <c r="A43339" s="1" t="s">
        <v>28735</v>
      </c>
      <c r="B43339" s="1" t="s">
        <v>146931</v>
      </c>
      <c r="C43339" s="1" t="s">
        <v>50</v>
      </c>
      <c r="D43339" s="1" t="s">
        <v>113465</v>
      </c>
      <c r="E43339" s="1" t="s">
        <v>147857</v>
      </c>
      <c r="F43339" s="1" t="s">
        <v>147858</v>
      </c>
      <c r="G43339" s="1" t="s">
        <v>147831</v>
      </c>
      <c r="H43339" s="1" t="s">
        <v>147832</v>
      </c>
      <c r="I43339" s="1" t="s">
        <v>146936</v>
      </c>
      <c r="J43339" s="1" t="s">
        <v>147859</v>
      </c>
    </row>
    <row r="43340" spans="1:10" x14ac:dyDescent="0.35">
      <c r="A43340" s="1" t="s">
        <v>28735</v>
      </c>
      <c r="B43340" s="1" t="s">
        <v>146931</v>
      </c>
      <c r="C43340" s="1" t="s">
        <v>55</v>
      </c>
      <c r="D43340" s="1" t="s">
        <v>147860</v>
      </c>
      <c r="E43340" s="1" t="s">
        <v>147861</v>
      </c>
      <c r="F43340" s="1" t="s">
        <v>147862</v>
      </c>
      <c r="G43340" s="1" t="s">
        <v>147831</v>
      </c>
      <c r="H43340" s="1" t="s">
        <v>147832</v>
      </c>
      <c r="I43340" s="1" t="s">
        <v>146936</v>
      </c>
      <c r="J43340" s="1" t="s">
        <v>147863</v>
      </c>
    </row>
    <row r="43341" spans="1:10" x14ac:dyDescent="0.35">
      <c r="A43341" s="1" t="s">
        <v>28735</v>
      </c>
      <c r="B43341" s="1" t="s">
        <v>146931</v>
      </c>
      <c r="C43341" s="1" t="s">
        <v>60</v>
      </c>
      <c r="D43341" s="1" t="s">
        <v>125904</v>
      </c>
      <c r="E43341" s="1" t="s">
        <v>147864</v>
      </c>
      <c r="F43341" s="1" t="s">
        <v>147865</v>
      </c>
      <c r="G43341" s="1" t="s">
        <v>147831</v>
      </c>
      <c r="H43341" s="1" t="s">
        <v>147832</v>
      </c>
      <c r="I43341" s="1" t="s">
        <v>146936</v>
      </c>
      <c r="J43341" s="1" t="s">
        <v>147866</v>
      </c>
    </row>
    <row r="43342" spans="1:10" x14ac:dyDescent="0.35">
      <c r="A43342" s="1" t="s">
        <v>28735</v>
      </c>
      <c r="B43342" s="1" t="s">
        <v>146931</v>
      </c>
      <c r="C43342" s="1" t="s">
        <v>65</v>
      </c>
      <c r="D43342" s="1" t="s">
        <v>147867</v>
      </c>
      <c r="E43342" s="1" t="s">
        <v>147868</v>
      </c>
      <c r="F43342" s="1" t="s">
        <v>147869</v>
      </c>
      <c r="G43342" s="1" t="s">
        <v>147831</v>
      </c>
      <c r="H43342" s="1" t="s">
        <v>147832</v>
      </c>
      <c r="I43342" s="1" t="s">
        <v>146936</v>
      </c>
      <c r="J43342" s="1" t="s">
        <v>147870</v>
      </c>
    </row>
    <row r="43343" spans="1:10" x14ac:dyDescent="0.35">
      <c r="A43343" s="1" t="s">
        <v>28735</v>
      </c>
      <c r="B43343" s="1" t="s">
        <v>146931</v>
      </c>
      <c r="C43343" s="1" t="s">
        <v>70</v>
      </c>
      <c r="D43343" s="1" t="s">
        <v>147871</v>
      </c>
      <c r="E43343" s="1" t="s">
        <v>147872</v>
      </c>
      <c r="F43343" s="1" t="s">
        <v>147873</v>
      </c>
      <c r="G43343" s="1" t="s">
        <v>147831</v>
      </c>
      <c r="H43343" s="1" t="s">
        <v>147832</v>
      </c>
      <c r="I43343" s="1" t="s">
        <v>146936</v>
      </c>
      <c r="J43343" s="1" t="s">
        <v>147874</v>
      </c>
    </row>
    <row r="43344" spans="1:10" x14ac:dyDescent="0.35">
      <c r="A43344" s="1" t="s">
        <v>28735</v>
      </c>
      <c r="B43344" s="1" t="s">
        <v>146931</v>
      </c>
      <c r="C43344" s="1" t="s">
        <v>75</v>
      </c>
      <c r="D43344" s="1" t="s">
        <v>81721</v>
      </c>
      <c r="E43344" s="1" t="s">
        <v>147875</v>
      </c>
      <c r="F43344" s="1" t="s">
        <v>147876</v>
      </c>
      <c r="G43344" s="1" t="s">
        <v>147831</v>
      </c>
      <c r="H43344" s="1" t="s">
        <v>147832</v>
      </c>
      <c r="I43344" s="1" t="s">
        <v>146936</v>
      </c>
      <c r="J43344" s="1" t="s">
        <v>147877</v>
      </c>
    </row>
    <row r="43345" spans="1:10" x14ac:dyDescent="0.35">
      <c r="A43345" s="1" t="s">
        <v>28735</v>
      </c>
      <c r="B43345" s="1" t="s">
        <v>146931</v>
      </c>
      <c r="C43345" s="1" t="s">
        <v>80</v>
      </c>
      <c r="D43345" s="1" t="s">
        <v>11262</v>
      </c>
      <c r="E43345" s="1" t="s">
        <v>147878</v>
      </c>
      <c r="F43345" s="1" t="s">
        <v>147879</v>
      </c>
      <c r="G43345" s="1" t="s">
        <v>147831</v>
      </c>
      <c r="H43345" s="1" t="s">
        <v>147832</v>
      </c>
      <c r="I43345" s="1" t="s">
        <v>146936</v>
      </c>
      <c r="J43345" s="1" t="s">
        <v>147880</v>
      </c>
    </row>
    <row r="43346" spans="1:10" x14ac:dyDescent="0.35">
      <c r="A43346" s="1" t="s">
        <v>28735</v>
      </c>
      <c r="B43346" s="1" t="s">
        <v>146931</v>
      </c>
      <c r="C43346" s="1" t="s">
        <v>85</v>
      </c>
      <c r="D43346" s="1" t="s">
        <v>147881</v>
      </c>
      <c r="E43346" s="1" t="s">
        <v>147882</v>
      </c>
      <c r="F43346" s="1" t="s">
        <v>147883</v>
      </c>
      <c r="G43346" s="1" t="s">
        <v>147831</v>
      </c>
      <c r="H43346" s="1" t="s">
        <v>147832</v>
      </c>
      <c r="I43346" s="1" t="s">
        <v>146936</v>
      </c>
      <c r="J43346" s="1" t="s">
        <v>147884</v>
      </c>
    </row>
    <row r="43347" spans="1:10" x14ac:dyDescent="0.35">
      <c r="A43347" s="1" t="s">
        <v>28735</v>
      </c>
      <c r="B43347" s="1" t="s">
        <v>146931</v>
      </c>
      <c r="C43347" s="1" t="s">
        <v>90</v>
      </c>
      <c r="D43347" s="1" t="s">
        <v>131952</v>
      </c>
      <c r="E43347" s="1" t="s">
        <v>147885</v>
      </c>
      <c r="F43347" s="1" t="s">
        <v>147886</v>
      </c>
      <c r="G43347" s="1" t="s">
        <v>147831</v>
      </c>
      <c r="H43347" s="1" t="s">
        <v>147832</v>
      </c>
      <c r="I43347" s="1" t="s">
        <v>146936</v>
      </c>
      <c r="J43347" s="1" t="s">
        <v>147887</v>
      </c>
    </row>
    <row r="43348" spans="1:10" x14ac:dyDescent="0.35">
      <c r="A43348" s="1" t="s">
        <v>28735</v>
      </c>
      <c r="B43348" s="1" t="s">
        <v>146931</v>
      </c>
      <c r="C43348" s="1" t="s">
        <v>95</v>
      </c>
      <c r="D43348" s="1" t="s">
        <v>11547</v>
      </c>
      <c r="E43348" s="1" t="s">
        <v>147888</v>
      </c>
      <c r="F43348" s="1" t="s">
        <v>147889</v>
      </c>
      <c r="G43348" s="1" t="s">
        <v>147831</v>
      </c>
      <c r="H43348" s="1" t="s">
        <v>147832</v>
      </c>
      <c r="I43348" s="1" t="s">
        <v>146936</v>
      </c>
      <c r="J43348" s="1" t="s">
        <v>147890</v>
      </c>
    </row>
    <row r="43349" spans="1:10" x14ac:dyDescent="0.35">
      <c r="A43349" s="1" t="s">
        <v>28735</v>
      </c>
      <c r="B43349" s="1" t="s">
        <v>146931</v>
      </c>
      <c r="C43349" s="1" t="s">
        <v>100</v>
      </c>
      <c r="D43349" s="1" t="s">
        <v>147891</v>
      </c>
      <c r="E43349" s="1" t="s">
        <v>147892</v>
      </c>
      <c r="F43349" s="1" t="s">
        <v>259</v>
      </c>
      <c r="G43349" s="1" t="s">
        <v>147831</v>
      </c>
      <c r="H43349" s="1" t="s">
        <v>147832</v>
      </c>
      <c r="I43349" s="1" t="s">
        <v>146936</v>
      </c>
      <c r="J43349" s="1" t="s">
        <v>147893</v>
      </c>
    </row>
    <row r="43350" spans="1:10" x14ac:dyDescent="0.35">
      <c r="A43350" s="1" t="s">
        <v>28735</v>
      </c>
      <c r="B43350" s="1" t="s">
        <v>146931</v>
      </c>
      <c r="C43350" s="1" t="s">
        <v>105</v>
      </c>
      <c r="D43350" s="1" t="s">
        <v>147894</v>
      </c>
      <c r="E43350" s="1" t="s">
        <v>147895</v>
      </c>
      <c r="F43350" s="1" t="s">
        <v>147896</v>
      </c>
      <c r="G43350" s="1" t="s">
        <v>147831</v>
      </c>
      <c r="H43350" s="1" t="s">
        <v>147832</v>
      </c>
      <c r="I43350" s="1" t="s">
        <v>146936</v>
      </c>
      <c r="J43350" s="1" t="s">
        <v>147897</v>
      </c>
    </row>
    <row r="43351" spans="1:10" x14ac:dyDescent="0.35">
      <c r="A43351" s="1" t="s">
        <v>28735</v>
      </c>
      <c r="B43351" s="1" t="s">
        <v>146931</v>
      </c>
      <c r="C43351" s="1" t="s">
        <v>110</v>
      </c>
      <c r="D43351" s="1" t="s">
        <v>113958</v>
      </c>
      <c r="E43351" s="1" t="s">
        <v>147898</v>
      </c>
      <c r="F43351" s="1" t="s">
        <v>147899</v>
      </c>
      <c r="G43351" s="1" t="s">
        <v>147831</v>
      </c>
      <c r="H43351" s="1" t="s">
        <v>147832</v>
      </c>
      <c r="I43351" s="1" t="s">
        <v>146936</v>
      </c>
      <c r="J43351" s="1" t="s">
        <v>147900</v>
      </c>
    </row>
    <row r="43352" spans="1:10" x14ac:dyDescent="0.35">
      <c r="A43352" s="1" t="s">
        <v>28735</v>
      </c>
      <c r="B43352" s="1" t="s">
        <v>146931</v>
      </c>
      <c r="C43352" s="1" t="s">
        <v>115</v>
      </c>
      <c r="D43352" s="1" t="s">
        <v>90232</v>
      </c>
      <c r="E43352" s="1" t="s">
        <v>147901</v>
      </c>
      <c r="F43352" s="1" t="s">
        <v>147902</v>
      </c>
      <c r="G43352" s="1" t="s">
        <v>147831</v>
      </c>
      <c r="H43352" s="1" t="s">
        <v>147832</v>
      </c>
      <c r="I43352" s="1" t="s">
        <v>146936</v>
      </c>
      <c r="J43352" s="1" t="s">
        <v>147903</v>
      </c>
    </row>
    <row r="43353" spans="1:10" x14ac:dyDescent="0.35">
      <c r="A43353" s="1" t="s">
        <v>28735</v>
      </c>
      <c r="B43353" s="1" t="s">
        <v>146931</v>
      </c>
      <c r="C43353" s="1" t="s">
        <v>120</v>
      </c>
      <c r="D43353" s="1" t="s">
        <v>79812</v>
      </c>
      <c r="E43353" s="1" t="s">
        <v>147904</v>
      </c>
      <c r="F43353" s="1" t="s">
        <v>147905</v>
      </c>
      <c r="G43353" s="1" t="s">
        <v>147831</v>
      </c>
      <c r="H43353" s="1" t="s">
        <v>147832</v>
      </c>
      <c r="I43353" s="1" t="s">
        <v>146936</v>
      </c>
      <c r="J43353" s="1" t="s">
        <v>147906</v>
      </c>
    </row>
    <row r="43354" spans="1:10" x14ac:dyDescent="0.35">
      <c r="A43354" s="1" t="s">
        <v>28735</v>
      </c>
      <c r="B43354" s="1" t="s">
        <v>146931</v>
      </c>
      <c r="C43354" s="1" t="s">
        <v>125</v>
      </c>
      <c r="D43354" s="1" t="s">
        <v>68171</v>
      </c>
      <c r="E43354" s="1" t="s">
        <v>147907</v>
      </c>
      <c r="F43354" s="1" t="s">
        <v>147908</v>
      </c>
      <c r="G43354" s="1" t="s">
        <v>147831</v>
      </c>
      <c r="H43354" s="1" t="s">
        <v>147832</v>
      </c>
      <c r="I43354" s="1" t="s">
        <v>146936</v>
      </c>
      <c r="J43354" s="1" t="s">
        <v>147909</v>
      </c>
    </row>
    <row r="43355" spans="1:10" x14ac:dyDescent="0.35">
      <c r="A43355" s="1" t="s">
        <v>28735</v>
      </c>
      <c r="B43355" s="1" t="s">
        <v>146931</v>
      </c>
      <c r="C43355" s="1" t="s">
        <v>130</v>
      </c>
      <c r="D43355" s="1" t="s">
        <v>147910</v>
      </c>
      <c r="E43355" s="1" t="s">
        <v>147911</v>
      </c>
      <c r="F43355" s="1" t="s">
        <v>147912</v>
      </c>
      <c r="G43355" s="1" t="s">
        <v>147831</v>
      </c>
      <c r="H43355" s="1" t="s">
        <v>147832</v>
      </c>
      <c r="I43355" s="1" t="s">
        <v>146936</v>
      </c>
      <c r="J43355" s="1" t="s">
        <v>147913</v>
      </c>
    </row>
    <row r="43356" spans="1:10" x14ac:dyDescent="0.35">
      <c r="A43356" s="1" t="s">
        <v>28735</v>
      </c>
      <c r="B43356" s="1" t="s">
        <v>146931</v>
      </c>
      <c r="C43356" s="1" t="s">
        <v>135</v>
      </c>
      <c r="D43356" s="1" t="s">
        <v>78714</v>
      </c>
      <c r="E43356" s="1" t="s">
        <v>147914</v>
      </c>
      <c r="F43356" s="1" t="s">
        <v>147915</v>
      </c>
      <c r="G43356" s="1" t="s">
        <v>147831</v>
      </c>
      <c r="H43356" s="1" t="s">
        <v>147832</v>
      </c>
      <c r="I43356" s="1" t="s">
        <v>146936</v>
      </c>
      <c r="J43356" s="1" t="s">
        <v>147916</v>
      </c>
    </row>
    <row r="43357" spans="1:10" x14ac:dyDescent="0.35">
      <c r="A43357" s="1" t="s">
        <v>28735</v>
      </c>
      <c r="B43357" s="1" t="s">
        <v>146931</v>
      </c>
      <c r="C43357" s="1" t="s">
        <v>140</v>
      </c>
      <c r="D43357" s="1" t="s">
        <v>102988</v>
      </c>
      <c r="E43357" s="1" t="s">
        <v>147917</v>
      </c>
      <c r="F43357" s="1" t="s">
        <v>147918</v>
      </c>
      <c r="G43357" s="1" t="s">
        <v>147831</v>
      </c>
      <c r="H43357" s="1" t="s">
        <v>147832</v>
      </c>
      <c r="I43357" s="1" t="s">
        <v>146936</v>
      </c>
      <c r="J43357" s="1" t="s">
        <v>147919</v>
      </c>
    </row>
    <row r="43358" spans="1:10" x14ac:dyDescent="0.35">
      <c r="A43358" s="1" t="s">
        <v>28735</v>
      </c>
      <c r="B43358" s="1" t="s">
        <v>146931</v>
      </c>
      <c r="C43358" s="1" t="s">
        <v>145</v>
      </c>
      <c r="D43358" s="1" t="s">
        <v>147920</v>
      </c>
      <c r="E43358" s="1" t="s">
        <v>147921</v>
      </c>
      <c r="F43358" s="1" t="s">
        <v>147922</v>
      </c>
      <c r="G43358" s="1" t="s">
        <v>147831</v>
      </c>
      <c r="H43358" s="1" t="s">
        <v>147832</v>
      </c>
      <c r="I43358" s="1" t="s">
        <v>146936</v>
      </c>
      <c r="J43358" s="1" t="s">
        <v>147923</v>
      </c>
    </row>
    <row r="43359" spans="1:10" x14ac:dyDescent="0.35">
      <c r="A43359" s="1" t="s">
        <v>28735</v>
      </c>
      <c r="B43359" s="1" t="s">
        <v>146931</v>
      </c>
      <c r="C43359" s="1" t="s">
        <v>150</v>
      </c>
      <c r="D43359" s="1" t="s">
        <v>67802</v>
      </c>
      <c r="E43359" s="1" t="s">
        <v>147924</v>
      </c>
      <c r="F43359" s="1" t="s">
        <v>147925</v>
      </c>
      <c r="G43359" s="1" t="s">
        <v>147831</v>
      </c>
      <c r="H43359" s="1" t="s">
        <v>147832</v>
      </c>
      <c r="I43359" s="1" t="s">
        <v>146936</v>
      </c>
      <c r="J43359" s="1" t="s">
        <v>147926</v>
      </c>
    </row>
    <row r="43360" spans="1:10" x14ac:dyDescent="0.35">
      <c r="A43360" s="1" t="s">
        <v>28735</v>
      </c>
      <c r="B43360" s="1" t="s">
        <v>146931</v>
      </c>
      <c r="C43360" s="1" t="s">
        <v>155</v>
      </c>
      <c r="D43360" s="1" t="s">
        <v>26850</v>
      </c>
      <c r="E43360" s="1" t="s">
        <v>147927</v>
      </c>
      <c r="F43360" s="1" t="s">
        <v>147928</v>
      </c>
      <c r="G43360" s="1" t="s">
        <v>147831</v>
      </c>
      <c r="H43360" s="1" t="s">
        <v>147832</v>
      </c>
      <c r="I43360" s="1" t="s">
        <v>146936</v>
      </c>
      <c r="J43360" s="1" t="s">
        <v>147929</v>
      </c>
    </row>
    <row r="43361" spans="1:10" x14ac:dyDescent="0.35">
      <c r="A43361" s="1" t="s">
        <v>28735</v>
      </c>
      <c r="B43361" s="1" t="s">
        <v>146931</v>
      </c>
      <c r="C43361" s="1" t="s">
        <v>160</v>
      </c>
      <c r="D43361" s="1" t="s">
        <v>60600</v>
      </c>
      <c r="E43361" s="1" t="s">
        <v>147930</v>
      </c>
      <c r="F43361" s="1" t="s">
        <v>147931</v>
      </c>
      <c r="G43361" s="1" t="s">
        <v>147831</v>
      </c>
      <c r="H43361" s="1" t="s">
        <v>147832</v>
      </c>
      <c r="I43361" s="1" t="s">
        <v>146936</v>
      </c>
      <c r="J43361" s="1" t="s">
        <v>147932</v>
      </c>
    </row>
    <row r="43362" spans="1:10" x14ac:dyDescent="0.35">
      <c r="A43362" s="1" t="s">
        <v>28735</v>
      </c>
      <c r="B43362" s="1" t="s">
        <v>146931</v>
      </c>
      <c r="C43362" s="1" t="s">
        <v>165</v>
      </c>
      <c r="D43362" s="1" t="s">
        <v>147933</v>
      </c>
      <c r="E43362" s="1" t="s">
        <v>147934</v>
      </c>
      <c r="F43362" s="1" t="s">
        <v>147935</v>
      </c>
      <c r="G43362" s="1" t="s">
        <v>147831</v>
      </c>
      <c r="H43362" s="1" t="s">
        <v>147832</v>
      </c>
      <c r="I43362" s="1" t="s">
        <v>146936</v>
      </c>
      <c r="J43362" s="1" t="s">
        <v>147936</v>
      </c>
    </row>
    <row r="43363" spans="1:10" x14ac:dyDescent="0.35">
      <c r="A43363" s="1" t="s">
        <v>28735</v>
      </c>
      <c r="B43363" s="1" t="s">
        <v>146931</v>
      </c>
      <c r="C43363" s="1" t="s">
        <v>170</v>
      </c>
      <c r="D43363" s="1" t="s">
        <v>147937</v>
      </c>
      <c r="E43363" s="1" t="s">
        <v>147938</v>
      </c>
      <c r="F43363" s="1" t="s">
        <v>147939</v>
      </c>
      <c r="G43363" s="1" t="s">
        <v>147831</v>
      </c>
      <c r="H43363" s="1" t="s">
        <v>147832</v>
      </c>
      <c r="I43363" s="1" t="s">
        <v>146936</v>
      </c>
      <c r="J43363" s="1" t="s">
        <v>147940</v>
      </c>
    </row>
    <row r="43364" spans="1:10" x14ac:dyDescent="0.35">
      <c r="A43364" s="1" t="s">
        <v>120016</v>
      </c>
      <c r="B43364" s="1" t="s">
        <v>146931</v>
      </c>
      <c r="C43364" s="1" t="s">
        <v>8</v>
      </c>
      <c r="D43364" s="1" t="s">
        <v>147941</v>
      </c>
      <c r="E43364" s="1" t="s">
        <v>147942</v>
      </c>
      <c r="F43364" s="1" t="s">
        <v>147943</v>
      </c>
      <c r="G43364" s="1" t="s">
        <v>147944</v>
      </c>
      <c r="H43364" s="1" t="s">
        <v>147945</v>
      </c>
      <c r="I43364" s="1" t="s">
        <v>146936</v>
      </c>
      <c r="J43364" s="1" t="s">
        <v>13</v>
      </c>
    </row>
    <row r="43365" spans="1:10" x14ac:dyDescent="0.35">
      <c r="A43365" s="1" t="s">
        <v>120016</v>
      </c>
      <c r="B43365" s="1" t="s">
        <v>146931</v>
      </c>
      <c r="C43365" s="1" t="s">
        <v>15</v>
      </c>
      <c r="D43365" s="1" t="s">
        <v>46911</v>
      </c>
      <c r="E43365" s="1" t="s">
        <v>147946</v>
      </c>
      <c r="F43365" s="1" t="s">
        <v>147947</v>
      </c>
      <c r="G43365" s="1" t="s">
        <v>147944</v>
      </c>
      <c r="H43365" s="1" t="s">
        <v>147945</v>
      </c>
      <c r="I43365" s="1" t="s">
        <v>146936</v>
      </c>
      <c r="J43365" s="1" t="s">
        <v>147948</v>
      </c>
    </row>
    <row r="43366" spans="1:10" x14ac:dyDescent="0.35">
      <c r="A43366" s="1" t="s">
        <v>120016</v>
      </c>
      <c r="B43366" s="1" t="s">
        <v>146931</v>
      </c>
      <c r="C43366" s="1" t="s">
        <v>20</v>
      </c>
      <c r="D43366" s="1" t="s">
        <v>147949</v>
      </c>
      <c r="E43366" s="1" t="s">
        <v>147950</v>
      </c>
      <c r="F43366" s="1" t="s">
        <v>147951</v>
      </c>
      <c r="G43366" s="1" t="s">
        <v>147944</v>
      </c>
      <c r="H43366" s="1" t="s">
        <v>147945</v>
      </c>
      <c r="I43366" s="1" t="s">
        <v>146936</v>
      </c>
      <c r="J43366" s="1" t="s">
        <v>147952</v>
      </c>
    </row>
    <row r="43367" spans="1:10" x14ac:dyDescent="0.35">
      <c r="A43367" s="1" t="s">
        <v>120016</v>
      </c>
      <c r="B43367" s="1" t="s">
        <v>146931</v>
      </c>
      <c r="C43367" s="1" t="s">
        <v>25</v>
      </c>
      <c r="D43367" s="1" t="s">
        <v>147953</v>
      </c>
      <c r="E43367" s="1" t="s">
        <v>147954</v>
      </c>
      <c r="F43367" s="1" t="s">
        <v>147955</v>
      </c>
      <c r="G43367" s="1" t="s">
        <v>147944</v>
      </c>
      <c r="H43367" s="1" t="s">
        <v>147945</v>
      </c>
      <c r="I43367" s="1" t="s">
        <v>146936</v>
      </c>
      <c r="J43367" s="1" t="s">
        <v>147956</v>
      </c>
    </row>
    <row r="43368" spans="1:10" x14ac:dyDescent="0.35">
      <c r="A43368" s="1" t="s">
        <v>120016</v>
      </c>
      <c r="B43368" s="1" t="s">
        <v>146931</v>
      </c>
      <c r="C43368" s="1" t="s">
        <v>30</v>
      </c>
      <c r="D43368" s="1" t="s">
        <v>43713</v>
      </c>
      <c r="E43368" s="1" t="s">
        <v>147957</v>
      </c>
      <c r="F43368" s="1" t="s">
        <v>147958</v>
      </c>
      <c r="G43368" s="1" t="s">
        <v>147944</v>
      </c>
      <c r="H43368" s="1" t="s">
        <v>147945</v>
      </c>
      <c r="I43368" s="1" t="s">
        <v>146936</v>
      </c>
      <c r="J43368" s="1" t="s">
        <v>147959</v>
      </c>
    </row>
    <row r="43369" spans="1:10" x14ac:dyDescent="0.35">
      <c r="A43369" s="1" t="s">
        <v>120016</v>
      </c>
      <c r="B43369" s="1" t="s">
        <v>146931</v>
      </c>
      <c r="C43369" s="1" t="s">
        <v>35</v>
      </c>
      <c r="D43369" s="1" t="s">
        <v>147960</v>
      </c>
      <c r="E43369" s="1" t="s">
        <v>147961</v>
      </c>
      <c r="F43369" s="1" t="s">
        <v>147962</v>
      </c>
      <c r="G43369" s="1" t="s">
        <v>147944</v>
      </c>
      <c r="H43369" s="1" t="s">
        <v>147945</v>
      </c>
      <c r="I43369" s="1" t="s">
        <v>146936</v>
      </c>
      <c r="J43369" s="1" t="s">
        <v>147963</v>
      </c>
    </row>
    <row r="43370" spans="1:10" x14ac:dyDescent="0.35">
      <c r="A43370" s="1" t="s">
        <v>120016</v>
      </c>
      <c r="B43370" s="1" t="s">
        <v>146931</v>
      </c>
      <c r="C43370" s="1" t="s">
        <v>40</v>
      </c>
      <c r="D43370" s="1" t="s">
        <v>114996</v>
      </c>
      <c r="E43370" s="1" t="s">
        <v>147964</v>
      </c>
      <c r="F43370" s="1" t="s">
        <v>147965</v>
      </c>
      <c r="G43370" s="1" t="s">
        <v>147944</v>
      </c>
      <c r="H43370" s="1" t="s">
        <v>147945</v>
      </c>
      <c r="I43370" s="1" t="s">
        <v>146936</v>
      </c>
      <c r="J43370" s="1" t="s">
        <v>147966</v>
      </c>
    </row>
    <row r="43371" spans="1:10" x14ac:dyDescent="0.35">
      <c r="A43371" s="1" t="s">
        <v>120016</v>
      </c>
      <c r="B43371" s="1" t="s">
        <v>146931</v>
      </c>
      <c r="C43371" s="1" t="s">
        <v>45</v>
      </c>
      <c r="D43371" s="1" t="s">
        <v>147967</v>
      </c>
      <c r="E43371" s="1" t="s">
        <v>147968</v>
      </c>
      <c r="F43371" s="1" t="s">
        <v>147969</v>
      </c>
      <c r="G43371" s="1" t="s">
        <v>147944</v>
      </c>
      <c r="H43371" s="1" t="s">
        <v>147945</v>
      </c>
      <c r="I43371" s="1" t="s">
        <v>146936</v>
      </c>
      <c r="J43371" s="1" t="s">
        <v>147970</v>
      </c>
    </row>
    <row r="43372" spans="1:10" x14ac:dyDescent="0.35">
      <c r="A43372" s="1" t="s">
        <v>120016</v>
      </c>
      <c r="B43372" s="1" t="s">
        <v>146931</v>
      </c>
      <c r="C43372" s="1" t="s">
        <v>50</v>
      </c>
      <c r="D43372" s="1" t="s">
        <v>127778</v>
      </c>
      <c r="E43372" s="1" t="s">
        <v>109295</v>
      </c>
      <c r="F43372" s="1" t="s">
        <v>147971</v>
      </c>
      <c r="G43372" s="1" t="s">
        <v>147944</v>
      </c>
      <c r="H43372" s="1" t="s">
        <v>147945</v>
      </c>
      <c r="I43372" s="1" t="s">
        <v>146936</v>
      </c>
      <c r="J43372" s="1" t="s">
        <v>147972</v>
      </c>
    </row>
    <row r="43373" spans="1:10" x14ac:dyDescent="0.35">
      <c r="A43373" s="1" t="s">
        <v>120016</v>
      </c>
      <c r="B43373" s="1" t="s">
        <v>146931</v>
      </c>
      <c r="C43373" s="1" t="s">
        <v>55</v>
      </c>
      <c r="D43373" s="1" t="s">
        <v>141290</v>
      </c>
      <c r="E43373" s="1" t="s">
        <v>147973</v>
      </c>
      <c r="F43373" s="1" t="s">
        <v>147974</v>
      </c>
      <c r="G43373" s="1" t="s">
        <v>147944</v>
      </c>
      <c r="H43373" s="1" t="s">
        <v>147945</v>
      </c>
      <c r="I43373" s="1" t="s">
        <v>146936</v>
      </c>
      <c r="J43373" s="1" t="s">
        <v>147975</v>
      </c>
    </row>
    <row r="43374" spans="1:10" x14ac:dyDescent="0.35">
      <c r="A43374" s="1" t="s">
        <v>120016</v>
      </c>
      <c r="B43374" s="1" t="s">
        <v>146931</v>
      </c>
      <c r="C43374" s="1" t="s">
        <v>60</v>
      </c>
      <c r="D43374" s="1" t="s">
        <v>147976</v>
      </c>
      <c r="E43374" s="1" t="s">
        <v>147977</v>
      </c>
      <c r="F43374" s="1" t="s">
        <v>147978</v>
      </c>
      <c r="G43374" s="1" t="s">
        <v>147944</v>
      </c>
      <c r="H43374" s="1" t="s">
        <v>147945</v>
      </c>
      <c r="I43374" s="1" t="s">
        <v>146936</v>
      </c>
      <c r="J43374" s="1" t="s">
        <v>147979</v>
      </c>
    </row>
    <row r="43375" spans="1:10" x14ac:dyDescent="0.35">
      <c r="A43375" s="1" t="s">
        <v>120016</v>
      </c>
      <c r="B43375" s="1" t="s">
        <v>146931</v>
      </c>
      <c r="C43375" s="1" t="s">
        <v>65</v>
      </c>
      <c r="D43375" s="1" t="s">
        <v>147980</v>
      </c>
      <c r="E43375" s="1" t="s">
        <v>147981</v>
      </c>
      <c r="F43375" s="1" t="s">
        <v>147982</v>
      </c>
      <c r="G43375" s="1" t="s">
        <v>147944</v>
      </c>
      <c r="H43375" s="1" t="s">
        <v>147945</v>
      </c>
      <c r="I43375" s="1" t="s">
        <v>146936</v>
      </c>
      <c r="J43375" s="1" t="s">
        <v>147983</v>
      </c>
    </row>
    <row r="43376" spans="1:10" x14ac:dyDescent="0.35">
      <c r="A43376" s="1" t="s">
        <v>120016</v>
      </c>
      <c r="B43376" s="1" t="s">
        <v>146931</v>
      </c>
      <c r="C43376" s="1" t="s">
        <v>70</v>
      </c>
      <c r="D43376" s="1" t="s">
        <v>147984</v>
      </c>
      <c r="E43376" s="1" t="s">
        <v>147985</v>
      </c>
      <c r="F43376" s="1" t="s">
        <v>147986</v>
      </c>
      <c r="G43376" s="1" t="s">
        <v>147944</v>
      </c>
      <c r="H43376" s="1" t="s">
        <v>147945</v>
      </c>
      <c r="I43376" s="1" t="s">
        <v>146936</v>
      </c>
      <c r="J43376" s="1" t="s">
        <v>147987</v>
      </c>
    </row>
    <row r="43377" spans="1:10" x14ac:dyDescent="0.35">
      <c r="A43377" s="1" t="s">
        <v>120016</v>
      </c>
      <c r="B43377" s="1" t="s">
        <v>146931</v>
      </c>
      <c r="C43377" s="1" t="s">
        <v>75</v>
      </c>
      <c r="D43377" s="1" t="s">
        <v>63690</v>
      </c>
      <c r="E43377" s="1" t="s">
        <v>147988</v>
      </c>
      <c r="F43377" s="1" t="s">
        <v>147989</v>
      </c>
      <c r="G43377" s="1" t="s">
        <v>147944</v>
      </c>
      <c r="H43377" s="1" t="s">
        <v>147945</v>
      </c>
      <c r="I43377" s="1" t="s">
        <v>146936</v>
      </c>
      <c r="J43377" s="1" t="s">
        <v>147990</v>
      </c>
    </row>
    <row r="43378" spans="1:10" x14ac:dyDescent="0.35">
      <c r="A43378" s="1" t="s">
        <v>120016</v>
      </c>
      <c r="B43378" s="1" t="s">
        <v>146931</v>
      </c>
      <c r="C43378" s="1" t="s">
        <v>80</v>
      </c>
      <c r="D43378" s="1" t="s">
        <v>91288</v>
      </c>
      <c r="E43378" s="1" t="s">
        <v>147991</v>
      </c>
      <c r="F43378" s="1" t="s">
        <v>147992</v>
      </c>
      <c r="G43378" s="1" t="s">
        <v>147944</v>
      </c>
      <c r="H43378" s="1" t="s">
        <v>147945</v>
      </c>
      <c r="I43378" s="1" t="s">
        <v>146936</v>
      </c>
      <c r="J43378" s="1" t="s">
        <v>147993</v>
      </c>
    </row>
    <row r="43379" spans="1:10" x14ac:dyDescent="0.35">
      <c r="A43379" s="1" t="s">
        <v>120016</v>
      </c>
      <c r="B43379" s="1" t="s">
        <v>146931</v>
      </c>
      <c r="C43379" s="1" t="s">
        <v>85</v>
      </c>
      <c r="D43379" s="1" t="s">
        <v>147994</v>
      </c>
      <c r="E43379" s="1" t="s">
        <v>147995</v>
      </c>
      <c r="F43379" s="1" t="s">
        <v>147996</v>
      </c>
      <c r="G43379" s="1" t="s">
        <v>147944</v>
      </c>
      <c r="H43379" s="1" t="s">
        <v>147945</v>
      </c>
      <c r="I43379" s="1" t="s">
        <v>146936</v>
      </c>
      <c r="J43379" s="1" t="s">
        <v>147997</v>
      </c>
    </row>
    <row r="43380" spans="1:10" x14ac:dyDescent="0.35">
      <c r="A43380" s="1" t="s">
        <v>120016</v>
      </c>
      <c r="B43380" s="1" t="s">
        <v>146931</v>
      </c>
      <c r="C43380" s="1" t="s">
        <v>90</v>
      </c>
      <c r="D43380" s="1" t="s">
        <v>66579</v>
      </c>
      <c r="E43380" s="1" t="s">
        <v>147998</v>
      </c>
      <c r="F43380" s="1" t="s">
        <v>147999</v>
      </c>
      <c r="G43380" s="1" t="s">
        <v>147944</v>
      </c>
      <c r="H43380" s="1" t="s">
        <v>147945</v>
      </c>
      <c r="I43380" s="1" t="s">
        <v>146936</v>
      </c>
      <c r="J43380" s="1" t="s">
        <v>148000</v>
      </c>
    </row>
    <row r="43381" spans="1:10" x14ac:dyDescent="0.35">
      <c r="A43381" s="1" t="s">
        <v>120016</v>
      </c>
      <c r="B43381" s="1" t="s">
        <v>146931</v>
      </c>
      <c r="C43381" s="1" t="s">
        <v>95</v>
      </c>
      <c r="D43381" s="1" t="s">
        <v>102843</v>
      </c>
      <c r="E43381" s="1" t="s">
        <v>148001</v>
      </c>
      <c r="F43381" s="1" t="s">
        <v>148002</v>
      </c>
      <c r="G43381" s="1" t="s">
        <v>147944</v>
      </c>
      <c r="H43381" s="1" t="s">
        <v>147945</v>
      </c>
      <c r="I43381" s="1" t="s">
        <v>146936</v>
      </c>
      <c r="J43381" s="1" t="s">
        <v>148003</v>
      </c>
    </row>
    <row r="43382" spans="1:10" x14ac:dyDescent="0.35">
      <c r="A43382" s="1" t="s">
        <v>120016</v>
      </c>
      <c r="B43382" s="1" t="s">
        <v>146931</v>
      </c>
      <c r="C43382" s="1" t="s">
        <v>100</v>
      </c>
      <c r="D43382" s="1" t="s">
        <v>148004</v>
      </c>
      <c r="E43382" s="1" t="s">
        <v>148005</v>
      </c>
      <c r="F43382" s="1" t="s">
        <v>148006</v>
      </c>
      <c r="G43382" s="1" t="s">
        <v>147944</v>
      </c>
      <c r="H43382" s="1" t="s">
        <v>147945</v>
      </c>
      <c r="I43382" s="1" t="s">
        <v>146936</v>
      </c>
      <c r="J43382" s="1" t="s">
        <v>148007</v>
      </c>
    </row>
    <row r="43383" spans="1:10" x14ac:dyDescent="0.35">
      <c r="A43383" s="1" t="s">
        <v>120016</v>
      </c>
      <c r="B43383" s="1" t="s">
        <v>146931</v>
      </c>
      <c r="C43383" s="1" t="s">
        <v>105</v>
      </c>
      <c r="D43383" s="1" t="s">
        <v>66227</v>
      </c>
      <c r="E43383" s="1" t="s">
        <v>148008</v>
      </c>
      <c r="F43383" s="1" t="s">
        <v>148009</v>
      </c>
      <c r="G43383" s="1" t="s">
        <v>147944</v>
      </c>
      <c r="H43383" s="1" t="s">
        <v>147945</v>
      </c>
      <c r="I43383" s="1" t="s">
        <v>146936</v>
      </c>
      <c r="J43383" s="1" t="s">
        <v>148010</v>
      </c>
    </row>
    <row r="43384" spans="1:10" x14ac:dyDescent="0.35">
      <c r="A43384" s="1" t="s">
        <v>120016</v>
      </c>
      <c r="B43384" s="1" t="s">
        <v>146931</v>
      </c>
      <c r="C43384" s="1" t="s">
        <v>110</v>
      </c>
      <c r="D43384" s="1" t="s">
        <v>2814</v>
      </c>
      <c r="E43384" s="1" t="s">
        <v>148011</v>
      </c>
      <c r="F43384" s="1" t="s">
        <v>148012</v>
      </c>
      <c r="G43384" s="1" t="s">
        <v>147944</v>
      </c>
      <c r="H43384" s="1" t="s">
        <v>147945</v>
      </c>
      <c r="I43384" s="1" t="s">
        <v>146936</v>
      </c>
      <c r="J43384" s="1" t="s">
        <v>148013</v>
      </c>
    </row>
    <row r="43385" spans="1:10" x14ac:dyDescent="0.35">
      <c r="A43385" s="1" t="s">
        <v>120016</v>
      </c>
      <c r="B43385" s="1" t="s">
        <v>146931</v>
      </c>
      <c r="C43385" s="1" t="s">
        <v>115</v>
      </c>
      <c r="D43385" s="1" t="s">
        <v>148014</v>
      </c>
      <c r="E43385" s="1" t="s">
        <v>148015</v>
      </c>
      <c r="F43385" s="1" t="s">
        <v>148016</v>
      </c>
      <c r="G43385" s="1" t="s">
        <v>147944</v>
      </c>
      <c r="H43385" s="1" t="s">
        <v>147945</v>
      </c>
      <c r="I43385" s="1" t="s">
        <v>146936</v>
      </c>
      <c r="J43385" s="1" t="s">
        <v>148017</v>
      </c>
    </row>
    <row r="43386" spans="1:10" x14ac:dyDescent="0.35">
      <c r="A43386" s="1" t="s">
        <v>120016</v>
      </c>
      <c r="B43386" s="1" t="s">
        <v>146931</v>
      </c>
      <c r="C43386" s="1" t="s">
        <v>120</v>
      </c>
      <c r="D43386" s="1" t="s">
        <v>99740</v>
      </c>
      <c r="E43386" s="1" t="s">
        <v>148018</v>
      </c>
      <c r="F43386" s="1" t="s">
        <v>148019</v>
      </c>
      <c r="G43386" s="1" t="s">
        <v>147944</v>
      </c>
      <c r="H43386" s="1" t="s">
        <v>147945</v>
      </c>
      <c r="I43386" s="1" t="s">
        <v>146936</v>
      </c>
      <c r="J43386" s="1" t="s">
        <v>148020</v>
      </c>
    </row>
    <row r="43387" spans="1:10" x14ac:dyDescent="0.35">
      <c r="A43387" s="1" t="s">
        <v>120016</v>
      </c>
      <c r="B43387" s="1" t="s">
        <v>146931</v>
      </c>
      <c r="C43387" s="1" t="s">
        <v>125</v>
      </c>
      <c r="D43387" s="1" t="s">
        <v>148021</v>
      </c>
      <c r="E43387" s="1" t="s">
        <v>148022</v>
      </c>
      <c r="F43387" s="1" t="s">
        <v>148023</v>
      </c>
      <c r="G43387" s="1" t="s">
        <v>147944</v>
      </c>
      <c r="H43387" s="1" t="s">
        <v>147945</v>
      </c>
      <c r="I43387" s="1" t="s">
        <v>146936</v>
      </c>
      <c r="J43387" s="1" t="s">
        <v>148024</v>
      </c>
    </row>
    <row r="43388" spans="1:10" x14ac:dyDescent="0.35">
      <c r="A43388" s="1" t="s">
        <v>120016</v>
      </c>
      <c r="B43388" s="1" t="s">
        <v>146931</v>
      </c>
      <c r="C43388" s="1" t="s">
        <v>130</v>
      </c>
      <c r="D43388" s="1" t="s">
        <v>148025</v>
      </c>
      <c r="E43388" s="1" t="s">
        <v>148026</v>
      </c>
      <c r="F43388" s="1" t="s">
        <v>148027</v>
      </c>
      <c r="G43388" s="1" t="s">
        <v>147944</v>
      </c>
      <c r="H43388" s="1" t="s">
        <v>147945</v>
      </c>
      <c r="I43388" s="1" t="s">
        <v>146936</v>
      </c>
      <c r="J43388" s="1" t="s">
        <v>148028</v>
      </c>
    </row>
    <row r="43389" spans="1:10" x14ac:dyDescent="0.35">
      <c r="A43389" s="1" t="s">
        <v>120016</v>
      </c>
      <c r="B43389" s="1" t="s">
        <v>146931</v>
      </c>
      <c r="C43389" s="1" t="s">
        <v>135</v>
      </c>
      <c r="D43389" s="1" t="s">
        <v>64638</v>
      </c>
      <c r="E43389" s="1" t="s">
        <v>148029</v>
      </c>
      <c r="F43389" s="1" t="s">
        <v>148030</v>
      </c>
      <c r="G43389" s="1" t="s">
        <v>147944</v>
      </c>
      <c r="H43389" s="1" t="s">
        <v>147945</v>
      </c>
      <c r="I43389" s="1" t="s">
        <v>146936</v>
      </c>
      <c r="J43389" s="1" t="s">
        <v>148031</v>
      </c>
    </row>
    <row r="43390" spans="1:10" x14ac:dyDescent="0.35">
      <c r="A43390" s="1" t="s">
        <v>120016</v>
      </c>
      <c r="B43390" s="1" t="s">
        <v>146931</v>
      </c>
      <c r="C43390" s="1" t="s">
        <v>140</v>
      </c>
      <c r="D43390" s="1" t="s">
        <v>148032</v>
      </c>
      <c r="E43390" s="1" t="s">
        <v>148033</v>
      </c>
      <c r="F43390" s="1" t="s">
        <v>148034</v>
      </c>
      <c r="G43390" s="1" t="s">
        <v>147944</v>
      </c>
      <c r="H43390" s="1" t="s">
        <v>147945</v>
      </c>
      <c r="I43390" s="1" t="s">
        <v>146936</v>
      </c>
      <c r="J43390" s="1" t="s">
        <v>148035</v>
      </c>
    </row>
    <row r="43391" spans="1:10" x14ac:dyDescent="0.35">
      <c r="A43391" s="1" t="s">
        <v>120016</v>
      </c>
      <c r="B43391" s="1" t="s">
        <v>146931</v>
      </c>
      <c r="C43391" s="1" t="s">
        <v>145</v>
      </c>
      <c r="D43391" s="1" t="s">
        <v>148036</v>
      </c>
      <c r="E43391" s="1" t="s">
        <v>148037</v>
      </c>
      <c r="F43391" s="1" t="s">
        <v>148038</v>
      </c>
      <c r="G43391" s="1" t="s">
        <v>147944</v>
      </c>
      <c r="H43391" s="1" t="s">
        <v>147945</v>
      </c>
      <c r="I43391" s="1" t="s">
        <v>146936</v>
      </c>
      <c r="J43391" s="1" t="s">
        <v>148039</v>
      </c>
    </row>
    <row r="43392" spans="1:10" x14ac:dyDescent="0.35">
      <c r="A43392" s="1" t="s">
        <v>120016</v>
      </c>
      <c r="B43392" s="1" t="s">
        <v>146931</v>
      </c>
      <c r="C43392" s="1" t="s">
        <v>150</v>
      </c>
      <c r="D43392" s="1" t="s">
        <v>148040</v>
      </c>
      <c r="E43392" s="1" t="s">
        <v>148041</v>
      </c>
      <c r="F43392" s="1" t="s">
        <v>148042</v>
      </c>
      <c r="G43392" s="1" t="s">
        <v>147944</v>
      </c>
      <c r="H43392" s="1" t="s">
        <v>147945</v>
      </c>
      <c r="I43392" s="1" t="s">
        <v>146936</v>
      </c>
      <c r="J43392" s="1" t="s">
        <v>148043</v>
      </c>
    </row>
    <row r="43393" spans="1:10" x14ac:dyDescent="0.35">
      <c r="A43393" s="1" t="s">
        <v>120016</v>
      </c>
      <c r="B43393" s="1" t="s">
        <v>146931</v>
      </c>
      <c r="C43393" s="1" t="s">
        <v>155</v>
      </c>
      <c r="D43393" s="1" t="s">
        <v>148044</v>
      </c>
      <c r="E43393" s="1" t="s">
        <v>148045</v>
      </c>
      <c r="F43393" s="1" t="s">
        <v>148046</v>
      </c>
      <c r="G43393" s="1" t="s">
        <v>147944</v>
      </c>
      <c r="H43393" s="1" t="s">
        <v>147945</v>
      </c>
      <c r="I43393" s="1" t="s">
        <v>146936</v>
      </c>
      <c r="J43393" s="1" t="s">
        <v>148047</v>
      </c>
    </row>
    <row r="43394" spans="1:10" x14ac:dyDescent="0.35">
      <c r="A43394" s="1" t="s">
        <v>120016</v>
      </c>
      <c r="B43394" s="1" t="s">
        <v>146931</v>
      </c>
      <c r="C43394" s="1" t="s">
        <v>160</v>
      </c>
      <c r="D43394" s="1" t="s">
        <v>148048</v>
      </c>
      <c r="E43394" s="1" t="s">
        <v>148049</v>
      </c>
      <c r="F43394" s="1" t="s">
        <v>148050</v>
      </c>
      <c r="G43394" s="1" t="s">
        <v>147944</v>
      </c>
      <c r="H43394" s="1" t="s">
        <v>147945</v>
      </c>
      <c r="I43394" s="1" t="s">
        <v>146936</v>
      </c>
      <c r="J43394" s="1" t="s">
        <v>148051</v>
      </c>
    </row>
    <row r="43395" spans="1:10" x14ac:dyDescent="0.35">
      <c r="A43395" s="1" t="s">
        <v>120016</v>
      </c>
      <c r="B43395" s="1" t="s">
        <v>146931</v>
      </c>
      <c r="C43395" s="1" t="s">
        <v>165</v>
      </c>
      <c r="D43395" s="1" t="s">
        <v>148052</v>
      </c>
      <c r="E43395" s="1" t="s">
        <v>148053</v>
      </c>
      <c r="F43395" s="1" t="s">
        <v>148054</v>
      </c>
      <c r="G43395" s="1" t="s">
        <v>147944</v>
      </c>
      <c r="H43395" s="1" t="s">
        <v>147945</v>
      </c>
      <c r="I43395" s="1" t="s">
        <v>146936</v>
      </c>
      <c r="J43395" s="1" t="s">
        <v>148055</v>
      </c>
    </row>
    <row r="43396" spans="1:10" x14ac:dyDescent="0.35">
      <c r="A43396" s="1" t="s">
        <v>120016</v>
      </c>
      <c r="B43396" s="1" t="s">
        <v>146931</v>
      </c>
      <c r="C43396" s="1" t="s">
        <v>170</v>
      </c>
      <c r="D43396" s="1" t="s">
        <v>148056</v>
      </c>
      <c r="E43396" s="1" t="s">
        <v>148057</v>
      </c>
      <c r="F43396" s="1" t="s">
        <v>148058</v>
      </c>
      <c r="G43396" s="1" t="s">
        <v>147944</v>
      </c>
      <c r="H43396" s="1" t="s">
        <v>147945</v>
      </c>
      <c r="I43396" s="1" t="s">
        <v>146936</v>
      </c>
      <c r="J43396" s="1" t="s">
        <v>148059</v>
      </c>
    </row>
    <row r="43397" spans="1:10" x14ac:dyDescent="0.35">
      <c r="A43397" s="1" t="s">
        <v>25113</v>
      </c>
      <c r="B43397" s="1" t="s">
        <v>146931</v>
      </c>
      <c r="C43397" s="1" t="s">
        <v>8</v>
      </c>
      <c r="D43397" s="1" t="s">
        <v>105186</v>
      </c>
      <c r="E43397" s="1" t="s">
        <v>114463</v>
      </c>
      <c r="F43397" s="1" t="s">
        <v>148060</v>
      </c>
      <c r="G43397" s="1" t="s">
        <v>148061</v>
      </c>
      <c r="H43397" s="1" t="s">
        <v>148062</v>
      </c>
      <c r="I43397" s="1" t="s">
        <v>146936</v>
      </c>
      <c r="J43397" s="1" t="s">
        <v>13</v>
      </c>
    </row>
    <row r="43398" spans="1:10" x14ac:dyDescent="0.35">
      <c r="A43398" s="1" t="s">
        <v>25113</v>
      </c>
      <c r="B43398" s="1" t="s">
        <v>146931</v>
      </c>
      <c r="C43398" s="1" t="s">
        <v>15</v>
      </c>
      <c r="D43398" s="1" t="s">
        <v>148063</v>
      </c>
      <c r="E43398" s="1" t="s">
        <v>58638</v>
      </c>
      <c r="F43398" s="1" t="s">
        <v>148064</v>
      </c>
      <c r="G43398" s="1" t="s">
        <v>148061</v>
      </c>
      <c r="H43398" s="1" t="s">
        <v>148062</v>
      </c>
      <c r="I43398" s="1" t="s">
        <v>146936</v>
      </c>
      <c r="J43398" s="1" t="s">
        <v>148065</v>
      </c>
    </row>
    <row r="43399" spans="1:10" x14ac:dyDescent="0.35">
      <c r="A43399" s="1" t="s">
        <v>25113</v>
      </c>
      <c r="B43399" s="1" t="s">
        <v>146931</v>
      </c>
      <c r="C43399" s="1" t="s">
        <v>20</v>
      </c>
      <c r="D43399" s="1" t="s">
        <v>125922</v>
      </c>
      <c r="E43399" s="1" t="s">
        <v>31790</v>
      </c>
      <c r="F43399" s="1" t="s">
        <v>148066</v>
      </c>
      <c r="G43399" s="1" t="s">
        <v>148061</v>
      </c>
      <c r="H43399" s="1" t="s">
        <v>148062</v>
      </c>
      <c r="I43399" s="1" t="s">
        <v>146936</v>
      </c>
      <c r="J43399" s="1" t="s">
        <v>148067</v>
      </c>
    </row>
    <row r="43400" spans="1:10" x14ac:dyDescent="0.35">
      <c r="A43400" s="1" t="s">
        <v>25113</v>
      </c>
      <c r="B43400" s="1" t="s">
        <v>146931</v>
      </c>
      <c r="C43400" s="1" t="s">
        <v>25</v>
      </c>
      <c r="D43400" s="1" t="s">
        <v>12677</v>
      </c>
      <c r="E43400" s="1" t="s">
        <v>58585</v>
      </c>
      <c r="F43400" s="1" t="s">
        <v>101597</v>
      </c>
      <c r="G43400" s="1" t="s">
        <v>148061</v>
      </c>
      <c r="H43400" s="1" t="s">
        <v>148062</v>
      </c>
      <c r="I43400" s="1" t="s">
        <v>146936</v>
      </c>
      <c r="J43400" s="1" t="s">
        <v>148068</v>
      </c>
    </row>
    <row r="43401" spans="1:10" x14ac:dyDescent="0.35">
      <c r="A43401" s="1" t="s">
        <v>25113</v>
      </c>
      <c r="B43401" s="1" t="s">
        <v>146931</v>
      </c>
      <c r="C43401" s="1" t="s">
        <v>30</v>
      </c>
      <c r="D43401" s="1" t="s">
        <v>82533</v>
      </c>
      <c r="E43401" s="1" t="s">
        <v>105166</v>
      </c>
      <c r="F43401" s="1" t="s">
        <v>148069</v>
      </c>
      <c r="G43401" s="1" t="s">
        <v>148061</v>
      </c>
      <c r="H43401" s="1" t="s">
        <v>148062</v>
      </c>
      <c r="I43401" s="1" t="s">
        <v>146936</v>
      </c>
      <c r="J43401" s="1" t="s">
        <v>148070</v>
      </c>
    </row>
    <row r="43402" spans="1:10" x14ac:dyDescent="0.35">
      <c r="A43402" s="1" t="s">
        <v>25113</v>
      </c>
      <c r="B43402" s="1" t="s">
        <v>146931</v>
      </c>
      <c r="C43402" s="1" t="s">
        <v>35</v>
      </c>
      <c r="D43402" s="1" t="s">
        <v>148071</v>
      </c>
      <c r="E43402" s="1" t="s">
        <v>15571</v>
      </c>
      <c r="F43402" s="1" t="s">
        <v>148072</v>
      </c>
      <c r="G43402" s="1" t="s">
        <v>148061</v>
      </c>
      <c r="H43402" s="1" t="s">
        <v>148062</v>
      </c>
      <c r="I43402" s="1" t="s">
        <v>146936</v>
      </c>
      <c r="J43402" s="1" t="s">
        <v>148073</v>
      </c>
    </row>
    <row r="43403" spans="1:10" x14ac:dyDescent="0.35">
      <c r="A43403" s="1" t="s">
        <v>25113</v>
      </c>
      <c r="B43403" s="1" t="s">
        <v>146931</v>
      </c>
      <c r="C43403" s="1" t="s">
        <v>40</v>
      </c>
      <c r="D43403" s="1" t="s">
        <v>148074</v>
      </c>
      <c r="E43403" s="1" t="s">
        <v>24292</v>
      </c>
      <c r="F43403" s="1" t="s">
        <v>148075</v>
      </c>
      <c r="G43403" s="1" t="s">
        <v>148061</v>
      </c>
      <c r="H43403" s="1" t="s">
        <v>148062</v>
      </c>
      <c r="I43403" s="1" t="s">
        <v>146936</v>
      </c>
      <c r="J43403" s="1" t="s">
        <v>148076</v>
      </c>
    </row>
    <row r="43404" spans="1:10" x14ac:dyDescent="0.35">
      <c r="A43404" s="1" t="s">
        <v>25113</v>
      </c>
      <c r="B43404" s="1" t="s">
        <v>146931</v>
      </c>
      <c r="C43404" s="1" t="s">
        <v>45</v>
      </c>
      <c r="D43404" s="1" t="s">
        <v>79168</v>
      </c>
      <c r="E43404" s="1" t="s">
        <v>148077</v>
      </c>
      <c r="F43404" s="1" t="s">
        <v>148078</v>
      </c>
      <c r="G43404" s="1" t="s">
        <v>148061</v>
      </c>
      <c r="H43404" s="1" t="s">
        <v>148062</v>
      </c>
      <c r="I43404" s="1" t="s">
        <v>146936</v>
      </c>
      <c r="J43404" s="1" t="s">
        <v>148079</v>
      </c>
    </row>
    <row r="43405" spans="1:10" x14ac:dyDescent="0.35">
      <c r="A43405" s="1" t="s">
        <v>25113</v>
      </c>
      <c r="B43405" s="1" t="s">
        <v>146931</v>
      </c>
      <c r="C43405" s="1" t="s">
        <v>50</v>
      </c>
      <c r="D43405" s="1" t="s">
        <v>15127</v>
      </c>
      <c r="E43405" s="1" t="s">
        <v>128273</v>
      </c>
      <c r="F43405" s="1" t="s">
        <v>148080</v>
      </c>
      <c r="G43405" s="1" t="s">
        <v>148061</v>
      </c>
      <c r="H43405" s="1" t="s">
        <v>148062</v>
      </c>
      <c r="I43405" s="1" t="s">
        <v>146936</v>
      </c>
      <c r="J43405" s="1" t="s">
        <v>148081</v>
      </c>
    </row>
    <row r="43406" spans="1:10" x14ac:dyDescent="0.35">
      <c r="A43406" s="1" t="s">
        <v>25113</v>
      </c>
      <c r="B43406" s="1" t="s">
        <v>146931</v>
      </c>
      <c r="C43406" s="1" t="s">
        <v>55</v>
      </c>
      <c r="D43406" s="1" t="s">
        <v>107053</v>
      </c>
      <c r="E43406" s="1" t="s">
        <v>96616</v>
      </c>
      <c r="F43406" s="1" t="s">
        <v>148082</v>
      </c>
      <c r="G43406" s="1" t="s">
        <v>148061</v>
      </c>
      <c r="H43406" s="1" t="s">
        <v>148062</v>
      </c>
      <c r="I43406" s="1" t="s">
        <v>146936</v>
      </c>
      <c r="J43406" s="1" t="s">
        <v>148083</v>
      </c>
    </row>
    <row r="43407" spans="1:10" x14ac:dyDescent="0.35">
      <c r="A43407" s="1" t="s">
        <v>25113</v>
      </c>
      <c r="B43407" s="1" t="s">
        <v>146931</v>
      </c>
      <c r="C43407" s="1" t="s">
        <v>60</v>
      </c>
      <c r="D43407" s="1" t="s">
        <v>139300</v>
      </c>
      <c r="E43407" s="1" t="s">
        <v>148084</v>
      </c>
      <c r="F43407" s="1" t="s">
        <v>148085</v>
      </c>
      <c r="G43407" s="1" t="s">
        <v>148061</v>
      </c>
      <c r="H43407" s="1" t="s">
        <v>148062</v>
      </c>
      <c r="I43407" s="1" t="s">
        <v>146936</v>
      </c>
      <c r="J43407" s="1" t="s">
        <v>148086</v>
      </c>
    </row>
    <row r="43408" spans="1:10" x14ac:dyDescent="0.35">
      <c r="A43408" s="1" t="s">
        <v>25113</v>
      </c>
      <c r="B43408" s="1" t="s">
        <v>146931</v>
      </c>
      <c r="C43408" s="1" t="s">
        <v>65</v>
      </c>
      <c r="D43408" s="1" t="s">
        <v>20634</v>
      </c>
      <c r="E43408" s="1" t="s">
        <v>132281</v>
      </c>
      <c r="F43408" s="1" t="s">
        <v>148087</v>
      </c>
      <c r="G43408" s="1" t="s">
        <v>148061</v>
      </c>
      <c r="H43408" s="1" t="s">
        <v>148062</v>
      </c>
      <c r="I43408" s="1" t="s">
        <v>146936</v>
      </c>
      <c r="J43408" s="1" t="s">
        <v>148088</v>
      </c>
    </row>
    <row r="43409" spans="1:10" x14ac:dyDescent="0.35">
      <c r="A43409" s="1" t="s">
        <v>25113</v>
      </c>
      <c r="B43409" s="1" t="s">
        <v>146931</v>
      </c>
      <c r="C43409" s="1" t="s">
        <v>70</v>
      </c>
      <c r="D43409" s="1" t="s">
        <v>148089</v>
      </c>
      <c r="E43409" s="1" t="s">
        <v>32972</v>
      </c>
      <c r="F43409" s="1" t="s">
        <v>148090</v>
      </c>
      <c r="G43409" s="1" t="s">
        <v>148061</v>
      </c>
      <c r="H43409" s="1" t="s">
        <v>148062</v>
      </c>
      <c r="I43409" s="1" t="s">
        <v>146936</v>
      </c>
      <c r="J43409" s="1" t="s">
        <v>148091</v>
      </c>
    </row>
    <row r="43410" spans="1:10" x14ac:dyDescent="0.35">
      <c r="A43410" s="1" t="s">
        <v>25113</v>
      </c>
      <c r="B43410" s="1" t="s">
        <v>146931</v>
      </c>
      <c r="C43410" s="1" t="s">
        <v>75</v>
      </c>
      <c r="D43410" s="1" t="s">
        <v>75853</v>
      </c>
      <c r="E43410" s="1" t="s">
        <v>148092</v>
      </c>
      <c r="F43410" s="1" t="s">
        <v>148093</v>
      </c>
      <c r="G43410" s="1" t="s">
        <v>148061</v>
      </c>
      <c r="H43410" s="1" t="s">
        <v>148062</v>
      </c>
      <c r="I43410" s="1" t="s">
        <v>146936</v>
      </c>
      <c r="J43410" s="1" t="s">
        <v>148094</v>
      </c>
    </row>
    <row r="43411" spans="1:10" x14ac:dyDescent="0.35">
      <c r="A43411" s="1" t="s">
        <v>25113</v>
      </c>
      <c r="B43411" s="1" t="s">
        <v>146931</v>
      </c>
      <c r="C43411" s="1" t="s">
        <v>80</v>
      </c>
      <c r="D43411" s="1" t="s">
        <v>148095</v>
      </c>
      <c r="E43411" s="1" t="s">
        <v>148096</v>
      </c>
      <c r="F43411" s="1" t="s">
        <v>148097</v>
      </c>
      <c r="G43411" s="1" t="s">
        <v>148061</v>
      </c>
      <c r="H43411" s="1" t="s">
        <v>148062</v>
      </c>
      <c r="I43411" s="1" t="s">
        <v>146936</v>
      </c>
      <c r="J43411" s="1" t="s">
        <v>148098</v>
      </c>
    </row>
    <row r="43412" spans="1:10" x14ac:dyDescent="0.35">
      <c r="A43412" s="1" t="s">
        <v>25113</v>
      </c>
      <c r="B43412" s="1" t="s">
        <v>146931</v>
      </c>
      <c r="C43412" s="1" t="s">
        <v>85</v>
      </c>
      <c r="D43412" s="1" t="s">
        <v>148099</v>
      </c>
      <c r="E43412" s="1" t="s">
        <v>134039</v>
      </c>
      <c r="F43412" s="1" t="s">
        <v>148100</v>
      </c>
      <c r="G43412" s="1" t="s">
        <v>148061</v>
      </c>
      <c r="H43412" s="1" t="s">
        <v>148062</v>
      </c>
      <c r="I43412" s="1" t="s">
        <v>146936</v>
      </c>
      <c r="J43412" s="1" t="s">
        <v>148101</v>
      </c>
    </row>
    <row r="43413" spans="1:10" x14ac:dyDescent="0.35">
      <c r="A43413" s="1" t="s">
        <v>25113</v>
      </c>
      <c r="B43413" s="1" t="s">
        <v>146931</v>
      </c>
      <c r="C43413" s="1" t="s">
        <v>90</v>
      </c>
      <c r="D43413" s="1" t="s">
        <v>70293</v>
      </c>
      <c r="E43413" s="1" t="s">
        <v>32984</v>
      </c>
      <c r="F43413" s="1" t="s">
        <v>148102</v>
      </c>
      <c r="G43413" s="1" t="s">
        <v>148061</v>
      </c>
      <c r="H43413" s="1" t="s">
        <v>148062</v>
      </c>
      <c r="I43413" s="1" t="s">
        <v>146936</v>
      </c>
      <c r="J43413" s="1" t="s">
        <v>148103</v>
      </c>
    </row>
    <row r="43414" spans="1:10" x14ac:dyDescent="0.35">
      <c r="A43414" s="1" t="s">
        <v>25113</v>
      </c>
      <c r="B43414" s="1" t="s">
        <v>146931</v>
      </c>
      <c r="C43414" s="1" t="s">
        <v>95</v>
      </c>
      <c r="D43414" s="1" t="s">
        <v>148104</v>
      </c>
      <c r="E43414" s="1" t="s">
        <v>95780</v>
      </c>
      <c r="F43414" s="1" t="s">
        <v>148105</v>
      </c>
      <c r="G43414" s="1" t="s">
        <v>148061</v>
      </c>
      <c r="H43414" s="1" t="s">
        <v>148062</v>
      </c>
      <c r="I43414" s="1" t="s">
        <v>146936</v>
      </c>
      <c r="J43414" s="1" t="s">
        <v>148106</v>
      </c>
    </row>
    <row r="43415" spans="1:10" x14ac:dyDescent="0.35">
      <c r="A43415" s="1" t="s">
        <v>25113</v>
      </c>
      <c r="B43415" s="1" t="s">
        <v>146931</v>
      </c>
      <c r="C43415" s="1" t="s">
        <v>100</v>
      </c>
      <c r="D43415" s="1" t="s">
        <v>148107</v>
      </c>
      <c r="E43415" s="1" t="s">
        <v>94176</v>
      </c>
      <c r="F43415" s="1" t="s">
        <v>148108</v>
      </c>
      <c r="G43415" s="1" t="s">
        <v>148061</v>
      </c>
      <c r="H43415" s="1" t="s">
        <v>148062</v>
      </c>
      <c r="I43415" s="1" t="s">
        <v>146936</v>
      </c>
      <c r="J43415" s="1" t="s">
        <v>148109</v>
      </c>
    </row>
    <row r="43416" spans="1:10" x14ac:dyDescent="0.35">
      <c r="A43416" s="1" t="s">
        <v>25113</v>
      </c>
      <c r="B43416" s="1" t="s">
        <v>146931</v>
      </c>
      <c r="C43416" s="1" t="s">
        <v>105</v>
      </c>
      <c r="D43416" s="1" t="s">
        <v>148110</v>
      </c>
      <c r="E43416" s="1" t="s">
        <v>15648</v>
      </c>
      <c r="F43416" s="1" t="s">
        <v>148111</v>
      </c>
      <c r="G43416" s="1" t="s">
        <v>148061</v>
      </c>
      <c r="H43416" s="1" t="s">
        <v>148062</v>
      </c>
      <c r="I43416" s="1" t="s">
        <v>146936</v>
      </c>
      <c r="J43416" s="1" t="s">
        <v>148112</v>
      </c>
    </row>
    <row r="43417" spans="1:10" x14ac:dyDescent="0.35">
      <c r="A43417" s="1" t="s">
        <v>25113</v>
      </c>
      <c r="B43417" s="1" t="s">
        <v>146931</v>
      </c>
      <c r="C43417" s="1" t="s">
        <v>110</v>
      </c>
      <c r="D43417" s="1" t="s">
        <v>148113</v>
      </c>
      <c r="E43417" s="1" t="s">
        <v>148114</v>
      </c>
      <c r="F43417" s="1" t="s">
        <v>55049</v>
      </c>
      <c r="G43417" s="1" t="s">
        <v>148061</v>
      </c>
      <c r="H43417" s="1" t="s">
        <v>148062</v>
      </c>
      <c r="I43417" s="1" t="s">
        <v>146936</v>
      </c>
      <c r="J43417" s="1" t="s">
        <v>148115</v>
      </c>
    </row>
    <row r="43418" spans="1:10" x14ac:dyDescent="0.35">
      <c r="A43418" s="1" t="s">
        <v>25113</v>
      </c>
      <c r="B43418" s="1" t="s">
        <v>146931</v>
      </c>
      <c r="C43418" s="1" t="s">
        <v>115</v>
      </c>
      <c r="D43418" s="1" t="s">
        <v>148116</v>
      </c>
      <c r="E43418" s="1" t="s">
        <v>15588</v>
      </c>
      <c r="F43418" s="1" t="s">
        <v>148117</v>
      </c>
      <c r="G43418" s="1" t="s">
        <v>148061</v>
      </c>
      <c r="H43418" s="1" t="s">
        <v>148062</v>
      </c>
      <c r="I43418" s="1" t="s">
        <v>146936</v>
      </c>
      <c r="J43418" s="1" t="s">
        <v>148118</v>
      </c>
    </row>
    <row r="43419" spans="1:10" x14ac:dyDescent="0.35">
      <c r="A43419" s="1" t="s">
        <v>25113</v>
      </c>
      <c r="B43419" s="1" t="s">
        <v>146931</v>
      </c>
      <c r="C43419" s="1" t="s">
        <v>120</v>
      </c>
      <c r="D43419" s="1" t="s">
        <v>148119</v>
      </c>
      <c r="E43419" s="1" t="s">
        <v>65615</v>
      </c>
      <c r="F43419" s="1" t="s">
        <v>148120</v>
      </c>
      <c r="G43419" s="1" t="s">
        <v>148061</v>
      </c>
      <c r="H43419" s="1" t="s">
        <v>148062</v>
      </c>
      <c r="I43419" s="1" t="s">
        <v>146936</v>
      </c>
      <c r="J43419" s="1" t="s">
        <v>148121</v>
      </c>
    </row>
    <row r="43420" spans="1:10" x14ac:dyDescent="0.35">
      <c r="A43420" s="1" t="s">
        <v>25113</v>
      </c>
      <c r="B43420" s="1" t="s">
        <v>146931</v>
      </c>
      <c r="C43420" s="1" t="s">
        <v>125</v>
      </c>
      <c r="D43420" s="1" t="s">
        <v>148122</v>
      </c>
      <c r="E43420" s="1" t="s">
        <v>73481</v>
      </c>
      <c r="F43420" s="1" t="s">
        <v>148123</v>
      </c>
      <c r="G43420" s="1" t="s">
        <v>148061</v>
      </c>
      <c r="H43420" s="1" t="s">
        <v>148062</v>
      </c>
      <c r="I43420" s="1" t="s">
        <v>146936</v>
      </c>
      <c r="J43420" s="1" t="s">
        <v>148124</v>
      </c>
    </row>
    <row r="43421" spans="1:10" x14ac:dyDescent="0.35">
      <c r="A43421" s="1" t="s">
        <v>25113</v>
      </c>
      <c r="B43421" s="1" t="s">
        <v>146931</v>
      </c>
      <c r="C43421" s="1" t="s">
        <v>130</v>
      </c>
      <c r="D43421" s="1" t="s">
        <v>148125</v>
      </c>
      <c r="E43421" s="1" t="s">
        <v>96611</v>
      </c>
      <c r="F43421" s="1" t="s">
        <v>21252</v>
      </c>
      <c r="G43421" s="1" t="s">
        <v>148061</v>
      </c>
      <c r="H43421" s="1" t="s">
        <v>148062</v>
      </c>
      <c r="I43421" s="1" t="s">
        <v>146936</v>
      </c>
      <c r="J43421" s="1" t="s">
        <v>148126</v>
      </c>
    </row>
    <row r="43422" spans="1:10" x14ac:dyDescent="0.35">
      <c r="A43422" s="1" t="s">
        <v>25113</v>
      </c>
      <c r="B43422" s="1" t="s">
        <v>146931</v>
      </c>
      <c r="C43422" s="1" t="s">
        <v>135</v>
      </c>
      <c r="D43422" s="1" t="s">
        <v>148127</v>
      </c>
      <c r="E43422" s="1" t="s">
        <v>130113</v>
      </c>
      <c r="F43422" s="1" t="s">
        <v>148128</v>
      </c>
      <c r="G43422" s="1" t="s">
        <v>148061</v>
      </c>
      <c r="H43422" s="1" t="s">
        <v>148062</v>
      </c>
      <c r="I43422" s="1" t="s">
        <v>146936</v>
      </c>
      <c r="J43422" s="1" t="s">
        <v>148129</v>
      </c>
    </row>
    <row r="43423" spans="1:10" x14ac:dyDescent="0.35">
      <c r="A43423" s="1" t="s">
        <v>25113</v>
      </c>
      <c r="B43423" s="1" t="s">
        <v>146931</v>
      </c>
      <c r="C43423" s="1" t="s">
        <v>140</v>
      </c>
      <c r="D43423" s="1" t="s">
        <v>148130</v>
      </c>
      <c r="E43423" s="1" t="s">
        <v>76401</v>
      </c>
      <c r="F43423" s="1" t="s">
        <v>148131</v>
      </c>
      <c r="G43423" s="1" t="s">
        <v>148061</v>
      </c>
      <c r="H43423" s="1" t="s">
        <v>148062</v>
      </c>
      <c r="I43423" s="1" t="s">
        <v>146936</v>
      </c>
      <c r="J43423" s="1" t="s">
        <v>148132</v>
      </c>
    </row>
    <row r="43424" spans="1:10" x14ac:dyDescent="0.35">
      <c r="A43424" s="1" t="s">
        <v>25113</v>
      </c>
      <c r="B43424" s="1" t="s">
        <v>146931</v>
      </c>
      <c r="C43424" s="1" t="s">
        <v>145</v>
      </c>
      <c r="D43424" s="1" t="s">
        <v>148133</v>
      </c>
      <c r="E43424" s="1" t="s">
        <v>148134</v>
      </c>
      <c r="F43424" s="1" t="s">
        <v>148135</v>
      </c>
      <c r="G43424" s="1" t="s">
        <v>148061</v>
      </c>
      <c r="H43424" s="1" t="s">
        <v>148062</v>
      </c>
      <c r="I43424" s="1" t="s">
        <v>146936</v>
      </c>
      <c r="J43424" s="1" t="s">
        <v>148136</v>
      </c>
    </row>
    <row r="43425" spans="1:10" x14ac:dyDescent="0.35">
      <c r="A43425" s="1" t="s">
        <v>25113</v>
      </c>
      <c r="B43425" s="1" t="s">
        <v>146931</v>
      </c>
      <c r="C43425" s="1" t="s">
        <v>150</v>
      </c>
      <c r="D43425" s="1" t="s">
        <v>148137</v>
      </c>
      <c r="E43425" s="1" t="s">
        <v>19912</v>
      </c>
      <c r="F43425" s="1" t="s">
        <v>148138</v>
      </c>
      <c r="G43425" s="1" t="s">
        <v>148061</v>
      </c>
      <c r="H43425" s="1" t="s">
        <v>148062</v>
      </c>
      <c r="I43425" s="1" t="s">
        <v>146936</v>
      </c>
      <c r="J43425" s="1" t="s">
        <v>148139</v>
      </c>
    </row>
    <row r="43426" spans="1:10" x14ac:dyDescent="0.35">
      <c r="A43426" s="1" t="s">
        <v>25113</v>
      </c>
      <c r="B43426" s="1" t="s">
        <v>146931</v>
      </c>
      <c r="C43426" s="1" t="s">
        <v>155</v>
      </c>
      <c r="D43426" s="1" t="s">
        <v>148140</v>
      </c>
      <c r="E43426" s="1" t="s">
        <v>30634</v>
      </c>
      <c r="F43426" s="1" t="s">
        <v>148141</v>
      </c>
      <c r="G43426" s="1" t="s">
        <v>148061</v>
      </c>
      <c r="H43426" s="1" t="s">
        <v>148062</v>
      </c>
      <c r="I43426" s="1" t="s">
        <v>146936</v>
      </c>
      <c r="J43426" s="1" t="s">
        <v>148142</v>
      </c>
    </row>
    <row r="43427" spans="1:10" x14ac:dyDescent="0.35">
      <c r="A43427" s="1" t="s">
        <v>25113</v>
      </c>
      <c r="B43427" s="1" t="s">
        <v>146931</v>
      </c>
      <c r="C43427" s="1" t="s">
        <v>160</v>
      </c>
      <c r="D43427" s="1" t="s">
        <v>58564</v>
      </c>
      <c r="E43427" s="1" t="s">
        <v>108829</v>
      </c>
      <c r="F43427" s="1" t="s">
        <v>148143</v>
      </c>
      <c r="G43427" s="1" t="s">
        <v>148061</v>
      </c>
      <c r="H43427" s="1" t="s">
        <v>148062</v>
      </c>
      <c r="I43427" s="1" t="s">
        <v>146936</v>
      </c>
      <c r="J43427" s="1" t="s">
        <v>148144</v>
      </c>
    </row>
    <row r="43428" spans="1:10" x14ac:dyDescent="0.35">
      <c r="A43428" s="1" t="s">
        <v>25113</v>
      </c>
      <c r="B43428" s="1" t="s">
        <v>146931</v>
      </c>
      <c r="C43428" s="1" t="s">
        <v>165</v>
      </c>
      <c r="D43428" s="1" t="s">
        <v>69456</v>
      </c>
      <c r="E43428" s="1" t="s">
        <v>148145</v>
      </c>
      <c r="F43428" s="1" t="s">
        <v>148146</v>
      </c>
      <c r="G43428" s="1" t="s">
        <v>148061</v>
      </c>
      <c r="H43428" s="1" t="s">
        <v>148062</v>
      </c>
      <c r="I43428" s="1" t="s">
        <v>146936</v>
      </c>
      <c r="J43428" s="1" t="s">
        <v>148147</v>
      </c>
    </row>
    <row r="43429" spans="1:10" x14ac:dyDescent="0.35">
      <c r="A43429" s="1" t="s">
        <v>25113</v>
      </c>
      <c r="B43429" s="1" t="s">
        <v>146931</v>
      </c>
      <c r="C43429" s="1" t="s">
        <v>170</v>
      </c>
      <c r="D43429" s="1" t="s">
        <v>79552</v>
      </c>
      <c r="E43429" s="1" t="s">
        <v>129534</v>
      </c>
      <c r="F43429" s="1" t="s">
        <v>148148</v>
      </c>
      <c r="G43429" s="1" t="s">
        <v>148061</v>
      </c>
      <c r="H43429" s="1" t="s">
        <v>148062</v>
      </c>
      <c r="I43429" s="1" t="s">
        <v>146936</v>
      </c>
      <c r="J43429" s="1" t="s">
        <v>148149</v>
      </c>
    </row>
    <row r="43430" spans="1:10" x14ac:dyDescent="0.35">
      <c r="A43430" s="1" t="s">
        <v>9316</v>
      </c>
      <c r="B43430" s="1" t="s">
        <v>148150</v>
      </c>
      <c r="C43430" s="1" t="s">
        <v>8</v>
      </c>
      <c r="D43430" s="1" t="s">
        <v>145177</v>
      </c>
      <c r="E43430" s="1" t="s">
        <v>110547</v>
      </c>
      <c r="F43430" s="1" t="s">
        <v>148151</v>
      </c>
      <c r="G43430" s="1" t="s">
        <v>148152</v>
      </c>
      <c r="H43430" s="1" t="s">
        <v>148153</v>
      </c>
      <c r="I43430" s="1" t="s">
        <v>148154</v>
      </c>
      <c r="J43430" s="1" t="s">
        <v>13</v>
      </c>
    </row>
    <row r="43431" spans="1:10" x14ac:dyDescent="0.35">
      <c r="A43431" s="1" t="s">
        <v>9316</v>
      </c>
      <c r="B43431" s="1" t="s">
        <v>148150</v>
      </c>
      <c r="C43431" s="1" t="s">
        <v>15</v>
      </c>
      <c r="D43431" s="1" t="s">
        <v>121295</v>
      </c>
      <c r="E43431" s="1" t="s">
        <v>148155</v>
      </c>
      <c r="F43431" s="1" t="s">
        <v>148156</v>
      </c>
      <c r="G43431" s="1" t="s">
        <v>148152</v>
      </c>
      <c r="H43431" s="1" t="s">
        <v>148153</v>
      </c>
      <c r="I43431" s="1" t="s">
        <v>148154</v>
      </c>
      <c r="J43431" s="1" t="s">
        <v>148157</v>
      </c>
    </row>
    <row r="43432" spans="1:10" x14ac:dyDescent="0.35">
      <c r="A43432" s="1" t="s">
        <v>9316</v>
      </c>
      <c r="B43432" s="1" t="s">
        <v>148150</v>
      </c>
      <c r="C43432" s="1" t="s">
        <v>20</v>
      </c>
      <c r="D43432" s="1" t="s">
        <v>7602</v>
      </c>
      <c r="E43432" s="1" t="s">
        <v>4875</v>
      </c>
      <c r="F43432" s="1" t="s">
        <v>148158</v>
      </c>
      <c r="G43432" s="1" t="s">
        <v>148152</v>
      </c>
      <c r="H43432" s="1" t="s">
        <v>148153</v>
      </c>
      <c r="I43432" s="1" t="s">
        <v>148154</v>
      </c>
      <c r="J43432" s="1" t="s">
        <v>148159</v>
      </c>
    </row>
    <row r="43433" spans="1:10" x14ac:dyDescent="0.35">
      <c r="A43433" s="1" t="s">
        <v>9316</v>
      </c>
      <c r="B43433" s="1" t="s">
        <v>148150</v>
      </c>
      <c r="C43433" s="1" t="s">
        <v>25</v>
      </c>
      <c r="D43433" s="1" t="s">
        <v>11002</v>
      </c>
      <c r="E43433" s="1" t="s">
        <v>142947</v>
      </c>
      <c r="F43433" s="1" t="s">
        <v>148160</v>
      </c>
      <c r="G43433" s="1" t="s">
        <v>148152</v>
      </c>
      <c r="H43433" s="1" t="s">
        <v>148153</v>
      </c>
      <c r="I43433" s="1" t="s">
        <v>148154</v>
      </c>
      <c r="J43433" s="1" t="s">
        <v>148161</v>
      </c>
    </row>
    <row r="43434" spans="1:10" x14ac:dyDescent="0.35">
      <c r="A43434" s="1" t="s">
        <v>9316</v>
      </c>
      <c r="B43434" s="1" t="s">
        <v>148150</v>
      </c>
      <c r="C43434" s="1" t="s">
        <v>30</v>
      </c>
      <c r="D43434" s="1" t="s">
        <v>148162</v>
      </c>
      <c r="E43434" s="1" t="s">
        <v>148163</v>
      </c>
      <c r="F43434" s="1" t="s">
        <v>148164</v>
      </c>
      <c r="G43434" s="1" t="s">
        <v>148152</v>
      </c>
      <c r="H43434" s="1" t="s">
        <v>148153</v>
      </c>
      <c r="I43434" s="1" t="s">
        <v>148154</v>
      </c>
      <c r="J43434" s="1" t="s">
        <v>148165</v>
      </c>
    </row>
    <row r="43435" spans="1:10" x14ac:dyDescent="0.35">
      <c r="A43435" s="1" t="s">
        <v>9316</v>
      </c>
      <c r="B43435" s="1" t="s">
        <v>148150</v>
      </c>
      <c r="C43435" s="1" t="s">
        <v>35</v>
      </c>
      <c r="D43435" s="1" t="s">
        <v>110900</v>
      </c>
      <c r="E43435" s="1" t="s">
        <v>148166</v>
      </c>
      <c r="F43435" s="1" t="s">
        <v>148167</v>
      </c>
      <c r="G43435" s="1" t="s">
        <v>148152</v>
      </c>
      <c r="H43435" s="1" t="s">
        <v>148153</v>
      </c>
      <c r="I43435" s="1" t="s">
        <v>148154</v>
      </c>
      <c r="J43435" s="1" t="s">
        <v>148168</v>
      </c>
    </row>
    <row r="43436" spans="1:10" x14ac:dyDescent="0.35">
      <c r="A43436" s="1" t="s">
        <v>9316</v>
      </c>
      <c r="B43436" s="1" t="s">
        <v>148150</v>
      </c>
      <c r="C43436" s="1" t="s">
        <v>40</v>
      </c>
      <c r="D43436" s="1" t="s">
        <v>2588</v>
      </c>
      <c r="E43436" s="1" t="s">
        <v>148169</v>
      </c>
      <c r="F43436" s="1" t="s">
        <v>148170</v>
      </c>
      <c r="G43436" s="1" t="s">
        <v>148152</v>
      </c>
      <c r="H43436" s="1" t="s">
        <v>148153</v>
      </c>
      <c r="I43436" s="1" t="s">
        <v>148154</v>
      </c>
      <c r="J43436" s="1" t="s">
        <v>148171</v>
      </c>
    </row>
    <row r="43437" spans="1:10" x14ac:dyDescent="0.35">
      <c r="A43437" s="1" t="s">
        <v>9316</v>
      </c>
      <c r="B43437" s="1" t="s">
        <v>148150</v>
      </c>
      <c r="C43437" s="1" t="s">
        <v>45</v>
      </c>
      <c r="D43437" s="1" t="s">
        <v>30067</v>
      </c>
      <c r="E43437" s="1" t="s">
        <v>148172</v>
      </c>
      <c r="F43437" s="1" t="s">
        <v>148173</v>
      </c>
      <c r="G43437" s="1" t="s">
        <v>148152</v>
      </c>
      <c r="H43437" s="1" t="s">
        <v>148153</v>
      </c>
      <c r="I43437" s="1" t="s">
        <v>148154</v>
      </c>
      <c r="J43437" s="1" t="s">
        <v>148174</v>
      </c>
    </row>
    <row r="43438" spans="1:10" x14ac:dyDescent="0.35">
      <c r="A43438" s="1" t="s">
        <v>9316</v>
      </c>
      <c r="B43438" s="1" t="s">
        <v>148150</v>
      </c>
      <c r="C43438" s="1" t="s">
        <v>50</v>
      </c>
      <c r="D43438" s="1" t="s">
        <v>34579</v>
      </c>
      <c r="E43438" s="1" t="s">
        <v>148175</v>
      </c>
      <c r="F43438" s="1" t="s">
        <v>148176</v>
      </c>
      <c r="G43438" s="1" t="s">
        <v>148152</v>
      </c>
      <c r="H43438" s="1" t="s">
        <v>148153</v>
      </c>
      <c r="I43438" s="1" t="s">
        <v>148154</v>
      </c>
      <c r="J43438" s="1" t="s">
        <v>148177</v>
      </c>
    </row>
    <row r="43439" spans="1:10" x14ac:dyDescent="0.35">
      <c r="A43439" s="1" t="s">
        <v>9316</v>
      </c>
      <c r="B43439" s="1" t="s">
        <v>148150</v>
      </c>
      <c r="C43439" s="1" t="s">
        <v>55</v>
      </c>
      <c r="D43439" s="1" t="s">
        <v>145209</v>
      </c>
      <c r="E43439" s="1" t="s">
        <v>110607</v>
      </c>
      <c r="F43439" s="1" t="s">
        <v>148178</v>
      </c>
      <c r="G43439" s="1" t="s">
        <v>148152</v>
      </c>
      <c r="H43439" s="1" t="s">
        <v>148153</v>
      </c>
      <c r="I43439" s="1" t="s">
        <v>148154</v>
      </c>
      <c r="J43439" s="1" t="s">
        <v>148179</v>
      </c>
    </row>
    <row r="43440" spans="1:10" x14ac:dyDescent="0.35">
      <c r="A43440" s="1" t="s">
        <v>9316</v>
      </c>
      <c r="B43440" s="1" t="s">
        <v>148150</v>
      </c>
      <c r="C43440" s="1" t="s">
        <v>60</v>
      </c>
      <c r="D43440" s="1" t="s">
        <v>2335</v>
      </c>
      <c r="E43440" s="1" t="s">
        <v>148180</v>
      </c>
      <c r="F43440" s="1" t="s">
        <v>148181</v>
      </c>
      <c r="G43440" s="1" t="s">
        <v>148152</v>
      </c>
      <c r="H43440" s="1" t="s">
        <v>148153</v>
      </c>
      <c r="I43440" s="1" t="s">
        <v>148154</v>
      </c>
      <c r="J43440" s="1" t="s">
        <v>148182</v>
      </c>
    </row>
    <row r="43441" spans="1:10" x14ac:dyDescent="0.35">
      <c r="A43441" s="1" t="s">
        <v>9316</v>
      </c>
      <c r="B43441" s="1" t="s">
        <v>148150</v>
      </c>
      <c r="C43441" s="1" t="s">
        <v>65</v>
      </c>
      <c r="D43441" s="1" t="s">
        <v>119930</v>
      </c>
      <c r="E43441" s="1" t="s">
        <v>148183</v>
      </c>
      <c r="F43441" s="1" t="s">
        <v>148184</v>
      </c>
      <c r="G43441" s="1" t="s">
        <v>148152</v>
      </c>
      <c r="H43441" s="1" t="s">
        <v>148153</v>
      </c>
      <c r="I43441" s="1" t="s">
        <v>148154</v>
      </c>
      <c r="J43441" s="1" t="s">
        <v>148185</v>
      </c>
    </row>
    <row r="43442" spans="1:10" x14ac:dyDescent="0.35">
      <c r="A43442" s="1" t="s">
        <v>9316</v>
      </c>
      <c r="B43442" s="1" t="s">
        <v>148150</v>
      </c>
      <c r="C43442" s="1" t="s">
        <v>70</v>
      </c>
      <c r="D43442" s="1" t="s">
        <v>111983</v>
      </c>
      <c r="E43442" s="1" t="s">
        <v>73434</v>
      </c>
      <c r="F43442" s="1" t="s">
        <v>148186</v>
      </c>
      <c r="G43442" s="1" t="s">
        <v>148152</v>
      </c>
      <c r="H43442" s="1" t="s">
        <v>148153</v>
      </c>
      <c r="I43442" s="1" t="s">
        <v>148154</v>
      </c>
      <c r="J43442" s="1" t="s">
        <v>148187</v>
      </c>
    </row>
    <row r="43443" spans="1:10" x14ac:dyDescent="0.35">
      <c r="A43443" s="1" t="s">
        <v>9316</v>
      </c>
      <c r="B43443" s="1" t="s">
        <v>148150</v>
      </c>
      <c r="C43443" s="1" t="s">
        <v>75</v>
      </c>
      <c r="D43443" s="1" t="s">
        <v>28812</v>
      </c>
      <c r="E43443" s="1" t="s">
        <v>142992</v>
      </c>
      <c r="F43443" s="1" t="s">
        <v>148188</v>
      </c>
      <c r="G43443" s="1" t="s">
        <v>148152</v>
      </c>
      <c r="H43443" s="1" t="s">
        <v>148153</v>
      </c>
      <c r="I43443" s="1" t="s">
        <v>148154</v>
      </c>
      <c r="J43443" s="1" t="s">
        <v>148189</v>
      </c>
    </row>
    <row r="43444" spans="1:10" x14ac:dyDescent="0.35">
      <c r="A43444" s="1" t="s">
        <v>9316</v>
      </c>
      <c r="B43444" s="1" t="s">
        <v>148150</v>
      </c>
      <c r="C43444" s="1" t="s">
        <v>80</v>
      </c>
      <c r="D43444" s="1" t="s">
        <v>25895</v>
      </c>
      <c r="E43444" s="1" t="s">
        <v>148190</v>
      </c>
      <c r="F43444" s="1" t="s">
        <v>148191</v>
      </c>
      <c r="G43444" s="1" t="s">
        <v>148152</v>
      </c>
      <c r="H43444" s="1" t="s">
        <v>148153</v>
      </c>
      <c r="I43444" s="1" t="s">
        <v>148154</v>
      </c>
      <c r="J43444" s="1" t="s">
        <v>148192</v>
      </c>
    </row>
    <row r="43445" spans="1:10" x14ac:dyDescent="0.35">
      <c r="A43445" s="1" t="s">
        <v>9316</v>
      </c>
      <c r="B43445" s="1" t="s">
        <v>148150</v>
      </c>
      <c r="C43445" s="1" t="s">
        <v>85</v>
      </c>
      <c r="D43445" s="1" t="s">
        <v>148193</v>
      </c>
      <c r="E43445" s="1" t="s">
        <v>148194</v>
      </c>
      <c r="F43445" s="1" t="s">
        <v>148195</v>
      </c>
      <c r="G43445" s="1" t="s">
        <v>148152</v>
      </c>
      <c r="H43445" s="1" t="s">
        <v>148153</v>
      </c>
      <c r="I43445" s="1" t="s">
        <v>148154</v>
      </c>
      <c r="J43445" s="1" t="s">
        <v>148196</v>
      </c>
    </row>
    <row r="43446" spans="1:10" x14ac:dyDescent="0.35">
      <c r="A43446" s="1" t="s">
        <v>9316</v>
      </c>
      <c r="B43446" s="1" t="s">
        <v>148150</v>
      </c>
      <c r="C43446" s="1" t="s">
        <v>90</v>
      </c>
      <c r="D43446" s="1" t="s">
        <v>33925</v>
      </c>
      <c r="E43446" s="1" t="s">
        <v>148197</v>
      </c>
      <c r="F43446" s="1" t="s">
        <v>148198</v>
      </c>
      <c r="G43446" s="1" t="s">
        <v>148152</v>
      </c>
      <c r="H43446" s="1" t="s">
        <v>148153</v>
      </c>
      <c r="I43446" s="1" t="s">
        <v>148154</v>
      </c>
      <c r="J43446" s="1" t="s">
        <v>148199</v>
      </c>
    </row>
    <row r="43447" spans="1:10" x14ac:dyDescent="0.35">
      <c r="A43447" s="1" t="s">
        <v>9316</v>
      </c>
      <c r="B43447" s="1" t="s">
        <v>148150</v>
      </c>
      <c r="C43447" s="1" t="s">
        <v>95</v>
      </c>
      <c r="D43447" s="1" t="s">
        <v>148200</v>
      </c>
      <c r="E43447" s="1" t="s">
        <v>148201</v>
      </c>
      <c r="F43447" s="1" t="s">
        <v>148202</v>
      </c>
      <c r="G43447" s="1" t="s">
        <v>148152</v>
      </c>
      <c r="H43447" s="1" t="s">
        <v>148153</v>
      </c>
      <c r="I43447" s="1" t="s">
        <v>148154</v>
      </c>
      <c r="J43447" s="1" t="s">
        <v>148203</v>
      </c>
    </row>
    <row r="43448" spans="1:10" x14ac:dyDescent="0.35">
      <c r="A43448" s="1" t="s">
        <v>9316</v>
      </c>
      <c r="B43448" s="1" t="s">
        <v>148150</v>
      </c>
      <c r="C43448" s="1" t="s">
        <v>100</v>
      </c>
      <c r="D43448" s="1" t="s">
        <v>237</v>
      </c>
      <c r="E43448" s="1" t="s">
        <v>148204</v>
      </c>
      <c r="F43448" s="1" t="s">
        <v>148205</v>
      </c>
      <c r="G43448" s="1" t="s">
        <v>148152</v>
      </c>
      <c r="H43448" s="1" t="s">
        <v>148153</v>
      </c>
      <c r="I43448" s="1" t="s">
        <v>148154</v>
      </c>
      <c r="J43448" s="1" t="s">
        <v>148206</v>
      </c>
    </row>
    <row r="43449" spans="1:10" x14ac:dyDescent="0.35">
      <c r="A43449" s="1" t="s">
        <v>9316</v>
      </c>
      <c r="B43449" s="1" t="s">
        <v>148150</v>
      </c>
      <c r="C43449" s="1" t="s">
        <v>105</v>
      </c>
      <c r="D43449" s="1" t="s">
        <v>148207</v>
      </c>
      <c r="E43449" s="1" t="s">
        <v>110568</v>
      </c>
      <c r="F43449" s="1" t="s">
        <v>148208</v>
      </c>
      <c r="G43449" s="1" t="s">
        <v>148152</v>
      </c>
      <c r="H43449" s="1" t="s">
        <v>148153</v>
      </c>
      <c r="I43449" s="1" t="s">
        <v>148154</v>
      </c>
      <c r="J43449" s="1" t="s">
        <v>148209</v>
      </c>
    </row>
    <row r="43450" spans="1:10" x14ac:dyDescent="0.35">
      <c r="A43450" s="1" t="s">
        <v>9316</v>
      </c>
      <c r="B43450" s="1" t="s">
        <v>148150</v>
      </c>
      <c r="C43450" s="1" t="s">
        <v>110</v>
      </c>
      <c r="D43450" s="1" t="s">
        <v>118965</v>
      </c>
      <c r="E43450" s="1" t="s">
        <v>148210</v>
      </c>
      <c r="F43450" s="1" t="s">
        <v>148211</v>
      </c>
      <c r="G43450" s="1" t="s">
        <v>148152</v>
      </c>
      <c r="H43450" s="1" t="s">
        <v>148153</v>
      </c>
      <c r="I43450" s="1" t="s">
        <v>148154</v>
      </c>
      <c r="J43450" s="1" t="s">
        <v>148212</v>
      </c>
    </row>
    <row r="43451" spans="1:10" x14ac:dyDescent="0.35">
      <c r="A43451" s="1" t="s">
        <v>9316</v>
      </c>
      <c r="B43451" s="1" t="s">
        <v>148150</v>
      </c>
      <c r="C43451" s="1" t="s">
        <v>115</v>
      </c>
      <c r="D43451" s="1" t="s">
        <v>32097</v>
      </c>
      <c r="E43451" s="1" t="s">
        <v>148213</v>
      </c>
      <c r="F43451" s="1" t="s">
        <v>148214</v>
      </c>
      <c r="G43451" s="1" t="s">
        <v>148152</v>
      </c>
      <c r="H43451" s="1" t="s">
        <v>148153</v>
      </c>
      <c r="I43451" s="1" t="s">
        <v>148154</v>
      </c>
      <c r="J43451" s="1" t="s">
        <v>148215</v>
      </c>
    </row>
    <row r="43452" spans="1:10" x14ac:dyDescent="0.35">
      <c r="A43452" s="1" t="s">
        <v>9316</v>
      </c>
      <c r="B43452" s="1" t="s">
        <v>148150</v>
      </c>
      <c r="C43452" s="1" t="s">
        <v>120</v>
      </c>
      <c r="D43452" s="1" t="s">
        <v>47248</v>
      </c>
      <c r="E43452" s="1" t="s">
        <v>8047</v>
      </c>
      <c r="F43452" s="1" t="s">
        <v>148216</v>
      </c>
      <c r="G43452" s="1" t="s">
        <v>148152</v>
      </c>
      <c r="H43452" s="1" t="s">
        <v>148153</v>
      </c>
      <c r="I43452" s="1" t="s">
        <v>148154</v>
      </c>
      <c r="J43452" s="1" t="s">
        <v>148217</v>
      </c>
    </row>
    <row r="43453" spans="1:10" x14ac:dyDescent="0.35">
      <c r="A43453" s="1" t="s">
        <v>9316</v>
      </c>
      <c r="B43453" s="1" t="s">
        <v>148150</v>
      </c>
      <c r="C43453" s="1" t="s">
        <v>125</v>
      </c>
      <c r="D43453" s="1" t="s">
        <v>16049</v>
      </c>
      <c r="E43453" s="1" t="s">
        <v>143003</v>
      </c>
      <c r="F43453" s="1" t="s">
        <v>148218</v>
      </c>
      <c r="G43453" s="1" t="s">
        <v>148152</v>
      </c>
      <c r="H43453" s="1" t="s">
        <v>148153</v>
      </c>
      <c r="I43453" s="1" t="s">
        <v>148154</v>
      </c>
      <c r="J43453" s="1" t="s">
        <v>148219</v>
      </c>
    </row>
    <row r="43454" spans="1:10" x14ac:dyDescent="0.35">
      <c r="A43454" s="1" t="s">
        <v>9316</v>
      </c>
      <c r="B43454" s="1" t="s">
        <v>148150</v>
      </c>
      <c r="C43454" s="1" t="s">
        <v>130</v>
      </c>
      <c r="D43454" s="1" t="s">
        <v>148220</v>
      </c>
      <c r="E43454" s="1" t="s">
        <v>148221</v>
      </c>
      <c r="F43454" s="1" t="s">
        <v>148222</v>
      </c>
      <c r="G43454" s="1" t="s">
        <v>148152</v>
      </c>
      <c r="H43454" s="1" t="s">
        <v>148153</v>
      </c>
      <c r="I43454" s="1" t="s">
        <v>148154</v>
      </c>
      <c r="J43454" s="1" t="s">
        <v>148223</v>
      </c>
    </row>
    <row r="43455" spans="1:10" x14ac:dyDescent="0.35">
      <c r="A43455" s="1" t="s">
        <v>9316</v>
      </c>
      <c r="B43455" s="1" t="s">
        <v>148150</v>
      </c>
      <c r="C43455" s="1" t="s">
        <v>135</v>
      </c>
      <c r="D43455" s="1" t="s">
        <v>19762</v>
      </c>
      <c r="E43455" s="1" t="s">
        <v>148224</v>
      </c>
      <c r="F43455" s="1" t="s">
        <v>148225</v>
      </c>
      <c r="G43455" s="1" t="s">
        <v>148152</v>
      </c>
      <c r="H43455" s="1" t="s">
        <v>148153</v>
      </c>
      <c r="I43455" s="1" t="s">
        <v>148154</v>
      </c>
      <c r="J43455" s="1" t="s">
        <v>148226</v>
      </c>
    </row>
    <row r="43456" spans="1:10" x14ac:dyDescent="0.35">
      <c r="A43456" s="1" t="s">
        <v>9316</v>
      </c>
      <c r="B43456" s="1" t="s">
        <v>148150</v>
      </c>
      <c r="C43456" s="1" t="s">
        <v>140</v>
      </c>
      <c r="D43456" s="1" t="s">
        <v>42165</v>
      </c>
      <c r="E43456" s="1" t="s">
        <v>8128</v>
      </c>
      <c r="F43456" s="1" t="s">
        <v>148227</v>
      </c>
      <c r="G43456" s="1" t="s">
        <v>148152</v>
      </c>
      <c r="H43456" s="1" t="s">
        <v>148153</v>
      </c>
      <c r="I43456" s="1" t="s">
        <v>148154</v>
      </c>
      <c r="J43456" s="1" t="s">
        <v>148228</v>
      </c>
    </row>
    <row r="43457" spans="1:10" x14ac:dyDescent="0.35">
      <c r="A43457" s="1" t="s">
        <v>9316</v>
      </c>
      <c r="B43457" s="1" t="s">
        <v>148150</v>
      </c>
      <c r="C43457" s="1" t="s">
        <v>145</v>
      </c>
      <c r="D43457" s="1" t="s">
        <v>18006</v>
      </c>
      <c r="E43457" s="1" t="s">
        <v>148210</v>
      </c>
      <c r="F43457" s="1" t="s">
        <v>148229</v>
      </c>
      <c r="G43457" s="1" t="s">
        <v>148152</v>
      </c>
      <c r="H43457" s="1" t="s">
        <v>148153</v>
      </c>
      <c r="I43457" s="1" t="s">
        <v>148154</v>
      </c>
      <c r="J43457" s="1" t="s">
        <v>148230</v>
      </c>
    </row>
    <row r="43458" spans="1:10" x14ac:dyDescent="0.35">
      <c r="A43458" s="1" t="s">
        <v>9316</v>
      </c>
      <c r="B43458" s="1" t="s">
        <v>148150</v>
      </c>
      <c r="C43458" s="1" t="s">
        <v>150</v>
      </c>
      <c r="D43458" s="1" t="s">
        <v>47271</v>
      </c>
      <c r="E43458" s="1" t="s">
        <v>142975</v>
      </c>
      <c r="F43458" s="1" t="s">
        <v>148231</v>
      </c>
      <c r="G43458" s="1" t="s">
        <v>148152</v>
      </c>
      <c r="H43458" s="1" t="s">
        <v>148153</v>
      </c>
      <c r="I43458" s="1" t="s">
        <v>148154</v>
      </c>
      <c r="J43458" s="1" t="s">
        <v>148232</v>
      </c>
    </row>
    <row r="43459" spans="1:10" x14ac:dyDescent="0.35">
      <c r="A43459" s="1" t="s">
        <v>9316</v>
      </c>
      <c r="B43459" s="1" t="s">
        <v>148150</v>
      </c>
      <c r="C43459" s="1" t="s">
        <v>155</v>
      </c>
      <c r="D43459" s="1" t="s">
        <v>148233</v>
      </c>
      <c r="E43459" s="1" t="s">
        <v>148234</v>
      </c>
      <c r="F43459" s="1" t="s">
        <v>148235</v>
      </c>
      <c r="G43459" s="1" t="s">
        <v>148152</v>
      </c>
      <c r="H43459" s="1" t="s">
        <v>148153</v>
      </c>
      <c r="I43459" s="1" t="s">
        <v>148154</v>
      </c>
      <c r="J43459" s="1" t="s">
        <v>148236</v>
      </c>
    </row>
    <row r="43460" spans="1:10" x14ac:dyDescent="0.35">
      <c r="A43460" s="1" t="s">
        <v>9316</v>
      </c>
      <c r="B43460" s="1" t="s">
        <v>148150</v>
      </c>
      <c r="C43460" s="1" t="s">
        <v>160</v>
      </c>
      <c r="D43460" s="1" t="s">
        <v>119877</v>
      </c>
      <c r="E43460" s="1" t="s">
        <v>148237</v>
      </c>
      <c r="F43460" s="1" t="s">
        <v>148238</v>
      </c>
      <c r="G43460" s="1" t="s">
        <v>148152</v>
      </c>
      <c r="H43460" s="1" t="s">
        <v>148153</v>
      </c>
      <c r="I43460" s="1" t="s">
        <v>148154</v>
      </c>
      <c r="J43460" s="1" t="s">
        <v>148239</v>
      </c>
    </row>
    <row r="43461" spans="1:10" x14ac:dyDescent="0.35">
      <c r="A43461" s="1" t="s">
        <v>9316</v>
      </c>
      <c r="B43461" s="1" t="s">
        <v>148150</v>
      </c>
      <c r="C43461" s="1" t="s">
        <v>165</v>
      </c>
      <c r="D43461" s="1" t="s">
        <v>17451</v>
      </c>
      <c r="E43461" s="1" t="s">
        <v>4910</v>
      </c>
      <c r="F43461" s="1" t="s">
        <v>148240</v>
      </c>
      <c r="G43461" s="1" t="s">
        <v>148152</v>
      </c>
      <c r="H43461" s="1" t="s">
        <v>148153</v>
      </c>
      <c r="I43461" s="1" t="s">
        <v>148154</v>
      </c>
      <c r="J43461" s="1" t="s">
        <v>148241</v>
      </c>
    </row>
    <row r="43462" spans="1:10" x14ac:dyDescent="0.35">
      <c r="A43462" s="1" t="s">
        <v>9316</v>
      </c>
      <c r="B43462" s="1" t="s">
        <v>148150</v>
      </c>
      <c r="C43462" s="1" t="s">
        <v>170</v>
      </c>
      <c r="D43462" s="1" t="s">
        <v>144884</v>
      </c>
      <c r="E43462" s="1" t="s">
        <v>148242</v>
      </c>
      <c r="F43462" s="1" t="s">
        <v>148243</v>
      </c>
      <c r="G43462" s="1" t="s">
        <v>148152</v>
      </c>
      <c r="H43462" s="1" t="s">
        <v>148153</v>
      </c>
      <c r="I43462" s="1" t="s">
        <v>148154</v>
      </c>
      <c r="J43462" s="1" t="s">
        <v>148244</v>
      </c>
    </row>
    <row r="43463" spans="1:10" x14ac:dyDescent="0.35">
      <c r="A43463" s="1" t="s">
        <v>9371</v>
      </c>
      <c r="B43463" s="1" t="s">
        <v>148150</v>
      </c>
      <c r="C43463" s="1" t="s">
        <v>8</v>
      </c>
      <c r="D43463" s="1" t="s">
        <v>25060</v>
      </c>
      <c r="E43463" s="1" t="s">
        <v>148245</v>
      </c>
      <c r="F43463" s="1" t="s">
        <v>148246</v>
      </c>
      <c r="G43463" s="1" t="s">
        <v>148247</v>
      </c>
      <c r="H43463" s="1" t="s">
        <v>148248</v>
      </c>
      <c r="I43463" s="1" t="s">
        <v>148154</v>
      </c>
      <c r="J43463" s="1" t="s">
        <v>13</v>
      </c>
    </row>
    <row r="43464" spans="1:10" x14ac:dyDescent="0.35">
      <c r="A43464" s="1" t="s">
        <v>9371</v>
      </c>
      <c r="B43464" s="1" t="s">
        <v>148150</v>
      </c>
      <c r="C43464" s="1" t="s">
        <v>15</v>
      </c>
      <c r="D43464" s="1" t="s">
        <v>148249</v>
      </c>
      <c r="E43464" s="1" t="s">
        <v>148250</v>
      </c>
      <c r="F43464" s="1" t="s">
        <v>148251</v>
      </c>
      <c r="G43464" s="1" t="s">
        <v>148247</v>
      </c>
      <c r="H43464" s="1" t="s">
        <v>148248</v>
      </c>
      <c r="I43464" s="1" t="s">
        <v>148154</v>
      </c>
      <c r="J43464" s="1" t="s">
        <v>148252</v>
      </c>
    </row>
    <row r="43465" spans="1:10" x14ac:dyDescent="0.35">
      <c r="A43465" s="1" t="s">
        <v>9371</v>
      </c>
      <c r="B43465" s="1" t="s">
        <v>148150</v>
      </c>
      <c r="C43465" s="1" t="s">
        <v>20</v>
      </c>
      <c r="D43465" s="1" t="s">
        <v>9987</v>
      </c>
      <c r="E43465" s="1" t="s">
        <v>148253</v>
      </c>
      <c r="F43465" s="1" t="s">
        <v>148254</v>
      </c>
      <c r="G43465" s="1" t="s">
        <v>148247</v>
      </c>
      <c r="H43465" s="1" t="s">
        <v>148248</v>
      </c>
      <c r="I43465" s="1" t="s">
        <v>148154</v>
      </c>
      <c r="J43465" s="1" t="s">
        <v>148255</v>
      </c>
    </row>
    <row r="43466" spans="1:10" x14ac:dyDescent="0.35">
      <c r="A43466" s="1" t="s">
        <v>9371</v>
      </c>
      <c r="B43466" s="1" t="s">
        <v>148150</v>
      </c>
      <c r="C43466" s="1" t="s">
        <v>25</v>
      </c>
      <c r="D43466" s="1" t="s">
        <v>145145</v>
      </c>
      <c r="E43466" s="1" t="s">
        <v>148256</v>
      </c>
      <c r="F43466" s="1" t="s">
        <v>148257</v>
      </c>
      <c r="G43466" s="1" t="s">
        <v>148247</v>
      </c>
      <c r="H43466" s="1" t="s">
        <v>148248</v>
      </c>
      <c r="I43466" s="1" t="s">
        <v>148154</v>
      </c>
      <c r="J43466" s="1" t="s">
        <v>148258</v>
      </c>
    </row>
    <row r="43467" spans="1:10" x14ac:dyDescent="0.35">
      <c r="A43467" s="1" t="s">
        <v>9371</v>
      </c>
      <c r="B43467" s="1" t="s">
        <v>148150</v>
      </c>
      <c r="C43467" s="1" t="s">
        <v>30</v>
      </c>
      <c r="D43467" s="1" t="s">
        <v>8095</v>
      </c>
      <c r="E43467" s="1" t="s">
        <v>148259</v>
      </c>
      <c r="F43467" s="1" t="s">
        <v>148260</v>
      </c>
      <c r="G43467" s="1" t="s">
        <v>148247</v>
      </c>
      <c r="H43467" s="1" t="s">
        <v>148248</v>
      </c>
      <c r="I43467" s="1" t="s">
        <v>148154</v>
      </c>
      <c r="J43467" s="1" t="s">
        <v>148261</v>
      </c>
    </row>
    <row r="43468" spans="1:10" x14ac:dyDescent="0.35">
      <c r="A43468" s="1" t="s">
        <v>9371</v>
      </c>
      <c r="B43468" s="1" t="s">
        <v>148150</v>
      </c>
      <c r="C43468" s="1" t="s">
        <v>35</v>
      </c>
      <c r="D43468" s="1" t="s">
        <v>4709</v>
      </c>
      <c r="E43468" s="1" t="s">
        <v>148262</v>
      </c>
      <c r="F43468" s="1" t="s">
        <v>148263</v>
      </c>
      <c r="G43468" s="1" t="s">
        <v>148247</v>
      </c>
      <c r="H43468" s="1" t="s">
        <v>148248</v>
      </c>
      <c r="I43468" s="1" t="s">
        <v>148154</v>
      </c>
      <c r="J43468" s="1" t="s">
        <v>148264</v>
      </c>
    </row>
    <row r="43469" spans="1:10" x14ac:dyDescent="0.35">
      <c r="A43469" s="1" t="s">
        <v>9371</v>
      </c>
      <c r="B43469" s="1" t="s">
        <v>148150</v>
      </c>
      <c r="C43469" s="1" t="s">
        <v>40</v>
      </c>
      <c r="D43469" s="1" t="s">
        <v>14196</v>
      </c>
      <c r="E43469" s="1" t="s">
        <v>148265</v>
      </c>
      <c r="F43469" s="1" t="s">
        <v>148266</v>
      </c>
      <c r="G43469" s="1" t="s">
        <v>148247</v>
      </c>
      <c r="H43469" s="1" t="s">
        <v>148248</v>
      </c>
      <c r="I43469" s="1" t="s">
        <v>148154</v>
      </c>
      <c r="J43469" s="1" t="s">
        <v>148267</v>
      </c>
    </row>
    <row r="43470" spans="1:10" x14ac:dyDescent="0.35">
      <c r="A43470" s="1" t="s">
        <v>9371</v>
      </c>
      <c r="B43470" s="1" t="s">
        <v>148150</v>
      </c>
      <c r="C43470" s="1" t="s">
        <v>45</v>
      </c>
      <c r="D43470" s="1" t="s">
        <v>121287</v>
      </c>
      <c r="E43470" s="1" t="s">
        <v>148268</v>
      </c>
      <c r="F43470" s="1" t="s">
        <v>148269</v>
      </c>
      <c r="G43470" s="1" t="s">
        <v>148247</v>
      </c>
      <c r="H43470" s="1" t="s">
        <v>148248</v>
      </c>
      <c r="I43470" s="1" t="s">
        <v>148154</v>
      </c>
      <c r="J43470" s="1" t="s">
        <v>148270</v>
      </c>
    </row>
    <row r="43471" spans="1:10" x14ac:dyDescent="0.35">
      <c r="A43471" s="1" t="s">
        <v>9371</v>
      </c>
      <c r="B43471" s="1" t="s">
        <v>148150</v>
      </c>
      <c r="C43471" s="1" t="s">
        <v>50</v>
      </c>
      <c r="D43471" s="1" t="s">
        <v>148271</v>
      </c>
      <c r="E43471" s="1" t="s">
        <v>148272</v>
      </c>
      <c r="F43471" s="1" t="s">
        <v>148273</v>
      </c>
      <c r="G43471" s="1" t="s">
        <v>148247</v>
      </c>
      <c r="H43471" s="1" t="s">
        <v>148248</v>
      </c>
      <c r="I43471" s="1" t="s">
        <v>148154</v>
      </c>
      <c r="J43471" s="1" t="s">
        <v>148274</v>
      </c>
    </row>
    <row r="43472" spans="1:10" x14ac:dyDescent="0.35">
      <c r="A43472" s="1" t="s">
        <v>9371</v>
      </c>
      <c r="B43472" s="1" t="s">
        <v>148150</v>
      </c>
      <c r="C43472" s="1" t="s">
        <v>55</v>
      </c>
      <c r="D43472" s="1" t="s">
        <v>2643</v>
      </c>
      <c r="E43472" s="1" t="s">
        <v>148275</v>
      </c>
      <c r="F43472" s="1" t="s">
        <v>148276</v>
      </c>
      <c r="G43472" s="1" t="s">
        <v>148247</v>
      </c>
      <c r="H43472" s="1" t="s">
        <v>148248</v>
      </c>
      <c r="I43472" s="1" t="s">
        <v>148154</v>
      </c>
      <c r="J43472" s="1" t="s">
        <v>148277</v>
      </c>
    </row>
    <row r="43473" spans="1:10" x14ac:dyDescent="0.35">
      <c r="A43473" s="1" t="s">
        <v>9371</v>
      </c>
      <c r="B43473" s="1" t="s">
        <v>148150</v>
      </c>
      <c r="C43473" s="1" t="s">
        <v>60</v>
      </c>
      <c r="D43473" s="1" t="s">
        <v>144254</v>
      </c>
      <c r="E43473" s="1" t="s">
        <v>148278</v>
      </c>
      <c r="F43473" s="1" t="s">
        <v>148279</v>
      </c>
      <c r="G43473" s="1" t="s">
        <v>148247</v>
      </c>
      <c r="H43473" s="1" t="s">
        <v>148248</v>
      </c>
      <c r="I43473" s="1" t="s">
        <v>148154</v>
      </c>
      <c r="J43473" s="1" t="s">
        <v>148280</v>
      </c>
    </row>
    <row r="43474" spans="1:10" x14ac:dyDescent="0.35">
      <c r="A43474" s="1" t="s">
        <v>9371</v>
      </c>
      <c r="B43474" s="1" t="s">
        <v>148150</v>
      </c>
      <c r="C43474" s="1" t="s">
        <v>65</v>
      </c>
      <c r="D43474" s="1" t="s">
        <v>6482</v>
      </c>
      <c r="E43474" s="1" t="s">
        <v>148281</v>
      </c>
      <c r="F43474" s="1" t="s">
        <v>148282</v>
      </c>
      <c r="G43474" s="1" t="s">
        <v>148247</v>
      </c>
      <c r="H43474" s="1" t="s">
        <v>148248</v>
      </c>
      <c r="I43474" s="1" t="s">
        <v>148154</v>
      </c>
      <c r="J43474" s="1" t="s">
        <v>148283</v>
      </c>
    </row>
    <row r="43475" spans="1:10" x14ac:dyDescent="0.35">
      <c r="A43475" s="1" t="s">
        <v>9371</v>
      </c>
      <c r="B43475" s="1" t="s">
        <v>148150</v>
      </c>
      <c r="C43475" s="1" t="s">
        <v>70</v>
      </c>
      <c r="D43475" s="1" t="s">
        <v>27517</v>
      </c>
      <c r="E43475" s="1" t="s">
        <v>148284</v>
      </c>
      <c r="F43475" s="1" t="s">
        <v>148285</v>
      </c>
      <c r="G43475" s="1" t="s">
        <v>148247</v>
      </c>
      <c r="H43475" s="1" t="s">
        <v>148248</v>
      </c>
      <c r="I43475" s="1" t="s">
        <v>148154</v>
      </c>
      <c r="J43475" s="1" t="s">
        <v>148286</v>
      </c>
    </row>
    <row r="43476" spans="1:10" x14ac:dyDescent="0.35">
      <c r="A43476" s="1" t="s">
        <v>9371</v>
      </c>
      <c r="B43476" s="1" t="s">
        <v>148150</v>
      </c>
      <c r="C43476" s="1" t="s">
        <v>75</v>
      </c>
      <c r="D43476" s="1" t="s">
        <v>148287</v>
      </c>
      <c r="E43476" s="1" t="s">
        <v>148288</v>
      </c>
      <c r="F43476" s="1" t="s">
        <v>148289</v>
      </c>
      <c r="G43476" s="1" t="s">
        <v>148247</v>
      </c>
      <c r="H43476" s="1" t="s">
        <v>148248</v>
      </c>
      <c r="I43476" s="1" t="s">
        <v>148154</v>
      </c>
      <c r="J43476" s="1" t="s">
        <v>148290</v>
      </c>
    </row>
    <row r="43477" spans="1:10" x14ac:dyDescent="0.35">
      <c r="A43477" s="1" t="s">
        <v>9371</v>
      </c>
      <c r="B43477" s="1" t="s">
        <v>148150</v>
      </c>
      <c r="C43477" s="1" t="s">
        <v>80</v>
      </c>
      <c r="D43477" s="1" t="s">
        <v>14530</v>
      </c>
      <c r="E43477" s="1" t="s">
        <v>148291</v>
      </c>
      <c r="F43477" s="1" t="s">
        <v>148292</v>
      </c>
      <c r="G43477" s="1" t="s">
        <v>148247</v>
      </c>
      <c r="H43477" s="1" t="s">
        <v>148248</v>
      </c>
      <c r="I43477" s="1" t="s">
        <v>148154</v>
      </c>
      <c r="J43477" s="1" t="s">
        <v>148293</v>
      </c>
    </row>
    <row r="43478" spans="1:10" x14ac:dyDescent="0.35">
      <c r="A43478" s="1" t="s">
        <v>9371</v>
      </c>
      <c r="B43478" s="1" t="s">
        <v>148150</v>
      </c>
      <c r="C43478" s="1" t="s">
        <v>85</v>
      </c>
      <c r="D43478" s="1" t="s">
        <v>112551</v>
      </c>
      <c r="E43478" s="1" t="s">
        <v>148294</v>
      </c>
      <c r="F43478" s="1" t="s">
        <v>148295</v>
      </c>
      <c r="G43478" s="1" t="s">
        <v>148247</v>
      </c>
      <c r="H43478" s="1" t="s">
        <v>148248</v>
      </c>
      <c r="I43478" s="1" t="s">
        <v>148154</v>
      </c>
      <c r="J43478" s="1" t="s">
        <v>148296</v>
      </c>
    </row>
    <row r="43479" spans="1:10" x14ac:dyDescent="0.35">
      <c r="A43479" s="1" t="s">
        <v>9371</v>
      </c>
      <c r="B43479" s="1" t="s">
        <v>148150</v>
      </c>
      <c r="C43479" s="1" t="s">
        <v>90</v>
      </c>
      <c r="D43479" s="1" t="s">
        <v>37406</v>
      </c>
      <c r="E43479" s="1" t="s">
        <v>148297</v>
      </c>
      <c r="F43479" s="1" t="s">
        <v>148298</v>
      </c>
      <c r="G43479" s="1" t="s">
        <v>148247</v>
      </c>
      <c r="H43479" s="1" t="s">
        <v>148248</v>
      </c>
      <c r="I43479" s="1" t="s">
        <v>148154</v>
      </c>
      <c r="J43479" s="1" t="s">
        <v>148299</v>
      </c>
    </row>
    <row r="43480" spans="1:10" x14ac:dyDescent="0.35">
      <c r="A43480" s="1" t="s">
        <v>9371</v>
      </c>
      <c r="B43480" s="1" t="s">
        <v>148150</v>
      </c>
      <c r="C43480" s="1" t="s">
        <v>95</v>
      </c>
      <c r="D43480" s="1" t="s">
        <v>115752</v>
      </c>
      <c r="E43480" s="1" t="s">
        <v>148300</v>
      </c>
      <c r="F43480" s="1" t="s">
        <v>148301</v>
      </c>
      <c r="G43480" s="1" t="s">
        <v>148247</v>
      </c>
      <c r="H43480" s="1" t="s">
        <v>148248</v>
      </c>
      <c r="I43480" s="1" t="s">
        <v>148154</v>
      </c>
      <c r="J43480" s="1" t="s">
        <v>148302</v>
      </c>
    </row>
    <row r="43481" spans="1:10" x14ac:dyDescent="0.35">
      <c r="A43481" s="1" t="s">
        <v>9371</v>
      </c>
      <c r="B43481" s="1" t="s">
        <v>148150</v>
      </c>
      <c r="C43481" s="1" t="s">
        <v>100</v>
      </c>
      <c r="D43481" s="1" t="s">
        <v>72788</v>
      </c>
      <c r="E43481" s="1" t="s">
        <v>148303</v>
      </c>
      <c r="F43481" s="1" t="s">
        <v>148304</v>
      </c>
      <c r="G43481" s="1" t="s">
        <v>148247</v>
      </c>
      <c r="H43481" s="1" t="s">
        <v>148248</v>
      </c>
      <c r="I43481" s="1" t="s">
        <v>148154</v>
      </c>
      <c r="J43481" s="1" t="s">
        <v>148305</v>
      </c>
    </row>
    <row r="43482" spans="1:10" x14ac:dyDescent="0.35">
      <c r="A43482" s="1" t="s">
        <v>9371</v>
      </c>
      <c r="B43482" s="1" t="s">
        <v>148150</v>
      </c>
      <c r="C43482" s="1" t="s">
        <v>105</v>
      </c>
      <c r="D43482" s="1" t="s">
        <v>148306</v>
      </c>
      <c r="E43482" s="1" t="s">
        <v>148307</v>
      </c>
      <c r="F43482" s="1" t="s">
        <v>148308</v>
      </c>
      <c r="G43482" s="1" t="s">
        <v>148247</v>
      </c>
      <c r="H43482" s="1" t="s">
        <v>148248</v>
      </c>
      <c r="I43482" s="1" t="s">
        <v>148154</v>
      </c>
      <c r="J43482" s="1" t="s">
        <v>148309</v>
      </c>
    </row>
    <row r="43483" spans="1:10" x14ac:dyDescent="0.35">
      <c r="A43483" s="1" t="s">
        <v>9371</v>
      </c>
      <c r="B43483" s="1" t="s">
        <v>148150</v>
      </c>
      <c r="C43483" s="1" t="s">
        <v>110</v>
      </c>
      <c r="D43483" s="1" t="s">
        <v>104053</v>
      </c>
      <c r="E43483" s="1" t="s">
        <v>148310</v>
      </c>
      <c r="F43483" s="1" t="s">
        <v>148311</v>
      </c>
      <c r="G43483" s="1" t="s">
        <v>148247</v>
      </c>
      <c r="H43483" s="1" t="s">
        <v>148248</v>
      </c>
      <c r="I43483" s="1" t="s">
        <v>148154</v>
      </c>
      <c r="J43483" s="1" t="s">
        <v>148312</v>
      </c>
    </row>
    <row r="43484" spans="1:10" x14ac:dyDescent="0.35">
      <c r="A43484" s="1" t="s">
        <v>9371</v>
      </c>
      <c r="B43484" s="1" t="s">
        <v>148150</v>
      </c>
      <c r="C43484" s="1" t="s">
        <v>115</v>
      </c>
      <c r="D43484" s="1" t="s">
        <v>51243</v>
      </c>
      <c r="E43484" s="1" t="s">
        <v>148313</v>
      </c>
      <c r="F43484" s="1" t="s">
        <v>148314</v>
      </c>
      <c r="G43484" s="1" t="s">
        <v>148247</v>
      </c>
      <c r="H43484" s="1" t="s">
        <v>148248</v>
      </c>
      <c r="I43484" s="1" t="s">
        <v>148154</v>
      </c>
      <c r="J43484" s="1" t="s">
        <v>148315</v>
      </c>
    </row>
    <row r="43485" spans="1:10" x14ac:dyDescent="0.35">
      <c r="A43485" s="1" t="s">
        <v>9371</v>
      </c>
      <c r="B43485" s="1" t="s">
        <v>148150</v>
      </c>
      <c r="C43485" s="1" t="s">
        <v>120</v>
      </c>
      <c r="D43485" s="1" t="s">
        <v>148316</v>
      </c>
      <c r="E43485" s="1" t="s">
        <v>148317</v>
      </c>
      <c r="F43485" s="1" t="s">
        <v>148318</v>
      </c>
      <c r="G43485" s="1" t="s">
        <v>148247</v>
      </c>
      <c r="H43485" s="1" t="s">
        <v>148248</v>
      </c>
      <c r="I43485" s="1" t="s">
        <v>148154</v>
      </c>
      <c r="J43485" s="1" t="s">
        <v>148319</v>
      </c>
    </row>
    <row r="43486" spans="1:10" x14ac:dyDescent="0.35">
      <c r="A43486" s="1" t="s">
        <v>9371</v>
      </c>
      <c r="B43486" s="1" t="s">
        <v>148150</v>
      </c>
      <c r="C43486" s="1" t="s">
        <v>125</v>
      </c>
      <c r="D43486" s="1" t="s">
        <v>148320</v>
      </c>
      <c r="E43486" s="1" t="s">
        <v>148321</v>
      </c>
      <c r="F43486" s="1" t="s">
        <v>148322</v>
      </c>
      <c r="G43486" s="1" t="s">
        <v>148247</v>
      </c>
      <c r="H43486" s="1" t="s">
        <v>148248</v>
      </c>
      <c r="I43486" s="1" t="s">
        <v>148154</v>
      </c>
      <c r="J43486" s="1" t="s">
        <v>148323</v>
      </c>
    </row>
    <row r="43487" spans="1:10" x14ac:dyDescent="0.35">
      <c r="A43487" s="1" t="s">
        <v>9371</v>
      </c>
      <c r="B43487" s="1" t="s">
        <v>148150</v>
      </c>
      <c r="C43487" s="1" t="s">
        <v>130</v>
      </c>
      <c r="D43487" s="1" t="s">
        <v>30241</v>
      </c>
      <c r="E43487" s="1" t="s">
        <v>148324</v>
      </c>
      <c r="F43487" s="1" t="s">
        <v>148325</v>
      </c>
      <c r="G43487" s="1" t="s">
        <v>148247</v>
      </c>
      <c r="H43487" s="1" t="s">
        <v>148248</v>
      </c>
      <c r="I43487" s="1" t="s">
        <v>148154</v>
      </c>
      <c r="J43487" s="1" t="s">
        <v>148326</v>
      </c>
    </row>
    <row r="43488" spans="1:10" x14ac:dyDescent="0.35">
      <c r="A43488" s="1" t="s">
        <v>9371</v>
      </c>
      <c r="B43488" s="1" t="s">
        <v>148150</v>
      </c>
      <c r="C43488" s="1" t="s">
        <v>135</v>
      </c>
      <c r="D43488" s="1" t="s">
        <v>148327</v>
      </c>
      <c r="E43488" s="1" t="s">
        <v>148328</v>
      </c>
      <c r="F43488" s="1" t="s">
        <v>148329</v>
      </c>
      <c r="G43488" s="1" t="s">
        <v>148247</v>
      </c>
      <c r="H43488" s="1" t="s">
        <v>148248</v>
      </c>
      <c r="I43488" s="1" t="s">
        <v>148154</v>
      </c>
      <c r="J43488" s="1" t="s">
        <v>148330</v>
      </c>
    </row>
    <row r="43489" spans="1:10" x14ac:dyDescent="0.35">
      <c r="A43489" s="1" t="s">
        <v>9371</v>
      </c>
      <c r="B43489" s="1" t="s">
        <v>148150</v>
      </c>
      <c r="C43489" s="1" t="s">
        <v>140</v>
      </c>
      <c r="D43489" s="1" t="s">
        <v>37848</v>
      </c>
      <c r="E43489" s="1" t="s">
        <v>148331</v>
      </c>
      <c r="F43489" s="1" t="s">
        <v>148332</v>
      </c>
      <c r="G43489" s="1" t="s">
        <v>148247</v>
      </c>
      <c r="H43489" s="1" t="s">
        <v>148248</v>
      </c>
      <c r="I43489" s="1" t="s">
        <v>148154</v>
      </c>
      <c r="J43489" s="1" t="s">
        <v>148333</v>
      </c>
    </row>
    <row r="43490" spans="1:10" x14ac:dyDescent="0.35">
      <c r="A43490" s="1" t="s">
        <v>9371</v>
      </c>
      <c r="B43490" s="1" t="s">
        <v>148150</v>
      </c>
      <c r="C43490" s="1" t="s">
        <v>145</v>
      </c>
      <c r="D43490" s="1" t="s">
        <v>45084</v>
      </c>
      <c r="E43490" s="1" t="s">
        <v>148334</v>
      </c>
      <c r="F43490" s="1" t="s">
        <v>148335</v>
      </c>
      <c r="G43490" s="1" t="s">
        <v>148247</v>
      </c>
      <c r="H43490" s="1" t="s">
        <v>148248</v>
      </c>
      <c r="I43490" s="1" t="s">
        <v>148154</v>
      </c>
      <c r="J43490" s="1" t="s">
        <v>148336</v>
      </c>
    </row>
    <row r="43491" spans="1:10" x14ac:dyDescent="0.35">
      <c r="A43491" s="1" t="s">
        <v>9371</v>
      </c>
      <c r="B43491" s="1" t="s">
        <v>148150</v>
      </c>
      <c r="C43491" s="1" t="s">
        <v>150</v>
      </c>
      <c r="D43491" s="1" t="s">
        <v>82764</v>
      </c>
      <c r="E43491" s="1" t="s">
        <v>148337</v>
      </c>
      <c r="F43491" s="1" t="s">
        <v>148338</v>
      </c>
      <c r="G43491" s="1" t="s">
        <v>148247</v>
      </c>
      <c r="H43491" s="1" t="s">
        <v>148248</v>
      </c>
      <c r="I43491" s="1" t="s">
        <v>148154</v>
      </c>
      <c r="J43491" s="1" t="s">
        <v>148339</v>
      </c>
    </row>
    <row r="43492" spans="1:10" x14ac:dyDescent="0.35">
      <c r="A43492" s="1" t="s">
        <v>9371</v>
      </c>
      <c r="B43492" s="1" t="s">
        <v>148150</v>
      </c>
      <c r="C43492" s="1" t="s">
        <v>155</v>
      </c>
      <c r="D43492" s="1" t="s">
        <v>38354</v>
      </c>
      <c r="E43492" s="1" t="s">
        <v>148340</v>
      </c>
      <c r="F43492" s="1" t="s">
        <v>148341</v>
      </c>
      <c r="G43492" s="1" t="s">
        <v>148247</v>
      </c>
      <c r="H43492" s="1" t="s">
        <v>148248</v>
      </c>
      <c r="I43492" s="1" t="s">
        <v>148154</v>
      </c>
      <c r="J43492" s="1" t="s">
        <v>148342</v>
      </c>
    </row>
    <row r="43493" spans="1:10" x14ac:dyDescent="0.35">
      <c r="A43493" s="1" t="s">
        <v>9371</v>
      </c>
      <c r="B43493" s="1" t="s">
        <v>148150</v>
      </c>
      <c r="C43493" s="1" t="s">
        <v>160</v>
      </c>
      <c r="D43493" s="1" t="s">
        <v>72849</v>
      </c>
      <c r="E43493" s="1" t="s">
        <v>148343</v>
      </c>
      <c r="F43493" s="1" t="s">
        <v>148344</v>
      </c>
      <c r="G43493" s="1" t="s">
        <v>148247</v>
      </c>
      <c r="H43493" s="1" t="s">
        <v>148248</v>
      </c>
      <c r="I43493" s="1" t="s">
        <v>148154</v>
      </c>
      <c r="J43493" s="1" t="s">
        <v>148345</v>
      </c>
    </row>
    <row r="43494" spans="1:10" x14ac:dyDescent="0.35">
      <c r="A43494" s="1" t="s">
        <v>9371</v>
      </c>
      <c r="B43494" s="1" t="s">
        <v>148150</v>
      </c>
      <c r="C43494" s="1" t="s">
        <v>165</v>
      </c>
      <c r="D43494" s="1" t="s">
        <v>32213</v>
      </c>
      <c r="E43494" s="1" t="s">
        <v>148346</v>
      </c>
      <c r="F43494" s="1" t="s">
        <v>148347</v>
      </c>
      <c r="G43494" s="1" t="s">
        <v>148247</v>
      </c>
      <c r="H43494" s="1" t="s">
        <v>148248</v>
      </c>
      <c r="I43494" s="1" t="s">
        <v>148154</v>
      </c>
      <c r="J43494" s="1" t="s">
        <v>148348</v>
      </c>
    </row>
    <row r="43495" spans="1:10" x14ac:dyDescent="0.35">
      <c r="A43495" s="1" t="s">
        <v>9371</v>
      </c>
      <c r="B43495" s="1" t="s">
        <v>148150</v>
      </c>
      <c r="C43495" s="1" t="s">
        <v>170</v>
      </c>
      <c r="D43495" s="1" t="s">
        <v>72817</v>
      </c>
      <c r="E43495" s="1" t="s">
        <v>148349</v>
      </c>
      <c r="F43495" s="1" t="s">
        <v>148350</v>
      </c>
      <c r="G43495" s="1" t="s">
        <v>148247</v>
      </c>
      <c r="H43495" s="1" t="s">
        <v>148248</v>
      </c>
      <c r="I43495" s="1" t="s">
        <v>148154</v>
      </c>
      <c r="J43495" s="1" t="s">
        <v>148351</v>
      </c>
    </row>
    <row r="43496" spans="1:10" x14ac:dyDescent="0.35">
      <c r="A43496" s="1" t="s">
        <v>4524</v>
      </c>
      <c r="B43496" s="1" t="s">
        <v>148150</v>
      </c>
      <c r="C43496" s="1" t="s">
        <v>8</v>
      </c>
      <c r="D43496" s="1" t="s">
        <v>1691</v>
      </c>
      <c r="E43496" s="1" t="s">
        <v>148352</v>
      </c>
      <c r="F43496" s="1" t="s">
        <v>148353</v>
      </c>
      <c r="G43496" s="1" t="s">
        <v>148354</v>
      </c>
      <c r="H43496" s="1" t="s">
        <v>148355</v>
      </c>
      <c r="I43496" s="1" t="s">
        <v>148154</v>
      </c>
      <c r="J43496" s="1" t="s">
        <v>13</v>
      </c>
    </row>
    <row r="43497" spans="1:10" x14ac:dyDescent="0.35">
      <c r="A43497" s="1" t="s">
        <v>4524</v>
      </c>
      <c r="B43497" s="1" t="s">
        <v>148150</v>
      </c>
      <c r="C43497" s="1" t="s">
        <v>15</v>
      </c>
      <c r="D43497" s="1" t="s">
        <v>148356</v>
      </c>
      <c r="E43497" s="1" t="s">
        <v>148357</v>
      </c>
      <c r="F43497" s="1" t="s">
        <v>148358</v>
      </c>
      <c r="G43497" s="1" t="s">
        <v>148354</v>
      </c>
      <c r="H43497" s="1" t="s">
        <v>148355</v>
      </c>
      <c r="I43497" s="1" t="s">
        <v>148154</v>
      </c>
      <c r="J43497" s="1" t="s">
        <v>148359</v>
      </c>
    </row>
    <row r="43498" spans="1:10" x14ac:dyDescent="0.35">
      <c r="A43498" s="1" t="s">
        <v>4524</v>
      </c>
      <c r="B43498" s="1" t="s">
        <v>148150</v>
      </c>
      <c r="C43498" s="1" t="s">
        <v>20</v>
      </c>
      <c r="D43498" s="1" t="s">
        <v>148360</v>
      </c>
      <c r="E43498" s="1" t="s">
        <v>148361</v>
      </c>
      <c r="F43498" s="1" t="s">
        <v>148362</v>
      </c>
      <c r="G43498" s="1" t="s">
        <v>148354</v>
      </c>
      <c r="H43498" s="1" t="s">
        <v>148355</v>
      </c>
      <c r="I43498" s="1" t="s">
        <v>148154</v>
      </c>
      <c r="J43498" s="1" t="s">
        <v>148363</v>
      </c>
    </row>
    <row r="43499" spans="1:10" x14ac:dyDescent="0.35">
      <c r="A43499" s="1" t="s">
        <v>4524</v>
      </c>
      <c r="B43499" s="1" t="s">
        <v>148150</v>
      </c>
      <c r="C43499" s="1" t="s">
        <v>25</v>
      </c>
      <c r="D43499" s="1" t="s">
        <v>148364</v>
      </c>
      <c r="E43499" s="1" t="s">
        <v>148365</v>
      </c>
      <c r="F43499" s="1" t="s">
        <v>148366</v>
      </c>
      <c r="G43499" s="1" t="s">
        <v>148354</v>
      </c>
      <c r="H43499" s="1" t="s">
        <v>148355</v>
      </c>
      <c r="I43499" s="1" t="s">
        <v>148154</v>
      </c>
      <c r="J43499" s="1" t="s">
        <v>148367</v>
      </c>
    </row>
    <row r="43500" spans="1:10" x14ac:dyDescent="0.35">
      <c r="A43500" s="1" t="s">
        <v>4524</v>
      </c>
      <c r="B43500" s="1" t="s">
        <v>148150</v>
      </c>
      <c r="C43500" s="1" t="s">
        <v>30</v>
      </c>
      <c r="D43500" s="1" t="s">
        <v>8997</v>
      </c>
      <c r="E43500" s="1" t="s">
        <v>148368</v>
      </c>
      <c r="F43500" s="1" t="s">
        <v>148369</v>
      </c>
      <c r="G43500" s="1" t="s">
        <v>148354</v>
      </c>
      <c r="H43500" s="1" t="s">
        <v>148355</v>
      </c>
      <c r="I43500" s="1" t="s">
        <v>148154</v>
      </c>
      <c r="J43500" s="1" t="s">
        <v>148370</v>
      </c>
    </row>
    <row r="43501" spans="1:10" x14ac:dyDescent="0.35">
      <c r="A43501" s="1" t="s">
        <v>4524</v>
      </c>
      <c r="B43501" s="1" t="s">
        <v>148150</v>
      </c>
      <c r="C43501" s="1" t="s">
        <v>35</v>
      </c>
      <c r="D43501" s="1" t="s">
        <v>148371</v>
      </c>
      <c r="E43501" s="1" t="s">
        <v>148372</v>
      </c>
      <c r="F43501" s="1" t="s">
        <v>148373</v>
      </c>
      <c r="G43501" s="1" t="s">
        <v>148354</v>
      </c>
      <c r="H43501" s="1" t="s">
        <v>148355</v>
      </c>
      <c r="I43501" s="1" t="s">
        <v>148154</v>
      </c>
      <c r="J43501" s="1" t="s">
        <v>148374</v>
      </c>
    </row>
    <row r="43502" spans="1:10" x14ac:dyDescent="0.35">
      <c r="A43502" s="1" t="s">
        <v>4524</v>
      </c>
      <c r="B43502" s="1" t="s">
        <v>148150</v>
      </c>
      <c r="C43502" s="1" t="s">
        <v>40</v>
      </c>
      <c r="D43502" s="1" t="s">
        <v>9698</v>
      </c>
      <c r="E43502" s="1" t="s">
        <v>148375</v>
      </c>
      <c r="F43502" s="1" t="s">
        <v>148376</v>
      </c>
      <c r="G43502" s="1" t="s">
        <v>148354</v>
      </c>
      <c r="H43502" s="1" t="s">
        <v>148355</v>
      </c>
      <c r="I43502" s="1" t="s">
        <v>148154</v>
      </c>
      <c r="J43502" s="1" t="s">
        <v>148377</v>
      </c>
    </row>
    <row r="43503" spans="1:10" x14ac:dyDescent="0.35">
      <c r="A43503" s="1" t="s">
        <v>4524</v>
      </c>
      <c r="B43503" s="1" t="s">
        <v>148150</v>
      </c>
      <c r="C43503" s="1" t="s">
        <v>45</v>
      </c>
      <c r="D43503" s="1" t="s">
        <v>6512</v>
      </c>
      <c r="E43503" s="1" t="s">
        <v>148378</v>
      </c>
      <c r="F43503" s="1" t="s">
        <v>148379</v>
      </c>
      <c r="G43503" s="1" t="s">
        <v>148354</v>
      </c>
      <c r="H43503" s="1" t="s">
        <v>148355</v>
      </c>
      <c r="I43503" s="1" t="s">
        <v>148154</v>
      </c>
      <c r="J43503" s="1" t="s">
        <v>148380</v>
      </c>
    </row>
    <row r="43504" spans="1:10" x14ac:dyDescent="0.35">
      <c r="A43504" s="1" t="s">
        <v>4524</v>
      </c>
      <c r="B43504" s="1" t="s">
        <v>148150</v>
      </c>
      <c r="C43504" s="1" t="s">
        <v>50</v>
      </c>
      <c r="D43504" s="1" t="s">
        <v>1755</v>
      </c>
      <c r="E43504" s="1" t="s">
        <v>148381</v>
      </c>
      <c r="F43504" s="1" t="s">
        <v>148382</v>
      </c>
      <c r="G43504" s="1" t="s">
        <v>148354</v>
      </c>
      <c r="H43504" s="1" t="s">
        <v>148355</v>
      </c>
      <c r="I43504" s="1" t="s">
        <v>148154</v>
      </c>
      <c r="J43504" s="1" t="s">
        <v>148383</v>
      </c>
    </row>
    <row r="43505" spans="1:10" x14ac:dyDescent="0.35">
      <c r="A43505" s="1" t="s">
        <v>4524</v>
      </c>
      <c r="B43505" s="1" t="s">
        <v>148150</v>
      </c>
      <c r="C43505" s="1" t="s">
        <v>55</v>
      </c>
      <c r="D43505" s="1" t="s">
        <v>6634</v>
      </c>
      <c r="E43505" s="1" t="s">
        <v>148384</v>
      </c>
      <c r="F43505" s="1" t="s">
        <v>148385</v>
      </c>
      <c r="G43505" s="1" t="s">
        <v>148354</v>
      </c>
      <c r="H43505" s="1" t="s">
        <v>148355</v>
      </c>
      <c r="I43505" s="1" t="s">
        <v>148154</v>
      </c>
      <c r="J43505" s="1" t="s">
        <v>148386</v>
      </c>
    </row>
    <row r="43506" spans="1:10" x14ac:dyDescent="0.35">
      <c r="A43506" s="1" t="s">
        <v>4524</v>
      </c>
      <c r="B43506" s="1" t="s">
        <v>148150</v>
      </c>
      <c r="C43506" s="1" t="s">
        <v>60</v>
      </c>
      <c r="D43506" s="1" t="s">
        <v>118918</v>
      </c>
      <c r="E43506" s="1" t="s">
        <v>148387</v>
      </c>
      <c r="F43506" s="1" t="s">
        <v>148388</v>
      </c>
      <c r="G43506" s="1" t="s">
        <v>148354</v>
      </c>
      <c r="H43506" s="1" t="s">
        <v>148355</v>
      </c>
      <c r="I43506" s="1" t="s">
        <v>148154</v>
      </c>
      <c r="J43506" s="1" t="s">
        <v>148389</v>
      </c>
    </row>
    <row r="43507" spans="1:10" x14ac:dyDescent="0.35">
      <c r="A43507" s="1" t="s">
        <v>4524</v>
      </c>
      <c r="B43507" s="1" t="s">
        <v>148150</v>
      </c>
      <c r="C43507" s="1" t="s">
        <v>65</v>
      </c>
      <c r="D43507" s="1" t="s">
        <v>50098</v>
      </c>
      <c r="E43507" s="1" t="s">
        <v>148390</v>
      </c>
      <c r="F43507" s="1" t="s">
        <v>148391</v>
      </c>
      <c r="G43507" s="1" t="s">
        <v>148354</v>
      </c>
      <c r="H43507" s="1" t="s">
        <v>148355</v>
      </c>
      <c r="I43507" s="1" t="s">
        <v>148154</v>
      </c>
      <c r="J43507" s="1" t="s">
        <v>148392</v>
      </c>
    </row>
    <row r="43508" spans="1:10" x14ac:dyDescent="0.35">
      <c r="A43508" s="1" t="s">
        <v>4524</v>
      </c>
      <c r="B43508" s="1" t="s">
        <v>148150</v>
      </c>
      <c r="C43508" s="1" t="s">
        <v>70</v>
      </c>
      <c r="D43508" s="1" t="s">
        <v>14041</v>
      </c>
      <c r="E43508" s="1" t="s">
        <v>148393</v>
      </c>
      <c r="F43508" s="1" t="s">
        <v>148394</v>
      </c>
      <c r="G43508" s="1" t="s">
        <v>148354</v>
      </c>
      <c r="H43508" s="1" t="s">
        <v>148355</v>
      </c>
      <c r="I43508" s="1" t="s">
        <v>148154</v>
      </c>
      <c r="J43508" s="1" t="s">
        <v>148395</v>
      </c>
    </row>
    <row r="43509" spans="1:10" x14ac:dyDescent="0.35">
      <c r="A43509" s="1" t="s">
        <v>4524</v>
      </c>
      <c r="B43509" s="1" t="s">
        <v>148150</v>
      </c>
      <c r="C43509" s="1" t="s">
        <v>75</v>
      </c>
      <c r="D43509" s="1" t="s">
        <v>118299</v>
      </c>
      <c r="E43509" s="1" t="s">
        <v>148396</v>
      </c>
      <c r="F43509" s="1" t="s">
        <v>148397</v>
      </c>
      <c r="G43509" s="1" t="s">
        <v>148354</v>
      </c>
      <c r="H43509" s="1" t="s">
        <v>148355</v>
      </c>
      <c r="I43509" s="1" t="s">
        <v>148154</v>
      </c>
      <c r="J43509" s="1" t="s">
        <v>148398</v>
      </c>
    </row>
    <row r="43510" spans="1:10" x14ac:dyDescent="0.35">
      <c r="A43510" s="1" t="s">
        <v>4524</v>
      </c>
      <c r="B43510" s="1" t="s">
        <v>148150</v>
      </c>
      <c r="C43510" s="1" t="s">
        <v>80</v>
      </c>
      <c r="D43510" s="1" t="s">
        <v>144172</v>
      </c>
      <c r="E43510" s="1" t="s">
        <v>148399</v>
      </c>
      <c r="F43510" s="1" t="s">
        <v>148400</v>
      </c>
      <c r="G43510" s="1" t="s">
        <v>148354</v>
      </c>
      <c r="H43510" s="1" t="s">
        <v>148355</v>
      </c>
      <c r="I43510" s="1" t="s">
        <v>148154</v>
      </c>
      <c r="J43510" s="1" t="s">
        <v>148401</v>
      </c>
    </row>
    <row r="43511" spans="1:10" x14ac:dyDescent="0.35">
      <c r="A43511" s="1" t="s">
        <v>4524</v>
      </c>
      <c r="B43511" s="1" t="s">
        <v>148150</v>
      </c>
      <c r="C43511" s="1" t="s">
        <v>85</v>
      </c>
      <c r="D43511" s="1" t="s">
        <v>104560</v>
      </c>
      <c r="E43511" s="1" t="s">
        <v>148402</v>
      </c>
      <c r="F43511" s="1" t="s">
        <v>148403</v>
      </c>
      <c r="G43511" s="1" t="s">
        <v>148354</v>
      </c>
      <c r="H43511" s="1" t="s">
        <v>148355</v>
      </c>
      <c r="I43511" s="1" t="s">
        <v>148154</v>
      </c>
      <c r="J43511" s="1" t="s">
        <v>148404</v>
      </c>
    </row>
    <row r="43512" spans="1:10" x14ac:dyDescent="0.35">
      <c r="A43512" s="1" t="s">
        <v>4524</v>
      </c>
      <c r="B43512" s="1" t="s">
        <v>148150</v>
      </c>
      <c r="C43512" s="1" t="s">
        <v>90</v>
      </c>
      <c r="D43512" s="1" t="s">
        <v>148405</v>
      </c>
      <c r="E43512" s="1" t="s">
        <v>148406</v>
      </c>
      <c r="F43512" s="1" t="s">
        <v>148407</v>
      </c>
      <c r="G43512" s="1" t="s">
        <v>148354</v>
      </c>
      <c r="H43512" s="1" t="s">
        <v>148355</v>
      </c>
      <c r="I43512" s="1" t="s">
        <v>148154</v>
      </c>
      <c r="J43512" s="1" t="s">
        <v>148408</v>
      </c>
    </row>
    <row r="43513" spans="1:10" x14ac:dyDescent="0.35">
      <c r="A43513" s="1" t="s">
        <v>4524</v>
      </c>
      <c r="B43513" s="1" t="s">
        <v>148150</v>
      </c>
      <c r="C43513" s="1" t="s">
        <v>95</v>
      </c>
      <c r="D43513" s="1" t="s">
        <v>14588</v>
      </c>
      <c r="E43513" s="1" t="s">
        <v>148409</v>
      </c>
      <c r="F43513" s="1" t="s">
        <v>148410</v>
      </c>
      <c r="G43513" s="1" t="s">
        <v>148354</v>
      </c>
      <c r="H43513" s="1" t="s">
        <v>148355</v>
      </c>
      <c r="I43513" s="1" t="s">
        <v>148154</v>
      </c>
      <c r="J43513" s="1" t="s">
        <v>148411</v>
      </c>
    </row>
    <row r="43514" spans="1:10" x14ac:dyDescent="0.35">
      <c r="A43514" s="1" t="s">
        <v>4524</v>
      </c>
      <c r="B43514" s="1" t="s">
        <v>148150</v>
      </c>
      <c r="C43514" s="1" t="s">
        <v>100</v>
      </c>
      <c r="D43514" s="1" t="s">
        <v>33913</v>
      </c>
      <c r="E43514" s="1" t="s">
        <v>148412</v>
      </c>
      <c r="F43514" s="1" t="s">
        <v>148413</v>
      </c>
      <c r="G43514" s="1" t="s">
        <v>148354</v>
      </c>
      <c r="H43514" s="1" t="s">
        <v>148355</v>
      </c>
      <c r="I43514" s="1" t="s">
        <v>148154</v>
      </c>
      <c r="J43514" s="1" t="s">
        <v>25978</v>
      </c>
    </row>
    <row r="43515" spans="1:10" x14ac:dyDescent="0.35">
      <c r="A43515" s="1" t="s">
        <v>4524</v>
      </c>
      <c r="B43515" s="1" t="s">
        <v>148150</v>
      </c>
      <c r="C43515" s="1" t="s">
        <v>105</v>
      </c>
      <c r="D43515" s="1" t="s">
        <v>7143</v>
      </c>
      <c r="E43515" s="1" t="s">
        <v>148414</v>
      </c>
      <c r="F43515" s="1" t="s">
        <v>148415</v>
      </c>
      <c r="G43515" s="1" t="s">
        <v>148354</v>
      </c>
      <c r="H43515" s="1" t="s">
        <v>148355</v>
      </c>
      <c r="I43515" s="1" t="s">
        <v>148154</v>
      </c>
      <c r="J43515" s="1" t="s">
        <v>148416</v>
      </c>
    </row>
    <row r="43516" spans="1:10" x14ac:dyDescent="0.35">
      <c r="A43516" s="1" t="s">
        <v>4524</v>
      </c>
      <c r="B43516" s="1" t="s">
        <v>148150</v>
      </c>
      <c r="C43516" s="1" t="s">
        <v>110</v>
      </c>
      <c r="D43516" s="1" t="s">
        <v>73124</v>
      </c>
      <c r="E43516" s="1" t="s">
        <v>148417</v>
      </c>
      <c r="F43516" s="1" t="s">
        <v>148418</v>
      </c>
      <c r="G43516" s="1" t="s">
        <v>148354</v>
      </c>
      <c r="H43516" s="1" t="s">
        <v>148355</v>
      </c>
      <c r="I43516" s="1" t="s">
        <v>148154</v>
      </c>
      <c r="J43516" s="1" t="s">
        <v>148419</v>
      </c>
    </row>
    <row r="43517" spans="1:10" x14ac:dyDescent="0.35">
      <c r="A43517" s="1" t="s">
        <v>4524</v>
      </c>
      <c r="B43517" s="1" t="s">
        <v>148150</v>
      </c>
      <c r="C43517" s="1" t="s">
        <v>115</v>
      </c>
      <c r="D43517" s="1" t="s">
        <v>2959</v>
      </c>
      <c r="E43517" s="1" t="s">
        <v>148420</v>
      </c>
      <c r="F43517" s="1" t="s">
        <v>148421</v>
      </c>
      <c r="G43517" s="1" t="s">
        <v>148354</v>
      </c>
      <c r="H43517" s="1" t="s">
        <v>148355</v>
      </c>
      <c r="I43517" s="1" t="s">
        <v>148154</v>
      </c>
      <c r="J43517" s="1" t="s">
        <v>148422</v>
      </c>
    </row>
    <row r="43518" spans="1:10" x14ac:dyDescent="0.35">
      <c r="A43518" s="1" t="s">
        <v>4524</v>
      </c>
      <c r="B43518" s="1" t="s">
        <v>148150</v>
      </c>
      <c r="C43518" s="1" t="s">
        <v>120</v>
      </c>
      <c r="D43518" s="1" t="s">
        <v>38338</v>
      </c>
      <c r="E43518" s="1" t="s">
        <v>148423</v>
      </c>
      <c r="F43518" s="1" t="s">
        <v>148424</v>
      </c>
      <c r="G43518" s="1" t="s">
        <v>148354</v>
      </c>
      <c r="H43518" s="1" t="s">
        <v>148355</v>
      </c>
      <c r="I43518" s="1" t="s">
        <v>148154</v>
      </c>
      <c r="J43518" s="1" t="s">
        <v>148425</v>
      </c>
    </row>
    <row r="43519" spans="1:10" x14ac:dyDescent="0.35">
      <c r="A43519" s="1" t="s">
        <v>4524</v>
      </c>
      <c r="B43519" s="1" t="s">
        <v>148150</v>
      </c>
      <c r="C43519" s="1" t="s">
        <v>125</v>
      </c>
      <c r="D43519" s="1" t="s">
        <v>148426</v>
      </c>
      <c r="E43519" s="1" t="s">
        <v>148427</v>
      </c>
      <c r="F43519" s="1" t="s">
        <v>148428</v>
      </c>
      <c r="G43519" s="1" t="s">
        <v>148354</v>
      </c>
      <c r="H43519" s="1" t="s">
        <v>148355</v>
      </c>
      <c r="I43519" s="1" t="s">
        <v>148154</v>
      </c>
      <c r="J43519" s="1" t="s">
        <v>148429</v>
      </c>
    </row>
    <row r="43520" spans="1:10" x14ac:dyDescent="0.35">
      <c r="A43520" s="1" t="s">
        <v>4524</v>
      </c>
      <c r="B43520" s="1" t="s">
        <v>148150</v>
      </c>
      <c r="C43520" s="1" t="s">
        <v>130</v>
      </c>
      <c r="D43520" s="1" t="s">
        <v>11831</v>
      </c>
      <c r="E43520" s="1" t="s">
        <v>148430</v>
      </c>
      <c r="F43520" s="1" t="s">
        <v>148431</v>
      </c>
      <c r="G43520" s="1" t="s">
        <v>148354</v>
      </c>
      <c r="H43520" s="1" t="s">
        <v>148355</v>
      </c>
      <c r="I43520" s="1" t="s">
        <v>148154</v>
      </c>
      <c r="J43520" s="1" t="s">
        <v>148432</v>
      </c>
    </row>
    <row r="43521" spans="1:10" x14ac:dyDescent="0.35">
      <c r="A43521" s="1" t="s">
        <v>4524</v>
      </c>
      <c r="B43521" s="1" t="s">
        <v>148150</v>
      </c>
      <c r="C43521" s="1" t="s">
        <v>135</v>
      </c>
      <c r="D43521" s="1" t="s">
        <v>148433</v>
      </c>
      <c r="E43521" s="1" t="s">
        <v>148434</v>
      </c>
      <c r="F43521" s="1" t="s">
        <v>148435</v>
      </c>
      <c r="G43521" s="1" t="s">
        <v>148354</v>
      </c>
      <c r="H43521" s="1" t="s">
        <v>148355</v>
      </c>
      <c r="I43521" s="1" t="s">
        <v>148154</v>
      </c>
      <c r="J43521" s="1" t="s">
        <v>148436</v>
      </c>
    </row>
    <row r="43522" spans="1:10" x14ac:dyDescent="0.35">
      <c r="A43522" s="1" t="s">
        <v>4524</v>
      </c>
      <c r="B43522" s="1" t="s">
        <v>148150</v>
      </c>
      <c r="C43522" s="1" t="s">
        <v>140</v>
      </c>
      <c r="D43522" s="1" t="s">
        <v>31323</v>
      </c>
      <c r="E43522" s="1" t="s">
        <v>148437</v>
      </c>
      <c r="F43522" s="1" t="s">
        <v>148438</v>
      </c>
      <c r="G43522" s="1" t="s">
        <v>148354</v>
      </c>
      <c r="H43522" s="1" t="s">
        <v>148355</v>
      </c>
      <c r="I43522" s="1" t="s">
        <v>148154</v>
      </c>
      <c r="J43522" s="1" t="s">
        <v>148439</v>
      </c>
    </row>
    <row r="43523" spans="1:10" x14ac:dyDescent="0.35">
      <c r="A43523" s="1" t="s">
        <v>4524</v>
      </c>
      <c r="B43523" s="1" t="s">
        <v>148150</v>
      </c>
      <c r="C43523" s="1" t="s">
        <v>145</v>
      </c>
      <c r="D43523" s="1" t="s">
        <v>47748</v>
      </c>
      <c r="E43523" s="1" t="s">
        <v>148440</v>
      </c>
      <c r="F43523" s="1" t="s">
        <v>148441</v>
      </c>
      <c r="G43523" s="1" t="s">
        <v>148354</v>
      </c>
      <c r="H43523" s="1" t="s">
        <v>148355</v>
      </c>
      <c r="I43523" s="1" t="s">
        <v>148154</v>
      </c>
      <c r="J43523" s="1" t="s">
        <v>148442</v>
      </c>
    </row>
    <row r="43524" spans="1:10" x14ac:dyDescent="0.35">
      <c r="A43524" s="1" t="s">
        <v>4524</v>
      </c>
      <c r="B43524" s="1" t="s">
        <v>148150</v>
      </c>
      <c r="C43524" s="1" t="s">
        <v>150</v>
      </c>
      <c r="D43524" s="1" t="s">
        <v>148443</v>
      </c>
      <c r="E43524" s="1" t="s">
        <v>148444</v>
      </c>
      <c r="F43524" s="1" t="s">
        <v>148445</v>
      </c>
      <c r="G43524" s="1" t="s">
        <v>148354</v>
      </c>
      <c r="H43524" s="1" t="s">
        <v>148355</v>
      </c>
      <c r="I43524" s="1" t="s">
        <v>148154</v>
      </c>
      <c r="J43524" s="1" t="s">
        <v>148446</v>
      </c>
    </row>
    <row r="43525" spans="1:10" x14ac:dyDescent="0.35">
      <c r="A43525" s="1" t="s">
        <v>4524</v>
      </c>
      <c r="B43525" s="1" t="s">
        <v>148150</v>
      </c>
      <c r="C43525" s="1" t="s">
        <v>155</v>
      </c>
      <c r="D43525" s="1" t="s">
        <v>148447</v>
      </c>
      <c r="E43525" s="1" t="s">
        <v>148448</v>
      </c>
      <c r="F43525" s="1" t="s">
        <v>148449</v>
      </c>
      <c r="G43525" s="1" t="s">
        <v>148354</v>
      </c>
      <c r="H43525" s="1" t="s">
        <v>148355</v>
      </c>
      <c r="I43525" s="1" t="s">
        <v>148154</v>
      </c>
      <c r="J43525" s="1" t="s">
        <v>148450</v>
      </c>
    </row>
    <row r="43526" spans="1:10" x14ac:dyDescent="0.35">
      <c r="A43526" s="1" t="s">
        <v>4524</v>
      </c>
      <c r="B43526" s="1" t="s">
        <v>148150</v>
      </c>
      <c r="C43526" s="1" t="s">
        <v>160</v>
      </c>
      <c r="D43526" s="1" t="s">
        <v>148451</v>
      </c>
      <c r="E43526" s="1" t="s">
        <v>148452</v>
      </c>
      <c r="F43526" s="1" t="s">
        <v>148453</v>
      </c>
      <c r="G43526" s="1" t="s">
        <v>148354</v>
      </c>
      <c r="H43526" s="1" t="s">
        <v>148355</v>
      </c>
      <c r="I43526" s="1" t="s">
        <v>148154</v>
      </c>
      <c r="J43526" s="1" t="s">
        <v>148454</v>
      </c>
    </row>
    <row r="43527" spans="1:10" x14ac:dyDescent="0.35">
      <c r="A43527" s="1" t="s">
        <v>4524</v>
      </c>
      <c r="B43527" s="1" t="s">
        <v>148150</v>
      </c>
      <c r="C43527" s="1" t="s">
        <v>165</v>
      </c>
      <c r="D43527" s="1" t="s">
        <v>148455</v>
      </c>
      <c r="E43527" s="1" t="s">
        <v>148456</v>
      </c>
      <c r="F43527" s="1" t="s">
        <v>148457</v>
      </c>
      <c r="G43527" s="1" t="s">
        <v>148354</v>
      </c>
      <c r="H43527" s="1" t="s">
        <v>148355</v>
      </c>
      <c r="I43527" s="1" t="s">
        <v>148154</v>
      </c>
      <c r="J43527" s="1" t="s">
        <v>148458</v>
      </c>
    </row>
    <row r="43528" spans="1:10" x14ac:dyDescent="0.35">
      <c r="A43528" s="1" t="s">
        <v>4524</v>
      </c>
      <c r="B43528" s="1" t="s">
        <v>148150</v>
      </c>
      <c r="C43528" s="1" t="s">
        <v>170</v>
      </c>
      <c r="D43528" s="1" t="s">
        <v>148459</v>
      </c>
      <c r="E43528" s="1" t="s">
        <v>148460</v>
      </c>
      <c r="F43528" s="1" t="s">
        <v>148461</v>
      </c>
      <c r="G43528" s="1" t="s">
        <v>148354</v>
      </c>
      <c r="H43528" s="1" t="s">
        <v>148355</v>
      </c>
      <c r="I43528" s="1" t="s">
        <v>148154</v>
      </c>
      <c r="J43528" s="1" t="s">
        <v>148462</v>
      </c>
    </row>
    <row r="43529" spans="1:10" x14ac:dyDescent="0.35">
      <c r="A43529" s="1" t="s">
        <v>1981</v>
      </c>
      <c r="B43529" s="1" t="s">
        <v>148150</v>
      </c>
      <c r="C43529" s="1" t="s">
        <v>8</v>
      </c>
      <c r="D43529" s="1" t="s">
        <v>121142</v>
      </c>
      <c r="E43529" s="1" t="s">
        <v>148463</v>
      </c>
      <c r="F43529" s="1" t="s">
        <v>148464</v>
      </c>
      <c r="G43529" s="1" t="s">
        <v>148465</v>
      </c>
      <c r="H43529" s="1" t="s">
        <v>148466</v>
      </c>
      <c r="I43529" s="1" t="s">
        <v>148154</v>
      </c>
      <c r="J43529" s="1" t="s">
        <v>13</v>
      </c>
    </row>
    <row r="43530" spans="1:10" x14ac:dyDescent="0.35">
      <c r="A43530" s="1" t="s">
        <v>1981</v>
      </c>
      <c r="B43530" s="1" t="s">
        <v>148150</v>
      </c>
      <c r="C43530" s="1" t="s">
        <v>15</v>
      </c>
      <c r="D43530" s="1" t="s">
        <v>148467</v>
      </c>
      <c r="E43530" s="1" t="s">
        <v>148468</v>
      </c>
      <c r="F43530" s="1" t="s">
        <v>148469</v>
      </c>
      <c r="G43530" s="1" t="s">
        <v>148465</v>
      </c>
      <c r="H43530" s="1" t="s">
        <v>148466</v>
      </c>
      <c r="I43530" s="1" t="s">
        <v>148154</v>
      </c>
      <c r="J43530" s="1" t="s">
        <v>148470</v>
      </c>
    </row>
    <row r="43531" spans="1:10" x14ac:dyDescent="0.35">
      <c r="A43531" s="1" t="s">
        <v>1981</v>
      </c>
      <c r="B43531" s="1" t="s">
        <v>148150</v>
      </c>
      <c r="C43531" s="1" t="s">
        <v>20</v>
      </c>
      <c r="D43531" s="1" t="s">
        <v>148471</v>
      </c>
      <c r="E43531" s="1" t="s">
        <v>148472</v>
      </c>
      <c r="F43531" s="1" t="s">
        <v>148473</v>
      </c>
      <c r="G43531" s="1" t="s">
        <v>148465</v>
      </c>
      <c r="H43531" s="1" t="s">
        <v>148466</v>
      </c>
      <c r="I43531" s="1" t="s">
        <v>148154</v>
      </c>
      <c r="J43531" s="1" t="s">
        <v>148474</v>
      </c>
    </row>
    <row r="43532" spans="1:10" x14ac:dyDescent="0.35">
      <c r="A43532" s="1" t="s">
        <v>1981</v>
      </c>
      <c r="B43532" s="1" t="s">
        <v>148150</v>
      </c>
      <c r="C43532" s="1" t="s">
        <v>25</v>
      </c>
      <c r="D43532" s="1" t="s">
        <v>15983</v>
      </c>
      <c r="E43532" s="1" t="s">
        <v>148475</v>
      </c>
      <c r="F43532" s="1" t="s">
        <v>148476</v>
      </c>
      <c r="G43532" s="1" t="s">
        <v>148465</v>
      </c>
      <c r="H43532" s="1" t="s">
        <v>148466</v>
      </c>
      <c r="I43532" s="1" t="s">
        <v>148154</v>
      </c>
      <c r="J43532" s="1" t="s">
        <v>148477</v>
      </c>
    </row>
    <row r="43533" spans="1:10" x14ac:dyDescent="0.35">
      <c r="A43533" s="1" t="s">
        <v>1981</v>
      </c>
      <c r="B43533" s="1" t="s">
        <v>148150</v>
      </c>
      <c r="C43533" s="1" t="s">
        <v>30</v>
      </c>
      <c r="D43533" s="1" t="s">
        <v>25876</v>
      </c>
      <c r="E43533" s="1" t="s">
        <v>148478</v>
      </c>
      <c r="F43533" s="1" t="s">
        <v>148479</v>
      </c>
      <c r="G43533" s="1" t="s">
        <v>148465</v>
      </c>
      <c r="H43533" s="1" t="s">
        <v>148466</v>
      </c>
      <c r="I43533" s="1" t="s">
        <v>148154</v>
      </c>
      <c r="J43533" s="1" t="s">
        <v>148480</v>
      </c>
    </row>
    <row r="43534" spans="1:10" x14ac:dyDescent="0.35">
      <c r="A43534" s="1" t="s">
        <v>1981</v>
      </c>
      <c r="B43534" s="1" t="s">
        <v>148150</v>
      </c>
      <c r="C43534" s="1" t="s">
        <v>35</v>
      </c>
      <c r="D43534" s="1" t="s">
        <v>71103</v>
      </c>
      <c r="E43534" s="1" t="s">
        <v>148481</v>
      </c>
      <c r="F43534" s="1" t="s">
        <v>148482</v>
      </c>
      <c r="G43534" s="1" t="s">
        <v>148465</v>
      </c>
      <c r="H43534" s="1" t="s">
        <v>148466</v>
      </c>
      <c r="I43534" s="1" t="s">
        <v>148154</v>
      </c>
      <c r="J43534" s="1" t="s">
        <v>148483</v>
      </c>
    </row>
    <row r="43535" spans="1:10" x14ac:dyDescent="0.35">
      <c r="A43535" s="1" t="s">
        <v>1981</v>
      </c>
      <c r="B43535" s="1" t="s">
        <v>148150</v>
      </c>
      <c r="C43535" s="1" t="s">
        <v>40</v>
      </c>
      <c r="D43535" s="1" t="s">
        <v>74445</v>
      </c>
      <c r="E43535" s="1" t="s">
        <v>148484</v>
      </c>
      <c r="F43535" s="1" t="s">
        <v>148485</v>
      </c>
      <c r="G43535" s="1" t="s">
        <v>148465</v>
      </c>
      <c r="H43535" s="1" t="s">
        <v>148466</v>
      </c>
      <c r="I43535" s="1" t="s">
        <v>148154</v>
      </c>
      <c r="J43535" s="1" t="s">
        <v>148486</v>
      </c>
    </row>
    <row r="43536" spans="1:10" x14ac:dyDescent="0.35">
      <c r="A43536" s="1" t="s">
        <v>1981</v>
      </c>
      <c r="B43536" s="1" t="s">
        <v>148150</v>
      </c>
      <c r="C43536" s="1" t="s">
        <v>45</v>
      </c>
      <c r="D43536" s="1" t="s">
        <v>605</v>
      </c>
      <c r="E43536" s="1" t="s">
        <v>148487</v>
      </c>
      <c r="F43536" s="1" t="s">
        <v>148488</v>
      </c>
      <c r="G43536" s="1" t="s">
        <v>148465</v>
      </c>
      <c r="H43536" s="1" t="s">
        <v>148466</v>
      </c>
      <c r="I43536" s="1" t="s">
        <v>148154</v>
      </c>
      <c r="J43536" s="1" t="s">
        <v>148489</v>
      </c>
    </row>
    <row r="43537" spans="1:10" x14ac:dyDescent="0.35">
      <c r="A43537" s="1" t="s">
        <v>1981</v>
      </c>
      <c r="B43537" s="1" t="s">
        <v>148150</v>
      </c>
      <c r="C43537" s="1" t="s">
        <v>50</v>
      </c>
      <c r="D43537" s="1" t="s">
        <v>35583</v>
      </c>
      <c r="E43537" s="1" t="s">
        <v>148490</v>
      </c>
      <c r="F43537" s="1" t="s">
        <v>148491</v>
      </c>
      <c r="G43537" s="1" t="s">
        <v>148465</v>
      </c>
      <c r="H43537" s="1" t="s">
        <v>148466</v>
      </c>
      <c r="I43537" s="1" t="s">
        <v>148154</v>
      </c>
      <c r="J43537" s="1" t="s">
        <v>148492</v>
      </c>
    </row>
    <row r="43538" spans="1:10" x14ac:dyDescent="0.35">
      <c r="A43538" s="1" t="s">
        <v>1981</v>
      </c>
      <c r="B43538" s="1" t="s">
        <v>148150</v>
      </c>
      <c r="C43538" s="1" t="s">
        <v>55</v>
      </c>
      <c r="D43538" s="1" t="s">
        <v>148493</v>
      </c>
      <c r="E43538" s="1" t="s">
        <v>148494</v>
      </c>
      <c r="F43538" s="1" t="s">
        <v>148495</v>
      </c>
      <c r="G43538" s="1" t="s">
        <v>148465</v>
      </c>
      <c r="H43538" s="1" t="s">
        <v>148466</v>
      </c>
      <c r="I43538" s="1" t="s">
        <v>148154</v>
      </c>
      <c r="J43538" s="1" t="s">
        <v>148496</v>
      </c>
    </row>
    <row r="43539" spans="1:10" x14ac:dyDescent="0.35">
      <c r="A43539" s="1" t="s">
        <v>1981</v>
      </c>
      <c r="B43539" s="1" t="s">
        <v>148150</v>
      </c>
      <c r="C43539" s="1" t="s">
        <v>60</v>
      </c>
      <c r="D43539" s="1" t="s">
        <v>74522</v>
      </c>
      <c r="E43539" s="1" t="s">
        <v>148497</v>
      </c>
      <c r="F43539" s="1" t="s">
        <v>148498</v>
      </c>
      <c r="G43539" s="1" t="s">
        <v>148465</v>
      </c>
      <c r="H43539" s="1" t="s">
        <v>148466</v>
      </c>
      <c r="I43539" s="1" t="s">
        <v>148154</v>
      </c>
      <c r="J43539" s="1" t="s">
        <v>148499</v>
      </c>
    </row>
    <row r="43540" spans="1:10" x14ac:dyDescent="0.35">
      <c r="A43540" s="1" t="s">
        <v>1981</v>
      </c>
      <c r="B43540" s="1" t="s">
        <v>148150</v>
      </c>
      <c r="C43540" s="1" t="s">
        <v>65</v>
      </c>
      <c r="D43540" s="1" t="s">
        <v>29129</v>
      </c>
      <c r="E43540" s="1" t="s">
        <v>148500</v>
      </c>
      <c r="F43540" s="1" t="s">
        <v>148501</v>
      </c>
      <c r="G43540" s="1" t="s">
        <v>148465</v>
      </c>
      <c r="H43540" s="1" t="s">
        <v>148466</v>
      </c>
      <c r="I43540" s="1" t="s">
        <v>148154</v>
      </c>
      <c r="J43540" s="1" t="s">
        <v>148502</v>
      </c>
    </row>
    <row r="43541" spans="1:10" x14ac:dyDescent="0.35">
      <c r="A43541" s="1" t="s">
        <v>1981</v>
      </c>
      <c r="B43541" s="1" t="s">
        <v>148150</v>
      </c>
      <c r="C43541" s="1" t="s">
        <v>70</v>
      </c>
      <c r="D43541" s="1" t="s">
        <v>34845</v>
      </c>
      <c r="E43541" s="1" t="s">
        <v>148503</v>
      </c>
      <c r="F43541" s="1" t="s">
        <v>148504</v>
      </c>
      <c r="G43541" s="1" t="s">
        <v>148465</v>
      </c>
      <c r="H43541" s="1" t="s">
        <v>148466</v>
      </c>
      <c r="I43541" s="1" t="s">
        <v>148154</v>
      </c>
      <c r="J43541" s="1" t="s">
        <v>148505</v>
      </c>
    </row>
    <row r="43542" spans="1:10" x14ac:dyDescent="0.35">
      <c r="A43542" s="1" t="s">
        <v>1981</v>
      </c>
      <c r="B43542" s="1" t="s">
        <v>148150</v>
      </c>
      <c r="C43542" s="1" t="s">
        <v>75</v>
      </c>
      <c r="D43542" s="1" t="s">
        <v>148506</v>
      </c>
      <c r="E43542" s="1" t="s">
        <v>148507</v>
      </c>
      <c r="F43542" s="1" t="s">
        <v>148508</v>
      </c>
      <c r="G43542" s="1" t="s">
        <v>148465</v>
      </c>
      <c r="H43542" s="1" t="s">
        <v>148466</v>
      </c>
      <c r="I43542" s="1" t="s">
        <v>148154</v>
      </c>
      <c r="J43542" s="1" t="s">
        <v>148509</v>
      </c>
    </row>
    <row r="43543" spans="1:10" x14ac:dyDescent="0.35">
      <c r="A43543" s="1" t="s">
        <v>1981</v>
      </c>
      <c r="B43543" s="1" t="s">
        <v>148150</v>
      </c>
      <c r="C43543" s="1" t="s">
        <v>80</v>
      </c>
      <c r="D43543" s="1" t="s">
        <v>10907</v>
      </c>
      <c r="E43543" s="1" t="s">
        <v>148510</v>
      </c>
      <c r="F43543" s="1" t="s">
        <v>148511</v>
      </c>
      <c r="G43543" s="1" t="s">
        <v>148465</v>
      </c>
      <c r="H43543" s="1" t="s">
        <v>148466</v>
      </c>
      <c r="I43543" s="1" t="s">
        <v>148154</v>
      </c>
      <c r="J43543" s="1" t="s">
        <v>148512</v>
      </c>
    </row>
    <row r="43544" spans="1:10" x14ac:dyDescent="0.35">
      <c r="A43544" s="1" t="s">
        <v>1981</v>
      </c>
      <c r="B43544" s="1" t="s">
        <v>148150</v>
      </c>
      <c r="C43544" s="1" t="s">
        <v>85</v>
      </c>
      <c r="D43544" s="1" t="s">
        <v>148513</v>
      </c>
      <c r="E43544" s="1" t="s">
        <v>148514</v>
      </c>
      <c r="F43544" s="1" t="s">
        <v>148515</v>
      </c>
      <c r="G43544" s="1" t="s">
        <v>148465</v>
      </c>
      <c r="H43544" s="1" t="s">
        <v>148466</v>
      </c>
      <c r="I43544" s="1" t="s">
        <v>148154</v>
      </c>
      <c r="J43544" s="1" t="s">
        <v>148516</v>
      </c>
    </row>
    <row r="43545" spans="1:10" x14ac:dyDescent="0.35">
      <c r="A43545" s="1" t="s">
        <v>1981</v>
      </c>
      <c r="B43545" s="1" t="s">
        <v>148150</v>
      </c>
      <c r="C43545" s="1" t="s">
        <v>90</v>
      </c>
      <c r="D43545" s="1" t="s">
        <v>49551</v>
      </c>
      <c r="E43545" s="1" t="s">
        <v>148517</v>
      </c>
      <c r="F43545" s="1" t="s">
        <v>148518</v>
      </c>
      <c r="G43545" s="1" t="s">
        <v>148465</v>
      </c>
      <c r="H43545" s="1" t="s">
        <v>148466</v>
      </c>
      <c r="I43545" s="1" t="s">
        <v>148154</v>
      </c>
      <c r="J43545" s="1" t="s">
        <v>148519</v>
      </c>
    </row>
    <row r="43546" spans="1:10" x14ac:dyDescent="0.35">
      <c r="A43546" s="1" t="s">
        <v>1981</v>
      </c>
      <c r="B43546" s="1" t="s">
        <v>148150</v>
      </c>
      <c r="C43546" s="1" t="s">
        <v>95</v>
      </c>
      <c r="D43546" s="1" t="s">
        <v>73105</v>
      </c>
      <c r="E43546" s="1" t="s">
        <v>148520</v>
      </c>
      <c r="F43546" s="1" t="s">
        <v>148521</v>
      </c>
      <c r="G43546" s="1" t="s">
        <v>148465</v>
      </c>
      <c r="H43546" s="1" t="s">
        <v>148466</v>
      </c>
      <c r="I43546" s="1" t="s">
        <v>148154</v>
      </c>
      <c r="J43546" s="1" t="s">
        <v>148522</v>
      </c>
    </row>
    <row r="43547" spans="1:10" x14ac:dyDescent="0.35">
      <c r="A43547" s="1" t="s">
        <v>1981</v>
      </c>
      <c r="B43547" s="1" t="s">
        <v>148150</v>
      </c>
      <c r="C43547" s="1" t="s">
        <v>100</v>
      </c>
      <c r="D43547" s="1" t="s">
        <v>35742</v>
      </c>
      <c r="E43547" s="1" t="s">
        <v>148523</v>
      </c>
      <c r="F43547" s="1" t="s">
        <v>148524</v>
      </c>
      <c r="G43547" s="1" t="s">
        <v>148465</v>
      </c>
      <c r="H43547" s="1" t="s">
        <v>148466</v>
      </c>
      <c r="I43547" s="1" t="s">
        <v>148154</v>
      </c>
      <c r="J43547" s="1" t="s">
        <v>148525</v>
      </c>
    </row>
    <row r="43548" spans="1:10" x14ac:dyDescent="0.35">
      <c r="A43548" s="1" t="s">
        <v>1981</v>
      </c>
      <c r="B43548" s="1" t="s">
        <v>148150</v>
      </c>
      <c r="C43548" s="1" t="s">
        <v>105</v>
      </c>
      <c r="D43548" s="1" t="s">
        <v>148526</v>
      </c>
      <c r="E43548" s="1" t="s">
        <v>148527</v>
      </c>
      <c r="F43548" s="1" t="s">
        <v>148528</v>
      </c>
      <c r="G43548" s="1" t="s">
        <v>148465</v>
      </c>
      <c r="H43548" s="1" t="s">
        <v>148466</v>
      </c>
      <c r="I43548" s="1" t="s">
        <v>148154</v>
      </c>
      <c r="J43548" s="1" t="s">
        <v>148529</v>
      </c>
    </row>
    <row r="43549" spans="1:10" x14ac:dyDescent="0.35">
      <c r="A43549" s="1" t="s">
        <v>1981</v>
      </c>
      <c r="B43549" s="1" t="s">
        <v>148150</v>
      </c>
      <c r="C43549" s="1" t="s">
        <v>110</v>
      </c>
      <c r="D43549" s="1" t="s">
        <v>31269</v>
      </c>
      <c r="E43549" s="1" t="s">
        <v>148530</v>
      </c>
      <c r="F43549" s="1" t="s">
        <v>148531</v>
      </c>
      <c r="G43549" s="1" t="s">
        <v>148465</v>
      </c>
      <c r="H43549" s="1" t="s">
        <v>148466</v>
      </c>
      <c r="I43549" s="1" t="s">
        <v>148154</v>
      </c>
      <c r="J43549" s="1" t="s">
        <v>148532</v>
      </c>
    </row>
    <row r="43550" spans="1:10" x14ac:dyDescent="0.35">
      <c r="A43550" s="1" t="s">
        <v>1981</v>
      </c>
      <c r="B43550" s="1" t="s">
        <v>148150</v>
      </c>
      <c r="C43550" s="1" t="s">
        <v>115</v>
      </c>
      <c r="D43550" s="1" t="s">
        <v>51348</v>
      </c>
      <c r="E43550" s="1" t="s">
        <v>148533</v>
      </c>
      <c r="F43550" s="1" t="s">
        <v>148534</v>
      </c>
      <c r="G43550" s="1" t="s">
        <v>148465</v>
      </c>
      <c r="H43550" s="1" t="s">
        <v>148466</v>
      </c>
      <c r="I43550" s="1" t="s">
        <v>148154</v>
      </c>
      <c r="J43550" s="1" t="s">
        <v>148535</v>
      </c>
    </row>
    <row r="43551" spans="1:10" x14ac:dyDescent="0.35">
      <c r="A43551" s="1" t="s">
        <v>1981</v>
      </c>
      <c r="B43551" s="1" t="s">
        <v>148150</v>
      </c>
      <c r="C43551" s="1" t="s">
        <v>120</v>
      </c>
      <c r="D43551" s="1" t="s">
        <v>148536</v>
      </c>
      <c r="E43551" s="1" t="s">
        <v>148537</v>
      </c>
      <c r="F43551" s="1" t="s">
        <v>148538</v>
      </c>
      <c r="G43551" s="1" t="s">
        <v>148465</v>
      </c>
      <c r="H43551" s="1" t="s">
        <v>148466</v>
      </c>
      <c r="I43551" s="1" t="s">
        <v>148154</v>
      </c>
      <c r="J43551" s="1" t="s">
        <v>148539</v>
      </c>
    </row>
    <row r="43552" spans="1:10" x14ac:dyDescent="0.35">
      <c r="A43552" s="1" t="s">
        <v>1981</v>
      </c>
      <c r="B43552" s="1" t="s">
        <v>148150</v>
      </c>
      <c r="C43552" s="1" t="s">
        <v>125</v>
      </c>
      <c r="D43552" s="1" t="s">
        <v>19612</v>
      </c>
      <c r="E43552" s="1" t="s">
        <v>148540</v>
      </c>
      <c r="F43552" s="1" t="s">
        <v>148541</v>
      </c>
      <c r="G43552" s="1" t="s">
        <v>148465</v>
      </c>
      <c r="H43552" s="1" t="s">
        <v>148466</v>
      </c>
      <c r="I43552" s="1" t="s">
        <v>148154</v>
      </c>
      <c r="J43552" s="1" t="s">
        <v>148542</v>
      </c>
    </row>
    <row r="43553" spans="1:10" x14ac:dyDescent="0.35">
      <c r="A43553" s="1" t="s">
        <v>1981</v>
      </c>
      <c r="B43553" s="1" t="s">
        <v>148150</v>
      </c>
      <c r="C43553" s="1" t="s">
        <v>130</v>
      </c>
      <c r="D43553" s="1" t="s">
        <v>148543</v>
      </c>
      <c r="E43553" s="1" t="s">
        <v>148544</v>
      </c>
      <c r="F43553" s="1" t="s">
        <v>148545</v>
      </c>
      <c r="G43553" s="1" t="s">
        <v>148465</v>
      </c>
      <c r="H43553" s="1" t="s">
        <v>148466</v>
      </c>
      <c r="I43553" s="1" t="s">
        <v>148154</v>
      </c>
      <c r="J43553" s="1" t="s">
        <v>148546</v>
      </c>
    </row>
    <row r="43554" spans="1:10" x14ac:dyDescent="0.35">
      <c r="A43554" s="1" t="s">
        <v>1981</v>
      </c>
      <c r="B43554" s="1" t="s">
        <v>148150</v>
      </c>
      <c r="C43554" s="1" t="s">
        <v>135</v>
      </c>
      <c r="D43554" s="1" t="s">
        <v>30811</v>
      </c>
      <c r="E43554" s="1" t="s">
        <v>148547</v>
      </c>
      <c r="F43554" s="1" t="s">
        <v>148548</v>
      </c>
      <c r="G43554" s="1" t="s">
        <v>148465</v>
      </c>
      <c r="H43554" s="1" t="s">
        <v>148466</v>
      </c>
      <c r="I43554" s="1" t="s">
        <v>148154</v>
      </c>
      <c r="J43554" s="1" t="s">
        <v>148549</v>
      </c>
    </row>
    <row r="43555" spans="1:10" x14ac:dyDescent="0.35">
      <c r="A43555" s="1" t="s">
        <v>1981</v>
      </c>
      <c r="B43555" s="1" t="s">
        <v>148150</v>
      </c>
      <c r="C43555" s="1" t="s">
        <v>140</v>
      </c>
      <c r="D43555" s="1" t="s">
        <v>148550</v>
      </c>
      <c r="E43555" s="1" t="s">
        <v>148551</v>
      </c>
      <c r="F43555" s="1" t="s">
        <v>148552</v>
      </c>
      <c r="G43555" s="1" t="s">
        <v>148465</v>
      </c>
      <c r="H43555" s="1" t="s">
        <v>148466</v>
      </c>
      <c r="I43555" s="1" t="s">
        <v>148154</v>
      </c>
      <c r="J43555" s="1" t="s">
        <v>148553</v>
      </c>
    </row>
    <row r="43556" spans="1:10" x14ac:dyDescent="0.35">
      <c r="A43556" s="1" t="s">
        <v>1981</v>
      </c>
      <c r="B43556" s="1" t="s">
        <v>148150</v>
      </c>
      <c r="C43556" s="1" t="s">
        <v>145</v>
      </c>
      <c r="D43556" s="1" t="s">
        <v>82942</v>
      </c>
      <c r="E43556" s="1" t="s">
        <v>148554</v>
      </c>
      <c r="F43556" s="1" t="s">
        <v>148555</v>
      </c>
      <c r="G43556" s="1" t="s">
        <v>148465</v>
      </c>
      <c r="H43556" s="1" t="s">
        <v>148466</v>
      </c>
      <c r="I43556" s="1" t="s">
        <v>148154</v>
      </c>
      <c r="J43556" s="1" t="s">
        <v>148556</v>
      </c>
    </row>
    <row r="43557" spans="1:10" x14ac:dyDescent="0.35">
      <c r="A43557" s="1" t="s">
        <v>1981</v>
      </c>
      <c r="B43557" s="1" t="s">
        <v>148150</v>
      </c>
      <c r="C43557" s="1" t="s">
        <v>150</v>
      </c>
      <c r="D43557" s="1" t="s">
        <v>148557</v>
      </c>
      <c r="E43557" s="1" t="s">
        <v>148558</v>
      </c>
      <c r="F43557" s="1" t="s">
        <v>148559</v>
      </c>
      <c r="G43557" s="1" t="s">
        <v>148465</v>
      </c>
      <c r="H43557" s="1" t="s">
        <v>148466</v>
      </c>
      <c r="I43557" s="1" t="s">
        <v>148154</v>
      </c>
      <c r="J43557" s="1" t="s">
        <v>148560</v>
      </c>
    </row>
    <row r="43558" spans="1:10" x14ac:dyDescent="0.35">
      <c r="A43558" s="1" t="s">
        <v>1981</v>
      </c>
      <c r="B43558" s="1" t="s">
        <v>148150</v>
      </c>
      <c r="C43558" s="1" t="s">
        <v>155</v>
      </c>
      <c r="D43558" s="1" t="s">
        <v>37923</v>
      </c>
      <c r="E43558" s="1" t="s">
        <v>148561</v>
      </c>
      <c r="F43558" s="1" t="s">
        <v>148562</v>
      </c>
      <c r="G43558" s="1" t="s">
        <v>148465</v>
      </c>
      <c r="H43558" s="1" t="s">
        <v>148466</v>
      </c>
      <c r="I43558" s="1" t="s">
        <v>148154</v>
      </c>
      <c r="J43558" s="1" t="s">
        <v>148563</v>
      </c>
    </row>
    <row r="43559" spans="1:10" x14ac:dyDescent="0.35">
      <c r="A43559" s="1" t="s">
        <v>1981</v>
      </c>
      <c r="B43559" s="1" t="s">
        <v>148150</v>
      </c>
      <c r="C43559" s="1" t="s">
        <v>160</v>
      </c>
      <c r="D43559" s="1" t="s">
        <v>82782</v>
      </c>
      <c r="E43559" s="1" t="s">
        <v>148564</v>
      </c>
      <c r="F43559" s="1" t="s">
        <v>148565</v>
      </c>
      <c r="G43559" s="1" t="s">
        <v>148465</v>
      </c>
      <c r="H43559" s="1" t="s">
        <v>148466</v>
      </c>
      <c r="I43559" s="1" t="s">
        <v>148154</v>
      </c>
      <c r="J43559" s="1" t="s">
        <v>148566</v>
      </c>
    </row>
    <row r="43560" spans="1:10" x14ac:dyDescent="0.35">
      <c r="A43560" s="1" t="s">
        <v>1981</v>
      </c>
      <c r="B43560" s="1" t="s">
        <v>148150</v>
      </c>
      <c r="C43560" s="1" t="s">
        <v>165</v>
      </c>
      <c r="D43560" s="1" t="s">
        <v>123215</v>
      </c>
      <c r="E43560" s="1" t="s">
        <v>148567</v>
      </c>
      <c r="F43560" s="1" t="s">
        <v>148568</v>
      </c>
      <c r="G43560" s="1" t="s">
        <v>148465</v>
      </c>
      <c r="H43560" s="1" t="s">
        <v>148466</v>
      </c>
      <c r="I43560" s="1" t="s">
        <v>148154</v>
      </c>
      <c r="J43560" s="1" t="s">
        <v>148569</v>
      </c>
    </row>
    <row r="43561" spans="1:10" x14ac:dyDescent="0.35">
      <c r="A43561" s="1" t="s">
        <v>1981</v>
      </c>
      <c r="B43561" s="1" t="s">
        <v>148150</v>
      </c>
      <c r="C43561" s="1" t="s">
        <v>170</v>
      </c>
      <c r="D43561" s="1" t="s">
        <v>148570</v>
      </c>
      <c r="E43561" s="1" t="s">
        <v>148571</v>
      </c>
      <c r="F43561" s="1" t="s">
        <v>148572</v>
      </c>
      <c r="G43561" s="1" t="s">
        <v>148465</v>
      </c>
      <c r="H43561" s="1" t="s">
        <v>148466</v>
      </c>
      <c r="I43561" s="1" t="s">
        <v>148154</v>
      </c>
      <c r="J43561" s="1" t="s">
        <v>148573</v>
      </c>
    </row>
    <row r="43562" spans="1:10" x14ac:dyDescent="0.35">
      <c r="A43562" s="1" t="s">
        <v>46432</v>
      </c>
      <c r="B43562" s="1" t="s">
        <v>148150</v>
      </c>
      <c r="C43562" s="1" t="s">
        <v>8</v>
      </c>
      <c r="D43562" s="1" t="s">
        <v>115785</v>
      </c>
      <c r="E43562" s="1" t="s">
        <v>148574</v>
      </c>
      <c r="F43562" s="1" t="s">
        <v>148575</v>
      </c>
      <c r="G43562" s="1" t="s">
        <v>148576</v>
      </c>
      <c r="H43562" s="1" t="s">
        <v>148577</v>
      </c>
      <c r="I43562" s="1" t="s">
        <v>148154</v>
      </c>
      <c r="J43562" s="1" t="s">
        <v>13</v>
      </c>
    </row>
    <row r="43563" spans="1:10" x14ac:dyDescent="0.35">
      <c r="A43563" s="1" t="s">
        <v>46432</v>
      </c>
      <c r="B43563" s="1" t="s">
        <v>148150</v>
      </c>
      <c r="C43563" s="1" t="s">
        <v>15</v>
      </c>
      <c r="D43563" s="1" t="s">
        <v>104908</v>
      </c>
      <c r="E43563" s="1" t="s">
        <v>148578</v>
      </c>
      <c r="F43563" s="1" t="s">
        <v>148579</v>
      </c>
      <c r="G43563" s="1" t="s">
        <v>148576</v>
      </c>
      <c r="H43563" s="1" t="s">
        <v>148577</v>
      </c>
      <c r="I43563" s="1" t="s">
        <v>148154</v>
      </c>
      <c r="J43563" s="1" t="s">
        <v>148580</v>
      </c>
    </row>
    <row r="43564" spans="1:10" x14ac:dyDescent="0.35">
      <c r="A43564" s="1" t="s">
        <v>46432</v>
      </c>
      <c r="B43564" s="1" t="s">
        <v>148150</v>
      </c>
      <c r="C43564" s="1" t="s">
        <v>20</v>
      </c>
      <c r="D43564" s="1" t="s">
        <v>1134</v>
      </c>
      <c r="E43564" s="1" t="s">
        <v>148581</v>
      </c>
      <c r="F43564" s="1" t="s">
        <v>148582</v>
      </c>
      <c r="G43564" s="1" t="s">
        <v>148576</v>
      </c>
      <c r="H43564" s="1" t="s">
        <v>148577</v>
      </c>
      <c r="I43564" s="1" t="s">
        <v>148154</v>
      </c>
      <c r="J43564" s="1" t="s">
        <v>148583</v>
      </c>
    </row>
    <row r="43565" spans="1:10" x14ac:dyDescent="0.35">
      <c r="A43565" s="1" t="s">
        <v>46432</v>
      </c>
      <c r="B43565" s="1" t="s">
        <v>148150</v>
      </c>
      <c r="C43565" s="1" t="s">
        <v>25</v>
      </c>
      <c r="D43565" s="1" t="s">
        <v>1766</v>
      </c>
      <c r="E43565" s="1" t="s">
        <v>148584</v>
      </c>
      <c r="F43565" s="1" t="s">
        <v>148585</v>
      </c>
      <c r="G43565" s="1" t="s">
        <v>148576</v>
      </c>
      <c r="H43565" s="1" t="s">
        <v>148577</v>
      </c>
      <c r="I43565" s="1" t="s">
        <v>148154</v>
      </c>
      <c r="J43565" s="1" t="s">
        <v>148586</v>
      </c>
    </row>
    <row r="43566" spans="1:10" x14ac:dyDescent="0.35">
      <c r="A43566" s="1" t="s">
        <v>46432</v>
      </c>
      <c r="B43566" s="1" t="s">
        <v>148150</v>
      </c>
      <c r="C43566" s="1" t="s">
        <v>30</v>
      </c>
      <c r="D43566" s="1" t="s">
        <v>1244</v>
      </c>
      <c r="E43566" s="1" t="s">
        <v>148587</v>
      </c>
      <c r="F43566" s="1" t="s">
        <v>148588</v>
      </c>
      <c r="G43566" s="1" t="s">
        <v>148576</v>
      </c>
      <c r="H43566" s="1" t="s">
        <v>148577</v>
      </c>
      <c r="I43566" s="1" t="s">
        <v>148154</v>
      </c>
      <c r="J43566" s="1" t="s">
        <v>148589</v>
      </c>
    </row>
    <row r="43567" spans="1:10" x14ac:dyDescent="0.35">
      <c r="A43567" s="1" t="s">
        <v>46432</v>
      </c>
      <c r="B43567" s="1" t="s">
        <v>148150</v>
      </c>
      <c r="C43567" s="1" t="s">
        <v>35</v>
      </c>
      <c r="D43567" s="1" t="s">
        <v>100286</v>
      </c>
      <c r="E43567" s="1" t="s">
        <v>148590</v>
      </c>
      <c r="F43567" s="1" t="s">
        <v>148591</v>
      </c>
      <c r="G43567" s="1" t="s">
        <v>148576</v>
      </c>
      <c r="H43567" s="1" t="s">
        <v>148577</v>
      </c>
      <c r="I43567" s="1" t="s">
        <v>148154</v>
      </c>
      <c r="J43567" s="1" t="s">
        <v>2225</v>
      </c>
    </row>
    <row r="43568" spans="1:10" x14ac:dyDescent="0.35">
      <c r="A43568" s="1" t="s">
        <v>46432</v>
      </c>
      <c r="B43568" s="1" t="s">
        <v>148150</v>
      </c>
      <c r="C43568" s="1" t="s">
        <v>40</v>
      </c>
      <c r="D43568" s="1" t="s">
        <v>47178</v>
      </c>
      <c r="E43568" s="1" t="s">
        <v>148592</v>
      </c>
      <c r="F43568" s="1" t="s">
        <v>148593</v>
      </c>
      <c r="G43568" s="1" t="s">
        <v>148576</v>
      </c>
      <c r="H43568" s="1" t="s">
        <v>148577</v>
      </c>
      <c r="I43568" s="1" t="s">
        <v>148154</v>
      </c>
      <c r="J43568" s="1" t="s">
        <v>148594</v>
      </c>
    </row>
    <row r="43569" spans="1:10" x14ac:dyDescent="0.35">
      <c r="A43569" s="1" t="s">
        <v>46432</v>
      </c>
      <c r="B43569" s="1" t="s">
        <v>148150</v>
      </c>
      <c r="C43569" s="1" t="s">
        <v>45</v>
      </c>
      <c r="D43569" s="1" t="s">
        <v>12056</v>
      </c>
      <c r="E43569" s="1" t="s">
        <v>148595</v>
      </c>
      <c r="F43569" s="1" t="s">
        <v>148596</v>
      </c>
      <c r="G43569" s="1" t="s">
        <v>148576</v>
      </c>
      <c r="H43569" s="1" t="s">
        <v>148577</v>
      </c>
      <c r="I43569" s="1" t="s">
        <v>148154</v>
      </c>
      <c r="J43569" s="1" t="s">
        <v>148597</v>
      </c>
    </row>
    <row r="43570" spans="1:10" x14ac:dyDescent="0.35">
      <c r="A43570" s="1" t="s">
        <v>46432</v>
      </c>
      <c r="B43570" s="1" t="s">
        <v>148150</v>
      </c>
      <c r="C43570" s="1" t="s">
        <v>50</v>
      </c>
      <c r="D43570" s="1" t="s">
        <v>9356</v>
      </c>
      <c r="E43570" s="1" t="s">
        <v>148598</v>
      </c>
      <c r="F43570" s="1" t="s">
        <v>148599</v>
      </c>
      <c r="G43570" s="1" t="s">
        <v>148576</v>
      </c>
      <c r="H43570" s="1" t="s">
        <v>148577</v>
      </c>
      <c r="I43570" s="1" t="s">
        <v>148154</v>
      </c>
      <c r="J43570" s="1" t="s">
        <v>148600</v>
      </c>
    </row>
    <row r="43571" spans="1:10" x14ac:dyDescent="0.35">
      <c r="A43571" s="1" t="s">
        <v>46432</v>
      </c>
      <c r="B43571" s="1" t="s">
        <v>148150</v>
      </c>
      <c r="C43571" s="1" t="s">
        <v>55</v>
      </c>
      <c r="D43571" s="1" t="s">
        <v>27903</v>
      </c>
      <c r="E43571" s="1" t="s">
        <v>148601</v>
      </c>
      <c r="F43571" s="1" t="s">
        <v>148602</v>
      </c>
      <c r="G43571" s="1" t="s">
        <v>148576</v>
      </c>
      <c r="H43571" s="1" t="s">
        <v>148577</v>
      </c>
      <c r="I43571" s="1" t="s">
        <v>148154</v>
      </c>
      <c r="J43571" s="1" t="s">
        <v>148603</v>
      </c>
    </row>
    <row r="43572" spans="1:10" x14ac:dyDescent="0.35">
      <c r="A43572" s="1" t="s">
        <v>46432</v>
      </c>
      <c r="B43572" s="1" t="s">
        <v>148150</v>
      </c>
      <c r="C43572" s="1" t="s">
        <v>60</v>
      </c>
      <c r="D43572" s="1" t="s">
        <v>148604</v>
      </c>
      <c r="E43572" s="1" t="s">
        <v>148605</v>
      </c>
      <c r="F43572" s="1" t="s">
        <v>148606</v>
      </c>
      <c r="G43572" s="1" t="s">
        <v>148576</v>
      </c>
      <c r="H43572" s="1" t="s">
        <v>148577</v>
      </c>
      <c r="I43572" s="1" t="s">
        <v>148154</v>
      </c>
      <c r="J43572" s="1" t="s">
        <v>148607</v>
      </c>
    </row>
    <row r="43573" spans="1:10" x14ac:dyDescent="0.35">
      <c r="A43573" s="1" t="s">
        <v>46432</v>
      </c>
      <c r="B43573" s="1" t="s">
        <v>148150</v>
      </c>
      <c r="C43573" s="1" t="s">
        <v>65</v>
      </c>
      <c r="D43573" s="1" t="s">
        <v>143221</v>
      </c>
      <c r="E43573" s="1" t="s">
        <v>148608</v>
      </c>
      <c r="F43573" s="1" t="s">
        <v>148609</v>
      </c>
      <c r="G43573" s="1" t="s">
        <v>148576</v>
      </c>
      <c r="H43573" s="1" t="s">
        <v>148577</v>
      </c>
      <c r="I43573" s="1" t="s">
        <v>148154</v>
      </c>
      <c r="J43573" s="1" t="s">
        <v>148610</v>
      </c>
    </row>
    <row r="43574" spans="1:10" x14ac:dyDescent="0.35">
      <c r="A43574" s="1" t="s">
        <v>46432</v>
      </c>
      <c r="B43574" s="1" t="s">
        <v>148150</v>
      </c>
      <c r="C43574" s="1" t="s">
        <v>70</v>
      </c>
      <c r="D43574" s="1" t="s">
        <v>51820</v>
      </c>
      <c r="E43574" s="1" t="s">
        <v>148611</v>
      </c>
      <c r="F43574" s="1" t="s">
        <v>148612</v>
      </c>
      <c r="G43574" s="1" t="s">
        <v>148576</v>
      </c>
      <c r="H43574" s="1" t="s">
        <v>148577</v>
      </c>
      <c r="I43574" s="1" t="s">
        <v>148154</v>
      </c>
      <c r="J43574" s="1" t="s">
        <v>148613</v>
      </c>
    </row>
    <row r="43575" spans="1:10" x14ac:dyDescent="0.35">
      <c r="A43575" s="1" t="s">
        <v>46432</v>
      </c>
      <c r="B43575" s="1" t="s">
        <v>148150</v>
      </c>
      <c r="C43575" s="1" t="s">
        <v>75</v>
      </c>
      <c r="D43575" s="1" t="s">
        <v>144690</v>
      </c>
      <c r="E43575" s="1" t="s">
        <v>148614</v>
      </c>
      <c r="F43575" s="1" t="s">
        <v>148615</v>
      </c>
      <c r="G43575" s="1" t="s">
        <v>148576</v>
      </c>
      <c r="H43575" s="1" t="s">
        <v>148577</v>
      </c>
      <c r="I43575" s="1" t="s">
        <v>148154</v>
      </c>
      <c r="J43575" s="1" t="s">
        <v>148616</v>
      </c>
    </row>
    <row r="43576" spans="1:10" x14ac:dyDescent="0.35">
      <c r="A43576" s="1" t="s">
        <v>46432</v>
      </c>
      <c r="B43576" s="1" t="s">
        <v>148150</v>
      </c>
      <c r="C43576" s="1" t="s">
        <v>80</v>
      </c>
      <c r="D43576" s="1" t="s">
        <v>7055</v>
      </c>
      <c r="E43576" s="1" t="s">
        <v>148617</v>
      </c>
      <c r="F43576" s="1" t="s">
        <v>148618</v>
      </c>
      <c r="G43576" s="1" t="s">
        <v>148576</v>
      </c>
      <c r="H43576" s="1" t="s">
        <v>148577</v>
      </c>
      <c r="I43576" s="1" t="s">
        <v>148154</v>
      </c>
      <c r="J43576" s="1" t="s">
        <v>148619</v>
      </c>
    </row>
    <row r="43577" spans="1:10" x14ac:dyDescent="0.35">
      <c r="A43577" s="1" t="s">
        <v>46432</v>
      </c>
      <c r="B43577" s="1" t="s">
        <v>148150</v>
      </c>
      <c r="C43577" s="1" t="s">
        <v>85</v>
      </c>
      <c r="D43577" s="1" t="s">
        <v>9017</v>
      </c>
      <c r="E43577" s="1" t="s">
        <v>148620</v>
      </c>
      <c r="F43577" s="1" t="s">
        <v>148621</v>
      </c>
      <c r="G43577" s="1" t="s">
        <v>148576</v>
      </c>
      <c r="H43577" s="1" t="s">
        <v>148577</v>
      </c>
      <c r="I43577" s="1" t="s">
        <v>148154</v>
      </c>
      <c r="J43577" s="1" t="s">
        <v>148622</v>
      </c>
    </row>
    <row r="43578" spans="1:10" x14ac:dyDescent="0.35">
      <c r="A43578" s="1" t="s">
        <v>46432</v>
      </c>
      <c r="B43578" s="1" t="s">
        <v>148150</v>
      </c>
      <c r="C43578" s="1" t="s">
        <v>90</v>
      </c>
      <c r="D43578" s="1" t="s">
        <v>148623</v>
      </c>
      <c r="E43578" s="1" t="s">
        <v>148624</v>
      </c>
      <c r="F43578" s="1" t="s">
        <v>148625</v>
      </c>
      <c r="G43578" s="1" t="s">
        <v>148576</v>
      </c>
      <c r="H43578" s="1" t="s">
        <v>148577</v>
      </c>
      <c r="I43578" s="1" t="s">
        <v>148154</v>
      </c>
      <c r="J43578" s="1" t="s">
        <v>148626</v>
      </c>
    </row>
    <row r="43579" spans="1:10" x14ac:dyDescent="0.35">
      <c r="A43579" s="1" t="s">
        <v>46432</v>
      </c>
      <c r="B43579" s="1" t="s">
        <v>148150</v>
      </c>
      <c r="C43579" s="1" t="s">
        <v>95</v>
      </c>
      <c r="D43579" s="1" t="s">
        <v>142891</v>
      </c>
      <c r="E43579" s="1" t="s">
        <v>148627</v>
      </c>
      <c r="F43579" s="1" t="s">
        <v>148628</v>
      </c>
      <c r="G43579" s="1" t="s">
        <v>148576</v>
      </c>
      <c r="H43579" s="1" t="s">
        <v>148577</v>
      </c>
      <c r="I43579" s="1" t="s">
        <v>148154</v>
      </c>
      <c r="J43579" s="1" t="s">
        <v>148629</v>
      </c>
    </row>
    <row r="43580" spans="1:10" x14ac:dyDescent="0.35">
      <c r="A43580" s="1" t="s">
        <v>46432</v>
      </c>
      <c r="B43580" s="1" t="s">
        <v>148150</v>
      </c>
      <c r="C43580" s="1" t="s">
        <v>100</v>
      </c>
      <c r="D43580" s="1" t="s">
        <v>72226</v>
      </c>
      <c r="E43580" s="1" t="s">
        <v>148630</v>
      </c>
      <c r="F43580" s="1" t="s">
        <v>148631</v>
      </c>
      <c r="G43580" s="1" t="s">
        <v>148576</v>
      </c>
      <c r="H43580" s="1" t="s">
        <v>148577</v>
      </c>
      <c r="I43580" s="1" t="s">
        <v>148154</v>
      </c>
      <c r="J43580" s="1" t="s">
        <v>148632</v>
      </c>
    </row>
    <row r="43581" spans="1:10" x14ac:dyDescent="0.35">
      <c r="A43581" s="1" t="s">
        <v>46432</v>
      </c>
      <c r="B43581" s="1" t="s">
        <v>148150</v>
      </c>
      <c r="C43581" s="1" t="s">
        <v>105</v>
      </c>
      <c r="D43581" s="1" t="s">
        <v>148633</v>
      </c>
      <c r="E43581" s="1" t="s">
        <v>148634</v>
      </c>
      <c r="F43581" s="1" t="s">
        <v>148635</v>
      </c>
      <c r="G43581" s="1" t="s">
        <v>148576</v>
      </c>
      <c r="H43581" s="1" t="s">
        <v>148577</v>
      </c>
      <c r="I43581" s="1" t="s">
        <v>148154</v>
      </c>
      <c r="J43581" s="1" t="s">
        <v>148636</v>
      </c>
    </row>
    <row r="43582" spans="1:10" x14ac:dyDescent="0.35">
      <c r="A43582" s="1" t="s">
        <v>46432</v>
      </c>
      <c r="B43582" s="1" t="s">
        <v>148150</v>
      </c>
      <c r="C43582" s="1" t="s">
        <v>110</v>
      </c>
      <c r="D43582" s="1" t="s">
        <v>148637</v>
      </c>
      <c r="E43582" s="1" t="s">
        <v>148638</v>
      </c>
      <c r="F43582" s="1" t="s">
        <v>148639</v>
      </c>
      <c r="G43582" s="1" t="s">
        <v>148576</v>
      </c>
      <c r="H43582" s="1" t="s">
        <v>148577</v>
      </c>
      <c r="I43582" s="1" t="s">
        <v>148154</v>
      </c>
      <c r="J43582" s="1" t="s">
        <v>148640</v>
      </c>
    </row>
    <row r="43583" spans="1:10" x14ac:dyDescent="0.35">
      <c r="A43583" s="1" t="s">
        <v>46432</v>
      </c>
      <c r="B43583" s="1" t="s">
        <v>148150</v>
      </c>
      <c r="C43583" s="1" t="s">
        <v>115</v>
      </c>
      <c r="D43583" s="1" t="s">
        <v>148641</v>
      </c>
      <c r="E43583" s="1" t="s">
        <v>148642</v>
      </c>
      <c r="F43583" s="1" t="s">
        <v>148643</v>
      </c>
      <c r="G43583" s="1" t="s">
        <v>148576</v>
      </c>
      <c r="H43583" s="1" t="s">
        <v>148577</v>
      </c>
      <c r="I43583" s="1" t="s">
        <v>148154</v>
      </c>
      <c r="J43583" s="1" t="s">
        <v>148644</v>
      </c>
    </row>
    <row r="43584" spans="1:10" x14ac:dyDescent="0.35">
      <c r="A43584" s="1" t="s">
        <v>46432</v>
      </c>
      <c r="B43584" s="1" t="s">
        <v>148150</v>
      </c>
      <c r="C43584" s="1" t="s">
        <v>120</v>
      </c>
      <c r="D43584" s="1" t="s">
        <v>42759</v>
      </c>
      <c r="E43584" s="1" t="s">
        <v>148645</v>
      </c>
      <c r="F43584" s="1" t="s">
        <v>148646</v>
      </c>
      <c r="G43584" s="1" t="s">
        <v>148576</v>
      </c>
      <c r="H43584" s="1" t="s">
        <v>148577</v>
      </c>
      <c r="I43584" s="1" t="s">
        <v>148154</v>
      </c>
      <c r="J43584" s="1" t="s">
        <v>148647</v>
      </c>
    </row>
    <row r="43585" spans="1:10" x14ac:dyDescent="0.35">
      <c r="A43585" s="1" t="s">
        <v>46432</v>
      </c>
      <c r="B43585" s="1" t="s">
        <v>148150</v>
      </c>
      <c r="C43585" s="1" t="s">
        <v>125</v>
      </c>
      <c r="D43585" s="1" t="s">
        <v>31104</v>
      </c>
      <c r="E43585" s="1" t="s">
        <v>148648</v>
      </c>
      <c r="F43585" s="1" t="s">
        <v>148649</v>
      </c>
      <c r="G43585" s="1" t="s">
        <v>148576</v>
      </c>
      <c r="H43585" s="1" t="s">
        <v>148577</v>
      </c>
      <c r="I43585" s="1" t="s">
        <v>148154</v>
      </c>
      <c r="J43585" s="1" t="s">
        <v>148650</v>
      </c>
    </row>
    <row r="43586" spans="1:10" x14ac:dyDescent="0.35">
      <c r="A43586" s="1" t="s">
        <v>46432</v>
      </c>
      <c r="B43586" s="1" t="s">
        <v>148150</v>
      </c>
      <c r="C43586" s="1" t="s">
        <v>130</v>
      </c>
      <c r="D43586" s="1" t="s">
        <v>5195</v>
      </c>
      <c r="E43586" s="1" t="s">
        <v>148651</v>
      </c>
      <c r="F43586" s="1" t="s">
        <v>148652</v>
      </c>
      <c r="G43586" s="1" t="s">
        <v>148576</v>
      </c>
      <c r="H43586" s="1" t="s">
        <v>148577</v>
      </c>
      <c r="I43586" s="1" t="s">
        <v>148154</v>
      </c>
      <c r="J43586" s="1" t="s">
        <v>148653</v>
      </c>
    </row>
    <row r="43587" spans="1:10" x14ac:dyDescent="0.35">
      <c r="A43587" s="1" t="s">
        <v>46432</v>
      </c>
      <c r="B43587" s="1" t="s">
        <v>148150</v>
      </c>
      <c r="C43587" s="1" t="s">
        <v>135</v>
      </c>
      <c r="D43587" s="1" t="s">
        <v>118336</v>
      </c>
      <c r="E43587" s="1" t="s">
        <v>148654</v>
      </c>
      <c r="F43587" s="1" t="s">
        <v>148655</v>
      </c>
      <c r="G43587" s="1" t="s">
        <v>148576</v>
      </c>
      <c r="H43587" s="1" t="s">
        <v>148577</v>
      </c>
      <c r="I43587" s="1" t="s">
        <v>148154</v>
      </c>
      <c r="J43587" s="1" t="s">
        <v>148656</v>
      </c>
    </row>
    <row r="43588" spans="1:10" x14ac:dyDescent="0.35">
      <c r="A43588" s="1" t="s">
        <v>46432</v>
      </c>
      <c r="B43588" s="1" t="s">
        <v>148150</v>
      </c>
      <c r="C43588" s="1" t="s">
        <v>140</v>
      </c>
      <c r="D43588" s="1" t="s">
        <v>13509</v>
      </c>
      <c r="E43588" s="1" t="s">
        <v>148657</v>
      </c>
      <c r="F43588" s="1" t="s">
        <v>148658</v>
      </c>
      <c r="G43588" s="1" t="s">
        <v>148576</v>
      </c>
      <c r="H43588" s="1" t="s">
        <v>148577</v>
      </c>
      <c r="I43588" s="1" t="s">
        <v>148154</v>
      </c>
      <c r="J43588" s="1" t="s">
        <v>148659</v>
      </c>
    </row>
    <row r="43589" spans="1:10" x14ac:dyDescent="0.35">
      <c r="A43589" s="1" t="s">
        <v>46432</v>
      </c>
      <c r="B43589" s="1" t="s">
        <v>148150</v>
      </c>
      <c r="C43589" s="1" t="s">
        <v>145</v>
      </c>
      <c r="D43589" s="1" t="s">
        <v>32958</v>
      </c>
      <c r="E43589" s="1" t="s">
        <v>148660</v>
      </c>
      <c r="F43589" s="1" t="s">
        <v>148661</v>
      </c>
      <c r="G43589" s="1" t="s">
        <v>148576</v>
      </c>
      <c r="H43589" s="1" t="s">
        <v>148577</v>
      </c>
      <c r="I43589" s="1" t="s">
        <v>148154</v>
      </c>
      <c r="J43589" s="1" t="s">
        <v>148662</v>
      </c>
    </row>
    <row r="43590" spans="1:10" x14ac:dyDescent="0.35">
      <c r="A43590" s="1" t="s">
        <v>46432</v>
      </c>
      <c r="B43590" s="1" t="s">
        <v>148150</v>
      </c>
      <c r="C43590" s="1" t="s">
        <v>150</v>
      </c>
      <c r="D43590" s="1" t="s">
        <v>18974</v>
      </c>
      <c r="E43590" s="1" t="s">
        <v>148663</v>
      </c>
      <c r="F43590" s="1" t="s">
        <v>148664</v>
      </c>
      <c r="G43590" s="1" t="s">
        <v>148576</v>
      </c>
      <c r="H43590" s="1" t="s">
        <v>148577</v>
      </c>
      <c r="I43590" s="1" t="s">
        <v>148154</v>
      </c>
      <c r="J43590" s="1" t="s">
        <v>148665</v>
      </c>
    </row>
    <row r="43591" spans="1:10" x14ac:dyDescent="0.35">
      <c r="A43591" s="1" t="s">
        <v>46432</v>
      </c>
      <c r="B43591" s="1" t="s">
        <v>148150</v>
      </c>
      <c r="C43591" s="1" t="s">
        <v>155</v>
      </c>
      <c r="D43591" s="1" t="s">
        <v>148666</v>
      </c>
      <c r="E43591" s="1" t="s">
        <v>148667</v>
      </c>
      <c r="F43591" s="1" t="s">
        <v>148668</v>
      </c>
      <c r="G43591" s="1" t="s">
        <v>148576</v>
      </c>
      <c r="H43591" s="1" t="s">
        <v>148577</v>
      </c>
      <c r="I43591" s="1" t="s">
        <v>148154</v>
      </c>
      <c r="J43591" s="1" t="s">
        <v>148669</v>
      </c>
    </row>
    <row r="43592" spans="1:10" x14ac:dyDescent="0.35">
      <c r="A43592" s="1" t="s">
        <v>46432</v>
      </c>
      <c r="B43592" s="1" t="s">
        <v>148150</v>
      </c>
      <c r="C43592" s="1" t="s">
        <v>160</v>
      </c>
      <c r="D43592" s="1" t="s">
        <v>148670</v>
      </c>
      <c r="E43592" s="1" t="s">
        <v>148671</v>
      </c>
      <c r="F43592" s="1" t="s">
        <v>148672</v>
      </c>
      <c r="G43592" s="1" t="s">
        <v>148576</v>
      </c>
      <c r="H43592" s="1" t="s">
        <v>148577</v>
      </c>
      <c r="I43592" s="1" t="s">
        <v>148154</v>
      </c>
      <c r="J43592" s="1" t="s">
        <v>148673</v>
      </c>
    </row>
    <row r="43593" spans="1:10" x14ac:dyDescent="0.35">
      <c r="A43593" s="1" t="s">
        <v>46432</v>
      </c>
      <c r="B43593" s="1" t="s">
        <v>148150</v>
      </c>
      <c r="C43593" s="1" t="s">
        <v>165</v>
      </c>
      <c r="D43593" s="1" t="s">
        <v>49835</v>
      </c>
      <c r="E43593" s="1" t="s">
        <v>148674</v>
      </c>
      <c r="F43593" s="1" t="s">
        <v>148675</v>
      </c>
      <c r="G43593" s="1" t="s">
        <v>148576</v>
      </c>
      <c r="H43593" s="1" t="s">
        <v>148577</v>
      </c>
      <c r="I43593" s="1" t="s">
        <v>148154</v>
      </c>
      <c r="J43593" s="1" t="s">
        <v>148676</v>
      </c>
    </row>
    <row r="43594" spans="1:10" x14ac:dyDescent="0.35">
      <c r="A43594" s="1" t="s">
        <v>46432</v>
      </c>
      <c r="B43594" s="1" t="s">
        <v>148150</v>
      </c>
      <c r="C43594" s="1" t="s">
        <v>170</v>
      </c>
      <c r="D43594" s="1" t="s">
        <v>15651</v>
      </c>
      <c r="E43594" s="1" t="s">
        <v>148677</v>
      </c>
      <c r="F43594" s="1" t="s">
        <v>148678</v>
      </c>
      <c r="G43594" s="1" t="s">
        <v>148576</v>
      </c>
      <c r="H43594" s="1" t="s">
        <v>148577</v>
      </c>
      <c r="I43594" s="1" t="s">
        <v>148154</v>
      </c>
      <c r="J43594" s="1" t="s">
        <v>148679</v>
      </c>
    </row>
    <row r="43595" spans="1:10" x14ac:dyDescent="0.35">
      <c r="A43595" s="1" t="s">
        <v>119103</v>
      </c>
      <c r="B43595" s="1" t="s">
        <v>148150</v>
      </c>
      <c r="C43595" s="1" t="s">
        <v>8</v>
      </c>
      <c r="D43595" s="1" t="s">
        <v>5732</v>
      </c>
      <c r="E43595" s="1" t="s">
        <v>148680</v>
      </c>
      <c r="F43595" s="1" t="s">
        <v>148681</v>
      </c>
      <c r="G43595" s="1" t="s">
        <v>148682</v>
      </c>
      <c r="H43595" s="1" t="s">
        <v>148683</v>
      </c>
      <c r="I43595" s="1" t="s">
        <v>148154</v>
      </c>
      <c r="J43595" s="1" t="s">
        <v>13</v>
      </c>
    </row>
    <row r="43596" spans="1:10" x14ac:dyDescent="0.35">
      <c r="A43596" s="1" t="s">
        <v>119103</v>
      </c>
      <c r="B43596" s="1" t="s">
        <v>148150</v>
      </c>
      <c r="C43596" s="1" t="s">
        <v>15</v>
      </c>
      <c r="D43596" s="1" t="s">
        <v>29096</v>
      </c>
      <c r="E43596" s="1" t="s">
        <v>148684</v>
      </c>
      <c r="F43596" s="1" t="s">
        <v>148685</v>
      </c>
      <c r="G43596" s="1" t="s">
        <v>148682</v>
      </c>
      <c r="H43596" s="1" t="s">
        <v>148683</v>
      </c>
      <c r="I43596" s="1" t="s">
        <v>148154</v>
      </c>
      <c r="J43596" s="1" t="s">
        <v>148686</v>
      </c>
    </row>
    <row r="43597" spans="1:10" x14ac:dyDescent="0.35">
      <c r="A43597" s="1" t="s">
        <v>119103</v>
      </c>
      <c r="B43597" s="1" t="s">
        <v>148150</v>
      </c>
      <c r="C43597" s="1" t="s">
        <v>20</v>
      </c>
      <c r="D43597" s="1" t="s">
        <v>1631</v>
      </c>
      <c r="E43597" s="1" t="s">
        <v>148687</v>
      </c>
      <c r="F43597" s="1" t="s">
        <v>148688</v>
      </c>
      <c r="G43597" s="1" t="s">
        <v>148682</v>
      </c>
      <c r="H43597" s="1" t="s">
        <v>148683</v>
      </c>
      <c r="I43597" s="1" t="s">
        <v>148154</v>
      </c>
      <c r="J43597" s="1" t="s">
        <v>148689</v>
      </c>
    </row>
    <row r="43598" spans="1:10" x14ac:dyDescent="0.35">
      <c r="A43598" s="1" t="s">
        <v>119103</v>
      </c>
      <c r="B43598" s="1" t="s">
        <v>148150</v>
      </c>
      <c r="C43598" s="1" t="s">
        <v>25</v>
      </c>
      <c r="D43598" s="1" t="s">
        <v>10153</v>
      </c>
      <c r="E43598" s="1" t="s">
        <v>148690</v>
      </c>
      <c r="F43598" s="1" t="s">
        <v>148691</v>
      </c>
      <c r="G43598" s="1" t="s">
        <v>148682</v>
      </c>
      <c r="H43598" s="1" t="s">
        <v>148683</v>
      </c>
      <c r="I43598" s="1" t="s">
        <v>148154</v>
      </c>
      <c r="J43598" s="1" t="s">
        <v>148692</v>
      </c>
    </row>
    <row r="43599" spans="1:10" x14ac:dyDescent="0.35">
      <c r="A43599" s="1" t="s">
        <v>119103</v>
      </c>
      <c r="B43599" s="1" t="s">
        <v>148150</v>
      </c>
      <c r="C43599" s="1" t="s">
        <v>30</v>
      </c>
      <c r="D43599" s="1" t="s">
        <v>148693</v>
      </c>
      <c r="E43599" s="1" t="s">
        <v>148694</v>
      </c>
      <c r="F43599" s="1" t="s">
        <v>148695</v>
      </c>
      <c r="G43599" s="1" t="s">
        <v>148682</v>
      </c>
      <c r="H43599" s="1" t="s">
        <v>148683</v>
      </c>
      <c r="I43599" s="1" t="s">
        <v>148154</v>
      </c>
      <c r="J43599" s="1" t="s">
        <v>148696</v>
      </c>
    </row>
    <row r="43600" spans="1:10" x14ac:dyDescent="0.35">
      <c r="A43600" s="1" t="s">
        <v>119103</v>
      </c>
      <c r="B43600" s="1" t="s">
        <v>148150</v>
      </c>
      <c r="C43600" s="1" t="s">
        <v>35</v>
      </c>
      <c r="D43600" s="1" t="s">
        <v>36696</v>
      </c>
      <c r="E43600" s="1" t="s">
        <v>148697</v>
      </c>
      <c r="F43600" s="1" t="s">
        <v>148698</v>
      </c>
      <c r="G43600" s="1" t="s">
        <v>148682</v>
      </c>
      <c r="H43600" s="1" t="s">
        <v>148683</v>
      </c>
      <c r="I43600" s="1" t="s">
        <v>148154</v>
      </c>
      <c r="J43600" s="1" t="s">
        <v>148699</v>
      </c>
    </row>
    <row r="43601" spans="1:10" x14ac:dyDescent="0.35">
      <c r="A43601" s="1" t="s">
        <v>119103</v>
      </c>
      <c r="B43601" s="1" t="s">
        <v>148150</v>
      </c>
      <c r="C43601" s="1" t="s">
        <v>40</v>
      </c>
      <c r="D43601" s="1" t="s">
        <v>14499</v>
      </c>
      <c r="E43601" s="1" t="s">
        <v>148700</v>
      </c>
      <c r="F43601" s="1" t="s">
        <v>148701</v>
      </c>
      <c r="G43601" s="1" t="s">
        <v>148682</v>
      </c>
      <c r="H43601" s="1" t="s">
        <v>148683</v>
      </c>
      <c r="I43601" s="1" t="s">
        <v>148154</v>
      </c>
      <c r="J43601" s="1" t="s">
        <v>148702</v>
      </c>
    </row>
    <row r="43602" spans="1:10" x14ac:dyDescent="0.35">
      <c r="A43602" s="1" t="s">
        <v>119103</v>
      </c>
      <c r="B43602" s="1" t="s">
        <v>148150</v>
      </c>
      <c r="C43602" s="1" t="s">
        <v>45</v>
      </c>
      <c r="D43602" s="1" t="s">
        <v>2921</v>
      </c>
      <c r="E43602" s="1" t="s">
        <v>148703</v>
      </c>
      <c r="F43602" s="1" t="s">
        <v>148704</v>
      </c>
      <c r="G43602" s="1" t="s">
        <v>148682</v>
      </c>
      <c r="H43602" s="1" t="s">
        <v>148683</v>
      </c>
      <c r="I43602" s="1" t="s">
        <v>148154</v>
      </c>
      <c r="J43602" s="1" t="s">
        <v>148705</v>
      </c>
    </row>
    <row r="43603" spans="1:10" x14ac:dyDescent="0.35">
      <c r="A43603" s="1" t="s">
        <v>119103</v>
      </c>
      <c r="B43603" s="1" t="s">
        <v>148150</v>
      </c>
      <c r="C43603" s="1" t="s">
        <v>50</v>
      </c>
      <c r="D43603" s="1" t="s">
        <v>111042</v>
      </c>
      <c r="E43603" s="1" t="s">
        <v>148706</v>
      </c>
      <c r="F43603" s="1" t="s">
        <v>148707</v>
      </c>
      <c r="G43603" s="1" t="s">
        <v>148682</v>
      </c>
      <c r="H43603" s="1" t="s">
        <v>148683</v>
      </c>
      <c r="I43603" s="1" t="s">
        <v>148154</v>
      </c>
      <c r="J43603" s="1" t="s">
        <v>148708</v>
      </c>
    </row>
    <row r="43604" spans="1:10" x14ac:dyDescent="0.35">
      <c r="A43604" s="1" t="s">
        <v>119103</v>
      </c>
      <c r="B43604" s="1" t="s">
        <v>148150</v>
      </c>
      <c r="C43604" s="1" t="s">
        <v>55</v>
      </c>
      <c r="D43604" s="1" t="s">
        <v>117175</v>
      </c>
      <c r="E43604" s="1" t="s">
        <v>148709</v>
      </c>
      <c r="F43604" s="1" t="s">
        <v>148710</v>
      </c>
      <c r="G43604" s="1" t="s">
        <v>148682</v>
      </c>
      <c r="H43604" s="1" t="s">
        <v>148683</v>
      </c>
      <c r="I43604" s="1" t="s">
        <v>148154</v>
      </c>
      <c r="J43604" s="1" t="s">
        <v>148711</v>
      </c>
    </row>
    <row r="43605" spans="1:10" x14ac:dyDescent="0.35">
      <c r="A43605" s="1" t="s">
        <v>119103</v>
      </c>
      <c r="B43605" s="1" t="s">
        <v>148150</v>
      </c>
      <c r="C43605" s="1" t="s">
        <v>60</v>
      </c>
      <c r="D43605" s="1" t="s">
        <v>142878</v>
      </c>
      <c r="E43605" s="1" t="s">
        <v>148712</v>
      </c>
      <c r="F43605" s="1" t="s">
        <v>148713</v>
      </c>
      <c r="G43605" s="1" t="s">
        <v>148682</v>
      </c>
      <c r="H43605" s="1" t="s">
        <v>148683</v>
      </c>
      <c r="I43605" s="1" t="s">
        <v>148154</v>
      </c>
      <c r="J43605" s="1" t="s">
        <v>148714</v>
      </c>
    </row>
    <row r="43606" spans="1:10" x14ac:dyDescent="0.35">
      <c r="A43606" s="1" t="s">
        <v>119103</v>
      </c>
      <c r="B43606" s="1" t="s">
        <v>148150</v>
      </c>
      <c r="C43606" s="1" t="s">
        <v>65</v>
      </c>
      <c r="D43606" s="1" t="s">
        <v>111387</v>
      </c>
      <c r="E43606" s="1" t="s">
        <v>148715</v>
      </c>
      <c r="F43606" s="1" t="s">
        <v>148716</v>
      </c>
      <c r="G43606" s="1" t="s">
        <v>148682</v>
      </c>
      <c r="H43606" s="1" t="s">
        <v>148683</v>
      </c>
      <c r="I43606" s="1" t="s">
        <v>148154</v>
      </c>
      <c r="J43606" s="1" t="s">
        <v>148717</v>
      </c>
    </row>
    <row r="43607" spans="1:10" x14ac:dyDescent="0.35">
      <c r="A43607" s="1" t="s">
        <v>119103</v>
      </c>
      <c r="B43607" s="1" t="s">
        <v>148150</v>
      </c>
      <c r="C43607" s="1" t="s">
        <v>70</v>
      </c>
      <c r="D43607" s="1" t="s">
        <v>111700</v>
      </c>
      <c r="E43607" s="1" t="s">
        <v>148718</v>
      </c>
      <c r="F43607" s="1" t="s">
        <v>148719</v>
      </c>
      <c r="G43607" s="1" t="s">
        <v>148682</v>
      </c>
      <c r="H43607" s="1" t="s">
        <v>148683</v>
      </c>
      <c r="I43607" s="1" t="s">
        <v>148154</v>
      </c>
      <c r="J43607" s="1" t="s">
        <v>115318</v>
      </c>
    </row>
    <row r="43608" spans="1:10" x14ac:dyDescent="0.35">
      <c r="A43608" s="1" t="s">
        <v>119103</v>
      </c>
      <c r="B43608" s="1" t="s">
        <v>148150</v>
      </c>
      <c r="C43608" s="1" t="s">
        <v>75</v>
      </c>
      <c r="D43608" s="1" t="s">
        <v>148720</v>
      </c>
      <c r="E43608" s="1" t="s">
        <v>148721</v>
      </c>
      <c r="F43608" s="1" t="s">
        <v>148722</v>
      </c>
      <c r="G43608" s="1" t="s">
        <v>148682</v>
      </c>
      <c r="H43608" s="1" t="s">
        <v>148683</v>
      </c>
      <c r="I43608" s="1" t="s">
        <v>148154</v>
      </c>
      <c r="J43608" s="1" t="s">
        <v>148723</v>
      </c>
    </row>
    <row r="43609" spans="1:10" x14ac:dyDescent="0.35">
      <c r="A43609" s="1" t="s">
        <v>119103</v>
      </c>
      <c r="B43609" s="1" t="s">
        <v>148150</v>
      </c>
      <c r="C43609" s="1" t="s">
        <v>80</v>
      </c>
      <c r="D43609" s="1" t="s">
        <v>148724</v>
      </c>
      <c r="E43609" s="1" t="s">
        <v>148725</v>
      </c>
      <c r="F43609" s="1" t="s">
        <v>148726</v>
      </c>
      <c r="G43609" s="1" t="s">
        <v>148682</v>
      </c>
      <c r="H43609" s="1" t="s">
        <v>148683</v>
      </c>
      <c r="I43609" s="1" t="s">
        <v>148154</v>
      </c>
      <c r="J43609" s="1" t="s">
        <v>148727</v>
      </c>
    </row>
    <row r="43610" spans="1:10" x14ac:dyDescent="0.35">
      <c r="A43610" s="1" t="s">
        <v>119103</v>
      </c>
      <c r="B43610" s="1" t="s">
        <v>148150</v>
      </c>
      <c r="C43610" s="1" t="s">
        <v>85</v>
      </c>
      <c r="D43610" s="1" t="s">
        <v>148728</v>
      </c>
      <c r="E43610" s="1" t="s">
        <v>148729</v>
      </c>
      <c r="F43610" s="1" t="s">
        <v>148730</v>
      </c>
      <c r="G43610" s="1" t="s">
        <v>148682</v>
      </c>
      <c r="H43610" s="1" t="s">
        <v>148683</v>
      </c>
      <c r="I43610" s="1" t="s">
        <v>148154</v>
      </c>
      <c r="J43610" s="1" t="s">
        <v>148731</v>
      </c>
    </row>
    <row r="43611" spans="1:10" x14ac:dyDescent="0.35">
      <c r="A43611" s="1" t="s">
        <v>119103</v>
      </c>
      <c r="B43611" s="1" t="s">
        <v>148150</v>
      </c>
      <c r="C43611" s="1" t="s">
        <v>90</v>
      </c>
      <c r="D43611" s="1" t="s">
        <v>148732</v>
      </c>
      <c r="E43611" s="1" t="s">
        <v>148733</v>
      </c>
      <c r="F43611" s="1" t="s">
        <v>148734</v>
      </c>
      <c r="G43611" s="1" t="s">
        <v>148682</v>
      </c>
      <c r="H43611" s="1" t="s">
        <v>148683</v>
      </c>
      <c r="I43611" s="1" t="s">
        <v>148154</v>
      </c>
      <c r="J43611" s="1" t="s">
        <v>148735</v>
      </c>
    </row>
    <row r="43612" spans="1:10" x14ac:dyDescent="0.35">
      <c r="A43612" s="1" t="s">
        <v>119103</v>
      </c>
      <c r="B43612" s="1" t="s">
        <v>148150</v>
      </c>
      <c r="C43612" s="1" t="s">
        <v>95</v>
      </c>
      <c r="D43612" s="1" t="s">
        <v>28314</v>
      </c>
      <c r="E43612" s="1" t="s">
        <v>148736</v>
      </c>
      <c r="F43612" s="1" t="s">
        <v>148737</v>
      </c>
      <c r="G43612" s="1" t="s">
        <v>148682</v>
      </c>
      <c r="H43612" s="1" t="s">
        <v>148683</v>
      </c>
      <c r="I43612" s="1" t="s">
        <v>148154</v>
      </c>
      <c r="J43612" s="1" t="s">
        <v>148738</v>
      </c>
    </row>
    <row r="43613" spans="1:10" x14ac:dyDescent="0.35">
      <c r="A43613" s="1" t="s">
        <v>119103</v>
      </c>
      <c r="B43613" s="1" t="s">
        <v>148150</v>
      </c>
      <c r="C43613" s="1" t="s">
        <v>100</v>
      </c>
      <c r="D43613" s="1" t="s">
        <v>25906</v>
      </c>
      <c r="E43613" s="1" t="s">
        <v>148739</v>
      </c>
      <c r="F43613" s="1" t="s">
        <v>148740</v>
      </c>
      <c r="G43613" s="1" t="s">
        <v>148682</v>
      </c>
      <c r="H43613" s="1" t="s">
        <v>148683</v>
      </c>
      <c r="I43613" s="1" t="s">
        <v>148154</v>
      </c>
      <c r="J43613" s="1" t="s">
        <v>148741</v>
      </c>
    </row>
    <row r="43614" spans="1:10" x14ac:dyDescent="0.35">
      <c r="A43614" s="1" t="s">
        <v>119103</v>
      </c>
      <c r="B43614" s="1" t="s">
        <v>148150</v>
      </c>
      <c r="C43614" s="1" t="s">
        <v>105</v>
      </c>
      <c r="D43614" s="1" t="s">
        <v>148742</v>
      </c>
      <c r="E43614" s="1" t="s">
        <v>148743</v>
      </c>
      <c r="F43614" s="1" t="s">
        <v>148744</v>
      </c>
      <c r="G43614" s="1" t="s">
        <v>148682</v>
      </c>
      <c r="H43614" s="1" t="s">
        <v>148683</v>
      </c>
      <c r="I43614" s="1" t="s">
        <v>148154</v>
      </c>
      <c r="J43614" s="1" t="s">
        <v>148745</v>
      </c>
    </row>
    <row r="43615" spans="1:10" x14ac:dyDescent="0.35">
      <c r="A43615" s="1" t="s">
        <v>119103</v>
      </c>
      <c r="B43615" s="1" t="s">
        <v>148150</v>
      </c>
      <c r="C43615" s="1" t="s">
        <v>110</v>
      </c>
      <c r="D43615" s="1" t="s">
        <v>148746</v>
      </c>
      <c r="E43615" s="1" t="s">
        <v>148747</v>
      </c>
      <c r="F43615" s="1" t="s">
        <v>148748</v>
      </c>
      <c r="G43615" s="1" t="s">
        <v>148682</v>
      </c>
      <c r="H43615" s="1" t="s">
        <v>148683</v>
      </c>
      <c r="I43615" s="1" t="s">
        <v>148154</v>
      </c>
      <c r="J43615" s="1" t="s">
        <v>148749</v>
      </c>
    </row>
    <row r="43616" spans="1:10" x14ac:dyDescent="0.35">
      <c r="A43616" s="1" t="s">
        <v>119103</v>
      </c>
      <c r="B43616" s="1" t="s">
        <v>148150</v>
      </c>
      <c r="C43616" s="1" t="s">
        <v>115</v>
      </c>
      <c r="D43616" s="1" t="s">
        <v>148750</v>
      </c>
      <c r="E43616" s="1" t="s">
        <v>148751</v>
      </c>
      <c r="F43616" s="1" t="s">
        <v>148752</v>
      </c>
      <c r="G43616" s="1" t="s">
        <v>148682</v>
      </c>
      <c r="H43616" s="1" t="s">
        <v>148683</v>
      </c>
      <c r="I43616" s="1" t="s">
        <v>148154</v>
      </c>
      <c r="J43616" s="1" t="s">
        <v>148753</v>
      </c>
    </row>
    <row r="43617" spans="1:10" x14ac:dyDescent="0.35">
      <c r="A43617" s="1" t="s">
        <v>119103</v>
      </c>
      <c r="B43617" s="1" t="s">
        <v>148150</v>
      </c>
      <c r="C43617" s="1" t="s">
        <v>120</v>
      </c>
      <c r="D43617" s="1" t="s">
        <v>257</v>
      </c>
      <c r="E43617" s="1" t="s">
        <v>148754</v>
      </c>
      <c r="F43617" s="1" t="s">
        <v>148755</v>
      </c>
      <c r="G43617" s="1" t="s">
        <v>148682</v>
      </c>
      <c r="H43617" s="1" t="s">
        <v>148683</v>
      </c>
      <c r="I43617" s="1" t="s">
        <v>148154</v>
      </c>
      <c r="J43617" s="1" t="s">
        <v>148756</v>
      </c>
    </row>
    <row r="43618" spans="1:10" x14ac:dyDescent="0.35">
      <c r="A43618" s="1" t="s">
        <v>119103</v>
      </c>
      <c r="B43618" s="1" t="s">
        <v>148150</v>
      </c>
      <c r="C43618" s="1" t="s">
        <v>125</v>
      </c>
      <c r="D43618" s="1" t="s">
        <v>82633</v>
      </c>
      <c r="E43618" s="1" t="s">
        <v>148757</v>
      </c>
      <c r="F43618" s="1" t="s">
        <v>148758</v>
      </c>
      <c r="G43618" s="1" t="s">
        <v>148682</v>
      </c>
      <c r="H43618" s="1" t="s">
        <v>148683</v>
      </c>
      <c r="I43618" s="1" t="s">
        <v>148154</v>
      </c>
      <c r="J43618" s="1" t="s">
        <v>148759</v>
      </c>
    </row>
    <row r="43619" spans="1:10" x14ac:dyDescent="0.35">
      <c r="A43619" s="1" t="s">
        <v>119103</v>
      </c>
      <c r="B43619" s="1" t="s">
        <v>148150</v>
      </c>
      <c r="C43619" s="1" t="s">
        <v>130</v>
      </c>
      <c r="D43619" s="1" t="s">
        <v>148760</v>
      </c>
      <c r="E43619" s="1" t="s">
        <v>148761</v>
      </c>
      <c r="F43619" s="1" t="s">
        <v>148762</v>
      </c>
      <c r="G43619" s="1" t="s">
        <v>148682</v>
      </c>
      <c r="H43619" s="1" t="s">
        <v>148683</v>
      </c>
      <c r="I43619" s="1" t="s">
        <v>148154</v>
      </c>
      <c r="J43619" s="1" t="s">
        <v>148763</v>
      </c>
    </row>
    <row r="43620" spans="1:10" x14ac:dyDescent="0.35">
      <c r="A43620" s="1" t="s">
        <v>119103</v>
      </c>
      <c r="B43620" s="1" t="s">
        <v>148150</v>
      </c>
      <c r="C43620" s="1" t="s">
        <v>135</v>
      </c>
      <c r="D43620" s="1" t="s">
        <v>148764</v>
      </c>
      <c r="E43620" s="1" t="s">
        <v>148765</v>
      </c>
      <c r="F43620" s="1" t="s">
        <v>148766</v>
      </c>
      <c r="G43620" s="1" t="s">
        <v>148682</v>
      </c>
      <c r="H43620" s="1" t="s">
        <v>148683</v>
      </c>
      <c r="I43620" s="1" t="s">
        <v>148154</v>
      </c>
      <c r="J43620" s="1" t="s">
        <v>148767</v>
      </c>
    </row>
    <row r="43621" spans="1:10" x14ac:dyDescent="0.35">
      <c r="A43621" s="1" t="s">
        <v>119103</v>
      </c>
      <c r="B43621" s="1" t="s">
        <v>148150</v>
      </c>
      <c r="C43621" s="1" t="s">
        <v>140</v>
      </c>
      <c r="D43621" s="1" t="s">
        <v>9636</v>
      </c>
      <c r="E43621" s="1" t="s">
        <v>148768</v>
      </c>
      <c r="F43621" s="1" t="s">
        <v>148769</v>
      </c>
      <c r="G43621" s="1" t="s">
        <v>148682</v>
      </c>
      <c r="H43621" s="1" t="s">
        <v>148683</v>
      </c>
      <c r="I43621" s="1" t="s">
        <v>148154</v>
      </c>
      <c r="J43621" s="1" t="s">
        <v>148770</v>
      </c>
    </row>
    <row r="43622" spans="1:10" x14ac:dyDescent="0.35">
      <c r="A43622" s="1" t="s">
        <v>119103</v>
      </c>
      <c r="B43622" s="1" t="s">
        <v>148150</v>
      </c>
      <c r="C43622" s="1" t="s">
        <v>145</v>
      </c>
      <c r="D43622" s="1" t="s">
        <v>11856</v>
      </c>
      <c r="E43622" s="1" t="s">
        <v>148771</v>
      </c>
      <c r="F43622" s="1" t="s">
        <v>148772</v>
      </c>
      <c r="G43622" s="1" t="s">
        <v>148682</v>
      </c>
      <c r="H43622" s="1" t="s">
        <v>148683</v>
      </c>
      <c r="I43622" s="1" t="s">
        <v>148154</v>
      </c>
      <c r="J43622" s="1" t="s">
        <v>148773</v>
      </c>
    </row>
    <row r="43623" spans="1:10" x14ac:dyDescent="0.35">
      <c r="A43623" s="1" t="s">
        <v>119103</v>
      </c>
      <c r="B43623" s="1" t="s">
        <v>148150</v>
      </c>
      <c r="C43623" s="1" t="s">
        <v>150</v>
      </c>
      <c r="D43623" s="1" t="s">
        <v>148774</v>
      </c>
      <c r="E43623" s="1" t="s">
        <v>148775</v>
      </c>
      <c r="F43623" s="1" t="s">
        <v>148776</v>
      </c>
      <c r="G43623" s="1" t="s">
        <v>148682</v>
      </c>
      <c r="H43623" s="1" t="s">
        <v>148683</v>
      </c>
      <c r="I43623" s="1" t="s">
        <v>148154</v>
      </c>
      <c r="J43623" s="1" t="s">
        <v>148777</v>
      </c>
    </row>
    <row r="43624" spans="1:10" x14ac:dyDescent="0.35">
      <c r="A43624" s="1" t="s">
        <v>119103</v>
      </c>
      <c r="B43624" s="1" t="s">
        <v>148150</v>
      </c>
      <c r="C43624" s="1" t="s">
        <v>155</v>
      </c>
      <c r="D43624" s="1" t="s">
        <v>104694</v>
      </c>
      <c r="E43624" s="1" t="s">
        <v>148778</v>
      </c>
      <c r="F43624" s="1" t="s">
        <v>148779</v>
      </c>
      <c r="G43624" s="1" t="s">
        <v>148682</v>
      </c>
      <c r="H43624" s="1" t="s">
        <v>148683</v>
      </c>
      <c r="I43624" s="1" t="s">
        <v>148154</v>
      </c>
      <c r="J43624" s="1" t="s">
        <v>148780</v>
      </c>
    </row>
    <row r="43625" spans="1:10" x14ac:dyDescent="0.35">
      <c r="A43625" s="1" t="s">
        <v>119103</v>
      </c>
      <c r="B43625" s="1" t="s">
        <v>148150</v>
      </c>
      <c r="C43625" s="1" t="s">
        <v>160</v>
      </c>
      <c r="D43625" s="1" t="s">
        <v>148781</v>
      </c>
      <c r="E43625" s="1" t="s">
        <v>148782</v>
      </c>
      <c r="F43625" s="1" t="s">
        <v>148783</v>
      </c>
      <c r="G43625" s="1" t="s">
        <v>148682</v>
      </c>
      <c r="H43625" s="1" t="s">
        <v>148683</v>
      </c>
      <c r="I43625" s="1" t="s">
        <v>148154</v>
      </c>
      <c r="J43625" s="1" t="s">
        <v>148784</v>
      </c>
    </row>
    <row r="43626" spans="1:10" x14ac:dyDescent="0.35">
      <c r="A43626" s="1" t="s">
        <v>119103</v>
      </c>
      <c r="B43626" s="1" t="s">
        <v>148150</v>
      </c>
      <c r="C43626" s="1" t="s">
        <v>165</v>
      </c>
      <c r="D43626" s="1" t="s">
        <v>148785</v>
      </c>
      <c r="E43626" s="1" t="s">
        <v>148786</v>
      </c>
      <c r="F43626" s="1" t="s">
        <v>148787</v>
      </c>
      <c r="G43626" s="1" t="s">
        <v>148682</v>
      </c>
      <c r="H43626" s="1" t="s">
        <v>148683</v>
      </c>
      <c r="I43626" s="1" t="s">
        <v>148154</v>
      </c>
      <c r="J43626" s="1" t="s">
        <v>148788</v>
      </c>
    </row>
    <row r="43627" spans="1:10" x14ac:dyDescent="0.35">
      <c r="A43627" s="1" t="s">
        <v>119103</v>
      </c>
      <c r="B43627" s="1" t="s">
        <v>148150</v>
      </c>
      <c r="C43627" s="1" t="s">
        <v>170</v>
      </c>
      <c r="D43627" s="1" t="s">
        <v>148789</v>
      </c>
      <c r="E43627" s="1" t="s">
        <v>148790</v>
      </c>
      <c r="F43627" s="1" t="s">
        <v>148791</v>
      </c>
      <c r="G43627" s="1" t="s">
        <v>148682</v>
      </c>
      <c r="H43627" s="1" t="s">
        <v>148683</v>
      </c>
      <c r="I43627" s="1" t="s">
        <v>148154</v>
      </c>
      <c r="J43627" s="1" t="s">
        <v>148792</v>
      </c>
    </row>
    <row r="43628" spans="1:10" x14ac:dyDescent="0.35">
      <c r="A43628" s="1" t="s">
        <v>13881</v>
      </c>
      <c r="B43628" s="1" t="s">
        <v>148150</v>
      </c>
      <c r="C43628" s="1" t="s">
        <v>8</v>
      </c>
      <c r="D43628" s="1" t="s">
        <v>144055</v>
      </c>
      <c r="E43628" s="1" t="s">
        <v>148793</v>
      </c>
      <c r="F43628" s="1" t="s">
        <v>148794</v>
      </c>
      <c r="G43628" s="1" t="s">
        <v>148795</v>
      </c>
      <c r="H43628" s="1" t="s">
        <v>148796</v>
      </c>
      <c r="I43628" s="1" t="s">
        <v>148154</v>
      </c>
      <c r="J43628" s="1" t="s">
        <v>13</v>
      </c>
    </row>
    <row r="43629" spans="1:10" x14ac:dyDescent="0.35">
      <c r="A43629" s="1" t="s">
        <v>13881</v>
      </c>
      <c r="B43629" s="1" t="s">
        <v>148150</v>
      </c>
      <c r="C43629" s="1" t="s">
        <v>15</v>
      </c>
      <c r="D43629" s="1" t="s">
        <v>29581</v>
      </c>
      <c r="E43629" s="1" t="s">
        <v>148797</v>
      </c>
      <c r="F43629" s="1" t="s">
        <v>148798</v>
      </c>
      <c r="G43629" s="1" t="s">
        <v>148795</v>
      </c>
      <c r="H43629" s="1" t="s">
        <v>148796</v>
      </c>
      <c r="I43629" s="1" t="s">
        <v>148154</v>
      </c>
      <c r="J43629" s="1" t="s">
        <v>148799</v>
      </c>
    </row>
    <row r="43630" spans="1:10" x14ac:dyDescent="0.35">
      <c r="A43630" s="1" t="s">
        <v>13881</v>
      </c>
      <c r="B43630" s="1" t="s">
        <v>148150</v>
      </c>
      <c r="C43630" s="1" t="s">
        <v>20</v>
      </c>
      <c r="D43630" s="1" t="s">
        <v>148800</v>
      </c>
      <c r="E43630" s="1" t="s">
        <v>148801</v>
      </c>
      <c r="F43630" s="1" t="s">
        <v>148802</v>
      </c>
      <c r="G43630" s="1" t="s">
        <v>148795</v>
      </c>
      <c r="H43630" s="1" t="s">
        <v>148796</v>
      </c>
      <c r="I43630" s="1" t="s">
        <v>148154</v>
      </c>
      <c r="J43630" s="1" t="s">
        <v>148803</v>
      </c>
    </row>
    <row r="43631" spans="1:10" x14ac:dyDescent="0.35">
      <c r="A43631" s="1" t="s">
        <v>13881</v>
      </c>
      <c r="B43631" s="1" t="s">
        <v>148150</v>
      </c>
      <c r="C43631" s="1" t="s">
        <v>25</v>
      </c>
      <c r="D43631" s="1" t="s">
        <v>2149</v>
      </c>
      <c r="E43631" s="1" t="s">
        <v>148804</v>
      </c>
      <c r="F43631" s="1" t="s">
        <v>148805</v>
      </c>
      <c r="G43631" s="1" t="s">
        <v>148795</v>
      </c>
      <c r="H43631" s="1" t="s">
        <v>148796</v>
      </c>
      <c r="I43631" s="1" t="s">
        <v>148154</v>
      </c>
      <c r="J43631" s="1" t="s">
        <v>148806</v>
      </c>
    </row>
    <row r="43632" spans="1:10" x14ac:dyDescent="0.35">
      <c r="A43632" s="1" t="s">
        <v>13881</v>
      </c>
      <c r="B43632" s="1" t="s">
        <v>148150</v>
      </c>
      <c r="C43632" s="1" t="s">
        <v>30</v>
      </c>
      <c r="D43632" s="1" t="s">
        <v>27588</v>
      </c>
      <c r="E43632" s="1" t="s">
        <v>148807</v>
      </c>
      <c r="F43632" s="1" t="s">
        <v>148808</v>
      </c>
      <c r="G43632" s="1" t="s">
        <v>148795</v>
      </c>
      <c r="H43632" s="1" t="s">
        <v>148796</v>
      </c>
      <c r="I43632" s="1" t="s">
        <v>148154</v>
      </c>
      <c r="J43632" s="1" t="s">
        <v>148809</v>
      </c>
    </row>
    <row r="43633" spans="1:10" x14ac:dyDescent="0.35">
      <c r="A43633" s="1" t="s">
        <v>13881</v>
      </c>
      <c r="B43633" s="1" t="s">
        <v>148150</v>
      </c>
      <c r="C43633" s="1" t="s">
        <v>35</v>
      </c>
      <c r="D43633" s="1" t="s">
        <v>10153</v>
      </c>
      <c r="E43633" s="1" t="s">
        <v>148810</v>
      </c>
      <c r="F43633" s="1" t="s">
        <v>148811</v>
      </c>
      <c r="G43633" s="1" t="s">
        <v>148795</v>
      </c>
      <c r="H43633" s="1" t="s">
        <v>148796</v>
      </c>
      <c r="I43633" s="1" t="s">
        <v>148154</v>
      </c>
      <c r="J43633" s="1" t="s">
        <v>148812</v>
      </c>
    </row>
    <row r="43634" spans="1:10" x14ac:dyDescent="0.35">
      <c r="A43634" s="1" t="s">
        <v>13881</v>
      </c>
      <c r="B43634" s="1" t="s">
        <v>148150</v>
      </c>
      <c r="C43634" s="1" t="s">
        <v>40</v>
      </c>
      <c r="D43634" s="1" t="s">
        <v>115723</v>
      </c>
      <c r="E43634" s="1" t="s">
        <v>148813</v>
      </c>
      <c r="F43634" s="1" t="s">
        <v>148814</v>
      </c>
      <c r="G43634" s="1" t="s">
        <v>148795</v>
      </c>
      <c r="H43634" s="1" t="s">
        <v>148796</v>
      </c>
      <c r="I43634" s="1" t="s">
        <v>148154</v>
      </c>
      <c r="J43634" s="1" t="s">
        <v>148815</v>
      </c>
    </row>
    <row r="43635" spans="1:10" x14ac:dyDescent="0.35">
      <c r="A43635" s="1" t="s">
        <v>13881</v>
      </c>
      <c r="B43635" s="1" t="s">
        <v>148150</v>
      </c>
      <c r="C43635" s="1" t="s">
        <v>45</v>
      </c>
      <c r="D43635" s="1" t="s">
        <v>148816</v>
      </c>
      <c r="E43635" s="1" t="s">
        <v>148817</v>
      </c>
      <c r="F43635" s="1" t="s">
        <v>148818</v>
      </c>
      <c r="G43635" s="1" t="s">
        <v>148795</v>
      </c>
      <c r="H43635" s="1" t="s">
        <v>148796</v>
      </c>
      <c r="I43635" s="1" t="s">
        <v>148154</v>
      </c>
      <c r="J43635" s="1" t="s">
        <v>148819</v>
      </c>
    </row>
    <row r="43636" spans="1:10" x14ac:dyDescent="0.35">
      <c r="A43636" s="1" t="s">
        <v>13881</v>
      </c>
      <c r="B43636" s="1" t="s">
        <v>148150</v>
      </c>
      <c r="C43636" s="1" t="s">
        <v>50</v>
      </c>
      <c r="D43636" s="1" t="s">
        <v>34549</v>
      </c>
      <c r="E43636" s="1" t="s">
        <v>148820</v>
      </c>
      <c r="F43636" s="1" t="s">
        <v>148821</v>
      </c>
      <c r="G43636" s="1" t="s">
        <v>148795</v>
      </c>
      <c r="H43636" s="1" t="s">
        <v>148796</v>
      </c>
      <c r="I43636" s="1" t="s">
        <v>148154</v>
      </c>
      <c r="J43636" s="1" t="s">
        <v>148822</v>
      </c>
    </row>
    <row r="43637" spans="1:10" x14ac:dyDescent="0.35">
      <c r="A43637" s="1" t="s">
        <v>13881</v>
      </c>
      <c r="B43637" s="1" t="s">
        <v>148150</v>
      </c>
      <c r="C43637" s="1" t="s">
        <v>55</v>
      </c>
      <c r="D43637" s="1" t="s">
        <v>28641</v>
      </c>
      <c r="E43637" s="1" t="s">
        <v>148823</v>
      </c>
      <c r="F43637" s="1" t="s">
        <v>148824</v>
      </c>
      <c r="G43637" s="1" t="s">
        <v>148795</v>
      </c>
      <c r="H43637" s="1" t="s">
        <v>148796</v>
      </c>
      <c r="I43637" s="1" t="s">
        <v>148154</v>
      </c>
      <c r="J43637" s="1" t="s">
        <v>148825</v>
      </c>
    </row>
    <row r="43638" spans="1:10" x14ac:dyDescent="0.35">
      <c r="A43638" s="1" t="s">
        <v>13881</v>
      </c>
      <c r="B43638" s="1" t="s">
        <v>148150</v>
      </c>
      <c r="C43638" s="1" t="s">
        <v>60</v>
      </c>
      <c r="D43638" s="1" t="s">
        <v>50781</v>
      </c>
      <c r="E43638" s="1" t="s">
        <v>148826</v>
      </c>
      <c r="F43638" s="1" t="s">
        <v>148827</v>
      </c>
      <c r="G43638" s="1" t="s">
        <v>148795</v>
      </c>
      <c r="H43638" s="1" t="s">
        <v>148796</v>
      </c>
      <c r="I43638" s="1" t="s">
        <v>148154</v>
      </c>
      <c r="J43638" s="1" t="s">
        <v>148828</v>
      </c>
    </row>
    <row r="43639" spans="1:10" x14ac:dyDescent="0.35">
      <c r="A43639" s="1" t="s">
        <v>13881</v>
      </c>
      <c r="B43639" s="1" t="s">
        <v>148150</v>
      </c>
      <c r="C43639" s="1" t="s">
        <v>65</v>
      </c>
      <c r="D43639" s="1" t="s">
        <v>6661</v>
      </c>
      <c r="E43639" s="1" t="s">
        <v>148829</v>
      </c>
      <c r="F43639" s="1" t="s">
        <v>148830</v>
      </c>
      <c r="G43639" s="1" t="s">
        <v>148795</v>
      </c>
      <c r="H43639" s="1" t="s">
        <v>148796</v>
      </c>
      <c r="I43639" s="1" t="s">
        <v>148154</v>
      </c>
      <c r="J43639" s="1" t="s">
        <v>148831</v>
      </c>
    </row>
    <row r="43640" spans="1:10" x14ac:dyDescent="0.35">
      <c r="A43640" s="1" t="s">
        <v>13881</v>
      </c>
      <c r="B43640" s="1" t="s">
        <v>148150</v>
      </c>
      <c r="C43640" s="1" t="s">
        <v>70</v>
      </c>
      <c r="D43640" s="1" t="s">
        <v>117414</v>
      </c>
      <c r="E43640" s="1" t="s">
        <v>148832</v>
      </c>
      <c r="F43640" s="1" t="s">
        <v>148833</v>
      </c>
      <c r="G43640" s="1" t="s">
        <v>148795</v>
      </c>
      <c r="H43640" s="1" t="s">
        <v>148796</v>
      </c>
      <c r="I43640" s="1" t="s">
        <v>148154</v>
      </c>
      <c r="J43640" s="1" t="s">
        <v>148834</v>
      </c>
    </row>
    <row r="43641" spans="1:10" x14ac:dyDescent="0.35">
      <c r="A43641" s="1" t="s">
        <v>13881</v>
      </c>
      <c r="B43641" s="1" t="s">
        <v>148150</v>
      </c>
      <c r="C43641" s="1" t="s">
        <v>75</v>
      </c>
      <c r="D43641" s="1" t="s">
        <v>14794</v>
      </c>
      <c r="E43641" s="1" t="s">
        <v>148835</v>
      </c>
      <c r="F43641" s="1" t="s">
        <v>148836</v>
      </c>
      <c r="G43641" s="1" t="s">
        <v>148795</v>
      </c>
      <c r="H43641" s="1" t="s">
        <v>148796</v>
      </c>
      <c r="I43641" s="1" t="s">
        <v>148154</v>
      </c>
      <c r="J43641" s="1" t="s">
        <v>148837</v>
      </c>
    </row>
    <row r="43642" spans="1:10" x14ac:dyDescent="0.35">
      <c r="A43642" s="1" t="s">
        <v>13881</v>
      </c>
      <c r="B43642" s="1" t="s">
        <v>148150</v>
      </c>
      <c r="C43642" s="1" t="s">
        <v>80</v>
      </c>
      <c r="D43642" s="1" t="s">
        <v>35405</v>
      </c>
      <c r="E43642" s="1" t="s">
        <v>148838</v>
      </c>
      <c r="F43642" s="1" t="s">
        <v>148839</v>
      </c>
      <c r="G43642" s="1" t="s">
        <v>148795</v>
      </c>
      <c r="H43642" s="1" t="s">
        <v>148796</v>
      </c>
      <c r="I43642" s="1" t="s">
        <v>148154</v>
      </c>
      <c r="J43642" s="1" t="s">
        <v>148840</v>
      </c>
    </row>
    <row r="43643" spans="1:10" x14ac:dyDescent="0.35">
      <c r="A43643" s="1" t="s">
        <v>13881</v>
      </c>
      <c r="B43643" s="1" t="s">
        <v>148150</v>
      </c>
      <c r="C43643" s="1" t="s">
        <v>85</v>
      </c>
      <c r="D43643" s="1" t="s">
        <v>148841</v>
      </c>
      <c r="E43643" s="1" t="s">
        <v>148842</v>
      </c>
      <c r="F43643" s="1" t="s">
        <v>148843</v>
      </c>
      <c r="G43643" s="1" t="s">
        <v>148795</v>
      </c>
      <c r="H43643" s="1" t="s">
        <v>148796</v>
      </c>
      <c r="I43643" s="1" t="s">
        <v>148154</v>
      </c>
      <c r="J43643" s="1" t="s">
        <v>148844</v>
      </c>
    </row>
    <row r="43644" spans="1:10" x14ac:dyDescent="0.35">
      <c r="A43644" s="1" t="s">
        <v>13881</v>
      </c>
      <c r="B43644" s="1" t="s">
        <v>148150</v>
      </c>
      <c r="C43644" s="1" t="s">
        <v>90</v>
      </c>
      <c r="D43644" s="1" t="s">
        <v>118586</v>
      </c>
      <c r="E43644" s="1" t="s">
        <v>148845</v>
      </c>
      <c r="F43644" s="1" t="s">
        <v>148846</v>
      </c>
      <c r="G43644" s="1" t="s">
        <v>148795</v>
      </c>
      <c r="H43644" s="1" t="s">
        <v>148796</v>
      </c>
      <c r="I43644" s="1" t="s">
        <v>148154</v>
      </c>
      <c r="J43644" s="1" t="s">
        <v>148847</v>
      </c>
    </row>
    <row r="43645" spans="1:10" x14ac:dyDescent="0.35">
      <c r="A43645" s="1" t="s">
        <v>13881</v>
      </c>
      <c r="B43645" s="1" t="s">
        <v>148150</v>
      </c>
      <c r="C43645" s="1" t="s">
        <v>95</v>
      </c>
      <c r="D43645" s="1" t="s">
        <v>115471</v>
      </c>
      <c r="E43645" s="1" t="s">
        <v>148848</v>
      </c>
      <c r="F43645" s="1" t="s">
        <v>148849</v>
      </c>
      <c r="G43645" s="1" t="s">
        <v>148795</v>
      </c>
      <c r="H43645" s="1" t="s">
        <v>148796</v>
      </c>
      <c r="I43645" s="1" t="s">
        <v>148154</v>
      </c>
      <c r="J43645" s="1" t="s">
        <v>148850</v>
      </c>
    </row>
    <row r="43646" spans="1:10" x14ac:dyDescent="0.35">
      <c r="A43646" s="1" t="s">
        <v>13881</v>
      </c>
      <c r="B43646" s="1" t="s">
        <v>148150</v>
      </c>
      <c r="C43646" s="1" t="s">
        <v>100</v>
      </c>
      <c r="D43646" s="1" t="s">
        <v>38549</v>
      </c>
      <c r="E43646" s="1" t="s">
        <v>148851</v>
      </c>
      <c r="F43646" s="1" t="s">
        <v>148852</v>
      </c>
      <c r="G43646" s="1" t="s">
        <v>148795</v>
      </c>
      <c r="H43646" s="1" t="s">
        <v>148796</v>
      </c>
      <c r="I43646" s="1" t="s">
        <v>148154</v>
      </c>
      <c r="J43646" s="1" t="s">
        <v>148853</v>
      </c>
    </row>
    <row r="43647" spans="1:10" x14ac:dyDescent="0.35">
      <c r="A43647" s="1" t="s">
        <v>13881</v>
      </c>
      <c r="B43647" s="1" t="s">
        <v>148150</v>
      </c>
      <c r="C43647" s="1" t="s">
        <v>105</v>
      </c>
      <c r="D43647" s="1" t="s">
        <v>601</v>
      </c>
      <c r="E43647" s="1" t="s">
        <v>148854</v>
      </c>
      <c r="F43647" s="1" t="s">
        <v>148855</v>
      </c>
      <c r="G43647" s="1" t="s">
        <v>148795</v>
      </c>
      <c r="H43647" s="1" t="s">
        <v>148796</v>
      </c>
      <c r="I43647" s="1" t="s">
        <v>148154</v>
      </c>
      <c r="J43647" s="1" t="s">
        <v>148856</v>
      </c>
    </row>
    <row r="43648" spans="1:10" x14ac:dyDescent="0.35">
      <c r="A43648" s="1" t="s">
        <v>13881</v>
      </c>
      <c r="B43648" s="1" t="s">
        <v>148150</v>
      </c>
      <c r="C43648" s="1" t="s">
        <v>110</v>
      </c>
      <c r="D43648" s="1" t="s">
        <v>148857</v>
      </c>
      <c r="E43648" s="1" t="s">
        <v>148858</v>
      </c>
      <c r="F43648" s="1" t="s">
        <v>148859</v>
      </c>
      <c r="G43648" s="1" t="s">
        <v>148795</v>
      </c>
      <c r="H43648" s="1" t="s">
        <v>148796</v>
      </c>
      <c r="I43648" s="1" t="s">
        <v>148154</v>
      </c>
      <c r="J43648" s="1" t="s">
        <v>148860</v>
      </c>
    </row>
    <row r="43649" spans="1:10" x14ac:dyDescent="0.35">
      <c r="A43649" s="1" t="s">
        <v>13881</v>
      </c>
      <c r="B43649" s="1" t="s">
        <v>148150</v>
      </c>
      <c r="C43649" s="1" t="s">
        <v>115</v>
      </c>
      <c r="D43649" s="1" t="s">
        <v>47248</v>
      </c>
      <c r="E43649" s="1" t="s">
        <v>148861</v>
      </c>
      <c r="F43649" s="1" t="s">
        <v>148862</v>
      </c>
      <c r="G43649" s="1" t="s">
        <v>148795</v>
      </c>
      <c r="H43649" s="1" t="s">
        <v>148796</v>
      </c>
      <c r="I43649" s="1" t="s">
        <v>148154</v>
      </c>
      <c r="J43649" s="1" t="s">
        <v>148863</v>
      </c>
    </row>
    <row r="43650" spans="1:10" x14ac:dyDescent="0.35">
      <c r="A43650" s="1" t="s">
        <v>13881</v>
      </c>
      <c r="B43650" s="1" t="s">
        <v>148150</v>
      </c>
      <c r="C43650" s="1" t="s">
        <v>120</v>
      </c>
      <c r="D43650" s="1" t="s">
        <v>104985</v>
      </c>
      <c r="E43650" s="1" t="s">
        <v>148864</v>
      </c>
      <c r="F43650" s="1" t="s">
        <v>148865</v>
      </c>
      <c r="G43650" s="1" t="s">
        <v>148795</v>
      </c>
      <c r="H43650" s="1" t="s">
        <v>148796</v>
      </c>
      <c r="I43650" s="1" t="s">
        <v>148154</v>
      </c>
      <c r="J43650" s="1" t="s">
        <v>148866</v>
      </c>
    </row>
    <row r="43651" spans="1:10" x14ac:dyDescent="0.35">
      <c r="A43651" s="1" t="s">
        <v>13881</v>
      </c>
      <c r="B43651" s="1" t="s">
        <v>148150</v>
      </c>
      <c r="C43651" s="1" t="s">
        <v>125</v>
      </c>
      <c r="D43651" s="1" t="s">
        <v>35865</v>
      </c>
      <c r="E43651" s="1" t="s">
        <v>148867</v>
      </c>
      <c r="F43651" s="1" t="s">
        <v>148868</v>
      </c>
      <c r="G43651" s="1" t="s">
        <v>148795</v>
      </c>
      <c r="H43651" s="1" t="s">
        <v>148796</v>
      </c>
      <c r="I43651" s="1" t="s">
        <v>148154</v>
      </c>
      <c r="J43651" s="1" t="s">
        <v>148869</v>
      </c>
    </row>
    <row r="43652" spans="1:10" x14ac:dyDescent="0.35">
      <c r="A43652" s="1" t="s">
        <v>13881</v>
      </c>
      <c r="B43652" s="1" t="s">
        <v>148150</v>
      </c>
      <c r="C43652" s="1" t="s">
        <v>130</v>
      </c>
      <c r="D43652" s="1" t="s">
        <v>148870</v>
      </c>
      <c r="E43652" s="1" t="s">
        <v>148871</v>
      </c>
      <c r="F43652" s="1" t="s">
        <v>148872</v>
      </c>
      <c r="G43652" s="1" t="s">
        <v>148795</v>
      </c>
      <c r="H43652" s="1" t="s">
        <v>148796</v>
      </c>
      <c r="I43652" s="1" t="s">
        <v>148154</v>
      </c>
      <c r="J43652" s="1" t="s">
        <v>148873</v>
      </c>
    </row>
    <row r="43653" spans="1:10" x14ac:dyDescent="0.35">
      <c r="A43653" s="1" t="s">
        <v>13881</v>
      </c>
      <c r="B43653" s="1" t="s">
        <v>148150</v>
      </c>
      <c r="C43653" s="1" t="s">
        <v>135</v>
      </c>
      <c r="D43653" s="1" t="s">
        <v>9624</v>
      </c>
      <c r="E43653" s="1" t="s">
        <v>148874</v>
      </c>
      <c r="F43653" s="1" t="s">
        <v>148875</v>
      </c>
      <c r="G43653" s="1" t="s">
        <v>148795</v>
      </c>
      <c r="H43653" s="1" t="s">
        <v>148796</v>
      </c>
      <c r="I43653" s="1" t="s">
        <v>148154</v>
      </c>
      <c r="J43653" s="1" t="s">
        <v>148876</v>
      </c>
    </row>
    <row r="43654" spans="1:10" x14ac:dyDescent="0.35">
      <c r="A43654" s="1" t="s">
        <v>13881</v>
      </c>
      <c r="B43654" s="1" t="s">
        <v>148150</v>
      </c>
      <c r="C43654" s="1" t="s">
        <v>140</v>
      </c>
      <c r="D43654" s="1" t="s">
        <v>31173</v>
      </c>
      <c r="E43654" s="1" t="s">
        <v>148877</v>
      </c>
      <c r="F43654" s="1" t="s">
        <v>148878</v>
      </c>
      <c r="G43654" s="1" t="s">
        <v>148795</v>
      </c>
      <c r="H43654" s="1" t="s">
        <v>148796</v>
      </c>
      <c r="I43654" s="1" t="s">
        <v>148154</v>
      </c>
      <c r="J43654" s="1" t="s">
        <v>148879</v>
      </c>
    </row>
    <row r="43655" spans="1:10" x14ac:dyDescent="0.35">
      <c r="A43655" s="1" t="s">
        <v>13881</v>
      </c>
      <c r="B43655" s="1" t="s">
        <v>148150</v>
      </c>
      <c r="C43655" s="1" t="s">
        <v>145</v>
      </c>
      <c r="D43655" s="1" t="s">
        <v>73370</v>
      </c>
      <c r="E43655" s="1" t="s">
        <v>148880</v>
      </c>
      <c r="F43655" s="1" t="s">
        <v>148881</v>
      </c>
      <c r="G43655" s="1" t="s">
        <v>148795</v>
      </c>
      <c r="H43655" s="1" t="s">
        <v>148796</v>
      </c>
      <c r="I43655" s="1" t="s">
        <v>148154</v>
      </c>
      <c r="J43655" s="1" t="s">
        <v>148882</v>
      </c>
    </row>
    <row r="43656" spans="1:10" x14ac:dyDescent="0.35">
      <c r="A43656" s="1" t="s">
        <v>13881</v>
      </c>
      <c r="B43656" s="1" t="s">
        <v>148150</v>
      </c>
      <c r="C43656" s="1" t="s">
        <v>150</v>
      </c>
      <c r="D43656" s="1" t="s">
        <v>124535</v>
      </c>
      <c r="E43656" s="1" t="s">
        <v>148883</v>
      </c>
      <c r="F43656" s="1" t="s">
        <v>148884</v>
      </c>
      <c r="G43656" s="1" t="s">
        <v>148795</v>
      </c>
      <c r="H43656" s="1" t="s">
        <v>148796</v>
      </c>
      <c r="I43656" s="1" t="s">
        <v>148154</v>
      </c>
      <c r="J43656" s="1" t="s">
        <v>148885</v>
      </c>
    </row>
    <row r="43657" spans="1:10" x14ac:dyDescent="0.35">
      <c r="A43657" s="1" t="s">
        <v>13881</v>
      </c>
      <c r="B43657" s="1" t="s">
        <v>148150</v>
      </c>
      <c r="C43657" s="1" t="s">
        <v>155</v>
      </c>
      <c r="D43657" s="1" t="s">
        <v>32009</v>
      </c>
      <c r="E43657" s="1" t="s">
        <v>148886</v>
      </c>
      <c r="F43657" s="1" t="s">
        <v>148887</v>
      </c>
      <c r="G43657" s="1" t="s">
        <v>148795</v>
      </c>
      <c r="H43657" s="1" t="s">
        <v>148796</v>
      </c>
      <c r="I43657" s="1" t="s">
        <v>148154</v>
      </c>
      <c r="J43657" s="1" t="s">
        <v>148888</v>
      </c>
    </row>
    <row r="43658" spans="1:10" x14ac:dyDescent="0.35">
      <c r="A43658" s="1" t="s">
        <v>13881</v>
      </c>
      <c r="B43658" s="1" t="s">
        <v>148150</v>
      </c>
      <c r="C43658" s="1" t="s">
        <v>160</v>
      </c>
      <c r="D43658" s="1" t="s">
        <v>135406</v>
      </c>
      <c r="E43658" s="1" t="s">
        <v>148889</v>
      </c>
      <c r="F43658" s="1" t="s">
        <v>148890</v>
      </c>
      <c r="G43658" s="1" t="s">
        <v>148795</v>
      </c>
      <c r="H43658" s="1" t="s">
        <v>148796</v>
      </c>
      <c r="I43658" s="1" t="s">
        <v>148154</v>
      </c>
      <c r="J43658" s="1" t="s">
        <v>148891</v>
      </c>
    </row>
    <row r="43659" spans="1:10" x14ac:dyDescent="0.35">
      <c r="A43659" s="1" t="s">
        <v>13881</v>
      </c>
      <c r="B43659" s="1" t="s">
        <v>148150</v>
      </c>
      <c r="C43659" s="1" t="s">
        <v>165</v>
      </c>
      <c r="D43659" s="1" t="s">
        <v>148892</v>
      </c>
      <c r="E43659" s="1" t="s">
        <v>148893</v>
      </c>
      <c r="F43659" s="1" t="s">
        <v>148894</v>
      </c>
      <c r="G43659" s="1" t="s">
        <v>148795</v>
      </c>
      <c r="H43659" s="1" t="s">
        <v>148796</v>
      </c>
      <c r="I43659" s="1" t="s">
        <v>148154</v>
      </c>
      <c r="J43659" s="1" t="s">
        <v>148895</v>
      </c>
    </row>
    <row r="43660" spans="1:10" x14ac:dyDescent="0.35">
      <c r="A43660" s="1" t="s">
        <v>13881</v>
      </c>
      <c r="B43660" s="1" t="s">
        <v>148150</v>
      </c>
      <c r="C43660" s="1" t="s">
        <v>170</v>
      </c>
      <c r="D43660" s="1" t="s">
        <v>46501</v>
      </c>
      <c r="E43660" s="1" t="s">
        <v>148896</v>
      </c>
      <c r="F43660" s="1" t="s">
        <v>148897</v>
      </c>
      <c r="G43660" s="1" t="s">
        <v>148795</v>
      </c>
      <c r="H43660" s="1" t="s">
        <v>148796</v>
      </c>
      <c r="I43660" s="1" t="s">
        <v>148154</v>
      </c>
      <c r="J43660" s="1" t="s">
        <v>148898</v>
      </c>
    </row>
    <row r="43661" spans="1:10" x14ac:dyDescent="0.35">
      <c r="A43661" s="1" t="s">
        <v>6080</v>
      </c>
      <c r="B43661" s="1" t="s">
        <v>148150</v>
      </c>
      <c r="C43661" s="1" t="s">
        <v>8</v>
      </c>
      <c r="D43661" s="1" t="s">
        <v>121287</v>
      </c>
      <c r="E43661" s="1" t="s">
        <v>148899</v>
      </c>
      <c r="F43661" s="1" t="s">
        <v>148900</v>
      </c>
      <c r="G43661" s="1" t="s">
        <v>148901</v>
      </c>
      <c r="H43661" s="1" t="s">
        <v>148902</v>
      </c>
      <c r="I43661" s="1" t="s">
        <v>148154</v>
      </c>
      <c r="J43661" s="1" t="s">
        <v>13</v>
      </c>
    </row>
    <row r="43662" spans="1:10" x14ac:dyDescent="0.35">
      <c r="A43662" s="1" t="s">
        <v>6080</v>
      </c>
      <c r="B43662" s="1" t="s">
        <v>148150</v>
      </c>
      <c r="C43662" s="1" t="s">
        <v>15</v>
      </c>
      <c r="D43662" s="1" t="s">
        <v>112742</v>
      </c>
      <c r="E43662" s="1" t="s">
        <v>148903</v>
      </c>
      <c r="F43662" s="1" t="s">
        <v>148904</v>
      </c>
      <c r="G43662" s="1" t="s">
        <v>148901</v>
      </c>
      <c r="H43662" s="1" t="s">
        <v>148902</v>
      </c>
      <c r="I43662" s="1" t="s">
        <v>148154</v>
      </c>
      <c r="J43662" s="1" t="s">
        <v>148905</v>
      </c>
    </row>
    <row r="43663" spans="1:10" x14ac:dyDescent="0.35">
      <c r="A43663" s="1" t="s">
        <v>6080</v>
      </c>
      <c r="B43663" s="1" t="s">
        <v>148150</v>
      </c>
      <c r="C43663" s="1" t="s">
        <v>20</v>
      </c>
      <c r="D43663" s="1" t="s">
        <v>104453</v>
      </c>
      <c r="E43663" s="1" t="s">
        <v>148906</v>
      </c>
      <c r="F43663" s="1" t="s">
        <v>148907</v>
      </c>
      <c r="G43663" s="1" t="s">
        <v>148901</v>
      </c>
      <c r="H43663" s="1" t="s">
        <v>148902</v>
      </c>
      <c r="I43663" s="1" t="s">
        <v>148154</v>
      </c>
      <c r="J43663" s="1" t="s">
        <v>148908</v>
      </c>
    </row>
    <row r="43664" spans="1:10" x14ac:dyDescent="0.35">
      <c r="A43664" s="1" t="s">
        <v>6080</v>
      </c>
      <c r="B43664" s="1" t="s">
        <v>148150</v>
      </c>
      <c r="C43664" s="1" t="s">
        <v>25</v>
      </c>
      <c r="D43664" s="1" t="s">
        <v>148909</v>
      </c>
      <c r="E43664" s="1" t="s">
        <v>148910</v>
      </c>
      <c r="F43664" s="1" t="s">
        <v>148911</v>
      </c>
      <c r="G43664" s="1" t="s">
        <v>148901</v>
      </c>
      <c r="H43664" s="1" t="s">
        <v>148902</v>
      </c>
      <c r="I43664" s="1" t="s">
        <v>148154</v>
      </c>
      <c r="J43664" s="1" t="s">
        <v>148912</v>
      </c>
    </row>
    <row r="43665" spans="1:10" x14ac:dyDescent="0.35">
      <c r="A43665" s="1" t="s">
        <v>6080</v>
      </c>
      <c r="B43665" s="1" t="s">
        <v>148150</v>
      </c>
      <c r="C43665" s="1" t="s">
        <v>30</v>
      </c>
      <c r="D43665" s="1" t="s">
        <v>104824</v>
      </c>
      <c r="E43665" s="1" t="s">
        <v>148913</v>
      </c>
      <c r="F43665" s="1" t="s">
        <v>148914</v>
      </c>
      <c r="G43665" s="1" t="s">
        <v>148901</v>
      </c>
      <c r="H43665" s="1" t="s">
        <v>148902</v>
      </c>
      <c r="I43665" s="1" t="s">
        <v>148154</v>
      </c>
      <c r="J43665" s="1" t="s">
        <v>148915</v>
      </c>
    </row>
    <row r="43666" spans="1:10" x14ac:dyDescent="0.35">
      <c r="A43666" s="1" t="s">
        <v>6080</v>
      </c>
      <c r="B43666" s="1" t="s">
        <v>148150</v>
      </c>
      <c r="C43666" s="1" t="s">
        <v>35</v>
      </c>
      <c r="D43666" s="1" t="s">
        <v>45028</v>
      </c>
      <c r="E43666" s="1" t="s">
        <v>148916</v>
      </c>
      <c r="F43666" s="1" t="s">
        <v>148917</v>
      </c>
      <c r="G43666" s="1" t="s">
        <v>148901</v>
      </c>
      <c r="H43666" s="1" t="s">
        <v>148902</v>
      </c>
      <c r="I43666" s="1" t="s">
        <v>148154</v>
      </c>
      <c r="J43666" s="1" t="s">
        <v>148918</v>
      </c>
    </row>
    <row r="43667" spans="1:10" x14ac:dyDescent="0.35">
      <c r="A43667" s="1" t="s">
        <v>6080</v>
      </c>
      <c r="B43667" s="1" t="s">
        <v>148150</v>
      </c>
      <c r="C43667" s="1" t="s">
        <v>40</v>
      </c>
      <c r="D43667" s="1" t="s">
        <v>148919</v>
      </c>
      <c r="E43667" s="1" t="s">
        <v>148920</v>
      </c>
      <c r="F43667" s="1" t="s">
        <v>148921</v>
      </c>
      <c r="G43667" s="1" t="s">
        <v>148901</v>
      </c>
      <c r="H43667" s="1" t="s">
        <v>148902</v>
      </c>
      <c r="I43667" s="1" t="s">
        <v>148154</v>
      </c>
      <c r="J43667" s="1" t="s">
        <v>148922</v>
      </c>
    </row>
    <row r="43668" spans="1:10" x14ac:dyDescent="0.35">
      <c r="A43668" s="1" t="s">
        <v>6080</v>
      </c>
      <c r="B43668" s="1" t="s">
        <v>148150</v>
      </c>
      <c r="C43668" s="1" t="s">
        <v>45</v>
      </c>
      <c r="D43668" s="1" t="s">
        <v>111370</v>
      </c>
      <c r="E43668" s="1" t="s">
        <v>148923</v>
      </c>
      <c r="F43668" s="1" t="s">
        <v>148924</v>
      </c>
      <c r="G43668" s="1" t="s">
        <v>148901</v>
      </c>
      <c r="H43668" s="1" t="s">
        <v>148902</v>
      </c>
      <c r="I43668" s="1" t="s">
        <v>148154</v>
      </c>
      <c r="J43668" s="1" t="s">
        <v>148925</v>
      </c>
    </row>
    <row r="43669" spans="1:10" x14ac:dyDescent="0.35">
      <c r="A43669" s="1" t="s">
        <v>6080</v>
      </c>
      <c r="B43669" s="1" t="s">
        <v>148150</v>
      </c>
      <c r="C43669" s="1" t="s">
        <v>50</v>
      </c>
      <c r="D43669" s="1" t="s">
        <v>148926</v>
      </c>
      <c r="E43669" s="1" t="s">
        <v>148927</v>
      </c>
      <c r="F43669" s="1" t="s">
        <v>148928</v>
      </c>
      <c r="G43669" s="1" t="s">
        <v>148901</v>
      </c>
      <c r="H43669" s="1" t="s">
        <v>148902</v>
      </c>
      <c r="I43669" s="1" t="s">
        <v>148154</v>
      </c>
      <c r="J43669" s="1" t="s">
        <v>148929</v>
      </c>
    </row>
    <row r="43670" spans="1:10" x14ac:dyDescent="0.35">
      <c r="A43670" s="1" t="s">
        <v>6080</v>
      </c>
      <c r="B43670" s="1" t="s">
        <v>148150</v>
      </c>
      <c r="C43670" s="1" t="s">
        <v>55</v>
      </c>
      <c r="D43670" s="1" t="s">
        <v>50090</v>
      </c>
      <c r="E43670" s="1" t="s">
        <v>148930</v>
      </c>
      <c r="F43670" s="1" t="s">
        <v>148931</v>
      </c>
      <c r="G43670" s="1" t="s">
        <v>148901</v>
      </c>
      <c r="H43670" s="1" t="s">
        <v>148902</v>
      </c>
      <c r="I43670" s="1" t="s">
        <v>148154</v>
      </c>
      <c r="J43670" s="1" t="s">
        <v>148932</v>
      </c>
    </row>
    <row r="43671" spans="1:10" x14ac:dyDescent="0.35">
      <c r="A43671" s="1" t="s">
        <v>6080</v>
      </c>
      <c r="B43671" s="1" t="s">
        <v>148150</v>
      </c>
      <c r="C43671" s="1" t="s">
        <v>60</v>
      </c>
      <c r="D43671" s="1" t="s">
        <v>10334</v>
      </c>
      <c r="E43671" s="1" t="s">
        <v>148933</v>
      </c>
      <c r="F43671" s="1" t="s">
        <v>148934</v>
      </c>
      <c r="G43671" s="1" t="s">
        <v>148901</v>
      </c>
      <c r="H43671" s="1" t="s">
        <v>148902</v>
      </c>
      <c r="I43671" s="1" t="s">
        <v>148154</v>
      </c>
      <c r="J43671" s="1" t="s">
        <v>148935</v>
      </c>
    </row>
    <row r="43672" spans="1:10" x14ac:dyDescent="0.35">
      <c r="A43672" s="1" t="s">
        <v>6080</v>
      </c>
      <c r="B43672" s="1" t="s">
        <v>148150</v>
      </c>
      <c r="C43672" s="1" t="s">
        <v>65</v>
      </c>
      <c r="D43672" s="1" t="s">
        <v>28641</v>
      </c>
      <c r="E43672" s="1" t="s">
        <v>148936</v>
      </c>
      <c r="F43672" s="1" t="s">
        <v>148937</v>
      </c>
      <c r="G43672" s="1" t="s">
        <v>148901</v>
      </c>
      <c r="H43672" s="1" t="s">
        <v>148902</v>
      </c>
      <c r="I43672" s="1" t="s">
        <v>148154</v>
      </c>
      <c r="J43672" s="1" t="s">
        <v>148938</v>
      </c>
    </row>
    <row r="43673" spans="1:10" x14ac:dyDescent="0.35">
      <c r="A43673" s="1" t="s">
        <v>6080</v>
      </c>
      <c r="B43673" s="1" t="s">
        <v>148150</v>
      </c>
      <c r="C43673" s="1" t="s">
        <v>70</v>
      </c>
      <c r="D43673" s="1" t="s">
        <v>117185</v>
      </c>
      <c r="E43673" s="1" t="s">
        <v>148939</v>
      </c>
      <c r="F43673" s="1" t="s">
        <v>148940</v>
      </c>
      <c r="G43673" s="1" t="s">
        <v>148901</v>
      </c>
      <c r="H43673" s="1" t="s">
        <v>148902</v>
      </c>
      <c r="I43673" s="1" t="s">
        <v>148154</v>
      </c>
      <c r="J43673" s="1" t="s">
        <v>148941</v>
      </c>
    </row>
    <row r="43674" spans="1:10" x14ac:dyDescent="0.35">
      <c r="A43674" s="1" t="s">
        <v>6080</v>
      </c>
      <c r="B43674" s="1" t="s">
        <v>148150</v>
      </c>
      <c r="C43674" s="1" t="s">
        <v>75</v>
      </c>
      <c r="D43674" s="1" t="s">
        <v>148942</v>
      </c>
      <c r="E43674" s="1" t="s">
        <v>148943</v>
      </c>
      <c r="F43674" s="1" t="s">
        <v>148944</v>
      </c>
      <c r="G43674" s="1" t="s">
        <v>148901</v>
      </c>
      <c r="H43674" s="1" t="s">
        <v>148902</v>
      </c>
      <c r="I43674" s="1" t="s">
        <v>148154</v>
      </c>
      <c r="J43674" s="1" t="s">
        <v>148945</v>
      </c>
    </row>
    <row r="43675" spans="1:10" x14ac:dyDescent="0.35">
      <c r="A43675" s="1" t="s">
        <v>6080</v>
      </c>
      <c r="B43675" s="1" t="s">
        <v>148150</v>
      </c>
      <c r="C43675" s="1" t="s">
        <v>80</v>
      </c>
      <c r="D43675" s="1" t="s">
        <v>148946</v>
      </c>
      <c r="E43675" s="1" t="s">
        <v>148947</v>
      </c>
      <c r="F43675" s="1" t="s">
        <v>148948</v>
      </c>
      <c r="G43675" s="1" t="s">
        <v>148901</v>
      </c>
      <c r="H43675" s="1" t="s">
        <v>148902</v>
      </c>
      <c r="I43675" s="1" t="s">
        <v>148154</v>
      </c>
      <c r="J43675" s="1" t="s">
        <v>148949</v>
      </c>
    </row>
    <row r="43676" spans="1:10" x14ac:dyDescent="0.35">
      <c r="A43676" s="1" t="s">
        <v>6080</v>
      </c>
      <c r="B43676" s="1" t="s">
        <v>148150</v>
      </c>
      <c r="C43676" s="1" t="s">
        <v>85</v>
      </c>
      <c r="D43676" s="1" t="s">
        <v>116054</v>
      </c>
      <c r="E43676" s="1" t="s">
        <v>148950</v>
      </c>
      <c r="F43676" s="1" t="s">
        <v>148951</v>
      </c>
      <c r="G43676" s="1" t="s">
        <v>148901</v>
      </c>
      <c r="H43676" s="1" t="s">
        <v>148902</v>
      </c>
      <c r="I43676" s="1" t="s">
        <v>148154</v>
      </c>
      <c r="J43676" s="1" t="s">
        <v>148952</v>
      </c>
    </row>
    <row r="43677" spans="1:10" x14ac:dyDescent="0.35">
      <c r="A43677" s="1" t="s">
        <v>6080</v>
      </c>
      <c r="B43677" s="1" t="s">
        <v>148150</v>
      </c>
      <c r="C43677" s="1" t="s">
        <v>90</v>
      </c>
      <c r="D43677" s="1" t="s">
        <v>148953</v>
      </c>
      <c r="E43677" s="1" t="s">
        <v>148954</v>
      </c>
      <c r="F43677" s="1" t="s">
        <v>148955</v>
      </c>
      <c r="G43677" s="1" t="s">
        <v>148901</v>
      </c>
      <c r="H43677" s="1" t="s">
        <v>148902</v>
      </c>
      <c r="I43677" s="1" t="s">
        <v>148154</v>
      </c>
      <c r="J43677" s="1" t="s">
        <v>148956</v>
      </c>
    </row>
    <row r="43678" spans="1:10" x14ac:dyDescent="0.35">
      <c r="A43678" s="1" t="s">
        <v>6080</v>
      </c>
      <c r="B43678" s="1" t="s">
        <v>148150</v>
      </c>
      <c r="C43678" s="1" t="s">
        <v>95</v>
      </c>
      <c r="D43678" s="1" t="s">
        <v>148957</v>
      </c>
      <c r="E43678" s="1" t="s">
        <v>148958</v>
      </c>
      <c r="F43678" s="1" t="s">
        <v>148959</v>
      </c>
      <c r="G43678" s="1" t="s">
        <v>148901</v>
      </c>
      <c r="H43678" s="1" t="s">
        <v>148902</v>
      </c>
      <c r="I43678" s="1" t="s">
        <v>148154</v>
      </c>
      <c r="J43678" s="1" t="s">
        <v>148960</v>
      </c>
    </row>
    <row r="43679" spans="1:10" x14ac:dyDescent="0.35">
      <c r="A43679" s="1" t="s">
        <v>6080</v>
      </c>
      <c r="B43679" s="1" t="s">
        <v>148150</v>
      </c>
      <c r="C43679" s="1" t="s">
        <v>100</v>
      </c>
      <c r="D43679" s="1" t="s">
        <v>148961</v>
      </c>
      <c r="E43679" s="1" t="s">
        <v>148962</v>
      </c>
      <c r="F43679" s="1" t="s">
        <v>148963</v>
      </c>
      <c r="G43679" s="1" t="s">
        <v>148901</v>
      </c>
      <c r="H43679" s="1" t="s">
        <v>148902</v>
      </c>
      <c r="I43679" s="1" t="s">
        <v>148154</v>
      </c>
      <c r="J43679" s="1" t="s">
        <v>148964</v>
      </c>
    </row>
    <row r="43680" spans="1:10" x14ac:dyDescent="0.35">
      <c r="A43680" s="1" t="s">
        <v>6080</v>
      </c>
      <c r="B43680" s="1" t="s">
        <v>148150</v>
      </c>
      <c r="C43680" s="1" t="s">
        <v>105</v>
      </c>
      <c r="D43680" s="1" t="s">
        <v>49551</v>
      </c>
      <c r="E43680" s="1" t="s">
        <v>148965</v>
      </c>
      <c r="F43680" s="1" t="s">
        <v>148966</v>
      </c>
      <c r="G43680" s="1" t="s">
        <v>148901</v>
      </c>
      <c r="H43680" s="1" t="s">
        <v>148902</v>
      </c>
      <c r="I43680" s="1" t="s">
        <v>148154</v>
      </c>
      <c r="J43680" s="1" t="s">
        <v>148967</v>
      </c>
    </row>
    <row r="43681" spans="1:10" x14ac:dyDescent="0.35">
      <c r="A43681" s="1" t="s">
        <v>6080</v>
      </c>
      <c r="B43681" s="1" t="s">
        <v>148150</v>
      </c>
      <c r="C43681" s="1" t="s">
        <v>110</v>
      </c>
      <c r="D43681" s="1" t="s">
        <v>148968</v>
      </c>
      <c r="E43681" s="1" t="s">
        <v>148969</v>
      </c>
      <c r="F43681" s="1" t="s">
        <v>148970</v>
      </c>
      <c r="G43681" s="1" t="s">
        <v>148901</v>
      </c>
      <c r="H43681" s="1" t="s">
        <v>148902</v>
      </c>
      <c r="I43681" s="1" t="s">
        <v>148154</v>
      </c>
      <c r="J43681" s="1" t="s">
        <v>148971</v>
      </c>
    </row>
    <row r="43682" spans="1:10" x14ac:dyDescent="0.35">
      <c r="A43682" s="1" t="s">
        <v>6080</v>
      </c>
      <c r="B43682" s="1" t="s">
        <v>148150</v>
      </c>
      <c r="C43682" s="1" t="s">
        <v>115</v>
      </c>
      <c r="D43682" s="1" t="s">
        <v>51773</v>
      </c>
      <c r="E43682" s="1" t="s">
        <v>148972</v>
      </c>
      <c r="F43682" s="1" t="s">
        <v>148973</v>
      </c>
      <c r="G43682" s="1" t="s">
        <v>148901</v>
      </c>
      <c r="H43682" s="1" t="s">
        <v>148902</v>
      </c>
      <c r="I43682" s="1" t="s">
        <v>148154</v>
      </c>
      <c r="J43682" s="1" t="s">
        <v>148974</v>
      </c>
    </row>
    <row r="43683" spans="1:10" x14ac:dyDescent="0.35">
      <c r="A43683" s="1" t="s">
        <v>6080</v>
      </c>
      <c r="B43683" s="1" t="s">
        <v>148150</v>
      </c>
      <c r="C43683" s="1" t="s">
        <v>120</v>
      </c>
      <c r="D43683" s="1" t="s">
        <v>73134</v>
      </c>
      <c r="E43683" s="1" t="s">
        <v>148975</v>
      </c>
      <c r="F43683" s="1" t="s">
        <v>148976</v>
      </c>
      <c r="G43683" s="1" t="s">
        <v>148901</v>
      </c>
      <c r="H43683" s="1" t="s">
        <v>148902</v>
      </c>
      <c r="I43683" s="1" t="s">
        <v>148154</v>
      </c>
      <c r="J43683" s="1" t="s">
        <v>148977</v>
      </c>
    </row>
    <row r="43684" spans="1:10" x14ac:dyDescent="0.35">
      <c r="A43684" s="1" t="s">
        <v>6080</v>
      </c>
      <c r="B43684" s="1" t="s">
        <v>148150</v>
      </c>
      <c r="C43684" s="1" t="s">
        <v>125</v>
      </c>
      <c r="D43684" s="1" t="s">
        <v>148978</v>
      </c>
      <c r="E43684" s="1" t="s">
        <v>148979</v>
      </c>
      <c r="F43684" s="1" t="s">
        <v>148980</v>
      </c>
      <c r="G43684" s="1" t="s">
        <v>148901</v>
      </c>
      <c r="H43684" s="1" t="s">
        <v>148902</v>
      </c>
      <c r="I43684" s="1" t="s">
        <v>148154</v>
      </c>
      <c r="J43684" s="1" t="s">
        <v>148981</v>
      </c>
    </row>
    <row r="43685" spans="1:10" x14ac:dyDescent="0.35">
      <c r="A43685" s="1" t="s">
        <v>6080</v>
      </c>
      <c r="B43685" s="1" t="s">
        <v>148150</v>
      </c>
      <c r="C43685" s="1" t="s">
        <v>130</v>
      </c>
      <c r="D43685" s="1" t="s">
        <v>37525</v>
      </c>
      <c r="E43685" s="1" t="s">
        <v>148982</v>
      </c>
      <c r="F43685" s="1" t="s">
        <v>148983</v>
      </c>
      <c r="G43685" s="1" t="s">
        <v>148901</v>
      </c>
      <c r="H43685" s="1" t="s">
        <v>148902</v>
      </c>
      <c r="I43685" s="1" t="s">
        <v>148154</v>
      </c>
      <c r="J43685" s="1" t="s">
        <v>148984</v>
      </c>
    </row>
    <row r="43686" spans="1:10" x14ac:dyDescent="0.35">
      <c r="A43686" s="1" t="s">
        <v>6080</v>
      </c>
      <c r="B43686" s="1" t="s">
        <v>148150</v>
      </c>
      <c r="C43686" s="1" t="s">
        <v>135</v>
      </c>
      <c r="D43686" s="1" t="s">
        <v>13247</v>
      </c>
      <c r="E43686" s="1" t="s">
        <v>148985</v>
      </c>
      <c r="F43686" s="1" t="s">
        <v>148986</v>
      </c>
      <c r="G43686" s="1" t="s">
        <v>148901</v>
      </c>
      <c r="H43686" s="1" t="s">
        <v>148902</v>
      </c>
      <c r="I43686" s="1" t="s">
        <v>148154</v>
      </c>
      <c r="J43686" s="1" t="s">
        <v>148987</v>
      </c>
    </row>
    <row r="43687" spans="1:10" x14ac:dyDescent="0.35">
      <c r="A43687" s="1" t="s">
        <v>6080</v>
      </c>
      <c r="B43687" s="1" t="s">
        <v>148150</v>
      </c>
      <c r="C43687" s="1" t="s">
        <v>140</v>
      </c>
      <c r="D43687" s="1" t="s">
        <v>75311</v>
      </c>
      <c r="E43687" s="1" t="s">
        <v>148988</v>
      </c>
      <c r="F43687" s="1" t="s">
        <v>148989</v>
      </c>
      <c r="G43687" s="1" t="s">
        <v>148901</v>
      </c>
      <c r="H43687" s="1" t="s">
        <v>148902</v>
      </c>
      <c r="I43687" s="1" t="s">
        <v>148154</v>
      </c>
      <c r="J43687" s="1" t="s">
        <v>148990</v>
      </c>
    </row>
    <row r="43688" spans="1:10" x14ac:dyDescent="0.35">
      <c r="A43688" s="1" t="s">
        <v>6080</v>
      </c>
      <c r="B43688" s="1" t="s">
        <v>148150</v>
      </c>
      <c r="C43688" s="1" t="s">
        <v>145</v>
      </c>
      <c r="D43688" s="1" t="s">
        <v>148991</v>
      </c>
      <c r="E43688" s="1" t="s">
        <v>148992</v>
      </c>
      <c r="F43688" s="1" t="s">
        <v>148993</v>
      </c>
      <c r="G43688" s="1" t="s">
        <v>148901</v>
      </c>
      <c r="H43688" s="1" t="s">
        <v>148902</v>
      </c>
      <c r="I43688" s="1" t="s">
        <v>148154</v>
      </c>
      <c r="J43688" s="1" t="s">
        <v>148994</v>
      </c>
    </row>
    <row r="43689" spans="1:10" x14ac:dyDescent="0.35">
      <c r="A43689" s="1" t="s">
        <v>6080</v>
      </c>
      <c r="B43689" s="1" t="s">
        <v>148150</v>
      </c>
      <c r="C43689" s="1" t="s">
        <v>150</v>
      </c>
      <c r="D43689" s="1" t="s">
        <v>148995</v>
      </c>
      <c r="E43689" s="1" t="s">
        <v>148996</v>
      </c>
      <c r="F43689" s="1" t="s">
        <v>148997</v>
      </c>
      <c r="G43689" s="1" t="s">
        <v>148901</v>
      </c>
      <c r="H43689" s="1" t="s">
        <v>148902</v>
      </c>
      <c r="I43689" s="1" t="s">
        <v>148154</v>
      </c>
      <c r="J43689" s="1" t="s">
        <v>148998</v>
      </c>
    </row>
    <row r="43690" spans="1:10" x14ac:dyDescent="0.35">
      <c r="A43690" s="1" t="s">
        <v>6080</v>
      </c>
      <c r="B43690" s="1" t="s">
        <v>148150</v>
      </c>
      <c r="C43690" s="1" t="s">
        <v>155</v>
      </c>
      <c r="D43690" s="1" t="s">
        <v>116002</v>
      </c>
      <c r="E43690" s="1" t="s">
        <v>148999</v>
      </c>
      <c r="F43690" s="1" t="s">
        <v>149000</v>
      </c>
      <c r="G43690" s="1" t="s">
        <v>148901</v>
      </c>
      <c r="H43690" s="1" t="s">
        <v>148902</v>
      </c>
      <c r="I43690" s="1" t="s">
        <v>148154</v>
      </c>
      <c r="J43690" s="1" t="s">
        <v>149001</v>
      </c>
    </row>
    <row r="43691" spans="1:10" x14ac:dyDescent="0.35">
      <c r="A43691" s="1" t="s">
        <v>6080</v>
      </c>
      <c r="B43691" s="1" t="s">
        <v>148150</v>
      </c>
      <c r="C43691" s="1" t="s">
        <v>160</v>
      </c>
      <c r="D43691" s="1" t="s">
        <v>149002</v>
      </c>
      <c r="E43691" s="1" t="s">
        <v>149003</v>
      </c>
      <c r="F43691" s="1" t="s">
        <v>149004</v>
      </c>
      <c r="G43691" s="1" t="s">
        <v>148901</v>
      </c>
      <c r="H43691" s="1" t="s">
        <v>148902</v>
      </c>
      <c r="I43691" s="1" t="s">
        <v>148154</v>
      </c>
      <c r="J43691" s="1" t="s">
        <v>149005</v>
      </c>
    </row>
    <row r="43692" spans="1:10" x14ac:dyDescent="0.35">
      <c r="A43692" s="1" t="s">
        <v>6080</v>
      </c>
      <c r="B43692" s="1" t="s">
        <v>148150</v>
      </c>
      <c r="C43692" s="1" t="s">
        <v>165</v>
      </c>
      <c r="D43692" s="1" t="s">
        <v>149006</v>
      </c>
      <c r="E43692" s="1" t="s">
        <v>149007</v>
      </c>
      <c r="F43692" s="1" t="s">
        <v>149008</v>
      </c>
      <c r="G43692" s="1" t="s">
        <v>148901</v>
      </c>
      <c r="H43692" s="1" t="s">
        <v>148902</v>
      </c>
      <c r="I43692" s="1" t="s">
        <v>148154</v>
      </c>
      <c r="J43692" s="1" t="s">
        <v>149009</v>
      </c>
    </row>
    <row r="43693" spans="1:10" x14ac:dyDescent="0.35">
      <c r="A43693" s="1" t="s">
        <v>6080</v>
      </c>
      <c r="B43693" s="1" t="s">
        <v>148150</v>
      </c>
      <c r="C43693" s="1" t="s">
        <v>170</v>
      </c>
      <c r="D43693" s="1" t="s">
        <v>125796</v>
      </c>
      <c r="E43693" s="1" t="s">
        <v>149010</v>
      </c>
      <c r="F43693" s="1" t="s">
        <v>149011</v>
      </c>
      <c r="G43693" s="1" t="s">
        <v>148901</v>
      </c>
      <c r="H43693" s="1" t="s">
        <v>148902</v>
      </c>
      <c r="I43693" s="1" t="s">
        <v>148154</v>
      </c>
      <c r="J43693" s="1" t="s">
        <v>149012</v>
      </c>
    </row>
    <row r="43694" spans="1:10" x14ac:dyDescent="0.35">
      <c r="A43694" s="1" t="s">
        <v>4508</v>
      </c>
      <c r="B43694" s="1" t="s">
        <v>149013</v>
      </c>
      <c r="C43694" s="1" t="s">
        <v>8</v>
      </c>
      <c r="D43694" s="1" t="s">
        <v>45605</v>
      </c>
      <c r="E43694" s="1" t="s">
        <v>149014</v>
      </c>
      <c r="F43694" s="1" t="s">
        <v>57953</v>
      </c>
      <c r="G43694" s="1" t="s">
        <v>149015</v>
      </c>
      <c r="H43694" s="1" t="s">
        <v>149016</v>
      </c>
      <c r="I43694" s="1" t="s">
        <v>149017</v>
      </c>
      <c r="J43694" s="1" t="s">
        <v>13</v>
      </c>
    </row>
    <row r="43695" spans="1:10" x14ac:dyDescent="0.35">
      <c r="A43695" s="1" t="s">
        <v>4508</v>
      </c>
      <c r="B43695" s="1" t="s">
        <v>149013</v>
      </c>
      <c r="C43695" s="1" t="s">
        <v>15</v>
      </c>
      <c r="D43695" s="1" t="s">
        <v>117775</v>
      </c>
      <c r="E43695" s="1" t="s">
        <v>132821</v>
      </c>
      <c r="F43695" s="1" t="s">
        <v>64457</v>
      </c>
      <c r="G43695" s="1" t="s">
        <v>149015</v>
      </c>
      <c r="H43695" s="1" t="s">
        <v>149016</v>
      </c>
      <c r="I43695" s="1" t="s">
        <v>149017</v>
      </c>
      <c r="J43695" s="1" t="s">
        <v>149018</v>
      </c>
    </row>
    <row r="43696" spans="1:10" x14ac:dyDescent="0.35">
      <c r="A43696" s="1" t="s">
        <v>4508</v>
      </c>
      <c r="B43696" s="1" t="s">
        <v>149013</v>
      </c>
      <c r="C43696" s="1" t="s">
        <v>20</v>
      </c>
      <c r="D43696" s="1" t="s">
        <v>13199</v>
      </c>
      <c r="E43696" s="1" t="s">
        <v>127061</v>
      </c>
      <c r="F43696" s="1" t="s">
        <v>149019</v>
      </c>
      <c r="G43696" s="1" t="s">
        <v>149015</v>
      </c>
      <c r="H43696" s="1" t="s">
        <v>149016</v>
      </c>
      <c r="I43696" s="1" t="s">
        <v>149017</v>
      </c>
      <c r="J43696" s="1" t="s">
        <v>149020</v>
      </c>
    </row>
    <row r="43697" spans="1:10" x14ac:dyDescent="0.35">
      <c r="A43697" s="1" t="s">
        <v>4508</v>
      </c>
      <c r="B43697" s="1" t="s">
        <v>149013</v>
      </c>
      <c r="C43697" s="1" t="s">
        <v>25</v>
      </c>
      <c r="D43697" s="1" t="s">
        <v>145455</v>
      </c>
      <c r="E43697" s="1" t="s">
        <v>107563</v>
      </c>
      <c r="F43697" s="1" t="s">
        <v>114999</v>
      </c>
      <c r="G43697" s="1" t="s">
        <v>149015</v>
      </c>
      <c r="H43697" s="1" t="s">
        <v>149016</v>
      </c>
      <c r="I43697" s="1" t="s">
        <v>149017</v>
      </c>
      <c r="J43697" s="1" t="s">
        <v>149021</v>
      </c>
    </row>
    <row r="43698" spans="1:10" x14ac:dyDescent="0.35">
      <c r="A43698" s="1" t="s">
        <v>4508</v>
      </c>
      <c r="B43698" s="1" t="s">
        <v>149013</v>
      </c>
      <c r="C43698" s="1" t="s">
        <v>30</v>
      </c>
      <c r="D43698" s="1" t="s">
        <v>133272</v>
      </c>
      <c r="E43698" s="1" t="s">
        <v>149022</v>
      </c>
      <c r="F43698" s="1" t="s">
        <v>149023</v>
      </c>
      <c r="G43698" s="1" t="s">
        <v>149015</v>
      </c>
      <c r="H43698" s="1" t="s">
        <v>149016</v>
      </c>
      <c r="I43698" s="1" t="s">
        <v>149017</v>
      </c>
      <c r="J43698" s="1" t="s">
        <v>149024</v>
      </c>
    </row>
    <row r="43699" spans="1:10" x14ac:dyDescent="0.35">
      <c r="A43699" s="1" t="s">
        <v>4508</v>
      </c>
      <c r="B43699" s="1" t="s">
        <v>149013</v>
      </c>
      <c r="C43699" s="1" t="s">
        <v>35</v>
      </c>
      <c r="D43699" s="1" t="s">
        <v>9868</v>
      </c>
      <c r="E43699" s="1" t="s">
        <v>128749</v>
      </c>
      <c r="F43699" s="1" t="s">
        <v>149025</v>
      </c>
      <c r="G43699" s="1" t="s">
        <v>149015</v>
      </c>
      <c r="H43699" s="1" t="s">
        <v>149016</v>
      </c>
      <c r="I43699" s="1" t="s">
        <v>149017</v>
      </c>
      <c r="J43699" s="1" t="s">
        <v>145851</v>
      </c>
    </row>
    <row r="43700" spans="1:10" x14ac:dyDescent="0.35">
      <c r="A43700" s="1" t="s">
        <v>4508</v>
      </c>
      <c r="B43700" s="1" t="s">
        <v>149013</v>
      </c>
      <c r="C43700" s="1" t="s">
        <v>40</v>
      </c>
      <c r="D43700" s="1" t="s">
        <v>28134</v>
      </c>
      <c r="E43700" s="1" t="s">
        <v>94756</v>
      </c>
      <c r="F43700" s="1" t="s">
        <v>149026</v>
      </c>
      <c r="G43700" s="1" t="s">
        <v>149015</v>
      </c>
      <c r="H43700" s="1" t="s">
        <v>149016</v>
      </c>
      <c r="I43700" s="1" t="s">
        <v>149017</v>
      </c>
      <c r="J43700" s="1" t="s">
        <v>149027</v>
      </c>
    </row>
    <row r="43701" spans="1:10" x14ac:dyDescent="0.35">
      <c r="A43701" s="1" t="s">
        <v>4508</v>
      </c>
      <c r="B43701" s="1" t="s">
        <v>149013</v>
      </c>
      <c r="C43701" s="1" t="s">
        <v>45</v>
      </c>
      <c r="D43701" s="1" t="s">
        <v>29868</v>
      </c>
      <c r="E43701" s="1" t="s">
        <v>149028</v>
      </c>
      <c r="F43701" s="1" t="s">
        <v>23514</v>
      </c>
      <c r="G43701" s="1" t="s">
        <v>149015</v>
      </c>
      <c r="H43701" s="1" t="s">
        <v>149016</v>
      </c>
      <c r="I43701" s="1" t="s">
        <v>149017</v>
      </c>
      <c r="J43701" s="1" t="s">
        <v>149029</v>
      </c>
    </row>
    <row r="43702" spans="1:10" x14ac:dyDescent="0.35">
      <c r="A43702" s="1" t="s">
        <v>4508</v>
      </c>
      <c r="B43702" s="1" t="s">
        <v>149013</v>
      </c>
      <c r="C43702" s="1" t="s">
        <v>50</v>
      </c>
      <c r="D43702" s="1" t="s">
        <v>119103</v>
      </c>
      <c r="E43702" s="1" t="s">
        <v>130375</v>
      </c>
      <c r="F43702" s="1" t="s">
        <v>109030</v>
      </c>
      <c r="G43702" s="1" t="s">
        <v>149015</v>
      </c>
      <c r="H43702" s="1" t="s">
        <v>149016</v>
      </c>
      <c r="I43702" s="1" t="s">
        <v>149017</v>
      </c>
      <c r="J43702" s="1" t="s">
        <v>149030</v>
      </c>
    </row>
    <row r="43703" spans="1:10" x14ac:dyDescent="0.35">
      <c r="A43703" s="1" t="s">
        <v>4508</v>
      </c>
      <c r="B43703" s="1" t="s">
        <v>149013</v>
      </c>
      <c r="C43703" s="1" t="s">
        <v>55</v>
      </c>
      <c r="D43703" s="1" t="s">
        <v>46432</v>
      </c>
      <c r="E43703" s="1" t="s">
        <v>130850</v>
      </c>
      <c r="F43703" s="1" t="s">
        <v>149031</v>
      </c>
      <c r="G43703" s="1" t="s">
        <v>149015</v>
      </c>
      <c r="H43703" s="1" t="s">
        <v>149016</v>
      </c>
      <c r="I43703" s="1" t="s">
        <v>149017</v>
      </c>
      <c r="J43703" s="1" t="s">
        <v>149032</v>
      </c>
    </row>
    <row r="43704" spans="1:10" x14ac:dyDescent="0.35">
      <c r="A43704" s="1" t="s">
        <v>4508</v>
      </c>
      <c r="B43704" s="1" t="s">
        <v>149013</v>
      </c>
      <c r="C43704" s="1" t="s">
        <v>60</v>
      </c>
      <c r="D43704" s="1" t="s">
        <v>119412</v>
      </c>
      <c r="E43704" s="1" t="s">
        <v>15965</v>
      </c>
      <c r="F43704" s="1" t="s">
        <v>149033</v>
      </c>
      <c r="G43704" s="1" t="s">
        <v>149015</v>
      </c>
      <c r="H43704" s="1" t="s">
        <v>149016</v>
      </c>
      <c r="I43704" s="1" t="s">
        <v>149017</v>
      </c>
      <c r="J43704" s="1" t="s">
        <v>149034</v>
      </c>
    </row>
    <row r="43705" spans="1:10" x14ac:dyDescent="0.35">
      <c r="A43705" s="1" t="s">
        <v>4508</v>
      </c>
      <c r="B43705" s="1" t="s">
        <v>149013</v>
      </c>
      <c r="C43705" s="1" t="s">
        <v>65</v>
      </c>
      <c r="D43705" s="1" t="s">
        <v>3965</v>
      </c>
      <c r="E43705" s="1" t="s">
        <v>128771</v>
      </c>
      <c r="F43705" s="1" t="s">
        <v>149035</v>
      </c>
      <c r="G43705" s="1" t="s">
        <v>149015</v>
      </c>
      <c r="H43705" s="1" t="s">
        <v>149016</v>
      </c>
      <c r="I43705" s="1" t="s">
        <v>149017</v>
      </c>
      <c r="J43705" s="1" t="s">
        <v>149036</v>
      </c>
    </row>
    <row r="43706" spans="1:10" x14ac:dyDescent="0.35">
      <c r="A43706" s="1" t="s">
        <v>4508</v>
      </c>
      <c r="B43706" s="1" t="s">
        <v>149013</v>
      </c>
      <c r="C43706" s="1" t="s">
        <v>70</v>
      </c>
      <c r="D43706" s="1" t="s">
        <v>1379</v>
      </c>
      <c r="E43706" s="1" t="s">
        <v>109239</v>
      </c>
      <c r="F43706" s="1" t="s">
        <v>115218</v>
      </c>
      <c r="G43706" s="1" t="s">
        <v>149015</v>
      </c>
      <c r="H43706" s="1" t="s">
        <v>149016</v>
      </c>
      <c r="I43706" s="1" t="s">
        <v>149017</v>
      </c>
      <c r="J43706" s="1" t="s">
        <v>149037</v>
      </c>
    </row>
    <row r="43707" spans="1:10" x14ac:dyDescent="0.35">
      <c r="A43707" s="1" t="s">
        <v>4508</v>
      </c>
      <c r="B43707" s="1" t="s">
        <v>149013</v>
      </c>
      <c r="C43707" s="1" t="s">
        <v>75</v>
      </c>
      <c r="D43707" s="1" t="s">
        <v>5502</v>
      </c>
      <c r="E43707" s="1" t="s">
        <v>139608</v>
      </c>
      <c r="F43707" s="1" t="s">
        <v>149038</v>
      </c>
      <c r="G43707" s="1" t="s">
        <v>149015</v>
      </c>
      <c r="H43707" s="1" t="s">
        <v>149016</v>
      </c>
      <c r="I43707" s="1" t="s">
        <v>149017</v>
      </c>
      <c r="J43707" s="1" t="s">
        <v>5504</v>
      </c>
    </row>
    <row r="43708" spans="1:10" x14ac:dyDescent="0.35">
      <c r="A43708" s="1" t="s">
        <v>4508</v>
      </c>
      <c r="B43708" s="1" t="s">
        <v>149013</v>
      </c>
      <c r="C43708" s="1" t="s">
        <v>80</v>
      </c>
      <c r="D43708" s="1" t="s">
        <v>3995</v>
      </c>
      <c r="E43708" s="1" t="s">
        <v>105317</v>
      </c>
      <c r="F43708" s="1" t="s">
        <v>60693</v>
      </c>
      <c r="G43708" s="1" t="s">
        <v>149015</v>
      </c>
      <c r="H43708" s="1" t="s">
        <v>149016</v>
      </c>
      <c r="I43708" s="1" t="s">
        <v>149017</v>
      </c>
      <c r="J43708" s="1" t="s">
        <v>149039</v>
      </c>
    </row>
    <row r="43709" spans="1:10" x14ac:dyDescent="0.35">
      <c r="A43709" s="1" t="s">
        <v>4508</v>
      </c>
      <c r="B43709" s="1" t="s">
        <v>149013</v>
      </c>
      <c r="C43709" s="1" t="s">
        <v>85</v>
      </c>
      <c r="D43709" s="1" t="s">
        <v>111269</v>
      </c>
      <c r="E43709" s="1" t="s">
        <v>128111</v>
      </c>
      <c r="F43709" s="1" t="s">
        <v>32062</v>
      </c>
      <c r="G43709" s="1" t="s">
        <v>149015</v>
      </c>
      <c r="H43709" s="1" t="s">
        <v>149016</v>
      </c>
      <c r="I43709" s="1" t="s">
        <v>149017</v>
      </c>
      <c r="J43709" s="1" t="s">
        <v>149040</v>
      </c>
    </row>
    <row r="43710" spans="1:10" x14ac:dyDescent="0.35">
      <c r="A43710" s="1" t="s">
        <v>4508</v>
      </c>
      <c r="B43710" s="1" t="s">
        <v>149013</v>
      </c>
      <c r="C43710" s="1" t="s">
        <v>90</v>
      </c>
      <c r="D43710" s="1" t="s">
        <v>3600</v>
      </c>
      <c r="E43710" s="1" t="s">
        <v>133416</v>
      </c>
      <c r="F43710" s="1" t="s">
        <v>99885</v>
      </c>
      <c r="G43710" s="1" t="s">
        <v>149015</v>
      </c>
      <c r="H43710" s="1" t="s">
        <v>149016</v>
      </c>
      <c r="I43710" s="1" t="s">
        <v>149017</v>
      </c>
      <c r="J43710" s="1" t="s">
        <v>149041</v>
      </c>
    </row>
    <row r="43711" spans="1:10" x14ac:dyDescent="0.35">
      <c r="A43711" s="1" t="s">
        <v>4508</v>
      </c>
      <c r="B43711" s="1" t="s">
        <v>149013</v>
      </c>
      <c r="C43711" s="1" t="s">
        <v>95</v>
      </c>
      <c r="D43711" s="1" t="s">
        <v>142472</v>
      </c>
      <c r="E43711" s="1" t="s">
        <v>149042</v>
      </c>
      <c r="F43711" s="1" t="s">
        <v>64442</v>
      </c>
      <c r="G43711" s="1" t="s">
        <v>149015</v>
      </c>
      <c r="H43711" s="1" t="s">
        <v>149016</v>
      </c>
      <c r="I43711" s="1" t="s">
        <v>149017</v>
      </c>
      <c r="J43711" s="1" t="s">
        <v>149043</v>
      </c>
    </row>
    <row r="43712" spans="1:10" x14ac:dyDescent="0.35">
      <c r="A43712" s="1" t="s">
        <v>4508</v>
      </c>
      <c r="B43712" s="1" t="s">
        <v>149013</v>
      </c>
      <c r="C43712" s="1" t="s">
        <v>100</v>
      </c>
      <c r="D43712" s="1" t="s">
        <v>29175</v>
      </c>
      <c r="E43712" s="1" t="s">
        <v>149044</v>
      </c>
      <c r="F43712" s="1" t="s">
        <v>60614</v>
      </c>
      <c r="G43712" s="1" t="s">
        <v>149015</v>
      </c>
      <c r="H43712" s="1" t="s">
        <v>149016</v>
      </c>
      <c r="I43712" s="1" t="s">
        <v>149017</v>
      </c>
      <c r="J43712" s="1" t="s">
        <v>149045</v>
      </c>
    </row>
    <row r="43713" spans="1:10" x14ac:dyDescent="0.35">
      <c r="A43713" s="1" t="s">
        <v>4508</v>
      </c>
      <c r="B43713" s="1" t="s">
        <v>149013</v>
      </c>
      <c r="C43713" s="1" t="s">
        <v>105</v>
      </c>
      <c r="D43713" s="1" t="s">
        <v>1387</v>
      </c>
      <c r="E43713" s="1" t="s">
        <v>94763</v>
      </c>
      <c r="F43713" s="1" t="s">
        <v>149046</v>
      </c>
      <c r="G43713" s="1" t="s">
        <v>149015</v>
      </c>
      <c r="H43713" s="1" t="s">
        <v>149016</v>
      </c>
      <c r="I43713" s="1" t="s">
        <v>149017</v>
      </c>
      <c r="J43713" s="1" t="s">
        <v>149047</v>
      </c>
    </row>
    <row r="43714" spans="1:10" x14ac:dyDescent="0.35">
      <c r="A43714" s="1" t="s">
        <v>4508</v>
      </c>
      <c r="B43714" s="1" t="s">
        <v>149013</v>
      </c>
      <c r="C43714" s="1" t="s">
        <v>110</v>
      </c>
      <c r="D43714" s="1" t="s">
        <v>10217</v>
      </c>
      <c r="E43714" s="1" t="s">
        <v>149048</v>
      </c>
      <c r="F43714" s="1" t="s">
        <v>149049</v>
      </c>
      <c r="G43714" s="1" t="s">
        <v>149015</v>
      </c>
      <c r="H43714" s="1" t="s">
        <v>149016</v>
      </c>
      <c r="I43714" s="1" t="s">
        <v>149017</v>
      </c>
      <c r="J43714" s="1" t="s">
        <v>149050</v>
      </c>
    </row>
    <row r="43715" spans="1:10" x14ac:dyDescent="0.35">
      <c r="A43715" s="1" t="s">
        <v>4508</v>
      </c>
      <c r="B43715" s="1" t="s">
        <v>149013</v>
      </c>
      <c r="C43715" s="1" t="s">
        <v>115</v>
      </c>
      <c r="D43715" s="1" t="s">
        <v>112232</v>
      </c>
      <c r="E43715" s="1" t="s">
        <v>132810</v>
      </c>
      <c r="F43715" s="1" t="s">
        <v>149051</v>
      </c>
      <c r="G43715" s="1" t="s">
        <v>149015</v>
      </c>
      <c r="H43715" s="1" t="s">
        <v>149016</v>
      </c>
      <c r="I43715" s="1" t="s">
        <v>149017</v>
      </c>
      <c r="J43715" s="1" t="s">
        <v>149052</v>
      </c>
    </row>
    <row r="43716" spans="1:10" x14ac:dyDescent="0.35">
      <c r="A43716" s="1" t="s">
        <v>4508</v>
      </c>
      <c r="B43716" s="1" t="s">
        <v>149013</v>
      </c>
      <c r="C43716" s="1" t="s">
        <v>120</v>
      </c>
      <c r="D43716" s="1" t="s">
        <v>10114</v>
      </c>
      <c r="E43716" s="1" t="s">
        <v>128756</v>
      </c>
      <c r="F43716" s="1" t="s">
        <v>61132</v>
      </c>
      <c r="G43716" s="1" t="s">
        <v>149015</v>
      </c>
      <c r="H43716" s="1" t="s">
        <v>149016</v>
      </c>
      <c r="I43716" s="1" t="s">
        <v>149017</v>
      </c>
      <c r="J43716" s="1" t="s">
        <v>149053</v>
      </c>
    </row>
    <row r="43717" spans="1:10" x14ac:dyDescent="0.35">
      <c r="A43717" s="1" t="s">
        <v>4508</v>
      </c>
      <c r="B43717" s="1" t="s">
        <v>149013</v>
      </c>
      <c r="C43717" s="1" t="s">
        <v>125</v>
      </c>
      <c r="D43717" s="1" t="s">
        <v>146764</v>
      </c>
      <c r="E43717" s="1" t="s">
        <v>149054</v>
      </c>
      <c r="F43717" s="1" t="s">
        <v>149055</v>
      </c>
      <c r="G43717" s="1" t="s">
        <v>149015</v>
      </c>
      <c r="H43717" s="1" t="s">
        <v>149016</v>
      </c>
      <c r="I43717" s="1" t="s">
        <v>149017</v>
      </c>
      <c r="J43717" s="1" t="s">
        <v>149056</v>
      </c>
    </row>
    <row r="43718" spans="1:10" x14ac:dyDescent="0.35">
      <c r="A43718" s="1" t="s">
        <v>4508</v>
      </c>
      <c r="B43718" s="1" t="s">
        <v>149013</v>
      </c>
      <c r="C43718" s="1" t="s">
        <v>130</v>
      </c>
      <c r="D43718" s="1" t="s">
        <v>142699</v>
      </c>
      <c r="E43718" s="1" t="s">
        <v>105275</v>
      </c>
      <c r="F43718" s="1" t="s">
        <v>96617</v>
      </c>
      <c r="G43718" s="1" t="s">
        <v>149015</v>
      </c>
      <c r="H43718" s="1" t="s">
        <v>149016</v>
      </c>
      <c r="I43718" s="1" t="s">
        <v>149017</v>
      </c>
      <c r="J43718" s="1" t="s">
        <v>149057</v>
      </c>
    </row>
    <row r="43719" spans="1:10" x14ac:dyDescent="0.35">
      <c r="A43719" s="1" t="s">
        <v>4508</v>
      </c>
      <c r="B43719" s="1" t="s">
        <v>149013</v>
      </c>
      <c r="C43719" s="1" t="s">
        <v>135</v>
      </c>
      <c r="D43719" s="1" t="s">
        <v>110371</v>
      </c>
      <c r="E43719" s="1" t="s">
        <v>15504</v>
      </c>
      <c r="F43719" s="1" t="s">
        <v>149058</v>
      </c>
      <c r="G43719" s="1" t="s">
        <v>149015</v>
      </c>
      <c r="H43719" s="1" t="s">
        <v>149016</v>
      </c>
      <c r="I43719" s="1" t="s">
        <v>149017</v>
      </c>
      <c r="J43719" s="1" t="s">
        <v>149059</v>
      </c>
    </row>
    <row r="43720" spans="1:10" x14ac:dyDescent="0.35">
      <c r="A43720" s="1" t="s">
        <v>4508</v>
      </c>
      <c r="B43720" s="1" t="s">
        <v>149013</v>
      </c>
      <c r="C43720" s="1" t="s">
        <v>140</v>
      </c>
      <c r="D43720" s="1" t="s">
        <v>1663</v>
      </c>
      <c r="E43720" s="1" t="s">
        <v>149060</v>
      </c>
      <c r="F43720" s="1" t="s">
        <v>132790</v>
      </c>
      <c r="G43720" s="1" t="s">
        <v>149015</v>
      </c>
      <c r="H43720" s="1" t="s">
        <v>149016</v>
      </c>
      <c r="I43720" s="1" t="s">
        <v>149017</v>
      </c>
      <c r="J43720" s="1" t="s">
        <v>149061</v>
      </c>
    </row>
    <row r="43721" spans="1:10" x14ac:dyDescent="0.35">
      <c r="A43721" s="1" t="s">
        <v>4508</v>
      </c>
      <c r="B43721" s="1" t="s">
        <v>149013</v>
      </c>
      <c r="C43721" s="1" t="s">
        <v>145</v>
      </c>
      <c r="D43721" s="1" t="s">
        <v>29334</v>
      </c>
      <c r="E43721" s="1" t="s">
        <v>127061</v>
      </c>
      <c r="F43721" s="1" t="s">
        <v>131819</v>
      </c>
      <c r="G43721" s="1" t="s">
        <v>149015</v>
      </c>
      <c r="H43721" s="1" t="s">
        <v>149016</v>
      </c>
      <c r="I43721" s="1" t="s">
        <v>149017</v>
      </c>
      <c r="J43721" s="1" t="s">
        <v>149062</v>
      </c>
    </row>
    <row r="43722" spans="1:10" x14ac:dyDescent="0.35">
      <c r="A43722" s="1" t="s">
        <v>4508</v>
      </c>
      <c r="B43722" s="1" t="s">
        <v>149013</v>
      </c>
      <c r="C43722" s="1" t="s">
        <v>150</v>
      </c>
      <c r="D43722" s="1" t="s">
        <v>149063</v>
      </c>
      <c r="E43722" s="1" t="s">
        <v>15524</v>
      </c>
      <c r="F43722" s="1" t="s">
        <v>60993</v>
      </c>
      <c r="G43722" s="1" t="s">
        <v>149015</v>
      </c>
      <c r="H43722" s="1" t="s">
        <v>149016</v>
      </c>
      <c r="I43722" s="1" t="s">
        <v>149017</v>
      </c>
      <c r="J43722" s="1" t="s">
        <v>149064</v>
      </c>
    </row>
    <row r="43723" spans="1:10" x14ac:dyDescent="0.35">
      <c r="A43723" s="1" t="s">
        <v>4508</v>
      </c>
      <c r="B43723" s="1" t="s">
        <v>149013</v>
      </c>
      <c r="C43723" s="1" t="s">
        <v>155</v>
      </c>
      <c r="D43723" s="1" t="s">
        <v>1564</v>
      </c>
      <c r="E43723" s="1" t="s">
        <v>149065</v>
      </c>
      <c r="F43723" s="1" t="s">
        <v>64868</v>
      </c>
      <c r="G43723" s="1" t="s">
        <v>149015</v>
      </c>
      <c r="H43723" s="1" t="s">
        <v>149016</v>
      </c>
      <c r="I43723" s="1" t="s">
        <v>149017</v>
      </c>
      <c r="J43723" s="1" t="s">
        <v>149066</v>
      </c>
    </row>
    <row r="43724" spans="1:10" x14ac:dyDescent="0.35">
      <c r="A43724" s="1" t="s">
        <v>4508</v>
      </c>
      <c r="B43724" s="1" t="s">
        <v>149013</v>
      </c>
      <c r="C43724" s="1" t="s">
        <v>160</v>
      </c>
      <c r="D43724" s="1" t="s">
        <v>8061</v>
      </c>
      <c r="E43724" s="1" t="s">
        <v>106144</v>
      </c>
      <c r="F43724" s="1" t="s">
        <v>149067</v>
      </c>
      <c r="G43724" s="1" t="s">
        <v>149015</v>
      </c>
      <c r="H43724" s="1" t="s">
        <v>149016</v>
      </c>
      <c r="I43724" s="1" t="s">
        <v>149017</v>
      </c>
      <c r="J43724" s="1" t="s">
        <v>149068</v>
      </c>
    </row>
    <row r="43725" spans="1:10" x14ac:dyDescent="0.35">
      <c r="A43725" s="1" t="s">
        <v>4508</v>
      </c>
      <c r="B43725" s="1" t="s">
        <v>149013</v>
      </c>
      <c r="C43725" s="1" t="s">
        <v>165</v>
      </c>
      <c r="D43725" s="1" t="s">
        <v>27630</v>
      </c>
      <c r="E43725" s="1" t="s">
        <v>128029</v>
      </c>
      <c r="F43725" s="1" t="s">
        <v>103839</v>
      </c>
      <c r="G43725" s="1" t="s">
        <v>149015</v>
      </c>
      <c r="H43725" s="1" t="s">
        <v>149016</v>
      </c>
      <c r="I43725" s="1" t="s">
        <v>149017</v>
      </c>
      <c r="J43725" s="1" t="s">
        <v>149069</v>
      </c>
    </row>
    <row r="43726" spans="1:10" x14ac:dyDescent="0.35">
      <c r="A43726" s="1" t="s">
        <v>4508</v>
      </c>
      <c r="B43726" s="1" t="s">
        <v>149013</v>
      </c>
      <c r="C43726" s="1" t="s">
        <v>170</v>
      </c>
      <c r="D43726" s="1" t="s">
        <v>27630</v>
      </c>
      <c r="E43726" s="1" t="s">
        <v>49836</v>
      </c>
      <c r="F43726" s="1" t="s">
        <v>149070</v>
      </c>
      <c r="G43726" s="1" t="s">
        <v>149015</v>
      </c>
      <c r="H43726" s="1" t="s">
        <v>149016</v>
      </c>
      <c r="I43726" s="1" t="s">
        <v>149017</v>
      </c>
      <c r="J43726" s="1" t="s">
        <v>1180</v>
      </c>
    </row>
    <row r="43727" spans="1:10" x14ac:dyDescent="0.35">
      <c r="A43727" s="1" t="s">
        <v>29410</v>
      </c>
      <c r="B43727" s="1" t="s">
        <v>149013</v>
      </c>
      <c r="C43727" s="1" t="s">
        <v>8</v>
      </c>
      <c r="D43727" s="1" t="s">
        <v>1312</v>
      </c>
      <c r="E43727" s="1" t="s">
        <v>149071</v>
      </c>
      <c r="F43727" s="1" t="s">
        <v>149072</v>
      </c>
      <c r="G43727" s="1" t="s">
        <v>149073</v>
      </c>
      <c r="H43727" s="1" t="s">
        <v>149074</v>
      </c>
      <c r="I43727" s="1" t="s">
        <v>149017</v>
      </c>
      <c r="J43727" s="1" t="s">
        <v>13</v>
      </c>
    </row>
    <row r="43728" spans="1:10" x14ac:dyDescent="0.35">
      <c r="A43728" s="1" t="s">
        <v>29410</v>
      </c>
      <c r="B43728" s="1" t="s">
        <v>149013</v>
      </c>
      <c r="C43728" s="1" t="s">
        <v>15</v>
      </c>
      <c r="D43728" s="1" t="s">
        <v>2234</v>
      </c>
      <c r="E43728" s="1" t="s">
        <v>149075</v>
      </c>
      <c r="F43728" s="1" t="s">
        <v>149076</v>
      </c>
      <c r="G43728" s="1" t="s">
        <v>149073</v>
      </c>
      <c r="H43728" s="1" t="s">
        <v>149074</v>
      </c>
      <c r="I43728" s="1" t="s">
        <v>149017</v>
      </c>
      <c r="J43728" s="1" t="s">
        <v>149077</v>
      </c>
    </row>
    <row r="43729" spans="1:10" x14ac:dyDescent="0.35">
      <c r="A43729" s="1" t="s">
        <v>29410</v>
      </c>
      <c r="B43729" s="1" t="s">
        <v>149013</v>
      </c>
      <c r="C43729" s="1" t="s">
        <v>20</v>
      </c>
      <c r="D43729" s="1" t="s">
        <v>51972</v>
      </c>
      <c r="E43729" s="1" t="s">
        <v>149078</v>
      </c>
      <c r="F43729" s="1" t="s">
        <v>149079</v>
      </c>
      <c r="G43729" s="1" t="s">
        <v>149073</v>
      </c>
      <c r="H43729" s="1" t="s">
        <v>149074</v>
      </c>
      <c r="I43729" s="1" t="s">
        <v>149017</v>
      </c>
      <c r="J43729" s="1" t="s">
        <v>149080</v>
      </c>
    </row>
    <row r="43730" spans="1:10" x14ac:dyDescent="0.35">
      <c r="A43730" s="1" t="s">
        <v>29410</v>
      </c>
      <c r="B43730" s="1" t="s">
        <v>149013</v>
      </c>
      <c r="C43730" s="1" t="s">
        <v>25</v>
      </c>
      <c r="D43730" s="1" t="s">
        <v>71150</v>
      </c>
      <c r="E43730" s="1" t="s">
        <v>149081</v>
      </c>
      <c r="F43730" s="1" t="s">
        <v>149082</v>
      </c>
      <c r="G43730" s="1" t="s">
        <v>149073</v>
      </c>
      <c r="H43730" s="1" t="s">
        <v>149074</v>
      </c>
      <c r="I43730" s="1" t="s">
        <v>149017</v>
      </c>
      <c r="J43730" s="1" t="s">
        <v>149083</v>
      </c>
    </row>
    <row r="43731" spans="1:10" x14ac:dyDescent="0.35">
      <c r="A43731" s="1" t="s">
        <v>29410</v>
      </c>
      <c r="B43731" s="1" t="s">
        <v>149013</v>
      </c>
      <c r="C43731" s="1" t="s">
        <v>30</v>
      </c>
      <c r="D43731" s="1" t="s">
        <v>2245</v>
      </c>
      <c r="E43731" s="1" t="s">
        <v>149084</v>
      </c>
      <c r="F43731" s="1" t="s">
        <v>149085</v>
      </c>
      <c r="G43731" s="1" t="s">
        <v>149073</v>
      </c>
      <c r="H43731" s="1" t="s">
        <v>149074</v>
      </c>
      <c r="I43731" s="1" t="s">
        <v>149017</v>
      </c>
      <c r="J43731" s="1" t="s">
        <v>149086</v>
      </c>
    </row>
    <row r="43732" spans="1:10" x14ac:dyDescent="0.35">
      <c r="A43732" s="1" t="s">
        <v>29410</v>
      </c>
      <c r="B43732" s="1" t="s">
        <v>149013</v>
      </c>
      <c r="C43732" s="1" t="s">
        <v>35</v>
      </c>
      <c r="D43732" s="1" t="s">
        <v>1813</v>
      </c>
      <c r="E43732" s="1" t="s">
        <v>149087</v>
      </c>
      <c r="F43732" s="1" t="s">
        <v>149088</v>
      </c>
      <c r="G43732" s="1" t="s">
        <v>149073</v>
      </c>
      <c r="H43732" s="1" t="s">
        <v>149074</v>
      </c>
      <c r="I43732" s="1" t="s">
        <v>149017</v>
      </c>
      <c r="J43732" s="1" t="s">
        <v>41902</v>
      </c>
    </row>
    <row r="43733" spans="1:10" x14ac:dyDescent="0.35">
      <c r="A43733" s="1" t="s">
        <v>29410</v>
      </c>
      <c r="B43733" s="1" t="s">
        <v>149013</v>
      </c>
      <c r="C43733" s="1" t="s">
        <v>40</v>
      </c>
      <c r="D43733" s="1" t="s">
        <v>82170</v>
      </c>
      <c r="E43733" s="1" t="s">
        <v>149089</v>
      </c>
      <c r="F43733" s="1" t="s">
        <v>149090</v>
      </c>
      <c r="G43733" s="1" t="s">
        <v>149073</v>
      </c>
      <c r="H43733" s="1" t="s">
        <v>149074</v>
      </c>
      <c r="I43733" s="1" t="s">
        <v>149017</v>
      </c>
      <c r="J43733" s="1" t="s">
        <v>149091</v>
      </c>
    </row>
    <row r="43734" spans="1:10" x14ac:dyDescent="0.35">
      <c r="A43734" s="1" t="s">
        <v>29410</v>
      </c>
      <c r="B43734" s="1" t="s">
        <v>149013</v>
      </c>
      <c r="C43734" s="1" t="s">
        <v>45</v>
      </c>
      <c r="D43734" s="1" t="s">
        <v>1114</v>
      </c>
      <c r="E43734" s="1" t="s">
        <v>149092</v>
      </c>
      <c r="F43734" s="1" t="s">
        <v>149093</v>
      </c>
      <c r="G43734" s="1" t="s">
        <v>149073</v>
      </c>
      <c r="H43734" s="1" t="s">
        <v>149074</v>
      </c>
      <c r="I43734" s="1" t="s">
        <v>149017</v>
      </c>
      <c r="J43734" s="1" t="s">
        <v>149094</v>
      </c>
    </row>
    <row r="43735" spans="1:10" x14ac:dyDescent="0.35">
      <c r="A43735" s="1" t="s">
        <v>29410</v>
      </c>
      <c r="B43735" s="1" t="s">
        <v>149013</v>
      </c>
      <c r="C43735" s="1" t="s">
        <v>50</v>
      </c>
      <c r="D43735" s="1" t="s">
        <v>1833</v>
      </c>
      <c r="E43735" s="1" t="s">
        <v>149095</v>
      </c>
      <c r="F43735" s="1" t="s">
        <v>149096</v>
      </c>
      <c r="G43735" s="1" t="s">
        <v>149073</v>
      </c>
      <c r="H43735" s="1" t="s">
        <v>149074</v>
      </c>
      <c r="I43735" s="1" t="s">
        <v>149017</v>
      </c>
      <c r="J43735" s="1" t="s">
        <v>149097</v>
      </c>
    </row>
    <row r="43736" spans="1:10" x14ac:dyDescent="0.35">
      <c r="A43736" s="1" t="s">
        <v>29410</v>
      </c>
      <c r="B43736" s="1" t="s">
        <v>149013</v>
      </c>
      <c r="C43736" s="1" t="s">
        <v>55</v>
      </c>
      <c r="D43736" s="1" t="s">
        <v>1777</v>
      </c>
      <c r="E43736" s="1" t="s">
        <v>149098</v>
      </c>
      <c r="F43736" s="1" t="s">
        <v>149099</v>
      </c>
      <c r="G43736" s="1" t="s">
        <v>149073</v>
      </c>
      <c r="H43736" s="1" t="s">
        <v>149074</v>
      </c>
      <c r="I43736" s="1" t="s">
        <v>149017</v>
      </c>
      <c r="J43736" s="1" t="s">
        <v>149100</v>
      </c>
    </row>
    <row r="43737" spans="1:10" x14ac:dyDescent="0.35">
      <c r="A43737" s="1" t="s">
        <v>29410</v>
      </c>
      <c r="B43737" s="1" t="s">
        <v>149013</v>
      </c>
      <c r="C43737" s="1" t="s">
        <v>60</v>
      </c>
      <c r="D43737" s="1" t="s">
        <v>89838</v>
      </c>
      <c r="E43737" s="1" t="s">
        <v>149101</v>
      </c>
      <c r="F43737" s="1" t="s">
        <v>149102</v>
      </c>
      <c r="G43737" s="1" t="s">
        <v>149073</v>
      </c>
      <c r="H43737" s="1" t="s">
        <v>149074</v>
      </c>
      <c r="I43737" s="1" t="s">
        <v>149017</v>
      </c>
      <c r="J43737" s="1" t="s">
        <v>149103</v>
      </c>
    </row>
    <row r="43738" spans="1:10" x14ac:dyDescent="0.35">
      <c r="A43738" s="1" t="s">
        <v>29410</v>
      </c>
      <c r="B43738" s="1" t="s">
        <v>149013</v>
      </c>
      <c r="C43738" s="1" t="s">
        <v>65</v>
      </c>
      <c r="D43738" s="1" t="s">
        <v>94095</v>
      </c>
      <c r="E43738" s="1" t="s">
        <v>149104</v>
      </c>
      <c r="F43738" s="1" t="s">
        <v>149105</v>
      </c>
      <c r="G43738" s="1" t="s">
        <v>149073</v>
      </c>
      <c r="H43738" s="1" t="s">
        <v>149074</v>
      </c>
      <c r="I43738" s="1" t="s">
        <v>149017</v>
      </c>
      <c r="J43738" s="1" t="s">
        <v>149106</v>
      </c>
    </row>
    <row r="43739" spans="1:10" x14ac:dyDescent="0.35">
      <c r="A43739" s="1" t="s">
        <v>29410</v>
      </c>
      <c r="B43739" s="1" t="s">
        <v>149013</v>
      </c>
      <c r="C43739" s="1" t="s">
        <v>70</v>
      </c>
      <c r="D43739" s="1" t="s">
        <v>14003</v>
      </c>
      <c r="E43739" s="1" t="s">
        <v>149107</v>
      </c>
      <c r="F43739" s="1" t="s">
        <v>55299</v>
      </c>
      <c r="G43739" s="1" t="s">
        <v>149073</v>
      </c>
      <c r="H43739" s="1" t="s">
        <v>149074</v>
      </c>
      <c r="I43739" s="1" t="s">
        <v>149017</v>
      </c>
      <c r="J43739" s="1" t="s">
        <v>149108</v>
      </c>
    </row>
    <row r="43740" spans="1:10" x14ac:dyDescent="0.35">
      <c r="A43740" s="1" t="s">
        <v>29410</v>
      </c>
      <c r="B43740" s="1" t="s">
        <v>149013</v>
      </c>
      <c r="C43740" s="1" t="s">
        <v>75</v>
      </c>
      <c r="D43740" s="1" t="s">
        <v>51945</v>
      </c>
      <c r="E43740" s="1" t="s">
        <v>149109</v>
      </c>
      <c r="F43740" s="1" t="s">
        <v>149110</v>
      </c>
      <c r="G43740" s="1" t="s">
        <v>149073</v>
      </c>
      <c r="H43740" s="1" t="s">
        <v>149074</v>
      </c>
      <c r="I43740" s="1" t="s">
        <v>149017</v>
      </c>
      <c r="J43740" s="1" t="s">
        <v>149111</v>
      </c>
    </row>
    <row r="43741" spans="1:10" x14ac:dyDescent="0.35">
      <c r="A43741" s="1" t="s">
        <v>29410</v>
      </c>
      <c r="B43741" s="1" t="s">
        <v>149013</v>
      </c>
      <c r="C43741" s="1" t="s">
        <v>80</v>
      </c>
      <c r="D43741" s="1" t="s">
        <v>1516</v>
      </c>
      <c r="E43741" s="1" t="s">
        <v>149112</v>
      </c>
      <c r="F43741" s="1" t="s">
        <v>149113</v>
      </c>
      <c r="G43741" s="1" t="s">
        <v>149073</v>
      </c>
      <c r="H43741" s="1" t="s">
        <v>149074</v>
      </c>
      <c r="I43741" s="1" t="s">
        <v>149017</v>
      </c>
      <c r="J43741" s="1" t="s">
        <v>149114</v>
      </c>
    </row>
    <row r="43742" spans="1:10" x14ac:dyDescent="0.35">
      <c r="A43742" s="1" t="s">
        <v>29410</v>
      </c>
      <c r="B43742" s="1" t="s">
        <v>149013</v>
      </c>
      <c r="C43742" s="1" t="s">
        <v>85</v>
      </c>
      <c r="D43742" s="1" t="s">
        <v>8471</v>
      </c>
      <c r="E43742" s="1" t="s">
        <v>149115</v>
      </c>
      <c r="F43742" s="1" t="s">
        <v>149116</v>
      </c>
      <c r="G43742" s="1" t="s">
        <v>149073</v>
      </c>
      <c r="H43742" s="1" t="s">
        <v>149074</v>
      </c>
      <c r="I43742" s="1" t="s">
        <v>149017</v>
      </c>
      <c r="J43742" s="1" t="s">
        <v>149117</v>
      </c>
    </row>
    <row r="43743" spans="1:10" x14ac:dyDescent="0.35">
      <c r="A43743" s="1" t="s">
        <v>29410</v>
      </c>
      <c r="B43743" s="1" t="s">
        <v>149013</v>
      </c>
      <c r="C43743" s="1" t="s">
        <v>90</v>
      </c>
      <c r="D43743" s="1" t="s">
        <v>25365</v>
      </c>
      <c r="E43743" s="1" t="s">
        <v>149118</v>
      </c>
      <c r="F43743" s="1" t="s">
        <v>149119</v>
      </c>
      <c r="G43743" s="1" t="s">
        <v>149073</v>
      </c>
      <c r="H43743" s="1" t="s">
        <v>149074</v>
      </c>
      <c r="I43743" s="1" t="s">
        <v>149017</v>
      </c>
      <c r="J43743" s="1" t="s">
        <v>146649</v>
      </c>
    </row>
    <row r="43744" spans="1:10" x14ac:dyDescent="0.35">
      <c r="A43744" s="1" t="s">
        <v>29410</v>
      </c>
      <c r="B43744" s="1" t="s">
        <v>149013</v>
      </c>
      <c r="C43744" s="1" t="s">
        <v>95</v>
      </c>
      <c r="D43744" s="1" t="s">
        <v>106921</v>
      </c>
      <c r="E43744" s="1" t="s">
        <v>149120</v>
      </c>
      <c r="F43744" s="1" t="s">
        <v>149121</v>
      </c>
      <c r="G43744" s="1" t="s">
        <v>149073</v>
      </c>
      <c r="H43744" s="1" t="s">
        <v>149074</v>
      </c>
      <c r="I43744" s="1" t="s">
        <v>149017</v>
      </c>
      <c r="J43744" s="1" t="s">
        <v>149122</v>
      </c>
    </row>
    <row r="43745" spans="1:10" x14ac:dyDescent="0.35">
      <c r="A43745" s="1" t="s">
        <v>29410</v>
      </c>
      <c r="B43745" s="1" t="s">
        <v>149013</v>
      </c>
      <c r="C43745" s="1" t="s">
        <v>100</v>
      </c>
      <c r="D43745" s="1" t="s">
        <v>112118</v>
      </c>
      <c r="E43745" s="1" t="s">
        <v>149123</v>
      </c>
      <c r="F43745" s="1" t="s">
        <v>149124</v>
      </c>
      <c r="G43745" s="1" t="s">
        <v>149073</v>
      </c>
      <c r="H43745" s="1" t="s">
        <v>149074</v>
      </c>
      <c r="I43745" s="1" t="s">
        <v>149017</v>
      </c>
      <c r="J43745" s="1" t="s">
        <v>29444</v>
      </c>
    </row>
    <row r="43746" spans="1:10" x14ac:dyDescent="0.35">
      <c r="A43746" s="1" t="s">
        <v>29410</v>
      </c>
      <c r="B43746" s="1" t="s">
        <v>149013</v>
      </c>
      <c r="C43746" s="1" t="s">
        <v>105</v>
      </c>
      <c r="D43746" s="1" t="s">
        <v>1528</v>
      </c>
      <c r="E43746" s="1" t="s">
        <v>149125</v>
      </c>
      <c r="F43746" s="1" t="s">
        <v>149126</v>
      </c>
      <c r="G43746" s="1" t="s">
        <v>149073</v>
      </c>
      <c r="H43746" s="1" t="s">
        <v>149074</v>
      </c>
      <c r="I43746" s="1" t="s">
        <v>149017</v>
      </c>
      <c r="J43746" s="1" t="s">
        <v>149127</v>
      </c>
    </row>
    <row r="43747" spans="1:10" x14ac:dyDescent="0.35">
      <c r="A43747" s="1" t="s">
        <v>29410</v>
      </c>
      <c r="B43747" s="1" t="s">
        <v>149013</v>
      </c>
      <c r="C43747" s="1" t="s">
        <v>110</v>
      </c>
      <c r="D43747" s="1" t="s">
        <v>115220</v>
      </c>
      <c r="E43747" s="1" t="s">
        <v>149128</v>
      </c>
      <c r="F43747" s="1" t="s">
        <v>149129</v>
      </c>
      <c r="G43747" s="1" t="s">
        <v>149073</v>
      </c>
      <c r="H43747" s="1" t="s">
        <v>149074</v>
      </c>
      <c r="I43747" s="1" t="s">
        <v>149017</v>
      </c>
      <c r="J43747" s="1" t="s">
        <v>149130</v>
      </c>
    </row>
    <row r="43748" spans="1:10" x14ac:dyDescent="0.35">
      <c r="A43748" s="1" t="s">
        <v>29410</v>
      </c>
      <c r="B43748" s="1" t="s">
        <v>149013</v>
      </c>
      <c r="C43748" s="1" t="s">
        <v>115</v>
      </c>
      <c r="D43748" s="1" t="s">
        <v>7021</v>
      </c>
      <c r="E43748" s="1" t="s">
        <v>149131</v>
      </c>
      <c r="F43748" s="1" t="s">
        <v>149132</v>
      </c>
      <c r="G43748" s="1" t="s">
        <v>149073</v>
      </c>
      <c r="H43748" s="1" t="s">
        <v>149074</v>
      </c>
      <c r="I43748" s="1" t="s">
        <v>149017</v>
      </c>
      <c r="J43748" s="1" t="s">
        <v>149133</v>
      </c>
    </row>
    <row r="43749" spans="1:10" x14ac:dyDescent="0.35">
      <c r="A43749" s="1" t="s">
        <v>29410</v>
      </c>
      <c r="B43749" s="1" t="s">
        <v>149013</v>
      </c>
      <c r="C43749" s="1" t="s">
        <v>120</v>
      </c>
      <c r="D43749" s="1" t="s">
        <v>33400</v>
      </c>
      <c r="E43749" s="1" t="s">
        <v>149134</v>
      </c>
      <c r="F43749" s="1" t="s">
        <v>149135</v>
      </c>
      <c r="G43749" s="1" t="s">
        <v>149073</v>
      </c>
      <c r="H43749" s="1" t="s">
        <v>149074</v>
      </c>
      <c r="I43749" s="1" t="s">
        <v>149017</v>
      </c>
      <c r="J43749" s="1" t="s">
        <v>149136</v>
      </c>
    </row>
    <row r="43750" spans="1:10" x14ac:dyDescent="0.35">
      <c r="A43750" s="1" t="s">
        <v>29410</v>
      </c>
      <c r="B43750" s="1" t="s">
        <v>149013</v>
      </c>
      <c r="C43750" s="1" t="s">
        <v>125</v>
      </c>
      <c r="D43750" s="1" t="s">
        <v>6194</v>
      </c>
      <c r="E43750" s="1" t="s">
        <v>149137</v>
      </c>
      <c r="F43750" s="1" t="s">
        <v>149138</v>
      </c>
      <c r="G43750" s="1" t="s">
        <v>149073</v>
      </c>
      <c r="H43750" s="1" t="s">
        <v>149074</v>
      </c>
      <c r="I43750" s="1" t="s">
        <v>149017</v>
      </c>
      <c r="J43750" s="1" t="s">
        <v>149139</v>
      </c>
    </row>
    <row r="43751" spans="1:10" x14ac:dyDescent="0.35">
      <c r="A43751" s="1" t="s">
        <v>29410</v>
      </c>
      <c r="B43751" s="1" t="s">
        <v>149013</v>
      </c>
      <c r="C43751" s="1" t="s">
        <v>130</v>
      </c>
      <c r="D43751" s="1" t="s">
        <v>44669</v>
      </c>
      <c r="E43751" s="1" t="s">
        <v>149140</v>
      </c>
      <c r="F43751" s="1" t="s">
        <v>149141</v>
      </c>
      <c r="G43751" s="1" t="s">
        <v>149073</v>
      </c>
      <c r="H43751" s="1" t="s">
        <v>149074</v>
      </c>
      <c r="I43751" s="1" t="s">
        <v>149017</v>
      </c>
      <c r="J43751" s="1" t="s">
        <v>149142</v>
      </c>
    </row>
    <row r="43752" spans="1:10" x14ac:dyDescent="0.35">
      <c r="A43752" s="1" t="s">
        <v>29410</v>
      </c>
      <c r="B43752" s="1" t="s">
        <v>149013</v>
      </c>
      <c r="C43752" s="1" t="s">
        <v>135</v>
      </c>
      <c r="D43752" s="1" t="s">
        <v>132424</v>
      </c>
      <c r="E43752" s="1" t="s">
        <v>149143</v>
      </c>
      <c r="F43752" s="1" t="s">
        <v>149144</v>
      </c>
      <c r="G43752" s="1" t="s">
        <v>149073</v>
      </c>
      <c r="H43752" s="1" t="s">
        <v>149074</v>
      </c>
      <c r="I43752" s="1" t="s">
        <v>149017</v>
      </c>
      <c r="J43752" s="1" t="s">
        <v>149145</v>
      </c>
    </row>
    <row r="43753" spans="1:10" x14ac:dyDescent="0.35">
      <c r="A43753" s="1" t="s">
        <v>29410</v>
      </c>
      <c r="B43753" s="1" t="s">
        <v>149013</v>
      </c>
      <c r="C43753" s="1" t="s">
        <v>140</v>
      </c>
      <c r="D43753" s="1" t="s">
        <v>45963</v>
      </c>
      <c r="E43753" s="1" t="s">
        <v>149146</v>
      </c>
      <c r="F43753" s="1" t="s">
        <v>149147</v>
      </c>
      <c r="G43753" s="1" t="s">
        <v>149073</v>
      </c>
      <c r="H43753" s="1" t="s">
        <v>149074</v>
      </c>
      <c r="I43753" s="1" t="s">
        <v>149017</v>
      </c>
      <c r="J43753" s="1" t="s">
        <v>149148</v>
      </c>
    </row>
    <row r="43754" spans="1:10" x14ac:dyDescent="0.35">
      <c r="A43754" s="1" t="s">
        <v>29410</v>
      </c>
      <c r="B43754" s="1" t="s">
        <v>149013</v>
      </c>
      <c r="C43754" s="1" t="s">
        <v>145</v>
      </c>
      <c r="D43754" s="1" t="s">
        <v>28470</v>
      </c>
      <c r="E43754" s="1" t="s">
        <v>149149</v>
      </c>
      <c r="F43754" s="1" t="s">
        <v>149150</v>
      </c>
      <c r="G43754" s="1" t="s">
        <v>149073</v>
      </c>
      <c r="H43754" s="1" t="s">
        <v>149074</v>
      </c>
      <c r="I43754" s="1" t="s">
        <v>149017</v>
      </c>
      <c r="J43754" s="1" t="s">
        <v>149151</v>
      </c>
    </row>
    <row r="43755" spans="1:10" x14ac:dyDescent="0.35">
      <c r="A43755" s="1" t="s">
        <v>29410</v>
      </c>
      <c r="B43755" s="1" t="s">
        <v>149013</v>
      </c>
      <c r="C43755" s="1" t="s">
        <v>150</v>
      </c>
      <c r="D43755" s="1" t="s">
        <v>13840</v>
      </c>
      <c r="E43755" s="1" t="s">
        <v>149152</v>
      </c>
      <c r="F43755" s="1" t="s">
        <v>149153</v>
      </c>
      <c r="G43755" s="1" t="s">
        <v>149073</v>
      </c>
      <c r="H43755" s="1" t="s">
        <v>149074</v>
      </c>
      <c r="I43755" s="1" t="s">
        <v>149017</v>
      </c>
      <c r="J43755" s="1" t="s">
        <v>149154</v>
      </c>
    </row>
    <row r="43756" spans="1:10" x14ac:dyDescent="0.35">
      <c r="A43756" s="1" t="s">
        <v>29410</v>
      </c>
      <c r="B43756" s="1" t="s">
        <v>149013</v>
      </c>
      <c r="C43756" s="1" t="s">
        <v>155</v>
      </c>
      <c r="D43756" s="1" t="s">
        <v>122042</v>
      </c>
      <c r="E43756" s="1" t="s">
        <v>149155</v>
      </c>
      <c r="F43756" s="1" t="s">
        <v>149156</v>
      </c>
      <c r="G43756" s="1" t="s">
        <v>149073</v>
      </c>
      <c r="H43756" s="1" t="s">
        <v>149074</v>
      </c>
      <c r="I43756" s="1" t="s">
        <v>149017</v>
      </c>
      <c r="J43756" s="1" t="s">
        <v>149157</v>
      </c>
    </row>
    <row r="43757" spans="1:10" x14ac:dyDescent="0.35">
      <c r="A43757" s="1" t="s">
        <v>29410</v>
      </c>
      <c r="B43757" s="1" t="s">
        <v>149013</v>
      </c>
      <c r="C43757" s="1" t="s">
        <v>160</v>
      </c>
      <c r="D43757" s="1" t="s">
        <v>109661</v>
      </c>
      <c r="E43757" s="1" t="s">
        <v>149158</v>
      </c>
      <c r="F43757" s="1" t="s">
        <v>149159</v>
      </c>
      <c r="G43757" s="1" t="s">
        <v>149073</v>
      </c>
      <c r="H43757" s="1" t="s">
        <v>149074</v>
      </c>
      <c r="I43757" s="1" t="s">
        <v>149017</v>
      </c>
      <c r="J43757" s="1" t="s">
        <v>149160</v>
      </c>
    </row>
    <row r="43758" spans="1:10" x14ac:dyDescent="0.35">
      <c r="A43758" s="1" t="s">
        <v>29410</v>
      </c>
      <c r="B43758" s="1" t="s">
        <v>149013</v>
      </c>
      <c r="C43758" s="1" t="s">
        <v>165</v>
      </c>
      <c r="D43758" s="1" t="s">
        <v>110384</v>
      </c>
      <c r="E43758" s="1" t="s">
        <v>149107</v>
      </c>
      <c r="F43758" s="1" t="s">
        <v>149161</v>
      </c>
      <c r="G43758" s="1" t="s">
        <v>149073</v>
      </c>
      <c r="H43758" s="1" t="s">
        <v>149074</v>
      </c>
      <c r="I43758" s="1" t="s">
        <v>149017</v>
      </c>
      <c r="J43758" s="1" t="s">
        <v>149162</v>
      </c>
    </row>
    <row r="43759" spans="1:10" x14ac:dyDescent="0.35">
      <c r="A43759" s="1" t="s">
        <v>29410</v>
      </c>
      <c r="B43759" s="1" t="s">
        <v>149013</v>
      </c>
      <c r="C43759" s="1" t="s">
        <v>170</v>
      </c>
      <c r="D43759" s="1" t="s">
        <v>110384</v>
      </c>
      <c r="E43759" s="1" t="s">
        <v>149163</v>
      </c>
      <c r="F43759" s="1" t="s">
        <v>149164</v>
      </c>
      <c r="G43759" s="1" t="s">
        <v>149073</v>
      </c>
      <c r="H43759" s="1" t="s">
        <v>149074</v>
      </c>
      <c r="I43759" s="1" t="s">
        <v>149017</v>
      </c>
      <c r="J43759" s="1" t="s">
        <v>1180</v>
      </c>
    </row>
    <row r="43760" spans="1:10" x14ac:dyDescent="0.35">
      <c r="A43760" s="1" t="s">
        <v>121190</v>
      </c>
      <c r="B43760" s="1" t="s">
        <v>149013</v>
      </c>
      <c r="C43760" s="1" t="s">
        <v>8</v>
      </c>
      <c r="D43760" s="1" t="s">
        <v>8491</v>
      </c>
      <c r="E43760" s="1" t="s">
        <v>149165</v>
      </c>
      <c r="F43760" s="1" t="s">
        <v>149166</v>
      </c>
      <c r="G43760" s="1" t="s">
        <v>149167</v>
      </c>
      <c r="H43760" s="1" t="s">
        <v>149168</v>
      </c>
      <c r="I43760" s="1" t="s">
        <v>149017</v>
      </c>
      <c r="J43760" s="1" t="s">
        <v>13</v>
      </c>
    </row>
    <row r="43761" spans="1:10" x14ac:dyDescent="0.35">
      <c r="A43761" s="1" t="s">
        <v>121190</v>
      </c>
      <c r="B43761" s="1" t="s">
        <v>149013</v>
      </c>
      <c r="C43761" s="1" t="s">
        <v>15</v>
      </c>
      <c r="D43761" s="1" t="s">
        <v>123568</v>
      </c>
      <c r="E43761" s="1" t="s">
        <v>149169</v>
      </c>
      <c r="F43761" s="1" t="s">
        <v>149170</v>
      </c>
      <c r="G43761" s="1" t="s">
        <v>149167</v>
      </c>
      <c r="H43761" s="1" t="s">
        <v>149168</v>
      </c>
      <c r="I43761" s="1" t="s">
        <v>149017</v>
      </c>
      <c r="J43761" s="1" t="s">
        <v>149171</v>
      </c>
    </row>
    <row r="43762" spans="1:10" x14ac:dyDescent="0.35">
      <c r="A43762" s="1" t="s">
        <v>121190</v>
      </c>
      <c r="B43762" s="1" t="s">
        <v>149013</v>
      </c>
      <c r="C43762" s="1" t="s">
        <v>20</v>
      </c>
      <c r="D43762" s="1" t="s">
        <v>6147</v>
      </c>
      <c r="E43762" s="1" t="s">
        <v>149172</v>
      </c>
      <c r="F43762" s="1" t="s">
        <v>149173</v>
      </c>
      <c r="G43762" s="1" t="s">
        <v>149167</v>
      </c>
      <c r="H43762" s="1" t="s">
        <v>149168</v>
      </c>
      <c r="I43762" s="1" t="s">
        <v>149017</v>
      </c>
      <c r="J43762" s="1" t="s">
        <v>149174</v>
      </c>
    </row>
    <row r="43763" spans="1:10" x14ac:dyDescent="0.35">
      <c r="A43763" s="1" t="s">
        <v>121190</v>
      </c>
      <c r="B43763" s="1" t="s">
        <v>149013</v>
      </c>
      <c r="C43763" s="1" t="s">
        <v>25</v>
      </c>
      <c r="D43763" s="1" t="s">
        <v>25845</v>
      </c>
      <c r="E43763" s="1" t="s">
        <v>149175</v>
      </c>
      <c r="F43763" s="1" t="s">
        <v>149176</v>
      </c>
      <c r="G43763" s="1" t="s">
        <v>149167</v>
      </c>
      <c r="H43763" s="1" t="s">
        <v>149168</v>
      </c>
      <c r="I43763" s="1" t="s">
        <v>149017</v>
      </c>
      <c r="J43763" s="1" t="s">
        <v>149177</v>
      </c>
    </row>
    <row r="43764" spans="1:10" x14ac:dyDescent="0.35">
      <c r="A43764" s="1" t="s">
        <v>121190</v>
      </c>
      <c r="B43764" s="1" t="s">
        <v>149013</v>
      </c>
      <c r="C43764" s="1" t="s">
        <v>30</v>
      </c>
      <c r="D43764" s="1" t="s">
        <v>28022</v>
      </c>
      <c r="E43764" s="1" t="s">
        <v>149178</v>
      </c>
      <c r="F43764" s="1" t="s">
        <v>149179</v>
      </c>
      <c r="G43764" s="1" t="s">
        <v>149167</v>
      </c>
      <c r="H43764" s="1" t="s">
        <v>149168</v>
      </c>
      <c r="I43764" s="1" t="s">
        <v>149017</v>
      </c>
      <c r="J43764" s="1" t="s">
        <v>149180</v>
      </c>
    </row>
    <row r="43765" spans="1:10" x14ac:dyDescent="0.35">
      <c r="A43765" s="1" t="s">
        <v>121190</v>
      </c>
      <c r="B43765" s="1" t="s">
        <v>149013</v>
      </c>
      <c r="C43765" s="1" t="s">
        <v>35</v>
      </c>
      <c r="D43765" s="1" t="s">
        <v>9290</v>
      </c>
      <c r="E43765" s="1" t="s">
        <v>149181</v>
      </c>
      <c r="F43765" s="1" t="s">
        <v>149182</v>
      </c>
      <c r="G43765" s="1" t="s">
        <v>149167</v>
      </c>
      <c r="H43765" s="1" t="s">
        <v>149168</v>
      </c>
      <c r="I43765" s="1" t="s">
        <v>149017</v>
      </c>
      <c r="J43765" s="1" t="s">
        <v>149183</v>
      </c>
    </row>
    <row r="43766" spans="1:10" x14ac:dyDescent="0.35">
      <c r="A43766" s="1" t="s">
        <v>121190</v>
      </c>
      <c r="B43766" s="1" t="s">
        <v>149013</v>
      </c>
      <c r="C43766" s="1" t="s">
        <v>40</v>
      </c>
      <c r="D43766" s="1" t="s">
        <v>8714</v>
      </c>
      <c r="E43766" s="1" t="s">
        <v>149184</v>
      </c>
      <c r="F43766" s="1" t="s">
        <v>149185</v>
      </c>
      <c r="G43766" s="1" t="s">
        <v>149167</v>
      </c>
      <c r="H43766" s="1" t="s">
        <v>149168</v>
      </c>
      <c r="I43766" s="1" t="s">
        <v>149017</v>
      </c>
      <c r="J43766" s="1" t="s">
        <v>149186</v>
      </c>
    </row>
    <row r="43767" spans="1:10" x14ac:dyDescent="0.35">
      <c r="A43767" s="1" t="s">
        <v>121190</v>
      </c>
      <c r="B43767" s="1" t="s">
        <v>149013</v>
      </c>
      <c r="C43767" s="1" t="s">
        <v>45</v>
      </c>
      <c r="D43767" s="1" t="s">
        <v>3585</v>
      </c>
      <c r="E43767" s="1" t="s">
        <v>149187</v>
      </c>
      <c r="F43767" s="1" t="s">
        <v>149188</v>
      </c>
      <c r="G43767" s="1" t="s">
        <v>149167</v>
      </c>
      <c r="H43767" s="1" t="s">
        <v>149168</v>
      </c>
      <c r="I43767" s="1" t="s">
        <v>149017</v>
      </c>
      <c r="J43767" s="1" t="s">
        <v>149189</v>
      </c>
    </row>
    <row r="43768" spans="1:10" x14ac:dyDescent="0.35">
      <c r="A43768" s="1" t="s">
        <v>121190</v>
      </c>
      <c r="B43768" s="1" t="s">
        <v>149013</v>
      </c>
      <c r="C43768" s="1" t="s">
        <v>50</v>
      </c>
      <c r="D43768" s="1" t="s">
        <v>10451</v>
      </c>
      <c r="E43768" s="1" t="s">
        <v>149190</v>
      </c>
      <c r="F43768" s="1" t="s">
        <v>149191</v>
      </c>
      <c r="G43768" s="1" t="s">
        <v>149167</v>
      </c>
      <c r="H43768" s="1" t="s">
        <v>149168</v>
      </c>
      <c r="I43768" s="1" t="s">
        <v>149017</v>
      </c>
      <c r="J43768" s="1" t="s">
        <v>149192</v>
      </c>
    </row>
    <row r="43769" spans="1:10" x14ac:dyDescent="0.35">
      <c r="A43769" s="1" t="s">
        <v>121190</v>
      </c>
      <c r="B43769" s="1" t="s">
        <v>149013</v>
      </c>
      <c r="C43769" s="1" t="s">
        <v>55</v>
      </c>
      <c r="D43769" s="1" t="s">
        <v>4349</v>
      </c>
      <c r="E43769" s="1" t="s">
        <v>149193</v>
      </c>
      <c r="F43769" s="1" t="s">
        <v>149194</v>
      </c>
      <c r="G43769" s="1" t="s">
        <v>149167</v>
      </c>
      <c r="H43769" s="1" t="s">
        <v>149168</v>
      </c>
      <c r="I43769" s="1" t="s">
        <v>149017</v>
      </c>
      <c r="J43769" s="1" t="s">
        <v>149195</v>
      </c>
    </row>
    <row r="43770" spans="1:10" x14ac:dyDescent="0.35">
      <c r="A43770" s="1" t="s">
        <v>121190</v>
      </c>
      <c r="B43770" s="1" t="s">
        <v>149013</v>
      </c>
      <c r="C43770" s="1" t="s">
        <v>60</v>
      </c>
      <c r="D43770" s="1" t="s">
        <v>112302</v>
      </c>
      <c r="E43770" s="1" t="s">
        <v>149196</v>
      </c>
      <c r="F43770" s="1" t="s">
        <v>149197</v>
      </c>
      <c r="G43770" s="1" t="s">
        <v>149167</v>
      </c>
      <c r="H43770" s="1" t="s">
        <v>149168</v>
      </c>
      <c r="I43770" s="1" t="s">
        <v>149017</v>
      </c>
      <c r="J43770" s="1" t="s">
        <v>149198</v>
      </c>
    </row>
    <row r="43771" spans="1:10" x14ac:dyDescent="0.35">
      <c r="A43771" s="1" t="s">
        <v>121190</v>
      </c>
      <c r="B43771" s="1" t="s">
        <v>149013</v>
      </c>
      <c r="C43771" s="1" t="s">
        <v>65</v>
      </c>
      <c r="D43771" s="1" t="s">
        <v>140</v>
      </c>
      <c r="E43771" s="1" t="s">
        <v>149199</v>
      </c>
      <c r="F43771" s="1" t="s">
        <v>149200</v>
      </c>
      <c r="G43771" s="1" t="s">
        <v>149167</v>
      </c>
      <c r="H43771" s="1" t="s">
        <v>149168</v>
      </c>
      <c r="I43771" s="1" t="s">
        <v>149017</v>
      </c>
      <c r="J43771" s="1" t="s">
        <v>149201</v>
      </c>
    </row>
    <row r="43772" spans="1:10" x14ac:dyDescent="0.35">
      <c r="A43772" s="1" t="s">
        <v>121190</v>
      </c>
      <c r="B43772" s="1" t="s">
        <v>149013</v>
      </c>
      <c r="C43772" s="1" t="s">
        <v>70</v>
      </c>
      <c r="D43772" s="1" t="s">
        <v>3920</v>
      </c>
      <c r="E43772" s="1" t="s">
        <v>149202</v>
      </c>
      <c r="F43772" s="1" t="s">
        <v>149203</v>
      </c>
      <c r="G43772" s="1" t="s">
        <v>149167</v>
      </c>
      <c r="H43772" s="1" t="s">
        <v>149168</v>
      </c>
      <c r="I43772" s="1" t="s">
        <v>149017</v>
      </c>
      <c r="J43772" s="1" t="s">
        <v>149204</v>
      </c>
    </row>
    <row r="43773" spans="1:10" x14ac:dyDescent="0.35">
      <c r="A43773" s="1" t="s">
        <v>121190</v>
      </c>
      <c r="B43773" s="1" t="s">
        <v>149013</v>
      </c>
      <c r="C43773" s="1" t="s">
        <v>75</v>
      </c>
      <c r="D43773" s="1" t="s">
        <v>27341</v>
      </c>
      <c r="E43773" s="1" t="s">
        <v>149205</v>
      </c>
      <c r="F43773" s="1" t="s">
        <v>149206</v>
      </c>
      <c r="G43773" s="1" t="s">
        <v>149167</v>
      </c>
      <c r="H43773" s="1" t="s">
        <v>149168</v>
      </c>
      <c r="I43773" s="1" t="s">
        <v>149017</v>
      </c>
      <c r="J43773" s="1" t="s">
        <v>149207</v>
      </c>
    </row>
    <row r="43774" spans="1:10" x14ac:dyDescent="0.35">
      <c r="A43774" s="1" t="s">
        <v>121190</v>
      </c>
      <c r="B43774" s="1" t="s">
        <v>149013</v>
      </c>
      <c r="C43774" s="1" t="s">
        <v>80</v>
      </c>
      <c r="D43774" s="1" t="s">
        <v>14013</v>
      </c>
      <c r="E43774" s="1" t="s">
        <v>149208</v>
      </c>
      <c r="F43774" s="1" t="s">
        <v>149209</v>
      </c>
      <c r="G43774" s="1" t="s">
        <v>149167</v>
      </c>
      <c r="H43774" s="1" t="s">
        <v>149168</v>
      </c>
      <c r="I43774" s="1" t="s">
        <v>149017</v>
      </c>
      <c r="J43774" s="1" t="s">
        <v>149210</v>
      </c>
    </row>
    <row r="43775" spans="1:10" x14ac:dyDescent="0.35">
      <c r="A43775" s="1" t="s">
        <v>121190</v>
      </c>
      <c r="B43775" s="1" t="s">
        <v>149013</v>
      </c>
      <c r="C43775" s="1" t="s">
        <v>85</v>
      </c>
      <c r="D43775" s="1" t="s">
        <v>3600</v>
      </c>
      <c r="E43775" s="1" t="s">
        <v>149211</v>
      </c>
      <c r="F43775" s="1" t="s">
        <v>149212</v>
      </c>
      <c r="G43775" s="1" t="s">
        <v>149167</v>
      </c>
      <c r="H43775" s="1" t="s">
        <v>149168</v>
      </c>
      <c r="I43775" s="1" t="s">
        <v>149017</v>
      </c>
      <c r="J43775" s="1" t="s">
        <v>149213</v>
      </c>
    </row>
    <row r="43776" spans="1:10" x14ac:dyDescent="0.35">
      <c r="A43776" s="1" t="s">
        <v>121190</v>
      </c>
      <c r="B43776" s="1" t="s">
        <v>149013</v>
      </c>
      <c r="C43776" s="1" t="s">
        <v>90</v>
      </c>
      <c r="D43776" s="1" t="s">
        <v>14763</v>
      </c>
      <c r="E43776" s="1" t="s">
        <v>149214</v>
      </c>
      <c r="F43776" s="1" t="s">
        <v>149215</v>
      </c>
      <c r="G43776" s="1" t="s">
        <v>149167</v>
      </c>
      <c r="H43776" s="1" t="s">
        <v>149168</v>
      </c>
      <c r="I43776" s="1" t="s">
        <v>149017</v>
      </c>
      <c r="J43776" s="1" t="s">
        <v>149216</v>
      </c>
    </row>
    <row r="43777" spans="1:10" x14ac:dyDescent="0.35">
      <c r="A43777" s="1" t="s">
        <v>121190</v>
      </c>
      <c r="B43777" s="1" t="s">
        <v>149013</v>
      </c>
      <c r="C43777" s="1" t="s">
        <v>95</v>
      </c>
      <c r="D43777" s="1" t="s">
        <v>149217</v>
      </c>
      <c r="E43777" s="1" t="s">
        <v>149218</v>
      </c>
      <c r="F43777" s="1" t="s">
        <v>149219</v>
      </c>
      <c r="G43777" s="1" t="s">
        <v>149167</v>
      </c>
      <c r="H43777" s="1" t="s">
        <v>149168</v>
      </c>
      <c r="I43777" s="1" t="s">
        <v>149017</v>
      </c>
      <c r="J43777" s="1" t="s">
        <v>149220</v>
      </c>
    </row>
    <row r="43778" spans="1:10" x14ac:dyDescent="0.35">
      <c r="A43778" s="1" t="s">
        <v>121190</v>
      </c>
      <c r="B43778" s="1" t="s">
        <v>149013</v>
      </c>
      <c r="C43778" s="1" t="s">
        <v>100</v>
      </c>
      <c r="D43778" s="1" t="s">
        <v>149221</v>
      </c>
      <c r="E43778" s="1" t="s">
        <v>149222</v>
      </c>
      <c r="F43778" s="1" t="s">
        <v>149223</v>
      </c>
      <c r="G43778" s="1" t="s">
        <v>149167</v>
      </c>
      <c r="H43778" s="1" t="s">
        <v>149168</v>
      </c>
      <c r="I43778" s="1" t="s">
        <v>149017</v>
      </c>
      <c r="J43778" s="1" t="s">
        <v>149224</v>
      </c>
    </row>
    <row r="43779" spans="1:10" x14ac:dyDescent="0.35">
      <c r="A43779" s="1" t="s">
        <v>121190</v>
      </c>
      <c r="B43779" s="1" t="s">
        <v>149013</v>
      </c>
      <c r="C43779" s="1" t="s">
        <v>105</v>
      </c>
      <c r="D43779" s="1" t="s">
        <v>11763</v>
      </c>
      <c r="E43779" s="1" t="s">
        <v>149225</v>
      </c>
      <c r="F43779" s="1" t="s">
        <v>149226</v>
      </c>
      <c r="G43779" s="1" t="s">
        <v>149167</v>
      </c>
      <c r="H43779" s="1" t="s">
        <v>149168</v>
      </c>
      <c r="I43779" s="1" t="s">
        <v>149017</v>
      </c>
      <c r="J43779" s="1" t="s">
        <v>149227</v>
      </c>
    </row>
    <row r="43780" spans="1:10" x14ac:dyDescent="0.35">
      <c r="A43780" s="1" t="s">
        <v>121190</v>
      </c>
      <c r="B43780" s="1" t="s">
        <v>149013</v>
      </c>
      <c r="C43780" s="1" t="s">
        <v>110</v>
      </c>
      <c r="D43780" s="1" t="s">
        <v>9979</v>
      </c>
      <c r="E43780" s="1" t="s">
        <v>149228</v>
      </c>
      <c r="F43780" s="1" t="s">
        <v>149229</v>
      </c>
      <c r="G43780" s="1" t="s">
        <v>149167</v>
      </c>
      <c r="H43780" s="1" t="s">
        <v>149168</v>
      </c>
      <c r="I43780" s="1" t="s">
        <v>149017</v>
      </c>
      <c r="J43780" s="1" t="s">
        <v>149230</v>
      </c>
    </row>
    <row r="43781" spans="1:10" x14ac:dyDescent="0.35">
      <c r="A43781" s="1" t="s">
        <v>121190</v>
      </c>
      <c r="B43781" s="1" t="s">
        <v>149013</v>
      </c>
      <c r="C43781" s="1" t="s">
        <v>115</v>
      </c>
      <c r="D43781" s="1" t="s">
        <v>149231</v>
      </c>
      <c r="E43781" s="1" t="s">
        <v>149232</v>
      </c>
      <c r="F43781" s="1" t="s">
        <v>149233</v>
      </c>
      <c r="G43781" s="1" t="s">
        <v>149167</v>
      </c>
      <c r="H43781" s="1" t="s">
        <v>149168</v>
      </c>
      <c r="I43781" s="1" t="s">
        <v>149017</v>
      </c>
      <c r="J43781" s="1" t="s">
        <v>149234</v>
      </c>
    </row>
    <row r="43782" spans="1:10" x14ac:dyDescent="0.35">
      <c r="A43782" s="1" t="s">
        <v>121190</v>
      </c>
      <c r="B43782" s="1" t="s">
        <v>149013</v>
      </c>
      <c r="C43782" s="1" t="s">
        <v>120</v>
      </c>
      <c r="D43782" s="1" t="s">
        <v>28780</v>
      </c>
      <c r="E43782" s="1" t="s">
        <v>149235</v>
      </c>
      <c r="F43782" s="1" t="s">
        <v>149236</v>
      </c>
      <c r="G43782" s="1" t="s">
        <v>149167</v>
      </c>
      <c r="H43782" s="1" t="s">
        <v>149168</v>
      </c>
      <c r="I43782" s="1" t="s">
        <v>149017</v>
      </c>
      <c r="J43782" s="1" t="s">
        <v>149237</v>
      </c>
    </row>
    <row r="43783" spans="1:10" x14ac:dyDescent="0.35">
      <c r="A43783" s="1" t="s">
        <v>121190</v>
      </c>
      <c r="B43783" s="1" t="s">
        <v>149013</v>
      </c>
      <c r="C43783" s="1" t="s">
        <v>125</v>
      </c>
      <c r="D43783" s="1" t="s">
        <v>8083</v>
      </c>
      <c r="E43783" s="1" t="s">
        <v>149238</v>
      </c>
      <c r="F43783" s="1" t="s">
        <v>149239</v>
      </c>
      <c r="G43783" s="1" t="s">
        <v>149167</v>
      </c>
      <c r="H43783" s="1" t="s">
        <v>149168</v>
      </c>
      <c r="I43783" s="1" t="s">
        <v>149017</v>
      </c>
      <c r="J43783" s="1" t="s">
        <v>149240</v>
      </c>
    </row>
    <row r="43784" spans="1:10" x14ac:dyDescent="0.35">
      <c r="A43784" s="1" t="s">
        <v>121190</v>
      </c>
      <c r="B43784" s="1" t="s">
        <v>149013</v>
      </c>
      <c r="C43784" s="1" t="s">
        <v>130</v>
      </c>
      <c r="D43784" s="1" t="s">
        <v>4066</v>
      </c>
      <c r="E43784" s="1" t="s">
        <v>149241</v>
      </c>
      <c r="F43784" s="1" t="s">
        <v>149242</v>
      </c>
      <c r="G43784" s="1" t="s">
        <v>149167</v>
      </c>
      <c r="H43784" s="1" t="s">
        <v>149168</v>
      </c>
      <c r="I43784" s="1" t="s">
        <v>149017</v>
      </c>
      <c r="J43784" s="1" t="s">
        <v>149243</v>
      </c>
    </row>
    <row r="43785" spans="1:10" x14ac:dyDescent="0.35">
      <c r="A43785" s="1" t="s">
        <v>121190</v>
      </c>
      <c r="B43785" s="1" t="s">
        <v>149013</v>
      </c>
      <c r="C43785" s="1" t="s">
        <v>135</v>
      </c>
      <c r="D43785" s="1" t="s">
        <v>109696</v>
      </c>
      <c r="E43785" s="1" t="s">
        <v>149244</v>
      </c>
      <c r="F43785" s="1" t="s">
        <v>149245</v>
      </c>
      <c r="G43785" s="1" t="s">
        <v>149167</v>
      </c>
      <c r="H43785" s="1" t="s">
        <v>149168</v>
      </c>
      <c r="I43785" s="1" t="s">
        <v>149017</v>
      </c>
      <c r="J43785" s="1" t="s">
        <v>149246</v>
      </c>
    </row>
    <row r="43786" spans="1:10" x14ac:dyDescent="0.35">
      <c r="A43786" s="1" t="s">
        <v>121190</v>
      </c>
      <c r="B43786" s="1" t="s">
        <v>149013</v>
      </c>
      <c r="C43786" s="1" t="s">
        <v>140</v>
      </c>
      <c r="D43786" s="1" t="s">
        <v>2101</v>
      </c>
      <c r="E43786" s="1" t="s">
        <v>149247</v>
      </c>
      <c r="F43786" s="1" t="s">
        <v>149248</v>
      </c>
      <c r="G43786" s="1" t="s">
        <v>149167</v>
      </c>
      <c r="H43786" s="1" t="s">
        <v>149168</v>
      </c>
      <c r="I43786" s="1" t="s">
        <v>149017</v>
      </c>
      <c r="J43786" s="1" t="s">
        <v>149249</v>
      </c>
    </row>
    <row r="43787" spans="1:10" x14ac:dyDescent="0.35">
      <c r="A43787" s="1" t="s">
        <v>121190</v>
      </c>
      <c r="B43787" s="1" t="s">
        <v>149013</v>
      </c>
      <c r="C43787" s="1" t="s">
        <v>145</v>
      </c>
      <c r="D43787" s="1" t="s">
        <v>27581</v>
      </c>
      <c r="E43787" s="1" t="s">
        <v>149250</v>
      </c>
      <c r="F43787" s="1" t="s">
        <v>149251</v>
      </c>
      <c r="G43787" s="1" t="s">
        <v>149167</v>
      </c>
      <c r="H43787" s="1" t="s">
        <v>149168</v>
      </c>
      <c r="I43787" s="1" t="s">
        <v>149017</v>
      </c>
      <c r="J43787" s="1" t="s">
        <v>149252</v>
      </c>
    </row>
    <row r="43788" spans="1:10" x14ac:dyDescent="0.35">
      <c r="A43788" s="1" t="s">
        <v>121190</v>
      </c>
      <c r="B43788" s="1" t="s">
        <v>149013</v>
      </c>
      <c r="C43788" s="1" t="s">
        <v>150</v>
      </c>
      <c r="D43788" s="1" t="s">
        <v>143520</v>
      </c>
      <c r="E43788" s="1" t="s">
        <v>149253</v>
      </c>
      <c r="F43788" s="1" t="s">
        <v>149254</v>
      </c>
      <c r="G43788" s="1" t="s">
        <v>149167</v>
      </c>
      <c r="H43788" s="1" t="s">
        <v>149168</v>
      </c>
      <c r="I43788" s="1" t="s">
        <v>149017</v>
      </c>
      <c r="J43788" s="1" t="s">
        <v>149255</v>
      </c>
    </row>
    <row r="43789" spans="1:10" x14ac:dyDescent="0.35">
      <c r="A43789" s="1" t="s">
        <v>121190</v>
      </c>
      <c r="B43789" s="1" t="s">
        <v>149013</v>
      </c>
      <c r="C43789" s="1" t="s">
        <v>155</v>
      </c>
      <c r="D43789" s="1" t="s">
        <v>110002</v>
      </c>
      <c r="E43789" s="1" t="s">
        <v>149256</v>
      </c>
      <c r="F43789" s="1" t="s">
        <v>149257</v>
      </c>
      <c r="G43789" s="1" t="s">
        <v>149167</v>
      </c>
      <c r="H43789" s="1" t="s">
        <v>149168</v>
      </c>
      <c r="I43789" s="1" t="s">
        <v>149017</v>
      </c>
      <c r="J43789" s="1" t="s">
        <v>149258</v>
      </c>
    </row>
    <row r="43790" spans="1:10" x14ac:dyDescent="0.35">
      <c r="A43790" s="1" t="s">
        <v>121190</v>
      </c>
      <c r="B43790" s="1" t="s">
        <v>149013</v>
      </c>
      <c r="C43790" s="1" t="s">
        <v>160</v>
      </c>
      <c r="D43790" s="1" t="s">
        <v>25996</v>
      </c>
      <c r="E43790" s="1" t="s">
        <v>149259</v>
      </c>
      <c r="F43790" s="1" t="s">
        <v>149260</v>
      </c>
      <c r="G43790" s="1" t="s">
        <v>149167</v>
      </c>
      <c r="H43790" s="1" t="s">
        <v>149168</v>
      </c>
      <c r="I43790" s="1" t="s">
        <v>149017</v>
      </c>
      <c r="J43790" s="1" t="s">
        <v>149261</v>
      </c>
    </row>
    <row r="43791" spans="1:10" x14ac:dyDescent="0.35">
      <c r="A43791" s="1" t="s">
        <v>121190</v>
      </c>
      <c r="B43791" s="1" t="s">
        <v>149013</v>
      </c>
      <c r="C43791" s="1" t="s">
        <v>165</v>
      </c>
      <c r="D43791" s="1" t="s">
        <v>30143</v>
      </c>
      <c r="E43791" s="1" t="s">
        <v>149262</v>
      </c>
      <c r="F43791" s="1" t="s">
        <v>149263</v>
      </c>
      <c r="G43791" s="1" t="s">
        <v>149167</v>
      </c>
      <c r="H43791" s="1" t="s">
        <v>149168</v>
      </c>
      <c r="I43791" s="1" t="s">
        <v>149017</v>
      </c>
      <c r="J43791" s="1" t="s">
        <v>149264</v>
      </c>
    </row>
    <row r="43792" spans="1:10" x14ac:dyDescent="0.35">
      <c r="A43792" s="1" t="s">
        <v>121190</v>
      </c>
      <c r="B43792" s="1" t="s">
        <v>149013</v>
      </c>
      <c r="C43792" s="1" t="s">
        <v>170</v>
      </c>
      <c r="D43792" s="1" t="s">
        <v>30143</v>
      </c>
      <c r="E43792" s="1" t="s">
        <v>149265</v>
      </c>
      <c r="F43792" s="1" t="s">
        <v>149266</v>
      </c>
      <c r="G43792" s="1" t="s">
        <v>149167</v>
      </c>
      <c r="H43792" s="1" t="s">
        <v>149168</v>
      </c>
      <c r="I43792" s="1" t="s">
        <v>149017</v>
      </c>
      <c r="J43792" s="1" t="s">
        <v>1180</v>
      </c>
    </row>
    <row r="43793" spans="1:10" x14ac:dyDescent="0.35">
      <c r="A43793" s="1" t="s">
        <v>8714</v>
      </c>
      <c r="B43793" s="1" t="s">
        <v>149013</v>
      </c>
      <c r="C43793" s="1" t="s">
        <v>8</v>
      </c>
      <c r="D43793" s="1" t="s">
        <v>1896</v>
      </c>
      <c r="E43793" s="1" t="s">
        <v>149267</v>
      </c>
      <c r="F43793" s="1" t="s">
        <v>149268</v>
      </c>
      <c r="G43793" s="1" t="s">
        <v>149269</v>
      </c>
      <c r="H43793" s="1" t="s">
        <v>149270</v>
      </c>
      <c r="I43793" s="1" t="s">
        <v>149017</v>
      </c>
      <c r="J43793" s="1" t="s">
        <v>13</v>
      </c>
    </row>
    <row r="43794" spans="1:10" x14ac:dyDescent="0.35">
      <c r="A43794" s="1" t="s">
        <v>8714</v>
      </c>
      <c r="B43794" s="1" t="s">
        <v>149013</v>
      </c>
      <c r="C43794" s="1" t="s">
        <v>15</v>
      </c>
      <c r="D43794" s="1" t="s">
        <v>3557</v>
      </c>
      <c r="E43794" s="1" t="s">
        <v>149271</v>
      </c>
      <c r="F43794" s="1" t="s">
        <v>149272</v>
      </c>
      <c r="G43794" s="1" t="s">
        <v>149269</v>
      </c>
      <c r="H43794" s="1" t="s">
        <v>149270</v>
      </c>
      <c r="I43794" s="1" t="s">
        <v>149017</v>
      </c>
      <c r="J43794" s="1" t="s">
        <v>149273</v>
      </c>
    </row>
    <row r="43795" spans="1:10" x14ac:dyDescent="0.35">
      <c r="A43795" s="1" t="s">
        <v>8714</v>
      </c>
      <c r="B43795" s="1" t="s">
        <v>149013</v>
      </c>
      <c r="C43795" s="1" t="s">
        <v>20</v>
      </c>
      <c r="D43795" s="1" t="s">
        <v>99098</v>
      </c>
      <c r="E43795" s="1" t="s">
        <v>149274</v>
      </c>
      <c r="F43795" s="1" t="s">
        <v>149275</v>
      </c>
      <c r="G43795" s="1" t="s">
        <v>149269</v>
      </c>
      <c r="H43795" s="1" t="s">
        <v>149270</v>
      </c>
      <c r="I43795" s="1" t="s">
        <v>149017</v>
      </c>
      <c r="J43795" s="1" t="s">
        <v>149276</v>
      </c>
    </row>
    <row r="43796" spans="1:10" x14ac:dyDescent="0.35">
      <c r="A43796" s="1" t="s">
        <v>8714</v>
      </c>
      <c r="B43796" s="1" t="s">
        <v>149013</v>
      </c>
      <c r="C43796" s="1" t="s">
        <v>25</v>
      </c>
      <c r="D43796" s="1" t="s">
        <v>149277</v>
      </c>
      <c r="E43796" s="1" t="s">
        <v>149278</v>
      </c>
      <c r="F43796" s="1" t="s">
        <v>149279</v>
      </c>
      <c r="G43796" s="1" t="s">
        <v>149269</v>
      </c>
      <c r="H43796" s="1" t="s">
        <v>149270</v>
      </c>
      <c r="I43796" s="1" t="s">
        <v>149017</v>
      </c>
      <c r="J43796" s="1" t="s">
        <v>149280</v>
      </c>
    </row>
    <row r="43797" spans="1:10" x14ac:dyDescent="0.35">
      <c r="A43797" s="1" t="s">
        <v>8714</v>
      </c>
      <c r="B43797" s="1" t="s">
        <v>149013</v>
      </c>
      <c r="C43797" s="1" t="s">
        <v>30</v>
      </c>
      <c r="D43797" s="1" t="s">
        <v>1142</v>
      </c>
      <c r="E43797" s="1" t="s">
        <v>149281</v>
      </c>
      <c r="F43797" s="1" t="s">
        <v>149282</v>
      </c>
      <c r="G43797" s="1" t="s">
        <v>149269</v>
      </c>
      <c r="H43797" s="1" t="s">
        <v>149270</v>
      </c>
      <c r="I43797" s="1" t="s">
        <v>149017</v>
      </c>
      <c r="J43797" s="1" t="s">
        <v>149283</v>
      </c>
    </row>
    <row r="43798" spans="1:10" x14ac:dyDescent="0.35">
      <c r="A43798" s="1" t="s">
        <v>8714</v>
      </c>
      <c r="B43798" s="1" t="s">
        <v>149013</v>
      </c>
      <c r="C43798" s="1" t="s">
        <v>35</v>
      </c>
      <c r="D43798" s="1" t="s">
        <v>12048</v>
      </c>
      <c r="E43798" s="1" t="s">
        <v>149284</v>
      </c>
      <c r="F43798" s="1" t="s">
        <v>149285</v>
      </c>
      <c r="G43798" s="1" t="s">
        <v>149269</v>
      </c>
      <c r="H43798" s="1" t="s">
        <v>149270</v>
      </c>
      <c r="I43798" s="1" t="s">
        <v>149017</v>
      </c>
      <c r="J43798" s="1" t="s">
        <v>149286</v>
      </c>
    </row>
    <row r="43799" spans="1:10" x14ac:dyDescent="0.35">
      <c r="A43799" s="1" t="s">
        <v>8714</v>
      </c>
      <c r="B43799" s="1" t="s">
        <v>149013</v>
      </c>
      <c r="C43799" s="1" t="s">
        <v>40</v>
      </c>
      <c r="D43799" s="1" t="s">
        <v>13186</v>
      </c>
      <c r="E43799" s="1" t="s">
        <v>149287</v>
      </c>
      <c r="F43799" s="1" t="s">
        <v>149288</v>
      </c>
      <c r="G43799" s="1" t="s">
        <v>149269</v>
      </c>
      <c r="H43799" s="1" t="s">
        <v>149270</v>
      </c>
      <c r="I43799" s="1" t="s">
        <v>149017</v>
      </c>
      <c r="J43799" s="1" t="s">
        <v>149289</v>
      </c>
    </row>
    <row r="43800" spans="1:10" x14ac:dyDescent="0.35">
      <c r="A43800" s="1" t="s">
        <v>8714</v>
      </c>
      <c r="B43800" s="1" t="s">
        <v>149013</v>
      </c>
      <c r="C43800" s="1" t="s">
        <v>45</v>
      </c>
      <c r="D43800" s="1" t="s">
        <v>110384</v>
      </c>
      <c r="E43800" s="1" t="s">
        <v>149290</v>
      </c>
      <c r="F43800" s="1" t="s">
        <v>149291</v>
      </c>
      <c r="G43800" s="1" t="s">
        <v>149269</v>
      </c>
      <c r="H43800" s="1" t="s">
        <v>149270</v>
      </c>
      <c r="I43800" s="1" t="s">
        <v>149017</v>
      </c>
      <c r="J43800" s="1" t="s">
        <v>149292</v>
      </c>
    </row>
    <row r="43801" spans="1:10" x14ac:dyDescent="0.35">
      <c r="A43801" s="1" t="s">
        <v>8714</v>
      </c>
      <c r="B43801" s="1" t="s">
        <v>149013</v>
      </c>
      <c r="C43801" s="1" t="s">
        <v>50</v>
      </c>
      <c r="D43801" s="1" t="s">
        <v>44281</v>
      </c>
      <c r="E43801" s="1" t="s">
        <v>149293</v>
      </c>
      <c r="F43801" s="1" t="s">
        <v>149294</v>
      </c>
      <c r="G43801" s="1" t="s">
        <v>149269</v>
      </c>
      <c r="H43801" s="1" t="s">
        <v>149270</v>
      </c>
      <c r="I43801" s="1" t="s">
        <v>149017</v>
      </c>
      <c r="J43801" s="1" t="s">
        <v>149295</v>
      </c>
    </row>
    <row r="43802" spans="1:10" x14ac:dyDescent="0.35">
      <c r="A43802" s="1" t="s">
        <v>8714</v>
      </c>
      <c r="B43802" s="1" t="s">
        <v>149013</v>
      </c>
      <c r="C43802" s="1" t="s">
        <v>55</v>
      </c>
      <c r="D43802" s="1" t="s">
        <v>110977</v>
      </c>
      <c r="E43802" s="1" t="s">
        <v>149296</v>
      </c>
      <c r="F43802" s="1" t="s">
        <v>149297</v>
      </c>
      <c r="G43802" s="1" t="s">
        <v>149269</v>
      </c>
      <c r="H43802" s="1" t="s">
        <v>149270</v>
      </c>
      <c r="I43802" s="1" t="s">
        <v>149017</v>
      </c>
      <c r="J43802" s="1" t="s">
        <v>149298</v>
      </c>
    </row>
    <row r="43803" spans="1:10" x14ac:dyDescent="0.35">
      <c r="A43803" s="1" t="s">
        <v>8714</v>
      </c>
      <c r="B43803" s="1" t="s">
        <v>149013</v>
      </c>
      <c r="C43803" s="1" t="s">
        <v>60</v>
      </c>
      <c r="D43803" s="1" t="s">
        <v>6308</v>
      </c>
      <c r="E43803" s="1" t="s">
        <v>149299</v>
      </c>
      <c r="F43803" s="1" t="s">
        <v>149300</v>
      </c>
      <c r="G43803" s="1" t="s">
        <v>149269</v>
      </c>
      <c r="H43803" s="1" t="s">
        <v>149270</v>
      </c>
      <c r="I43803" s="1" t="s">
        <v>149017</v>
      </c>
      <c r="J43803" s="1" t="s">
        <v>149301</v>
      </c>
    </row>
    <row r="43804" spans="1:10" x14ac:dyDescent="0.35">
      <c r="A43804" s="1" t="s">
        <v>8714</v>
      </c>
      <c r="B43804" s="1" t="s">
        <v>149013</v>
      </c>
      <c r="C43804" s="1" t="s">
        <v>65</v>
      </c>
      <c r="D43804" s="1" t="s">
        <v>44027</v>
      </c>
      <c r="E43804" s="1" t="s">
        <v>149302</v>
      </c>
      <c r="F43804" s="1" t="s">
        <v>149303</v>
      </c>
      <c r="G43804" s="1" t="s">
        <v>149269</v>
      </c>
      <c r="H43804" s="1" t="s">
        <v>149270</v>
      </c>
      <c r="I43804" s="1" t="s">
        <v>149017</v>
      </c>
      <c r="J43804" s="1" t="s">
        <v>149304</v>
      </c>
    </row>
    <row r="43805" spans="1:10" x14ac:dyDescent="0.35">
      <c r="A43805" s="1" t="s">
        <v>8714</v>
      </c>
      <c r="B43805" s="1" t="s">
        <v>149013</v>
      </c>
      <c r="C43805" s="1" t="s">
        <v>70</v>
      </c>
      <c r="D43805" s="1" t="s">
        <v>29511</v>
      </c>
      <c r="E43805" s="1" t="s">
        <v>149305</v>
      </c>
      <c r="F43805" s="1" t="s">
        <v>149306</v>
      </c>
      <c r="G43805" s="1" t="s">
        <v>149269</v>
      </c>
      <c r="H43805" s="1" t="s">
        <v>149270</v>
      </c>
      <c r="I43805" s="1" t="s">
        <v>149017</v>
      </c>
      <c r="J43805" s="1" t="s">
        <v>149307</v>
      </c>
    </row>
    <row r="43806" spans="1:10" x14ac:dyDescent="0.35">
      <c r="A43806" s="1" t="s">
        <v>8714</v>
      </c>
      <c r="B43806" s="1" t="s">
        <v>149013</v>
      </c>
      <c r="C43806" s="1" t="s">
        <v>75</v>
      </c>
      <c r="D43806" s="1" t="s">
        <v>128239</v>
      </c>
      <c r="E43806" s="1" t="s">
        <v>149308</v>
      </c>
      <c r="F43806" s="1" t="s">
        <v>149309</v>
      </c>
      <c r="G43806" s="1" t="s">
        <v>149269</v>
      </c>
      <c r="H43806" s="1" t="s">
        <v>149270</v>
      </c>
      <c r="I43806" s="1" t="s">
        <v>149017</v>
      </c>
      <c r="J43806" s="1" t="s">
        <v>149310</v>
      </c>
    </row>
    <row r="43807" spans="1:10" x14ac:dyDescent="0.35">
      <c r="A43807" s="1" t="s">
        <v>8714</v>
      </c>
      <c r="B43807" s="1" t="s">
        <v>149013</v>
      </c>
      <c r="C43807" s="1" t="s">
        <v>80</v>
      </c>
      <c r="D43807" s="1" t="s">
        <v>28144</v>
      </c>
      <c r="E43807" s="1" t="s">
        <v>149311</v>
      </c>
      <c r="F43807" s="1" t="s">
        <v>149312</v>
      </c>
      <c r="G43807" s="1" t="s">
        <v>149269</v>
      </c>
      <c r="H43807" s="1" t="s">
        <v>149270</v>
      </c>
      <c r="I43807" s="1" t="s">
        <v>149017</v>
      </c>
      <c r="J43807" s="1" t="s">
        <v>149313</v>
      </c>
    </row>
    <row r="43808" spans="1:10" x14ac:dyDescent="0.35">
      <c r="A43808" s="1" t="s">
        <v>8714</v>
      </c>
      <c r="B43808" s="1" t="s">
        <v>149013</v>
      </c>
      <c r="C43808" s="1" t="s">
        <v>85</v>
      </c>
      <c r="D43808" s="1" t="s">
        <v>110807</v>
      </c>
      <c r="E43808" s="1" t="s">
        <v>149314</v>
      </c>
      <c r="F43808" s="1" t="s">
        <v>149315</v>
      </c>
      <c r="G43808" s="1" t="s">
        <v>149269</v>
      </c>
      <c r="H43808" s="1" t="s">
        <v>149270</v>
      </c>
      <c r="I43808" s="1" t="s">
        <v>149017</v>
      </c>
      <c r="J43808" s="1" t="s">
        <v>149316</v>
      </c>
    </row>
    <row r="43809" spans="1:10" x14ac:dyDescent="0.35">
      <c r="A43809" s="1" t="s">
        <v>8714</v>
      </c>
      <c r="B43809" s="1" t="s">
        <v>149013</v>
      </c>
      <c r="C43809" s="1" t="s">
        <v>90</v>
      </c>
      <c r="D43809" s="1" t="s">
        <v>29272</v>
      </c>
      <c r="E43809" s="1" t="s">
        <v>149317</v>
      </c>
      <c r="F43809" s="1" t="s">
        <v>149318</v>
      </c>
      <c r="G43809" s="1" t="s">
        <v>149269</v>
      </c>
      <c r="H43809" s="1" t="s">
        <v>149270</v>
      </c>
      <c r="I43809" s="1" t="s">
        <v>149017</v>
      </c>
      <c r="J43809" s="1" t="s">
        <v>149319</v>
      </c>
    </row>
    <row r="43810" spans="1:10" x14ac:dyDescent="0.35">
      <c r="A43810" s="1" t="s">
        <v>8714</v>
      </c>
      <c r="B43810" s="1" t="s">
        <v>149013</v>
      </c>
      <c r="C43810" s="1" t="s">
        <v>95</v>
      </c>
      <c r="D43810" s="1" t="s">
        <v>29287</v>
      </c>
      <c r="E43810" s="1" t="s">
        <v>149320</v>
      </c>
      <c r="F43810" s="1" t="s">
        <v>149321</v>
      </c>
      <c r="G43810" s="1" t="s">
        <v>149269</v>
      </c>
      <c r="H43810" s="1" t="s">
        <v>149270</v>
      </c>
      <c r="I43810" s="1" t="s">
        <v>149017</v>
      </c>
      <c r="J43810" s="1" t="s">
        <v>149322</v>
      </c>
    </row>
    <row r="43811" spans="1:10" x14ac:dyDescent="0.35">
      <c r="A43811" s="1" t="s">
        <v>8714</v>
      </c>
      <c r="B43811" s="1" t="s">
        <v>149013</v>
      </c>
      <c r="C43811" s="1" t="s">
        <v>100</v>
      </c>
      <c r="D43811" s="1" t="s">
        <v>5529</v>
      </c>
      <c r="E43811" s="1" t="s">
        <v>149323</v>
      </c>
      <c r="F43811" s="1" t="s">
        <v>149324</v>
      </c>
      <c r="G43811" s="1" t="s">
        <v>149269</v>
      </c>
      <c r="H43811" s="1" t="s">
        <v>149270</v>
      </c>
      <c r="I43811" s="1" t="s">
        <v>149017</v>
      </c>
      <c r="J43811" s="1" t="s">
        <v>149325</v>
      </c>
    </row>
    <row r="43812" spans="1:10" x14ac:dyDescent="0.35">
      <c r="A43812" s="1" t="s">
        <v>8714</v>
      </c>
      <c r="B43812" s="1" t="s">
        <v>149013</v>
      </c>
      <c r="C43812" s="1" t="s">
        <v>105</v>
      </c>
      <c r="D43812" s="1" t="s">
        <v>120768</v>
      </c>
      <c r="E43812" s="1" t="s">
        <v>149326</v>
      </c>
      <c r="F43812" s="1" t="s">
        <v>149327</v>
      </c>
      <c r="G43812" s="1" t="s">
        <v>149269</v>
      </c>
      <c r="H43812" s="1" t="s">
        <v>149270</v>
      </c>
      <c r="I43812" s="1" t="s">
        <v>149017</v>
      </c>
      <c r="J43812" s="1" t="s">
        <v>149328</v>
      </c>
    </row>
    <row r="43813" spans="1:10" x14ac:dyDescent="0.35">
      <c r="A43813" s="1" t="s">
        <v>8714</v>
      </c>
      <c r="B43813" s="1" t="s">
        <v>149013</v>
      </c>
      <c r="C43813" s="1" t="s">
        <v>110</v>
      </c>
      <c r="D43813" s="1" t="s">
        <v>119464</v>
      </c>
      <c r="E43813" s="1" t="s">
        <v>149329</v>
      </c>
      <c r="F43813" s="1" t="s">
        <v>149330</v>
      </c>
      <c r="G43813" s="1" t="s">
        <v>149269</v>
      </c>
      <c r="H43813" s="1" t="s">
        <v>149270</v>
      </c>
      <c r="I43813" s="1" t="s">
        <v>149017</v>
      </c>
      <c r="J43813" s="1" t="s">
        <v>149331</v>
      </c>
    </row>
    <row r="43814" spans="1:10" x14ac:dyDescent="0.35">
      <c r="A43814" s="1" t="s">
        <v>8714</v>
      </c>
      <c r="B43814" s="1" t="s">
        <v>149013</v>
      </c>
      <c r="C43814" s="1" t="s">
        <v>115</v>
      </c>
      <c r="D43814" s="1" t="s">
        <v>70</v>
      </c>
      <c r="E43814" s="1" t="s">
        <v>149332</v>
      </c>
      <c r="F43814" s="1" t="s">
        <v>149333</v>
      </c>
      <c r="G43814" s="1" t="s">
        <v>149269</v>
      </c>
      <c r="H43814" s="1" t="s">
        <v>149270</v>
      </c>
      <c r="I43814" s="1" t="s">
        <v>149017</v>
      </c>
      <c r="J43814" s="1" t="s">
        <v>149334</v>
      </c>
    </row>
    <row r="43815" spans="1:10" x14ac:dyDescent="0.35">
      <c r="A43815" s="1" t="s">
        <v>8714</v>
      </c>
      <c r="B43815" s="1" t="s">
        <v>149013</v>
      </c>
      <c r="C43815" s="1" t="s">
        <v>120</v>
      </c>
      <c r="D43815" s="1" t="s">
        <v>9897</v>
      </c>
      <c r="E43815" s="1" t="s">
        <v>149335</v>
      </c>
      <c r="F43815" s="1" t="s">
        <v>149336</v>
      </c>
      <c r="G43815" s="1" t="s">
        <v>149269</v>
      </c>
      <c r="H43815" s="1" t="s">
        <v>149270</v>
      </c>
      <c r="I43815" s="1" t="s">
        <v>149017</v>
      </c>
      <c r="J43815" s="1" t="s">
        <v>149337</v>
      </c>
    </row>
    <row r="43816" spans="1:10" x14ac:dyDescent="0.35">
      <c r="A43816" s="1" t="s">
        <v>8714</v>
      </c>
      <c r="B43816" s="1" t="s">
        <v>149013</v>
      </c>
      <c r="C43816" s="1" t="s">
        <v>125</v>
      </c>
      <c r="D43816" s="1" t="s">
        <v>8706</v>
      </c>
      <c r="E43816" s="1" t="s">
        <v>149338</v>
      </c>
      <c r="F43816" s="1" t="s">
        <v>149339</v>
      </c>
      <c r="G43816" s="1" t="s">
        <v>149269</v>
      </c>
      <c r="H43816" s="1" t="s">
        <v>149270</v>
      </c>
      <c r="I43816" s="1" t="s">
        <v>149017</v>
      </c>
      <c r="J43816" s="1" t="s">
        <v>149340</v>
      </c>
    </row>
    <row r="43817" spans="1:10" x14ac:dyDescent="0.35">
      <c r="A43817" s="1" t="s">
        <v>8714</v>
      </c>
      <c r="B43817" s="1" t="s">
        <v>149013</v>
      </c>
      <c r="C43817" s="1" t="s">
        <v>130</v>
      </c>
      <c r="D43817" s="1" t="s">
        <v>110527</v>
      </c>
      <c r="E43817" s="1" t="s">
        <v>149341</v>
      </c>
      <c r="F43817" s="1" t="s">
        <v>149342</v>
      </c>
      <c r="G43817" s="1" t="s">
        <v>149269</v>
      </c>
      <c r="H43817" s="1" t="s">
        <v>149270</v>
      </c>
      <c r="I43817" s="1" t="s">
        <v>149017</v>
      </c>
      <c r="J43817" s="1" t="s">
        <v>149343</v>
      </c>
    </row>
    <row r="43818" spans="1:10" x14ac:dyDescent="0.35">
      <c r="A43818" s="1" t="s">
        <v>8714</v>
      </c>
      <c r="B43818" s="1" t="s">
        <v>149013</v>
      </c>
      <c r="C43818" s="1" t="s">
        <v>135</v>
      </c>
      <c r="D43818" s="1" t="s">
        <v>143609</v>
      </c>
      <c r="E43818" s="1" t="s">
        <v>149344</v>
      </c>
      <c r="F43818" s="1" t="s">
        <v>149345</v>
      </c>
      <c r="G43818" s="1" t="s">
        <v>149269</v>
      </c>
      <c r="H43818" s="1" t="s">
        <v>149270</v>
      </c>
      <c r="I43818" s="1" t="s">
        <v>149017</v>
      </c>
      <c r="J43818" s="1" t="s">
        <v>149346</v>
      </c>
    </row>
    <row r="43819" spans="1:10" x14ac:dyDescent="0.35">
      <c r="A43819" s="1" t="s">
        <v>8714</v>
      </c>
      <c r="B43819" s="1" t="s">
        <v>149013</v>
      </c>
      <c r="C43819" s="1" t="s">
        <v>140</v>
      </c>
      <c r="D43819" s="1" t="s">
        <v>143201</v>
      </c>
      <c r="E43819" s="1" t="s">
        <v>149347</v>
      </c>
      <c r="F43819" s="1" t="s">
        <v>149348</v>
      </c>
      <c r="G43819" s="1" t="s">
        <v>149269</v>
      </c>
      <c r="H43819" s="1" t="s">
        <v>149270</v>
      </c>
      <c r="I43819" s="1" t="s">
        <v>149017</v>
      </c>
      <c r="J43819" s="1" t="s">
        <v>149349</v>
      </c>
    </row>
    <row r="43820" spans="1:10" x14ac:dyDescent="0.35">
      <c r="A43820" s="1" t="s">
        <v>8714</v>
      </c>
      <c r="B43820" s="1" t="s">
        <v>149013</v>
      </c>
      <c r="C43820" s="1" t="s">
        <v>145</v>
      </c>
      <c r="D43820" s="1" t="s">
        <v>119428</v>
      </c>
      <c r="E43820" s="1" t="s">
        <v>149350</v>
      </c>
      <c r="F43820" s="1" t="s">
        <v>149351</v>
      </c>
      <c r="G43820" s="1" t="s">
        <v>149269</v>
      </c>
      <c r="H43820" s="1" t="s">
        <v>149270</v>
      </c>
      <c r="I43820" s="1" t="s">
        <v>149017</v>
      </c>
      <c r="J43820" s="1" t="s">
        <v>149352</v>
      </c>
    </row>
    <row r="43821" spans="1:10" x14ac:dyDescent="0.35">
      <c r="A43821" s="1" t="s">
        <v>8714</v>
      </c>
      <c r="B43821" s="1" t="s">
        <v>149013</v>
      </c>
      <c r="C43821" s="1" t="s">
        <v>150</v>
      </c>
      <c r="D43821" s="1" t="s">
        <v>27345</v>
      </c>
      <c r="E43821" s="1" t="s">
        <v>149353</v>
      </c>
      <c r="F43821" s="1" t="s">
        <v>149354</v>
      </c>
      <c r="G43821" s="1" t="s">
        <v>149269</v>
      </c>
      <c r="H43821" s="1" t="s">
        <v>149270</v>
      </c>
      <c r="I43821" s="1" t="s">
        <v>149017</v>
      </c>
      <c r="J43821" s="1" t="s">
        <v>149355</v>
      </c>
    </row>
    <row r="43822" spans="1:10" x14ac:dyDescent="0.35">
      <c r="A43822" s="1" t="s">
        <v>8714</v>
      </c>
      <c r="B43822" s="1" t="s">
        <v>149013</v>
      </c>
      <c r="C43822" s="1" t="s">
        <v>155</v>
      </c>
      <c r="D43822" s="1" t="s">
        <v>160</v>
      </c>
      <c r="E43822" s="1" t="s">
        <v>149356</v>
      </c>
      <c r="F43822" s="1" t="s">
        <v>149357</v>
      </c>
      <c r="G43822" s="1" t="s">
        <v>149269</v>
      </c>
      <c r="H43822" s="1" t="s">
        <v>149270</v>
      </c>
      <c r="I43822" s="1" t="s">
        <v>149017</v>
      </c>
      <c r="J43822" s="1" t="s">
        <v>149358</v>
      </c>
    </row>
    <row r="43823" spans="1:10" x14ac:dyDescent="0.35">
      <c r="A43823" s="1" t="s">
        <v>8714</v>
      </c>
      <c r="B43823" s="1" t="s">
        <v>149013</v>
      </c>
      <c r="C43823" s="1" t="s">
        <v>160</v>
      </c>
      <c r="D43823" s="1" t="s">
        <v>120768</v>
      </c>
      <c r="E43823" s="1" t="s">
        <v>149359</v>
      </c>
      <c r="F43823" s="1" t="s">
        <v>149360</v>
      </c>
      <c r="G43823" s="1" t="s">
        <v>149269</v>
      </c>
      <c r="H43823" s="1" t="s">
        <v>149270</v>
      </c>
      <c r="I43823" s="1" t="s">
        <v>149017</v>
      </c>
      <c r="J43823" s="1" t="s">
        <v>149361</v>
      </c>
    </row>
    <row r="43824" spans="1:10" x14ac:dyDescent="0.35">
      <c r="A43824" s="1" t="s">
        <v>8714</v>
      </c>
      <c r="B43824" s="1" t="s">
        <v>149013</v>
      </c>
      <c r="C43824" s="1" t="s">
        <v>165</v>
      </c>
      <c r="D43824" s="1" t="s">
        <v>4532</v>
      </c>
      <c r="E43824" s="1" t="s">
        <v>149362</v>
      </c>
      <c r="F43824" s="1" t="s">
        <v>149363</v>
      </c>
      <c r="G43824" s="1" t="s">
        <v>149269</v>
      </c>
      <c r="H43824" s="1" t="s">
        <v>149270</v>
      </c>
      <c r="I43824" s="1" t="s">
        <v>149017</v>
      </c>
      <c r="J43824" s="1" t="s">
        <v>149364</v>
      </c>
    </row>
    <row r="43825" spans="1:10" x14ac:dyDescent="0.35">
      <c r="A43825" s="1" t="s">
        <v>8714</v>
      </c>
      <c r="B43825" s="1" t="s">
        <v>149013</v>
      </c>
      <c r="C43825" s="1" t="s">
        <v>170</v>
      </c>
      <c r="D43825" s="1" t="s">
        <v>4532</v>
      </c>
      <c r="E43825" s="1" t="s">
        <v>149365</v>
      </c>
      <c r="F43825" s="1" t="s">
        <v>149366</v>
      </c>
      <c r="G43825" s="1" t="s">
        <v>149269</v>
      </c>
      <c r="H43825" s="1" t="s">
        <v>149270</v>
      </c>
      <c r="I43825" s="1" t="s">
        <v>149017</v>
      </c>
      <c r="J43825" s="1" t="s">
        <v>1180</v>
      </c>
    </row>
    <row r="43826" spans="1:10" x14ac:dyDescent="0.35">
      <c r="A43826" s="1" t="s">
        <v>1370</v>
      </c>
      <c r="B43826" s="1" t="s">
        <v>149013</v>
      </c>
      <c r="C43826" s="1" t="s">
        <v>8</v>
      </c>
      <c r="D43826" s="1" t="s">
        <v>71150</v>
      </c>
      <c r="E43826" s="1" t="s">
        <v>108721</v>
      </c>
      <c r="F43826" s="1" t="s">
        <v>32077</v>
      </c>
      <c r="G43826" s="1" t="s">
        <v>149367</v>
      </c>
      <c r="H43826" s="1" t="s">
        <v>149368</v>
      </c>
      <c r="I43826" s="1" t="s">
        <v>149017</v>
      </c>
      <c r="J43826" s="1" t="s">
        <v>13</v>
      </c>
    </row>
    <row r="43827" spans="1:10" x14ac:dyDescent="0.35">
      <c r="A43827" s="1" t="s">
        <v>1370</v>
      </c>
      <c r="B43827" s="1" t="s">
        <v>149013</v>
      </c>
      <c r="C43827" s="1" t="s">
        <v>15</v>
      </c>
      <c r="D43827" s="1" t="s">
        <v>75955</v>
      </c>
      <c r="E43827" s="1" t="s">
        <v>76365</v>
      </c>
      <c r="F43827" s="1" t="s">
        <v>149369</v>
      </c>
      <c r="G43827" s="1" t="s">
        <v>149367</v>
      </c>
      <c r="H43827" s="1" t="s">
        <v>149368</v>
      </c>
      <c r="I43827" s="1" t="s">
        <v>149017</v>
      </c>
      <c r="J43827" s="1" t="s">
        <v>149370</v>
      </c>
    </row>
    <row r="43828" spans="1:10" x14ac:dyDescent="0.35">
      <c r="A43828" s="1" t="s">
        <v>1370</v>
      </c>
      <c r="B43828" s="1" t="s">
        <v>149013</v>
      </c>
      <c r="C43828" s="1" t="s">
        <v>20</v>
      </c>
      <c r="D43828" s="1" t="s">
        <v>1817</v>
      </c>
      <c r="E43828" s="1" t="s">
        <v>149371</v>
      </c>
      <c r="F43828" s="1" t="s">
        <v>149372</v>
      </c>
      <c r="G43828" s="1" t="s">
        <v>149367</v>
      </c>
      <c r="H43828" s="1" t="s">
        <v>149368</v>
      </c>
      <c r="I43828" s="1" t="s">
        <v>149017</v>
      </c>
      <c r="J43828" s="1" t="s">
        <v>149373</v>
      </c>
    </row>
    <row r="43829" spans="1:10" x14ac:dyDescent="0.35">
      <c r="A43829" s="1" t="s">
        <v>1370</v>
      </c>
      <c r="B43829" s="1" t="s">
        <v>149013</v>
      </c>
      <c r="C43829" s="1" t="s">
        <v>25</v>
      </c>
      <c r="D43829" s="1" t="s">
        <v>1773</v>
      </c>
      <c r="E43829" s="1" t="s">
        <v>127970</v>
      </c>
      <c r="F43829" s="1" t="s">
        <v>149374</v>
      </c>
      <c r="G43829" s="1" t="s">
        <v>149367</v>
      </c>
      <c r="H43829" s="1" t="s">
        <v>149368</v>
      </c>
      <c r="I43829" s="1" t="s">
        <v>149017</v>
      </c>
      <c r="J43829" s="1" t="s">
        <v>149375</v>
      </c>
    </row>
    <row r="43830" spans="1:10" x14ac:dyDescent="0.35">
      <c r="A43830" s="1" t="s">
        <v>1370</v>
      </c>
      <c r="B43830" s="1" t="s">
        <v>149013</v>
      </c>
      <c r="C43830" s="1" t="s">
        <v>30</v>
      </c>
      <c r="D43830" s="1" t="s">
        <v>89148</v>
      </c>
      <c r="E43830" s="1" t="s">
        <v>132952</v>
      </c>
      <c r="F43830" s="1" t="s">
        <v>63704</v>
      </c>
      <c r="G43830" s="1" t="s">
        <v>149367</v>
      </c>
      <c r="H43830" s="1" t="s">
        <v>149368</v>
      </c>
      <c r="I43830" s="1" t="s">
        <v>149017</v>
      </c>
      <c r="J43830" s="1" t="s">
        <v>149376</v>
      </c>
    </row>
    <row r="43831" spans="1:10" x14ac:dyDescent="0.35">
      <c r="A43831" s="1" t="s">
        <v>1370</v>
      </c>
      <c r="B43831" s="1" t="s">
        <v>149013</v>
      </c>
      <c r="C43831" s="1" t="s">
        <v>35</v>
      </c>
      <c r="D43831" s="1" t="s">
        <v>91361</v>
      </c>
      <c r="E43831" s="1" t="s">
        <v>109229</v>
      </c>
      <c r="F43831" s="1" t="s">
        <v>54198</v>
      </c>
      <c r="G43831" s="1" t="s">
        <v>149367</v>
      </c>
      <c r="H43831" s="1" t="s">
        <v>149368</v>
      </c>
      <c r="I43831" s="1" t="s">
        <v>149017</v>
      </c>
      <c r="J43831" s="1" t="s">
        <v>149377</v>
      </c>
    </row>
    <row r="43832" spans="1:10" x14ac:dyDescent="0.35">
      <c r="A43832" s="1" t="s">
        <v>1370</v>
      </c>
      <c r="B43832" s="1" t="s">
        <v>149013</v>
      </c>
      <c r="C43832" s="1" t="s">
        <v>40</v>
      </c>
      <c r="D43832" s="1" t="s">
        <v>9186</v>
      </c>
      <c r="E43832" s="1" t="s">
        <v>76382</v>
      </c>
      <c r="F43832" s="1" t="s">
        <v>58524</v>
      </c>
      <c r="G43832" s="1" t="s">
        <v>149367</v>
      </c>
      <c r="H43832" s="1" t="s">
        <v>149368</v>
      </c>
      <c r="I43832" s="1" t="s">
        <v>149017</v>
      </c>
      <c r="J43832" s="1" t="s">
        <v>149378</v>
      </c>
    </row>
    <row r="43833" spans="1:10" x14ac:dyDescent="0.35">
      <c r="A43833" s="1" t="s">
        <v>1370</v>
      </c>
      <c r="B43833" s="1" t="s">
        <v>149013</v>
      </c>
      <c r="C43833" s="1" t="s">
        <v>45</v>
      </c>
      <c r="D43833" s="1" t="s">
        <v>149379</v>
      </c>
      <c r="E43833" s="1" t="s">
        <v>130323</v>
      </c>
      <c r="F43833" s="1" t="s">
        <v>54717</v>
      </c>
      <c r="G43833" s="1" t="s">
        <v>149367</v>
      </c>
      <c r="H43833" s="1" t="s">
        <v>149368</v>
      </c>
      <c r="I43833" s="1" t="s">
        <v>149017</v>
      </c>
      <c r="J43833" s="1" t="s">
        <v>149380</v>
      </c>
    </row>
    <row r="43834" spans="1:10" x14ac:dyDescent="0.35">
      <c r="A43834" s="1" t="s">
        <v>1370</v>
      </c>
      <c r="B43834" s="1" t="s">
        <v>149013</v>
      </c>
      <c r="C43834" s="1" t="s">
        <v>50</v>
      </c>
      <c r="D43834" s="1" t="s">
        <v>144455</v>
      </c>
      <c r="E43834" s="1" t="s">
        <v>109232</v>
      </c>
      <c r="F43834" s="1" t="s">
        <v>21926</v>
      </c>
      <c r="G43834" s="1" t="s">
        <v>149367</v>
      </c>
      <c r="H43834" s="1" t="s">
        <v>149368</v>
      </c>
      <c r="I43834" s="1" t="s">
        <v>149017</v>
      </c>
      <c r="J43834" s="1" t="s">
        <v>149381</v>
      </c>
    </row>
    <row r="43835" spans="1:10" x14ac:dyDescent="0.35">
      <c r="A43835" s="1" t="s">
        <v>1370</v>
      </c>
      <c r="B43835" s="1" t="s">
        <v>149013</v>
      </c>
      <c r="C43835" s="1" t="s">
        <v>55</v>
      </c>
      <c r="D43835" s="1" t="s">
        <v>149382</v>
      </c>
      <c r="E43835" s="1" t="s">
        <v>94738</v>
      </c>
      <c r="F43835" s="1" t="s">
        <v>129633</v>
      </c>
      <c r="G43835" s="1" t="s">
        <v>149367</v>
      </c>
      <c r="H43835" s="1" t="s">
        <v>149368</v>
      </c>
      <c r="I43835" s="1" t="s">
        <v>149017</v>
      </c>
      <c r="J43835" s="1" t="s">
        <v>149383</v>
      </c>
    </row>
    <row r="43836" spans="1:10" x14ac:dyDescent="0.35">
      <c r="A43836" s="1" t="s">
        <v>1370</v>
      </c>
      <c r="B43836" s="1" t="s">
        <v>149013</v>
      </c>
      <c r="C43836" s="1" t="s">
        <v>60</v>
      </c>
      <c r="D43836" s="1" t="s">
        <v>7346</v>
      </c>
      <c r="E43836" s="1" t="s">
        <v>133792</v>
      </c>
      <c r="F43836" s="1" t="s">
        <v>56326</v>
      </c>
      <c r="G43836" s="1" t="s">
        <v>149367</v>
      </c>
      <c r="H43836" s="1" t="s">
        <v>149368</v>
      </c>
      <c r="I43836" s="1" t="s">
        <v>149017</v>
      </c>
      <c r="J43836" s="1" t="s">
        <v>149384</v>
      </c>
    </row>
    <row r="43837" spans="1:10" x14ac:dyDescent="0.35">
      <c r="A43837" s="1" t="s">
        <v>1370</v>
      </c>
      <c r="B43837" s="1" t="s">
        <v>149013</v>
      </c>
      <c r="C43837" s="1" t="s">
        <v>65</v>
      </c>
      <c r="D43837" s="1" t="s">
        <v>102046</v>
      </c>
      <c r="E43837" s="1" t="s">
        <v>109184</v>
      </c>
      <c r="F43837" s="1" t="s">
        <v>149385</v>
      </c>
      <c r="G43837" s="1" t="s">
        <v>149367</v>
      </c>
      <c r="H43837" s="1" t="s">
        <v>149368</v>
      </c>
      <c r="I43837" s="1" t="s">
        <v>149017</v>
      </c>
      <c r="J43837" s="1" t="s">
        <v>149386</v>
      </c>
    </row>
    <row r="43838" spans="1:10" x14ac:dyDescent="0.35">
      <c r="A43838" s="1" t="s">
        <v>1370</v>
      </c>
      <c r="B43838" s="1" t="s">
        <v>149013</v>
      </c>
      <c r="C43838" s="1" t="s">
        <v>70</v>
      </c>
      <c r="D43838" s="1" t="s">
        <v>1142</v>
      </c>
      <c r="E43838" s="1" t="s">
        <v>149387</v>
      </c>
      <c r="F43838" s="1" t="s">
        <v>149388</v>
      </c>
      <c r="G43838" s="1" t="s">
        <v>149367</v>
      </c>
      <c r="H43838" s="1" t="s">
        <v>149368</v>
      </c>
      <c r="I43838" s="1" t="s">
        <v>149017</v>
      </c>
      <c r="J43838" s="1" t="s">
        <v>149389</v>
      </c>
    </row>
    <row r="43839" spans="1:10" x14ac:dyDescent="0.35">
      <c r="A43839" s="1" t="s">
        <v>1370</v>
      </c>
      <c r="B43839" s="1" t="s">
        <v>149013</v>
      </c>
      <c r="C43839" s="1" t="s">
        <v>75</v>
      </c>
      <c r="D43839" s="1" t="s">
        <v>1150</v>
      </c>
      <c r="E43839" s="1" t="s">
        <v>128767</v>
      </c>
      <c r="F43839" s="1" t="s">
        <v>102530</v>
      </c>
      <c r="G43839" s="1" t="s">
        <v>149367</v>
      </c>
      <c r="H43839" s="1" t="s">
        <v>149368</v>
      </c>
      <c r="I43839" s="1" t="s">
        <v>149017</v>
      </c>
      <c r="J43839" s="1" t="s">
        <v>149390</v>
      </c>
    </row>
    <row r="43840" spans="1:10" x14ac:dyDescent="0.35">
      <c r="A43840" s="1" t="s">
        <v>1370</v>
      </c>
      <c r="B43840" s="1" t="s">
        <v>149013</v>
      </c>
      <c r="C43840" s="1" t="s">
        <v>80</v>
      </c>
      <c r="D43840" s="1" t="s">
        <v>10239</v>
      </c>
      <c r="E43840" s="1" t="s">
        <v>105939</v>
      </c>
      <c r="F43840" s="1" t="s">
        <v>127231</v>
      </c>
      <c r="G43840" s="1" t="s">
        <v>149367</v>
      </c>
      <c r="H43840" s="1" t="s">
        <v>149368</v>
      </c>
      <c r="I43840" s="1" t="s">
        <v>149017</v>
      </c>
      <c r="J43840" s="1" t="s">
        <v>149391</v>
      </c>
    </row>
    <row r="43841" spans="1:10" x14ac:dyDescent="0.35">
      <c r="A43841" s="1" t="s">
        <v>1370</v>
      </c>
      <c r="B43841" s="1" t="s">
        <v>149013</v>
      </c>
      <c r="C43841" s="1" t="s">
        <v>85</v>
      </c>
      <c r="D43841" s="1" t="s">
        <v>25572</v>
      </c>
      <c r="E43841" s="1" t="s">
        <v>105955</v>
      </c>
      <c r="F43841" s="1" t="s">
        <v>149392</v>
      </c>
      <c r="G43841" s="1" t="s">
        <v>149367</v>
      </c>
      <c r="H43841" s="1" t="s">
        <v>149368</v>
      </c>
      <c r="I43841" s="1" t="s">
        <v>149017</v>
      </c>
      <c r="J43841" s="1" t="s">
        <v>149393</v>
      </c>
    </row>
    <row r="43842" spans="1:10" x14ac:dyDescent="0.35">
      <c r="A43842" s="1" t="s">
        <v>1370</v>
      </c>
      <c r="B43842" s="1" t="s">
        <v>149013</v>
      </c>
      <c r="C43842" s="1" t="s">
        <v>90</v>
      </c>
      <c r="D43842" s="1" t="s">
        <v>6131</v>
      </c>
      <c r="E43842" s="1" t="s">
        <v>128959</v>
      </c>
      <c r="F43842" s="1" t="s">
        <v>21991</v>
      </c>
      <c r="G43842" s="1" t="s">
        <v>149367</v>
      </c>
      <c r="H43842" s="1" t="s">
        <v>149368</v>
      </c>
      <c r="I43842" s="1" t="s">
        <v>149017</v>
      </c>
      <c r="J43842" s="1" t="s">
        <v>149394</v>
      </c>
    </row>
    <row r="43843" spans="1:10" x14ac:dyDescent="0.35">
      <c r="A43843" s="1" t="s">
        <v>1370</v>
      </c>
      <c r="B43843" s="1" t="s">
        <v>149013</v>
      </c>
      <c r="C43843" s="1" t="s">
        <v>95</v>
      </c>
      <c r="D43843" s="1" t="s">
        <v>123568</v>
      </c>
      <c r="E43843" s="1" t="s">
        <v>105259</v>
      </c>
      <c r="F43843" s="1" t="s">
        <v>149395</v>
      </c>
      <c r="G43843" s="1" t="s">
        <v>149367</v>
      </c>
      <c r="H43843" s="1" t="s">
        <v>149368</v>
      </c>
      <c r="I43843" s="1" t="s">
        <v>149017</v>
      </c>
      <c r="J43843" s="1" t="s">
        <v>149396</v>
      </c>
    </row>
    <row r="43844" spans="1:10" x14ac:dyDescent="0.35">
      <c r="A43844" s="1" t="s">
        <v>1370</v>
      </c>
      <c r="B43844" s="1" t="s">
        <v>149013</v>
      </c>
      <c r="C43844" s="1" t="s">
        <v>100</v>
      </c>
      <c r="D43844" s="1" t="s">
        <v>10511</v>
      </c>
      <c r="E43844" s="1" t="s">
        <v>132926</v>
      </c>
      <c r="F43844" s="1" t="s">
        <v>149397</v>
      </c>
      <c r="G43844" s="1" t="s">
        <v>149367</v>
      </c>
      <c r="H43844" s="1" t="s">
        <v>149368</v>
      </c>
      <c r="I43844" s="1" t="s">
        <v>149017</v>
      </c>
      <c r="J43844" s="1" t="s">
        <v>149398</v>
      </c>
    </row>
    <row r="43845" spans="1:10" x14ac:dyDescent="0.35">
      <c r="A43845" s="1" t="s">
        <v>1370</v>
      </c>
      <c r="B43845" s="1" t="s">
        <v>149013</v>
      </c>
      <c r="C43845" s="1" t="s">
        <v>105</v>
      </c>
      <c r="D43845" s="1" t="s">
        <v>29984</v>
      </c>
      <c r="E43845" s="1" t="s">
        <v>15991</v>
      </c>
      <c r="F43845" s="1" t="s">
        <v>58121</v>
      </c>
      <c r="G43845" s="1" t="s">
        <v>149367</v>
      </c>
      <c r="H43845" s="1" t="s">
        <v>149368</v>
      </c>
      <c r="I43845" s="1" t="s">
        <v>149017</v>
      </c>
      <c r="J43845" s="1" t="s">
        <v>149399</v>
      </c>
    </row>
    <row r="43846" spans="1:10" x14ac:dyDescent="0.35">
      <c r="A43846" s="1" t="s">
        <v>1370</v>
      </c>
      <c r="B43846" s="1" t="s">
        <v>149013</v>
      </c>
      <c r="C43846" s="1" t="s">
        <v>110</v>
      </c>
      <c r="D43846" s="1" t="s">
        <v>28842</v>
      </c>
      <c r="E43846" s="1" t="s">
        <v>94767</v>
      </c>
      <c r="F43846" s="1" t="s">
        <v>67256</v>
      </c>
      <c r="G43846" s="1" t="s">
        <v>149367</v>
      </c>
      <c r="H43846" s="1" t="s">
        <v>149368</v>
      </c>
      <c r="I43846" s="1" t="s">
        <v>149017</v>
      </c>
      <c r="J43846" s="1" t="s">
        <v>149400</v>
      </c>
    </row>
    <row r="43847" spans="1:10" x14ac:dyDescent="0.35">
      <c r="A43847" s="1" t="s">
        <v>1370</v>
      </c>
      <c r="B43847" s="1" t="s">
        <v>149013</v>
      </c>
      <c r="C43847" s="1" t="s">
        <v>115</v>
      </c>
      <c r="D43847" s="1" t="s">
        <v>119246</v>
      </c>
      <c r="E43847" s="1" t="s">
        <v>76375</v>
      </c>
      <c r="F43847" s="1" t="s">
        <v>61433</v>
      </c>
      <c r="G43847" s="1" t="s">
        <v>149367</v>
      </c>
      <c r="H43847" s="1" t="s">
        <v>149368</v>
      </c>
      <c r="I43847" s="1" t="s">
        <v>149017</v>
      </c>
      <c r="J43847" s="1" t="s">
        <v>149401</v>
      </c>
    </row>
    <row r="43848" spans="1:10" x14ac:dyDescent="0.35">
      <c r="A43848" s="1" t="s">
        <v>1370</v>
      </c>
      <c r="B43848" s="1" t="s">
        <v>149013</v>
      </c>
      <c r="C43848" s="1" t="s">
        <v>120</v>
      </c>
      <c r="D43848" s="1" t="s">
        <v>51857</v>
      </c>
      <c r="E43848" s="1" t="s">
        <v>127254</v>
      </c>
      <c r="F43848" s="1" t="s">
        <v>56322</v>
      </c>
      <c r="G43848" s="1" t="s">
        <v>149367</v>
      </c>
      <c r="H43848" s="1" t="s">
        <v>149368</v>
      </c>
      <c r="I43848" s="1" t="s">
        <v>149017</v>
      </c>
      <c r="J43848" s="1" t="s">
        <v>149402</v>
      </c>
    </row>
    <row r="43849" spans="1:10" x14ac:dyDescent="0.35">
      <c r="A43849" s="1" t="s">
        <v>1370</v>
      </c>
      <c r="B43849" s="1" t="s">
        <v>149013</v>
      </c>
      <c r="C43849" s="1" t="s">
        <v>125</v>
      </c>
      <c r="D43849" s="1" t="s">
        <v>120016</v>
      </c>
      <c r="E43849" s="1" t="s">
        <v>76427</v>
      </c>
      <c r="F43849" s="1" t="s">
        <v>149403</v>
      </c>
      <c r="G43849" s="1" t="s">
        <v>149367</v>
      </c>
      <c r="H43849" s="1" t="s">
        <v>149368</v>
      </c>
      <c r="I43849" s="1" t="s">
        <v>149017</v>
      </c>
      <c r="J43849" s="1" t="s">
        <v>24248</v>
      </c>
    </row>
    <row r="43850" spans="1:10" x14ac:dyDescent="0.35">
      <c r="A43850" s="1" t="s">
        <v>1370</v>
      </c>
      <c r="B43850" s="1" t="s">
        <v>149013</v>
      </c>
      <c r="C43850" s="1" t="s">
        <v>130</v>
      </c>
      <c r="D43850" s="1" t="s">
        <v>6080</v>
      </c>
      <c r="E43850" s="1" t="s">
        <v>108576</v>
      </c>
      <c r="F43850" s="1" t="s">
        <v>149404</v>
      </c>
      <c r="G43850" s="1" t="s">
        <v>149367</v>
      </c>
      <c r="H43850" s="1" t="s">
        <v>149368</v>
      </c>
      <c r="I43850" s="1" t="s">
        <v>149017</v>
      </c>
      <c r="J43850" s="1" t="s">
        <v>149405</v>
      </c>
    </row>
    <row r="43851" spans="1:10" x14ac:dyDescent="0.35">
      <c r="A43851" s="1" t="s">
        <v>1370</v>
      </c>
      <c r="B43851" s="1" t="s">
        <v>149013</v>
      </c>
      <c r="C43851" s="1" t="s">
        <v>135</v>
      </c>
      <c r="D43851" s="1" t="s">
        <v>146033</v>
      </c>
      <c r="E43851" s="1" t="s">
        <v>16016</v>
      </c>
      <c r="F43851" s="1" t="s">
        <v>149406</v>
      </c>
      <c r="G43851" s="1" t="s">
        <v>149367</v>
      </c>
      <c r="H43851" s="1" t="s">
        <v>149368</v>
      </c>
      <c r="I43851" s="1" t="s">
        <v>149017</v>
      </c>
      <c r="J43851" s="1" t="s">
        <v>149407</v>
      </c>
    </row>
    <row r="43852" spans="1:10" x14ac:dyDescent="0.35">
      <c r="A43852" s="1" t="s">
        <v>1370</v>
      </c>
      <c r="B43852" s="1" t="s">
        <v>149013</v>
      </c>
      <c r="C43852" s="1" t="s">
        <v>140</v>
      </c>
      <c r="D43852" s="1" t="s">
        <v>29743</v>
      </c>
      <c r="E43852" s="1" t="s">
        <v>127276</v>
      </c>
      <c r="F43852" s="1" t="s">
        <v>149408</v>
      </c>
      <c r="G43852" s="1" t="s">
        <v>149367</v>
      </c>
      <c r="H43852" s="1" t="s">
        <v>149368</v>
      </c>
      <c r="I43852" s="1" t="s">
        <v>149017</v>
      </c>
      <c r="J43852" s="1" t="s">
        <v>149409</v>
      </c>
    </row>
    <row r="43853" spans="1:10" x14ac:dyDescent="0.35">
      <c r="A43853" s="1" t="s">
        <v>1370</v>
      </c>
      <c r="B43853" s="1" t="s">
        <v>149013</v>
      </c>
      <c r="C43853" s="1" t="s">
        <v>145</v>
      </c>
      <c r="D43853" s="1" t="s">
        <v>1981</v>
      </c>
      <c r="E43853" s="1" t="s">
        <v>108703</v>
      </c>
      <c r="F43853" s="1" t="s">
        <v>60316</v>
      </c>
      <c r="G43853" s="1" t="s">
        <v>149367</v>
      </c>
      <c r="H43853" s="1" t="s">
        <v>149368</v>
      </c>
      <c r="I43853" s="1" t="s">
        <v>149017</v>
      </c>
      <c r="J43853" s="1" t="s">
        <v>149410</v>
      </c>
    </row>
    <row r="43854" spans="1:10" x14ac:dyDescent="0.35">
      <c r="A43854" s="1" t="s">
        <v>1370</v>
      </c>
      <c r="B43854" s="1" t="s">
        <v>149013</v>
      </c>
      <c r="C43854" s="1" t="s">
        <v>150</v>
      </c>
      <c r="D43854" s="1" t="s">
        <v>115819</v>
      </c>
      <c r="E43854" s="1" t="s">
        <v>149411</v>
      </c>
      <c r="F43854" s="1" t="s">
        <v>132857</v>
      </c>
      <c r="G43854" s="1" t="s">
        <v>149367</v>
      </c>
      <c r="H43854" s="1" t="s">
        <v>149368</v>
      </c>
      <c r="I43854" s="1" t="s">
        <v>149017</v>
      </c>
      <c r="J43854" s="1" t="s">
        <v>149412</v>
      </c>
    </row>
    <row r="43855" spans="1:10" x14ac:dyDescent="0.35">
      <c r="A43855" s="1" t="s">
        <v>1370</v>
      </c>
      <c r="B43855" s="1" t="s">
        <v>149013</v>
      </c>
      <c r="C43855" s="1" t="s">
        <v>155</v>
      </c>
      <c r="D43855" s="1" t="s">
        <v>13119</v>
      </c>
      <c r="E43855" s="1" t="s">
        <v>132839</v>
      </c>
      <c r="F43855" s="1" t="s">
        <v>149413</v>
      </c>
      <c r="G43855" s="1" t="s">
        <v>149367</v>
      </c>
      <c r="H43855" s="1" t="s">
        <v>149368</v>
      </c>
      <c r="I43855" s="1" t="s">
        <v>149017</v>
      </c>
      <c r="J43855" s="1" t="s">
        <v>149414</v>
      </c>
    </row>
    <row r="43856" spans="1:10" x14ac:dyDescent="0.35">
      <c r="A43856" s="1" t="s">
        <v>1370</v>
      </c>
      <c r="B43856" s="1" t="s">
        <v>149013</v>
      </c>
      <c r="C43856" s="1" t="s">
        <v>160</v>
      </c>
      <c r="D43856" s="1" t="s">
        <v>29984</v>
      </c>
      <c r="E43856" s="1" t="s">
        <v>129566</v>
      </c>
      <c r="F43856" s="1" t="s">
        <v>15830</v>
      </c>
      <c r="G43856" s="1" t="s">
        <v>149367</v>
      </c>
      <c r="H43856" s="1" t="s">
        <v>149368</v>
      </c>
      <c r="I43856" s="1" t="s">
        <v>149017</v>
      </c>
      <c r="J43856" s="1" t="s">
        <v>149415</v>
      </c>
    </row>
    <row r="43857" spans="1:10" x14ac:dyDescent="0.35">
      <c r="A43857" s="1" t="s">
        <v>1370</v>
      </c>
      <c r="B43857" s="1" t="s">
        <v>149013</v>
      </c>
      <c r="C43857" s="1" t="s">
        <v>165</v>
      </c>
      <c r="D43857" s="1" t="s">
        <v>128239</v>
      </c>
      <c r="E43857" s="1" t="s">
        <v>149416</v>
      </c>
      <c r="F43857" s="1" t="s">
        <v>55460</v>
      </c>
      <c r="G43857" s="1" t="s">
        <v>149367</v>
      </c>
      <c r="H43857" s="1" t="s">
        <v>149368</v>
      </c>
      <c r="I43857" s="1" t="s">
        <v>149017</v>
      </c>
      <c r="J43857" s="1" t="s">
        <v>149417</v>
      </c>
    </row>
    <row r="43858" spans="1:10" x14ac:dyDescent="0.35">
      <c r="A43858" s="1" t="s">
        <v>1370</v>
      </c>
      <c r="B43858" s="1" t="s">
        <v>149013</v>
      </c>
      <c r="C43858" s="1" t="s">
        <v>170</v>
      </c>
      <c r="D43858" s="1" t="s">
        <v>128239</v>
      </c>
      <c r="E43858" s="1" t="s">
        <v>48136</v>
      </c>
      <c r="F43858" s="1" t="s">
        <v>100853</v>
      </c>
      <c r="G43858" s="1" t="s">
        <v>149367</v>
      </c>
      <c r="H43858" s="1" t="s">
        <v>149368</v>
      </c>
      <c r="I43858" s="1" t="s">
        <v>149017</v>
      </c>
      <c r="J43858" s="1" t="s">
        <v>1180</v>
      </c>
    </row>
    <row r="43859" spans="1:10" x14ac:dyDescent="0.35">
      <c r="A43859" s="1" t="s">
        <v>119408</v>
      </c>
      <c r="B43859" s="1" t="s">
        <v>149418</v>
      </c>
      <c r="C43859" s="1" t="s">
        <v>8</v>
      </c>
      <c r="D43859" s="1" t="s">
        <v>149419</v>
      </c>
      <c r="E43859" s="1" t="s">
        <v>149420</v>
      </c>
      <c r="F43859" s="1" t="s">
        <v>149421</v>
      </c>
      <c r="G43859" s="1" t="s">
        <v>149422</v>
      </c>
      <c r="H43859" s="1" t="s">
        <v>149423</v>
      </c>
      <c r="I43859" s="1" t="s">
        <v>149424</v>
      </c>
      <c r="J43859" s="1" t="s">
        <v>13</v>
      </c>
    </row>
    <row r="43860" spans="1:10" x14ac:dyDescent="0.35">
      <c r="A43860" s="1" t="s">
        <v>119408</v>
      </c>
      <c r="B43860" s="1" t="s">
        <v>149418</v>
      </c>
      <c r="C43860" s="1" t="s">
        <v>15</v>
      </c>
      <c r="D43860" s="1" t="s">
        <v>37894</v>
      </c>
      <c r="E43860" s="1" t="s">
        <v>149425</v>
      </c>
      <c r="F43860" s="1" t="s">
        <v>149426</v>
      </c>
      <c r="G43860" s="1" t="s">
        <v>149422</v>
      </c>
      <c r="H43860" s="1" t="s">
        <v>149423</v>
      </c>
      <c r="I43860" s="1" t="s">
        <v>149424</v>
      </c>
      <c r="J43860" s="1" t="s">
        <v>149427</v>
      </c>
    </row>
    <row r="43861" spans="1:10" x14ac:dyDescent="0.35">
      <c r="A43861" s="1" t="s">
        <v>119408</v>
      </c>
      <c r="B43861" s="1" t="s">
        <v>149418</v>
      </c>
      <c r="C43861" s="1" t="s">
        <v>20</v>
      </c>
      <c r="D43861" s="1" t="s">
        <v>119207</v>
      </c>
      <c r="E43861" s="1" t="s">
        <v>149428</v>
      </c>
      <c r="F43861" s="1" t="s">
        <v>149429</v>
      </c>
      <c r="G43861" s="1" t="s">
        <v>149422</v>
      </c>
      <c r="H43861" s="1" t="s">
        <v>149423</v>
      </c>
      <c r="I43861" s="1" t="s">
        <v>149424</v>
      </c>
      <c r="J43861" s="1" t="s">
        <v>149430</v>
      </c>
    </row>
    <row r="43862" spans="1:10" x14ac:dyDescent="0.35">
      <c r="A43862" s="1" t="s">
        <v>119408</v>
      </c>
      <c r="B43862" s="1" t="s">
        <v>149418</v>
      </c>
      <c r="C43862" s="1" t="s">
        <v>25</v>
      </c>
      <c r="D43862" s="1" t="s">
        <v>30225</v>
      </c>
      <c r="E43862" s="1" t="s">
        <v>149431</v>
      </c>
      <c r="F43862" s="1" t="s">
        <v>149432</v>
      </c>
      <c r="G43862" s="1" t="s">
        <v>149422</v>
      </c>
      <c r="H43862" s="1" t="s">
        <v>149423</v>
      </c>
      <c r="I43862" s="1" t="s">
        <v>149424</v>
      </c>
      <c r="J43862" s="1" t="s">
        <v>149433</v>
      </c>
    </row>
    <row r="43863" spans="1:10" x14ac:dyDescent="0.35">
      <c r="A43863" s="1" t="s">
        <v>119408</v>
      </c>
      <c r="B43863" s="1" t="s">
        <v>149418</v>
      </c>
      <c r="C43863" s="1" t="s">
        <v>30</v>
      </c>
      <c r="D43863" s="1" t="s">
        <v>38600</v>
      </c>
      <c r="E43863" s="1" t="s">
        <v>149434</v>
      </c>
      <c r="F43863" s="1" t="s">
        <v>149435</v>
      </c>
      <c r="G43863" s="1" t="s">
        <v>149422</v>
      </c>
      <c r="H43863" s="1" t="s">
        <v>149423</v>
      </c>
      <c r="I43863" s="1" t="s">
        <v>149424</v>
      </c>
      <c r="J43863" s="1" t="s">
        <v>149436</v>
      </c>
    </row>
    <row r="43864" spans="1:10" x14ac:dyDescent="0.35">
      <c r="A43864" s="1" t="s">
        <v>119408</v>
      </c>
      <c r="B43864" s="1" t="s">
        <v>149418</v>
      </c>
      <c r="C43864" s="1" t="s">
        <v>35</v>
      </c>
      <c r="D43864" s="1" t="s">
        <v>33138</v>
      </c>
      <c r="E43864" s="1" t="s">
        <v>149437</v>
      </c>
      <c r="F43864" s="1" t="s">
        <v>149438</v>
      </c>
      <c r="G43864" s="1" t="s">
        <v>149422</v>
      </c>
      <c r="H43864" s="1" t="s">
        <v>149423</v>
      </c>
      <c r="I43864" s="1" t="s">
        <v>149424</v>
      </c>
      <c r="J43864" s="1" t="s">
        <v>149439</v>
      </c>
    </row>
    <row r="43865" spans="1:10" x14ac:dyDescent="0.35">
      <c r="A43865" s="1" t="s">
        <v>119408</v>
      </c>
      <c r="B43865" s="1" t="s">
        <v>149418</v>
      </c>
      <c r="C43865" s="1" t="s">
        <v>40</v>
      </c>
      <c r="D43865" s="1" t="s">
        <v>16053</v>
      </c>
      <c r="E43865" s="1" t="s">
        <v>149440</v>
      </c>
      <c r="F43865" s="1" t="s">
        <v>149441</v>
      </c>
      <c r="G43865" s="1" t="s">
        <v>149422</v>
      </c>
      <c r="H43865" s="1" t="s">
        <v>149423</v>
      </c>
      <c r="I43865" s="1" t="s">
        <v>149424</v>
      </c>
      <c r="J43865" s="1" t="s">
        <v>149442</v>
      </c>
    </row>
    <row r="43866" spans="1:10" x14ac:dyDescent="0.35">
      <c r="A43866" s="1" t="s">
        <v>119408</v>
      </c>
      <c r="B43866" s="1" t="s">
        <v>149418</v>
      </c>
      <c r="C43866" s="1" t="s">
        <v>45</v>
      </c>
      <c r="D43866" s="1" t="s">
        <v>149443</v>
      </c>
      <c r="E43866" s="1" t="s">
        <v>149444</v>
      </c>
      <c r="F43866" s="1" t="s">
        <v>149445</v>
      </c>
      <c r="G43866" s="1" t="s">
        <v>149422</v>
      </c>
      <c r="H43866" s="1" t="s">
        <v>149423</v>
      </c>
      <c r="I43866" s="1" t="s">
        <v>149424</v>
      </c>
      <c r="J43866" s="1" t="s">
        <v>149446</v>
      </c>
    </row>
    <row r="43867" spans="1:10" x14ac:dyDescent="0.35">
      <c r="A43867" s="1" t="s">
        <v>119408</v>
      </c>
      <c r="B43867" s="1" t="s">
        <v>149418</v>
      </c>
      <c r="C43867" s="1" t="s">
        <v>50</v>
      </c>
      <c r="D43867" s="1" t="s">
        <v>149447</v>
      </c>
      <c r="E43867" s="1" t="s">
        <v>149448</v>
      </c>
      <c r="F43867" s="1" t="s">
        <v>149449</v>
      </c>
      <c r="G43867" s="1" t="s">
        <v>149422</v>
      </c>
      <c r="H43867" s="1" t="s">
        <v>149423</v>
      </c>
      <c r="I43867" s="1" t="s">
        <v>149424</v>
      </c>
      <c r="J43867" s="1" t="s">
        <v>149450</v>
      </c>
    </row>
    <row r="43868" spans="1:10" x14ac:dyDescent="0.35">
      <c r="A43868" s="1" t="s">
        <v>119408</v>
      </c>
      <c r="B43868" s="1" t="s">
        <v>149418</v>
      </c>
      <c r="C43868" s="1" t="s">
        <v>55</v>
      </c>
      <c r="D43868" s="1" t="s">
        <v>31823</v>
      </c>
      <c r="E43868" s="1" t="s">
        <v>149451</v>
      </c>
      <c r="F43868" s="1" t="s">
        <v>149452</v>
      </c>
      <c r="G43868" s="1" t="s">
        <v>149422</v>
      </c>
      <c r="H43868" s="1" t="s">
        <v>149423</v>
      </c>
      <c r="I43868" s="1" t="s">
        <v>149424</v>
      </c>
      <c r="J43868" s="1" t="s">
        <v>149453</v>
      </c>
    </row>
    <row r="43869" spans="1:10" x14ac:dyDescent="0.35">
      <c r="A43869" s="1" t="s">
        <v>119408</v>
      </c>
      <c r="B43869" s="1" t="s">
        <v>149418</v>
      </c>
      <c r="C43869" s="1" t="s">
        <v>60</v>
      </c>
      <c r="D43869" s="1" t="s">
        <v>18887</v>
      </c>
      <c r="E43869" s="1" t="s">
        <v>149454</v>
      </c>
      <c r="F43869" s="1" t="s">
        <v>149455</v>
      </c>
      <c r="G43869" s="1" t="s">
        <v>149422</v>
      </c>
      <c r="H43869" s="1" t="s">
        <v>149423</v>
      </c>
      <c r="I43869" s="1" t="s">
        <v>149424</v>
      </c>
      <c r="J43869" s="1" t="s">
        <v>149456</v>
      </c>
    </row>
    <row r="43870" spans="1:10" x14ac:dyDescent="0.35">
      <c r="A43870" s="1" t="s">
        <v>119408</v>
      </c>
      <c r="B43870" s="1" t="s">
        <v>149418</v>
      </c>
      <c r="C43870" s="1" t="s">
        <v>65</v>
      </c>
      <c r="D43870" s="1" t="s">
        <v>15667</v>
      </c>
      <c r="E43870" s="1" t="s">
        <v>149457</v>
      </c>
      <c r="F43870" s="1" t="s">
        <v>149458</v>
      </c>
      <c r="G43870" s="1" t="s">
        <v>149422</v>
      </c>
      <c r="H43870" s="1" t="s">
        <v>149423</v>
      </c>
      <c r="I43870" s="1" t="s">
        <v>149424</v>
      </c>
      <c r="J43870" s="1" t="s">
        <v>149459</v>
      </c>
    </row>
    <row r="43871" spans="1:10" x14ac:dyDescent="0.35">
      <c r="A43871" s="1" t="s">
        <v>119408</v>
      </c>
      <c r="B43871" s="1" t="s">
        <v>149418</v>
      </c>
      <c r="C43871" s="1" t="s">
        <v>70</v>
      </c>
      <c r="D43871" s="1" t="s">
        <v>37911</v>
      </c>
      <c r="E43871" s="1" t="s">
        <v>149460</v>
      </c>
      <c r="F43871" s="1" t="s">
        <v>149461</v>
      </c>
      <c r="G43871" s="1" t="s">
        <v>149422</v>
      </c>
      <c r="H43871" s="1" t="s">
        <v>149423</v>
      </c>
      <c r="I43871" s="1" t="s">
        <v>149424</v>
      </c>
      <c r="J43871" s="1" t="s">
        <v>149462</v>
      </c>
    </row>
    <row r="43872" spans="1:10" x14ac:dyDescent="0.35">
      <c r="A43872" s="1" t="s">
        <v>119408</v>
      </c>
      <c r="B43872" s="1" t="s">
        <v>149418</v>
      </c>
      <c r="C43872" s="1" t="s">
        <v>75</v>
      </c>
      <c r="D43872" s="1" t="s">
        <v>31634</v>
      </c>
      <c r="E43872" s="1" t="s">
        <v>149463</v>
      </c>
      <c r="F43872" s="1" t="s">
        <v>149464</v>
      </c>
      <c r="G43872" s="1" t="s">
        <v>149422</v>
      </c>
      <c r="H43872" s="1" t="s">
        <v>149423</v>
      </c>
      <c r="I43872" s="1" t="s">
        <v>149424</v>
      </c>
      <c r="J43872" s="1" t="s">
        <v>149465</v>
      </c>
    </row>
    <row r="43873" spans="1:10" x14ac:dyDescent="0.35">
      <c r="A43873" s="1" t="s">
        <v>119408</v>
      </c>
      <c r="B43873" s="1" t="s">
        <v>149418</v>
      </c>
      <c r="C43873" s="1" t="s">
        <v>80</v>
      </c>
      <c r="D43873" s="1" t="s">
        <v>32630</v>
      </c>
      <c r="E43873" s="1" t="s">
        <v>149466</v>
      </c>
      <c r="F43873" s="1" t="s">
        <v>149467</v>
      </c>
      <c r="G43873" s="1" t="s">
        <v>149422</v>
      </c>
      <c r="H43873" s="1" t="s">
        <v>149423</v>
      </c>
      <c r="I43873" s="1" t="s">
        <v>149424</v>
      </c>
      <c r="J43873" s="1" t="s">
        <v>149468</v>
      </c>
    </row>
    <row r="43874" spans="1:10" x14ac:dyDescent="0.35">
      <c r="A43874" s="1" t="s">
        <v>119408</v>
      </c>
      <c r="B43874" s="1" t="s">
        <v>149418</v>
      </c>
      <c r="C43874" s="1" t="s">
        <v>85</v>
      </c>
      <c r="D43874" s="1" t="s">
        <v>149469</v>
      </c>
      <c r="E43874" s="1" t="s">
        <v>149470</v>
      </c>
      <c r="F43874" s="1" t="s">
        <v>149471</v>
      </c>
      <c r="G43874" s="1" t="s">
        <v>149422</v>
      </c>
      <c r="H43874" s="1" t="s">
        <v>149423</v>
      </c>
      <c r="I43874" s="1" t="s">
        <v>149424</v>
      </c>
      <c r="J43874" s="1" t="s">
        <v>149472</v>
      </c>
    </row>
    <row r="43875" spans="1:10" x14ac:dyDescent="0.35">
      <c r="A43875" s="1" t="s">
        <v>119408</v>
      </c>
      <c r="B43875" s="1" t="s">
        <v>149418</v>
      </c>
      <c r="C43875" s="1" t="s">
        <v>90</v>
      </c>
      <c r="D43875" s="1" t="s">
        <v>149473</v>
      </c>
      <c r="E43875" s="1" t="s">
        <v>149474</v>
      </c>
      <c r="F43875" s="1" t="s">
        <v>149475</v>
      </c>
      <c r="G43875" s="1" t="s">
        <v>149422</v>
      </c>
      <c r="H43875" s="1" t="s">
        <v>149423</v>
      </c>
      <c r="I43875" s="1" t="s">
        <v>149424</v>
      </c>
      <c r="J43875" s="1" t="s">
        <v>149476</v>
      </c>
    </row>
    <row r="43876" spans="1:10" x14ac:dyDescent="0.35">
      <c r="A43876" s="1" t="s">
        <v>119408</v>
      </c>
      <c r="B43876" s="1" t="s">
        <v>149418</v>
      </c>
      <c r="C43876" s="1" t="s">
        <v>95</v>
      </c>
      <c r="D43876" s="1" t="s">
        <v>149477</v>
      </c>
      <c r="E43876" s="1" t="s">
        <v>149478</v>
      </c>
      <c r="F43876" s="1" t="s">
        <v>149479</v>
      </c>
      <c r="G43876" s="1" t="s">
        <v>149422</v>
      </c>
      <c r="H43876" s="1" t="s">
        <v>149423</v>
      </c>
      <c r="I43876" s="1" t="s">
        <v>149424</v>
      </c>
      <c r="J43876" s="1" t="s">
        <v>149480</v>
      </c>
    </row>
    <row r="43877" spans="1:10" x14ac:dyDescent="0.35">
      <c r="A43877" s="1" t="s">
        <v>119408</v>
      </c>
      <c r="B43877" s="1" t="s">
        <v>149418</v>
      </c>
      <c r="C43877" s="1" t="s">
        <v>100</v>
      </c>
      <c r="D43877" s="1" t="s">
        <v>46608</v>
      </c>
      <c r="E43877" s="1" t="s">
        <v>149481</v>
      </c>
      <c r="F43877" s="1" t="s">
        <v>149482</v>
      </c>
      <c r="G43877" s="1" t="s">
        <v>149422</v>
      </c>
      <c r="H43877" s="1" t="s">
        <v>149423</v>
      </c>
      <c r="I43877" s="1" t="s">
        <v>149424</v>
      </c>
      <c r="J43877" s="1" t="s">
        <v>149483</v>
      </c>
    </row>
    <row r="43878" spans="1:10" x14ac:dyDescent="0.35">
      <c r="A43878" s="1" t="s">
        <v>119408</v>
      </c>
      <c r="B43878" s="1" t="s">
        <v>149418</v>
      </c>
      <c r="C43878" s="1" t="s">
        <v>105</v>
      </c>
      <c r="D43878" s="1" t="s">
        <v>114187</v>
      </c>
      <c r="E43878" s="1" t="s">
        <v>149484</v>
      </c>
      <c r="F43878" s="1" t="s">
        <v>149485</v>
      </c>
      <c r="G43878" s="1" t="s">
        <v>149422</v>
      </c>
      <c r="H43878" s="1" t="s">
        <v>149423</v>
      </c>
      <c r="I43878" s="1" t="s">
        <v>149424</v>
      </c>
      <c r="J43878" s="1" t="s">
        <v>149486</v>
      </c>
    </row>
    <row r="43879" spans="1:10" x14ac:dyDescent="0.35">
      <c r="A43879" s="1" t="s">
        <v>119408</v>
      </c>
      <c r="B43879" s="1" t="s">
        <v>149418</v>
      </c>
      <c r="C43879" s="1" t="s">
        <v>110</v>
      </c>
      <c r="D43879" s="1" t="s">
        <v>119625</v>
      </c>
      <c r="E43879" s="1" t="s">
        <v>149487</v>
      </c>
      <c r="F43879" s="1" t="s">
        <v>149488</v>
      </c>
      <c r="G43879" s="1" t="s">
        <v>149422</v>
      </c>
      <c r="H43879" s="1" t="s">
        <v>149423</v>
      </c>
      <c r="I43879" s="1" t="s">
        <v>149424</v>
      </c>
      <c r="J43879" s="1" t="s">
        <v>149489</v>
      </c>
    </row>
    <row r="43880" spans="1:10" x14ac:dyDescent="0.35">
      <c r="A43880" s="1" t="s">
        <v>119408</v>
      </c>
      <c r="B43880" s="1" t="s">
        <v>149418</v>
      </c>
      <c r="C43880" s="1" t="s">
        <v>115</v>
      </c>
      <c r="D43880" s="1" t="s">
        <v>149490</v>
      </c>
      <c r="E43880" s="1" t="s">
        <v>149491</v>
      </c>
      <c r="F43880" s="1" t="s">
        <v>149492</v>
      </c>
      <c r="G43880" s="1" t="s">
        <v>149422</v>
      </c>
      <c r="H43880" s="1" t="s">
        <v>149423</v>
      </c>
      <c r="I43880" s="1" t="s">
        <v>149424</v>
      </c>
      <c r="J43880" s="1" t="s">
        <v>149493</v>
      </c>
    </row>
    <row r="43881" spans="1:10" x14ac:dyDescent="0.35">
      <c r="A43881" s="1" t="s">
        <v>119408</v>
      </c>
      <c r="B43881" s="1" t="s">
        <v>149418</v>
      </c>
      <c r="C43881" s="1" t="s">
        <v>120</v>
      </c>
      <c r="D43881" s="1" t="s">
        <v>121042</v>
      </c>
      <c r="E43881" s="1" t="s">
        <v>149494</v>
      </c>
      <c r="F43881" s="1" t="s">
        <v>149495</v>
      </c>
      <c r="G43881" s="1" t="s">
        <v>149422</v>
      </c>
      <c r="H43881" s="1" t="s">
        <v>149423</v>
      </c>
      <c r="I43881" s="1" t="s">
        <v>149424</v>
      </c>
      <c r="J43881" s="1" t="s">
        <v>149496</v>
      </c>
    </row>
    <row r="43882" spans="1:10" x14ac:dyDescent="0.35">
      <c r="A43882" s="1" t="s">
        <v>119408</v>
      </c>
      <c r="B43882" s="1" t="s">
        <v>149418</v>
      </c>
      <c r="C43882" s="1" t="s">
        <v>125</v>
      </c>
      <c r="D43882" s="1" t="s">
        <v>149497</v>
      </c>
      <c r="E43882" s="1" t="s">
        <v>149498</v>
      </c>
      <c r="F43882" s="1" t="s">
        <v>149499</v>
      </c>
      <c r="G43882" s="1" t="s">
        <v>149422</v>
      </c>
      <c r="H43882" s="1" t="s">
        <v>149423</v>
      </c>
      <c r="I43882" s="1" t="s">
        <v>149424</v>
      </c>
      <c r="J43882" s="1" t="s">
        <v>149500</v>
      </c>
    </row>
    <row r="43883" spans="1:10" x14ac:dyDescent="0.35">
      <c r="A43883" s="1" t="s">
        <v>119408</v>
      </c>
      <c r="B43883" s="1" t="s">
        <v>149418</v>
      </c>
      <c r="C43883" s="1" t="s">
        <v>130</v>
      </c>
      <c r="D43883" s="1" t="s">
        <v>149501</v>
      </c>
      <c r="E43883" s="1" t="s">
        <v>149502</v>
      </c>
      <c r="F43883" s="1" t="s">
        <v>149503</v>
      </c>
      <c r="G43883" s="1" t="s">
        <v>149422</v>
      </c>
      <c r="H43883" s="1" t="s">
        <v>149423</v>
      </c>
      <c r="I43883" s="1" t="s">
        <v>149424</v>
      </c>
      <c r="J43883" s="1" t="s">
        <v>149504</v>
      </c>
    </row>
    <row r="43884" spans="1:10" x14ac:dyDescent="0.35">
      <c r="A43884" s="1" t="s">
        <v>119408</v>
      </c>
      <c r="B43884" s="1" t="s">
        <v>149418</v>
      </c>
      <c r="C43884" s="1" t="s">
        <v>135</v>
      </c>
      <c r="D43884" s="1" t="s">
        <v>19105</v>
      </c>
      <c r="E43884" s="1" t="s">
        <v>149505</v>
      </c>
      <c r="F43884" s="1" t="s">
        <v>149506</v>
      </c>
      <c r="G43884" s="1" t="s">
        <v>149422</v>
      </c>
      <c r="H43884" s="1" t="s">
        <v>149423</v>
      </c>
      <c r="I43884" s="1" t="s">
        <v>149424</v>
      </c>
      <c r="J43884" s="1" t="s">
        <v>149507</v>
      </c>
    </row>
    <row r="43885" spans="1:10" x14ac:dyDescent="0.35">
      <c r="A43885" s="1" t="s">
        <v>119408</v>
      </c>
      <c r="B43885" s="1" t="s">
        <v>149418</v>
      </c>
      <c r="C43885" s="1" t="s">
        <v>140</v>
      </c>
      <c r="D43885" s="1" t="s">
        <v>149508</v>
      </c>
      <c r="E43885" s="1" t="s">
        <v>149509</v>
      </c>
      <c r="F43885" s="1" t="s">
        <v>149510</v>
      </c>
      <c r="G43885" s="1" t="s">
        <v>149422</v>
      </c>
      <c r="H43885" s="1" t="s">
        <v>149423</v>
      </c>
      <c r="I43885" s="1" t="s">
        <v>149424</v>
      </c>
      <c r="J43885" s="1" t="s">
        <v>149511</v>
      </c>
    </row>
    <row r="43886" spans="1:10" x14ac:dyDescent="0.35">
      <c r="A43886" s="1" t="s">
        <v>119408</v>
      </c>
      <c r="B43886" s="1" t="s">
        <v>149418</v>
      </c>
      <c r="C43886" s="1" t="s">
        <v>145</v>
      </c>
      <c r="D43886" s="1" t="s">
        <v>149512</v>
      </c>
      <c r="E43886" s="1" t="s">
        <v>149513</v>
      </c>
      <c r="F43886" s="1" t="s">
        <v>149514</v>
      </c>
      <c r="G43886" s="1" t="s">
        <v>149422</v>
      </c>
      <c r="H43886" s="1" t="s">
        <v>149423</v>
      </c>
      <c r="I43886" s="1" t="s">
        <v>149424</v>
      </c>
      <c r="J43886" s="1" t="s">
        <v>149515</v>
      </c>
    </row>
    <row r="43887" spans="1:10" x14ac:dyDescent="0.35">
      <c r="A43887" s="1" t="s">
        <v>119408</v>
      </c>
      <c r="B43887" s="1" t="s">
        <v>149418</v>
      </c>
      <c r="C43887" s="1" t="s">
        <v>150</v>
      </c>
      <c r="D43887" s="1" t="s">
        <v>128685</v>
      </c>
      <c r="E43887" s="1" t="s">
        <v>149516</v>
      </c>
      <c r="F43887" s="1" t="s">
        <v>149517</v>
      </c>
      <c r="G43887" s="1" t="s">
        <v>149422</v>
      </c>
      <c r="H43887" s="1" t="s">
        <v>149423</v>
      </c>
      <c r="I43887" s="1" t="s">
        <v>149424</v>
      </c>
      <c r="J43887" s="1" t="s">
        <v>149518</v>
      </c>
    </row>
    <row r="43888" spans="1:10" x14ac:dyDescent="0.35">
      <c r="A43888" s="1" t="s">
        <v>119408</v>
      </c>
      <c r="B43888" s="1" t="s">
        <v>149418</v>
      </c>
      <c r="C43888" s="1" t="s">
        <v>155</v>
      </c>
      <c r="D43888" s="1" t="s">
        <v>67795</v>
      </c>
      <c r="E43888" s="1" t="s">
        <v>149519</v>
      </c>
      <c r="F43888" s="1" t="s">
        <v>149520</v>
      </c>
      <c r="G43888" s="1" t="s">
        <v>149422</v>
      </c>
      <c r="H43888" s="1" t="s">
        <v>149423</v>
      </c>
      <c r="I43888" s="1" t="s">
        <v>149424</v>
      </c>
      <c r="J43888" s="1" t="s">
        <v>149521</v>
      </c>
    </row>
    <row r="43889" spans="1:10" x14ac:dyDescent="0.35">
      <c r="A43889" s="1" t="s">
        <v>119408</v>
      </c>
      <c r="B43889" s="1" t="s">
        <v>149418</v>
      </c>
      <c r="C43889" s="1" t="s">
        <v>160</v>
      </c>
      <c r="D43889" s="1" t="s">
        <v>80366</v>
      </c>
      <c r="E43889" s="1" t="s">
        <v>149522</v>
      </c>
      <c r="F43889" s="1" t="s">
        <v>149523</v>
      </c>
      <c r="G43889" s="1" t="s">
        <v>149422</v>
      </c>
      <c r="H43889" s="1" t="s">
        <v>149423</v>
      </c>
      <c r="I43889" s="1" t="s">
        <v>149424</v>
      </c>
      <c r="J43889" s="1" t="s">
        <v>149524</v>
      </c>
    </row>
    <row r="43890" spans="1:10" x14ac:dyDescent="0.35">
      <c r="A43890" s="1" t="s">
        <v>119408</v>
      </c>
      <c r="B43890" s="1" t="s">
        <v>149418</v>
      </c>
      <c r="C43890" s="1" t="s">
        <v>165</v>
      </c>
      <c r="D43890" s="1" t="s">
        <v>59369</v>
      </c>
      <c r="E43890" s="1" t="s">
        <v>149525</v>
      </c>
      <c r="F43890" s="1" t="s">
        <v>149526</v>
      </c>
      <c r="G43890" s="1" t="s">
        <v>149422</v>
      </c>
      <c r="H43890" s="1" t="s">
        <v>149423</v>
      </c>
      <c r="I43890" s="1" t="s">
        <v>149424</v>
      </c>
      <c r="J43890" s="1" t="s">
        <v>149527</v>
      </c>
    </row>
    <row r="43891" spans="1:10" x14ac:dyDescent="0.35">
      <c r="A43891" s="1" t="s">
        <v>119408</v>
      </c>
      <c r="B43891" s="1" t="s">
        <v>149418</v>
      </c>
      <c r="C43891" s="1" t="s">
        <v>170</v>
      </c>
      <c r="D43891" s="1" t="s">
        <v>149528</v>
      </c>
      <c r="E43891" s="1" t="s">
        <v>149529</v>
      </c>
      <c r="F43891" s="1" t="s">
        <v>149530</v>
      </c>
      <c r="G43891" s="1" t="s">
        <v>149422</v>
      </c>
      <c r="H43891" s="1" t="s">
        <v>149423</v>
      </c>
      <c r="I43891" s="1" t="s">
        <v>149424</v>
      </c>
      <c r="J43891" s="1" t="s">
        <v>149531</v>
      </c>
    </row>
    <row r="43892" spans="1:10" x14ac:dyDescent="0.35">
      <c r="A43892" s="1" t="s">
        <v>27898</v>
      </c>
      <c r="B43892" s="1" t="s">
        <v>149418</v>
      </c>
      <c r="C43892" s="1" t="s">
        <v>8</v>
      </c>
      <c r="D43892" s="1" t="s">
        <v>149532</v>
      </c>
      <c r="E43892" s="1" t="s">
        <v>149533</v>
      </c>
      <c r="F43892" s="1" t="s">
        <v>149534</v>
      </c>
      <c r="G43892" s="1" t="s">
        <v>149535</v>
      </c>
      <c r="H43892" s="1" t="s">
        <v>149536</v>
      </c>
      <c r="I43892" s="1" t="s">
        <v>149424</v>
      </c>
      <c r="J43892" s="1" t="s">
        <v>13</v>
      </c>
    </row>
    <row r="43893" spans="1:10" x14ac:dyDescent="0.35">
      <c r="A43893" s="1" t="s">
        <v>27898</v>
      </c>
      <c r="B43893" s="1" t="s">
        <v>149418</v>
      </c>
      <c r="C43893" s="1" t="s">
        <v>15</v>
      </c>
      <c r="D43893" s="1" t="s">
        <v>135423</v>
      </c>
      <c r="E43893" s="1" t="s">
        <v>149537</v>
      </c>
      <c r="F43893" s="1" t="s">
        <v>149538</v>
      </c>
      <c r="G43893" s="1" t="s">
        <v>149535</v>
      </c>
      <c r="H43893" s="1" t="s">
        <v>149536</v>
      </c>
      <c r="I43893" s="1" t="s">
        <v>149424</v>
      </c>
      <c r="J43893" s="1" t="s">
        <v>149539</v>
      </c>
    </row>
    <row r="43894" spans="1:10" x14ac:dyDescent="0.35">
      <c r="A43894" s="1" t="s">
        <v>27898</v>
      </c>
      <c r="B43894" s="1" t="s">
        <v>149418</v>
      </c>
      <c r="C43894" s="1" t="s">
        <v>20</v>
      </c>
      <c r="D43894" s="1" t="s">
        <v>36913</v>
      </c>
      <c r="E43894" s="1" t="s">
        <v>149540</v>
      </c>
      <c r="F43894" s="1" t="s">
        <v>149541</v>
      </c>
      <c r="G43894" s="1" t="s">
        <v>149535</v>
      </c>
      <c r="H43894" s="1" t="s">
        <v>149536</v>
      </c>
      <c r="I43894" s="1" t="s">
        <v>149424</v>
      </c>
      <c r="J43894" s="1" t="s">
        <v>149542</v>
      </c>
    </row>
    <row r="43895" spans="1:10" x14ac:dyDescent="0.35">
      <c r="A43895" s="1" t="s">
        <v>27898</v>
      </c>
      <c r="B43895" s="1" t="s">
        <v>149418</v>
      </c>
      <c r="C43895" s="1" t="s">
        <v>25</v>
      </c>
      <c r="D43895" s="1" t="s">
        <v>123341</v>
      </c>
      <c r="E43895" s="1" t="s">
        <v>149543</v>
      </c>
      <c r="F43895" s="1" t="s">
        <v>149544</v>
      </c>
      <c r="G43895" s="1" t="s">
        <v>149535</v>
      </c>
      <c r="H43895" s="1" t="s">
        <v>149536</v>
      </c>
      <c r="I43895" s="1" t="s">
        <v>149424</v>
      </c>
      <c r="J43895" s="1" t="s">
        <v>149545</v>
      </c>
    </row>
    <row r="43896" spans="1:10" x14ac:dyDescent="0.35">
      <c r="A43896" s="1" t="s">
        <v>27898</v>
      </c>
      <c r="B43896" s="1" t="s">
        <v>149418</v>
      </c>
      <c r="C43896" s="1" t="s">
        <v>30</v>
      </c>
      <c r="D43896" s="1" t="s">
        <v>36921</v>
      </c>
      <c r="E43896" s="1" t="s">
        <v>149546</v>
      </c>
      <c r="F43896" s="1" t="s">
        <v>149547</v>
      </c>
      <c r="G43896" s="1" t="s">
        <v>149535</v>
      </c>
      <c r="H43896" s="1" t="s">
        <v>149536</v>
      </c>
      <c r="I43896" s="1" t="s">
        <v>149424</v>
      </c>
      <c r="J43896" s="1" t="s">
        <v>149548</v>
      </c>
    </row>
    <row r="43897" spans="1:10" x14ac:dyDescent="0.35">
      <c r="A43897" s="1" t="s">
        <v>27898</v>
      </c>
      <c r="B43897" s="1" t="s">
        <v>149418</v>
      </c>
      <c r="C43897" s="1" t="s">
        <v>35</v>
      </c>
      <c r="D43897" s="1" t="s">
        <v>46776</v>
      </c>
      <c r="E43897" s="1" t="s">
        <v>149549</v>
      </c>
      <c r="F43897" s="1" t="s">
        <v>149550</v>
      </c>
      <c r="G43897" s="1" t="s">
        <v>149535</v>
      </c>
      <c r="H43897" s="1" t="s">
        <v>149536</v>
      </c>
      <c r="I43897" s="1" t="s">
        <v>149424</v>
      </c>
      <c r="J43897" s="1" t="s">
        <v>149551</v>
      </c>
    </row>
    <row r="43898" spans="1:10" x14ac:dyDescent="0.35">
      <c r="A43898" s="1" t="s">
        <v>27898</v>
      </c>
      <c r="B43898" s="1" t="s">
        <v>149418</v>
      </c>
      <c r="C43898" s="1" t="s">
        <v>40</v>
      </c>
      <c r="D43898" s="1" t="s">
        <v>149552</v>
      </c>
      <c r="E43898" s="1" t="s">
        <v>149553</v>
      </c>
      <c r="F43898" s="1" t="s">
        <v>149554</v>
      </c>
      <c r="G43898" s="1" t="s">
        <v>149535</v>
      </c>
      <c r="H43898" s="1" t="s">
        <v>149536</v>
      </c>
      <c r="I43898" s="1" t="s">
        <v>149424</v>
      </c>
      <c r="J43898" s="1" t="s">
        <v>149555</v>
      </c>
    </row>
    <row r="43899" spans="1:10" x14ac:dyDescent="0.35">
      <c r="A43899" s="1" t="s">
        <v>27898</v>
      </c>
      <c r="B43899" s="1" t="s">
        <v>149418</v>
      </c>
      <c r="C43899" s="1" t="s">
        <v>45</v>
      </c>
      <c r="D43899" s="1" t="s">
        <v>42642</v>
      </c>
      <c r="E43899" s="1" t="s">
        <v>149556</v>
      </c>
      <c r="F43899" s="1" t="s">
        <v>149557</v>
      </c>
      <c r="G43899" s="1" t="s">
        <v>149535</v>
      </c>
      <c r="H43899" s="1" t="s">
        <v>149536</v>
      </c>
      <c r="I43899" s="1" t="s">
        <v>149424</v>
      </c>
      <c r="J43899" s="1" t="s">
        <v>149558</v>
      </c>
    </row>
    <row r="43900" spans="1:10" x14ac:dyDescent="0.35">
      <c r="A43900" s="1" t="s">
        <v>27898</v>
      </c>
      <c r="B43900" s="1" t="s">
        <v>149418</v>
      </c>
      <c r="C43900" s="1" t="s">
        <v>50</v>
      </c>
      <c r="D43900" s="1" t="s">
        <v>120317</v>
      </c>
      <c r="E43900" s="1" t="s">
        <v>149559</v>
      </c>
      <c r="F43900" s="1" t="s">
        <v>149560</v>
      </c>
      <c r="G43900" s="1" t="s">
        <v>149535</v>
      </c>
      <c r="H43900" s="1" t="s">
        <v>149536</v>
      </c>
      <c r="I43900" s="1" t="s">
        <v>149424</v>
      </c>
      <c r="J43900" s="1" t="s">
        <v>149561</v>
      </c>
    </row>
    <row r="43901" spans="1:10" x14ac:dyDescent="0.35">
      <c r="A43901" s="1" t="s">
        <v>27898</v>
      </c>
      <c r="B43901" s="1" t="s">
        <v>149418</v>
      </c>
      <c r="C43901" s="1" t="s">
        <v>55</v>
      </c>
      <c r="D43901" s="1" t="s">
        <v>47140</v>
      </c>
      <c r="E43901" s="1" t="s">
        <v>149562</v>
      </c>
      <c r="F43901" s="1" t="s">
        <v>149563</v>
      </c>
      <c r="G43901" s="1" t="s">
        <v>149535</v>
      </c>
      <c r="H43901" s="1" t="s">
        <v>149536</v>
      </c>
      <c r="I43901" s="1" t="s">
        <v>149424</v>
      </c>
      <c r="J43901" s="1" t="s">
        <v>149564</v>
      </c>
    </row>
    <row r="43902" spans="1:10" x14ac:dyDescent="0.35">
      <c r="A43902" s="1" t="s">
        <v>27898</v>
      </c>
      <c r="B43902" s="1" t="s">
        <v>149418</v>
      </c>
      <c r="C43902" s="1" t="s">
        <v>60</v>
      </c>
      <c r="D43902" s="1" t="s">
        <v>149565</v>
      </c>
      <c r="E43902" s="1" t="s">
        <v>149566</v>
      </c>
      <c r="F43902" s="1" t="s">
        <v>149567</v>
      </c>
      <c r="G43902" s="1" t="s">
        <v>149535</v>
      </c>
      <c r="H43902" s="1" t="s">
        <v>149536</v>
      </c>
      <c r="I43902" s="1" t="s">
        <v>149424</v>
      </c>
      <c r="J43902" s="1" t="s">
        <v>149568</v>
      </c>
    </row>
    <row r="43903" spans="1:10" x14ac:dyDescent="0.35">
      <c r="A43903" s="1" t="s">
        <v>27898</v>
      </c>
      <c r="B43903" s="1" t="s">
        <v>149418</v>
      </c>
      <c r="C43903" s="1" t="s">
        <v>65</v>
      </c>
      <c r="D43903" s="1" t="s">
        <v>149569</v>
      </c>
      <c r="E43903" s="1" t="s">
        <v>149570</v>
      </c>
      <c r="F43903" s="1" t="s">
        <v>149571</v>
      </c>
      <c r="G43903" s="1" t="s">
        <v>149535</v>
      </c>
      <c r="H43903" s="1" t="s">
        <v>149536</v>
      </c>
      <c r="I43903" s="1" t="s">
        <v>149424</v>
      </c>
      <c r="J43903" s="1" t="s">
        <v>149572</v>
      </c>
    </row>
    <row r="43904" spans="1:10" x14ac:dyDescent="0.35">
      <c r="A43904" s="1" t="s">
        <v>27898</v>
      </c>
      <c r="B43904" s="1" t="s">
        <v>149418</v>
      </c>
      <c r="C43904" s="1" t="s">
        <v>70</v>
      </c>
      <c r="D43904" s="1" t="s">
        <v>149573</v>
      </c>
      <c r="E43904" s="1" t="s">
        <v>149574</v>
      </c>
      <c r="F43904" s="1" t="s">
        <v>149575</v>
      </c>
      <c r="G43904" s="1" t="s">
        <v>149535</v>
      </c>
      <c r="H43904" s="1" t="s">
        <v>149536</v>
      </c>
      <c r="I43904" s="1" t="s">
        <v>149424</v>
      </c>
      <c r="J43904" s="1" t="s">
        <v>149576</v>
      </c>
    </row>
    <row r="43905" spans="1:10" x14ac:dyDescent="0.35">
      <c r="A43905" s="1" t="s">
        <v>27898</v>
      </c>
      <c r="B43905" s="1" t="s">
        <v>149418</v>
      </c>
      <c r="C43905" s="1" t="s">
        <v>75</v>
      </c>
      <c r="D43905" s="1" t="s">
        <v>149577</v>
      </c>
      <c r="E43905" s="1" t="s">
        <v>149578</v>
      </c>
      <c r="F43905" s="1" t="s">
        <v>149579</v>
      </c>
      <c r="G43905" s="1" t="s">
        <v>149535</v>
      </c>
      <c r="H43905" s="1" t="s">
        <v>149536</v>
      </c>
      <c r="I43905" s="1" t="s">
        <v>149424</v>
      </c>
      <c r="J43905" s="1" t="s">
        <v>149580</v>
      </c>
    </row>
    <row r="43906" spans="1:10" x14ac:dyDescent="0.35">
      <c r="A43906" s="1" t="s">
        <v>27898</v>
      </c>
      <c r="B43906" s="1" t="s">
        <v>149418</v>
      </c>
      <c r="C43906" s="1" t="s">
        <v>80</v>
      </c>
      <c r="D43906" s="1" t="s">
        <v>149581</v>
      </c>
      <c r="E43906" s="1" t="s">
        <v>149582</v>
      </c>
      <c r="F43906" s="1" t="s">
        <v>149583</v>
      </c>
      <c r="G43906" s="1" t="s">
        <v>149535</v>
      </c>
      <c r="H43906" s="1" t="s">
        <v>149536</v>
      </c>
      <c r="I43906" s="1" t="s">
        <v>149424</v>
      </c>
      <c r="J43906" s="1" t="s">
        <v>149584</v>
      </c>
    </row>
    <row r="43907" spans="1:10" x14ac:dyDescent="0.35">
      <c r="A43907" s="1" t="s">
        <v>27898</v>
      </c>
      <c r="B43907" s="1" t="s">
        <v>149418</v>
      </c>
      <c r="C43907" s="1" t="s">
        <v>85</v>
      </c>
      <c r="D43907" s="1" t="s">
        <v>149585</v>
      </c>
      <c r="E43907" s="1" t="s">
        <v>149586</v>
      </c>
      <c r="F43907" s="1" t="s">
        <v>149587</v>
      </c>
      <c r="G43907" s="1" t="s">
        <v>149535</v>
      </c>
      <c r="H43907" s="1" t="s">
        <v>149536</v>
      </c>
      <c r="I43907" s="1" t="s">
        <v>149424</v>
      </c>
      <c r="J43907" s="1" t="s">
        <v>149588</v>
      </c>
    </row>
    <row r="43908" spans="1:10" x14ac:dyDescent="0.35">
      <c r="A43908" s="1" t="s">
        <v>27898</v>
      </c>
      <c r="B43908" s="1" t="s">
        <v>149418</v>
      </c>
      <c r="C43908" s="1" t="s">
        <v>90</v>
      </c>
      <c r="D43908" s="1" t="s">
        <v>149589</v>
      </c>
      <c r="E43908" s="1" t="s">
        <v>149590</v>
      </c>
      <c r="F43908" s="1" t="s">
        <v>149591</v>
      </c>
      <c r="G43908" s="1" t="s">
        <v>149535</v>
      </c>
      <c r="H43908" s="1" t="s">
        <v>149536</v>
      </c>
      <c r="I43908" s="1" t="s">
        <v>149424</v>
      </c>
      <c r="J43908" s="1" t="s">
        <v>149592</v>
      </c>
    </row>
    <row r="43909" spans="1:10" x14ac:dyDescent="0.35">
      <c r="A43909" s="1" t="s">
        <v>27898</v>
      </c>
      <c r="B43909" s="1" t="s">
        <v>149418</v>
      </c>
      <c r="C43909" s="1" t="s">
        <v>95</v>
      </c>
      <c r="D43909" s="1" t="s">
        <v>149593</v>
      </c>
      <c r="E43909" s="1" t="s">
        <v>149594</v>
      </c>
      <c r="F43909" s="1" t="s">
        <v>149595</v>
      </c>
      <c r="G43909" s="1" t="s">
        <v>149535</v>
      </c>
      <c r="H43909" s="1" t="s">
        <v>149536</v>
      </c>
      <c r="I43909" s="1" t="s">
        <v>149424</v>
      </c>
      <c r="J43909" s="1" t="s">
        <v>149596</v>
      </c>
    </row>
    <row r="43910" spans="1:10" x14ac:dyDescent="0.35">
      <c r="A43910" s="1" t="s">
        <v>27898</v>
      </c>
      <c r="B43910" s="1" t="s">
        <v>149418</v>
      </c>
      <c r="C43910" s="1" t="s">
        <v>100</v>
      </c>
      <c r="D43910" s="1" t="s">
        <v>107546</v>
      </c>
      <c r="E43910" s="1" t="s">
        <v>149597</v>
      </c>
      <c r="F43910" s="1" t="s">
        <v>149598</v>
      </c>
      <c r="G43910" s="1" t="s">
        <v>149535</v>
      </c>
      <c r="H43910" s="1" t="s">
        <v>149536</v>
      </c>
      <c r="I43910" s="1" t="s">
        <v>149424</v>
      </c>
      <c r="J43910" s="1" t="s">
        <v>149599</v>
      </c>
    </row>
    <row r="43911" spans="1:10" x14ac:dyDescent="0.35">
      <c r="A43911" s="1" t="s">
        <v>27898</v>
      </c>
      <c r="B43911" s="1" t="s">
        <v>149418</v>
      </c>
      <c r="C43911" s="1" t="s">
        <v>105</v>
      </c>
      <c r="D43911" s="1" t="s">
        <v>149600</v>
      </c>
      <c r="E43911" s="1" t="s">
        <v>149601</v>
      </c>
      <c r="F43911" s="1" t="s">
        <v>149602</v>
      </c>
      <c r="G43911" s="1" t="s">
        <v>149535</v>
      </c>
      <c r="H43911" s="1" t="s">
        <v>149536</v>
      </c>
      <c r="I43911" s="1" t="s">
        <v>149424</v>
      </c>
      <c r="J43911" s="1" t="s">
        <v>149603</v>
      </c>
    </row>
    <row r="43912" spans="1:10" x14ac:dyDescent="0.35">
      <c r="A43912" s="1" t="s">
        <v>27898</v>
      </c>
      <c r="B43912" s="1" t="s">
        <v>149418</v>
      </c>
      <c r="C43912" s="1" t="s">
        <v>110</v>
      </c>
      <c r="D43912" s="1" t="s">
        <v>128343</v>
      </c>
      <c r="E43912" s="1" t="s">
        <v>149604</v>
      </c>
      <c r="F43912" s="1" t="s">
        <v>149605</v>
      </c>
      <c r="G43912" s="1" t="s">
        <v>149535</v>
      </c>
      <c r="H43912" s="1" t="s">
        <v>149536</v>
      </c>
      <c r="I43912" s="1" t="s">
        <v>149424</v>
      </c>
      <c r="J43912" s="1" t="s">
        <v>149606</v>
      </c>
    </row>
    <row r="43913" spans="1:10" x14ac:dyDescent="0.35">
      <c r="A43913" s="1" t="s">
        <v>27898</v>
      </c>
      <c r="B43913" s="1" t="s">
        <v>149418</v>
      </c>
      <c r="C43913" s="1" t="s">
        <v>115</v>
      </c>
      <c r="D43913" s="1" t="s">
        <v>11543</v>
      </c>
      <c r="E43913" s="1" t="s">
        <v>149607</v>
      </c>
      <c r="F43913" s="1" t="s">
        <v>149608</v>
      </c>
      <c r="G43913" s="1" t="s">
        <v>149535</v>
      </c>
      <c r="H43913" s="1" t="s">
        <v>149536</v>
      </c>
      <c r="I43913" s="1" t="s">
        <v>149424</v>
      </c>
      <c r="J43913" s="1" t="s">
        <v>149609</v>
      </c>
    </row>
    <row r="43914" spans="1:10" x14ac:dyDescent="0.35">
      <c r="A43914" s="1" t="s">
        <v>27898</v>
      </c>
      <c r="B43914" s="1" t="s">
        <v>149418</v>
      </c>
      <c r="C43914" s="1" t="s">
        <v>120</v>
      </c>
      <c r="D43914" s="1" t="s">
        <v>102702</v>
      </c>
      <c r="E43914" s="1" t="s">
        <v>149610</v>
      </c>
      <c r="F43914" s="1" t="s">
        <v>149611</v>
      </c>
      <c r="G43914" s="1" t="s">
        <v>149535</v>
      </c>
      <c r="H43914" s="1" t="s">
        <v>149536</v>
      </c>
      <c r="I43914" s="1" t="s">
        <v>149424</v>
      </c>
      <c r="J43914" s="1" t="s">
        <v>149612</v>
      </c>
    </row>
    <row r="43915" spans="1:10" x14ac:dyDescent="0.35">
      <c r="A43915" s="1" t="s">
        <v>27898</v>
      </c>
      <c r="B43915" s="1" t="s">
        <v>149418</v>
      </c>
      <c r="C43915" s="1" t="s">
        <v>125</v>
      </c>
      <c r="D43915" s="1" t="s">
        <v>149613</v>
      </c>
      <c r="E43915" s="1" t="s">
        <v>149614</v>
      </c>
      <c r="F43915" s="1" t="s">
        <v>149615</v>
      </c>
      <c r="G43915" s="1" t="s">
        <v>149535</v>
      </c>
      <c r="H43915" s="1" t="s">
        <v>149536</v>
      </c>
      <c r="I43915" s="1" t="s">
        <v>149424</v>
      </c>
      <c r="J43915" s="1" t="s">
        <v>149616</v>
      </c>
    </row>
    <row r="43916" spans="1:10" x14ac:dyDescent="0.35">
      <c r="A43916" s="1" t="s">
        <v>27898</v>
      </c>
      <c r="B43916" s="1" t="s">
        <v>149418</v>
      </c>
      <c r="C43916" s="1" t="s">
        <v>130</v>
      </c>
      <c r="D43916" s="1" t="s">
        <v>91163</v>
      </c>
      <c r="E43916" s="1" t="s">
        <v>149617</v>
      </c>
      <c r="F43916" s="1" t="s">
        <v>149618</v>
      </c>
      <c r="G43916" s="1" t="s">
        <v>149535</v>
      </c>
      <c r="H43916" s="1" t="s">
        <v>149536</v>
      </c>
      <c r="I43916" s="1" t="s">
        <v>149424</v>
      </c>
      <c r="J43916" s="1" t="s">
        <v>149619</v>
      </c>
    </row>
    <row r="43917" spans="1:10" x14ac:dyDescent="0.35">
      <c r="A43917" s="1" t="s">
        <v>27898</v>
      </c>
      <c r="B43917" s="1" t="s">
        <v>149418</v>
      </c>
      <c r="C43917" s="1" t="s">
        <v>135</v>
      </c>
      <c r="D43917" s="1" t="s">
        <v>131783</v>
      </c>
      <c r="E43917" s="1" t="s">
        <v>149620</v>
      </c>
      <c r="F43917" s="1" t="s">
        <v>149621</v>
      </c>
      <c r="G43917" s="1" t="s">
        <v>149535</v>
      </c>
      <c r="H43917" s="1" t="s">
        <v>149536</v>
      </c>
      <c r="I43917" s="1" t="s">
        <v>149424</v>
      </c>
      <c r="J43917" s="1" t="s">
        <v>149622</v>
      </c>
    </row>
    <row r="43918" spans="1:10" x14ac:dyDescent="0.35">
      <c r="A43918" s="1" t="s">
        <v>27898</v>
      </c>
      <c r="B43918" s="1" t="s">
        <v>149418</v>
      </c>
      <c r="C43918" s="1" t="s">
        <v>140</v>
      </c>
      <c r="D43918" s="1" t="s">
        <v>149623</v>
      </c>
      <c r="E43918" s="1" t="s">
        <v>149624</v>
      </c>
      <c r="F43918" s="1" t="s">
        <v>149625</v>
      </c>
      <c r="G43918" s="1" t="s">
        <v>149535</v>
      </c>
      <c r="H43918" s="1" t="s">
        <v>149536</v>
      </c>
      <c r="I43918" s="1" t="s">
        <v>149424</v>
      </c>
      <c r="J43918" s="1" t="s">
        <v>149626</v>
      </c>
    </row>
    <row r="43919" spans="1:10" x14ac:dyDescent="0.35">
      <c r="A43919" s="1" t="s">
        <v>27898</v>
      </c>
      <c r="B43919" s="1" t="s">
        <v>149418</v>
      </c>
      <c r="C43919" s="1" t="s">
        <v>145</v>
      </c>
      <c r="D43919" s="1" t="s">
        <v>20626</v>
      </c>
      <c r="E43919" s="1" t="s">
        <v>149627</v>
      </c>
      <c r="F43919" s="1" t="s">
        <v>149628</v>
      </c>
      <c r="G43919" s="1" t="s">
        <v>149535</v>
      </c>
      <c r="H43919" s="1" t="s">
        <v>149536</v>
      </c>
      <c r="I43919" s="1" t="s">
        <v>149424</v>
      </c>
      <c r="J43919" s="1" t="s">
        <v>149629</v>
      </c>
    </row>
    <row r="43920" spans="1:10" x14ac:dyDescent="0.35">
      <c r="A43920" s="1" t="s">
        <v>27898</v>
      </c>
      <c r="B43920" s="1" t="s">
        <v>149418</v>
      </c>
      <c r="C43920" s="1" t="s">
        <v>150</v>
      </c>
      <c r="D43920" s="1" t="s">
        <v>95481</v>
      </c>
      <c r="E43920" s="1" t="s">
        <v>149630</v>
      </c>
      <c r="F43920" s="1" t="s">
        <v>149631</v>
      </c>
      <c r="G43920" s="1" t="s">
        <v>149535</v>
      </c>
      <c r="H43920" s="1" t="s">
        <v>149536</v>
      </c>
      <c r="I43920" s="1" t="s">
        <v>149424</v>
      </c>
      <c r="J43920" s="1" t="s">
        <v>149632</v>
      </c>
    </row>
    <row r="43921" spans="1:10" x14ac:dyDescent="0.35">
      <c r="A43921" s="1" t="s">
        <v>27898</v>
      </c>
      <c r="B43921" s="1" t="s">
        <v>149418</v>
      </c>
      <c r="C43921" s="1" t="s">
        <v>155</v>
      </c>
      <c r="D43921" s="1" t="s">
        <v>64790</v>
      </c>
      <c r="E43921" s="1" t="s">
        <v>149633</v>
      </c>
      <c r="F43921" s="1" t="s">
        <v>149634</v>
      </c>
      <c r="G43921" s="1" t="s">
        <v>149535</v>
      </c>
      <c r="H43921" s="1" t="s">
        <v>149536</v>
      </c>
      <c r="I43921" s="1" t="s">
        <v>149424</v>
      </c>
      <c r="J43921" s="1" t="s">
        <v>149635</v>
      </c>
    </row>
    <row r="43922" spans="1:10" x14ac:dyDescent="0.35">
      <c r="A43922" s="1" t="s">
        <v>27898</v>
      </c>
      <c r="B43922" s="1" t="s">
        <v>149418</v>
      </c>
      <c r="C43922" s="1" t="s">
        <v>160</v>
      </c>
      <c r="D43922" s="1" t="s">
        <v>79890</v>
      </c>
      <c r="E43922" s="1" t="s">
        <v>149636</v>
      </c>
      <c r="F43922" s="1" t="s">
        <v>149637</v>
      </c>
      <c r="G43922" s="1" t="s">
        <v>149535</v>
      </c>
      <c r="H43922" s="1" t="s">
        <v>149536</v>
      </c>
      <c r="I43922" s="1" t="s">
        <v>149424</v>
      </c>
      <c r="J43922" s="1" t="s">
        <v>149638</v>
      </c>
    </row>
    <row r="43923" spans="1:10" x14ac:dyDescent="0.35">
      <c r="A43923" s="1" t="s">
        <v>27898</v>
      </c>
      <c r="B43923" s="1" t="s">
        <v>149418</v>
      </c>
      <c r="C43923" s="1" t="s">
        <v>165</v>
      </c>
      <c r="D43923" s="1" t="s">
        <v>149639</v>
      </c>
      <c r="E43923" s="1" t="s">
        <v>149640</v>
      </c>
      <c r="F43923" s="1" t="s">
        <v>149641</v>
      </c>
      <c r="G43923" s="1" t="s">
        <v>149535</v>
      </c>
      <c r="H43923" s="1" t="s">
        <v>149536</v>
      </c>
      <c r="I43923" s="1" t="s">
        <v>149424</v>
      </c>
      <c r="J43923" s="1" t="s">
        <v>149642</v>
      </c>
    </row>
    <row r="43924" spans="1:10" x14ac:dyDescent="0.35">
      <c r="A43924" s="1" t="s">
        <v>27898</v>
      </c>
      <c r="B43924" s="1" t="s">
        <v>149418</v>
      </c>
      <c r="C43924" s="1" t="s">
        <v>170</v>
      </c>
      <c r="D43924" s="1" t="s">
        <v>149643</v>
      </c>
      <c r="E43924" s="1" t="s">
        <v>149644</v>
      </c>
      <c r="F43924" s="1" t="s">
        <v>149645</v>
      </c>
      <c r="G43924" s="1" t="s">
        <v>149535</v>
      </c>
      <c r="H43924" s="1" t="s">
        <v>149536</v>
      </c>
      <c r="I43924" s="1" t="s">
        <v>149424</v>
      </c>
      <c r="J43924" s="1" t="s">
        <v>149646</v>
      </c>
    </row>
    <row r="43925" spans="1:10" x14ac:dyDescent="0.35">
      <c r="A43925" s="1" t="s">
        <v>5525</v>
      </c>
      <c r="B43925" s="1" t="s">
        <v>149418</v>
      </c>
      <c r="C43925" s="1" t="s">
        <v>8</v>
      </c>
      <c r="D43925" s="1" t="s">
        <v>19179</v>
      </c>
      <c r="E43925" s="1" t="s">
        <v>149647</v>
      </c>
      <c r="F43925" s="1" t="s">
        <v>149648</v>
      </c>
      <c r="G43925" s="1" t="s">
        <v>149649</v>
      </c>
      <c r="H43925" s="1" t="s">
        <v>149650</v>
      </c>
      <c r="I43925" s="1" t="s">
        <v>149424</v>
      </c>
      <c r="J43925" s="1" t="s">
        <v>13</v>
      </c>
    </row>
    <row r="43926" spans="1:10" x14ac:dyDescent="0.35">
      <c r="A43926" s="1" t="s">
        <v>5525</v>
      </c>
      <c r="B43926" s="1" t="s">
        <v>149418</v>
      </c>
      <c r="C43926" s="1" t="s">
        <v>15</v>
      </c>
      <c r="D43926" s="1" t="s">
        <v>14410</v>
      </c>
      <c r="E43926" s="1" t="s">
        <v>149651</v>
      </c>
      <c r="F43926" s="1" t="s">
        <v>149652</v>
      </c>
      <c r="G43926" s="1" t="s">
        <v>149649</v>
      </c>
      <c r="H43926" s="1" t="s">
        <v>149650</v>
      </c>
      <c r="I43926" s="1" t="s">
        <v>149424</v>
      </c>
      <c r="J43926" s="1" t="s">
        <v>149653</v>
      </c>
    </row>
    <row r="43927" spans="1:10" x14ac:dyDescent="0.35">
      <c r="A43927" s="1" t="s">
        <v>5525</v>
      </c>
      <c r="B43927" s="1" t="s">
        <v>149418</v>
      </c>
      <c r="C43927" s="1" t="s">
        <v>20</v>
      </c>
      <c r="D43927" s="1" t="s">
        <v>17694</v>
      </c>
      <c r="E43927" s="1" t="s">
        <v>149654</v>
      </c>
      <c r="F43927" s="1" t="s">
        <v>149655</v>
      </c>
      <c r="G43927" s="1" t="s">
        <v>149649</v>
      </c>
      <c r="H43927" s="1" t="s">
        <v>149650</v>
      </c>
      <c r="I43927" s="1" t="s">
        <v>149424</v>
      </c>
      <c r="J43927" s="1" t="s">
        <v>149656</v>
      </c>
    </row>
    <row r="43928" spans="1:10" x14ac:dyDescent="0.35">
      <c r="A43928" s="1" t="s">
        <v>5525</v>
      </c>
      <c r="B43928" s="1" t="s">
        <v>149418</v>
      </c>
      <c r="C43928" s="1" t="s">
        <v>25</v>
      </c>
      <c r="D43928" s="1" t="s">
        <v>74719</v>
      </c>
      <c r="E43928" s="1" t="s">
        <v>149657</v>
      </c>
      <c r="F43928" s="1" t="s">
        <v>149658</v>
      </c>
      <c r="G43928" s="1" t="s">
        <v>149649</v>
      </c>
      <c r="H43928" s="1" t="s">
        <v>149650</v>
      </c>
      <c r="I43928" s="1" t="s">
        <v>149424</v>
      </c>
      <c r="J43928" s="1" t="s">
        <v>149659</v>
      </c>
    </row>
    <row r="43929" spans="1:10" x14ac:dyDescent="0.35">
      <c r="A43929" s="1" t="s">
        <v>5525</v>
      </c>
      <c r="B43929" s="1" t="s">
        <v>149418</v>
      </c>
      <c r="C43929" s="1" t="s">
        <v>30</v>
      </c>
      <c r="D43929" s="1" t="s">
        <v>47744</v>
      </c>
      <c r="E43929" s="1" t="s">
        <v>149660</v>
      </c>
      <c r="F43929" s="1" t="s">
        <v>149661</v>
      </c>
      <c r="G43929" s="1" t="s">
        <v>149649</v>
      </c>
      <c r="H43929" s="1" t="s">
        <v>149650</v>
      </c>
      <c r="I43929" s="1" t="s">
        <v>149424</v>
      </c>
      <c r="J43929" s="1" t="s">
        <v>149662</v>
      </c>
    </row>
    <row r="43930" spans="1:10" x14ac:dyDescent="0.35">
      <c r="A43930" s="1" t="s">
        <v>5525</v>
      </c>
      <c r="B43930" s="1" t="s">
        <v>149418</v>
      </c>
      <c r="C43930" s="1" t="s">
        <v>35</v>
      </c>
      <c r="D43930" s="1" t="s">
        <v>149663</v>
      </c>
      <c r="E43930" s="1" t="s">
        <v>149664</v>
      </c>
      <c r="F43930" s="1" t="s">
        <v>149665</v>
      </c>
      <c r="G43930" s="1" t="s">
        <v>149649</v>
      </c>
      <c r="H43930" s="1" t="s">
        <v>149650</v>
      </c>
      <c r="I43930" s="1" t="s">
        <v>149424</v>
      </c>
      <c r="J43930" s="1" t="s">
        <v>149666</v>
      </c>
    </row>
    <row r="43931" spans="1:10" x14ac:dyDescent="0.35">
      <c r="A43931" s="1" t="s">
        <v>5525</v>
      </c>
      <c r="B43931" s="1" t="s">
        <v>149418</v>
      </c>
      <c r="C43931" s="1" t="s">
        <v>40</v>
      </c>
      <c r="D43931" s="1" t="s">
        <v>912</v>
      </c>
      <c r="E43931" s="1" t="s">
        <v>149667</v>
      </c>
      <c r="F43931" s="1" t="s">
        <v>149668</v>
      </c>
      <c r="G43931" s="1" t="s">
        <v>149649</v>
      </c>
      <c r="H43931" s="1" t="s">
        <v>149650</v>
      </c>
      <c r="I43931" s="1" t="s">
        <v>149424</v>
      </c>
      <c r="J43931" s="1" t="s">
        <v>149669</v>
      </c>
    </row>
    <row r="43932" spans="1:10" x14ac:dyDescent="0.35">
      <c r="A43932" s="1" t="s">
        <v>5525</v>
      </c>
      <c r="B43932" s="1" t="s">
        <v>149418</v>
      </c>
      <c r="C43932" s="1" t="s">
        <v>45</v>
      </c>
      <c r="D43932" s="1" t="s">
        <v>149670</v>
      </c>
      <c r="E43932" s="1" t="s">
        <v>149671</v>
      </c>
      <c r="F43932" s="1" t="s">
        <v>149672</v>
      </c>
      <c r="G43932" s="1" t="s">
        <v>149649</v>
      </c>
      <c r="H43932" s="1" t="s">
        <v>149650</v>
      </c>
      <c r="I43932" s="1" t="s">
        <v>149424</v>
      </c>
      <c r="J43932" s="1" t="s">
        <v>149673</v>
      </c>
    </row>
    <row r="43933" spans="1:10" x14ac:dyDescent="0.35">
      <c r="A43933" s="1" t="s">
        <v>5525</v>
      </c>
      <c r="B43933" s="1" t="s">
        <v>149418</v>
      </c>
      <c r="C43933" s="1" t="s">
        <v>50</v>
      </c>
      <c r="D43933" s="1" t="s">
        <v>149674</v>
      </c>
      <c r="E43933" s="1" t="s">
        <v>149675</v>
      </c>
      <c r="F43933" s="1" t="s">
        <v>149676</v>
      </c>
      <c r="G43933" s="1" t="s">
        <v>149649</v>
      </c>
      <c r="H43933" s="1" t="s">
        <v>149650</v>
      </c>
      <c r="I43933" s="1" t="s">
        <v>149424</v>
      </c>
      <c r="J43933" s="1" t="s">
        <v>149677</v>
      </c>
    </row>
    <row r="43934" spans="1:10" x14ac:dyDescent="0.35">
      <c r="A43934" s="1" t="s">
        <v>5525</v>
      </c>
      <c r="B43934" s="1" t="s">
        <v>149418</v>
      </c>
      <c r="C43934" s="1" t="s">
        <v>55</v>
      </c>
      <c r="D43934" s="1" t="s">
        <v>149678</v>
      </c>
      <c r="E43934" s="1" t="s">
        <v>149679</v>
      </c>
      <c r="F43934" s="1" t="s">
        <v>149680</v>
      </c>
      <c r="G43934" s="1" t="s">
        <v>149649</v>
      </c>
      <c r="H43934" s="1" t="s">
        <v>149650</v>
      </c>
      <c r="I43934" s="1" t="s">
        <v>149424</v>
      </c>
      <c r="J43934" s="1" t="s">
        <v>149681</v>
      </c>
    </row>
    <row r="43935" spans="1:10" x14ac:dyDescent="0.35">
      <c r="A43935" s="1" t="s">
        <v>5525</v>
      </c>
      <c r="B43935" s="1" t="s">
        <v>149418</v>
      </c>
      <c r="C43935" s="1" t="s">
        <v>60</v>
      </c>
      <c r="D43935" s="1" t="s">
        <v>149682</v>
      </c>
      <c r="E43935" s="1" t="s">
        <v>149683</v>
      </c>
      <c r="F43935" s="1" t="s">
        <v>149684</v>
      </c>
      <c r="G43935" s="1" t="s">
        <v>149649</v>
      </c>
      <c r="H43935" s="1" t="s">
        <v>149650</v>
      </c>
      <c r="I43935" s="1" t="s">
        <v>149424</v>
      </c>
      <c r="J43935" s="1" t="s">
        <v>149685</v>
      </c>
    </row>
    <row r="43936" spans="1:10" x14ac:dyDescent="0.35">
      <c r="A43936" s="1" t="s">
        <v>5525</v>
      </c>
      <c r="B43936" s="1" t="s">
        <v>149418</v>
      </c>
      <c r="C43936" s="1" t="s">
        <v>65</v>
      </c>
      <c r="D43936" s="1" t="s">
        <v>149686</v>
      </c>
      <c r="E43936" s="1" t="s">
        <v>149687</v>
      </c>
      <c r="F43936" s="1" t="s">
        <v>149688</v>
      </c>
      <c r="G43936" s="1" t="s">
        <v>149649</v>
      </c>
      <c r="H43936" s="1" t="s">
        <v>149650</v>
      </c>
      <c r="I43936" s="1" t="s">
        <v>149424</v>
      </c>
      <c r="J43936" s="1" t="s">
        <v>149689</v>
      </c>
    </row>
    <row r="43937" spans="1:10" x14ac:dyDescent="0.35">
      <c r="A43937" s="1" t="s">
        <v>5525</v>
      </c>
      <c r="B43937" s="1" t="s">
        <v>149418</v>
      </c>
      <c r="C43937" s="1" t="s">
        <v>70</v>
      </c>
      <c r="D43937" s="1" t="s">
        <v>149690</v>
      </c>
      <c r="E43937" s="1" t="s">
        <v>149691</v>
      </c>
      <c r="F43937" s="1" t="s">
        <v>149692</v>
      </c>
      <c r="G43937" s="1" t="s">
        <v>149649</v>
      </c>
      <c r="H43937" s="1" t="s">
        <v>149650</v>
      </c>
      <c r="I43937" s="1" t="s">
        <v>149424</v>
      </c>
      <c r="J43937" s="1" t="s">
        <v>149693</v>
      </c>
    </row>
    <row r="43938" spans="1:10" x14ac:dyDescent="0.35">
      <c r="A43938" s="1" t="s">
        <v>5525</v>
      </c>
      <c r="B43938" s="1" t="s">
        <v>149418</v>
      </c>
      <c r="C43938" s="1" t="s">
        <v>75</v>
      </c>
      <c r="D43938" s="1" t="s">
        <v>149694</v>
      </c>
      <c r="E43938" s="1" t="s">
        <v>149695</v>
      </c>
      <c r="F43938" s="1" t="s">
        <v>149696</v>
      </c>
      <c r="G43938" s="1" t="s">
        <v>149649</v>
      </c>
      <c r="H43938" s="1" t="s">
        <v>149650</v>
      </c>
      <c r="I43938" s="1" t="s">
        <v>149424</v>
      </c>
      <c r="J43938" s="1" t="s">
        <v>149697</v>
      </c>
    </row>
    <row r="43939" spans="1:10" x14ac:dyDescent="0.35">
      <c r="A43939" s="1" t="s">
        <v>5525</v>
      </c>
      <c r="B43939" s="1" t="s">
        <v>149418</v>
      </c>
      <c r="C43939" s="1" t="s">
        <v>80</v>
      </c>
      <c r="D43939" s="1" t="s">
        <v>149698</v>
      </c>
      <c r="E43939" s="1" t="s">
        <v>149699</v>
      </c>
      <c r="F43939" s="1" t="s">
        <v>149700</v>
      </c>
      <c r="G43939" s="1" t="s">
        <v>149649</v>
      </c>
      <c r="H43939" s="1" t="s">
        <v>149650</v>
      </c>
      <c r="I43939" s="1" t="s">
        <v>149424</v>
      </c>
      <c r="J43939" s="1" t="s">
        <v>149701</v>
      </c>
    </row>
    <row r="43940" spans="1:10" x14ac:dyDescent="0.35">
      <c r="A43940" s="1" t="s">
        <v>5525</v>
      </c>
      <c r="B43940" s="1" t="s">
        <v>149418</v>
      </c>
      <c r="C43940" s="1" t="s">
        <v>85</v>
      </c>
      <c r="D43940" s="1" t="s">
        <v>110189</v>
      </c>
      <c r="E43940" s="1" t="s">
        <v>149702</v>
      </c>
      <c r="F43940" s="1" t="s">
        <v>149703</v>
      </c>
      <c r="G43940" s="1" t="s">
        <v>149649</v>
      </c>
      <c r="H43940" s="1" t="s">
        <v>149650</v>
      </c>
      <c r="I43940" s="1" t="s">
        <v>149424</v>
      </c>
      <c r="J43940" s="1" t="s">
        <v>149704</v>
      </c>
    </row>
    <row r="43941" spans="1:10" x14ac:dyDescent="0.35">
      <c r="A43941" s="1" t="s">
        <v>5525</v>
      </c>
      <c r="B43941" s="1" t="s">
        <v>149418</v>
      </c>
      <c r="C43941" s="1" t="s">
        <v>90</v>
      </c>
      <c r="D43941" s="1" t="s">
        <v>149705</v>
      </c>
      <c r="E43941" s="1" t="s">
        <v>149706</v>
      </c>
      <c r="F43941" s="1" t="s">
        <v>149707</v>
      </c>
      <c r="G43941" s="1" t="s">
        <v>149649</v>
      </c>
      <c r="H43941" s="1" t="s">
        <v>149650</v>
      </c>
      <c r="I43941" s="1" t="s">
        <v>149424</v>
      </c>
      <c r="J43941" s="1" t="s">
        <v>149708</v>
      </c>
    </row>
    <row r="43942" spans="1:10" x14ac:dyDescent="0.35">
      <c r="A43942" s="1" t="s">
        <v>5525</v>
      </c>
      <c r="B43942" s="1" t="s">
        <v>149418</v>
      </c>
      <c r="C43942" s="1" t="s">
        <v>95</v>
      </c>
      <c r="D43942" s="1" t="s">
        <v>69384</v>
      </c>
      <c r="E43942" s="1" t="s">
        <v>149709</v>
      </c>
      <c r="F43942" s="1" t="s">
        <v>149710</v>
      </c>
      <c r="G43942" s="1" t="s">
        <v>149649</v>
      </c>
      <c r="H43942" s="1" t="s">
        <v>149650</v>
      </c>
      <c r="I43942" s="1" t="s">
        <v>149424</v>
      </c>
      <c r="J43942" s="1" t="s">
        <v>149711</v>
      </c>
    </row>
    <row r="43943" spans="1:10" x14ac:dyDescent="0.35">
      <c r="A43943" s="1" t="s">
        <v>5525</v>
      </c>
      <c r="B43943" s="1" t="s">
        <v>149418</v>
      </c>
      <c r="C43943" s="1" t="s">
        <v>100</v>
      </c>
      <c r="D43943" s="1" t="s">
        <v>96303</v>
      </c>
      <c r="E43943" s="1" t="s">
        <v>149712</v>
      </c>
      <c r="F43943" s="1" t="s">
        <v>149713</v>
      </c>
      <c r="G43943" s="1" t="s">
        <v>149649</v>
      </c>
      <c r="H43943" s="1" t="s">
        <v>149650</v>
      </c>
      <c r="I43943" s="1" t="s">
        <v>149424</v>
      </c>
      <c r="J43943" s="1" t="s">
        <v>149714</v>
      </c>
    </row>
    <row r="43944" spans="1:10" x14ac:dyDescent="0.35">
      <c r="A43944" s="1" t="s">
        <v>5525</v>
      </c>
      <c r="B43944" s="1" t="s">
        <v>149418</v>
      </c>
      <c r="C43944" s="1" t="s">
        <v>105</v>
      </c>
      <c r="D43944" s="1" t="s">
        <v>86655</v>
      </c>
      <c r="E43944" s="1" t="s">
        <v>149715</v>
      </c>
      <c r="F43944" s="1" t="s">
        <v>149716</v>
      </c>
      <c r="G43944" s="1" t="s">
        <v>149649</v>
      </c>
      <c r="H43944" s="1" t="s">
        <v>149650</v>
      </c>
      <c r="I43944" s="1" t="s">
        <v>149424</v>
      </c>
      <c r="J43944" s="1" t="s">
        <v>149717</v>
      </c>
    </row>
    <row r="43945" spans="1:10" x14ac:dyDescent="0.35">
      <c r="A43945" s="1" t="s">
        <v>5525</v>
      </c>
      <c r="B43945" s="1" t="s">
        <v>149418</v>
      </c>
      <c r="C43945" s="1" t="s">
        <v>110</v>
      </c>
      <c r="D43945" s="1" t="s">
        <v>78501</v>
      </c>
      <c r="E43945" s="1" t="s">
        <v>149718</v>
      </c>
      <c r="F43945" s="1" t="s">
        <v>149719</v>
      </c>
      <c r="G43945" s="1" t="s">
        <v>149649</v>
      </c>
      <c r="H43945" s="1" t="s">
        <v>149650</v>
      </c>
      <c r="I43945" s="1" t="s">
        <v>149424</v>
      </c>
      <c r="J43945" s="1" t="s">
        <v>149720</v>
      </c>
    </row>
    <row r="43946" spans="1:10" x14ac:dyDescent="0.35">
      <c r="A43946" s="1" t="s">
        <v>5525</v>
      </c>
      <c r="B43946" s="1" t="s">
        <v>149418</v>
      </c>
      <c r="C43946" s="1" t="s">
        <v>115</v>
      </c>
      <c r="D43946" s="1" t="s">
        <v>149721</v>
      </c>
      <c r="E43946" s="1" t="s">
        <v>149722</v>
      </c>
      <c r="F43946" s="1" t="s">
        <v>149723</v>
      </c>
      <c r="G43946" s="1" t="s">
        <v>149649</v>
      </c>
      <c r="H43946" s="1" t="s">
        <v>149650</v>
      </c>
      <c r="I43946" s="1" t="s">
        <v>149424</v>
      </c>
      <c r="J43946" s="1" t="s">
        <v>149724</v>
      </c>
    </row>
    <row r="43947" spans="1:10" x14ac:dyDescent="0.35">
      <c r="A43947" s="1" t="s">
        <v>5525</v>
      </c>
      <c r="B43947" s="1" t="s">
        <v>149418</v>
      </c>
      <c r="C43947" s="1" t="s">
        <v>120</v>
      </c>
      <c r="D43947" s="1" t="s">
        <v>95680</v>
      </c>
      <c r="E43947" s="1" t="s">
        <v>149725</v>
      </c>
      <c r="F43947" s="1" t="s">
        <v>149726</v>
      </c>
      <c r="G43947" s="1" t="s">
        <v>149649</v>
      </c>
      <c r="H43947" s="1" t="s">
        <v>149650</v>
      </c>
      <c r="I43947" s="1" t="s">
        <v>149424</v>
      </c>
      <c r="J43947" s="1" t="s">
        <v>149727</v>
      </c>
    </row>
    <row r="43948" spans="1:10" x14ac:dyDescent="0.35">
      <c r="A43948" s="1" t="s">
        <v>5525</v>
      </c>
      <c r="B43948" s="1" t="s">
        <v>149418</v>
      </c>
      <c r="C43948" s="1" t="s">
        <v>125</v>
      </c>
      <c r="D43948" s="1" t="s">
        <v>80291</v>
      </c>
      <c r="E43948" s="1" t="s">
        <v>149728</v>
      </c>
      <c r="F43948" s="1" t="s">
        <v>149729</v>
      </c>
      <c r="G43948" s="1" t="s">
        <v>149649</v>
      </c>
      <c r="H43948" s="1" t="s">
        <v>149650</v>
      </c>
      <c r="I43948" s="1" t="s">
        <v>149424</v>
      </c>
      <c r="J43948" s="1" t="s">
        <v>149730</v>
      </c>
    </row>
    <row r="43949" spans="1:10" x14ac:dyDescent="0.35">
      <c r="A43949" s="1" t="s">
        <v>5525</v>
      </c>
      <c r="B43949" s="1" t="s">
        <v>149418</v>
      </c>
      <c r="C43949" s="1" t="s">
        <v>130</v>
      </c>
      <c r="D43949" s="1" t="s">
        <v>97133</v>
      </c>
      <c r="E43949" s="1" t="s">
        <v>149731</v>
      </c>
      <c r="F43949" s="1" t="s">
        <v>149732</v>
      </c>
      <c r="G43949" s="1" t="s">
        <v>149649</v>
      </c>
      <c r="H43949" s="1" t="s">
        <v>149650</v>
      </c>
      <c r="I43949" s="1" t="s">
        <v>149424</v>
      </c>
      <c r="J43949" s="1" t="s">
        <v>149733</v>
      </c>
    </row>
    <row r="43950" spans="1:10" x14ac:dyDescent="0.35">
      <c r="A43950" s="1" t="s">
        <v>5525</v>
      </c>
      <c r="B43950" s="1" t="s">
        <v>149418</v>
      </c>
      <c r="C43950" s="1" t="s">
        <v>135</v>
      </c>
      <c r="D43950" s="1" t="s">
        <v>149734</v>
      </c>
      <c r="E43950" s="1" t="s">
        <v>149735</v>
      </c>
      <c r="F43950" s="1" t="s">
        <v>149736</v>
      </c>
      <c r="G43950" s="1" t="s">
        <v>149649</v>
      </c>
      <c r="H43950" s="1" t="s">
        <v>149650</v>
      </c>
      <c r="I43950" s="1" t="s">
        <v>149424</v>
      </c>
      <c r="J43950" s="1" t="s">
        <v>149737</v>
      </c>
    </row>
    <row r="43951" spans="1:10" x14ac:dyDescent="0.35">
      <c r="A43951" s="1" t="s">
        <v>5525</v>
      </c>
      <c r="B43951" s="1" t="s">
        <v>149418</v>
      </c>
      <c r="C43951" s="1" t="s">
        <v>140</v>
      </c>
      <c r="D43951" s="1" t="s">
        <v>56730</v>
      </c>
      <c r="E43951" s="1" t="s">
        <v>149738</v>
      </c>
      <c r="F43951" s="1" t="s">
        <v>149739</v>
      </c>
      <c r="G43951" s="1" t="s">
        <v>149649</v>
      </c>
      <c r="H43951" s="1" t="s">
        <v>149650</v>
      </c>
      <c r="I43951" s="1" t="s">
        <v>149424</v>
      </c>
      <c r="J43951" s="1" t="s">
        <v>149740</v>
      </c>
    </row>
    <row r="43952" spans="1:10" x14ac:dyDescent="0.35">
      <c r="A43952" s="1" t="s">
        <v>5525</v>
      </c>
      <c r="B43952" s="1" t="s">
        <v>149418</v>
      </c>
      <c r="C43952" s="1" t="s">
        <v>145</v>
      </c>
      <c r="D43952" s="1" t="s">
        <v>64249</v>
      </c>
      <c r="E43952" s="1" t="s">
        <v>149741</v>
      </c>
      <c r="F43952" s="1" t="s">
        <v>149742</v>
      </c>
      <c r="G43952" s="1" t="s">
        <v>149649</v>
      </c>
      <c r="H43952" s="1" t="s">
        <v>149650</v>
      </c>
      <c r="I43952" s="1" t="s">
        <v>149424</v>
      </c>
      <c r="J43952" s="1" t="s">
        <v>149743</v>
      </c>
    </row>
    <row r="43953" spans="1:10" x14ac:dyDescent="0.35">
      <c r="A43953" s="1" t="s">
        <v>5525</v>
      </c>
      <c r="B43953" s="1" t="s">
        <v>149418</v>
      </c>
      <c r="C43953" s="1" t="s">
        <v>150</v>
      </c>
      <c r="D43953" s="1" t="s">
        <v>149744</v>
      </c>
      <c r="E43953" s="1" t="s">
        <v>149745</v>
      </c>
      <c r="F43953" s="1" t="s">
        <v>149746</v>
      </c>
      <c r="G43953" s="1" t="s">
        <v>149649</v>
      </c>
      <c r="H43953" s="1" t="s">
        <v>149650</v>
      </c>
      <c r="I43953" s="1" t="s">
        <v>149424</v>
      </c>
      <c r="J43953" s="1" t="s">
        <v>149747</v>
      </c>
    </row>
    <row r="43954" spans="1:10" x14ac:dyDescent="0.35">
      <c r="A43954" s="1" t="s">
        <v>5525</v>
      </c>
      <c r="B43954" s="1" t="s">
        <v>149418</v>
      </c>
      <c r="C43954" s="1" t="s">
        <v>155</v>
      </c>
      <c r="D43954" s="1" t="s">
        <v>137580</v>
      </c>
      <c r="E43954" s="1" t="s">
        <v>149748</v>
      </c>
      <c r="F43954" s="1" t="s">
        <v>149749</v>
      </c>
      <c r="G43954" s="1" t="s">
        <v>149649</v>
      </c>
      <c r="H43954" s="1" t="s">
        <v>149650</v>
      </c>
      <c r="I43954" s="1" t="s">
        <v>149424</v>
      </c>
      <c r="J43954" s="1" t="s">
        <v>149750</v>
      </c>
    </row>
    <row r="43955" spans="1:10" x14ac:dyDescent="0.35">
      <c r="A43955" s="1" t="s">
        <v>5525</v>
      </c>
      <c r="B43955" s="1" t="s">
        <v>149418</v>
      </c>
      <c r="C43955" s="1" t="s">
        <v>160</v>
      </c>
      <c r="D43955" s="1" t="s">
        <v>149751</v>
      </c>
      <c r="E43955" s="1" t="s">
        <v>149752</v>
      </c>
      <c r="F43955" s="1" t="s">
        <v>149753</v>
      </c>
      <c r="G43955" s="1" t="s">
        <v>149649</v>
      </c>
      <c r="H43955" s="1" t="s">
        <v>149650</v>
      </c>
      <c r="I43955" s="1" t="s">
        <v>149424</v>
      </c>
      <c r="J43955" s="1" t="s">
        <v>149754</v>
      </c>
    </row>
    <row r="43956" spans="1:10" x14ac:dyDescent="0.35">
      <c r="A43956" s="1" t="s">
        <v>5525</v>
      </c>
      <c r="B43956" s="1" t="s">
        <v>149418</v>
      </c>
      <c r="C43956" s="1" t="s">
        <v>165</v>
      </c>
      <c r="D43956" s="1" t="s">
        <v>149755</v>
      </c>
      <c r="E43956" s="1" t="s">
        <v>149756</v>
      </c>
      <c r="F43956" s="1" t="s">
        <v>149757</v>
      </c>
      <c r="G43956" s="1" t="s">
        <v>149649</v>
      </c>
      <c r="H43956" s="1" t="s">
        <v>149650</v>
      </c>
      <c r="I43956" s="1" t="s">
        <v>149424</v>
      </c>
      <c r="J43956" s="1" t="s">
        <v>149758</v>
      </c>
    </row>
    <row r="43957" spans="1:10" x14ac:dyDescent="0.35">
      <c r="A43957" s="1" t="s">
        <v>5525</v>
      </c>
      <c r="B43957" s="1" t="s">
        <v>149418</v>
      </c>
      <c r="C43957" s="1" t="s">
        <v>170</v>
      </c>
      <c r="D43957" s="1" t="s">
        <v>81650</v>
      </c>
      <c r="E43957" s="1" t="s">
        <v>149759</v>
      </c>
      <c r="F43957" s="1" t="s">
        <v>149760</v>
      </c>
      <c r="G43957" s="1" t="s">
        <v>149649</v>
      </c>
      <c r="H43957" s="1" t="s">
        <v>149650</v>
      </c>
      <c r="I43957" s="1" t="s">
        <v>149424</v>
      </c>
      <c r="J43957" s="1" t="s">
        <v>149761</v>
      </c>
    </row>
    <row r="43958" spans="1:10" x14ac:dyDescent="0.35">
      <c r="A43958" s="1" t="s">
        <v>5527</v>
      </c>
      <c r="B43958" s="1" t="s">
        <v>149418</v>
      </c>
      <c r="C43958" s="1" t="s">
        <v>8</v>
      </c>
      <c r="D43958" s="1" t="s">
        <v>149762</v>
      </c>
      <c r="E43958" s="1" t="s">
        <v>149763</v>
      </c>
      <c r="F43958" s="1" t="s">
        <v>149764</v>
      </c>
      <c r="G43958" s="1" t="s">
        <v>149765</v>
      </c>
      <c r="H43958" s="1" t="s">
        <v>149766</v>
      </c>
      <c r="I43958" s="1" t="s">
        <v>149424</v>
      </c>
      <c r="J43958" s="1" t="s">
        <v>13</v>
      </c>
    </row>
    <row r="43959" spans="1:10" x14ac:dyDescent="0.35">
      <c r="A43959" s="1" t="s">
        <v>5527</v>
      </c>
      <c r="B43959" s="1" t="s">
        <v>149418</v>
      </c>
      <c r="C43959" s="1" t="s">
        <v>15</v>
      </c>
      <c r="D43959" s="1" t="s">
        <v>42146</v>
      </c>
      <c r="E43959" s="1" t="s">
        <v>149767</v>
      </c>
      <c r="F43959" s="1" t="s">
        <v>149768</v>
      </c>
      <c r="G43959" s="1" t="s">
        <v>149765</v>
      </c>
      <c r="H43959" s="1" t="s">
        <v>149766</v>
      </c>
      <c r="I43959" s="1" t="s">
        <v>149424</v>
      </c>
      <c r="J43959" s="1" t="s">
        <v>149769</v>
      </c>
    </row>
    <row r="43960" spans="1:10" x14ac:dyDescent="0.35">
      <c r="A43960" s="1" t="s">
        <v>5527</v>
      </c>
      <c r="B43960" s="1" t="s">
        <v>149418</v>
      </c>
      <c r="C43960" s="1" t="s">
        <v>20</v>
      </c>
      <c r="D43960" s="1" t="s">
        <v>149770</v>
      </c>
      <c r="E43960" s="1" t="s">
        <v>149771</v>
      </c>
      <c r="F43960" s="1" t="s">
        <v>149772</v>
      </c>
      <c r="G43960" s="1" t="s">
        <v>149765</v>
      </c>
      <c r="H43960" s="1" t="s">
        <v>149766</v>
      </c>
      <c r="I43960" s="1" t="s">
        <v>149424</v>
      </c>
      <c r="J43960" s="1" t="s">
        <v>149773</v>
      </c>
    </row>
    <row r="43961" spans="1:10" x14ac:dyDescent="0.35">
      <c r="A43961" s="1" t="s">
        <v>5527</v>
      </c>
      <c r="B43961" s="1" t="s">
        <v>149418</v>
      </c>
      <c r="C43961" s="1" t="s">
        <v>25</v>
      </c>
      <c r="D43961" s="1" t="s">
        <v>36085</v>
      </c>
      <c r="E43961" s="1" t="s">
        <v>149774</v>
      </c>
      <c r="F43961" s="1" t="s">
        <v>149775</v>
      </c>
      <c r="G43961" s="1" t="s">
        <v>149765</v>
      </c>
      <c r="H43961" s="1" t="s">
        <v>149766</v>
      </c>
      <c r="I43961" s="1" t="s">
        <v>149424</v>
      </c>
      <c r="J43961" s="1" t="s">
        <v>149776</v>
      </c>
    </row>
    <row r="43962" spans="1:10" x14ac:dyDescent="0.35">
      <c r="A43962" s="1" t="s">
        <v>5527</v>
      </c>
      <c r="B43962" s="1" t="s">
        <v>149418</v>
      </c>
      <c r="C43962" s="1" t="s">
        <v>30</v>
      </c>
      <c r="D43962" s="1" t="s">
        <v>35632</v>
      </c>
      <c r="E43962" s="1" t="s">
        <v>149777</v>
      </c>
      <c r="F43962" s="1" t="s">
        <v>149778</v>
      </c>
      <c r="G43962" s="1" t="s">
        <v>149765</v>
      </c>
      <c r="H43962" s="1" t="s">
        <v>149766</v>
      </c>
      <c r="I43962" s="1" t="s">
        <v>149424</v>
      </c>
      <c r="J43962" s="1" t="s">
        <v>149779</v>
      </c>
    </row>
    <row r="43963" spans="1:10" x14ac:dyDescent="0.35">
      <c r="A43963" s="1" t="s">
        <v>5527</v>
      </c>
      <c r="B43963" s="1" t="s">
        <v>149418</v>
      </c>
      <c r="C43963" s="1" t="s">
        <v>35</v>
      </c>
      <c r="D43963" s="1" t="s">
        <v>48043</v>
      </c>
      <c r="E43963" s="1" t="s">
        <v>149780</v>
      </c>
      <c r="F43963" s="1" t="s">
        <v>149781</v>
      </c>
      <c r="G43963" s="1" t="s">
        <v>149765</v>
      </c>
      <c r="H43963" s="1" t="s">
        <v>149766</v>
      </c>
      <c r="I43963" s="1" t="s">
        <v>149424</v>
      </c>
      <c r="J43963" s="1" t="s">
        <v>149782</v>
      </c>
    </row>
    <row r="43964" spans="1:10" x14ac:dyDescent="0.35">
      <c r="A43964" s="1" t="s">
        <v>5527</v>
      </c>
      <c r="B43964" s="1" t="s">
        <v>149418</v>
      </c>
      <c r="C43964" s="1" t="s">
        <v>40</v>
      </c>
      <c r="D43964" s="1" t="s">
        <v>4165</v>
      </c>
      <c r="E43964" s="1" t="s">
        <v>149783</v>
      </c>
      <c r="F43964" s="1" t="s">
        <v>149784</v>
      </c>
      <c r="G43964" s="1" t="s">
        <v>149765</v>
      </c>
      <c r="H43964" s="1" t="s">
        <v>149766</v>
      </c>
      <c r="I43964" s="1" t="s">
        <v>149424</v>
      </c>
      <c r="J43964" s="1" t="s">
        <v>149785</v>
      </c>
    </row>
    <row r="43965" spans="1:10" x14ac:dyDescent="0.35">
      <c r="A43965" s="1" t="s">
        <v>5527</v>
      </c>
      <c r="B43965" s="1" t="s">
        <v>149418</v>
      </c>
      <c r="C43965" s="1" t="s">
        <v>45</v>
      </c>
      <c r="D43965" s="1" t="s">
        <v>31584</v>
      </c>
      <c r="E43965" s="1" t="s">
        <v>149786</v>
      </c>
      <c r="F43965" s="1" t="s">
        <v>149787</v>
      </c>
      <c r="G43965" s="1" t="s">
        <v>149765</v>
      </c>
      <c r="H43965" s="1" t="s">
        <v>149766</v>
      </c>
      <c r="I43965" s="1" t="s">
        <v>149424</v>
      </c>
      <c r="J43965" s="1" t="s">
        <v>149788</v>
      </c>
    </row>
    <row r="43966" spans="1:10" x14ac:dyDescent="0.35">
      <c r="A43966" s="1" t="s">
        <v>5527</v>
      </c>
      <c r="B43966" s="1" t="s">
        <v>149418</v>
      </c>
      <c r="C43966" s="1" t="s">
        <v>50</v>
      </c>
      <c r="D43966" s="1" t="s">
        <v>636</v>
      </c>
      <c r="E43966" s="1" t="s">
        <v>149789</v>
      </c>
      <c r="F43966" s="1" t="s">
        <v>149790</v>
      </c>
      <c r="G43966" s="1" t="s">
        <v>149765</v>
      </c>
      <c r="H43966" s="1" t="s">
        <v>149766</v>
      </c>
      <c r="I43966" s="1" t="s">
        <v>149424</v>
      </c>
      <c r="J43966" s="1" t="s">
        <v>149791</v>
      </c>
    </row>
    <row r="43967" spans="1:10" x14ac:dyDescent="0.35">
      <c r="A43967" s="1" t="s">
        <v>5527</v>
      </c>
      <c r="B43967" s="1" t="s">
        <v>149418</v>
      </c>
      <c r="C43967" s="1" t="s">
        <v>55</v>
      </c>
      <c r="D43967" s="1" t="s">
        <v>30983</v>
      </c>
      <c r="E43967" s="1" t="s">
        <v>149792</v>
      </c>
      <c r="F43967" s="1" t="s">
        <v>149793</v>
      </c>
      <c r="G43967" s="1" t="s">
        <v>149765</v>
      </c>
      <c r="H43967" s="1" t="s">
        <v>149766</v>
      </c>
      <c r="I43967" s="1" t="s">
        <v>149424</v>
      </c>
      <c r="J43967" s="1" t="s">
        <v>149794</v>
      </c>
    </row>
    <row r="43968" spans="1:10" x14ac:dyDescent="0.35">
      <c r="A43968" s="1" t="s">
        <v>5527</v>
      </c>
      <c r="B43968" s="1" t="s">
        <v>149418</v>
      </c>
      <c r="C43968" s="1" t="s">
        <v>60</v>
      </c>
      <c r="D43968" s="1" t="s">
        <v>9414</v>
      </c>
      <c r="E43968" s="1" t="s">
        <v>149795</v>
      </c>
      <c r="F43968" s="1" t="s">
        <v>149796</v>
      </c>
      <c r="G43968" s="1" t="s">
        <v>149765</v>
      </c>
      <c r="H43968" s="1" t="s">
        <v>149766</v>
      </c>
      <c r="I43968" s="1" t="s">
        <v>149424</v>
      </c>
      <c r="J43968" s="1" t="s">
        <v>149797</v>
      </c>
    </row>
    <row r="43969" spans="1:10" x14ac:dyDescent="0.35">
      <c r="A43969" s="1" t="s">
        <v>5527</v>
      </c>
      <c r="B43969" s="1" t="s">
        <v>149418</v>
      </c>
      <c r="C43969" s="1" t="s">
        <v>65</v>
      </c>
      <c r="D43969" s="1" t="s">
        <v>36549</v>
      </c>
      <c r="E43969" s="1" t="s">
        <v>149798</v>
      </c>
      <c r="F43969" s="1" t="s">
        <v>149799</v>
      </c>
      <c r="G43969" s="1" t="s">
        <v>149765</v>
      </c>
      <c r="H43969" s="1" t="s">
        <v>149766</v>
      </c>
      <c r="I43969" s="1" t="s">
        <v>149424</v>
      </c>
      <c r="J43969" s="1" t="s">
        <v>149800</v>
      </c>
    </row>
    <row r="43970" spans="1:10" x14ac:dyDescent="0.35">
      <c r="A43970" s="1" t="s">
        <v>5527</v>
      </c>
      <c r="B43970" s="1" t="s">
        <v>149418</v>
      </c>
      <c r="C43970" s="1" t="s">
        <v>70</v>
      </c>
      <c r="D43970" s="1" t="s">
        <v>149801</v>
      </c>
      <c r="E43970" s="1" t="s">
        <v>149802</v>
      </c>
      <c r="F43970" s="1" t="s">
        <v>149803</v>
      </c>
      <c r="G43970" s="1" t="s">
        <v>149765</v>
      </c>
      <c r="H43970" s="1" t="s">
        <v>149766</v>
      </c>
      <c r="I43970" s="1" t="s">
        <v>149424</v>
      </c>
      <c r="J43970" s="1" t="s">
        <v>149804</v>
      </c>
    </row>
    <row r="43971" spans="1:10" x14ac:dyDescent="0.35">
      <c r="A43971" s="1" t="s">
        <v>5527</v>
      </c>
      <c r="B43971" s="1" t="s">
        <v>149418</v>
      </c>
      <c r="C43971" s="1" t="s">
        <v>75</v>
      </c>
      <c r="D43971" s="1" t="s">
        <v>149805</v>
      </c>
      <c r="E43971" s="1" t="s">
        <v>149806</v>
      </c>
      <c r="F43971" s="1" t="s">
        <v>149807</v>
      </c>
      <c r="G43971" s="1" t="s">
        <v>149765</v>
      </c>
      <c r="H43971" s="1" t="s">
        <v>149766</v>
      </c>
      <c r="I43971" s="1" t="s">
        <v>149424</v>
      </c>
      <c r="J43971" s="1" t="s">
        <v>149808</v>
      </c>
    </row>
    <row r="43972" spans="1:10" x14ac:dyDescent="0.35">
      <c r="A43972" s="1" t="s">
        <v>5527</v>
      </c>
      <c r="B43972" s="1" t="s">
        <v>149418</v>
      </c>
      <c r="C43972" s="1" t="s">
        <v>80</v>
      </c>
      <c r="D43972" s="1" t="s">
        <v>147624</v>
      </c>
      <c r="E43972" s="1" t="s">
        <v>149809</v>
      </c>
      <c r="F43972" s="1" t="s">
        <v>149810</v>
      </c>
      <c r="G43972" s="1" t="s">
        <v>149765</v>
      </c>
      <c r="H43972" s="1" t="s">
        <v>149766</v>
      </c>
      <c r="I43972" s="1" t="s">
        <v>149424</v>
      </c>
      <c r="J43972" s="1" t="s">
        <v>149811</v>
      </c>
    </row>
    <row r="43973" spans="1:10" x14ac:dyDescent="0.35">
      <c r="A43973" s="1" t="s">
        <v>5527</v>
      </c>
      <c r="B43973" s="1" t="s">
        <v>149418</v>
      </c>
      <c r="C43973" s="1" t="s">
        <v>85</v>
      </c>
      <c r="D43973" s="1" t="s">
        <v>82678</v>
      </c>
      <c r="E43973" s="1" t="s">
        <v>149812</v>
      </c>
      <c r="F43973" s="1" t="s">
        <v>149813</v>
      </c>
      <c r="G43973" s="1" t="s">
        <v>149765</v>
      </c>
      <c r="H43973" s="1" t="s">
        <v>149766</v>
      </c>
      <c r="I43973" s="1" t="s">
        <v>149424</v>
      </c>
      <c r="J43973" s="1" t="s">
        <v>149814</v>
      </c>
    </row>
    <row r="43974" spans="1:10" x14ac:dyDescent="0.35">
      <c r="A43974" s="1" t="s">
        <v>5527</v>
      </c>
      <c r="B43974" s="1" t="s">
        <v>149418</v>
      </c>
      <c r="C43974" s="1" t="s">
        <v>90</v>
      </c>
      <c r="D43974" s="1" t="s">
        <v>149815</v>
      </c>
      <c r="E43974" s="1" t="s">
        <v>149816</v>
      </c>
      <c r="F43974" s="1" t="s">
        <v>149817</v>
      </c>
      <c r="G43974" s="1" t="s">
        <v>149765</v>
      </c>
      <c r="H43974" s="1" t="s">
        <v>149766</v>
      </c>
      <c r="I43974" s="1" t="s">
        <v>149424</v>
      </c>
      <c r="J43974" s="1" t="s">
        <v>149818</v>
      </c>
    </row>
    <row r="43975" spans="1:10" x14ac:dyDescent="0.35">
      <c r="A43975" s="1" t="s">
        <v>5527</v>
      </c>
      <c r="B43975" s="1" t="s">
        <v>149418</v>
      </c>
      <c r="C43975" s="1" t="s">
        <v>95</v>
      </c>
      <c r="D43975" s="1" t="s">
        <v>149819</v>
      </c>
      <c r="E43975" s="1" t="s">
        <v>149820</v>
      </c>
      <c r="F43975" s="1" t="s">
        <v>149821</v>
      </c>
      <c r="G43975" s="1" t="s">
        <v>149765</v>
      </c>
      <c r="H43975" s="1" t="s">
        <v>149766</v>
      </c>
      <c r="I43975" s="1" t="s">
        <v>149424</v>
      </c>
      <c r="J43975" s="1" t="s">
        <v>149822</v>
      </c>
    </row>
    <row r="43976" spans="1:10" x14ac:dyDescent="0.35">
      <c r="A43976" s="1" t="s">
        <v>5527</v>
      </c>
      <c r="B43976" s="1" t="s">
        <v>149418</v>
      </c>
      <c r="C43976" s="1" t="s">
        <v>100</v>
      </c>
      <c r="D43976" s="1" t="s">
        <v>149823</v>
      </c>
      <c r="E43976" s="1" t="s">
        <v>149824</v>
      </c>
      <c r="F43976" s="1" t="s">
        <v>149825</v>
      </c>
      <c r="G43976" s="1" t="s">
        <v>149765</v>
      </c>
      <c r="H43976" s="1" t="s">
        <v>149766</v>
      </c>
      <c r="I43976" s="1" t="s">
        <v>149424</v>
      </c>
      <c r="J43976" s="1" t="s">
        <v>149826</v>
      </c>
    </row>
    <row r="43977" spans="1:10" x14ac:dyDescent="0.35">
      <c r="A43977" s="1" t="s">
        <v>5527</v>
      </c>
      <c r="B43977" s="1" t="s">
        <v>149418</v>
      </c>
      <c r="C43977" s="1" t="s">
        <v>105</v>
      </c>
      <c r="D43977" s="1" t="s">
        <v>17510</v>
      </c>
      <c r="E43977" s="1" t="s">
        <v>149827</v>
      </c>
      <c r="F43977" s="1" t="s">
        <v>149828</v>
      </c>
      <c r="G43977" s="1" t="s">
        <v>149765</v>
      </c>
      <c r="H43977" s="1" t="s">
        <v>149766</v>
      </c>
      <c r="I43977" s="1" t="s">
        <v>149424</v>
      </c>
      <c r="J43977" s="1" t="s">
        <v>149829</v>
      </c>
    </row>
    <row r="43978" spans="1:10" x14ac:dyDescent="0.35">
      <c r="A43978" s="1" t="s">
        <v>5527</v>
      </c>
      <c r="B43978" s="1" t="s">
        <v>149418</v>
      </c>
      <c r="C43978" s="1" t="s">
        <v>110</v>
      </c>
      <c r="D43978" s="1" t="s">
        <v>74589</v>
      </c>
      <c r="E43978" s="1" t="s">
        <v>149830</v>
      </c>
      <c r="F43978" s="1" t="s">
        <v>149831</v>
      </c>
      <c r="G43978" s="1" t="s">
        <v>149765</v>
      </c>
      <c r="H43978" s="1" t="s">
        <v>149766</v>
      </c>
      <c r="I43978" s="1" t="s">
        <v>149424</v>
      </c>
      <c r="J43978" s="1" t="s">
        <v>149832</v>
      </c>
    </row>
    <row r="43979" spans="1:10" x14ac:dyDescent="0.35">
      <c r="A43979" s="1" t="s">
        <v>5527</v>
      </c>
      <c r="B43979" s="1" t="s">
        <v>149418</v>
      </c>
      <c r="C43979" s="1" t="s">
        <v>115</v>
      </c>
      <c r="D43979" s="1" t="s">
        <v>149833</v>
      </c>
      <c r="E43979" s="1" t="s">
        <v>149834</v>
      </c>
      <c r="F43979" s="1" t="s">
        <v>149835</v>
      </c>
      <c r="G43979" s="1" t="s">
        <v>149765</v>
      </c>
      <c r="H43979" s="1" t="s">
        <v>149766</v>
      </c>
      <c r="I43979" s="1" t="s">
        <v>149424</v>
      </c>
      <c r="J43979" s="1" t="s">
        <v>149836</v>
      </c>
    </row>
    <row r="43980" spans="1:10" x14ac:dyDescent="0.35">
      <c r="A43980" s="1" t="s">
        <v>5527</v>
      </c>
      <c r="B43980" s="1" t="s">
        <v>149418</v>
      </c>
      <c r="C43980" s="1" t="s">
        <v>120</v>
      </c>
      <c r="D43980" s="1" t="s">
        <v>149837</v>
      </c>
      <c r="E43980" s="1" t="s">
        <v>149838</v>
      </c>
      <c r="F43980" s="1" t="s">
        <v>149839</v>
      </c>
      <c r="G43980" s="1" t="s">
        <v>149765</v>
      </c>
      <c r="H43980" s="1" t="s">
        <v>149766</v>
      </c>
      <c r="I43980" s="1" t="s">
        <v>149424</v>
      </c>
      <c r="J43980" s="1" t="s">
        <v>149840</v>
      </c>
    </row>
    <row r="43981" spans="1:10" x14ac:dyDescent="0.35">
      <c r="A43981" s="1" t="s">
        <v>5527</v>
      </c>
      <c r="B43981" s="1" t="s">
        <v>149418</v>
      </c>
      <c r="C43981" s="1" t="s">
        <v>125</v>
      </c>
      <c r="D43981" s="1" t="s">
        <v>149841</v>
      </c>
      <c r="E43981" s="1" t="s">
        <v>149842</v>
      </c>
      <c r="F43981" s="1" t="s">
        <v>149843</v>
      </c>
      <c r="G43981" s="1" t="s">
        <v>149765</v>
      </c>
      <c r="H43981" s="1" t="s">
        <v>149766</v>
      </c>
      <c r="I43981" s="1" t="s">
        <v>149424</v>
      </c>
      <c r="J43981" s="1" t="s">
        <v>149844</v>
      </c>
    </row>
    <row r="43982" spans="1:10" x14ac:dyDescent="0.35">
      <c r="A43982" s="1" t="s">
        <v>5527</v>
      </c>
      <c r="B43982" s="1" t="s">
        <v>149418</v>
      </c>
      <c r="C43982" s="1" t="s">
        <v>130</v>
      </c>
      <c r="D43982" s="1" t="s">
        <v>99189</v>
      </c>
      <c r="E43982" s="1" t="s">
        <v>149845</v>
      </c>
      <c r="F43982" s="1" t="s">
        <v>149846</v>
      </c>
      <c r="G43982" s="1" t="s">
        <v>149765</v>
      </c>
      <c r="H43982" s="1" t="s">
        <v>149766</v>
      </c>
      <c r="I43982" s="1" t="s">
        <v>149424</v>
      </c>
      <c r="J43982" s="1" t="s">
        <v>149847</v>
      </c>
    </row>
    <row r="43983" spans="1:10" x14ac:dyDescent="0.35">
      <c r="A43983" s="1" t="s">
        <v>5527</v>
      </c>
      <c r="B43983" s="1" t="s">
        <v>149418</v>
      </c>
      <c r="C43983" s="1" t="s">
        <v>135</v>
      </c>
      <c r="D43983" s="1" t="s">
        <v>149848</v>
      </c>
      <c r="E43983" s="1" t="s">
        <v>149849</v>
      </c>
      <c r="F43983" s="1" t="s">
        <v>149850</v>
      </c>
      <c r="G43983" s="1" t="s">
        <v>149765</v>
      </c>
      <c r="H43983" s="1" t="s">
        <v>149766</v>
      </c>
      <c r="I43983" s="1" t="s">
        <v>149424</v>
      </c>
      <c r="J43983" s="1" t="s">
        <v>149851</v>
      </c>
    </row>
    <row r="43984" spans="1:10" x14ac:dyDescent="0.35">
      <c r="A43984" s="1" t="s">
        <v>5527</v>
      </c>
      <c r="B43984" s="1" t="s">
        <v>149418</v>
      </c>
      <c r="C43984" s="1" t="s">
        <v>140</v>
      </c>
      <c r="D43984" s="1" t="s">
        <v>98669</v>
      </c>
      <c r="E43984" s="1" t="s">
        <v>149852</v>
      </c>
      <c r="F43984" s="1" t="s">
        <v>149853</v>
      </c>
      <c r="G43984" s="1" t="s">
        <v>149765</v>
      </c>
      <c r="H43984" s="1" t="s">
        <v>149766</v>
      </c>
      <c r="I43984" s="1" t="s">
        <v>149424</v>
      </c>
      <c r="J43984" s="1" t="s">
        <v>149854</v>
      </c>
    </row>
    <row r="43985" spans="1:10" x14ac:dyDescent="0.35">
      <c r="A43985" s="1" t="s">
        <v>5527</v>
      </c>
      <c r="B43985" s="1" t="s">
        <v>149418</v>
      </c>
      <c r="C43985" s="1" t="s">
        <v>145</v>
      </c>
      <c r="D43985" s="1" t="s">
        <v>149855</v>
      </c>
      <c r="E43985" s="1" t="s">
        <v>149856</v>
      </c>
      <c r="F43985" s="1" t="s">
        <v>149857</v>
      </c>
      <c r="G43985" s="1" t="s">
        <v>149765</v>
      </c>
      <c r="H43985" s="1" t="s">
        <v>149766</v>
      </c>
      <c r="I43985" s="1" t="s">
        <v>149424</v>
      </c>
      <c r="J43985" s="1" t="s">
        <v>149858</v>
      </c>
    </row>
    <row r="43986" spans="1:10" x14ac:dyDescent="0.35">
      <c r="A43986" s="1" t="s">
        <v>5527</v>
      </c>
      <c r="B43986" s="1" t="s">
        <v>149418</v>
      </c>
      <c r="C43986" s="1" t="s">
        <v>150</v>
      </c>
      <c r="D43986" s="1" t="s">
        <v>149859</v>
      </c>
      <c r="E43986" s="1" t="s">
        <v>149860</v>
      </c>
      <c r="F43986" s="1" t="s">
        <v>149861</v>
      </c>
      <c r="G43986" s="1" t="s">
        <v>149765</v>
      </c>
      <c r="H43986" s="1" t="s">
        <v>149766</v>
      </c>
      <c r="I43986" s="1" t="s">
        <v>149424</v>
      </c>
      <c r="J43986" s="1" t="s">
        <v>149862</v>
      </c>
    </row>
    <row r="43987" spans="1:10" x14ac:dyDescent="0.35">
      <c r="A43987" s="1" t="s">
        <v>5527</v>
      </c>
      <c r="B43987" s="1" t="s">
        <v>149418</v>
      </c>
      <c r="C43987" s="1" t="s">
        <v>155</v>
      </c>
      <c r="D43987" s="1" t="s">
        <v>149589</v>
      </c>
      <c r="E43987" s="1" t="s">
        <v>149863</v>
      </c>
      <c r="F43987" s="1" t="s">
        <v>149864</v>
      </c>
      <c r="G43987" s="1" t="s">
        <v>149765</v>
      </c>
      <c r="H43987" s="1" t="s">
        <v>149766</v>
      </c>
      <c r="I43987" s="1" t="s">
        <v>149424</v>
      </c>
      <c r="J43987" s="1" t="s">
        <v>149865</v>
      </c>
    </row>
    <row r="43988" spans="1:10" x14ac:dyDescent="0.35">
      <c r="A43988" s="1" t="s">
        <v>5527</v>
      </c>
      <c r="B43988" s="1" t="s">
        <v>149418</v>
      </c>
      <c r="C43988" s="1" t="s">
        <v>160</v>
      </c>
      <c r="D43988" s="1" t="s">
        <v>149866</v>
      </c>
      <c r="E43988" s="1" t="s">
        <v>149867</v>
      </c>
      <c r="F43988" s="1" t="s">
        <v>149868</v>
      </c>
      <c r="G43988" s="1" t="s">
        <v>149765</v>
      </c>
      <c r="H43988" s="1" t="s">
        <v>149766</v>
      </c>
      <c r="I43988" s="1" t="s">
        <v>149424</v>
      </c>
      <c r="J43988" s="1" t="s">
        <v>149869</v>
      </c>
    </row>
    <row r="43989" spans="1:10" x14ac:dyDescent="0.35">
      <c r="A43989" s="1" t="s">
        <v>5527</v>
      </c>
      <c r="B43989" s="1" t="s">
        <v>149418</v>
      </c>
      <c r="C43989" s="1" t="s">
        <v>165</v>
      </c>
      <c r="D43989" s="1" t="s">
        <v>54868</v>
      </c>
      <c r="E43989" s="1" t="s">
        <v>149870</v>
      </c>
      <c r="F43989" s="1" t="s">
        <v>149871</v>
      </c>
      <c r="G43989" s="1" t="s">
        <v>149765</v>
      </c>
      <c r="H43989" s="1" t="s">
        <v>149766</v>
      </c>
      <c r="I43989" s="1" t="s">
        <v>149424</v>
      </c>
      <c r="J43989" s="1" t="s">
        <v>149872</v>
      </c>
    </row>
    <row r="43990" spans="1:10" x14ac:dyDescent="0.35">
      <c r="A43990" s="1" t="s">
        <v>5527</v>
      </c>
      <c r="B43990" s="1" t="s">
        <v>149418</v>
      </c>
      <c r="C43990" s="1" t="s">
        <v>170</v>
      </c>
      <c r="D43990" s="1" t="s">
        <v>76168</v>
      </c>
      <c r="E43990" s="1" t="s">
        <v>149873</v>
      </c>
      <c r="F43990" s="1" t="s">
        <v>149874</v>
      </c>
      <c r="G43990" s="1" t="s">
        <v>149765</v>
      </c>
      <c r="H43990" s="1" t="s">
        <v>149766</v>
      </c>
      <c r="I43990" s="1" t="s">
        <v>149424</v>
      </c>
      <c r="J43990" s="1" t="s">
        <v>149875</v>
      </c>
    </row>
    <row r="43991" spans="1:10" x14ac:dyDescent="0.35">
      <c r="A43991" s="1" t="s">
        <v>25069</v>
      </c>
      <c r="B43991" s="1" t="s">
        <v>149418</v>
      </c>
      <c r="C43991" s="1" t="s">
        <v>8</v>
      </c>
      <c r="D43991" s="1" t="s">
        <v>33635</v>
      </c>
      <c r="E43991" s="1" t="s">
        <v>149876</v>
      </c>
      <c r="F43991" s="1" t="s">
        <v>149877</v>
      </c>
      <c r="G43991" s="1" t="s">
        <v>149878</v>
      </c>
      <c r="H43991" s="1" t="s">
        <v>149879</v>
      </c>
      <c r="I43991" s="1" t="s">
        <v>149424</v>
      </c>
      <c r="J43991" s="1" t="s">
        <v>13</v>
      </c>
    </row>
    <row r="43992" spans="1:10" x14ac:dyDescent="0.35">
      <c r="A43992" s="1" t="s">
        <v>25069</v>
      </c>
      <c r="B43992" s="1" t="s">
        <v>149418</v>
      </c>
      <c r="C43992" s="1" t="s">
        <v>15</v>
      </c>
      <c r="D43992" s="1" t="s">
        <v>38420</v>
      </c>
      <c r="E43992" s="1" t="s">
        <v>149880</v>
      </c>
      <c r="F43992" s="1" t="s">
        <v>149881</v>
      </c>
      <c r="G43992" s="1" t="s">
        <v>149878</v>
      </c>
      <c r="H43992" s="1" t="s">
        <v>149879</v>
      </c>
      <c r="I43992" s="1" t="s">
        <v>149424</v>
      </c>
      <c r="J43992" s="1" t="s">
        <v>149882</v>
      </c>
    </row>
    <row r="43993" spans="1:10" x14ac:dyDescent="0.35">
      <c r="A43993" s="1" t="s">
        <v>25069</v>
      </c>
      <c r="B43993" s="1" t="s">
        <v>149418</v>
      </c>
      <c r="C43993" s="1" t="s">
        <v>20</v>
      </c>
      <c r="D43993" s="1" t="s">
        <v>149883</v>
      </c>
      <c r="E43993" s="1" t="s">
        <v>149884</v>
      </c>
      <c r="F43993" s="1" t="s">
        <v>149885</v>
      </c>
      <c r="G43993" s="1" t="s">
        <v>149878</v>
      </c>
      <c r="H43993" s="1" t="s">
        <v>149879</v>
      </c>
      <c r="I43993" s="1" t="s">
        <v>149424</v>
      </c>
      <c r="J43993" s="1" t="s">
        <v>149886</v>
      </c>
    </row>
    <row r="43994" spans="1:10" x14ac:dyDescent="0.35">
      <c r="A43994" s="1" t="s">
        <v>25069</v>
      </c>
      <c r="B43994" s="1" t="s">
        <v>149418</v>
      </c>
      <c r="C43994" s="1" t="s">
        <v>25</v>
      </c>
      <c r="D43994" s="1" t="s">
        <v>149887</v>
      </c>
      <c r="E43994" s="1" t="s">
        <v>149888</v>
      </c>
      <c r="F43994" s="1" t="s">
        <v>149889</v>
      </c>
      <c r="G43994" s="1" t="s">
        <v>149878</v>
      </c>
      <c r="H43994" s="1" t="s">
        <v>149879</v>
      </c>
      <c r="I43994" s="1" t="s">
        <v>149424</v>
      </c>
      <c r="J43994" s="1" t="s">
        <v>149890</v>
      </c>
    </row>
    <row r="43995" spans="1:10" x14ac:dyDescent="0.35">
      <c r="A43995" s="1" t="s">
        <v>25069</v>
      </c>
      <c r="B43995" s="1" t="s">
        <v>149418</v>
      </c>
      <c r="C43995" s="1" t="s">
        <v>30</v>
      </c>
      <c r="D43995" s="1" t="s">
        <v>73152</v>
      </c>
      <c r="E43995" s="1" t="s">
        <v>149891</v>
      </c>
      <c r="F43995" s="1" t="s">
        <v>149892</v>
      </c>
      <c r="G43995" s="1" t="s">
        <v>149878</v>
      </c>
      <c r="H43995" s="1" t="s">
        <v>149879</v>
      </c>
      <c r="I43995" s="1" t="s">
        <v>149424</v>
      </c>
      <c r="J43995" s="1" t="s">
        <v>149893</v>
      </c>
    </row>
    <row r="43996" spans="1:10" x14ac:dyDescent="0.35">
      <c r="A43996" s="1" t="s">
        <v>25069</v>
      </c>
      <c r="B43996" s="1" t="s">
        <v>149418</v>
      </c>
      <c r="C43996" s="1" t="s">
        <v>35</v>
      </c>
      <c r="D43996" s="1" t="s">
        <v>32136</v>
      </c>
      <c r="E43996" s="1" t="s">
        <v>149894</v>
      </c>
      <c r="F43996" s="1" t="s">
        <v>149895</v>
      </c>
      <c r="G43996" s="1" t="s">
        <v>149878</v>
      </c>
      <c r="H43996" s="1" t="s">
        <v>149879</v>
      </c>
      <c r="I43996" s="1" t="s">
        <v>149424</v>
      </c>
      <c r="J43996" s="1" t="s">
        <v>149896</v>
      </c>
    </row>
    <row r="43997" spans="1:10" x14ac:dyDescent="0.35">
      <c r="A43997" s="1" t="s">
        <v>25069</v>
      </c>
      <c r="B43997" s="1" t="s">
        <v>149418</v>
      </c>
      <c r="C43997" s="1" t="s">
        <v>40</v>
      </c>
      <c r="D43997" s="1" t="s">
        <v>122131</v>
      </c>
      <c r="E43997" s="1" t="s">
        <v>149897</v>
      </c>
      <c r="F43997" s="1" t="s">
        <v>149898</v>
      </c>
      <c r="G43997" s="1" t="s">
        <v>149878</v>
      </c>
      <c r="H43997" s="1" t="s">
        <v>149879</v>
      </c>
      <c r="I43997" s="1" t="s">
        <v>149424</v>
      </c>
      <c r="J43997" s="1" t="s">
        <v>149899</v>
      </c>
    </row>
    <row r="43998" spans="1:10" x14ac:dyDescent="0.35">
      <c r="A43998" s="1" t="s">
        <v>25069</v>
      </c>
      <c r="B43998" s="1" t="s">
        <v>149418</v>
      </c>
      <c r="C43998" s="1" t="s">
        <v>45</v>
      </c>
      <c r="D43998" s="1" t="s">
        <v>46164</v>
      </c>
      <c r="E43998" s="1" t="s">
        <v>149900</v>
      </c>
      <c r="F43998" s="1" t="s">
        <v>149901</v>
      </c>
      <c r="G43998" s="1" t="s">
        <v>149878</v>
      </c>
      <c r="H43998" s="1" t="s">
        <v>149879</v>
      </c>
      <c r="I43998" s="1" t="s">
        <v>149424</v>
      </c>
      <c r="J43998" s="1" t="s">
        <v>149902</v>
      </c>
    </row>
    <row r="43999" spans="1:10" x14ac:dyDescent="0.35">
      <c r="A43999" s="1" t="s">
        <v>25069</v>
      </c>
      <c r="B43999" s="1" t="s">
        <v>149418</v>
      </c>
      <c r="C43999" s="1" t="s">
        <v>50</v>
      </c>
      <c r="D43999" s="1" t="s">
        <v>149903</v>
      </c>
      <c r="E43999" s="1" t="s">
        <v>149904</v>
      </c>
      <c r="F43999" s="1" t="s">
        <v>149905</v>
      </c>
      <c r="G43999" s="1" t="s">
        <v>149878</v>
      </c>
      <c r="H43999" s="1" t="s">
        <v>149879</v>
      </c>
      <c r="I43999" s="1" t="s">
        <v>149424</v>
      </c>
      <c r="J43999" s="1" t="s">
        <v>149906</v>
      </c>
    </row>
    <row r="44000" spans="1:10" x14ac:dyDescent="0.35">
      <c r="A44000" s="1" t="s">
        <v>25069</v>
      </c>
      <c r="B44000" s="1" t="s">
        <v>149418</v>
      </c>
      <c r="C44000" s="1" t="s">
        <v>55</v>
      </c>
      <c r="D44000" s="1" t="s">
        <v>149907</v>
      </c>
      <c r="E44000" s="1" t="s">
        <v>149908</v>
      </c>
      <c r="F44000" s="1" t="s">
        <v>149909</v>
      </c>
      <c r="G44000" s="1" t="s">
        <v>149878</v>
      </c>
      <c r="H44000" s="1" t="s">
        <v>149879</v>
      </c>
      <c r="I44000" s="1" t="s">
        <v>149424</v>
      </c>
      <c r="J44000" s="1" t="s">
        <v>149910</v>
      </c>
    </row>
    <row r="44001" spans="1:10" x14ac:dyDescent="0.35">
      <c r="A44001" s="1" t="s">
        <v>25069</v>
      </c>
      <c r="B44001" s="1" t="s">
        <v>149418</v>
      </c>
      <c r="C44001" s="1" t="s">
        <v>60</v>
      </c>
      <c r="D44001" s="1" t="s">
        <v>18263</v>
      </c>
      <c r="E44001" s="1" t="s">
        <v>149911</v>
      </c>
      <c r="F44001" s="1" t="s">
        <v>149912</v>
      </c>
      <c r="G44001" s="1" t="s">
        <v>149878</v>
      </c>
      <c r="H44001" s="1" t="s">
        <v>149879</v>
      </c>
      <c r="I44001" s="1" t="s">
        <v>149424</v>
      </c>
      <c r="J44001" s="1" t="s">
        <v>149913</v>
      </c>
    </row>
    <row r="44002" spans="1:10" x14ac:dyDescent="0.35">
      <c r="A44002" s="1" t="s">
        <v>25069</v>
      </c>
      <c r="B44002" s="1" t="s">
        <v>149418</v>
      </c>
      <c r="C44002" s="1" t="s">
        <v>65</v>
      </c>
      <c r="D44002" s="1" t="s">
        <v>10594</v>
      </c>
      <c r="E44002" s="1" t="s">
        <v>149914</v>
      </c>
      <c r="F44002" s="1" t="s">
        <v>149915</v>
      </c>
      <c r="G44002" s="1" t="s">
        <v>149878</v>
      </c>
      <c r="H44002" s="1" t="s">
        <v>149879</v>
      </c>
      <c r="I44002" s="1" t="s">
        <v>149424</v>
      </c>
      <c r="J44002" s="1" t="s">
        <v>149916</v>
      </c>
    </row>
    <row r="44003" spans="1:10" x14ac:dyDescent="0.35">
      <c r="A44003" s="1" t="s">
        <v>25069</v>
      </c>
      <c r="B44003" s="1" t="s">
        <v>149418</v>
      </c>
      <c r="C44003" s="1" t="s">
        <v>70</v>
      </c>
      <c r="D44003" s="1" t="s">
        <v>30340</v>
      </c>
      <c r="E44003" s="1" t="s">
        <v>149917</v>
      </c>
      <c r="F44003" s="1" t="s">
        <v>149918</v>
      </c>
      <c r="G44003" s="1" t="s">
        <v>149878</v>
      </c>
      <c r="H44003" s="1" t="s">
        <v>149879</v>
      </c>
      <c r="I44003" s="1" t="s">
        <v>149424</v>
      </c>
      <c r="J44003" s="1" t="s">
        <v>149919</v>
      </c>
    </row>
    <row r="44004" spans="1:10" x14ac:dyDescent="0.35">
      <c r="A44004" s="1" t="s">
        <v>25069</v>
      </c>
      <c r="B44004" s="1" t="s">
        <v>149418</v>
      </c>
      <c r="C44004" s="1" t="s">
        <v>75</v>
      </c>
      <c r="D44004" s="1" t="s">
        <v>13405</v>
      </c>
      <c r="E44004" s="1" t="s">
        <v>149920</v>
      </c>
      <c r="F44004" s="1" t="s">
        <v>149921</v>
      </c>
      <c r="G44004" s="1" t="s">
        <v>149878</v>
      </c>
      <c r="H44004" s="1" t="s">
        <v>149879</v>
      </c>
      <c r="I44004" s="1" t="s">
        <v>149424</v>
      </c>
      <c r="J44004" s="1" t="s">
        <v>149922</v>
      </c>
    </row>
    <row r="44005" spans="1:10" x14ac:dyDescent="0.35">
      <c r="A44005" s="1" t="s">
        <v>25069</v>
      </c>
      <c r="B44005" s="1" t="s">
        <v>149418</v>
      </c>
      <c r="C44005" s="1" t="s">
        <v>80</v>
      </c>
      <c r="D44005" s="1" t="s">
        <v>141920</v>
      </c>
      <c r="E44005" s="1" t="s">
        <v>149923</v>
      </c>
      <c r="F44005" s="1" t="s">
        <v>149924</v>
      </c>
      <c r="G44005" s="1" t="s">
        <v>149878</v>
      </c>
      <c r="H44005" s="1" t="s">
        <v>149879</v>
      </c>
      <c r="I44005" s="1" t="s">
        <v>149424</v>
      </c>
      <c r="J44005" s="1" t="s">
        <v>149925</v>
      </c>
    </row>
    <row r="44006" spans="1:10" x14ac:dyDescent="0.35">
      <c r="A44006" s="1" t="s">
        <v>25069</v>
      </c>
      <c r="B44006" s="1" t="s">
        <v>149418</v>
      </c>
      <c r="C44006" s="1" t="s">
        <v>85</v>
      </c>
      <c r="D44006" s="1" t="s">
        <v>115171</v>
      </c>
      <c r="E44006" s="1" t="s">
        <v>149926</v>
      </c>
      <c r="F44006" s="1" t="s">
        <v>149927</v>
      </c>
      <c r="G44006" s="1" t="s">
        <v>149878</v>
      </c>
      <c r="H44006" s="1" t="s">
        <v>149879</v>
      </c>
      <c r="I44006" s="1" t="s">
        <v>149424</v>
      </c>
      <c r="J44006" s="1" t="s">
        <v>149928</v>
      </c>
    </row>
    <row r="44007" spans="1:10" x14ac:dyDescent="0.35">
      <c r="A44007" s="1" t="s">
        <v>25069</v>
      </c>
      <c r="B44007" s="1" t="s">
        <v>149418</v>
      </c>
      <c r="C44007" s="1" t="s">
        <v>90</v>
      </c>
      <c r="D44007" s="1" t="s">
        <v>37019</v>
      </c>
      <c r="E44007" s="1" t="s">
        <v>149929</v>
      </c>
      <c r="F44007" s="1" t="s">
        <v>149930</v>
      </c>
      <c r="G44007" s="1" t="s">
        <v>149878</v>
      </c>
      <c r="H44007" s="1" t="s">
        <v>149879</v>
      </c>
      <c r="I44007" s="1" t="s">
        <v>149424</v>
      </c>
      <c r="J44007" s="1" t="s">
        <v>149931</v>
      </c>
    </row>
    <row r="44008" spans="1:10" x14ac:dyDescent="0.35">
      <c r="A44008" s="1" t="s">
        <v>25069</v>
      </c>
      <c r="B44008" s="1" t="s">
        <v>149418</v>
      </c>
      <c r="C44008" s="1" t="s">
        <v>95</v>
      </c>
      <c r="D44008" s="1" t="s">
        <v>106363</v>
      </c>
      <c r="E44008" s="1" t="s">
        <v>149932</v>
      </c>
      <c r="F44008" s="1" t="s">
        <v>149933</v>
      </c>
      <c r="G44008" s="1" t="s">
        <v>149878</v>
      </c>
      <c r="H44008" s="1" t="s">
        <v>149879</v>
      </c>
      <c r="I44008" s="1" t="s">
        <v>149424</v>
      </c>
      <c r="J44008" s="1" t="s">
        <v>149934</v>
      </c>
    </row>
    <row r="44009" spans="1:10" x14ac:dyDescent="0.35">
      <c r="A44009" s="1" t="s">
        <v>25069</v>
      </c>
      <c r="B44009" s="1" t="s">
        <v>149418</v>
      </c>
      <c r="C44009" s="1" t="s">
        <v>100</v>
      </c>
      <c r="D44009" s="1" t="s">
        <v>149935</v>
      </c>
      <c r="E44009" s="1" t="s">
        <v>149936</v>
      </c>
      <c r="F44009" s="1" t="s">
        <v>149937</v>
      </c>
      <c r="G44009" s="1" t="s">
        <v>149878</v>
      </c>
      <c r="H44009" s="1" t="s">
        <v>149879</v>
      </c>
      <c r="I44009" s="1" t="s">
        <v>149424</v>
      </c>
      <c r="J44009" s="1" t="s">
        <v>149938</v>
      </c>
    </row>
    <row r="44010" spans="1:10" x14ac:dyDescent="0.35">
      <c r="A44010" s="1" t="s">
        <v>25069</v>
      </c>
      <c r="B44010" s="1" t="s">
        <v>149418</v>
      </c>
      <c r="C44010" s="1" t="s">
        <v>105</v>
      </c>
      <c r="D44010" s="1" t="s">
        <v>149939</v>
      </c>
      <c r="E44010" s="1" t="s">
        <v>149940</v>
      </c>
      <c r="F44010" s="1" t="s">
        <v>149941</v>
      </c>
      <c r="G44010" s="1" t="s">
        <v>149878</v>
      </c>
      <c r="H44010" s="1" t="s">
        <v>149879</v>
      </c>
      <c r="I44010" s="1" t="s">
        <v>149424</v>
      </c>
      <c r="J44010" s="1" t="s">
        <v>149942</v>
      </c>
    </row>
    <row r="44011" spans="1:10" x14ac:dyDescent="0.35">
      <c r="A44011" s="1" t="s">
        <v>25069</v>
      </c>
      <c r="B44011" s="1" t="s">
        <v>149418</v>
      </c>
      <c r="C44011" s="1" t="s">
        <v>110</v>
      </c>
      <c r="D44011" s="1" t="s">
        <v>149943</v>
      </c>
      <c r="E44011" s="1" t="s">
        <v>149944</v>
      </c>
      <c r="F44011" s="1" t="s">
        <v>149945</v>
      </c>
      <c r="G44011" s="1" t="s">
        <v>149878</v>
      </c>
      <c r="H44011" s="1" t="s">
        <v>149879</v>
      </c>
      <c r="I44011" s="1" t="s">
        <v>149424</v>
      </c>
      <c r="J44011" s="1" t="s">
        <v>149946</v>
      </c>
    </row>
    <row r="44012" spans="1:10" x14ac:dyDescent="0.35">
      <c r="A44012" s="1" t="s">
        <v>25069</v>
      </c>
      <c r="B44012" s="1" t="s">
        <v>149418</v>
      </c>
      <c r="C44012" s="1" t="s">
        <v>115</v>
      </c>
      <c r="D44012" s="1" t="s">
        <v>149947</v>
      </c>
      <c r="E44012" s="1" t="s">
        <v>149948</v>
      </c>
      <c r="F44012" s="1" t="s">
        <v>149949</v>
      </c>
      <c r="G44012" s="1" t="s">
        <v>149878</v>
      </c>
      <c r="H44012" s="1" t="s">
        <v>149879</v>
      </c>
      <c r="I44012" s="1" t="s">
        <v>149424</v>
      </c>
      <c r="J44012" s="1" t="s">
        <v>149950</v>
      </c>
    </row>
    <row r="44013" spans="1:10" x14ac:dyDescent="0.35">
      <c r="A44013" s="1" t="s">
        <v>25069</v>
      </c>
      <c r="B44013" s="1" t="s">
        <v>149418</v>
      </c>
      <c r="C44013" s="1" t="s">
        <v>120</v>
      </c>
      <c r="D44013" s="1" t="s">
        <v>67335</v>
      </c>
      <c r="E44013" s="1" t="s">
        <v>149951</v>
      </c>
      <c r="F44013" s="1" t="s">
        <v>149952</v>
      </c>
      <c r="G44013" s="1" t="s">
        <v>149878</v>
      </c>
      <c r="H44013" s="1" t="s">
        <v>149879</v>
      </c>
      <c r="I44013" s="1" t="s">
        <v>149424</v>
      </c>
      <c r="J44013" s="1" t="s">
        <v>149953</v>
      </c>
    </row>
    <row r="44014" spans="1:10" x14ac:dyDescent="0.35">
      <c r="A44014" s="1" t="s">
        <v>25069</v>
      </c>
      <c r="B44014" s="1" t="s">
        <v>149418</v>
      </c>
      <c r="C44014" s="1" t="s">
        <v>125</v>
      </c>
      <c r="D44014" s="1" t="s">
        <v>149954</v>
      </c>
      <c r="E44014" s="1" t="s">
        <v>149955</v>
      </c>
      <c r="F44014" s="1" t="s">
        <v>149956</v>
      </c>
      <c r="G44014" s="1" t="s">
        <v>149878</v>
      </c>
      <c r="H44014" s="1" t="s">
        <v>149879</v>
      </c>
      <c r="I44014" s="1" t="s">
        <v>149424</v>
      </c>
      <c r="J44014" s="1" t="s">
        <v>149957</v>
      </c>
    </row>
    <row r="44015" spans="1:10" x14ac:dyDescent="0.35">
      <c r="A44015" s="1" t="s">
        <v>25069</v>
      </c>
      <c r="B44015" s="1" t="s">
        <v>149418</v>
      </c>
      <c r="C44015" s="1" t="s">
        <v>130</v>
      </c>
      <c r="D44015" s="1" t="s">
        <v>128040</v>
      </c>
      <c r="E44015" s="1" t="s">
        <v>149958</v>
      </c>
      <c r="F44015" s="1" t="s">
        <v>149959</v>
      </c>
      <c r="G44015" s="1" t="s">
        <v>149878</v>
      </c>
      <c r="H44015" s="1" t="s">
        <v>149879</v>
      </c>
      <c r="I44015" s="1" t="s">
        <v>149424</v>
      </c>
      <c r="J44015" s="1" t="s">
        <v>149960</v>
      </c>
    </row>
    <row r="44016" spans="1:10" x14ac:dyDescent="0.35">
      <c r="A44016" s="1" t="s">
        <v>25069</v>
      </c>
      <c r="B44016" s="1" t="s">
        <v>149418</v>
      </c>
      <c r="C44016" s="1" t="s">
        <v>135</v>
      </c>
      <c r="D44016" s="1" t="s">
        <v>127851</v>
      </c>
      <c r="E44016" s="1" t="s">
        <v>149961</v>
      </c>
      <c r="F44016" s="1" t="s">
        <v>149962</v>
      </c>
      <c r="G44016" s="1" t="s">
        <v>149878</v>
      </c>
      <c r="H44016" s="1" t="s">
        <v>149879</v>
      </c>
      <c r="I44016" s="1" t="s">
        <v>149424</v>
      </c>
      <c r="J44016" s="1" t="s">
        <v>149963</v>
      </c>
    </row>
    <row r="44017" spans="1:10" x14ac:dyDescent="0.35">
      <c r="A44017" s="1" t="s">
        <v>25069</v>
      </c>
      <c r="B44017" s="1" t="s">
        <v>149418</v>
      </c>
      <c r="C44017" s="1" t="s">
        <v>140</v>
      </c>
      <c r="D44017" s="1" t="s">
        <v>149964</v>
      </c>
      <c r="E44017" s="1" t="s">
        <v>149965</v>
      </c>
      <c r="F44017" s="1" t="s">
        <v>149966</v>
      </c>
      <c r="G44017" s="1" t="s">
        <v>149878</v>
      </c>
      <c r="H44017" s="1" t="s">
        <v>149879</v>
      </c>
      <c r="I44017" s="1" t="s">
        <v>149424</v>
      </c>
      <c r="J44017" s="1" t="s">
        <v>149967</v>
      </c>
    </row>
    <row r="44018" spans="1:10" x14ac:dyDescent="0.35">
      <c r="A44018" s="1" t="s">
        <v>25069</v>
      </c>
      <c r="B44018" s="1" t="s">
        <v>149418</v>
      </c>
      <c r="C44018" s="1" t="s">
        <v>145</v>
      </c>
      <c r="D44018" s="1" t="s">
        <v>116689</v>
      </c>
      <c r="E44018" s="1" t="s">
        <v>149968</v>
      </c>
      <c r="F44018" s="1" t="s">
        <v>149969</v>
      </c>
      <c r="G44018" s="1" t="s">
        <v>149878</v>
      </c>
      <c r="H44018" s="1" t="s">
        <v>149879</v>
      </c>
      <c r="I44018" s="1" t="s">
        <v>149424</v>
      </c>
      <c r="J44018" s="1" t="s">
        <v>149970</v>
      </c>
    </row>
    <row r="44019" spans="1:10" x14ac:dyDescent="0.35">
      <c r="A44019" s="1" t="s">
        <v>25069</v>
      </c>
      <c r="B44019" s="1" t="s">
        <v>149418</v>
      </c>
      <c r="C44019" s="1" t="s">
        <v>150</v>
      </c>
      <c r="D44019" s="1" t="s">
        <v>106122</v>
      </c>
      <c r="E44019" s="1" t="s">
        <v>149971</v>
      </c>
      <c r="F44019" s="1" t="s">
        <v>149972</v>
      </c>
      <c r="G44019" s="1" t="s">
        <v>149878</v>
      </c>
      <c r="H44019" s="1" t="s">
        <v>149879</v>
      </c>
      <c r="I44019" s="1" t="s">
        <v>149424</v>
      </c>
      <c r="J44019" s="1" t="s">
        <v>149973</v>
      </c>
    </row>
    <row r="44020" spans="1:10" x14ac:dyDescent="0.35">
      <c r="A44020" s="1" t="s">
        <v>25069</v>
      </c>
      <c r="B44020" s="1" t="s">
        <v>149418</v>
      </c>
      <c r="C44020" s="1" t="s">
        <v>155</v>
      </c>
      <c r="D44020" s="1" t="s">
        <v>66607</v>
      </c>
      <c r="E44020" s="1" t="s">
        <v>149974</v>
      </c>
      <c r="F44020" s="1" t="s">
        <v>149975</v>
      </c>
      <c r="G44020" s="1" t="s">
        <v>149878</v>
      </c>
      <c r="H44020" s="1" t="s">
        <v>149879</v>
      </c>
      <c r="I44020" s="1" t="s">
        <v>149424</v>
      </c>
      <c r="J44020" s="1" t="s">
        <v>149976</v>
      </c>
    </row>
    <row r="44021" spans="1:10" x14ac:dyDescent="0.35">
      <c r="A44021" s="1" t="s">
        <v>25069</v>
      </c>
      <c r="B44021" s="1" t="s">
        <v>149418</v>
      </c>
      <c r="C44021" s="1" t="s">
        <v>160</v>
      </c>
      <c r="D44021" s="1" t="s">
        <v>60093</v>
      </c>
      <c r="E44021" s="1" t="s">
        <v>149977</v>
      </c>
      <c r="F44021" s="1" t="s">
        <v>149978</v>
      </c>
      <c r="G44021" s="1" t="s">
        <v>149878</v>
      </c>
      <c r="H44021" s="1" t="s">
        <v>149879</v>
      </c>
      <c r="I44021" s="1" t="s">
        <v>149424</v>
      </c>
      <c r="J44021" s="1" t="s">
        <v>149979</v>
      </c>
    </row>
    <row r="44022" spans="1:10" x14ac:dyDescent="0.35">
      <c r="A44022" s="1" t="s">
        <v>25069</v>
      </c>
      <c r="B44022" s="1" t="s">
        <v>149418</v>
      </c>
      <c r="C44022" s="1" t="s">
        <v>165</v>
      </c>
      <c r="D44022" s="1" t="s">
        <v>12315</v>
      </c>
      <c r="E44022" s="1" t="s">
        <v>149980</v>
      </c>
      <c r="F44022" s="1" t="s">
        <v>149981</v>
      </c>
      <c r="G44022" s="1" t="s">
        <v>149878</v>
      </c>
      <c r="H44022" s="1" t="s">
        <v>149879</v>
      </c>
      <c r="I44022" s="1" t="s">
        <v>149424</v>
      </c>
      <c r="J44022" s="1" t="s">
        <v>149982</v>
      </c>
    </row>
    <row r="44023" spans="1:10" x14ac:dyDescent="0.35">
      <c r="A44023" s="1" t="s">
        <v>25069</v>
      </c>
      <c r="B44023" s="1" t="s">
        <v>149418</v>
      </c>
      <c r="C44023" s="1" t="s">
        <v>170</v>
      </c>
      <c r="D44023" s="1" t="s">
        <v>132146</v>
      </c>
      <c r="E44023" s="1" t="s">
        <v>149983</v>
      </c>
      <c r="F44023" s="1" t="s">
        <v>149984</v>
      </c>
      <c r="G44023" s="1" t="s">
        <v>149878</v>
      </c>
      <c r="H44023" s="1" t="s">
        <v>149879</v>
      </c>
      <c r="I44023" s="1" t="s">
        <v>149424</v>
      </c>
      <c r="J44023" s="1" t="s">
        <v>149985</v>
      </c>
    </row>
    <row r="44024" spans="1:10" x14ac:dyDescent="0.35">
      <c r="A44024" s="1" t="s">
        <v>29637</v>
      </c>
      <c r="B44024" s="1" t="s">
        <v>149418</v>
      </c>
      <c r="C44024" s="1" t="s">
        <v>8</v>
      </c>
      <c r="D44024" s="1" t="s">
        <v>45896</v>
      </c>
      <c r="E44024" s="1" t="s">
        <v>149986</v>
      </c>
      <c r="F44024" s="1" t="s">
        <v>149987</v>
      </c>
      <c r="G44024" s="1" t="s">
        <v>149988</v>
      </c>
      <c r="H44024" s="1" t="s">
        <v>149989</v>
      </c>
      <c r="I44024" s="1" t="s">
        <v>149424</v>
      </c>
      <c r="J44024" s="1" t="s">
        <v>13</v>
      </c>
    </row>
    <row r="44025" spans="1:10" x14ac:dyDescent="0.35">
      <c r="A44025" s="1" t="s">
        <v>29637</v>
      </c>
      <c r="B44025" s="1" t="s">
        <v>149418</v>
      </c>
      <c r="C44025" s="1" t="s">
        <v>15</v>
      </c>
      <c r="D44025" s="1" t="s">
        <v>35087</v>
      </c>
      <c r="E44025" s="1" t="s">
        <v>149990</v>
      </c>
      <c r="F44025" s="1" t="s">
        <v>149991</v>
      </c>
      <c r="G44025" s="1" t="s">
        <v>149988</v>
      </c>
      <c r="H44025" s="1" t="s">
        <v>149989</v>
      </c>
      <c r="I44025" s="1" t="s">
        <v>149424</v>
      </c>
      <c r="J44025" s="1" t="s">
        <v>149992</v>
      </c>
    </row>
    <row r="44026" spans="1:10" x14ac:dyDescent="0.35">
      <c r="A44026" s="1" t="s">
        <v>29637</v>
      </c>
      <c r="B44026" s="1" t="s">
        <v>149418</v>
      </c>
      <c r="C44026" s="1" t="s">
        <v>20</v>
      </c>
      <c r="D44026" s="1" t="s">
        <v>48654</v>
      </c>
      <c r="E44026" s="1" t="s">
        <v>149993</v>
      </c>
      <c r="F44026" s="1" t="s">
        <v>149994</v>
      </c>
      <c r="G44026" s="1" t="s">
        <v>149988</v>
      </c>
      <c r="H44026" s="1" t="s">
        <v>149989</v>
      </c>
      <c r="I44026" s="1" t="s">
        <v>149424</v>
      </c>
      <c r="J44026" s="1" t="s">
        <v>149995</v>
      </c>
    </row>
    <row r="44027" spans="1:10" x14ac:dyDescent="0.35">
      <c r="A44027" s="1" t="s">
        <v>29637</v>
      </c>
      <c r="B44027" s="1" t="s">
        <v>149418</v>
      </c>
      <c r="C44027" s="1" t="s">
        <v>25</v>
      </c>
      <c r="D44027" s="1" t="s">
        <v>149996</v>
      </c>
      <c r="E44027" s="1" t="s">
        <v>149997</v>
      </c>
      <c r="F44027" s="1" t="s">
        <v>149998</v>
      </c>
      <c r="G44027" s="1" t="s">
        <v>149988</v>
      </c>
      <c r="H44027" s="1" t="s">
        <v>149989</v>
      </c>
      <c r="I44027" s="1" t="s">
        <v>149424</v>
      </c>
      <c r="J44027" s="1" t="s">
        <v>149999</v>
      </c>
    </row>
    <row r="44028" spans="1:10" x14ac:dyDescent="0.35">
      <c r="A44028" s="1" t="s">
        <v>29637</v>
      </c>
      <c r="B44028" s="1" t="s">
        <v>149418</v>
      </c>
      <c r="C44028" s="1" t="s">
        <v>30</v>
      </c>
      <c r="D44028" s="1" t="s">
        <v>123236</v>
      </c>
      <c r="E44028" s="1" t="s">
        <v>150000</v>
      </c>
      <c r="F44028" s="1" t="s">
        <v>150001</v>
      </c>
      <c r="G44028" s="1" t="s">
        <v>149988</v>
      </c>
      <c r="H44028" s="1" t="s">
        <v>149989</v>
      </c>
      <c r="I44028" s="1" t="s">
        <v>149424</v>
      </c>
      <c r="J44028" s="1" t="s">
        <v>150002</v>
      </c>
    </row>
    <row r="44029" spans="1:10" x14ac:dyDescent="0.35">
      <c r="A44029" s="1" t="s">
        <v>29637</v>
      </c>
      <c r="B44029" s="1" t="s">
        <v>149418</v>
      </c>
      <c r="C44029" s="1" t="s">
        <v>35</v>
      </c>
      <c r="D44029" s="1" t="s">
        <v>83605</v>
      </c>
      <c r="E44029" s="1" t="s">
        <v>150003</v>
      </c>
      <c r="F44029" s="1" t="s">
        <v>150004</v>
      </c>
      <c r="G44029" s="1" t="s">
        <v>149988</v>
      </c>
      <c r="H44029" s="1" t="s">
        <v>149989</v>
      </c>
      <c r="I44029" s="1" t="s">
        <v>149424</v>
      </c>
      <c r="J44029" s="1" t="s">
        <v>150005</v>
      </c>
    </row>
    <row r="44030" spans="1:10" x14ac:dyDescent="0.35">
      <c r="A44030" s="1" t="s">
        <v>29637</v>
      </c>
      <c r="B44030" s="1" t="s">
        <v>149418</v>
      </c>
      <c r="C44030" s="1" t="s">
        <v>40</v>
      </c>
      <c r="D44030" s="1" t="s">
        <v>150006</v>
      </c>
      <c r="E44030" s="1" t="s">
        <v>150007</v>
      </c>
      <c r="F44030" s="1" t="s">
        <v>150008</v>
      </c>
      <c r="G44030" s="1" t="s">
        <v>149988</v>
      </c>
      <c r="H44030" s="1" t="s">
        <v>149989</v>
      </c>
      <c r="I44030" s="1" t="s">
        <v>149424</v>
      </c>
      <c r="J44030" s="1" t="s">
        <v>150009</v>
      </c>
    </row>
    <row r="44031" spans="1:10" x14ac:dyDescent="0.35">
      <c r="A44031" s="1" t="s">
        <v>29637</v>
      </c>
      <c r="B44031" s="1" t="s">
        <v>149418</v>
      </c>
      <c r="C44031" s="1" t="s">
        <v>45</v>
      </c>
      <c r="D44031" s="1" t="s">
        <v>150010</v>
      </c>
      <c r="E44031" s="1" t="s">
        <v>150011</v>
      </c>
      <c r="F44031" s="1" t="s">
        <v>150012</v>
      </c>
      <c r="G44031" s="1" t="s">
        <v>149988</v>
      </c>
      <c r="H44031" s="1" t="s">
        <v>149989</v>
      </c>
      <c r="I44031" s="1" t="s">
        <v>149424</v>
      </c>
      <c r="J44031" s="1" t="s">
        <v>150013</v>
      </c>
    </row>
    <row r="44032" spans="1:10" x14ac:dyDescent="0.35">
      <c r="A44032" s="1" t="s">
        <v>29637</v>
      </c>
      <c r="B44032" s="1" t="s">
        <v>149418</v>
      </c>
      <c r="C44032" s="1" t="s">
        <v>50</v>
      </c>
      <c r="D44032" s="1" t="s">
        <v>150014</v>
      </c>
      <c r="E44032" s="1" t="s">
        <v>150015</v>
      </c>
      <c r="F44032" s="1" t="s">
        <v>150016</v>
      </c>
      <c r="G44032" s="1" t="s">
        <v>149988</v>
      </c>
      <c r="H44032" s="1" t="s">
        <v>149989</v>
      </c>
      <c r="I44032" s="1" t="s">
        <v>149424</v>
      </c>
      <c r="J44032" s="1" t="s">
        <v>150017</v>
      </c>
    </row>
    <row r="44033" spans="1:10" x14ac:dyDescent="0.35">
      <c r="A44033" s="1" t="s">
        <v>29637</v>
      </c>
      <c r="B44033" s="1" t="s">
        <v>149418</v>
      </c>
      <c r="C44033" s="1" t="s">
        <v>55</v>
      </c>
      <c r="D44033" s="1" t="s">
        <v>70979</v>
      </c>
      <c r="E44033" s="1" t="s">
        <v>150018</v>
      </c>
      <c r="F44033" s="1" t="s">
        <v>150019</v>
      </c>
      <c r="G44033" s="1" t="s">
        <v>149988</v>
      </c>
      <c r="H44033" s="1" t="s">
        <v>149989</v>
      </c>
      <c r="I44033" s="1" t="s">
        <v>149424</v>
      </c>
      <c r="J44033" s="1" t="s">
        <v>150020</v>
      </c>
    </row>
    <row r="44034" spans="1:10" x14ac:dyDescent="0.35">
      <c r="A44034" s="1" t="s">
        <v>29637</v>
      </c>
      <c r="B44034" s="1" t="s">
        <v>149418</v>
      </c>
      <c r="C44034" s="1" t="s">
        <v>60</v>
      </c>
      <c r="D44034" s="1" t="s">
        <v>15771</v>
      </c>
      <c r="E44034" s="1" t="s">
        <v>150021</v>
      </c>
      <c r="F44034" s="1" t="s">
        <v>150022</v>
      </c>
      <c r="G44034" s="1" t="s">
        <v>149988</v>
      </c>
      <c r="H44034" s="1" t="s">
        <v>149989</v>
      </c>
      <c r="I44034" s="1" t="s">
        <v>149424</v>
      </c>
      <c r="J44034" s="1" t="s">
        <v>150023</v>
      </c>
    </row>
    <row r="44035" spans="1:10" x14ac:dyDescent="0.35">
      <c r="A44035" s="1" t="s">
        <v>29637</v>
      </c>
      <c r="B44035" s="1" t="s">
        <v>149418</v>
      </c>
      <c r="C44035" s="1" t="s">
        <v>65</v>
      </c>
      <c r="D44035" s="1" t="s">
        <v>3116</v>
      </c>
      <c r="E44035" s="1" t="s">
        <v>150024</v>
      </c>
      <c r="F44035" s="1" t="s">
        <v>150025</v>
      </c>
      <c r="G44035" s="1" t="s">
        <v>149988</v>
      </c>
      <c r="H44035" s="1" t="s">
        <v>149989</v>
      </c>
      <c r="I44035" s="1" t="s">
        <v>149424</v>
      </c>
      <c r="J44035" s="1" t="s">
        <v>150026</v>
      </c>
    </row>
    <row r="44036" spans="1:10" x14ac:dyDescent="0.35">
      <c r="A44036" s="1" t="s">
        <v>29637</v>
      </c>
      <c r="B44036" s="1" t="s">
        <v>149418</v>
      </c>
      <c r="C44036" s="1" t="s">
        <v>70</v>
      </c>
      <c r="D44036" s="1" t="s">
        <v>150027</v>
      </c>
      <c r="E44036" s="1" t="s">
        <v>150028</v>
      </c>
      <c r="F44036" s="1" t="s">
        <v>150029</v>
      </c>
      <c r="G44036" s="1" t="s">
        <v>149988</v>
      </c>
      <c r="H44036" s="1" t="s">
        <v>149989</v>
      </c>
      <c r="I44036" s="1" t="s">
        <v>149424</v>
      </c>
      <c r="J44036" s="1" t="s">
        <v>150030</v>
      </c>
    </row>
    <row r="44037" spans="1:10" x14ac:dyDescent="0.35">
      <c r="A44037" s="1" t="s">
        <v>29637</v>
      </c>
      <c r="B44037" s="1" t="s">
        <v>149418</v>
      </c>
      <c r="C44037" s="1" t="s">
        <v>75</v>
      </c>
      <c r="D44037" s="1" t="s">
        <v>125845</v>
      </c>
      <c r="E44037" s="1" t="s">
        <v>150031</v>
      </c>
      <c r="F44037" s="1" t="s">
        <v>150032</v>
      </c>
      <c r="G44037" s="1" t="s">
        <v>149988</v>
      </c>
      <c r="H44037" s="1" t="s">
        <v>149989</v>
      </c>
      <c r="I44037" s="1" t="s">
        <v>149424</v>
      </c>
      <c r="J44037" s="1" t="s">
        <v>150033</v>
      </c>
    </row>
    <row r="44038" spans="1:10" x14ac:dyDescent="0.35">
      <c r="A44038" s="1" t="s">
        <v>29637</v>
      </c>
      <c r="B44038" s="1" t="s">
        <v>149418</v>
      </c>
      <c r="C44038" s="1" t="s">
        <v>80</v>
      </c>
      <c r="D44038" s="1" t="s">
        <v>35861</v>
      </c>
      <c r="E44038" s="1" t="s">
        <v>150034</v>
      </c>
      <c r="F44038" s="1" t="s">
        <v>150035</v>
      </c>
      <c r="G44038" s="1" t="s">
        <v>149988</v>
      </c>
      <c r="H44038" s="1" t="s">
        <v>149989</v>
      </c>
      <c r="I44038" s="1" t="s">
        <v>149424</v>
      </c>
      <c r="J44038" s="1" t="s">
        <v>150036</v>
      </c>
    </row>
    <row r="44039" spans="1:10" x14ac:dyDescent="0.35">
      <c r="A44039" s="1" t="s">
        <v>29637</v>
      </c>
      <c r="B44039" s="1" t="s">
        <v>149418</v>
      </c>
      <c r="C44039" s="1" t="s">
        <v>85</v>
      </c>
      <c r="D44039" s="1" t="s">
        <v>118662</v>
      </c>
      <c r="E44039" s="1" t="s">
        <v>150037</v>
      </c>
      <c r="F44039" s="1" t="s">
        <v>150038</v>
      </c>
      <c r="G44039" s="1" t="s">
        <v>149988</v>
      </c>
      <c r="H44039" s="1" t="s">
        <v>149989</v>
      </c>
      <c r="I44039" s="1" t="s">
        <v>149424</v>
      </c>
      <c r="J44039" s="1" t="s">
        <v>150039</v>
      </c>
    </row>
    <row r="44040" spans="1:10" x14ac:dyDescent="0.35">
      <c r="A44040" s="1" t="s">
        <v>29637</v>
      </c>
      <c r="B44040" s="1" t="s">
        <v>149418</v>
      </c>
      <c r="C44040" s="1" t="s">
        <v>90</v>
      </c>
      <c r="D44040" s="1" t="s">
        <v>150040</v>
      </c>
      <c r="E44040" s="1" t="s">
        <v>150041</v>
      </c>
      <c r="F44040" s="1" t="s">
        <v>150042</v>
      </c>
      <c r="G44040" s="1" t="s">
        <v>149988</v>
      </c>
      <c r="H44040" s="1" t="s">
        <v>149989</v>
      </c>
      <c r="I44040" s="1" t="s">
        <v>149424</v>
      </c>
      <c r="J44040" s="1" t="s">
        <v>150043</v>
      </c>
    </row>
    <row r="44041" spans="1:10" x14ac:dyDescent="0.35">
      <c r="A44041" s="1" t="s">
        <v>29637</v>
      </c>
      <c r="B44041" s="1" t="s">
        <v>149418</v>
      </c>
      <c r="C44041" s="1" t="s">
        <v>95</v>
      </c>
      <c r="D44041" s="1" t="s">
        <v>150044</v>
      </c>
      <c r="E44041" s="1" t="s">
        <v>150045</v>
      </c>
      <c r="F44041" s="1" t="s">
        <v>150046</v>
      </c>
      <c r="G44041" s="1" t="s">
        <v>149988</v>
      </c>
      <c r="H44041" s="1" t="s">
        <v>149989</v>
      </c>
      <c r="I44041" s="1" t="s">
        <v>149424</v>
      </c>
      <c r="J44041" s="1" t="s">
        <v>150047</v>
      </c>
    </row>
    <row r="44042" spans="1:10" x14ac:dyDescent="0.35">
      <c r="A44042" s="1" t="s">
        <v>29637</v>
      </c>
      <c r="B44042" s="1" t="s">
        <v>149418</v>
      </c>
      <c r="C44042" s="1" t="s">
        <v>100</v>
      </c>
      <c r="D44042" s="1" t="s">
        <v>150048</v>
      </c>
      <c r="E44042" s="1" t="s">
        <v>150049</v>
      </c>
      <c r="F44042" s="1" t="s">
        <v>150050</v>
      </c>
      <c r="G44042" s="1" t="s">
        <v>149988</v>
      </c>
      <c r="H44042" s="1" t="s">
        <v>149989</v>
      </c>
      <c r="I44042" s="1" t="s">
        <v>149424</v>
      </c>
      <c r="J44042" s="1" t="s">
        <v>150051</v>
      </c>
    </row>
    <row r="44043" spans="1:10" x14ac:dyDescent="0.35">
      <c r="A44043" s="1" t="s">
        <v>29637</v>
      </c>
      <c r="B44043" s="1" t="s">
        <v>149418</v>
      </c>
      <c r="C44043" s="1" t="s">
        <v>105</v>
      </c>
      <c r="D44043" s="1" t="s">
        <v>150052</v>
      </c>
      <c r="E44043" s="1" t="s">
        <v>150053</v>
      </c>
      <c r="F44043" s="1" t="s">
        <v>150054</v>
      </c>
      <c r="G44043" s="1" t="s">
        <v>149988</v>
      </c>
      <c r="H44043" s="1" t="s">
        <v>149989</v>
      </c>
      <c r="I44043" s="1" t="s">
        <v>149424</v>
      </c>
      <c r="J44043" s="1" t="s">
        <v>150055</v>
      </c>
    </row>
    <row r="44044" spans="1:10" x14ac:dyDescent="0.35">
      <c r="A44044" s="1" t="s">
        <v>29637</v>
      </c>
      <c r="B44044" s="1" t="s">
        <v>149418</v>
      </c>
      <c r="C44044" s="1" t="s">
        <v>110</v>
      </c>
      <c r="D44044" s="1" t="s">
        <v>74745</v>
      </c>
      <c r="E44044" s="1" t="s">
        <v>150056</v>
      </c>
      <c r="F44044" s="1" t="s">
        <v>150057</v>
      </c>
      <c r="G44044" s="1" t="s">
        <v>149988</v>
      </c>
      <c r="H44044" s="1" t="s">
        <v>149989</v>
      </c>
      <c r="I44044" s="1" t="s">
        <v>149424</v>
      </c>
      <c r="J44044" s="1" t="s">
        <v>150058</v>
      </c>
    </row>
    <row r="44045" spans="1:10" x14ac:dyDescent="0.35">
      <c r="A44045" s="1" t="s">
        <v>29637</v>
      </c>
      <c r="B44045" s="1" t="s">
        <v>149418</v>
      </c>
      <c r="C44045" s="1" t="s">
        <v>115</v>
      </c>
      <c r="D44045" s="1" t="s">
        <v>126172</v>
      </c>
      <c r="E44045" s="1" t="s">
        <v>150059</v>
      </c>
      <c r="F44045" s="1" t="s">
        <v>150060</v>
      </c>
      <c r="G44045" s="1" t="s">
        <v>149988</v>
      </c>
      <c r="H44045" s="1" t="s">
        <v>149989</v>
      </c>
      <c r="I44045" s="1" t="s">
        <v>149424</v>
      </c>
      <c r="J44045" s="1" t="s">
        <v>150061</v>
      </c>
    </row>
    <row r="44046" spans="1:10" x14ac:dyDescent="0.35">
      <c r="A44046" s="1" t="s">
        <v>29637</v>
      </c>
      <c r="B44046" s="1" t="s">
        <v>149418</v>
      </c>
      <c r="C44046" s="1" t="s">
        <v>120</v>
      </c>
      <c r="D44046" s="1" t="s">
        <v>17470</v>
      </c>
      <c r="E44046" s="1" t="s">
        <v>150062</v>
      </c>
      <c r="F44046" s="1" t="s">
        <v>150063</v>
      </c>
      <c r="G44046" s="1" t="s">
        <v>149988</v>
      </c>
      <c r="H44046" s="1" t="s">
        <v>149989</v>
      </c>
      <c r="I44046" s="1" t="s">
        <v>149424</v>
      </c>
      <c r="J44046" s="1" t="s">
        <v>150064</v>
      </c>
    </row>
    <row r="44047" spans="1:10" x14ac:dyDescent="0.35">
      <c r="A44047" s="1" t="s">
        <v>29637</v>
      </c>
      <c r="B44047" s="1" t="s">
        <v>149418</v>
      </c>
      <c r="C44047" s="1" t="s">
        <v>125</v>
      </c>
      <c r="D44047" s="1" t="s">
        <v>150065</v>
      </c>
      <c r="E44047" s="1" t="s">
        <v>150066</v>
      </c>
      <c r="F44047" s="1" t="s">
        <v>150067</v>
      </c>
      <c r="G44047" s="1" t="s">
        <v>149988</v>
      </c>
      <c r="H44047" s="1" t="s">
        <v>149989</v>
      </c>
      <c r="I44047" s="1" t="s">
        <v>149424</v>
      </c>
      <c r="J44047" s="1" t="s">
        <v>150068</v>
      </c>
    </row>
    <row r="44048" spans="1:10" x14ac:dyDescent="0.35">
      <c r="A44048" s="1" t="s">
        <v>29637</v>
      </c>
      <c r="B44048" s="1" t="s">
        <v>149418</v>
      </c>
      <c r="C44048" s="1" t="s">
        <v>130</v>
      </c>
      <c r="D44048" s="1" t="s">
        <v>105344</v>
      </c>
      <c r="E44048" s="1" t="s">
        <v>150069</v>
      </c>
      <c r="F44048" s="1" t="s">
        <v>150070</v>
      </c>
      <c r="G44048" s="1" t="s">
        <v>149988</v>
      </c>
      <c r="H44048" s="1" t="s">
        <v>149989</v>
      </c>
      <c r="I44048" s="1" t="s">
        <v>149424</v>
      </c>
      <c r="J44048" s="1" t="s">
        <v>150071</v>
      </c>
    </row>
    <row r="44049" spans="1:10" x14ac:dyDescent="0.35">
      <c r="A44049" s="1" t="s">
        <v>29637</v>
      </c>
      <c r="B44049" s="1" t="s">
        <v>149418</v>
      </c>
      <c r="C44049" s="1" t="s">
        <v>135</v>
      </c>
      <c r="D44049" s="1" t="s">
        <v>149577</v>
      </c>
      <c r="E44049" s="1" t="s">
        <v>150072</v>
      </c>
      <c r="F44049" s="1" t="s">
        <v>150073</v>
      </c>
      <c r="G44049" s="1" t="s">
        <v>149988</v>
      </c>
      <c r="H44049" s="1" t="s">
        <v>149989</v>
      </c>
      <c r="I44049" s="1" t="s">
        <v>149424</v>
      </c>
      <c r="J44049" s="1" t="s">
        <v>150074</v>
      </c>
    </row>
    <row r="44050" spans="1:10" x14ac:dyDescent="0.35">
      <c r="A44050" s="1" t="s">
        <v>29637</v>
      </c>
      <c r="B44050" s="1" t="s">
        <v>149418</v>
      </c>
      <c r="C44050" s="1" t="s">
        <v>140</v>
      </c>
      <c r="D44050" s="1" t="s">
        <v>3264</v>
      </c>
      <c r="E44050" s="1" t="s">
        <v>150075</v>
      </c>
      <c r="F44050" s="1" t="s">
        <v>150076</v>
      </c>
      <c r="G44050" s="1" t="s">
        <v>149988</v>
      </c>
      <c r="H44050" s="1" t="s">
        <v>149989</v>
      </c>
      <c r="I44050" s="1" t="s">
        <v>149424</v>
      </c>
      <c r="J44050" s="1" t="s">
        <v>150077</v>
      </c>
    </row>
    <row r="44051" spans="1:10" x14ac:dyDescent="0.35">
      <c r="A44051" s="1" t="s">
        <v>29637</v>
      </c>
      <c r="B44051" s="1" t="s">
        <v>149418</v>
      </c>
      <c r="C44051" s="1" t="s">
        <v>145</v>
      </c>
      <c r="D44051" s="1" t="s">
        <v>150078</v>
      </c>
      <c r="E44051" s="1" t="s">
        <v>150079</v>
      </c>
      <c r="F44051" s="1" t="s">
        <v>150080</v>
      </c>
      <c r="G44051" s="1" t="s">
        <v>149988</v>
      </c>
      <c r="H44051" s="1" t="s">
        <v>149989</v>
      </c>
      <c r="I44051" s="1" t="s">
        <v>149424</v>
      </c>
      <c r="J44051" s="1" t="s">
        <v>150081</v>
      </c>
    </row>
    <row r="44052" spans="1:10" x14ac:dyDescent="0.35">
      <c r="A44052" s="1" t="s">
        <v>29637</v>
      </c>
      <c r="B44052" s="1" t="s">
        <v>149418</v>
      </c>
      <c r="C44052" s="1" t="s">
        <v>150</v>
      </c>
      <c r="D44052" s="1" t="s">
        <v>150082</v>
      </c>
      <c r="E44052" s="1" t="s">
        <v>150083</v>
      </c>
      <c r="F44052" s="1" t="s">
        <v>150084</v>
      </c>
      <c r="G44052" s="1" t="s">
        <v>149988</v>
      </c>
      <c r="H44052" s="1" t="s">
        <v>149989</v>
      </c>
      <c r="I44052" s="1" t="s">
        <v>149424</v>
      </c>
      <c r="J44052" s="1" t="s">
        <v>150085</v>
      </c>
    </row>
    <row r="44053" spans="1:10" x14ac:dyDescent="0.35">
      <c r="A44053" s="1" t="s">
        <v>29637</v>
      </c>
      <c r="B44053" s="1" t="s">
        <v>149418</v>
      </c>
      <c r="C44053" s="1" t="s">
        <v>155</v>
      </c>
      <c r="D44053" s="1" t="s">
        <v>150086</v>
      </c>
      <c r="E44053" s="1" t="s">
        <v>150087</v>
      </c>
      <c r="F44053" s="1" t="s">
        <v>150088</v>
      </c>
      <c r="G44053" s="1" t="s">
        <v>149988</v>
      </c>
      <c r="H44053" s="1" t="s">
        <v>149989</v>
      </c>
      <c r="I44053" s="1" t="s">
        <v>149424</v>
      </c>
      <c r="J44053" s="1" t="s">
        <v>150089</v>
      </c>
    </row>
    <row r="44054" spans="1:10" x14ac:dyDescent="0.35">
      <c r="A44054" s="1" t="s">
        <v>29637</v>
      </c>
      <c r="B44054" s="1" t="s">
        <v>149418</v>
      </c>
      <c r="C44054" s="1" t="s">
        <v>160</v>
      </c>
      <c r="D44054" s="1" t="s">
        <v>114912</v>
      </c>
      <c r="E44054" s="1" t="s">
        <v>150090</v>
      </c>
      <c r="F44054" s="1" t="s">
        <v>150091</v>
      </c>
      <c r="G44054" s="1" t="s">
        <v>149988</v>
      </c>
      <c r="H44054" s="1" t="s">
        <v>149989</v>
      </c>
      <c r="I44054" s="1" t="s">
        <v>149424</v>
      </c>
      <c r="J44054" s="1" t="s">
        <v>150092</v>
      </c>
    </row>
    <row r="44055" spans="1:10" x14ac:dyDescent="0.35">
      <c r="A44055" s="1" t="s">
        <v>29637</v>
      </c>
      <c r="B44055" s="1" t="s">
        <v>149418</v>
      </c>
      <c r="C44055" s="1" t="s">
        <v>165</v>
      </c>
      <c r="D44055" s="1" t="s">
        <v>134672</v>
      </c>
      <c r="E44055" s="1" t="s">
        <v>150093</v>
      </c>
      <c r="F44055" s="1" t="s">
        <v>150094</v>
      </c>
      <c r="G44055" s="1" t="s">
        <v>149988</v>
      </c>
      <c r="H44055" s="1" t="s">
        <v>149989</v>
      </c>
      <c r="I44055" s="1" t="s">
        <v>149424</v>
      </c>
      <c r="J44055" s="1" t="s">
        <v>150095</v>
      </c>
    </row>
    <row r="44056" spans="1:10" x14ac:dyDescent="0.35">
      <c r="A44056" s="1" t="s">
        <v>29637</v>
      </c>
      <c r="B44056" s="1" t="s">
        <v>149418</v>
      </c>
      <c r="C44056" s="1" t="s">
        <v>170</v>
      </c>
      <c r="D44056" s="1" t="s">
        <v>150096</v>
      </c>
      <c r="E44056" s="1" t="s">
        <v>150097</v>
      </c>
      <c r="F44056" s="1" t="s">
        <v>150098</v>
      </c>
      <c r="G44056" s="1" t="s">
        <v>149988</v>
      </c>
      <c r="H44056" s="1" t="s">
        <v>149989</v>
      </c>
      <c r="I44056" s="1" t="s">
        <v>149424</v>
      </c>
      <c r="J44056" s="1" t="s">
        <v>150099</v>
      </c>
    </row>
    <row r="44057" spans="1:10" x14ac:dyDescent="0.35">
      <c r="A44057" s="1" t="s">
        <v>28875</v>
      </c>
      <c r="B44057" s="1" t="s">
        <v>149418</v>
      </c>
      <c r="C44057" s="1" t="s">
        <v>8</v>
      </c>
      <c r="D44057" s="1" t="s">
        <v>150100</v>
      </c>
      <c r="E44057" s="1" t="s">
        <v>150101</v>
      </c>
      <c r="F44057" s="1" t="s">
        <v>150102</v>
      </c>
      <c r="G44057" s="1" t="s">
        <v>150103</v>
      </c>
      <c r="H44057" s="1" t="s">
        <v>150104</v>
      </c>
      <c r="I44057" s="1" t="s">
        <v>149424</v>
      </c>
      <c r="J44057" s="1" t="s">
        <v>13</v>
      </c>
    </row>
    <row r="44058" spans="1:10" x14ac:dyDescent="0.35">
      <c r="A44058" s="1" t="s">
        <v>28875</v>
      </c>
      <c r="B44058" s="1" t="s">
        <v>149418</v>
      </c>
      <c r="C44058" s="1" t="s">
        <v>15</v>
      </c>
      <c r="D44058" s="1" t="s">
        <v>150105</v>
      </c>
      <c r="E44058" s="1" t="s">
        <v>150106</v>
      </c>
      <c r="F44058" s="1" t="s">
        <v>150107</v>
      </c>
      <c r="G44058" s="1" t="s">
        <v>150103</v>
      </c>
      <c r="H44058" s="1" t="s">
        <v>150104</v>
      </c>
      <c r="I44058" s="1" t="s">
        <v>149424</v>
      </c>
      <c r="J44058" s="1" t="s">
        <v>150108</v>
      </c>
    </row>
    <row r="44059" spans="1:10" x14ac:dyDescent="0.35">
      <c r="A44059" s="1" t="s">
        <v>28875</v>
      </c>
      <c r="B44059" s="1" t="s">
        <v>149418</v>
      </c>
      <c r="C44059" s="1" t="s">
        <v>20</v>
      </c>
      <c r="D44059" s="1" t="s">
        <v>43918</v>
      </c>
      <c r="E44059" s="1" t="s">
        <v>150109</v>
      </c>
      <c r="F44059" s="1" t="s">
        <v>150110</v>
      </c>
      <c r="G44059" s="1" t="s">
        <v>150103</v>
      </c>
      <c r="H44059" s="1" t="s">
        <v>150104</v>
      </c>
      <c r="I44059" s="1" t="s">
        <v>149424</v>
      </c>
      <c r="J44059" s="1" t="s">
        <v>150111</v>
      </c>
    </row>
    <row r="44060" spans="1:10" x14ac:dyDescent="0.35">
      <c r="A44060" s="1" t="s">
        <v>28875</v>
      </c>
      <c r="B44060" s="1" t="s">
        <v>149418</v>
      </c>
      <c r="C44060" s="1" t="s">
        <v>25</v>
      </c>
      <c r="D44060" s="1" t="s">
        <v>37889</v>
      </c>
      <c r="E44060" s="1" t="s">
        <v>150112</v>
      </c>
      <c r="F44060" s="1" t="s">
        <v>150113</v>
      </c>
      <c r="G44060" s="1" t="s">
        <v>150103</v>
      </c>
      <c r="H44060" s="1" t="s">
        <v>150104</v>
      </c>
      <c r="I44060" s="1" t="s">
        <v>149424</v>
      </c>
      <c r="J44060" s="1" t="s">
        <v>150114</v>
      </c>
    </row>
    <row r="44061" spans="1:10" x14ac:dyDescent="0.35">
      <c r="A44061" s="1" t="s">
        <v>28875</v>
      </c>
      <c r="B44061" s="1" t="s">
        <v>149418</v>
      </c>
      <c r="C44061" s="1" t="s">
        <v>30</v>
      </c>
      <c r="D44061" s="1" t="s">
        <v>30201</v>
      </c>
      <c r="E44061" s="1" t="s">
        <v>150115</v>
      </c>
      <c r="F44061" s="1" t="s">
        <v>150116</v>
      </c>
      <c r="G44061" s="1" t="s">
        <v>150103</v>
      </c>
      <c r="H44061" s="1" t="s">
        <v>150104</v>
      </c>
      <c r="I44061" s="1" t="s">
        <v>149424</v>
      </c>
      <c r="J44061" s="1" t="s">
        <v>150117</v>
      </c>
    </row>
    <row r="44062" spans="1:10" x14ac:dyDescent="0.35">
      <c r="A44062" s="1" t="s">
        <v>28875</v>
      </c>
      <c r="B44062" s="1" t="s">
        <v>149418</v>
      </c>
      <c r="C44062" s="1" t="s">
        <v>35</v>
      </c>
      <c r="D44062" s="1" t="s">
        <v>44820</v>
      </c>
      <c r="E44062" s="1" t="s">
        <v>150118</v>
      </c>
      <c r="F44062" s="1" t="s">
        <v>150119</v>
      </c>
      <c r="G44062" s="1" t="s">
        <v>150103</v>
      </c>
      <c r="H44062" s="1" t="s">
        <v>150104</v>
      </c>
      <c r="I44062" s="1" t="s">
        <v>149424</v>
      </c>
      <c r="J44062" s="1" t="s">
        <v>150120</v>
      </c>
    </row>
    <row r="44063" spans="1:10" x14ac:dyDescent="0.35">
      <c r="A44063" s="1" t="s">
        <v>28875</v>
      </c>
      <c r="B44063" s="1" t="s">
        <v>149418</v>
      </c>
      <c r="C44063" s="1" t="s">
        <v>40</v>
      </c>
      <c r="D44063" s="1" t="s">
        <v>73922</v>
      </c>
      <c r="E44063" s="1" t="s">
        <v>150121</v>
      </c>
      <c r="F44063" s="1" t="s">
        <v>150122</v>
      </c>
      <c r="G44063" s="1" t="s">
        <v>150103</v>
      </c>
      <c r="H44063" s="1" t="s">
        <v>150104</v>
      </c>
      <c r="I44063" s="1" t="s">
        <v>149424</v>
      </c>
      <c r="J44063" s="1" t="s">
        <v>150123</v>
      </c>
    </row>
    <row r="44064" spans="1:10" x14ac:dyDescent="0.35">
      <c r="A44064" s="1" t="s">
        <v>28875</v>
      </c>
      <c r="B44064" s="1" t="s">
        <v>149418</v>
      </c>
      <c r="C44064" s="1" t="s">
        <v>45</v>
      </c>
      <c r="D44064" s="1" t="s">
        <v>150124</v>
      </c>
      <c r="E44064" s="1" t="s">
        <v>150125</v>
      </c>
      <c r="F44064" s="1" t="s">
        <v>150126</v>
      </c>
      <c r="G44064" s="1" t="s">
        <v>150103</v>
      </c>
      <c r="H44064" s="1" t="s">
        <v>150104</v>
      </c>
      <c r="I44064" s="1" t="s">
        <v>149424</v>
      </c>
      <c r="J44064" s="1" t="s">
        <v>150127</v>
      </c>
    </row>
    <row r="44065" spans="1:10" x14ac:dyDescent="0.35">
      <c r="A44065" s="1" t="s">
        <v>28875</v>
      </c>
      <c r="B44065" s="1" t="s">
        <v>149418</v>
      </c>
      <c r="C44065" s="1" t="s">
        <v>50</v>
      </c>
      <c r="D44065" s="1" t="s">
        <v>3152</v>
      </c>
      <c r="E44065" s="1" t="s">
        <v>150128</v>
      </c>
      <c r="F44065" s="1" t="s">
        <v>150129</v>
      </c>
      <c r="G44065" s="1" t="s">
        <v>150103</v>
      </c>
      <c r="H44065" s="1" t="s">
        <v>150104</v>
      </c>
      <c r="I44065" s="1" t="s">
        <v>149424</v>
      </c>
      <c r="J44065" s="1" t="s">
        <v>150130</v>
      </c>
    </row>
    <row r="44066" spans="1:10" x14ac:dyDescent="0.35">
      <c r="A44066" s="1" t="s">
        <v>28875</v>
      </c>
      <c r="B44066" s="1" t="s">
        <v>149418</v>
      </c>
      <c r="C44066" s="1" t="s">
        <v>55</v>
      </c>
      <c r="D44066" s="1" t="s">
        <v>150131</v>
      </c>
      <c r="E44066" s="1" t="s">
        <v>150132</v>
      </c>
      <c r="F44066" s="1" t="s">
        <v>150133</v>
      </c>
      <c r="G44066" s="1" t="s">
        <v>150103</v>
      </c>
      <c r="H44066" s="1" t="s">
        <v>150104</v>
      </c>
      <c r="I44066" s="1" t="s">
        <v>149424</v>
      </c>
      <c r="J44066" s="1" t="s">
        <v>150134</v>
      </c>
    </row>
    <row r="44067" spans="1:10" x14ac:dyDescent="0.35">
      <c r="A44067" s="1" t="s">
        <v>28875</v>
      </c>
      <c r="B44067" s="1" t="s">
        <v>149418</v>
      </c>
      <c r="C44067" s="1" t="s">
        <v>60</v>
      </c>
      <c r="D44067" s="1" t="s">
        <v>150135</v>
      </c>
      <c r="E44067" s="1" t="s">
        <v>150136</v>
      </c>
      <c r="F44067" s="1" t="s">
        <v>150137</v>
      </c>
      <c r="G44067" s="1" t="s">
        <v>150103</v>
      </c>
      <c r="H44067" s="1" t="s">
        <v>150104</v>
      </c>
      <c r="I44067" s="1" t="s">
        <v>149424</v>
      </c>
      <c r="J44067" s="1" t="s">
        <v>150138</v>
      </c>
    </row>
    <row r="44068" spans="1:10" x14ac:dyDescent="0.35">
      <c r="A44068" s="1" t="s">
        <v>28875</v>
      </c>
      <c r="B44068" s="1" t="s">
        <v>149418</v>
      </c>
      <c r="C44068" s="1" t="s">
        <v>65</v>
      </c>
      <c r="D44068" s="1" t="s">
        <v>37923</v>
      </c>
      <c r="E44068" s="1" t="s">
        <v>150139</v>
      </c>
      <c r="F44068" s="1" t="s">
        <v>150140</v>
      </c>
      <c r="G44068" s="1" t="s">
        <v>150103</v>
      </c>
      <c r="H44068" s="1" t="s">
        <v>150104</v>
      </c>
      <c r="I44068" s="1" t="s">
        <v>149424</v>
      </c>
      <c r="J44068" s="1" t="s">
        <v>150141</v>
      </c>
    </row>
    <row r="44069" spans="1:10" x14ac:dyDescent="0.35">
      <c r="A44069" s="1" t="s">
        <v>28875</v>
      </c>
      <c r="B44069" s="1" t="s">
        <v>149418</v>
      </c>
      <c r="C44069" s="1" t="s">
        <v>70</v>
      </c>
      <c r="D44069" s="1" t="s">
        <v>44452</v>
      </c>
      <c r="E44069" s="1" t="s">
        <v>150142</v>
      </c>
      <c r="F44069" s="1" t="s">
        <v>150143</v>
      </c>
      <c r="G44069" s="1" t="s">
        <v>150103</v>
      </c>
      <c r="H44069" s="1" t="s">
        <v>150104</v>
      </c>
      <c r="I44069" s="1" t="s">
        <v>149424</v>
      </c>
      <c r="J44069" s="1" t="s">
        <v>150144</v>
      </c>
    </row>
    <row r="44070" spans="1:10" x14ac:dyDescent="0.35">
      <c r="A44070" s="1" t="s">
        <v>28875</v>
      </c>
      <c r="B44070" s="1" t="s">
        <v>149418</v>
      </c>
      <c r="C44070" s="1" t="s">
        <v>75</v>
      </c>
      <c r="D44070" s="1" t="s">
        <v>150145</v>
      </c>
      <c r="E44070" s="1" t="s">
        <v>150146</v>
      </c>
      <c r="F44070" s="1" t="s">
        <v>150147</v>
      </c>
      <c r="G44070" s="1" t="s">
        <v>150103</v>
      </c>
      <c r="H44070" s="1" t="s">
        <v>150104</v>
      </c>
      <c r="I44070" s="1" t="s">
        <v>149424</v>
      </c>
      <c r="J44070" s="1" t="s">
        <v>150148</v>
      </c>
    </row>
    <row r="44071" spans="1:10" x14ac:dyDescent="0.35">
      <c r="A44071" s="1" t="s">
        <v>28875</v>
      </c>
      <c r="B44071" s="1" t="s">
        <v>149418</v>
      </c>
      <c r="C44071" s="1" t="s">
        <v>80</v>
      </c>
      <c r="D44071" s="1" t="s">
        <v>150149</v>
      </c>
      <c r="E44071" s="1" t="s">
        <v>150150</v>
      </c>
      <c r="F44071" s="1" t="s">
        <v>150151</v>
      </c>
      <c r="G44071" s="1" t="s">
        <v>150103</v>
      </c>
      <c r="H44071" s="1" t="s">
        <v>150104</v>
      </c>
      <c r="I44071" s="1" t="s">
        <v>149424</v>
      </c>
      <c r="J44071" s="1" t="s">
        <v>150152</v>
      </c>
    </row>
    <row r="44072" spans="1:10" x14ac:dyDescent="0.35">
      <c r="A44072" s="1" t="s">
        <v>28875</v>
      </c>
      <c r="B44072" s="1" t="s">
        <v>149418</v>
      </c>
      <c r="C44072" s="1" t="s">
        <v>85</v>
      </c>
      <c r="D44072" s="1" t="s">
        <v>150153</v>
      </c>
      <c r="E44072" s="1" t="s">
        <v>150154</v>
      </c>
      <c r="F44072" s="1" t="s">
        <v>150155</v>
      </c>
      <c r="G44072" s="1" t="s">
        <v>150103</v>
      </c>
      <c r="H44072" s="1" t="s">
        <v>150104</v>
      </c>
      <c r="I44072" s="1" t="s">
        <v>149424</v>
      </c>
      <c r="J44072" s="1" t="s">
        <v>150156</v>
      </c>
    </row>
    <row r="44073" spans="1:10" x14ac:dyDescent="0.35">
      <c r="A44073" s="1" t="s">
        <v>28875</v>
      </c>
      <c r="B44073" s="1" t="s">
        <v>149418</v>
      </c>
      <c r="C44073" s="1" t="s">
        <v>90</v>
      </c>
      <c r="D44073" s="1" t="s">
        <v>10634</v>
      </c>
      <c r="E44073" s="1" t="s">
        <v>150157</v>
      </c>
      <c r="F44073" s="1" t="s">
        <v>150158</v>
      </c>
      <c r="G44073" s="1" t="s">
        <v>150103</v>
      </c>
      <c r="H44073" s="1" t="s">
        <v>150104</v>
      </c>
      <c r="I44073" s="1" t="s">
        <v>149424</v>
      </c>
      <c r="J44073" s="1" t="s">
        <v>150159</v>
      </c>
    </row>
    <row r="44074" spans="1:10" x14ac:dyDescent="0.35">
      <c r="A44074" s="1" t="s">
        <v>28875</v>
      </c>
      <c r="B44074" s="1" t="s">
        <v>149418</v>
      </c>
      <c r="C44074" s="1" t="s">
        <v>95</v>
      </c>
      <c r="D44074" s="1" t="s">
        <v>150160</v>
      </c>
      <c r="E44074" s="1" t="s">
        <v>150161</v>
      </c>
      <c r="F44074" s="1" t="s">
        <v>150162</v>
      </c>
      <c r="G44074" s="1" t="s">
        <v>150103</v>
      </c>
      <c r="H44074" s="1" t="s">
        <v>150104</v>
      </c>
      <c r="I44074" s="1" t="s">
        <v>149424</v>
      </c>
      <c r="J44074" s="1" t="s">
        <v>150163</v>
      </c>
    </row>
    <row r="44075" spans="1:10" x14ac:dyDescent="0.35">
      <c r="A44075" s="1" t="s">
        <v>28875</v>
      </c>
      <c r="B44075" s="1" t="s">
        <v>149418</v>
      </c>
      <c r="C44075" s="1" t="s">
        <v>100</v>
      </c>
      <c r="D44075" s="1" t="s">
        <v>150164</v>
      </c>
      <c r="E44075" s="1" t="s">
        <v>150165</v>
      </c>
      <c r="F44075" s="1" t="s">
        <v>150166</v>
      </c>
      <c r="G44075" s="1" t="s">
        <v>150103</v>
      </c>
      <c r="H44075" s="1" t="s">
        <v>150104</v>
      </c>
      <c r="I44075" s="1" t="s">
        <v>149424</v>
      </c>
      <c r="J44075" s="1" t="s">
        <v>150167</v>
      </c>
    </row>
    <row r="44076" spans="1:10" x14ac:dyDescent="0.35">
      <c r="A44076" s="1" t="s">
        <v>28875</v>
      </c>
      <c r="B44076" s="1" t="s">
        <v>149418</v>
      </c>
      <c r="C44076" s="1" t="s">
        <v>105</v>
      </c>
      <c r="D44076" s="1" t="s">
        <v>150168</v>
      </c>
      <c r="E44076" s="1" t="s">
        <v>150169</v>
      </c>
      <c r="F44076" s="1" t="s">
        <v>150170</v>
      </c>
      <c r="G44076" s="1" t="s">
        <v>150103</v>
      </c>
      <c r="H44076" s="1" t="s">
        <v>150104</v>
      </c>
      <c r="I44076" s="1" t="s">
        <v>149424</v>
      </c>
      <c r="J44076" s="1" t="s">
        <v>150171</v>
      </c>
    </row>
    <row r="44077" spans="1:10" x14ac:dyDescent="0.35">
      <c r="A44077" s="1" t="s">
        <v>28875</v>
      </c>
      <c r="B44077" s="1" t="s">
        <v>149418</v>
      </c>
      <c r="C44077" s="1" t="s">
        <v>110</v>
      </c>
      <c r="D44077" s="1" t="s">
        <v>150172</v>
      </c>
      <c r="E44077" s="1" t="s">
        <v>150173</v>
      </c>
      <c r="F44077" s="1" t="s">
        <v>150174</v>
      </c>
      <c r="G44077" s="1" t="s">
        <v>150103</v>
      </c>
      <c r="H44077" s="1" t="s">
        <v>150104</v>
      </c>
      <c r="I44077" s="1" t="s">
        <v>149424</v>
      </c>
      <c r="J44077" s="1" t="s">
        <v>150175</v>
      </c>
    </row>
    <row r="44078" spans="1:10" x14ac:dyDescent="0.35">
      <c r="A44078" s="1" t="s">
        <v>28875</v>
      </c>
      <c r="B44078" s="1" t="s">
        <v>149418</v>
      </c>
      <c r="C44078" s="1" t="s">
        <v>115</v>
      </c>
      <c r="D44078" s="1" t="s">
        <v>150176</v>
      </c>
      <c r="E44078" s="1" t="s">
        <v>150177</v>
      </c>
      <c r="F44078" s="1" t="s">
        <v>150178</v>
      </c>
      <c r="G44078" s="1" t="s">
        <v>150103</v>
      </c>
      <c r="H44078" s="1" t="s">
        <v>150104</v>
      </c>
      <c r="I44078" s="1" t="s">
        <v>149424</v>
      </c>
      <c r="J44078" s="1" t="s">
        <v>150179</v>
      </c>
    </row>
    <row r="44079" spans="1:10" x14ac:dyDescent="0.35">
      <c r="A44079" s="1" t="s">
        <v>28875</v>
      </c>
      <c r="B44079" s="1" t="s">
        <v>149418</v>
      </c>
      <c r="C44079" s="1" t="s">
        <v>120</v>
      </c>
      <c r="D44079" s="1" t="s">
        <v>128328</v>
      </c>
      <c r="E44079" s="1" t="s">
        <v>150180</v>
      </c>
      <c r="F44079" s="1" t="s">
        <v>150181</v>
      </c>
      <c r="G44079" s="1" t="s">
        <v>150103</v>
      </c>
      <c r="H44079" s="1" t="s">
        <v>150104</v>
      </c>
      <c r="I44079" s="1" t="s">
        <v>149424</v>
      </c>
      <c r="J44079" s="1" t="s">
        <v>150182</v>
      </c>
    </row>
    <row r="44080" spans="1:10" x14ac:dyDescent="0.35">
      <c r="A44080" s="1" t="s">
        <v>28875</v>
      </c>
      <c r="B44080" s="1" t="s">
        <v>149418</v>
      </c>
      <c r="C44080" s="1" t="s">
        <v>125</v>
      </c>
      <c r="D44080" s="1" t="s">
        <v>150183</v>
      </c>
      <c r="E44080" s="1" t="s">
        <v>150184</v>
      </c>
      <c r="F44080" s="1" t="s">
        <v>150185</v>
      </c>
      <c r="G44080" s="1" t="s">
        <v>150103</v>
      </c>
      <c r="H44080" s="1" t="s">
        <v>150104</v>
      </c>
      <c r="I44080" s="1" t="s">
        <v>149424</v>
      </c>
      <c r="J44080" s="1" t="s">
        <v>150186</v>
      </c>
    </row>
    <row r="44081" spans="1:10" x14ac:dyDescent="0.35">
      <c r="A44081" s="1" t="s">
        <v>28875</v>
      </c>
      <c r="B44081" s="1" t="s">
        <v>149418</v>
      </c>
      <c r="C44081" s="1" t="s">
        <v>130</v>
      </c>
      <c r="D44081" s="1" t="s">
        <v>150187</v>
      </c>
      <c r="E44081" s="1" t="s">
        <v>150188</v>
      </c>
      <c r="F44081" s="1" t="s">
        <v>150189</v>
      </c>
      <c r="G44081" s="1" t="s">
        <v>150103</v>
      </c>
      <c r="H44081" s="1" t="s">
        <v>150104</v>
      </c>
      <c r="I44081" s="1" t="s">
        <v>149424</v>
      </c>
      <c r="J44081" s="1" t="s">
        <v>150190</v>
      </c>
    </row>
    <row r="44082" spans="1:10" x14ac:dyDescent="0.35">
      <c r="A44082" s="1" t="s">
        <v>28875</v>
      </c>
      <c r="B44082" s="1" t="s">
        <v>149418</v>
      </c>
      <c r="C44082" s="1" t="s">
        <v>135</v>
      </c>
      <c r="D44082" s="1" t="s">
        <v>52449</v>
      </c>
      <c r="E44082" s="1" t="s">
        <v>150191</v>
      </c>
      <c r="F44082" s="1" t="s">
        <v>150192</v>
      </c>
      <c r="G44082" s="1" t="s">
        <v>150103</v>
      </c>
      <c r="H44082" s="1" t="s">
        <v>150104</v>
      </c>
      <c r="I44082" s="1" t="s">
        <v>149424</v>
      </c>
      <c r="J44082" s="1" t="s">
        <v>150193</v>
      </c>
    </row>
    <row r="44083" spans="1:10" x14ac:dyDescent="0.35">
      <c r="A44083" s="1" t="s">
        <v>28875</v>
      </c>
      <c r="B44083" s="1" t="s">
        <v>149418</v>
      </c>
      <c r="C44083" s="1" t="s">
        <v>140</v>
      </c>
      <c r="D44083" s="1" t="s">
        <v>150194</v>
      </c>
      <c r="E44083" s="1" t="s">
        <v>150195</v>
      </c>
      <c r="F44083" s="1" t="s">
        <v>150196</v>
      </c>
      <c r="G44083" s="1" t="s">
        <v>150103</v>
      </c>
      <c r="H44083" s="1" t="s">
        <v>150104</v>
      </c>
      <c r="I44083" s="1" t="s">
        <v>149424</v>
      </c>
      <c r="J44083" s="1" t="s">
        <v>150197</v>
      </c>
    </row>
    <row r="44084" spans="1:10" x14ac:dyDescent="0.35">
      <c r="A44084" s="1" t="s">
        <v>28875</v>
      </c>
      <c r="B44084" s="1" t="s">
        <v>149418</v>
      </c>
      <c r="C44084" s="1" t="s">
        <v>145</v>
      </c>
      <c r="D44084" s="1" t="s">
        <v>127941</v>
      </c>
      <c r="E44084" s="1" t="s">
        <v>150198</v>
      </c>
      <c r="F44084" s="1" t="s">
        <v>150199</v>
      </c>
      <c r="G44084" s="1" t="s">
        <v>150103</v>
      </c>
      <c r="H44084" s="1" t="s">
        <v>150104</v>
      </c>
      <c r="I44084" s="1" t="s">
        <v>149424</v>
      </c>
      <c r="J44084" s="1" t="s">
        <v>150200</v>
      </c>
    </row>
    <row r="44085" spans="1:10" x14ac:dyDescent="0.35">
      <c r="A44085" s="1" t="s">
        <v>28875</v>
      </c>
      <c r="B44085" s="1" t="s">
        <v>149418</v>
      </c>
      <c r="C44085" s="1" t="s">
        <v>150</v>
      </c>
      <c r="D44085" s="1" t="s">
        <v>78238</v>
      </c>
      <c r="E44085" s="1" t="s">
        <v>150201</v>
      </c>
      <c r="F44085" s="1" t="s">
        <v>150202</v>
      </c>
      <c r="G44085" s="1" t="s">
        <v>150103</v>
      </c>
      <c r="H44085" s="1" t="s">
        <v>150104</v>
      </c>
      <c r="I44085" s="1" t="s">
        <v>149424</v>
      </c>
      <c r="J44085" s="1" t="s">
        <v>150203</v>
      </c>
    </row>
    <row r="44086" spans="1:10" x14ac:dyDescent="0.35">
      <c r="A44086" s="1" t="s">
        <v>28875</v>
      </c>
      <c r="B44086" s="1" t="s">
        <v>149418</v>
      </c>
      <c r="C44086" s="1" t="s">
        <v>155</v>
      </c>
      <c r="D44086" s="1" t="s">
        <v>150204</v>
      </c>
      <c r="E44086" s="1" t="s">
        <v>150205</v>
      </c>
      <c r="F44086" s="1" t="s">
        <v>150206</v>
      </c>
      <c r="G44086" s="1" t="s">
        <v>150103</v>
      </c>
      <c r="H44086" s="1" t="s">
        <v>150104</v>
      </c>
      <c r="I44086" s="1" t="s">
        <v>149424</v>
      </c>
      <c r="J44086" s="1" t="s">
        <v>150207</v>
      </c>
    </row>
    <row r="44087" spans="1:10" x14ac:dyDescent="0.35">
      <c r="A44087" s="1" t="s">
        <v>28875</v>
      </c>
      <c r="B44087" s="1" t="s">
        <v>149418</v>
      </c>
      <c r="C44087" s="1" t="s">
        <v>160</v>
      </c>
      <c r="D44087" s="1" t="s">
        <v>150208</v>
      </c>
      <c r="E44087" s="1" t="s">
        <v>150209</v>
      </c>
      <c r="F44087" s="1" t="s">
        <v>150210</v>
      </c>
      <c r="G44087" s="1" t="s">
        <v>150103</v>
      </c>
      <c r="H44087" s="1" t="s">
        <v>150104</v>
      </c>
      <c r="I44087" s="1" t="s">
        <v>149424</v>
      </c>
      <c r="J44087" s="1" t="s">
        <v>7338</v>
      </c>
    </row>
    <row r="44088" spans="1:10" x14ac:dyDescent="0.35">
      <c r="A44088" s="1" t="s">
        <v>28875</v>
      </c>
      <c r="B44088" s="1" t="s">
        <v>149418</v>
      </c>
      <c r="C44088" s="1" t="s">
        <v>165</v>
      </c>
      <c r="D44088" s="1" t="s">
        <v>108903</v>
      </c>
      <c r="E44088" s="1" t="s">
        <v>150211</v>
      </c>
      <c r="F44088" s="1" t="s">
        <v>150212</v>
      </c>
      <c r="G44088" s="1" t="s">
        <v>150103</v>
      </c>
      <c r="H44088" s="1" t="s">
        <v>150104</v>
      </c>
      <c r="I44088" s="1" t="s">
        <v>149424</v>
      </c>
      <c r="J44088" s="1" t="s">
        <v>150213</v>
      </c>
    </row>
    <row r="44089" spans="1:10" x14ac:dyDescent="0.35">
      <c r="A44089" s="1" t="s">
        <v>28875</v>
      </c>
      <c r="B44089" s="1" t="s">
        <v>149418</v>
      </c>
      <c r="C44089" s="1" t="s">
        <v>170</v>
      </c>
      <c r="D44089" s="1" t="s">
        <v>60778</v>
      </c>
      <c r="E44089" s="1" t="s">
        <v>150214</v>
      </c>
      <c r="F44089" s="1" t="s">
        <v>150215</v>
      </c>
      <c r="G44089" s="1" t="s">
        <v>150103</v>
      </c>
      <c r="H44089" s="1" t="s">
        <v>150104</v>
      </c>
      <c r="I44089" s="1" t="s">
        <v>149424</v>
      </c>
      <c r="J44089" s="1" t="s">
        <v>150216</v>
      </c>
    </row>
    <row r="44090" spans="1:10" x14ac:dyDescent="0.35">
      <c r="A44090" s="1" t="s">
        <v>1193</v>
      </c>
      <c r="B44090" s="1" t="s">
        <v>149418</v>
      </c>
      <c r="C44090" s="1" t="s">
        <v>8</v>
      </c>
      <c r="D44090" s="1" t="s">
        <v>42670</v>
      </c>
      <c r="E44090" s="1" t="s">
        <v>150217</v>
      </c>
      <c r="F44090" s="1" t="s">
        <v>150218</v>
      </c>
      <c r="G44090" s="1" t="s">
        <v>150219</v>
      </c>
      <c r="H44090" s="1" t="s">
        <v>150220</v>
      </c>
      <c r="I44090" s="1" t="s">
        <v>149424</v>
      </c>
      <c r="J44090" s="1" t="s">
        <v>13</v>
      </c>
    </row>
    <row r="44091" spans="1:10" x14ac:dyDescent="0.35">
      <c r="A44091" s="1" t="s">
        <v>1193</v>
      </c>
      <c r="B44091" s="1" t="s">
        <v>149418</v>
      </c>
      <c r="C44091" s="1" t="s">
        <v>15</v>
      </c>
      <c r="D44091" s="1" t="s">
        <v>150221</v>
      </c>
      <c r="E44091" s="1" t="s">
        <v>150222</v>
      </c>
      <c r="F44091" s="1" t="s">
        <v>150223</v>
      </c>
      <c r="G44091" s="1" t="s">
        <v>150219</v>
      </c>
      <c r="H44091" s="1" t="s">
        <v>150220</v>
      </c>
      <c r="I44091" s="1" t="s">
        <v>149424</v>
      </c>
      <c r="J44091" s="1" t="s">
        <v>150224</v>
      </c>
    </row>
    <row r="44092" spans="1:10" x14ac:dyDescent="0.35">
      <c r="A44092" s="1" t="s">
        <v>1193</v>
      </c>
      <c r="B44092" s="1" t="s">
        <v>149418</v>
      </c>
      <c r="C44092" s="1" t="s">
        <v>20</v>
      </c>
      <c r="D44092" s="1" t="s">
        <v>74877</v>
      </c>
      <c r="E44092" s="1" t="s">
        <v>150225</v>
      </c>
      <c r="F44092" s="1" t="s">
        <v>150226</v>
      </c>
      <c r="G44092" s="1" t="s">
        <v>150219</v>
      </c>
      <c r="H44092" s="1" t="s">
        <v>150220</v>
      </c>
      <c r="I44092" s="1" t="s">
        <v>149424</v>
      </c>
      <c r="J44092" s="1" t="s">
        <v>150227</v>
      </c>
    </row>
    <row r="44093" spans="1:10" x14ac:dyDescent="0.35">
      <c r="A44093" s="1" t="s">
        <v>1193</v>
      </c>
      <c r="B44093" s="1" t="s">
        <v>149418</v>
      </c>
      <c r="C44093" s="1" t="s">
        <v>25</v>
      </c>
      <c r="D44093" s="1" t="s">
        <v>150228</v>
      </c>
      <c r="E44093" s="1" t="s">
        <v>150229</v>
      </c>
      <c r="F44093" s="1" t="s">
        <v>150230</v>
      </c>
      <c r="G44093" s="1" t="s">
        <v>150219</v>
      </c>
      <c r="H44093" s="1" t="s">
        <v>150220</v>
      </c>
      <c r="I44093" s="1" t="s">
        <v>149424</v>
      </c>
      <c r="J44093" s="1" t="s">
        <v>150231</v>
      </c>
    </row>
    <row r="44094" spans="1:10" x14ac:dyDescent="0.35">
      <c r="A44094" s="1" t="s">
        <v>1193</v>
      </c>
      <c r="B44094" s="1" t="s">
        <v>149418</v>
      </c>
      <c r="C44094" s="1" t="s">
        <v>30</v>
      </c>
      <c r="D44094" s="1" t="s">
        <v>150232</v>
      </c>
      <c r="E44094" s="1" t="s">
        <v>150233</v>
      </c>
      <c r="F44094" s="1" t="s">
        <v>150234</v>
      </c>
      <c r="G44094" s="1" t="s">
        <v>150219</v>
      </c>
      <c r="H44094" s="1" t="s">
        <v>150220</v>
      </c>
      <c r="I44094" s="1" t="s">
        <v>149424</v>
      </c>
      <c r="J44094" s="1" t="s">
        <v>150235</v>
      </c>
    </row>
    <row r="44095" spans="1:10" x14ac:dyDescent="0.35">
      <c r="A44095" s="1" t="s">
        <v>1193</v>
      </c>
      <c r="B44095" s="1" t="s">
        <v>149418</v>
      </c>
      <c r="C44095" s="1" t="s">
        <v>35</v>
      </c>
      <c r="D44095" s="1" t="s">
        <v>15945</v>
      </c>
      <c r="E44095" s="1" t="s">
        <v>150236</v>
      </c>
      <c r="F44095" s="1" t="s">
        <v>150237</v>
      </c>
      <c r="G44095" s="1" t="s">
        <v>150219</v>
      </c>
      <c r="H44095" s="1" t="s">
        <v>150220</v>
      </c>
      <c r="I44095" s="1" t="s">
        <v>149424</v>
      </c>
      <c r="J44095" s="1" t="s">
        <v>150238</v>
      </c>
    </row>
    <row r="44096" spans="1:10" x14ac:dyDescent="0.35">
      <c r="A44096" s="1" t="s">
        <v>1193</v>
      </c>
      <c r="B44096" s="1" t="s">
        <v>149418</v>
      </c>
      <c r="C44096" s="1" t="s">
        <v>40</v>
      </c>
      <c r="D44096" s="1" t="s">
        <v>150239</v>
      </c>
      <c r="E44096" s="1" t="s">
        <v>150240</v>
      </c>
      <c r="F44096" s="1" t="s">
        <v>150241</v>
      </c>
      <c r="G44096" s="1" t="s">
        <v>150219</v>
      </c>
      <c r="H44096" s="1" t="s">
        <v>150220</v>
      </c>
      <c r="I44096" s="1" t="s">
        <v>149424</v>
      </c>
      <c r="J44096" s="1" t="s">
        <v>150242</v>
      </c>
    </row>
    <row r="44097" spans="1:10" x14ac:dyDescent="0.35">
      <c r="A44097" s="1" t="s">
        <v>1193</v>
      </c>
      <c r="B44097" s="1" t="s">
        <v>149418</v>
      </c>
      <c r="C44097" s="1" t="s">
        <v>45</v>
      </c>
      <c r="D44097" s="1" t="s">
        <v>30376</v>
      </c>
      <c r="E44097" s="1" t="s">
        <v>150243</v>
      </c>
      <c r="F44097" s="1" t="s">
        <v>150244</v>
      </c>
      <c r="G44097" s="1" t="s">
        <v>150219</v>
      </c>
      <c r="H44097" s="1" t="s">
        <v>150220</v>
      </c>
      <c r="I44097" s="1" t="s">
        <v>149424</v>
      </c>
      <c r="J44097" s="1" t="s">
        <v>150245</v>
      </c>
    </row>
    <row r="44098" spans="1:10" x14ac:dyDescent="0.35">
      <c r="A44098" s="1" t="s">
        <v>1193</v>
      </c>
      <c r="B44098" s="1" t="s">
        <v>149418</v>
      </c>
      <c r="C44098" s="1" t="s">
        <v>50</v>
      </c>
      <c r="D44098" s="1" t="s">
        <v>150246</v>
      </c>
      <c r="E44098" s="1" t="s">
        <v>150247</v>
      </c>
      <c r="F44098" s="1" t="s">
        <v>150248</v>
      </c>
      <c r="G44098" s="1" t="s">
        <v>150219</v>
      </c>
      <c r="H44098" s="1" t="s">
        <v>150220</v>
      </c>
      <c r="I44098" s="1" t="s">
        <v>149424</v>
      </c>
      <c r="J44098" s="1" t="s">
        <v>150249</v>
      </c>
    </row>
    <row r="44099" spans="1:10" x14ac:dyDescent="0.35">
      <c r="A44099" s="1" t="s">
        <v>1193</v>
      </c>
      <c r="B44099" s="1" t="s">
        <v>149418</v>
      </c>
      <c r="C44099" s="1" t="s">
        <v>55</v>
      </c>
      <c r="D44099" s="1" t="s">
        <v>36449</v>
      </c>
      <c r="E44099" s="1" t="s">
        <v>150250</v>
      </c>
      <c r="F44099" s="1" t="s">
        <v>150251</v>
      </c>
      <c r="G44099" s="1" t="s">
        <v>150219</v>
      </c>
      <c r="H44099" s="1" t="s">
        <v>150220</v>
      </c>
      <c r="I44099" s="1" t="s">
        <v>149424</v>
      </c>
      <c r="J44099" s="1" t="s">
        <v>150252</v>
      </c>
    </row>
    <row r="44100" spans="1:10" x14ac:dyDescent="0.35">
      <c r="A44100" s="1" t="s">
        <v>1193</v>
      </c>
      <c r="B44100" s="1" t="s">
        <v>149418</v>
      </c>
      <c r="C44100" s="1" t="s">
        <v>60</v>
      </c>
      <c r="D44100" s="1" t="s">
        <v>150253</v>
      </c>
      <c r="E44100" s="1" t="s">
        <v>150254</v>
      </c>
      <c r="F44100" s="1" t="s">
        <v>150255</v>
      </c>
      <c r="G44100" s="1" t="s">
        <v>150219</v>
      </c>
      <c r="H44100" s="1" t="s">
        <v>150220</v>
      </c>
      <c r="I44100" s="1" t="s">
        <v>149424</v>
      </c>
      <c r="J44100" s="1" t="s">
        <v>150256</v>
      </c>
    </row>
    <row r="44101" spans="1:10" x14ac:dyDescent="0.35">
      <c r="A44101" s="1" t="s">
        <v>1193</v>
      </c>
      <c r="B44101" s="1" t="s">
        <v>149418</v>
      </c>
      <c r="C44101" s="1" t="s">
        <v>65</v>
      </c>
      <c r="D44101" s="1" t="s">
        <v>150257</v>
      </c>
      <c r="E44101" s="1" t="s">
        <v>150258</v>
      </c>
      <c r="F44101" s="1" t="s">
        <v>150259</v>
      </c>
      <c r="G44101" s="1" t="s">
        <v>150219</v>
      </c>
      <c r="H44101" s="1" t="s">
        <v>150220</v>
      </c>
      <c r="I44101" s="1" t="s">
        <v>149424</v>
      </c>
      <c r="J44101" s="1" t="s">
        <v>150260</v>
      </c>
    </row>
    <row r="44102" spans="1:10" x14ac:dyDescent="0.35">
      <c r="A44102" s="1" t="s">
        <v>1193</v>
      </c>
      <c r="B44102" s="1" t="s">
        <v>149418</v>
      </c>
      <c r="C44102" s="1" t="s">
        <v>70</v>
      </c>
      <c r="D44102" s="1" t="s">
        <v>147051</v>
      </c>
      <c r="E44102" s="1" t="s">
        <v>150261</v>
      </c>
      <c r="F44102" s="1" t="s">
        <v>150262</v>
      </c>
      <c r="G44102" s="1" t="s">
        <v>150219</v>
      </c>
      <c r="H44102" s="1" t="s">
        <v>150220</v>
      </c>
      <c r="I44102" s="1" t="s">
        <v>149424</v>
      </c>
      <c r="J44102" s="1" t="s">
        <v>150263</v>
      </c>
    </row>
    <row r="44103" spans="1:10" x14ac:dyDescent="0.35">
      <c r="A44103" s="1" t="s">
        <v>1193</v>
      </c>
      <c r="B44103" s="1" t="s">
        <v>149418</v>
      </c>
      <c r="C44103" s="1" t="s">
        <v>75</v>
      </c>
      <c r="D44103" s="1" t="s">
        <v>11067</v>
      </c>
      <c r="E44103" s="1" t="s">
        <v>150264</v>
      </c>
      <c r="F44103" s="1" t="s">
        <v>150265</v>
      </c>
      <c r="G44103" s="1" t="s">
        <v>150219</v>
      </c>
      <c r="H44103" s="1" t="s">
        <v>150220</v>
      </c>
      <c r="I44103" s="1" t="s">
        <v>149424</v>
      </c>
      <c r="J44103" s="1" t="s">
        <v>150266</v>
      </c>
    </row>
    <row r="44104" spans="1:10" x14ac:dyDescent="0.35">
      <c r="A44104" s="1" t="s">
        <v>1193</v>
      </c>
      <c r="B44104" s="1" t="s">
        <v>149418</v>
      </c>
      <c r="C44104" s="1" t="s">
        <v>80</v>
      </c>
      <c r="D44104" s="1" t="s">
        <v>150267</v>
      </c>
      <c r="E44104" s="1" t="s">
        <v>150268</v>
      </c>
      <c r="F44104" s="1" t="s">
        <v>150269</v>
      </c>
      <c r="G44104" s="1" t="s">
        <v>150219</v>
      </c>
      <c r="H44104" s="1" t="s">
        <v>150220</v>
      </c>
      <c r="I44104" s="1" t="s">
        <v>149424</v>
      </c>
      <c r="J44104" s="1" t="s">
        <v>150270</v>
      </c>
    </row>
    <row r="44105" spans="1:10" x14ac:dyDescent="0.35">
      <c r="A44105" s="1" t="s">
        <v>1193</v>
      </c>
      <c r="B44105" s="1" t="s">
        <v>149418</v>
      </c>
      <c r="C44105" s="1" t="s">
        <v>85</v>
      </c>
      <c r="D44105" s="1" t="s">
        <v>150271</v>
      </c>
      <c r="E44105" s="1" t="s">
        <v>150272</v>
      </c>
      <c r="F44105" s="1" t="s">
        <v>150273</v>
      </c>
      <c r="G44105" s="1" t="s">
        <v>150219</v>
      </c>
      <c r="H44105" s="1" t="s">
        <v>150220</v>
      </c>
      <c r="I44105" s="1" t="s">
        <v>149424</v>
      </c>
      <c r="J44105" s="1" t="s">
        <v>150274</v>
      </c>
    </row>
    <row r="44106" spans="1:10" x14ac:dyDescent="0.35">
      <c r="A44106" s="1" t="s">
        <v>1193</v>
      </c>
      <c r="B44106" s="1" t="s">
        <v>149418</v>
      </c>
      <c r="C44106" s="1" t="s">
        <v>90</v>
      </c>
      <c r="D44106" s="1" t="s">
        <v>150275</v>
      </c>
      <c r="E44106" s="1" t="s">
        <v>150276</v>
      </c>
      <c r="F44106" s="1" t="s">
        <v>150277</v>
      </c>
      <c r="G44106" s="1" t="s">
        <v>150219</v>
      </c>
      <c r="H44106" s="1" t="s">
        <v>150220</v>
      </c>
      <c r="I44106" s="1" t="s">
        <v>149424</v>
      </c>
      <c r="J44106" s="1" t="s">
        <v>150278</v>
      </c>
    </row>
    <row r="44107" spans="1:10" x14ac:dyDescent="0.35">
      <c r="A44107" s="1" t="s">
        <v>1193</v>
      </c>
      <c r="B44107" s="1" t="s">
        <v>149418</v>
      </c>
      <c r="C44107" s="1" t="s">
        <v>95</v>
      </c>
      <c r="D44107" s="1" t="s">
        <v>24185</v>
      </c>
      <c r="E44107" s="1" t="s">
        <v>150279</v>
      </c>
      <c r="F44107" s="1" t="s">
        <v>150280</v>
      </c>
      <c r="G44107" s="1" t="s">
        <v>150219</v>
      </c>
      <c r="H44107" s="1" t="s">
        <v>150220</v>
      </c>
      <c r="I44107" s="1" t="s">
        <v>149424</v>
      </c>
      <c r="J44107" s="1" t="s">
        <v>150281</v>
      </c>
    </row>
    <row r="44108" spans="1:10" x14ac:dyDescent="0.35">
      <c r="A44108" s="1" t="s">
        <v>1193</v>
      </c>
      <c r="B44108" s="1" t="s">
        <v>149418</v>
      </c>
      <c r="C44108" s="1" t="s">
        <v>100</v>
      </c>
      <c r="D44108" s="1" t="s">
        <v>150282</v>
      </c>
      <c r="E44108" s="1" t="s">
        <v>150283</v>
      </c>
      <c r="F44108" s="1" t="s">
        <v>150284</v>
      </c>
      <c r="G44108" s="1" t="s">
        <v>150219</v>
      </c>
      <c r="H44108" s="1" t="s">
        <v>150220</v>
      </c>
      <c r="I44108" s="1" t="s">
        <v>149424</v>
      </c>
      <c r="J44108" s="1" t="s">
        <v>150285</v>
      </c>
    </row>
    <row r="44109" spans="1:10" x14ac:dyDescent="0.35">
      <c r="A44109" s="1" t="s">
        <v>1193</v>
      </c>
      <c r="B44109" s="1" t="s">
        <v>149418</v>
      </c>
      <c r="C44109" s="1" t="s">
        <v>105</v>
      </c>
      <c r="D44109" s="1" t="s">
        <v>113146</v>
      </c>
      <c r="E44109" s="1" t="s">
        <v>150286</v>
      </c>
      <c r="F44109" s="1" t="s">
        <v>72143</v>
      </c>
      <c r="G44109" s="1" t="s">
        <v>150219</v>
      </c>
      <c r="H44109" s="1" t="s">
        <v>150220</v>
      </c>
      <c r="I44109" s="1" t="s">
        <v>149424</v>
      </c>
      <c r="J44109" s="1" t="s">
        <v>150287</v>
      </c>
    </row>
    <row r="44110" spans="1:10" x14ac:dyDescent="0.35">
      <c r="A44110" s="1" t="s">
        <v>1193</v>
      </c>
      <c r="B44110" s="1" t="s">
        <v>149418</v>
      </c>
      <c r="C44110" s="1" t="s">
        <v>110</v>
      </c>
      <c r="D44110" s="1" t="s">
        <v>150288</v>
      </c>
      <c r="E44110" s="1" t="s">
        <v>150289</v>
      </c>
      <c r="F44110" s="1" t="s">
        <v>150290</v>
      </c>
      <c r="G44110" s="1" t="s">
        <v>150219</v>
      </c>
      <c r="H44110" s="1" t="s">
        <v>150220</v>
      </c>
      <c r="I44110" s="1" t="s">
        <v>149424</v>
      </c>
      <c r="J44110" s="1" t="s">
        <v>150291</v>
      </c>
    </row>
    <row r="44111" spans="1:10" x14ac:dyDescent="0.35">
      <c r="A44111" s="1" t="s">
        <v>1193</v>
      </c>
      <c r="B44111" s="1" t="s">
        <v>149418</v>
      </c>
      <c r="C44111" s="1" t="s">
        <v>115</v>
      </c>
      <c r="D44111" s="1" t="s">
        <v>50049</v>
      </c>
      <c r="E44111" s="1" t="s">
        <v>150292</v>
      </c>
      <c r="F44111" s="1" t="s">
        <v>150293</v>
      </c>
      <c r="G44111" s="1" t="s">
        <v>150219</v>
      </c>
      <c r="H44111" s="1" t="s">
        <v>150220</v>
      </c>
      <c r="I44111" s="1" t="s">
        <v>149424</v>
      </c>
      <c r="J44111" s="1" t="s">
        <v>150294</v>
      </c>
    </row>
    <row r="44112" spans="1:10" x14ac:dyDescent="0.35">
      <c r="A44112" s="1" t="s">
        <v>1193</v>
      </c>
      <c r="B44112" s="1" t="s">
        <v>149418</v>
      </c>
      <c r="C44112" s="1" t="s">
        <v>120</v>
      </c>
      <c r="D44112" s="1" t="s">
        <v>150295</v>
      </c>
      <c r="E44112" s="1" t="s">
        <v>150296</v>
      </c>
      <c r="F44112" s="1" t="s">
        <v>150297</v>
      </c>
      <c r="G44112" s="1" t="s">
        <v>150219</v>
      </c>
      <c r="H44112" s="1" t="s">
        <v>150220</v>
      </c>
      <c r="I44112" s="1" t="s">
        <v>149424</v>
      </c>
      <c r="J44112" s="1" t="s">
        <v>150298</v>
      </c>
    </row>
    <row r="44113" spans="1:10" x14ac:dyDescent="0.35">
      <c r="A44113" s="1" t="s">
        <v>1193</v>
      </c>
      <c r="B44113" s="1" t="s">
        <v>149418</v>
      </c>
      <c r="C44113" s="1" t="s">
        <v>125</v>
      </c>
      <c r="D44113" s="1" t="s">
        <v>150299</v>
      </c>
      <c r="E44113" s="1" t="s">
        <v>150300</v>
      </c>
      <c r="F44113" s="1" t="s">
        <v>150301</v>
      </c>
      <c r="G44113" s="1" t="s">
        <v>150219</v>
      </c>
      <c r="H44113" s="1" t="s">
        <v>150220</v>
      </c>
      <c r="I44113" s="1" t="s">
        <v>149424</v>
      </c>
      <c r="J44113" s="1" t="s">
        <v>150302</v>
      </c>
    </row>
    <row r="44114" spans="1:10" x14ac:dyDescent="0.35">
      <c r="A44114" s="1" t="s">
        <v>1193</v>
      </c>
      <c r="B44114" s="1" t="s">
        <v>149418</v>
      </c>
      <c r="C44114" s="1" t="s">
        <v>130</v>
      </c>
      <c r="D44114" s="1" t="s">
        <v>80006</v>
      </c>
      <c r="E44114" s="1" t="s">
        <v>150303</v>
      </c>
      <c r="F44114" s="1" t="s">
        <v>150304</v>
      </c>
      <c r="G44114" s="1" t="s">
        <v>150219</v>
      </c>
      <c r="H44114" s="1" t="s">
        <v>150220</v>
      </c>
      <c r="I44114" s="1" t="s">
        <v>149424</v>
      </c>
      <c r="J44114" s="1" t="s">
        <v>150305</v>
      </c>
    </row>
    <row r="44115" spans="1:10" x14ac:dyDescent="0.35">
      <c r="A44115" s="1" t="s">
        <v>1193</v>
      </c>
      <c r="B44115" s="1" t="s">
        <v>149418</v>
      </c>
      <c r="C44115" s="1" t="s">
        <v>135</v>
      </c>
      <c r="D44115" s="1" t="s">
        <v>150306</v>
      </c>
      <c r="E44115" s="1" t="s">
        <v>150307</v>
      </c>
      <c r="F44115" s="1" t="s">
        <v>150308</v>
      </c>
      <c r="G44115" s="1" t="s">
        <v>150219</v>
      </c>
      <c r="H44115" s="1" t="s">
        <v>150220</v>
      </c>
      <c r="I44115" s="1" t="s">
        <v>149424</v>
      </c>
      <c r="J44115" s="1" t="s">
        <v>150309</v>
      </c>
    </row>
    <row r="44116" spans="1:10" x14ac:dyDescent="0.35">
      <c r="A44116" s="1" t="s">
        <v>1193</v>
      </c>
      <c r="B44116" s="1" t="s">
        <v>149418</v>
      </c>
      <c r="C44116" s="1" t="s">
        <v>140</v>
      </c>
      <c r="D44116" s="1" t="s">
        <v>150310</v>
      </c>
      <c r="E44116" s="1" t="s">
        <v>150311</v>
      </c>
      <c r="F44116" s="1" t="s">
        <v>150312</v>
      </c>
      <c r="G44116" s="1" t="s">
        <v>150219</v>
      </c>
      <c r="H44116" s="1" t="s">
        <v>150220</v>
      </c>
      <c r="I44116" s="1" t="s">
        <v>149424</v>
      </c>
      <c r="J44116" s="1" t="s">
        <v>150313</v>
      </c>
    </row>
    <row r="44117" spans="1:10" x14ac:dyDescent="0.35">
      <c r="A44117" s="1" t="s">
        <v>1193</v>
      </c>
      <c r="B44117" s="1" t="s">
        <v>149418</v>
      </c>
      <c r="C44117" s="1" t="s">
        <v>145</v>
      </c>
      <c r="D44117" s="1" t="s">
        <v>150314</v>
      </c>
      <c r="E44117" s="1" t="s">
        <v>150315</v>
      </c>
      <c r="F44117" s="1" t="s">
        <v>150316</v>
      </c>
      <c r="G44117" s="1" t="s">
        <v>150219</v>
      </c>
      <c r="H44117" s="1" t="s">
        <v>150220</v>
      </c>
      <c r="I44117" s="1" t="s">
        <v>149424</v>
      </c>
      <c r="J44117" s="1" t="s">
        <v>150317</v>
      </c>
    </row>
    <row r="44118" spans="1:10" x14ac:dyDescent="0.35">
      <c r="A44118" s="1" t="s">
        <v>1193</v>
      </c>
      <c r="B44118" s="1" t="s">
        <v>149418</v>
      </c>
      <c r="C44118" s="1" t="s">
        <v>150</v>
      </c>
      <c r="D44118" s="1" t="s">
        <v>150318</v>
      </c>
      <c r="E44118" s="1" t="s">
        <v>150319</v>
      </c>
      <c r="F44118" s="1" t="s">
        <v>150320</v>
      </c>
      <c r="G44118" s="1" t="s">
        <v>150219</v>
      </c>
      <c r="H44118" s="1" t="s">
        <v>150220</v>
      </c>
      <c r="I44118" s="1" t="s">
        <v>149424</v>
      </c>
      <c r="J44118" s="1" t="s">
        <v>150321</v>
      </c>
    </row>
    <row r="44119" spans="1:10" x14ac:dyDescent="0.35">
      <c r="A44119" s="1" t="s">
        <v>1193</v>
      </c>
      <c r="B44119" s="1" t="s">
        <v>149418</v>
      </c>
      <c r="C44119" s="1" t="s">
        <v>155</v>
      </c>
      <c r="D44119" s="1" t="s">
        <v>150322</v>
      </c>
      <c r="E44119" s="1" t="s">
        <v>150323</v>
      </c>
      <c r="F44119" s="1" t="s">
        <v>150324</v>
      </c>
      <c r="G44119" s="1" t="s">
        <v>150219</v>
      </c>
      <c r="H44119" s="1" t="s">
        <v>150220</v>
      </c>
      <c r="I44119" s="1" t="s">
        <v>149424</v>
      </c>
      <c r="J44119" s="1" t="s">
        <v>150325</v>
      </c>
    </row>
    <row r="44120" spans="1:10" x14ac:dyDescent="0.35">
      <c r="A44120" s="1" t="s">
        <v>1193</v>
      </c>
      <c r="B44120" s="1" t="s">
        <v>149418</v>
      </c>
      <c r="C44120" s="1" t="s">
        <v>160</v>
      </c>
      <c r="D44120" s="1" t="s">
        <v>150326</v>
      </c>
      <c r="E44120" s="1" t="s">
        <v>150327</v>
      </c>
      <c r="F44120" s="1" t="s">
        <v>150328</v>
      </c>
      <c r="G44120" s="1" t="s">
        <v>150219</v>
      </c>
      <c r="H44120" s="1" t="s">
        <v>150220</v>
      </c>
      <c r="I44120" s="1" t="s">
        <v>149424</v>
      </c>
      <c r="J44120" s="1" t="s">
        <v>150329</v>
      </c>
    </row>
    <row r="44121" spans="1:10" x14ac:dyDescent="0.35">
      <c r="A44121" s="1" t="s">
        <v>1193</v>
      </c>
      <c r="B44121" s="1" t="s">
        <v>149418</v>
      </c>
      <c r="C44121" s="1" t="s">
        <v>165</v>
      </c>
      <c r="D44121" s="1" t="s">
        <v>150330</v>
      </c>
      <c r="E44121" s="1" t="s">
        <v>150331</v>
      </c>
      <c r="F44121" s="1" t="s">
        <v>150332</v>
      </c>
      <c r="G44121" s="1" t="s">
        <v>150219</v>
      </c>
      <c r="H44121" s="1" t="s">
        <v>150220</v>
      </c>
      <c r="I44121" s="1" t="s">
        <v>149424</v>
      </c>
      <c r="J44121" s="1" t="s">
        <v>150333</v>
      </c>
    </row>
    <row r="44122" spans="1:10" x14ac:dyDescent="0.35">
      <c r="A44122" s="1" t="s">
        <v>1193</v>
      </c>
      <c r="B44122" s="1" t="s">
        <v>149418</v>
      </c>
      <c r="C44122" s="1" t="s">
        <v>170</v>
      </c>
      <c r="D44122" s="1" t="s">
        <v>150334</v>
      </c>
      <c r="E44122" s="1" t="s">
        <v>150335</v>
      </c>
      <c r="F44122" s="1" t="s">
        <v>150336</v>
      </c>
      <c r="G44122" s="1" t="s">
        <v>150219</v>
      </c>
      <c r="H44122" s="1" t="s">
        <v>150220</v>
      </c>
      <c r="I44122" s="1" t="s">
        <v>149424</v>
      </c>
      <c r="J44122" s="1" t="s">
        <v>150337</v>
      </c>
    </row>
    <row r="44123" spans="1:10" x14ac:dyDescent="0.35">
      <c r="A44123" s="1" t="s">
        <v>117452</v>
      </c>
      <c r="B44123" s="1" t="s">
        <v>149418</v>
      </c>
      <c r="C44123" s="1" t="s">
        <v>8</v>
      </c>
      <c r="D44123" s="1" t="s">
        <v>108935</v>
      </c>
      <c r="E44123" s="1" t="s">
        <v>150338</v>
      </c>
      <c r="F44123" s="1" t="s">
        <v>150339</v>
      </c>
      <c r="G44123" s="1" t="s">
        <v>150340</v>
      </c>
      <c r="H44123" s="1" t="s">
        <v>150341</v>
      </c>
      <c r="I44123" s="1" t="s">
        <v>149424</v>
      </c>
      <c r="J44123" s="1" t="s">
        <v>13</v>
      </c>
    </row>
    <row r="44124" spans="1:10" x14ac:dyDescent="0.35">
      <c r="A44124" s="1" t="s">
        <v>117452</v>
      </c>
      <c r="B44124" s="1" t="s">
        <v>149418</v>
      </c>
      <c r="C44124" s="1" t="s">
        <v>15</v>
      </c>
      <c r="D44124" s="1" t="s">
        <v>150342</v>
      </c>
      <c r="E44124" s="1" t="s">
        <v>150343</v>
      </c>
      <c r="F44124" s="1" t="s">
        <v>150344</v>
      </c>
      <c r="G44124" s="1" t="s">
        <v>150340</v>
      </c>
      <c r="H44124" s="1" t="s">
        <v>150341</v>
      </c>
      <c r="I44124" s="1" t="s">
        <v>149424</v>
      </c>
      <c r="J44124" s="1" t="s">
        <v>150345</v>
      </c>
    </row>
    <row r="44125" spans="1:10" x14ac:dyDescent="0.35">
      <c r="A44125" s="1" t="s">
        <v>117452</v>
      </c>
      <c r="B44125" s="1" t="s">
        <v>149418</v>
      </c>
      <c r="C44125" s="1" t="s">
        <v>20</v>
      </c>
      <c r="D44125" s="1" t="s">
        <v>150346</v>
      </c>
      <c r="E44125" s="1" t="s">
        <v>150347</v>
      </c>
      <c r="F44125" s="1" t="s">
        <v>150348</v>
      </c>
      <c r="G44125" s="1" t="s">
        <v>150340</v>
      </c>
      <c r="H44125" s="1" t="s">
        <v>150341</v>
      </c>
      <c r="I44125" s="1" t="s">
        <v>149424</v>
      </c>
      <c r="J44125" s="1" t="s">
        <v>150349</v>
      </c>
    </row>
    <row r="44126" spans="1:10" x14ac:dyDescent="0.35">
      <c r="A44126" s="1" t="s">
        <v>117452</v>
      </c>
      <c r="B44126" s="1" t="s">
        <v>149418</v>
      </c>
      <c r="C44126" s="1" t="s">
        <v>25</v>
      </c>
      <c r="D44126" s="1" t="s">
        <v>150350</v>
      </c>
      <c r="E44126" s="1" t="s">
        <v>150351</v>
      </c>
      <c r="F44126" s="1" t="s">
        <v>150352</v>
      </c>
      <c r="G44126" s="1" t="s">
        <v>150340</v>
      </c>
      <c r="H44126" s="1" t="s">
        <v>150341</v>
      </c>
      <c r="I44126" s="1" t="s">
        <v>149424</v>
      </c>
      <c r="J44126" s="1" t="s">
        <v>150353</v>
      </c>
    </row>
    <row r="44127" spans="1:10" x14ac:dyDescent="0.35">
      <c r="A44127" s="1" t="s">
        <v>117452</v>
      </c>
      <c r="B44127" s="1" t="s">
        <v>149418</v>
      </c>
      <c r="C44127" s="1" t="s">
        <v>30</v>
      </c>
      <c r="D44127" s="1" t="s">
        <v>150354</v>
      </c>
      <c r="E44127" s="1" t="s">
        <v>150355</v>
      </c>
      <c r="F44127" s="1" t="s">
        <v>150356</v>
      </c>
      <c r="G44127" s="1" t="s">
        <v>150340</v>
      </c>
      <c r="H44127" s="1" t="s">
        <v>150341</v>
      </c>
      <c r="I44127" s="1" t="s">
        <v>149424</v>
      </c>
      <c r="J44127" s="1" t="s">
        <v>150357</v>
      </c>
    </row>
    <row r="44128" spans="1:10" x14ac:dyDescent="0.35">
      <c r="A44128" s="1" t="s">
        <v>117452</v>
      </c>
      <c r="B44128" s="1" t="s">
        <v>149418</v>
      </c>
      <c r="C44128" s="1" t="s">
        <v>35</v>
      </c>
      <c r="D44128" s="1" t="s">
        <v>141889</v>
      </c>
      <c r="E44128" s="1" t="s">
        <v>150358</v>
      </c>
      <c r="F44128" s="1" t="s">
        <v>150359</v>
      </c>
      <c r="G44128" s="1" t="s">
        <v>150340</v>
      </c>
      <c r="H44128" s="1" t="s">
        <v>150341</v>
      </c>
      <c r="I44128" s="1" t="s">
        <v>149424</v>
      </c>
      <c r="J44128" s="1" t="s">
        <v>150360</v>
      </c>
    </row>
    <row r="44129" spans="1:10" x14ac:dyDescent="0.35">
      <c r="A44129" s="1" t="s">
        <v>117452</v>
      </c>
      <c r="B44129" s="1" t="s">
        <v>149418</v>
      </c>
      <c r="C44129" s="1" t="s">
        <v>40</v>
      </c>
      <c r="D44129" s="1" t="s">
        <v>19359</v>
      </c>
      <c r="E44129" s="1" t="s">
        <v>150361</v>
      </c>
      <c r="F44129" s="1" t="s">
        <v>150362</v>
      </c>
      <c r="G44129" s="1" t="s">
        <v>150340</v>
      </c>
      <c r="H44129" s="1" t="s">
        <v>150341</v>
      </c>
      <c r="I44129" s="1" t="s">
        <v>149424</v>
      </c>
      <c r="J44129" s="1" t="s">
        <v>150363</v>
      </c>
    </row>
    <row r="44130" spans="1:10" x14ac:dyDescent="0.35">
      <c r="A44130" s="1" t="s">
        <v>117452</v>
      </c>
      <c r="B44130" s="1" t="s">
        <v>149418</v>
      </c>
      <c r="C44130" s="1" t="s">
        <v>45</v>
      </c>
      <c r="D44130" s="1" t="s">
        <v>150364</v>
      </c>
      <c r="E44130" s="1" t="s">
        <v>150365</v>
      </c>
      <c r="F44130" s="1" t="s">
        <v>150366</v>
      </c>
      <c r="G44130" s="1" t="s">
        <v>150340</v>
      </c>
      <c r="H44130" s="1" t="s">
        <v>150341</v>
      </c>
      <c r="I44130" s="1" t="s">
        <v>149424</v>
      </c>
      <c r="J44130" s="1" t="s">
        <v>150367</v>
      </c>
    </row>
    <row r="44131" spans="1:10" x14ac:dyDescent="0.35">
      <c r="A44131" s="1" t="s">
        <v>117452</v>
      </c>
      <c r="B44131" s="1" t="s">
        <v>149418</v>
      </c>
      <c r="C44131" s="1" t="s">
        <v>50</v>
      </c>
      <c r="D44131" s="1" t="s">
        <v>114080</v>
      </c>
      <c r="E44131" s="1" t="s">
        <v>150368</v>
      </c>
      <c r="F44131" s="1" t="s">
        <v>150369</v>
      </c>
      <c r="G44131" s="1" t="s">
        <v>150340</v>
      </c>
      <c r="H44131" s="1" t="s">
        <v>150341</v>
      </c>
      <c r="I44131" s="1" t="s">
        <v>149424</v>
      </c>
      <c r="J44131" s="1" t="s">
        <v>150370</v>
      </c>
    </row>
    <row r="44132" spans="1:10" x14ac:dyDescent="0.35">
      <c r="A44132" s="1" t="s">
        <v>117452</v>
      </c>
      <c r="B44132" s="1" t="s">
        <v>149418</v>
      </c>
      <c r="C44132" s="1" t="s">
        <v>55</v>
      </c>
      <c r="D44132" s="1" t="s">
        <v>82157</v>
      </c>
      <c r="E44132" s="1" t="s">
        <v>150371</v>
      </c>
      <c r="F44132" s="1" t="s">
        <v>150372</v>
      </c>
      <c r="G44132" s="1" t="s">
        <v>150340</v>
      </c>
      <c r="H44132" s="1" t="s">
        <v>150341</v>
      </c>
      <c r="I44132" s="1" t="s">
        <v>149424</v>
      </c>
      <c r="J44132" s="1" t="s">
        <v>150373</v>
      </c>
    </row>
    <row r="44133" spans="1:10" x14ac:dyDescent="0.35">
      <c r="A44133" s="1" t="s">
        <v>117452</v>
      </c>
      <c r="B44133" s="1" t="s">
        <v>149418</v>
      </c>
      <c r="C44133" s="1" t="s">
        <v>60</v>
      </c>
      <c r="D44133" s="1" t="s">
        <v>108838</v>
      </c>
      <c r="E44133" s="1" t="s">
        <v>150374</v>
      </c>
      <c r="F44133" s="1" t="s">
        <v>150375</v>
      </c>
      <c r="G44133" s="1" t="s">
        <v>150340</v>
      </c>
      <c r="H44133" s="1" t="s">
        <v>150341</v>
      </c>
      <c r="I44133" s="1" t="s">
        <v>149424</v>
      </c>
      <c r="J44133" s="1" t="s">
        <v>150376</v>
      </c>
    </row>
    <row r="44134" spans="1:10" x14ac:dyDescent="0.35">
      <c r="A44134" s="1" t="s">
        <v>117452</v>
      </c>
      <c r="B44134" s="1" t="s">
        <v>149418</v>
      </c>
      <c r="C44134" s="1" t="s">
        <v>65</v>
      </c>
      <c r="D44134" s="1" t="s">
        <v>126240</v>
      </c>
      <c r="E44134" s="1" t="s">
        <v>150377</v>
      </c>
      <c r="F44134" s="1" t="s">
        <v>150378</v>
      </c>
      <c r="G44134" s="1" t="s">
        <v>150340</v>
      </c>
      <c r="H44134" s="1" t="s">
        <v>150341</v>
      </c>
      <c r="I44134" s="1" t="s">
        <v>149424</v>
      </c>
      <c r="J44134" s="1" t="s">
        <v>150379</v>
      </c>
    </row>
    <row r="44135" spans="1:10" x14ac:dyDescent="0.35">
      <c r="A44135" s="1" t="s">
        <v>117452</v>
      </c>
      <c r="B44135" s="1" t="s">
        <v>149418</v>
      </c>
      <c r="C44135" s="1" t="s">
        <v>70</v>
      </c>
      <c r="D44135" s="1" t="s">
        <v>58718</v>
      </c>
      <c r="E44135" s="1" t="s">
        <v>150380</v>
      </c>
      <c r="F44135" s="1" t="s">
        <v>150381</v>
      </c>
      <c r="G44135" s="1" t="s">
        <v>150340</v>
      </c>
      <c r="H44135" s="1" t="s">
        <v>150341</v>
      </c>
      <c r="I44135" s="1" t="s">
        <v>149424</v>
      </c>
      <c r="J44135" s="1" t="s">
        <v>150382</v>
      </c>
    </row>
    <row r="44136" spans="1:10" x14ac:dyDescent="0.35">
      <c r="A44136" s="1" t="s">
        <v>117452</v>
      </c>
      <c r="B44136" s="1" t="s">
        <v>149418</v>
      </c>
      <c r="C44136" s="1" t="s">
        <v>75</v>
      </c>
      <c r="D44136" s="1" t="s">
        <v>76573</v>
      </c>
      <c r="E44136" s="1" t="s">
        <v>150383</v>
      </c>
      <c r="F44136" s="1" t="s">
        <v>150384</v>
      </c>
      <c r="G44136" s="1" t="s">
        <v>150340</v>
      </c>
      <c r="H44136" s="1" t="s">
        <v>150341</v>
      </c>
      <c r="I44136" s="1" t="s">
        <v>149424</v>
      </c>
      <c r="J44136" s="1" t="s">
        <v>150385</v>
      </c>
    </row>
    <row r="44137" spans="1:10" x14ac:dyDescent="0.35">
      <c r="A44137" s="1" t="s">
        <v>117452</v>
      </c>
      <c r="B44137" s="1" t="s">
        <v>149418</v>
      </c>
      <c r="C44137" s="1" t="s">
        <v>80</v>
      </c>
      <c r="D44137" s="1" t="s">
        <v>150386</v>
      </c>
      <c r="E44137" s="1" t="s">
        <v>150387</v>
      </c>
      <c r="F44137" s="1" t="s">
        <v>150388</v>
      </c>
      <c r="G44137" s="1" t="s">
        <v>150340</v>
      </c>
      <c r="H44137" s="1" t="s">
        <v>150341</v>
      </c>
      <c r="I44137" s="1" t="s">
        <v>149424</v>
      </c>
      <c r="J44137" s="1" t="s">
        <v>150389</v>
      </c>
    </row>
    <row r="44138" spans="1:10" x14ac:dyDescent="0.35">
      <c r="A44138" s="1" t="s">
        <v>117452</v>
      </c>
      <c r="B44138" s="1" t="s">
        <v>149418</v>
      </c>
      <c r="C44138" s="1" t="s">
        <v>85</v>
      </c>
      <c r="D44138" s="1" t="s">
        <v>139569</v>
      </c>
      <c r="E44138" s="1" t="s">
        <v>150390</v>
      </c>
      <c r="F44138" s="1" t="s">
        <v>150391</v>
      </c>
      <c r="G44138" s="1" t="s">
        <v>150340</v>
      </c>
      <c r="H44138" s="1" t="s">
        <v>150341</v>
      </c>
      <c r="I44138" s="1" t="s">
        <v>149424</v>
      </c>
      <c r="J44138" s="1" t="s">
        <v>150392</v>
      </c>
    </row>
    <row r="44139" spans="1:10" x14ac:dyDescent="0.35">
      <c r="A44139" s="1" t="s">
        <v>117452</v>
      </c>
      <c r="B44139" s="1" t="s">
        <v>149418</v>
      </c>
      <c r="C44139" s="1" t="s">
        <v>90</v>
      </c>
      <c r="D44139" s="1" t="s">
        <v>150393</v>
      </c>
      <c r="E44139" s="1" t="s">
        <v>150394</v>
      </c>
      <c r="F44139" s="1" t="s">
        <v>150395</v>
      </c>
      <c r="G44139" s="1" t="s">
        <v>150340</v>
      </c>
      <c r="H44139" s="1" t="s">
        <v>150341</v>
      </c>
      <c r="I44139" s="1" t="s">
        <v>149424</v>
      </c>
      <c r="J44139" s="1" t="s">
        <v>150396</v>
      </c>
    </row>
    <row r="44140" spans="1:10" x14ac:dyDescent="0.35">
      <c r="A44140" s="1" t="s">
        <v>117452</v>
      </c>
      <c r="B44140" s="1" t="s">
        <v>149418</v>
      </c>
      <c r="C44140" s="1" t="s">
        <v>95</v>
      </c>
      <c r="D44140" s="1" t="s">
        <v>150397</v>
      </c>
      <c r="E44140" s="1" t="s">
        <v>150398</v>
      </c>
      <c r="F44140" s="1" t="s">
        <v>150399</v>
      </c>
      <c r="G44140" s="1" t="s">
        <v>150340</v>
      </c>
      <c r="H44140" s="1" t="s">
        <v>150341</v>
      </c>
      <c r="I44140" s="1" t="s">
        <v>149424</v>
      </c>
      <c r="J44140" s="1" t="s">
        <v>150400</v>
      </c>
    </row>
    <row r="44141" spans="1:10" x14ac:dyDescent="0.35">
      <c r="A44141" s="1" t="s">
        <v>117452</v>
      </c>
      <c r="B44141" s="1" t="s">
        <v>149418</v>
      </c>
      <c r="C44141" s="1" t="s">
        <v>100</v>
      </c>
      <c r="D44141" s="1" t="s">
        <v>150401</v>
      </c>
      <c r="E44141" s="1" t="s">
        <v>150402</v>
      </c>
      <c r="F44141" s="1" t="s">
        <v>150403</v>
      </c>
      <c r="G44141" s="1" t="s">
        <v>150340</v>
      </c>
      <c r="H44141" s="1" t="s">
        <v>150341</v>
      </c>
      <c r="I44141" s="1" t="s">
        <v>149424</v>
      </c>
      <c r="J44141" s="1" t="s">
        <v>150404</v>
      </c>
    </row>
    <row r="44142" spans="1:10" x14ac:dyDescent="0.35">
      <c r="A44142" s="1" t="s">
        <v>117452</v>
      </c>
      <c r="B44142" s="1" t="s">
        <v>149418</v>
      </c>
      <c r="C44142" s="1" t="s">
        <v>105</v>
      </c>
      <c r="D44142" s="1" t="s">
        <v>97425</v>
      </c>
      <c r="E44142" s="1" t="s">
        <v>150405</v>
      </c>
      <c r="F44142" s="1" t="s">
        <v>150406</v>
      </c>
      <c r="G44142" s="1" t="s">
        <v>150340</v>
      </c>
      <c r="H44142" s="1" t="s">
        <v>150341</v>
      </c>
      <c r="I44142" s="1" t="s">
        <v>149424</v>
      </c>
      <c r="J44142" s="1" t="s">
        <v>150407</v>
      </c>
    </row>
    <row r="44143" spans="1:10" x14ac:dyDescent="0.35">
      <c r="A44143" s="1" t="s">
        <v>117452</v>
      </c>
      <c r="B44143" s="1" t="s">
        <v>149418</v>
      </c>
      <c r="C44143" s="1" t="s">
        <v>110</v>
      </c>
      <c r="D44143" s="1" t="s">
        <v>102414</v>
      </c>
      <c r="E44143" s="1" t="s">
        <v>150408</v>
      </c>
      <c r="F44143" s="1" t="s">
        <v>150409</v>
      </c>
      <c r="G44143" s="1" t="s">
        <v>150340</v>
      </c>
      <c r="H44143" s="1" t="s">
        <v>150341</v>
      </c>
      <c r="I44143" s="1" t="s">
        <v>149424</v>
      </c>
      <c r="J44143" s="1" t="s">
        <v>150410</v>
      </c>
    </row>
    <row r="44144" spans="1:10" x14ac:dyDescent="0.35">
      <c r="A44144" s="1" t="s">
        <v>117452</v>
      </c>
      <c r="B44144" s="1" t="s">
        <v>149418</v>
      </c>
      <c r="C44144" s="1" t="s">
        <v>115</v>
      </c>
      <c r="D44144" s="1" t="s">
        <v>150411</v>
      </c>
      <c r="E44144" s="1" t="s">
        <v>150412</v>
      </c>
      <c r="F44144" s="1" t="s">
        <v>150413</v>
      </c>
      <c r="G44144" s="1" t="s">
        <v>150340</v>
      </c>
      <c r="H44144" s="1" t="s">
        <v>150341</v>
      </c>
      <c r="I44144" s="1" t="s">
        <v>149424</v>
      </c>
      <c r="J44144" s="1" t="s">
        <v>150414</v>
      </c>
    </row>
    <row r="44145" spans="1:10" x14ac:dyDescent="0.35">
      <c r="A44145" s="1" t="s">
        <v>117452</v>
      </c>
      <c r="B44145" s="1" t="s">
        <v>149418</v>
      </c>
      <c r="C44145" s="1" t="s">
        <v>120</v>
      </c>
      <c r="D44145" s="1" t="s">
        <v>150415</v>
      </c>
      <c r="E44145" s="1" t="s">
        <v>150416</v>
      </c>
      <c r="F44145" s="1" t="s">
        <v>150417</v>
      </c>
      <c r="G44145" s="1" t="s">
        <v>150340</v>
      </c>
      <c r="H44145" s="1" t="s">
        <v>150341</v>
      </c>
      <c r="I44145" s="1" t="s">
        <v>149424</v>
      </c>
      <c r="J44145" s="1" t="s">
        <v>150418</v>
      </c>
    </row>
    <row r="44146" spans="1:10" x14ac:dyDescent="0.35">
      <c r="A44146" s="1" t="s">
        <v>117452</v>
      </c>
      <c r="B44146" s="1" t="s">
        <v>149418</v>
      </c>
      <c r="C44146" s="1" t="s">
        <v>125</v>
      </c>
      <c r="D44146" s="1" t="s">
        <v>150419</v>
      </c>
      <c r="E44146" s="1" t="s">
        <v>150420</v>
      </c>
      <c r="F44146" s="1" t="s">
        <v>150421</v>
      </c>
      <c r="G44146" s="1" t="s">
        <v>150340</v>
      </c>
      <c r="H44146" s="1" t="s">
        <v>150341</v>
      </c>
      <c r="I44146" s="1" t="s">
        <v>149424</v>
      </c>
      <c r="J44146" s="1" t="s">
        <v>150422</v>
      </c>
    </row>
    <row r="44147" spans="1:10" x14ac:dyDescent="0.35">
      <c r="A44147" s="1" t="s">
        <v>117452</v>
      </c>
      <c r="B44147" s="1" t="s">
        <v>149418</v>
      </c>
      <c r="C44147" s="1" t="s">
        <v>130</v>
      </c>
      <c r="D44147" s="1" t="s">
        <v>150423</v>
      </c>
      <c r="E44147" s="1" t="s">
        <v>150424</v>
      </c>
      <c r="F44147" s="1" t="s">
        <v>150425</v>
      </c>
      <c r="G44147" s="1" t="s">
        <v>150340</v>
      </c>
      <c r="H44147" s="1" t="s">
        <v>150341</v>
      </c>
      <c r="I44147" s="1" t="s">
        <v>149424</v>
      </c>
      <c r="J44147" s="1" t="s">
        <v>150426</v>
      </c>
    </row>
    <row r="44148" spans="1:10" x14ac:dyDescent="0.35">
      <c r="A44148" s="1" t="s">
        <v>117452</v>
      </c>
      <c r="B44148" s="1" t="s">
        <v>149418</v>
      </c>
      <c r="C44148" s="1" t="s">
        <v>135</v>
      </c>
      <c r="D44148" s="1" t="s">
        <v>150427</v>
      </c>
      <c r="E44148" s="1" t="s">
        <v>150428</v>
      </c>
      <c r="F44148" s="1" t="s">
        <v>150429</v>
      </c>
      <c r="G44148" s="1" t="s">
        <v>150340</v>
      </c>
      <c r="H44148" s="1" t="s">
        <v>150341</v>
      </c>
      <c r="I44148" s="1" t="s">
        <v>149424</v>
      </c>
      <c r="J44148" s="1" t="s">
        <v>150430</v>
      </c>
    </row>
    <row r="44149" spans="1:10" x14ac:dyDescent="0.35">
      <c r="A44149" s="1" t="s">
        <v>117452</v>
      </c>
      <c r="B44149" s="1" t="s">
        <v>149418</v>
      </c>
      <c r="C44149" s="1" t="s">
        <v>140</v>
      </c>
      <c r="D44149" s="1" t="s">
        <v>105832</v>
      </c>
      <c r="E44149" s="1" t="s">
        <v>150431</v>
      </c>
      <c r="F44149" s="1" t="s">
        <v>150432</v>
      </c>
      <c r="G44149" s="1" t="s">
        <v>150340</v>
      </c>
      <c r="H44149" s="1" t="s">
        <v>150341</v>
      </c>
      <c r="I44149" s="1" t="s">
        <v>149424</v>
      </c>
      <c r="J44149" s="1" t="s">
        <v>150433</v>
      </c>
    </row>
    <row r="44150" spans="1:10" x14ac:dyDescent="0.35">
      <c r="A44150" s="1" t="s">
        <v>117452</v>
      </c>
      <c r="B44150" s="1" t="s">
        <v>149418</v>
      </c>
      <c r="C44150" s="1" t="s">
        <v>145</v>
      </c>
      <c r="D44150" s="1" t="s">
        <v>150434</v>
      </c>
      <c r="E44150" s="1" t="s">
        <v>150435</v>
      </c>
      <c r="F44150" s="1" t="s">
        <v>150436</v>
      </c>
      <c r="G44150" s="1" t="s">
        <v>150340</v>
      </c>
      <c r="H44150" s="1" t="s">
        <v>150341</v>
      </c>
      <c r="I44150" s="1" t="s">
        <v>149424</v>
      </c>
      <c r="J44150" s="1" t="s">
        <v>150437</v>
      </c>
    </row>
    <row r="44151" spans="1:10" x14ac:dyDescent="0.35">
      <c r="A44151" s="1" t="s">
        <v>117452</v>
      </c>
      <c r="B44151" s="1" t="s">
        <v>149418</v>
      </c>
      <c r="C44151" s="1" t="s">
        <v>150</v>
      </c>
      <c r="D44151" s="1" t="s">
        <v>41102</v>
      </c>
      <c r="E44151" s="1" t="s">
        <v>150438</v>
      </c>
      <c r="F44151" s="1" t="s">
        <v>150439</v>
      </c>
      <c r="G44151" s="1" t="s">
        <v>150340</v>
      </c>
      <c r="H44151" s="1" t="s">
        <v>150341</v>
      </c>
      <c r="I44151" s="1" t="s">
        <v>149424</v>
      </c>
      <c r="J44151" s="1" t="s">
        <v>150440</v>
      </c>
    </row>
    <row r="44152" spans="1:10" x14ac:dyDescent="0.35">
      <c r="A44152" s="1" t="s">
        <v>117452</v>
      </c>
      <c r="B44152" s="1" t="s">
        <v>149418</v>
      </c>
      <c r="C44152" s="1" t="s">
        <v>155</v>
      </c>
      <c r="D44152" s="1" t="s">
        <v>150441</v>
      </c>
      <c r="E44152" s="1" t="s">
        <v>150442</v>
      </c>
      <c r="F44152" s="1" t="s">
        <v>150443</v>
      </c>
      <c r="G44152" s="1" t="s">
        <v>150340</v>
      </c>
      <c r="H44152" s="1" t="s">
        <v>150341</v>
      </c>
      <c r="I44152" s="1" t="s">
        <v>149424</v>
      </c>
      <c r="J44152" s="1" t="s">
        <v>150444</v>
      </c>
    </row>
    <row r="44153" spans="1:10" x14ac:dyDescent="0.35">
      <c r="A44153" s="1" t="s">
        <v>117452</v>
      </c>
      <c r="B44153" s="1" t="s">
        <v>149418</v>
      </c>
      <c r="C44153" s="1" t="s">
        <v>160</v>
      </c>
      <c r="D44153" s="1" t="s">
        <v>150445</v>
      </c>
      <c r="E44153" s="1" t="s">
        <v>150446</v>
      </c>
      <c r="F44153" s="1" t="s">
        <v>150447</v>
      </c>
      <c r="G44153" s="1" t="s">
        <v>150340</v>
      </c>
      <c r="H44153" s="1" t="s">
        <v>150341</v>
      </c>
      <c r="I44153" s="1" t="s">
        <v>149424</v>
      </c>
      <c r="J44153" s="1" t="s">
        <v>150448</v>
      </c>
    </row>
    <row r="44154" spans="1:10" x14ac:dyDescent="0.35">
      <c r="A44154" s="1" t="s">
        <v>117452</v>
      </c>
      <c r="B44154" s="1" t="s">
        <v>149418</v>
      </c>
      <c r="C44154" s="1" t="s">
        <v>165</v>
      </c>
      <c r="D44154" s="1" t="s">
        <v>150449</v>
      </c>
      <c r="E44154" s="1" t="s">
        <v>150450</v>
      </c>
      <c r="F44154" s="1" t="s">
        <v>150451</v>
      </c>
      <c r="G44154" s="1" t="s">
        <v>150340</v>
      </c>
      <c r="H44154" s="1" t="s">
        <v>150341</v>
      </c>
      <c r="I44154" s="1" t="s">
        <v>149424</v>
      </c>
      <c r="J44154" s="1" t="s">
        <v>150452</v>
      </c>
    </row>
    <row r="44155" spans="1:10" x14ac:dyDescent="0.35">
      <c r="A44155" s="1" t="s">
        <v>117452</v>
      </c>
      <c r="B44155" s="1" t="s">
        <v>149418</v>
      </c>
      <c r="C44155" s="1" t="s">
        <v>170</v>
      </c>
      <c r="D44155" s="1" t="s">
        <v>150453</v>
      </c>
      <c r="E44155" s="1" t="s">
        <v>150454</v>
      </c>
      <c r="F44155" s="1" t="s">
        <v>150455</v>
      </c>
      <c r="G44155" s="1" t="s">
        <v>150340</v>
      </c>
      <c r="H44155" s="1" t="s">
        <v>150341</v>
      </c>
      <c r="I44155" s="1" t="s">
        <v>149424</v>
      </c>
      <c r="J44155" s="1" t="s">
        <v>150456</v>
      </c>
    </row>
    <row r="44156" spans="1:10" x14ac:dyDescent="0.35">
      <c r="A44156" s="1" t="s">
        <v>27544</v>
      </c>
      <c r="B44156" s="1" t="s">
        <v>149418</v>
      </c>
      <c r="C44156" s="1" t="s">
        <v>8</v>
      </c>
      <c r="D44156" s="1" t="s">
        <v>150457</v>
      </c>
      <c r="E44156" s="1" t="s">
        <v>150458</v>
      </c>
      <c r="F44156" s="1" t="s">
        <v>150459</v>
      </c>
      <c r="G44156" s="1" t="s">
        <v>150460</v>
      </c>
      <c r="H44156" s="1" t="s">
        <v>150461</v>
      </c>
      <c r="I44156" s="1" t="s">
        <v>149424</v>
      </c>
      <c r="J44156" s="1" t="s">
        <v>13</v>
      </c>
    </row>
    <row r="44157" spans="1:10" x14ac:dyDescent="0.35">
      <c r="A44157" s="1" t="s">
        <v>27544</v>
      </c>
      <c r="B44157" s="1" t="s">
        <v>149418</v>
      </c>
      <c r="C44157" s="1" t="s">
        <v>15</v>
      </c>
      <c r="D44157" s="1" t="s">
        <v>111</v>
      </c>
      <c r="E44157" s="1" t="s">
        <v>150462</v>
      </c>
      <c r="F44157" s="1" t="s">
        <v>150463</v>
      </c>
      <c r="G44157" s="1" t="s">
        <v>150460</v>
      </c>
      <c r="H44157" s="1" t="s">
        <v>150461</v>
      </c>
      <c r="I44157" s="1" t="s">
        <v>149424</v>
      </c>
      <c r="J44157" s="1" t="s">
        <v>150464</v>
      </c>
    </row>
    <row r="44158" spans="1:10" x14ac:dyDescent="0.35">
      <c r="A44158" s="1" t="s">
        <v>27544</v>
      </c>
      <c r="B44158" s="1" t="s">
        <v>149418</v>
      </c>
      <c r="C44158" s="1" t="s">
        <v>20</v>
      </c>
      <c r="D44158" s="1" t="s">
        <v>150465</v>
      </c>
      <c r="E44158" s="1" t="s">
        <v>150466</v>
      </c>
      <c r="F44158" s="1" t="s">
        <v>150467</v>
      </c>
      <c r="G44158" s="1" t="s">
        <v>150460</v>
      </c>
      <c r="H44158" s="1" t="s">
        <v>150461</v>
      </c>
      <c r="I44158" s="1" t="s">
        <v>149424</v>
      </c>
      <c r="J44158" s="1" t="s">
        <v>150468</v>
      </c>
    </row>
    <row r="44159" spans="1:10" x14ac:dyDescent="0.35">
      <c r="A44159" s="1" t="s">
        <v>27544</v>
      </c>
      <c r="B44159" s="1" t="s">
        <v>149418</v>
      </c>
      <c r="C44159" s="1" t="s">
        <v>25</v>
      </c>
      <c r="D44159" s="1" t="s">
        <v>18474</v>
      </c>
      <c r="E44159" s="1" t="s">
        <v>150469</v>
      </c>
      <c r="F44159" s="1" t="s">
        <v>150470</v>
      </c>
      <c r="G44159" s="1" t="s">
        <v>150460</v>
      </c>
      <c r="H44159" s="1" t="s">
        <v>150461</v>
      </c>
      <c r="I44159" s="1" t="s">
        <v>149424</v>
      </c>
      <c r="J44159" s="1" t="s">
        <v>150471</v>
      </c>
    </row>
    <row r="44160" spans="1:10" x14ac:dyDescent="0.35">
      <c r="A44160" s="1" t="s">
        <v>27544</v>
      </c>
      <c r="B44160" s="1" t="s">
        <v>149418</v>
      </c>
      <c r="C44160" s="1" t="s">
        <v>30</v>
      </c>
      <c r="D44160" s="1" t="s">
        <v>15387</v>
      </c>
      <c r="E44160" s="1" t="s">
        <v>150472</v>
      </c>
      <c r="F44160" s="1" t="s">
        <v>150473</v>
      </c>
      <c r="G44160" s="1" t="s">
        <v>150460</v>
      </c>
      <c r="H44160" s="1" t="s">
        <v>150461</v>
      </c>
      <c r="I44160" s="1" t="s">
        <v>149424</v>
      </c>
      <c r="J44160" s="1" t="s">
        <v>150474</v>
      </c>
    </row>
    <row r="44161" spans="1:10" x14ac:dyDescent="0.35">
      <c r="A44161" s="1" t="s">
        <v>27544</v>
      </c>
      <c r="B44161" s="1" t="s">
        <v>149418</v>
      </c>
      <c r="C44161" s="1" t="s">
        <v>35</v>
      </c>
      <c r="D44161" s="1" t="s">
        <v>72404</v>
      </c>
      <c r="E44161" s="1" t="s">
        <v>150475</v>
      </c>
      <c r="F44161" s="1" t="s">
        <v>150476</v>
      </c>
      <c r="G44161" s="1" t="s">
        <v>150460</v>
      </c>
      <c r="H44161" s="1" t="s">
        <v>150461</v>
      </c>
      <c r="I44161" s="1" t="s">
        <v>149424</v>
      </c>
      <c r="J44161" s="1" t="s">
        <v>150477</v>
      </c>
    </row>
    <row r="44162" spans="1:10" x14ac:dyDescent="0.35">
      <c r="A44162" s="1" t="s">
        <v>27544</v>
      </c>
      <c r="B44162" s="1" t="s">
        <v>149418</v>
      </c>
      <c r="C44162" s="1" t="s">
        <v>40</v>
      </c>
      <c r="D44162" s="1" t="s">
        <v>31964</v>
      </c>
      <c r="E44162" s="1" t="s">
        <v>150478</v>
      </c>
      <c r="F44162" s="1" t="s">
        <v>150479</v>
      </c>
      <c r="G44162" s="1" t="s">
        <v>150460</v>
      </c>
      <c r="H44162" s="1" t="s">
        <v>150461</v>
      </c>
      <c r="I44162" s="1" t="s">
        <v>149424</v>
      </c>
      <c r="J44162" s="1" t="s">
        <v>150480</v>
      </c>
    </row>
    <row r="44163" spans="1:10" x14ac:dyDescent="0.35">
      <c r="A44163" s="1" t="s">
        <v>27544</v>
      </c>
      <c r="B44163" s="1" t="s">
        <v>149418</v>
      </c>
      <c r="C44163" s="1" t="s">
        <v>45</v>
      </c>
      <c r="D44163" s="1" t="s">
        <v>150481</v>
      </c>
      <c r="E44163" s="1" t="s">
        <v>150482</v>
      </c>
      <c r="F44163" s="1" t="s">
        <v>150483</v>
      </c>
      <c r="G44163" s="1" t="s">
        <v>150460</v>
      </c>
      <c r="H44163" s="1" t="s">
        <v>150461</v>
      </c>
      <c r="I44163" s="1" t="s">
        <v>149424</v>
      </c>
      <c r="J44163" s="1" t="s">
        <v>150484</v>
      </c>
    </row>
    <row r="44164" spans="1:10" x14ac:dyDescent="0.35">
      <c r="A44164" s="1" t="s">
        <v>27544</v>
      </c>
      <c r="B44164" s="1" t="s">
        <v>149418</v>
      </c>
      <c r="C44164" s="1" t="s">
        <v>50</v>
      </c>
      <c r="D44164" s="1" t="s">
        <v>150485</v>
      </c>
      <c r="E44164" s="1" t="s">
        <v>150486</v>
      </c>
      <c r="F44164" s="1" t="s">
        <v>150487</v>
      </c>
      <c r="G44164" s="1" t="s">
        <v>150460</v>
      </c>
      <c r="H44164" s="1" t="s">
        <v>150461</v>
      </c>
      <c r="I44164" s="1" t="s">
        <v>149424</v>
      </c>
      <c r="J44164" s="1" t="s">
        <v>150488</v>
      </c>
    </row>
    <row r="44165" spans="1:10" x14ac:dyDescent="0.35">
      <c r="A44165" s="1" t="s">
        <v>27544</v>
      </c>
      <c r="B44165" s="1" t="s">
        <v>149418</v>
      </c>
      <c r="C44165" s="1" t="s">
        <v>55</v>
      </c>
      <c r="D44165" s="1" t="s">
        <v>150489</v>
      </c>
      <c r="E44165" s="1" t="s">
        <v>150490</v>
      </c>
      <c r="F44165" s="1" t="s">
        <v>150491</v>
      </c>
      <c r="G44165" s="1" t="s">
        <v>150460</v>
      </c>
      <c r="H44165" s="1" t="s">
        <v>150461</v>
      </c>
      <c r="I44165" s="1" t="s">
        <v>149424</v>
      </c>
      <c r="J44165" s="1" t="s">
        <v>150492</v>
      </c>
    </row>
    <row r="44166" spans="1:10" x14ac:dyDescent="0.35">
      <c r="A44166" s="1" t="s">
        <v>27544</v>
      </c>
      <c r="B44166" s="1" t="s">
        <v>149418</v>
      </c>
      <c r="C44166" s="1" t="s">
        <v>60</v>
      </c>
      <c r="D44166" s="1" t="s">
        <v>13505</v>
      </c>
      <c r="E44166" s="1" t="s">
        <v>150493</v>
      </c>
      <c r="F44166" s="1" t="s">
        <v>150494</v>
      </c>
      <c r="G44166" s="1" t="s">
        <v>150460</v>
      </c>
      <c r="H44166" s="1" t="s">
        <v>150461</v>
      </c>
      <c r="I44166" s="1" t="s">
        <v>149424</v>
      </c>
      <c r="J44166" s="1" t="s">
        <v>150495</v>
      </c>
    </row>
    <row r="44167" spans="1:10" x14ac:dyDescent="0.35">
      <c r="A44167" s="1" t="s">
        <v>27544</v>
      </c>
      <c r="B44167" s="1" t="s">
        <v>149418</v>
      </c>
      <c r="C44167" s="1" t="s">
        <v>65</v>
      </c>
      <c r="D44167" s="1" t="s">
        <v>73493</v>
      </c>
      <c r="E44167" s="1" t="s">
        <v>150496</v>
      </c>
      <c r="F44167" s="1" t="s">
        <v>150497</v>
      </c>
      <c r="G44167" s="1" t="s">
        <v>150460</v>
      </c>
      <c r="H44167" s="1" t="s">
        <v>150461</v>
      </c>
      <c r="I44167" s="1" t="s">
        <v>149424</v>
      </c>
      <c r="J44167" s="1" t="s">
        <v>150498</v>
      </c>
    </row>
    <row r="44168" spans="1:10" x14ac:dyDescent="0.35">
      <c r="A44168" s="1" t="s">
        <v>27544</v>
      </c>
      <c r="B44168" s="1" t="s">
        <v>149418</v>
      </c>
      <c r="C44168" s="1" t="s">
        <v>70</v>
      </c>
      <c r="D44168" s="1" t="s">
        <v>150499</v>
      </c>
      <c r="E44168" s="1" t="s">
        <v>150500</v>
      </c>
      <c r="F44168" s="1" t="s">
        <v>150501</v>
      </c>
      <c r="G44168" s="1" t="s">
        <v>150460</v>
      </c>
      <c r="H44168" s="1" t="s">
        <v>150461</v>
      </c>
      <c r="I44168" s="1" t="s">
        <v>149424</v>
      </c>
      <c r="J44168" s="1" t="s">
        <v>150502</v>
      </c>
    </row>
    <row r="44169" spans="1:10" x14ac:dyDescent="0.35">
      <c r="A44169" s="1" t="s">
        <v>27544</v>
      </c>
      <c r="B44169" s="1" t="s">
        <v>149418</v>
      </c>
      <c r="C44169" s="1" t="s">
        <v>75</v>
      </c>
      <c r="D44169" s="1" t="s">
        <v>150503</v>
      </c>
      <c r="E44169" s="1" t="s">
        <v>150504</v>
      </c>
      <c r="F44169" s="1" t="s">
        <v>150505</v>
      </c>
      <c r="G44169" s="1" t="s">
        <v>150460</v>
      </c>
      <c r="H44169" s="1" t="s">
        <v>150461</v>
      </c>
      <c r="I44169" s="1" t="s">
        <v>149424</v>
      </c>
      <c r="J44169" s="1" t="s">
        <v>150506</v>
      </c>
    </row>
    <row r="44170" spans="1:10" x14ac:dyDescent="0.35">
      <c r="A44170" s="1" t="s">
        <v>27544</v>
      </c>
      <c r="B44170" s="1" t="s">
        <v>149418</v>
      </c>
      <c r="C44170" s="1" t="s">
        <v>80</v>
      </c>
      <c r="D44170" s="1" t="s">
        <v>33503</v>
      </c>
      <c r="E44170" s="1" t="s">
        <v>150507</v>
      </c>
      <c r="F44170" s="1" t="s">
        <v>150508</v>
      </c>
      <c r="G44170" s="1" t="s">
        <v>150460</v>
      </c>
      <c r="H44170" s="1" t="s">
        <v>150461</v>
      </c>
      <c r="I44170" s="1" t="s">
        <v>149424</v>
      </c>
      <c r="J44170" s="1" t="s">
        <v>150509</v>
      </c>
    </row>
    <row r="44171" spans="1:10" x14ac:dyDescent="0.35">
      <c r="A44171" s="1" t="s">
        <v>27544</v>
      </c>
      <c r="B44171" s="1" t="s">
        <v>149418</v>
      </c>
      <c r="C44171" s="1" t="s">
        <v>85</v>
      </c>
      <c r="D44171" s="1" t="s">
        <v>150510</v>
      </c>
      <c r="E44171" s="1" t="s">
        <v>150511</v>
      </c>
      <c r="F44171" s="1" t="s">
        <v>150512</v>
      </c>
      <c r="G44171" s="1" t="s">
        <v>150460</v>
      </c>
      <c r="H44171" s="1" t="s">
        <v>150461</v>
      </c>
      <c r="I44171" s="1" t="s">
        <v>149424</v>
      </c>
      <c r="J44171" s="1" t="s">
        <v>150513</v>
      </c>
    </row>
    <row r="44172" spans="1:10" x14ac:dyDescent="0.35">
      <c r="A44172" s="1" t="s">
        <v>27544</v>
      </c>
      <c r="B44172" s="1" t="s">
        <v>149418</v>
      </c>
      <c r="C44172" s="1" t="s">
        <v>90</v>
      </c>
      <c r="D44172" s="1" t="s">
        <v>38071</v>
      </c>
      <c r="E44172" s="1" t="s">
        <v>150514</v>
      </c>
      <c r="F44172" s="1" t="s">
        <v>150515</v>
      </c>
      <c r="G44172" s="1" t="s">
        <v>150460</v>
      </c>
      <c r="H44172" s="1" t="s">
        <v>150461</v>
      </c>
      <c r="I44172" s="1" t="s">
        <v>149424</v>
      </c>
      <c r="J44172" s="1" t="s">
        <v>150516</v>
      </c>
    </row>
    <row r="44173" spans="1:10" x14ac:dyDescent="0.35">
      <c r="A44173" s="1" t="s">
        <v>27544</v>
      </c>
      <c r="B44173" s="1" t="s">
        <v>149418</v>
      </c>
      <c r="C44173" s="1" t="s">
        <v>95</v>
      </c>
      <c r="D44173" s="1" t="s">
        <v>150517</v>
      </c>
      <c r="E44173" s="1" t="s">
        <v>150518</v>
      </c>
      <c r="F44173" s="1" t="s">
        <v>150519</v>
      </c>
      <c r="G44173" s="1" t="s">
        <v>150460</v>
      </c>
      <c r="H44173" s="1" t="s">
        <v>150461</v>
      </c>
      <c r="I44173" s="1" t="s">
        <v>149424</v>
      </c>
      <c r="J44173" s="1" t="s">
        <v>150520</v>
      </c>
    </row>
    <row r="44174" spans="1:10" x14ac:dyDescent="0.35">
      <c r="A44174" s="1" t="s">
        <v>27544</v>
      </c>
      <c r="B44174" s="1" t="s">
        <v>149418</v>
      </c>
      <c r="C44174" s="1" t="s">
        <v>100</v>
      </c>
      <c r="D44174" s="1" t="s">
        <v>150521</v>
      </c>
      <c r="E44174" s="1" t="s">
        <v>150522</v>
      </c>
      <c r="F44174" s="1" t="s">
        <v>150523</v>
      </c>
      <c r="G44174" s="1" t="s">
        <v>150460</v>
      </c>
      <c r="H44174" s="1" t="s">
        <v>150461</v>
      </c>
      <c r="I44174" s="1" t="s">
        <v>149424</v>
      </c>
      <c r="J44174" s="1" t="s">
        <v>150524</v>
      </c>
    </row>
    <row r="44175" spans="1:10" x14ac:dyDescent="0.35">
      <c r="A44175" s="1" t="s">
        <v>27544</v>
      </c>
      <c r="B44175" s="1" t="s">
        <v>149418</v>
      </c>
      <c r="C44175" s="1" t="s">
        <v>105</v>
      </c>
      <c r="D44175" s="1" t="s">
        <v>150525</v>
      </c>
      <c r="E44175" s="1" t="s">
        <v>150526</v>
      </c>
      <c r="F44175" s="1" t="s">
        <v>150527</v>
      </c>
      <c r="G44175" s="1" t="s">
        <v>150460</v>
      </c>
      <c r="H44175" s="1" t="s">
        <v>150461</v>
      </c>
      <c r="I44175" s="1" t="s">
        <v>149424</v>
      </c>
      <c r="J44175" s="1" t="s">
        <v>150528</v>
      </c>
    </row>
    <row r="44176" spans="1:10" x14ac:dyDescent="0.35">
      <c r="A44176" s="1" t="s">
        <v>27544</v>
      </c>
      <c r="B44176" s="1" t="s">
        <v>149418</v>
      </c>
      <c r="C44176" s="1" t="s">
        <v>110</v>
      </c>
      <c r="D44176" s="1" t="s">
        <v>150529</v>
      </c>
      <c r="E44176" s="1" t="s">
        <v>150530</v>
      </c>
      <c r="F44176" s="1" t="s">
        <v>150531</v>
      </c>
      <c r="G44176" s="1" t="s">
        <v>150460</v>
      </c>
      <c r="H44176" s="1" t="s">
        <v>150461</v>
      </c>
      <c r="I44176" s="1" t="s">
        <v>149424</v>
      </c>
      <c r="J44176" s="1" t="s">
        <v>45255</v>
      </c>
    </row>
    <row r="44177" spans="1:10" x14ac:dyDescent="0.35">
      <c r="A44177" s="1" t="s">
        <v>27544</v>
      </c>
      <c r="B44177" s="1" t="s">
        <v>149418</v>
      </c>
      <c r="C44177" s="1" t="s">
        <v>115</v>
      </c>
      <c r="D44177" s="1" t="s">
        <v>150532</v>
      </c>
      <c r="E44177" s="1" t="s">
        <v>150533</v>
      </c>
      <c r="F44177" s="1" t="s">
        <v>150534</v>
      </c>
      <c r="G44177" s="1" t="s">
        <v>150460</v>
      </c>
      <c r="H44177" s="1" t="s">
        <v>150461</v>
      </c>
      <c r="I44177" s="1" t="s">
        <v>149424</v>
      </c>
      <c r="J44177" s="1" t="s">
        <v>150535</v>
      </c>
    </row>
    <row r="44178" spans="1:10" x14ac:dyDescent="0.35">
      <c r="A44178" s="1" t="s">
        <v>27544</v>
      </c>
      <c r="B44178" s="1" t="s">
        <v>149418</v>
      </c>
      <c r="C44178" s="1" t="s">
        <v>120</v>
      </c>
      <c r="D44178" s="1" t="s">
        <v>150536</v>
      </c>
      <c r="E44178" s="1" t="s">
        <v>150537</v>
      </c>
      <c r="F44178" s="1" t="s">
        <v>150538</v>
      </c>
      <c r="G44178" s="1" t="s">
        <v>150460</v>
      </c>
      <c r="H44178" s="1" t="s">
        <v>150461</v>
      </c>
      <c r="I44178" s="1" t="s">
        <v>149424</v>
      </c>
      <c r="J44178" s="1" t="s">
        <v>150539</v>
      </c>
    </row>
    <row r="44179" spans="1:10" x14ac:dyDescent="0.35">
      <c r="A44179" s="1" t="s">
        <v>27544</v>
      </c>
      <c r="B44179" s="1" t="s">
        <v>149418</v>
      </c>
      <c r="C44179" s="1" t="s">
        <v>125</v>
      </c>
      <c r="D44179" s="1" t="s">
        <v>150540</v>
      </c>
      <c r="E44179" s="1" t="s">
        <v>150541</v>
      </c>
      <c r="F44179" s="1" t="s">
        <v>150542</v>
      </c>
      <c r="G44179" s="1" t="s">
        <v>150460</v>
      </c>
      <c r="H44179" s="1" t="s">
        <v>150461</v>
      </c>
      <c r="I44179" s="1" t="s">
        <v>149424</v>
      </c>
      <c r="J44179" s="1" t="s">
        <v>150543</v>
      </c>
    </row>
    <row r="44180" spans="1:10" x14ac:dyDescent="0.35">
      <c r="A44180" s="1" t="s">
        <v>27544</v>
      </c>
      <c r="B44180" s="1" t="s">
        <v>149418</v>
      </c>
      <c r="C44180" s="1" t="s">
        <v>130</v>
      </c>
      <c r="D44180" s="1" t="s">
        <v>150544</v>
      </c>
      <c r="E44180" s="1" t="s">
        <v>150545</v>
      </c>
      <c r="F44180" s="1" t="s">
        <v>150546</v>
      </c>
      <c r="G44180" s="1" t="s">
        <v>150460</v>
      </c>
      <c r="H44180" s="1" t="s">
        <v>150461</v>
      </c>
      <c r="I44180" s="1" t="s">
        <v>149424</v>
      </c>
      <c r="J44180" s="1" t="s">
        <v>150547</v>
      </c>
    </row>
    <row r="44181" spans="1:10" x14ac:dyDescent="0.35">
      <c r="A44181" s="1" t="s">
        <v>27544</v>
      </c>
      <c r="B44181" s="1" t="s">
        <v>149418</v>
      </c>
      <c r="C44181" s="1" t="s">
        <v>135</v>
      </c>
      <c r="D44181" s="1" t="s">
        <v>150548</v>
      </c>
      <c r="E44181" s="1" t="s">
        <v>150549</v>
      </c>
      <c r="F44181" s="1" t="s">
        <v>150550</v>
      </c>
      <c r="G44181" s="1" t="s">
        <v>150460</v>
      </c>
      <c r="H44181" s="1" t="s">
        <v>150461</v>
      </c>
      <c r="I44181" s="1" t="s">
        <v>149424</v>
      </c>
      <c r="J44181" s="1" t="s">
        <v>150551</v>
      </c>
    </row>
    <row r="44182" spans="1:10" x14ac:dyDescent="0.35">
      <c r="A44182" s="1" t="s">
        <v>27544</v>
      </c>
      <c r="B44182" s="1" t="s">
        <v>149418</v>
      </c>
      <c r="C44182" s="1" t="s">
        <v>140</v>
      </c>
      <c r="D44182" s="1" t="s">
        <v>150552</v>
      </c>
      <c r="E44182" s="1" t="s">
        <v>150553</v>
      </c>
      <c r="F44182" s="1" t="s">
        <v>150554</v>
      </c>
      <c r="G44182" s="1" t="s">
        <v>150460</v>
      </c>
      <c r="H44182" s="1" t="s">
        <v>150461</v>
      </c>
      <c r="I44182" s="1" t="s">
        <v>149424</v>
      </c>
      <c r="J44182" s="1" t="s">
        <v>150555</v>
      </c>
    </row>
    <row r="44183" spans="1:10" x14ac:dyDescent="0.35">
      <c r="A44183" s="1" t="s">
        <v>27544</v>
      </c>
      <c r="B44183" s="1" t="s">
        <v>149418</v>
      </c>
      <c r="C44183" s="1" t="s">
        <v>145</v>
      </c>
      <c r="D44183" s="1" t="s">
        <v>99584</v>
      </c>
      <c r="E44183" s="1" t="s">
        <v>150556</v>
      </c>
      <c r="F44183" s="1" t="s">
        <v>150557</v>
      </c>
      <c r="G44183" s="1" t="s">
        <v>150460</v>
      </c>
      <c r="H44183" s="1" t="s">
        <v>150461</v>
      </c>
      <c r="I44183" s="1" t="s">
        <v>149424</v>
      </c>
      <c r="J44183" s="1" t="s">
        <v>150558</v>
      </c>
    </row>
    <row r="44184" spans="1:10" x14ac:dyDescent="0.35">
      <c r="A44184" s="1" t="s">
        <v>27544</v>
      </c>
      <c r="B44184" s="1" t="s">
        <v>149418</v>
      </c>
      <c r="C44184" s="1" t="s">
        <v>150</v>
      </c>
      <c r="D44184" s="1" t="s">
        <v>85723</v>
      </c>
      <c r="E44184" s="1" t="s">
        <v>150559</v>
      </c>
      <c r="F44184" s="1" t="s">
        <v>150560</v>
      </c>
      <c r="G44184" s="1" t="s">
        <v>150460</v>
      </c>
      <c r="H44184" s="1" t="s">
        <v>150461</v>
      </c>
      <c r="I44184" s="1" t="s">
        <v>149424</v>
      </c>
      <c r="J44184" s="1" t="s">
        <v>150561</v>
      </c>
    </row>
    <row r="44185" spans="1:10" x14ac:dyDescent="0.35">
      <c r="A44185" s="1" t="s">
        <v>27544</v>
      </c>
      <c r="B44185" s="1" t="s">
        <v>149418</v>
      </c>
      <c r="C44185" s="1" t="s">
        <v>155</v>
      </c>
      <c r="D44185" s="1" t="s">
        <v>95792</v>
      </c>
      <c r="E44185" s="1" t="s">
        <v>150562</v>
      </c>
      <c r="F44185" s="1" t="s">
        <v>150563</v>
      </c>
      <c r="G44185" s="1" t="s">
        <v>150460</v>
      </c>
      <c r="H44185" s="1" t="s">
        <v>150461</v>
      </c>
      <c r="I44185" s="1" t="s">
        <v>149424</v>
      </c>
      <c r="J44185" s="1" t="s">
        <v>150564</v>
      </c>
    </row>
    <row r="44186" spans="1:10" x14ac:dyDescent="0.35">
      <c r="A44186" s="1" t="s">
        <v>27544</v>
      </c>
      <c r="B44186" s="1" t="s">
        <v>149418</v>
      </c>
      <c r="C44186" s="1" t="s">
        <v>160</v>
      </c>
      <c r="D44186" s="1" t="s">
        <v>65376</v>
      </c>
      <c r="E44186" s="1" t="s">
        <v>150565</v>
      </c>
      <c r="F44186" s="1" t="s">
        <v>150566</v>
      </c>
      <c r="G44186" s="1" t="s">
        <v>150460</v>
      </c>
      <c r="H44186" s="1" t="s">
        <v>150461</v>
      </c>
      <c r="I44186" s="1" t="s">
        <v>149424</v>
      </c>
      <c r="J44186" s="1" t="s">
        <v>150567</v>
      </c>
    </row>
    <row r="44187" spans="1:10" x14ac:dyDescent="0.35">
      <c r="A44187" s="1" t="s">
        <v>27544</v>
      </c>
      <c r="B44187" s="1" t="s">
        <v>149418</v>
      </c>
      <c r="C44187" s="1" t="s">
        <v>165</v>
      </c>
      <c r="D44187" s="1" t="s">
        <v>17108</v>
      </c>
      <c r="E44187" s="1" t="s">
        <v>150568</v>
      </c>
      <c r="F44187" s="1" t="s">
        <v>150569</v>
      </c>
      <c r="G44187" s="1" t="s">
        <v>150460</v>
      </c>
      <c r="H44187" s="1" t="s">
        <v>150461</v>
      </c>
      <c r="I44187" s="1" t="s">
        <v>149424</v>
      </c>
      <c r="J44187" s="1" t="s">
        <v>150570</v>
      </c>
    </row>
    <row r="44188" spans="1:10" x14ac:dyDescent="0.35">
      <c r="A44188" s="1" t="s">
        <v>27544</v>
      </c>
      <c r="B44188" s="1" t="s">
        <v>149418</v>
      </c>
      <c r="C44188" s="1" t="s">
        <v>170</v>
      </c>
      <c r="D44188" s="1" t="s">
        <v>150571</v>
      </c>
      <c r="E44188" s="1" t="s">
        <v>150572</v>
      </c>
      <c r="F44188" s="1" t="s">
        <v>150573</v>
      </c>
      <c r="G44188" s="1" t="s">
        <v>150460</v>
      </c>
      <c r="H44188" s="1" t="s">
        <v>150461</v>
      </c>
      <c r="I44188" s="1" t="s">
        <v>149424</v>
      </c>
      <c r="J44188" s="1" t="s">
        <v>150574</v>
      </c>
    </row>
    <row r="44189" spans="1:10" x14ac:dyDescent="0.35">
      <c r="A44189" s="1" t="s">
        <v>10469</v>
      </c>
      <c r="B44189" s="1" t="s">
        <v>150575</v>
      </c>
      <c r="C44189" s="1" t="s">
        <v>8</v>
      </c>
      <c r="D44189" s="1" t="s">
        <v>18173</v>
      </c>
      <c r="E44189" s="1" t="s">
        <v>150576</v>
      </c>
      <c r="F44189" s="1" t="s">
        <v>150577</v>
      </c>
      <c r="G44189" s="1" t="s">
        <v>150578</v>
      </c>
      <c r="H44189" s="1" t="s">
        <v>150579</v>
      </c>
      <c r="I44189" s="1" t="s">
        <v>150580</v>
      </c>
      <c r="J44189" s="1" t="s">
        <v>13</v>
      </c>
    </row>
    <row r="44190" spans="1:10" x14ac:dyDescent="0.35">
      <c r="A44190" s="1" t="s">
        <v>10469</v>
      </c>
      <c r="B44190" s="1" t="s">
        <v>150575</v>
      </c>
      <c r="C44190" s="1" t="s">
        <v>15</v>
      </c>
      <c r="D44190" s="1" t="s">
        <v>10389</v>
      </c>
      <c r="E44190" s="1" t="s">
        <v>150581</v>
      </c>
      <c r="F44190" s="1" t="s">
        <v>150582</v>
      </c>
      <c r="G44190" s="1" t="s">
        <v>150578</v>
      </c>
      <c r="H44190" s="1" t="s">
        <v>150579</v>
      </c>
      <c r="I44190" s="1" t="s">
        <v>150580</v>
      </c>
      <c r="J44190" s="1" t="s">
        <v>150583</v>
      </c>
    </row>
    <row r="44191" spans="1:10" x14ac:dyDescent="0.35">
      <c r="A44191" s="1" t="s">
        <v>10469</v>
      </c>
      <c r="B44191" s="1" t="s">
        <v>150575</v>
      </c>
      <c r="C44191" s="1" t="s">
        <v>20</v>
      </c>
      <c r="D44191" s="1" t="s">
        <v>112926</v>
      </c>
      <c r="E44191" s="1" t="s">
        <v>150584</v>
      </c>
      <c r="F44191" s="1" t="s">
        <v>150585</v>
      </c>
      <c r="G44191" s="1" t="s">
        <v>150578</v>
      </c>
      <c r="H44191" s="1" t="s">
        <v>150579</v>
      </c>
      <c r="I44191" s="1" t="s">
        <v>150580</v>
      </c>
      <c r="J44191" s="1" t="s">
        <v>150586</v>
      </c>
    </row>
    <row r="44192" spans="1:10" x14ac:dyDescent="0.35">
      <c r="A44192" s="1" t="s">
        <v>10469</v>
      </c>
      <c r="B44192" s="1" t="s">
        <v>150575</v>
      </c>
      <c r="C44192" s="1" t="s">
        <v>25</v>
      </c>
      <c r="D44192" s="1" t="s">
        <v>35797</v>
      </c>
      <c r="E44192" s="1" t="s">
        <v>150587</v>
      </c>
      <c r="F44192" s="1" t="s">
        <v>150588</v>
      </c>
      <c r="G44192" s="1" t="s">
        <v>150578</v>
      </c>
      <c r="H44192" s="1" t="s">
        <v>150579</v>
      </c>
      <c r="I44192" s="1" t="s">
        <v>150580</v>
      </c>
      <c r="J44192" s="1" t="s">
        <v>150589</v>
      </c>
    </row>
    <row r="44193" spans="1:10" x14ac:dyDescent="0.35">
      <c r="A44193" s="1" t="s">
        <v>10469</v>
      </c>
      <c r="B44193" s="1" t="s">
        <v>150575</v>
      </c>
      <c r="C44193" s="1" t="s">
        <v>30</v>
      </c>
      <c r="D44193" s="1" t="s">
        <v>2973</v>
      </c>
      <c r="E44193" s="1" t="s">
        <v>150590</v>
      </c>
      <c r="F44193" s="1" t="s">
        <v>150591</v>
      </c>
      <c r="G44193" s="1" t="s">
        <v>150578</v>
      </c>
      <c r="H44193" s="1" t="s">
        <v>150579</v>
      </c>
      <c r="I44193" s="1" t="s">
        <v>150580</v>
      </c>
      <c r="J44193" s="1" t="s">
        <v>150592</v>
      </c>
    </row>
    <row r="44194" spans="1:10" x14ac:dyDescent="0.35">
      <c r="A44194" s="1" t="s">
        <v>10469</v>
      </c>
      <c r="B44194" s="1" t="s">
        <v>150575</v>
      </c>
      <c r="C44194" s="1" t="s">
        <v>35</v>
      </c>
      <c r="D44194" s="1" t="s">
        <v>150593</v>
      </c>
      <c r="E44194" s="1" t="s">
        <v>150594</v>
      </c>
      <c r="F44194" s="1" t="s">
        <v>150595</v>
      </c>
      <c r="G44194" s="1" t="s">
        <v>150578</v>
      </c>
      <c r="H44194" s="1" t="s">
        <v>150579</v>
      </c>
      <c r="I44194" s="1" t="s">
        <v>150580</v>
      </c>
      <c r="J44194" s="1" t="s">
        <v>150596</v>
      </c>
    </row>
    <row r="44195" spans="1:10" x14ac:dyDescent="0.35">
      <c r="A44195" s="1" t="s">
        <v>10469</v>
      </c>
      <c r="B44195" s="1" t="s">
        <v>150575</v>
      </c>
      <c r="C44195" s="1" t="s">
        <v>40</v>
      </c>
      <c r="D44195" s="1" t="s">
        <v>74234</v>
      </c>
      <c r="E44195" s="1" t="s">
        <v>150597</v>
      </c>
      <c r="F44195" s="1" t="s">
        <v>150598</v>
      </c>
      <c r="G44195" s="1" t="s">
        <v>150578</v>
      </c>
      <c r="H44195" s="1" t="s">
        <v>150579</v>
      </c>
      <c r="I44195" s="1" t="s">
        <v>150580</v>
      </c>
      <c r="J44195" s="1" t="s">
        <v>150599</v>
      </c>
    </row>
    <row r="44196" spans="1:10" x14ac:dyDescent="0.35">
      <c r="A44196" s="1" t="s">
        <v>10469</v>
      </c>
      <c r="B44196" s="1" t="s">
        <v>150575</v>
      </c>
      <c r="C44196" s="1" t="s">
        <v>45</v>
      </c>
      <c r="D44196" s="1" t="s">
        <v>48446</v>
      </c>
      <c r="E44196" s="1" t="s">
        <v>150600</v>
      </c>
      <c r="F44196" s="1" t="s">
        <v>150601</v>
      </c>
      <c r="G44196" s="1" t="s">
        <v>150578</v>
      </c>
      <c r="H44196" s="1" t="s">
        <v>150579</v>
      </c>
      <c r="I44196" s="1" t="s">
        <v>150580</v>
      </c>
      <c r="J44196" s="1" t="s">
        <v>150602</v>
      </c>
    </row>
    <row r="44197" spans="1:10" x14ac:dyDescent="0.35">
      <c r="A44197" s="1" t="s">
        <v>10469</v>
      </c>
      <c r="B44197" s="1" t="s">
        <v>150575</v>
      </c>
      <c r="C44197" s="1" t="s">
        <v>50</v>
      </c>
      <c r="D44197" s="1" t="s">
        <v>150603</v>
      </c>
      <c r="E44197" s="1" t="s">
        <v>150604</v>
      </c>
      <c r="F44197" s="1" t="s">
        <v>150605</v>
      </c>
      <c r="G44197" s="1" t="s">
        <v>150578</v>
      </c>
      <c r="H44197" s="1" t="s">
        <v>150579</v>
      </c>
      <c r="I44197" s="1" t="s">
        <v>150580</v>
      </c>
      <c r="J44197" s="1" t="s">
        <v>150606</v>
      </c>
    </row>
    <row r="44198" spans="1:10" x14ac:dyDescent="0.35">
      <c r="A44198" s="1" t="s">
        <v>10469</v>
      </c>
      <c r="B44198" s="1" t="s">
        <v>150575</v>
      </c>
      <c r="C44198" s="1" t="s">
        <v>55</v>
      </c>
      <c r="D44198" s="1" t="s">
        <v>73374</v>
      </c>
      <c r="E44198" s="1" t="s">
        <v>150607</v>
      </c>
      <c r="F44198" s="1" t="s">
        <v>150608</v>
      </c>
      <c r="G44198" s="1" t="s">
        <v>150578</v>
      </c>
      <c r="H44198" s="1" t="s">
        <v>150579</v>
      </c>
      <c r="I44198" s="1" t="s">
        <v>150580</v>
      </c>
      <c r="J44198" s="1" t="s">
        <v>150609</v>
      </c>
    </row>
    <row r="44199" spans="1:10" x14ac:dyDescent="0.35">
      <c r="A44199" s="1" t="s">
        <v>10469</v>
      </c>
      <c r="B44199" s="1" t="s">
        <v>150575</v>
      </c>
      <c r="C44199" s="1" t="s">
        <v>60</v>
      </c>
      <c r="D44199" s="1" t="s">
        <v>135131</v>
      </c>
      <c r="E44199" s="1" t="s">
        <v>150610</v>
      </c>
      <c r="F44199" s="1" t="s">
        <v>150611</v>
      </c>
      <c r="G44199" s="1" t="s">
        <v>150578</v>
      </c>
      <c r="H44199" s="1" t="s">
        <v>150579</v>
      </c>
      <c r="I44199" s="1" t="s">
        <v>150580</v>
      </c>
      <c r="J44199" s="1" t="s">
        <v>150612</v>
      </c>
    </row>
    <row r="44200" spans="1:10" x14ac:dyDescent="0.35">
      <c r="A44200" s="1" t="s">
        <v>10469</v>
      </c>
      <c r="B44200" s="1" t="s">
        <v>150575</v>
      </c>
      <c r="C44200" s="1" t="s">
        <v>65</v>
      </c>
      <c r="D44200" s="1" t="s">
        <v>114839</v>
      </c>
      <c r="E44200" s="1" t="s">
        <v>150613</v>
      </c>
      <c r="F44200" s="1" t="s">
        <v>150614</v>
      </c>
      <c r="G44200" s="1" t="s">
        <v>150578</v>
      </c>
      <c r="H44200" s="1" t="s">
        <v>150579</v>
      </c>
      <c r="I44200" s="1" t="s">
        <v>150580</v>
      </c>
      <c r="J44200" s="1" t="s">
        <v>150615</v>
      </c>
    </row>
    <row r="44201" spans="1:10" x14ac:dyDescent="0.35">
      <c r="A44201" s="1" t="s">
        <v>10469</v>
      </c>
      <c r="B44201" s="1" t="s">
        <v>150575</v>
      </c>
      <c r="C44201" s="1" t="s">
        <v>70</v>
      </c>
      <c r="D44201" s="1" t="s">
        <v>150616</v>
      </c>
      <c r="E44201" s="1" t="s">
        <v>150617</v>
      </c>
      <c r="F44201" s="1" t="s">
        <v>150618</v>
      </c>
      <c r="G44201" s="1" t="s">
        <v>150578</v>
      </c>
      <c r="H44201" s="1" t="s">
        <v>150579</v>
      </c>
      <c r="I44201" s="1" t="s">
        <v>150580</v>
      </c>
      <c r="J44201" s="1" t="s">
        <v>150619</v>
      </c>
    </row>
    <row r="44202" spans="1:10" x14ac:dyDescent="0.35">
      <c r="A44202" s="1" t="s">
        <v>10469</v>
      </c>
      <c r="B44202" s="1" t="s">
        <v>150575</v>
      </c>
      <c r="C44202" s="1" t="s">
        <v>75</v>
      </c>
      <c r="D44202" s="1" t="s">
        <v>150620</v>
      </c>
      <c r="E44202" s="1" t="s">
        <v>150621</v>
      </c>
      <c r="F44202" s="1" t="s">
        <v>150622</v>
      </c>
      <c r="G44202" s="1" t="s">
        <v>150578</v>
      </c>
      <c r="H44202" s="1" t="s">
        <v>150579</v>
      </c>
      <c r="I44202" s="1" t="s">
        <v>150580</v>
      </c>
      <c r="J44202" s="1" t="s">
        <v>150623</v>
      </c>
    </row>
    <row r="44203" spans="1:10" x14ac:dyDescent="0.35">
      <c r="A44203" s="1" t="s">
        <v>10469</v>
      </c>
      <c r="B44203" s="1" t="s">
        <v>150575</v>
      </c>
      <c r="C44203" s="1" t="s">
        <v>80</v>
      </c>
      <c r="D44203" s="1" t="s">
        <v>17494</v>
      </c>
      <c r="E44203" s="1" t="s">
        <v>150624</v>
      </c>
      <c r="F44203" s="1" t="s">
        <v>150625</v>
      </c>
      <c r="G44203" s="1" t="s">
        <v>150578</v>
      </c>
      <c r="H44203" s="1" t="s">
        <v>150579</v>
      </c>
      <c r="I44203" s="1" t="s">
        <v>150580</v>
      </c>
      <c r="J44203" s="1" t="s">
        <v>150626</v>
      </c>
    </row>
    <row r="44204" spans="1:10" x14ac:dyDescent="0.35">
      <c r="A44204" s="1" t="s">
        <v>10469</v>
      </c>
      <c r="B44204" s="1" t="s">
        <v>150575</v>
      </c>
      <c r="C44204" s="1" t="s">
        <v>85</v>
      </c>
      <c r="D44204" s="1" t="s">
        <v>150627</v>
      </c>
      <c r="E44204" s="1" t="s">
        <v>150628</v>
      </c>
      <c r="F44204" s="1" t="s">
        <v>150629</v>
      </c>
      <c r="G44204" s="1" t="s">
        <v>150578</v>
      </c>
      <c r="H44204" s="1" t="s">
        <v>150579</v>
      </c>
      <c r="I44204" s="1" t="s">
        <v>150580</v>
      </c>
      <c r="J44204" s="1" t="s">
        <v>150630</v>
      </c>
    </row>
    <row r="44205" spans="1:10" x14ac:dyDescent="0.35">
      <c r="A44205" s="1" t="s">
        <v>10469</v>
      </c>
      <c r="B44205" s="1" t="s">
        <v>150575</v>
      </c>
      <c r="C44205" s="1" t="s">
        <v>90</v>
      </c>
      <c r="D44205" s="1" t="s">
        <v>150631</v>
      </c>
      <c r="E44205" s="1" t="s">
        <v>150632</v>
      </c>
      <c r="F44205" s="1" t="s">
        <v>150633</v>
      </c>
      <c r="G44205" s="1" t="s">
        <v>150578</v>
      </c>
      <c r="H44205" s="1" t="s">
        <v>150579</v>
      </c>
      <c r="I44205" s="1" t="s">
        <v>150580</v>
      </c>
      <c r="J44205" s="1" t="s">
        <v>150634</v>
      </c>
    </row>
    <row r="44206" spans="1:10" x14ac:dyDescent="0.35">
      <c r="A44206" s="1" t="s">
        <v>10469</v>
      </c>
      <c r="B44206" s="1" t="s">
        <v>150575</v>
      </c>
      <c r="C44206" s="1" t="s">
        <v>95</v>
      </c>
      <c r="D44206" s="1" t="s">
        <v>150635</v>
      </c>
      <c r="E44206" s="1" t="s">
        <v>150636</v>
      </c>
      <c r="F44206" s="1" t="s">
        <v>150637</v>
      </c>
      <c r="G44206" s="1" t="s">
        <v>150578</v>
      </c>
      <c r="H44206" s="1" t="s">
        <v>150579</v>
      </c>
      <c r="I44206" s="1" t="s">
        <v>150580</v>
      </c>
      <c r="J44206" s="1" t="s">
        <v>150638</v>
      </c>
    </row>
    <row r="44207" spans="1:10" x14ac:dyDescent="0.35">
      <c r="A44207" s="1" t="s">
        <v>10469</v>
      </c>
      <c r="B44207" s="1" t="s">
        <v>150575</v>
      </c>
      <c r="C44207" s="1" t="s">
        <v>100</v>
      </c>
      <c r="D44207" s="1" t="s">
        <v>59878</v>
      </c>
      <c r="E44207" s="1" t="s">
        <v>150639</v>
      </c>
      <c r="F44207" s="1" t="s">
        <v>150640</v>
      </c>
      <c r="G44207" s="1" t="s">
        <v>150578</v>
      </c>
      <c r="H44207" s="1" t="s">
        <v>150579</v>
      </c>
      <c r="I44207" s="1" t="s">
        <v>150580</v>
      </c>
      <c r="J44207" s="1" t="s">
        <v>150641</v>
      </c>
    </row>
    <row r="44208" spans="1:10" x14ac:dyDescent="0.35">
      <c r="A44208" s="1" t="s">
        <v>10469</v>
      </c>
      <c r="B44208" s="1" t="s">
        <v>150575</v>
      </c>
      <c r="C44208" s="1" t="s">
        <v>105</v>
      </c>
      <c r="D44208" s="1" t="s">
        <v>18721</v>
      </c>
      <c r="E44208" s="1" t="s">
        <v>150642</v>
      </c>
      <c r="F44208" s="1" t="s">
        <v>150643</v>
      </c>
      <c r="G44208" s="1" t="s">
        <v>150578</v>
      </c>
      <c r="H44208" s="1" t="s">
        <v>150579</v>
      </c>
      <c r="I44208" s="1" t="s">
        <v>150580</v>
      </c>
      <c r="J44208" s="1" t="s">
        <v>150644</v>
      </c>
    </row>
    <row r="44209" spans="1:10" x14ac:dyDescent="0.35">
      <c r="A44209" s="1" t="s">
        <v>10469</v>
      </c>
      <c r="B44209" s="1" t="s">
        <v>150575</v>
      </c>
      <c r="C44209" s="1" t="s">
        <v>110</v>
      </c>
      <c r="D44209" s="1" t="s">
        <v>37989</v>
      </c>
      <c r="E44209" s="1" t="s">
        <v>150645</v>
      </c>
      <c r="F44209" s="1" t="s">
        <v>150646</v>
      </c>
      <c r="G44209" s="1" t="s">
        <v>150578</v>
      </c>
      <c r="H44209" s="1" t="s">
        <v>150579</v>
      </c>
      <c r="I44209" s="1" t="s">
        <v>150580</v>
      </c>
      <c r="J44209" s="1" t="s">
        <v>150647</v>
      </c>
    </row>
    <row r="44210" spans="1:10" x14ac:dyDescent="0.35">
      <c r="A44210" s="1" t="s">
        <v>10469</v>
      </c>
      <c r="B44210" s="1" t="s">
        <v>150575</v>
      </c>
      <c r="C44210" s="1" t="s">
        <v>115</v>
      </c>
      <c r="D44210" s="1" t="s">
        <v>38528</v>
      </c>
      <c r="E44210" s="1" t="s">
        <v>150648</v>
      </c>
      <c r="F44210" s="1" t="s">
        <v>150649</v>
      </c>
      <c r="G44210" s="1" t="s">
        <v>150578</v>
      </c>
      <c r="H44210" s="1" t="s">
        <v>150579</v>
      </c>
      <c r="I44210" s="1" t="s">
        <v>150580</v>
      </c>
      <c r="J44210" s="1" t="s">
        <v>150650</v>
      </c>
    </row>
    <row r="44211" spans="1:10" x14ac:dyDescent="0.35">
      <c r="A44211" s="1" t="s">
        <v>10469</v>
      </c>
      <c r="B44211" s="1" t="s">
        <v>150575</v>
      </c>
      <c r="C44211" s="1" t="s">
        <v>120</v>
      </c>
      <c r="D44211" s="1" t="s">
        <v>150651</v>
      </c>
      <c r="E44211" s="1" t="s">
        <v>150652</v>
      </c>
      <c r="F44211" s="1" t="s">
        <v>150653</v>
      </c>
      <c r="G44211" s="1" t="s">
        <v>150578</v>
      </c>
      <c r="H44211" s="1" t="s">
        <v>150579</v>
      </c>
      <c r="I44211" s="1" t="s">
        <v>150580</v>
      </c>
      <c r="J44211" s="1" t="s">
        <v>150654</v>
      </c>
    </row>
    <row r="44212" spans="1:10" x14ac:dyDescent="0.35">
      <c r="A44212" s="1" t="s">
        <v>10469</v>
      </c>
      <c r="B44212" s="1" t="s">
        <v>150575</v>
      </c>
      <c r="C44212" s="1" t="s">
        <v>125</v>
      </c>
      <c r="D44212" s="1" t="s">
        <v>108932</v>
      </c>
      <c r="E44212" s="1" t="s">
        <v>150655</v>
      </c>
      <c r="F44212" s="1" t="s">
        <v>150656</v>
      </c>
      <c r="G44212" s="1" t="s">
        <v>150578</v>
      </c>
      <c r="H44212" s="1" t="s">
        <v>150579</v>
      </c>
      <c r="I44212" s="1" t="s">
        <v>150580</v>
      </c>
      <c r="J44212" s="1" t="s">
        <v>150657</v>
      </c>
    </row>
    <row r="44213" spans="1:10" x14ac:dyDescent="0.35">
      <c r="A44213" s="1" t="s">
        <v>10469</v>
      </c>
      <c r="B44213" s="1" t="s">
        <v>150575</v>
      </c>
      <c r="C44213" s="1" t="s">
        <v>130</v>
      </c>
      <c r="D44213" s="1" t="s">
        <v>150658</v>
      </c>
      <c r="E44213" s="1" t="s">
        <v>150659</v>
      </c>
      <c r="F44213" s="1" t="s">
        <v>150660</v>
      </c>
      <c r="G44213" s="1" t="s">
        <v>150578</v>
      </c>
      <c r="H44213" s="1" t="s">
        <v>150579</v>
      </c>
      <c r="I44213" s="1" t="s">
        <v>150580</v>
      </c>
      <c r="J44213" s="1" t="s">
        <v>150661</v>
      </c>
    </row>
    <row r="44214" spans="1:10" x14ac:dyDescent="0.35">
      <c r="A44214" s="1" t="s">
        <v>10469</v>
      </c>
      <c r="B44214" s="1" t="s">
        <v>150575</v>
      </c>
      <c r="C44214" s="1" t="s">
        <v>135</v>
      </c>
      <c r="D44214" s="1" t="s">
        <v>101781</v>
      </c>
      <c r="E44214" s="1" t="s">
        <v>150662</v>
      </c>
      <c r="F44214" s="1" t="s">
        <v>150663</v>
      </c>
      <c r="G44214" s="1" t="s">
        <v>150578</v>
      </c>
      <c r="H44214" s="1" t="s">
        <v>150579</v>
      </c>
      <c r="I44214" s="1" t="s">
        <v>150580</v>
      </c>
      <c r="J44214" s="1" t="s">
        <v>150664</v>
      </c>
    </row>
    <row r="44215" spans="1:10" x14ac:dyDescent="0.35">
      <c r="A44215" s="1" t="s">
        <v>10469</v>
      </c>
      <c r="B44215" s="1" t="s">
        <v>150575</v>
      </c>
      <c r="C44215" s="1" t="s">
        <v>140</v>
      </c>
      <c r="D44215" s="1" t="s">
        <v>127099</v>
      </c>
      <c r="E44215" s="1" t="s">
        <v>150665</v>
      </c>
      <c r="F44215" s="1" t="s">
        <v>150666</v>
      </c>
      <c r="G44215" s="1" t="s">
        <v>150578</v>
      </c>
      <c r="H44215" s="1" t="s">
        <v>150579</v>
      </c>
      <c r="I44215" s="1" t="s">
        <v>150580</v>
      </c>
      <c r="J44215" s="1" t="s">
        <v>150667</v>
      </c>
    </row>
    <row r="44216" spans="1:10" x14ac:dyDescent="0.35">
      <c r="A44216" s="1" t="s">
        <v>10469</v>
      </c>
      <c r="B44216" s="1" t="s">
        <v>150575</v>
      </c>
      <c r="C44216" s="1" t="s">
        <v>145</v>
      </c>
      <c r="D44216" s="1" t="s">
        <v>150668</v>
      </c>
      <c r="E44216" s="1" t="s">
        <v>150669</v>
      </c>
      <c r="F44216" s="1" t="s">
        <v>150670</v>
      </c>
      <c r="G44216" s="1" t="s">
        <v>150578</v>
      </c>
      <c r="H44216" s="1" t="s">
        <v>150579</v>
      </c>
      <c r="I44216" s="1" t="s">
        <v>150580</v>
      </c>
      <c r="J44216" s="1" t="s">
        <v>150671</v>
      </c>
    </row>
    <row r="44217" spans="1:10" x14ac:dyDescent="0.35">
      <c r="A44217" s="1" t="s">
        <v>10469</v>
      </c>
      <c r="B44217" s="1" t="s">
        <v>150575</v>
      </c>
      <c r="C44217" s="1" t="s">
        <v>150</v>
      </c>
      <c r="D44217" s="1" t="s">
        <v>133277</v>
      </c>
      <c r="E44217" s="1" t="s">
        <v>150672</v>
      </c>
      <c r="F44217" s="1" t="s">
        <v>150673</v>
      </c>
      <c r="G44217" s="1" t="s">
        <v>150578</v>
      </c>
      <c r="H44217" s="1" t="s">
        <v>150579</v>
      </c>
      <c r="I44217" s="1" t="s">
        <v>150580</v>
      </c>
      <c r="J44217" s="1" t="s">
        <v>150674</v>
      </c>
    </row>
    <row r="44218" spans="1:10" x14ac:dyDescent="0.35">
      <c r="A44218" s="1" t="s">
        <v>10469</v>
      </c>
      <c r="B44218" s="1" t="s">
        <v>150575</v>
      </c>
      <c r="C44218" s="1" t="s">
        <v>155</v>
      </c>
      <c r="D44218" s="1" t="s">
        <v>67387</v>
      </c>
      <c r="E44218" s="1" t="s">
        <v>150675</v>
      </c>
      <c r="F44218" s="1" t="s">
        <v>150676</v>
      </c>
      <c r="G44218" s="1" t="s">
        <v>150578</v>
      </c>
      <c r="H44218" s="1" t="s">
        <v>150579</v>
      </c>
      <c r="I44218" s="1" t="s">
        <v>150580</v>
      </c>
      <c r="J44218" s="1" t="s">
        <v>150677</v>
      </c>
    </row>
    <row r="44219" spans="1:10" x14ac:dyDescent="0.35">
      <c r="A44219" s="1" t="s">
        <v>10469</v>
      </c>
      <c r="B44219" s="1" t="s">
        <v>150575</v>
      </c>
      <c r="C44219" s="1" t="s">
        <v>160</v>
      </c>
      <c r="D44219" s="1" t="s">
        <v>113768</v>
      </c>
      <c r="E44219" s="1" t="s">
        <v>150678</v>
      </c>
      <c r="F44219" s="1" t="s">
        <v>150679</v>
      </c>
      <c r="G44219" s="1" t="s">
        <v>150578</v>
      </c>
      <c r="H44219" s="1" t="s">
        <v>150579</v>
      </c>
      <c r="I44219" s="1" t="s">
        <v>150580</v>
      </c>
      <c r="J44219" s="1" t="s">
        <v>150680</v>
      </c>
    </row>
    <row r="44220" spans="1:10" x14ac:dyDescent="0.35">
      <c r="A44220" s="1" t="s">
        <v>10469</v>
      </c>
      <c r="B44220" s="1" t="s">
        <v>150575</v>
      </c>
      <c r="C44220" s="1" t="s">
        <v>165</v>
      </c>
      <c r="D44220" s="1" t="s">
        <v>150681</v>
      </c>
      <c r="E44220" s="1" t="s">
        <v>150682</v>
      </c>
      <c r="F44220" s="1" t="s">
        <v>150683</v>
      </c>
      <c r="G44220" s="1" t="s">
        <v>150578</v>
      </c>
      <c r="H44220" s="1" t="s">
        <v>150579</v>
      </c>
      <c r="I44220" s="1" t="s">
        <v>150580</v>
      </c>
      <c r="J44220" s="1" t="s">
        <v>150684</v>
      </c>
    </row>
    <row r="44221" spans="1:10" x14ac:dyDescent="0.35">
      <c r="A44221" s="1" t="s">
        <v>10469</v>
      </c>
      <c r="B44221" s="1" t="s">
        <v>150575</v>
      </c>
      <c r="C44221" s="1" t="s">
        <v>170</v>
      </c>
      <c r="D44221" s="1" t="s">
        <v>24551</v>
      </c>
      <c r="E44221" s="1" t="s">
        <v>150685</v>
      </c>
      <c r="F44221" s="1" t="s">
        <v>150686</v>
      </c>
      <c r="G44221" s="1" t="s">
        <v>150578</v>
      </c>
      <c r="H44221" s="1" t="s">
        <v>150579</v>
      </c>
      <c r="I44221" s="1" t="s">
        <v>150580</v>
      </c>
      <c r="J44221" s="1" t="s">
        <v>150687</v>
      </c>
    </row>
    <row r="44222" spans="1:10" x14ac:dyDescent="0.35">
      <c r="A44222" s="1" t="s">
        <v>28945</v>
      </c>
      <c r="B44222" s="1" t="s">
        <v>150575</v>
      </c>
      <c r="C44222" s="1" t="s">
        <v>8</v>
      </c>
      <c r="D44222" s="1" t="s">
        <v>150688</v>
      </c>
      <c r="E44222" s="1" t="s">
        <v>150689</v>
      </c>
      <c r="F44222" s="1" t="s">
        <v>150690</v>
      </c>
      <c r="G44222" s="1" t="s">
        <v>150691</v>
      </c>
      <c r="H44222" s="1" t="s">
        <v>150692</v>
      </c>
      <c r="I44222" s="1" t="s">
        <v>150580</v>
      </c>
      <c r="J44222" s="1" t="s">
        <v>13</v>
      </c>
    </row>
    <row r="44223" spans="1:10" x14ac:dyDescent="0.35">
      <c r="A44223" s="1" t="s">
        <v>28945</v>
      </c>
      <c r="B44223" s="1" t="s">
        <v>150575</v>
      </c>
      <c r="C44223" s="1" t="s">
        <v>15</v>
      </c>
      <c r="D44223" s="1" t="s">
        <v>29721</v>
      </c>
      <c r="E44223" s="1" t="s">
        <v>150693</v>
      </c>
      <c r="F44223" s="1" t="s">
        <v>150694</v>
      </c>
      <c r="G44223" s="1" t="s">
        <v>150691</v>
      </c>
      <c r="H44223" s="1" t="s">
        <v>150692</v>
      </c>
      <c r="I44223" s="1" t="s">
        <v>150580</v>
      </c>
      <c r="J44223" s="1" t="s">
        <v>150695</v>
      </c>
    </row>
    <row r="44224" spans="1:10" x14ac:dyDescent="0.35">
      <c r="A44224" s="1" t="s">
        <v>28945</v>
      </c>
      <c r="B44224" s="1" t="s">
        <v>150575</v>
      </c>
      <c r="C44224" s="1" t="s">
        <v>20</v>
      </c>
      <c r="D44224" s="1" t="s">
        <v>117296</v>
      </c>
      <c r="E44224" s="1" t="s">
        <v>150696</v>
      </c>
      <c r="F44224" s="1" t="s">
        <v>150697</v>
      </c>
      <c r="G44224" s="1" t="s">
        <v>150691</v>
      </c>
      <c r="H44224" s="1" t="s">
        <v>150692</v>
      </c>
      <c r="I44224" s="1" t="s">
        <v>150580</v>
      </c>
      <c r="J44224" s="1" t="s">
        <v>150698</v>
      </c>
    </row>
    <row r="44225" spans="1:10" x14ac:dyDescent="0.35">
      <c r="A44225" s="1" t="s">
        <v>28945</v>
      </c>
      <c r="B44225" s="1" t="s">
        <v>150575</v>
      </c>
      <c r="C44225" s="1" t="s">
        <v>25</v>
      </c>
      <c r="D44225" s="1" t="s">
        <v>150699</v>
      </c>
      <c r="E44225" s="1" t="s">
        <v>150700</v>
      </c>
      <c r="F44225" s="1" t="s">
        <v>150701</v>
      </c>
      <c r="G44225" s="1" t="s">
        <v>150691</v>
      </c>
      <c r="H44225" s="1" t="s">
        <v>150692</v>
      </c>
      <c r="I44225" s="1" t="s">
        <v>150580</v>
      </c>
      <c r="J44225" s="1" t="s">
        <v>150702</v>
      </c>
    </row>
    <row r="44226" spans="1:10" x14ac:dyDescent="0.35">
      <c r="A44226" s="1" t="s">
        <v>28945</v>
      </c>
      <c r="B44226" s="1" t="s">
        <v>150575</v>
      </c>
      <c r="C44226" s="1" t="s">
        <v>30</v>
      </c>
      <c r="D44226" s="1" t="s">
        <v>70870</v>
      </c>
      <c r="E44226" s="1" t="s">
        <v>150703</v>
      </c>
      <c r="F44226" s="1" t="s">
        <v>150704</v>
      </c>
      <c r="G44226" s="1" t="s">
        <v>150691</v>
      </c>
      <c r="H44226" s="1" t="s">
        <v>150692</v>
      </c>
      <c r="I44226" s="1" t="s">
        <v>150580</v>
      </c>
      <c r="J44226" s="1" t="s">
        <v>150705</v>
      </c>
    </row>
    <row r="44227" spans="1:10" x14ac:dyDescent="0.35">
      <c r="A44227" s="1" t="s">
        <v>28945</v>
      </c>
      <c r="B44227" s="1" t="s">
        <v>150575</v>
      </c>
      <c r="C44227" s="1" t="s">
        <v>35</v>
      </c>
      <c r="D44227" s="1" t="s">
        <v>150706</v>
      </c>
      <c r="E44227" s="1" t="s">
        <v>150707</v>
      </c>
      <c r="F44227" s="1" t="s">
        <v>150708</v>
      </c>
      <c r="G44227" s="1" t="s">
        <v>150691</v>
      </c>
      <c r="H44227" s="1" t="s">
        <v>150692</v>
      </c>
      <c r="I44227" s="1" t="s">
        <v>150580</v>
      </c>
      <c r="J44227" s="1" t="s">
        <v>150709</v>
      </c>
    </row>
    <row r="44228" spans="1:10" x14ac:dyDescent="0.35">
      <c r="A44228" s="1" t="s">
        <v>28945</v>
      </c>
      <c r="B44228" s="1" t="s">
        <v>150575</v>
      </c>
      <c r="C44228" s="1" t="s">
        <v>40</v>
      </c>
      <c r="D44228" s="1" t="s">
        <v>28824</v>
      </c>
      <c r="E44228" s="1" t="s">
        <v>150710</v>
      </c>
      <c r="F44228" s="1" t="s">
        <v>150711</v>
      </c>
      <c r="G44228" s="1" t="s">
        <v>150691</v>
      </c>
      <c r="H44228" s="1" t="s">
        <v>150692</v>
      </c>
      <c r="I44228" s="1" t="s">
        <v>150580</v>
      </c>
      <c r="J44228" s="1" t="s">
        <v>150712</v>
      </c>
    </row>
    <row r="44229" spans="1:10" x14ac:dyDescent="0.35">
      <c r="A44229" s="1" t="s">
        <v>28945</v>
      </c>
      <c r="B44229" s="1" t="s">
        <v>150575</v>
      </c>
      <c r="C44229" s="1" t="s">
        <v>45</v>
      </c>
      <c r="D44229" s="1" t="s">
        <v>115868</v>
      </c>
      <c r="E44229" s="1" t="s">
        <v>150713</v>
      </c>
      <c r="F44229" s="1" t="s">
        <v>150714</v>
      </c>
      <c r="G44229" s="1" t="s">
        <v>150691</v>
      </c>
      <c r="H44229" s="1" t="s">
        <v>150692</v>
      </c>
      <c r="I44229" s="1" t="s">
        <v>150580</v>
      </c>
      <c r="J44229" s="1" t="s">
        <v>150715</v>
      </c>
    </row>
    <row r="44230" spans="1:10" x14ac:dyDescent="0.35">
      <c r="A44230" s="1" t="s">
        <v>28945</v>
      </c>
      <c r="B44230" s="1" t="s">
        <v>150575</v>
      </c>
      <c r="C44230" s="1" t="s">
        <v>50</v>
      </c>
      <c r="D44230" s="1" t="s">
        <v>36065</v>
      </c>
      <c r="E44230" s="1" t="s">
        <v>150716</v>
      </c>
      <c r="F44230" s="1" t="s">
        <v>150717</v>
      </c>
      <c r="G44230" s="1" t="s">
        <v>150691</v>
      </c>
      <c r="H44230" s="1" t="s">
        <v>150692</v>
      </c>
      <c r="I44230" s="1" t="s">
        <v>150580</v>
      </c>
      <c r="J44230" s="1" t="s">
        <v>150718</v>
      </c>
    </row>
    <row r="44231" spans="1:10" x14ac:dyDescent="0.35">
      <c r="A44231" s="1" t="s">
        <v>28945</v>
      </c>
      <c r="B44231" s="1" t="s">
        <v>150575</v>
      </c>
      <c r="C44231" s="1" t="s">
        <v>55</v>
      </c>
      <c r="D44231" s="1" t="s">
        <v>35723</v>
      </c>
      <c r="E44231" s="1" t="s">
        <v>150719</v>
      </c>
      <c r="F44231" s="1" t="s">
        <v>150720</v>
      </c>
      <c r="G44231" s="1" t="s">
        <v>150691</v>
      </c>
      <c r="H44231" s="1" t="s">
        <v>150692</v>
      </c>
      <c r="I44231" s="1" t="s">
        <v>150580</v>
      </c>
      <c r="J44231" s="1" t="s">
        <v>150721</v>
      </c>
    </row>
    <row r="44232" spans="1:10" x14ac:dyDescent="0.35">
      <c r="A44232" s="1" t="s">
        <v>28945</v>
      </c>
      <c r="B44232" s="1" t="s">
        <v>150575</v>
      </c>
      <c r="C44232" s="1" t="s">
        <v>60</v>
      </c>
      <c r="D44232" s="1" t="s">
        <v>35306</v>
      </c>
      <c r="E44232" s="1" t="s">
        <v>150722</v>
      </c>
      <c r="F44232" s="1" t="s">
        <v>150723</v>
      </c>
      <c r="G44232" s="1" t="s">
        <v>150691</v>
      </c>
      <c r="H44232" s="1" t="s">
        <v>150692</v>
      </c>
      <c r="I44232" s="1" t="s">
        <v>150580</v>
      </c>
      <c r="J44232" s="1" t="s">
        <v>150724</v>
      </c>
    </row>
    <row r="44233" spans="1:10" x14ac:dyDescent="0.35">
      <c r="A44233" s="1" t="s">
        <v>28945</v>
      </c>
      <c r="B44233" s="1" t="s">
        <v>150575</v>
      </c>
      <c r="C44233" s="1" t="s">
        <v>65</v>
      </c>
      <c r="D44233" s="1" t="s">
        <v>15499</v>
      </c>
      <c r="E44233" s="1" t="s">
        <v>150725</v>
      </c>
      <c r="F44233" s="1" t="s">
        <v>150726</v>
      </c>
      <c r="G44233" s="1" t="s">
        <v>150691</v>
      </c>
      <c r="H44233" s="1" t="s">
        <v>150692</v>
      </c>
      <c r="I44233" s="1" t="s">
        <v>150580</v>
      </c>
      <c r="J44233" s="1" t="s">
        <v>150727</v>
      </c>
    </row>
    <row r="44234" spans="1:10" x14ac:dyDescent="0.35">
      <c r="A44234" s="1" t="s">
        <v>28945</v>
      </c>
      <c r="B44234" s="1" t="s">
        <v>150575</v>
      </c>
      <c r="C44234" s="1" t="s">
        <v>70</v>
      </c>
      <c r="D44234" s="1" t="s">
        <v>4575</v>
      </c>
      <c r="E44234" s="1" t="s">
        <v>150728</v>
      </c>
      <c r="F44234" s="1" t="s">
        <v>150729</v>
      </c>
      <c r="G44234" s="1" t="s">
        <v>150691</v>
      </c>
      <c r="H44234" s="1" t="s">
        <v>150692</v>
      </c>
      <c r="I44234" s="1" t="s">
        <v>150580</v>
      </c>
      <c r="J44234" s="1" t="s">
        <v>150730</v>
      </c>
    </row>
    <row r="44235" spans="1:10" x14ac:dyDescent="0.35">
      <c r="A44235" s="1" t="s">
        <v>28945</v>
      </c>
      <c r="B44235" s="1" t="s">
        <v>150575</v>
      </c>
      <c r="C44235" s="1" t="s">
        <v>75</v>
      </c>
      <c r="D44235" s="1" t="s">
        <v>125138</v>
      </c>
      <c r="E44235" s="1" t="s">
        <v>150731</v>
      </c>
      <c r="F44235" s="1" t="s">
        <v>150732</v>
      </c>
      <c r="G44235" s="1" t="s">
        <v>150691</v>
      </c>
      <c r="H44235" s="1" t="s">
        <v>150692</v>
      </c>
      <c r="I44235" s="1" t="s">
        <v>150580</v>
      </c>
      <c r="J44235" s="1" t="s">
        <v>150733</v>
      </c>
    </row>
    <row r="44236" spans="1:10" x14ac:dyDescent="0.35">
      <c r="A44236" s="1" t="s">
        <v>28945</v>
      </c>
      <c r="B44236" s="1" t="s">
        <v>150575</v>
      </c>
      <c r="C44236" s="1" t="s">
        <v>80</v>
      </c>
      <c r="D44236" s="1" t="s">
        <v>142246</v>
      </c>
      <c r="E44236" s="1" t="s">
        <v>150734</v>
      </c>
      <c r="F44236" s="1" t="s">
        <v>150735</v>
      </c>
      <c r="G44236" s="1" t="s">
        <v>150691</v>
      </c>
      <c r="H44236" s="1" t="s">
        <v>150692</v>
      </c>
      <c r="I44236" s="1" t="s">
        <v>150580</v>
      </c>
      <c r="J44236" s="1" t="s">
        <v>150736</v>
      </c>
    </row>
    <row r="44237" spans="1:10" x14ac:dyDescent="0.35">
      <c r="A44237" s="1" t="s">
        <v>28945</v>
      </c>
      <c r="B44237" s="1" t="s">
        <v>150575</v>
      </c>
      <c r="C44237" s="1" t="s">
        <v>85</v>
      </c>
      <c r="D44237" s="1" t="s">
        <v>150737</v>
      </c>
      <c r="E44237" s="1" t="s">
        <v>150738</v>
      </c>
      <c r="F44237" s="1" t="s">
        <v>150739</v>
      </c>
      <c r="G44237" s="1" t="s">
        <v>150691</v>
      </c>
      <c r="H44237" s="1" t="s">
        <v>150692</v>
      </c>
      <c r="I44237" s="1" t="s">
        <v>150580</v>
      </c>
      <c r="J44237" s="1" t="s">
        <v>150740</v>
      </c>
    </row>
    <row r="44238" spans="1:10" x14ac:dyDescent="0.35">
      <c r="A44238" s="1" t="s">
        <v>28945</v>
      </c>
      <c r="B44238" s="1" t="s">
        <v>150575</v>
      </c>
      <c r="C44238" s="1" t="s">
        <v>90</v>
      </c>
      <c r="D44238" s="1" t="s">
        <v>47864</v>
      </c>
      <c r="E44238" s="1" t="s">
        <v>150741</v>
      </c>
      <c r="F44238" s="1" t="s">
        <v>150742</v>
      </c>
      <c r="G44238" s="1" t="s">
        <v>150691</v>
      </c>
      <c r="H44238" s="1" t="s">
        <v>150692</v>
      </c>
      <c r="I44238" s="1" t="s">
        <v>150580</v>
      </c>
      <c r="J44238" s="1" t="s">
        <v>150743</v>
      </c>
    </row>
    <row r="44239" spans="1:10" x14ac:dyDescent="0.35">
      <c r="A44239" s="1" t="s">
        <v>28945</v>
      </c>
      <c r="B44239" s="1" t="s">
        <v>150575</v>
      </c>
      <c r="C44239" s="1" t="s">
        <v>95</v>
      </c>
      <c r="D44239" s="1" t="s">
        <v>114183</v>
      </c>
      <c r="E44239" s="1" t="s">
        <v>150744</v>
      </c>
      <c r="F44239" s="1" t="s">
        <v>150745</v>
      </c>
      <c r="G44239" s="1" t="s">
        <v>150691</v>
      </c>
      <c r="H44239" s="1" t="s">
        <v>150692</v>
      </c>
      <c r="I44239" s="1" t="s">
        <v>150580</v>
      </c>
      <c r="J44239" s="1" t="s">
        <v>150746</v>
      </c>
    </row>
    <row r="44240" spans="1:10" x14ac:dyDescent="0.35">
      <c r="A44240" s="1" t="s">
        <v>28945</v>
      </c>
      <c r="B44240" s="1" t="s">
        <v>150575</v>
      </c>
      <c r="C44240" s="1" t="s">
        <v>100</v>
      </c>
      <c r="D44240" s="1" t="s">
        <v>150747</v>
      </c>
      <c r="E44240" s="1" t="s">
        <v>150748</v>
      </c>
      <c r="F44240" s="1" t="s">
        <v>150749</v>
      </c>
      <c r="G44240" s="1" t="s">
        <v>150691</v>
      </c>
      <c r="H44240" s="1" t="s">
        <v>150692</v>
      </c>
      <c r="I44240" s="1" t="s">
        <v>150580</v>
      </c>
      <c r="J44240" s="1" t="s">
        <v>150750</v>
      </c>
    </row>
    <row r="44241" spans="1:10" x14ac:dyDescent="0.35">
      <c r="A44241" s="1" t="s">
        <v>28945</v>
      </c>
      <c r="B44241" s="1" t="s">
        <v>150575</v>
      </c>
      <c r="C44241" s="1" t="s">
        <v>105</v>
      </c>
      <c r="D44241" s="1" t="s">
        <v>36500</v>
      </c>
      <c r="E44241" s="1" t="s">
        <v>150751</v>
      </c>
      <c r="F44241" s="1" t="s">
        <v>150752</v>
      </c>
      <c r="G44241" s="1" t="s">
        <v>150691</v>
      </c>
      <c r="H44241" s="1" t="s">
        <v>150692</v>
      </c>
      <c r="I44241" s="1" t="s">
        <v>150580</v>
      </c>
      <c r="J44241" s="1" t="s">
        <v>150753</v>
      </c>
    </row>
    <row r="44242" spans="1:10" x14ac:dyDescent="0.35">
      <c r="A44242" s="1" t="s">
        <v>28945</v>
      </c>
      <c r="B44242" s="1" t="s">
        <v>150575</v>
      </c>
      <c r="C44242" s="1" t="s">
        <v>110</v>
      </c>
      <c r="D44242" s="1" t="s">
        <v>150754</v>
      </c>
      <c r="E44242" s="1" t="s">
        <v>150755</v>
      </c>
      <c r="F44242" s="1" t="s">
        <v>150756</v>
      </c>
      <c r="G44242" s="1" t="s">
        <v>150691</v>
      </c>
      <c r="H44242" s="1" t="s">
        <v>150692</v>
      </c>
      <c r="I44242" s="1" t="s">
        <v>150580</v>
      </c>
      <c r="J44242" s="1" t="s">
        <v>150757</v>
      </c>
    </row>
    <row r="44243" spans="1:10" x14ac:dyDescent="0.35">
      <c r="A44243" s="1" t="s">
        <v>28945</v>
      </c>
      <c r="B44243" s="1" t="s">
        <v>150575</v>
      </c>
      <c r="C44243" s="1" t="s">
        <v>115</v>
      </c>
      <c r="D44243" s="1" t="s">
        <v>123189</v>
      </c>
      <c r="E44243" s="1" t="s">
        <v>150758</v>
      </c>
      <c r="F44243" s="1" t="s">
        <v>150759</v>
      </c>
      <c r="G44243" s="1" t="s">
        <v>150691</v>
      </c>
      <c r="H44243" s="1" t="s">
        <v>150692</v>
      </c>
      <c r="I44243" s="1" t="s">
        <v>150580</v>
      </c>
      <c r="J44243" s="1" t="s">
        <v>150760</v>
      </c>
    </row>
    <row r="44244" spans="1:10" x14ac:dyDescent="0.35">
      <c r="A44244" s="1" t="s">
        <v>28945</v>
      </c>
      <c r="B44244" s="1" t="s">
        <v>150575</v>
      </c>
      <c r="C44244" s="1" t="s">
        <v>120</v>
      </c>
      <c r="D44244" s="1" t="s">
        <v>150761</v>
      </c>
      <c r="E44244" s="1" t="s">
        <v>150762</v>
      </c>
      <c r="F44244" s="1" t="s">
        <v>150763</v>
      </c>
      <c r="G44244" s="1" t="s">
        <v>150691</v>
      </c>
      <c r="H44244" s="1" t="s">
        <v>150692</v>
      </c>
      <c r="I44244" s="1" t="s">
        <v>150580</v>
      </c>
      <c r="J44244" s="1" t="s">
        <v>150764</v>
      </c>
    </row>
    <row r="44245" spans="1:10" x14ac:dyDescent="0.35">
      <c r="A44245" s="1" t="s">
        <v>28945</v>
      </c>
      <c r="B44245" s="1" t="s">
        <v>150575</v>
      </c>
      <c r="C44245" s="1" t="s">
        <v>125</v>
      </c>
      <c r="D44245" s="1" t="s">
        <v>150765</v>
      </c>
      <c r="E44245" s="1" t="s">
        <v>150766</v>
      </c>
      <c r="F44245" s="1" t="s">
        <v>150767</v>
      </c>
      <c r="G44245" s="1" t="s">
        <v>150691</v>
      </c>
      <c r="H44245" s="1" t="s">
        <v>150692</v>
      </c>
      <c r="I44245" s="1" t="s">
        <v>150580</v>
      </c>
      <c r="J44245" s="1" t="s">
        <v>150768</v>
      </c>
    </row>
    <row r="44246" spans="1:10" x14ac:dyDescent="0.35">
      <c r="A44246" s="1" t="s">
        <v>28945</v>
      </c>
      <c r="B44246" s="1" t="s">
        <v>150575</v>
      </c>
      <c r="C44246" s="1" t="s">
        <v>130</v>
      </c>
      <c r="D44246" s="1" t="s">
        <v>150769</v>
      </c>
      <c r="E44246" s="1" t="s">
        <v>150770</v>
      </c>
      <c r="F44246" s="1" t="s">
        <v>150771</v>
      </c>
      <c r="G44246" s="1" t="s">
        <v>150691</v>
      </c>
      <c r="H44246" s="1" t="s">
        <v>150692</v>
      </c>
      <c r="I44246" s="1" t="s">
        <v>150580</v>
      </c>
      <c r="J44246" s="1" t="s">
        <v>150772</v>
      </c>
    </row>
    <row r="44247" spans="1:10" x14ac:dyDescent="0.35">
      <c r="A44247" s="1" t="s">
        <v>28945</v>
      </c>
      <c r="B44247" s="1" t="s">
        <v>150575</v>
      </c>
      <c r="C44247" s="1" t="s">
        <v>135</v>
      </c>
      <c r="D44247" s="1" t="s">
        <v>34364</v>
      </c>
      <c r="E44247" s="1" t="s">
        <v>150773</v>
      </c>
      <c r="F44247" s="1" t="s">
        <v>150774</v>
      </c>
      <c r="G44247" s="1" t="s">
        <v>150691</v>
      </c>
      <c r="H44247" s="1" t="s">
        <v>150692</v>
      </c>
      <c r="I44247" s="1" t="s">
        <v>150580</v>
      </c>
      <c r="J44247" s="1" t="s">
        <v>150775</v>
      </c>
    </row>
    <row r="44248" spans="1:10" x14ac:dyDescent="0.35">
      <c r="A44248" s="1" t="s">
        <v>28945</v>
      </c>
      <c r="B44248" s="1" t="s">
        <v>150575</v>
      </c>
      <c r="C44248" s="1" t="s">
        <v>140</v>
      </c>
      <c r="D44248" s="1" t="s">
        <v>150776</v>
      </c>
      <c r="E44248" s="1" t="s">
        <v>150777</v>
      </c>
      <c r="F44248" s="1" t="s">
        <v>150778</v>
      </c>
      <c r="G44248" s="1" t="s">
        <v>150691</v>
      </c>
      <c r="H44248" s="1" t="s">
        <v>150692</v>
      </c>
      <c r="I44248" s="1" t="s">
        <v>150580</v>
      </c>
      <c r="J44248" s="1" t="s">
        <v>150779</v>
      </c>
    </row>
    <row r="44249" spans="1:10" x14ac:dyDescent="0.35">
      <c r="A44249" s="1" t="s">
        <v>28945</v>
      </c>
      <c r="B44249" s="1" t="s">
        <v>150575</v>
      </c>
      <c r="C44249" s="1" t="s">
        <v>145</v>
      </c>
      <c r="D44249" s="1" t="s">
        <v>150780</v>
      </c>
      <c r="E44249" s="1" t="s">
        <v>150781</v>
      </c>
      <c r="F44249" s="1" t="s">
        <v>150782</v>
      </c>
      <c r="G44249" s="1" t="s">
        <v>150691</v>
      </c>
      <c r="H44249" s="1" t="s">
        <v>150692</v>
      </c>
      <c r="I44249" s="1" t="s">
        <v>150580</v>
      </c>
      <c r="J44249" s="1" t="s">
        <v>150783</v>
      </c>
    </row>
    <row r="44250" spans="1:10" x14ac:dyDescent="0.35">
      <c r="A44250" s="1" t="s">
        <v>28945</v>
      </c>
      <c r="B44250" s="1" t="s">
        <v>150575</v>
      </c>
      <c r="C44250" s="1" t="s">
        <v>150</v>
      </c>
      <c r="D44250" s="1" t="s">
        <v>150784</v>
      </c>
      <c r="E44250" s="1" t="s">
        <v>150785</v>
      </c>
      <c r="F44250" s="1" t="s">
        <v>150786</v>
      </c>
      <c r="G44250" s="1" t="s">
        <v>150691</v>
      </c>
      <c r="H44250" s="1" t="s">
        <v>150692</v>
      </c>
      <c r="I44250" s="1" t="s">
        <v>150580</v>
      </c>
      <c r="J44250" s="1" t="s">
        <v>150787</v>
      </c>
    </row>
    <row r="44251" spans="1:10" x14ac:dyDescent="0.35">
      <c r="A44251" s="1" t="s">
        <v>28945</v>
      </c>
      <c r="B44251" s="1" t="s">
        <v>150575</v>
      </c>
      <c r="C44251" s="1" t="s">
        <v>155</v>
      </c>
      <c r="D44251" s="1" t="s">
        <v>150788</v>
      </c>
      <c r="E44251" s="1" t="s">
        <v>150789</v>
      </c>
      <c r="F44251" s="1" t="s">
        <v>150790</v>
      </c>
      <c r="G44251" s="1" t="s">
        <v>150691</v>
      </c>
      <c r="H44251" s="1" t="s">
        <v>150692</v>
      </c>
      <c r="I44251" s="1" t="s">
        <v>150580</v>
      </c>
      <c r="J44251" s="1" t="s">
        <v>150791</v>
      </c>
    </row>
    <row r="44252" spans="1:10" x14ac:dyDescent="0.35">
      <c r="A44252" s="1" t="s">
        <v>28945</v>
      </c>
      <c r="B44252" s="1" t="s">
        <v>150575</v>
      </c>
      <c r="C44252" s="1" t="s">
        <v>160</v>
      </c>
      <c r="D44252" s="1" t="s">
        <v>150792</v>
      </c>
      <c r="E44252" s="1" t="s">
        <v>150793</v>
      </c>
      <c r="F44252" s="1" t="s">
        <v>150794</v>
      </c>
      <c r="G44252" s="1" t="s">
        <v>150691</v>
      </c>
      <c r="H44252" s="1" t="s">
        <v>150692</v>
      </c>
      <c r="I44252" s="1" t="s">
        <v>150580</v>
      </c>
      <c r="J44252" s="1" t="s">
        <v>150795</v>
      </c>
    </row>
    <row r="44253" spans="1:10" x14ac:dyDescent="0.35">
      <c r="A44253" s="1" t="s">
        <v>28945</v>
      </c>
      <c r="B44253" s="1" t="s">
        <v>150575</v>
      </c>
      <c r="C44253" s="1" t="s">
        <v>165</v>
      </c>
      <c r="D44253" s="1" t="s">
        <v>81966</v>
      </c>
      <c r="E44253" s="1" t="s">
        <v>150796</v>
      </c>
      <c r="F44253" s="1" t="s">
        <v>150797</v>
      </c>
      <c r="G44253" s="1" t="s">
        <v>150691</v>
      </c>
      <c r="H44253" s="1" t="s">
        <v>150692</v>
      </c>
      <c r="I44253" s="1" t="s">
        <v>150580</v>
      </c>
      <c r="J44253" s="1" t="s">
        <v>150798</v>
      </c>
    </row>
    <row r="44254" spans="1:10" x14ac:dyDescent="0.35">
      <c r="A44254" s="1" t="s">
        <v>28945</v>
      </c>
      <c r="B44254" s="1" t="s">
        <v>150575</v>
      </c>
      <c r="C44254" s="1" t="s">
        <v>170</v>
      </c>
      <c r="D44254" s="1" t="s">
        <v>150799</v>
      </c>
      <c r="E44254" s="1" t="s">
        <v>150800</v>
      </c>
      <c r="F44254" s="1" t="s">
        <v>150801</v>
      </c>
      <c r="G44254" s="1" t="s">
        <v>150691</v>
      </c>
      <c r="H44254" s="1" t="s">
        <v>150692</v>
      </c>
      <c r="I44254" s="1" t="s">
        <v>150580</v>
      </c>
      <c r="J44254" s="1" t="s">
        <v>150802</v>
      </c>
    </row>
    <row r="44255" spans="1:10" x14ac:dyDescent="0.35">
      <c r="A44255" s="1" t="s">
        <v>27540</v>
      </c>
      <c r="B44255" s="1" t="s">
        <v>150575</v>
      </c>
      <c r="C44255" s="1" t="s">
        <v>8</v>
      </c>
      <c r="D44255" s="1" t="s">
        <v>18887</v>
      </c>
      <c r="E44255" s="1" t="s">
        <v>150803</v>
      </c>
      <c r="F44255" s="1" t="s">
        <v>150804</v>
      </c>
      <c r="G44255" s="1" t="s">
        <v>150805</v>
      </c>
      <c r="H44255" s="1" t="s">
        <v>150806</v>
      </c>
      <c r="I44255" s="1" t="s">
        <v>150580</v>
      </c>
      <c r="J44255" s="1" t="s">
        <v>13</v>
      </c>
    </row>
    <row r="44256" spans="1:10" x14ac:dyDescent="0.35">
      <c r="A44256" s="1" t="s">
        <v>27540</v>
      </c>
      <c r="B44256" s="1" t="s">
        <v>150575</v>
      </c>
      <c r="C44256" s="1" t="s">
        <v>15</v>
      </c>
      <c r="D44256" s="1" t="s">
        <v>150807</v>
      </c>
      <c r="E44256" s="1" t="s">
        <v>150808</v>
      </c>
      <c r="F44256" s="1" t="s">
        <v>150809</v>
      </c>
      <c r="G44256" s="1" t="s">
        <v>150805</v>
      </c>
      <c r="H44256" s="1" t="s">
        <v>150806</v>
      </c>
      <c r="I44256" s="1" t="s">
        <v>150580</v>
      </c>
      <c r="J44256" s="1" t="s">
        <v>150810</v>
      </c>
    </row>
    <row r="44257" spans="1:10" x14ac:dyDescent="0.35">
      <c r="A44257" s="1" t="s">
        <v>27540</v>
      </c>
      <c r="B44257" s="1" t="s">
        <v>150575</v>
      </c>
      <c r="C44257" s="1" t="s">
        <v>20</v>
      </c>
      <c r="D44257" s="1" t="s">
        <v>150811</v>
      </c>
      <c r="E44257" s="1" t="s">
        <v>150812</v>
      </c>
      <c r="F44257" s="1" t="s">
        <v>150813</v>
      </c>
      <c r="G44257" s="1" t="s">
        <v>150805</v>
      </c>
      <c r="H44257" s="1" t="s">
        <v>150806</v>
      </c>
      <c r="I44257" s="1" t="s">
        <v>150580</v>
      </c>
      <c r="J44257" s="1" t="s">
        <v>150814</v>
      </c>
    </row>
    <row r="44258" spans="1:10" x14ac:dyDescent="0.35">
      <c r="A44258" s="1" t="s">
        <v>27540</v>
      </c>
      <c r="B44258" s="1" t="s">
        <v>150575</v>
      </c>
      <c r="C44258" s="1" t="s">
        <v>25</v>
      </c>
      <c r="D44258" s="1" t="s">
        <v>47663</v>
      </c>
      <c r="E44258" s="1" t="s">
        <v>150815</v>
      </c>
      <c r="F44258" s="1" t="s">
        <v>150816</v>
      </c>
      <c r="G44258" s="1" t="s">
        <v>150805</v>
      </c>
      <c r="H44258" s="1" t="s">
        <v>150806</v>
      </c>
      <c r="I44258" s="1" t="s">
        <v>150580</v>
      </c>
      <c r="J44258" s="1" t="s">
        <v>150817</v>
      </c>
    </row>
    <row r="44259" spans="1:10" x14ac:dyDescent="0.35">
      <c r="A44259" s="1" t="s">
        <v>27540</v>
      </c>
      <c r="B44259" s="1" t="s">
        <v>150575</v>
      </c>
      <c r="C44259" s="1" t="s">
        <v>30</v>
      </c>
      <c r="D44259" s="1" t="s">
        <v>150818</v>
      </c>
      <c r="E44259" s="1" t="s">
        <v>150819</v>
      </c>
      <c r="F44259" s="1" t="s">
        <v>150820</v>
      </c>
      <c r="G44259" s="1" t="s">
        <v>150805</v>
      </c>
      <c r="H44259" s="1" t="s">
        <v>150806</v>
      </c>
      <c r="I44259" s="1" t="s">
        <v>150580</v>
      </c>
      <c r="J44259" s="1" t="s">
        <v>150821</v>
      </c>
    </row>
    <row r="44260" spans="1:10" x14ac:dyDescent="0.35">
      <c r="A44260" s="1" t="s">
        <v>27540</v>
      </c>
      <c r="B44260" s="1" t="s">
        <v>150575</v>
      </c>
      <c r="C44260" s="1" t="s">
        <v>35</v>
      </c>
      <c r="D44260" s="1" t="s">
        <v>16372</v>
      </c>
      <c r="E44260" s="1" t="s">
        <v>150822</v>
      </c>
      <c r="F44260" s="1" t="s">
        <v>150823</v>
      </c>
      <c r="G44260" s="1" t="s">
        <v>150805</v>
      </c>
      <c r="H44260" s="1" t="s">
        <v>150806</v>
      </c>
      <c r="I44260" s="1" t="s">
        <v>150580</v>
      </c>
      <c r="J44260" s="1" t="s">
        <v>150824</v>
      </c>
    </row>
    <row r="44261" spans="1:10" x14ac:dyDescent="0.35">
      <c r="A44261" s="1" t="s">
        <v>27540</v>
      </c>
      <c r="B44261" s="1" t="s">
        <v>150575</v>
      </c>
      <c r="C44261" s="1" t="s">
        <v>40</v>
      </c>
      <c r="D44261" s="1" t="s">
        <v>49867</v>
      </c>
      <c r="E44261" s="1" t="s">
        <v>150825</v>
      </c>
      <c r="F44261" s="1" t="s">
        <v>150826</v>
      </c>
      <c r="G44261" s="1" t="s">
        <v>150805</v>
      </c>
      <c r="H44261" s="1" t="s">
        <v>150806</v>
      </c>
      <c r="I44261" s="1" t="s">
        <v>150580</v>
      </c>
      <c r="J44261" s="1" t="s">
        <v>150827</v>
      </c>
    </row>
    <row r="44262" spans="1:10" x14ac:dyDescent="0.35">
      <c r="A44262" s="1" t="s">
        <v>27540</v>
      </c>
      <c r="B44262" s="1" t="s">
        <v>150575</v>
      </c>
      <c r="C44262" s="1" t="s">
        <v>45</v>
      </c>
      <c r="D44262" s="1" t="s">
        <v>3120</v>
      </c>
      <c r="E44262" s="1" t="s">
        <v>150828</v>
      </c>
      <c r="F44262" s="1" t="s">
        <v>150829</v>
      </c>
      <c r="G44262" s="1" t="s">
        <v>150805</v>
      </c>
      <c r="H44262" s="1" t="s">
        <v>150806</v>
      </c>
      <c r="I44262" s="1" t="s">
        <v>150580</v>
      </c>
      <c r="J44262" s="1" t="s">
        <v>150830</v>
      </c>
    </row>
    <row r="44263" spans="1:10" x14ac:dyDescent="0.35">
      <c r="A44263" s="1" t="s">
        <v>27540</v>
      </c>
      <c r="B44263" s="1" t="s">
        <v>150575</v>
      </c>
      <c r="C44263" s="1" t="s">
        <v>50</v>
      </c>
      <c r="D44263" s="1" t="s">
        <v>135637</v>
      </c>
      <c r="E44263" s="1" t="s">
        <v>150831</v>
      </c>
      <c r="F44263" s="1" t="s">
        <v>150832</v>
      </c>
      <c r="G44263" s="1" t="s">
        <v>150805</v>
      </c>
      <c r="H44263" s="1" t="s">
        <v>150806</v>
      </c>
      <c r="I44263" s="1" t="s">
        <v>150580</v>
      </c>
      <c r="J44263" s="1" t="s">
        <v>150833</v>
      </c>
    </row>
    <row r="44264" spans="1:10" x14ac:dyDescent="0.35">
      <c r="A44264" s="1" t="s">
        <v>27540</v>
      </c>
      <c r="B44264" s="1" t="s">
        <v>150575</v>
      </c>
      <c r="C44264" s="1" t="s">
        <v>55</v>
      </c>
      <c r="D44264" s="1" t="s">
        <v>150834</v>
      </c>
      <c r="E44264" s="1" t="s">
        <v>150835</v>
      </c>
      <c r="F44264" s="1" t="s">
        <v>150836</v>
      </c>
      <c r="G44264" s="1" t="s">
        <v>150805</v>
      </c>
      <c r="H44264" s="1" t="s">
        <v>150806</v>
      </c>
      <c r="I44264" s="1" t="s">
        <v>150580</v>
      </c>
      <c r="J44264" s="1" t="s">
        <v>150837</v>
      </c>
    </row>
    <row r="44265" spans="1:10" x14ac:dyDescent="0.35">
      <c r="A44265" s="1" t="s">
        <v>27540</v>
      </c>
      <c r="B44265" s="1" t="s">
        <v>150575</v>
      </c>
      <c r="C44265" s="1" t="s">
        <v>60</v>
      </c>
      <c r="D44265" s="1" t="s">
        <v>72561</v>
      </c>
      <c r="E44265" s="1" t="s">
        <v>150838</v>
      </c>
      <c r="F44265" s="1" t="s">
        <v>150839</v>
      </c>
      <c r="G44265" s="1" t="s">
        <v>150805</v>
      </c>
      <c r="H44265" s="1" t="s">
        <v>150806</v>
      </c>
      <c r="I44265" s="1" t="s">
        <v>150580</v>
      </c>
      <c r="J44265" s="1" t="s">
        <v>150840</v>
      </c>
    </row>
    <row r="44266" spans="1:10" x14ac:dyDescent="0.35">
      <c r="A44266" s="1" t="s">
        <v>27540</v>
      </c>
      <c r="B44266" s="1" t="s">
        <v>150575</v>
      </c>
      <c r="C44266" s="1" t="s">
        <v>65</v>
      </c>
      <c r="D44266" s="1" t="s">
        <v>30257</v>
      </c>
      <c r="E44266" s="1" t="s">
        <v>150841</v>
      </c>
      <c r="F44266" s="1" t="s">
        <v>150842</v>
      </c>
      <c r="G44266" s="1" t="s">
        <v>150805</v>
      </c>
      <c r="H44266" s="1" t="s">
        <v>150806</v>
      </c>
      <c r="I44266" s="1" t="s">
        <v>150580</v>
      </c>
      <c r="J44266" s="1" t="s">
        <v>150843</v>
      </c>
    </row>
    <row r="44267" spans="1:10" x14ac:dyDescent="0.35">
      <c r="A44267" s="1" t="s">
        <v>27540</v>
      </c>
      <c r="B44267" s="1" t="s">
        <v>150575</v>
      </c>
      <c r="C44267" s="1" t="s">
        <v>70</v>
      </c>
      <c r="D44267" s="1" t="s">
        <v>150844</v>
      </c>
      <c r="E44267" s="1" t="s">
        <v>150845</v>
      </c>
      <c r="F44267" s="1" t="s">
        <v>150846</v>
      </c>
      <c r="G44267" s="1" t="s">
        <v>150805</v>
      </c>
      <c r="H44267" s="1" t="s">
        <v>150806</v>
      </c>
      <c r="I44267" s="1" t="s">
        <v>150580</v>
      </c>
      <c r="J44267" s="1" t="s">
        <v>150847</v>
      </c>
    </row>
    <row r="44268" spans="1:10" x14ac:dyDescent="0.35">
      <c r="A44268" s="1" t="s">
        <v>27540</v>
      </c>
      <c r="B44268" s="1" t="s">
        <v>150575</v>
      </c>
      <c r="C44268" s="1" t="s">
        <v>75</v>
      </c>
      <c r="D44268" s="1" t="s">
        <v>150848</v>
      </c>
      <c r="E44268" s="1" t="s">
        <v>150849</v>
      </c>
      <c r="F44268" s="1" t="s">
        <v>150850</v>
      </c>
      <c r="G44268" s="1" t="s">
        <v>150805</v>
      </c>
      <c r="H44268" s="1" t="s">
        <v>150806</v>
      </c>
      <c r="I44268" s="1" t="s">
        <v>150580</v>
      </c>
      <c r="J44268" s="1" t="s">
        <v>150851</v>
      </c>
    </row>
    <row r="44269" spans="1:10" x14ac:dyDescent="0.35">
      <c r="A44269" s="1" t="s">
        <v>27540</v>
      </c>
      <c r="B44269" s="1" t="s">
        <v>150575</v>
      </c>
      <c r="C44269" s="1" t="s">
        <v>80</v>
      </c>
      <c r="D44269" s="1" t="s">
        <v>150852</v>
      </c>
      <c r="E44269" s="1" t="s">
        <v>150853</v>
      </c>
      <c r="F44269" s="1" t="s">
        <v>150854</v>
      </c>
      <c r="G44269" s="1" t="s">
        <v>150805</v>
      </c>
      <c r="H44269" s="1" t="s">
        <v>150806</v>
      </c>
      <c r="I44269" s="1" t="s">
        <v>150580</v>
      </c>
      <c r="J44269" s="1" t="s">
        <v>150855</v>
      </c>
    </row>
    <row r="44270" spans="1:10" x14ac:dyDescent="0.35">
      <c r="A44270" s="1" t="s">
        <v>27540</v>
      </c>
      <c r="B44270" s="1" t="s">
        <v>150575</v>
      </c>
      <c r="C44270" s="1" t="s">
        <v>85</v>
      </c>
      <c r="D44270" s="1" t="s">
        <v>150856</v>
      </c>
      <c r="E44270" s="1" t="s">
        <v>150857</v>
      </c>
      <c r="F44270" s="1" t="s">
        <v>150858</v>
      </c>
      <c r="G44270" s="1" t="s">
        <v>150805</v>
      </c>
      <c r="H44270" s="1" t="s">
        <v>150806</v>
      </c>
      <c r="I44270" s="1" t="s">
        <v>150580</v>
      </c>
      <c r="J44270" s="1" t="s">
        <v>150859</v>
      </c>
    </row>
    <row r="44271" spans="1:10" x14ac:dyDescent="0.35">
      <c r="A44271" s="1" t="s">
        <v>27540</v>
      </c>
      <c r="B44271" s="1" t="s">
        <v>150575</v>
      </c>
      <c r="C44271" s="1" t="s">
        <v>90</v>
      </c>
      <c r="D44271" s="1" t="s">
        <v>43320</v>
      </c>
      <c r="E44271" s="1" t="s">
        <v>150860</v>
      </c>
      <c r="F44271" s="1" t="s">
        <v>150861</v>
      </c>
      <c r="G44271" s="1" t="s">
        <v>150805</v>
      </c>
      <c r="H44271" s="1" t="s">
        <v>150806</v>
      </c>
      <c r="I44271" s="1" t="s">
        <v>150580</v>
      </c>
      <c r="J44271" s="1" t="s">
        <v>150862</v>
      </c>
    </row>
    <row r="44272" spans="1:10" x14ac:dyDescent="0.35">
      <c r="A44272" s="1" t="s">
        <v>27540</v>
      </c>
      <c r="B44272" s="1" t="s">
        <v>150575</v>
      </c>
      <c r="C44272" s="1" t="s">
        <v>95</v>
      </c>
      <c r="D44272" s="1" t="s">
        <v>150863</v>
      </c>
      <c r="E44272" s="1" t="s">
        <v>150864</v>
      </c>
      <c r="F44272" s="1" t="s">
        <v>150865</v>
      </c>
      <c r="G44272" s="1" t="s">
        <v>150805</v>
      </c>
      <c r="H44272" s="1" t="s">
        <v>150806</v>
      </c>
      <c r="I44272" s="1" t="s">
        <v>150580</v>
      </c>
      <c r="J44272" s="1" t="s">
        <v>150866</v>
      </c>
    </row>
    <row r="44273" spans="1:10" x14ac:dyDescent="0.35">
      <c r="A44273" s="1" t="s">
        <v>27540</v>
      </c>
      <c r="B44273" s="1" t="s">
        <v>150575</v>
      </c>
      <c r="C44273" s="1" t="s">
        <v>100</v>
      </c>
      <c r="D44273" s="1" t="s">
        <v>150867</v>
      </c>
      <c r="E44273" s="1" t="s">
        <v>150868</v>
      </c>
      <c r="F44273" s="1" t="s">
        <v>150869</v>
      </c>
      <c r="G44273" s="1" t="s">
        <v>150805</v>
      </c>
      <c r="H44273" s="1" t="s">
        <v>150806</v>
      </c>
      <c r="I44273" s="1" t="s">
        <v>150580</v>
      </c>
      <c r="J44273" s="1" t="s">
        <v>150870</v>
      </c>
    </row>
    <row r="44274" spans="1:10" x14ac:dyDescent="0.35">
      <c r="A44274" s="1" t="s">
        <v>27540</v>
      </c>
      <c r="B44274" s="1" t="s">
        <v>150575</v>
      </c>
      <c r="C44274" s="1" t="s">
        <v>105</v>
      </c>
      <c r="D44274" s="1" t="s">
        <v>113265</v>
      </c>
      <c r="E44274" s="1" t="s">
        <v>150871</v>
      </c>
      <c r="F44274" s="1" t="s">
        <v>150872</v>
      </c>
      <c r="G44274" s="1" t="s">
        <v>150805</v>
      </c>
      <c r="H44274" s="1" t="s">
        <v>150806</v>
      </c>
      <c r="I44274" s="1" t="s">
        <v>150580</v>
      </c>
      <c r="J44274" s="1" t="s">
        <v>150873</v>
      </c>
    </row>
    <row r="44275" spans="1:10" x14ac:dyDescent="0.35">
      <c r="A44275" s="1" t="s">
        <v>27540</v>
      </c>
      <c r="B44275" s="1" t="s">
        <v>150575</v>
      </c>
      <c r="C44275" s="1" t="s">
        <v>110</v>
      </c>
      <c r="D44275" s="1" t="s">
        <v>106998</v>
      </c>
      <c r="E44275" s="1" t="s">
        <v>150874</v>
      </c>
      <c r="F44275" s="1" t="s">
        <v>150875</v>
      </c>
      <c r="G44275" s="1" t="s">
        <v>150805</v>
      </c>
      <c r="H44275" s="1" t="s">
        <v>150806</v>
      </c>
      <c r="I44275" s="1" t="s">
        <v>150580</v>
      </c>
      <c r="J44275" s="1" t="s">
        <v>150876</v>
      </c>
    </row>
    <row r="44276" spans="1:10" x14ac:dyDescent="0.35">
      <c r="A44276" s="1" t="s">
        <v>27540</v>
      </c>
      <c r="B44276" s="1" t="s">
        <v>150575</v>
      </c>
      <c r="C44276" s="1" t="s">
        <v>115</v>
      </c>
      <c r="D44276" s="1" t="s">
        <v>61583</v>
      </c>
      <c r="E44276" s="1" t="s">
        <v>150877</v>
      </c>
      <c r="F44276" s="1" t="s">
        <v>150878</v>
      </c>
      <c r="G44276" s="1" t="s">
        <v>150805</v>
      </c>
      <c r="H44276" s="1" t="s">
        <v>150806</v>
      </c>
      <c r="I44276" s="1" t="s">
        <v>150580</v>
      </c>
      <c r="J44276" s="1" t="s">
        <v>150879</v>
      </c>
    </row>
    <row r="44277" spans="1:10" x14ac:dyDescent="0.35">
      <c r="A44277" s="1" t="s">
        <v>27540</v>
      </c>
      <c r="B44277" s="1" t="s">
        <v>150575</v>
      </c>
      <c r="C44277" s="1" t="s">
        <v>120</v>
      </c>
      <c r="D44277" s="1" t="s">
        <v>106378</v>
      </c>
      <c r="E44277" s="1" t="s">
        <v>150880</v>
      </c>
      <c r="F44277" s="1" t="s">
        <v>150881</v>
      </c>
      <c r="G44277" s="1" t="s">
        <v>150805</v>
      </c>
      <c r="H44277" s="1" t="s">
        <v>150806</v>
      </c>
      <c r="I44277" s="1" t="s">
        <v>150580</v>
      </c>
      <c r="J44277" s="1" t="s">
        <v>150882</v>
      </c>
    </row>
    <row r="44278" spans="1:10" x14ac:dyDescent="0.35">
      <c r="A44278" s="1" t="s">
        <v>27540</v>
      </c>
      <c r="B44278" s="1" t="s">
        <v>150575</v>
      </c>
      <c r="C44278" s="1" t="s">
        <v>125</v>
      </c>
      <c r="D44278" s="1" t="s">
        <v>53916</v>
      </c>
      <c r="E44278" s="1" t="s">
        <v>150883</v>
      </c>
      <c r="F44278" s="1" t="s">
        <v>150884</v>
      </c>
      <c r="G44278" s="1" t="s">
        <v>150805</v>
      </c>
      <c r="H44278" s="1" t="s">
        <v>150806</v>
      </c>
      <c r="I44278" s="1" t="s">
        <v>150580</v>
      </c>
      <c r="J44278" s="1" t="s">
        <v>150885</v>
      </c>
    </row>
    <row r="44279" spans="1:10" x14ac:dyDescent="0.35">
      <c r="A44279" s="1" t="s">
        <v>27540</v>
      </c>
      <c r="B44279" s="1" t="s">
        <v>150575</v>
      </c>
      <c r="C44279" s="1" t="s">
        <v>130</v>
      </c>
      <c r="D44279" s="1" t="s">
        <v>107536</v>
      </c>
      <c r="E44279" s="1" t="s">
        <v>150886</v>
      </c>
      <c r="F44279" s="1" t="s">
        <v>150887</v>
      </c>
      <c r="G44279" s="1" t="s">
        <v>150805</v>
      </c>
      <c r="H44279" s="1" t="s">
        <v>150806</v>
      </c>
      <c r="I44279" s="1" t="s">
        <v>150580</v>
      </c>
      <c r="J44279" s="1" t="s">
        <v>150888</v>
      </c>
    </row>
    <row r="44280" spans="1:10" x14ac:dyDescent="0.35">
      <c r="A44280" s="1" t="s">
        <v>27540</v>
      </c>
      <c r="B44280" s="1" t="s">
        <v>150575</v>
      </c>
      <c r="C44280" s="1" t="s">
        <v>135</v>
      </c>
      <c r="D44280" s="1" t="s">
        <v>150889</v>
      </c>
      <c r="E44280" s="1" t="s">
        <v>150890</v>
      </c>
      <c r="F44280" s="1" t="s">
        <v>150891</v>
      </c>
      <c r="G44280" s="1" t="s">
        <v>150805</v>
      </c>
      <c r="H44280" s="1" t="s">
        <v>150806</v>
      </c>
      <c r="I44280" s="1" t="s">
        <v>150580</v>
      </c>
      <c r="J44280" s="1" t="s">
        <v>150892</v>
      </c>
    </row>
    <row r="44281" spans="1:10" x14ac:dyDescent="0.35">
      <c r="A44281" s="1" t="s">
        <v>27540</v>
      </c>
      <c r="B44281" s="1" t="s">
        <v>150575</v>
      </c>
      <c r="C44281" s="1" t="s">
        <v>140</v>
      </c>
      <c r="D44281" s="1" t="s">
        <v>150893</v>
      </c>
      <c r="E44281" s="1" t="s">
        <v>150894</v>
      </c>
      <c r="F44281" s="1" t="s">
        <v>150895</v>
      </c>
      <c r="G44281" s="1" t="s">
        <v>150805</v>
      </c>
      <c r="H44281" s="1" t="s">
        <v>150806</v>
      </c>
      <c r="I44281" s="1" t="s">
        <v>150580</v>
      </c>
      <c r="J44281" s="1" t="s">
        <v>150896</v>
      </c>
    </row>
    <row r="44282" spans="1:10" x14ac:dyDescent="0.35">
      <c r="A44282" s="1" t="s">
        <v>27540</v>
      </c>
      <c r="B44282" s="1" t="s">
        <v>150575</v>
      </c>
      <c r="C44282" s="1" t="s">
        <v>145</v>
      </c>
      <c r="D44282" s="1" t="s">
        <v>102275</v>
      </c>
      <c r="E44282" s="1" t="s">
        <v>150897</v>
      </c>
      <c r="F44282" s="1" t="s">
        <v>150898</v>
      </c>
      <c r="G44282" s="1" t="s">
        <v>150805</v>
      </c>
      <c r="H44282" s="1" t="s">
        <v>150806</v>
      </c>
      <c r="I44282" s="1" t="s">
        <v>150580</v>
      </c>
      <c r="J44282" s="1" t="s">
        <v>150899</v>
      </c>
    </row>
    <row r="44283" spans="1:10" x14ac:dyDescent="0.35">
      <c r="A44283" s="1" t="s">
        <v>27540</v>
      </c>
      <c r="B44283" s="1" t="s">
        <v>150575</v>
      </c>
      <c r="C44283" s="1" t="s">
        <v>150</v>
      </c>
      <c r="D44283" s="1" t="s">
        <v>22380</v>
      </c>
      <c r="E44283" s="1" t="s">
        <v>150900</v>
      </c>
      <c r="F44283" s="1" t="s">
        <v>150901</v>
      </c>
      <c r="G44283" s="1" t="s">
        <v>150805</v>
      </c>
      <c r="H44283" s="1" t="s">
        <v>150806</v>
      </c>
      <c r="I44283" s="1" t="s">
        <v>150580</v>
      </c>
      <c r="J44283" s="1" t="s">
        <v>150902</v>
      </c>
    </row>
    <row r="44284" spans="1:10" x14ac:dyDescent="0.35">
      <c r="A44284" s="1" t="s">
        <v>27540</v>
      </c>
      <c r="B44284" s="1" t="s">
        <v>150575</v>
      </c>
      <c r="C44284" s="1" t="s">
        <v>155</v>
      </c>
      <c r="D44284" s="1" t="s">
        <v>52605</v>
      </c>
      <c r="E44284" s="1" t="s">
        <v>150903</v>
      </c>
      <c r="F44284" s="1" t="s">
        <v>150904</v>
      </c>
      <c r="G44284" s="1" t="s">
        <v>150805</v>
      </c>
      <c r="H44284" s="1" t="s">
        <v>150806</v>
      </c>
      <c r="I44284" s="1" t="s">
        <v>150580</v>
      </c>
      <c r="J44284" s="1" t="s">
        <v>150905</v>
      </c>
    </row>
    <row r="44285" spans="1:10" x14ac:dyDescent="0.35">
      <c r="A44285" s="1" t="s">
        <v>27540</v>
      </c>
      <c r="B44285" s="1" t="s">
        <v>150575</v>
      </c>
      <c r="C44285" s="1" t="s">
        <v>160</v>
      </c>
      <c r="D44285" s="1" t="s">
        <v>98139</v>
      </c>
      <c r="E44285" s="1" t="s">
        <v>150906</v>
      </c>
      <c r="F44285" s="1" t="s">
        <v>150907</v>
      </c>
      <c r="G44285" s="1" t="s">
        <v>150805</v>
      </c>
      <c r="H44285" s="1" t="s">
        <v>150806</v>
      </c>
      <c r="I44285" s="1" t="s">
        <v>150580</v>
      </c>
      <c r="J44285" s="1" t="s">
        <v>150908</v>
      </c>
    </row>
    <row r="44286" spans="1:10" x14ac:dyDescent="0.35">
      <c r="A44286" s="1" t="s">
        <v>27540</v>
      </c>
      <c r="B44286" s="1" t="s">
        <v>150575</v>
      </c>
      <c r="C44286" s="1" t="s">
        <v>165</v>
      </c>
      <c r="D44286" s="1" t="s">
        <v>53248</v>
      </c>
      <c r="E44286" s="1" t="s">
        <v>150909</v>
      </c>
      <c r="F44286" s="1" t="s">
        <v>150910</v>
      </c>
      <c r="G44286" s="1" t="s">
        <v>150805</v>
      </c>
      <c r="H44286" s="1" t="s">
        <v>150806</v>
      </c>
      <c r="I44286" s="1" t="s">
        <v>150580</v>
      </c>
      <c r="J44286" s="1" t="s">
        <v>150911</v>
      </c>
    </row>
    <row r="44287" spans="1:10" x14ac:dyDescent="0.35">
      <c r="A44287" s="1" t="s">
        <v>27540</v>
      </c>
      <c r="B44287" s="1" t="s">
        <v>150575</v>
      </c>
      <c r="C44287" s="1" t="s">
        <v>170</v>
      </c>
      <c r="D44287" s="1" t="s">
        <v>22660</v>
      </c>
      <c r="E44287" s="1" t="s">
        <v>150912</v>
      </c>
      <c r="F44287" s="1" t="s">
        <v>150913</v>
      </c>
      <c r="G44287" s="1" t="s">
        <v>150805</v>
      </c>
      <c r="H44287" s="1" t="s">
        <v>150806</v>
      </c>
      <c r="I44287" s="1" t="s">
        <v>150580</v>
      </c>
      <c r="J44287" s="1" t="s">
        <v>150914</v>
      </c>
    </row>
    <row r="44288" spans="1:10" x14ac:dyDescent="0.35">
      <c r="A44288" s="1" t="s">
        <v>4528</v>
      </c>
      <c r="B44288" s="1" t="s">
        <v>150575</v>
      </c>
      <c r="C44288" s="1" t="s">
        <v>8</v>
      </c>
      <c r="D44288" s="1" t="s">
        <v>125290</v>
      </c>
      <c r="E44288" s="1" t="s">
        <v>150915</v>
      </c>
      <c r="F44288" s="1" t="s">
        <v>150916</v>
      </c>
      <c r="G44288" s="1" t="s">
        <v>150917</v>
      </c>
      <c r="H44288" s="1" t="s">
        <v>150918</v>
      </c>
      <c r="I44288" s="1" t="s">
        <v>150580</v>
      </c>
      <c r="J44288" s="1" t="s">
        <v>13</v>
      </c>
    </row>
    <row r="44289" spans="1:10" x14ac:dyDescent="0.35">
      <c r="A44289" s="1" t="s">
        <v>4528</v>
      </c>
      <c r="B44289" s="1" t="s">
        <v>150575</v>
      </c>
      <c r="C44289" s="1" t="s">
        <v>15</v>
      </c>
      <c r="D44289" s="1" t="s">
        <v>49216</v>
      </c>
      <c r="E44289" s="1" t="s">
        <v>150919</v>
      </c>
      <c r="F44289" s="1" t="s">
        <v>150920</v>
      </c>
      <c r="G44289" s="1" t="s">
        <v>150917</v>
      </c>
      <c r="H44289" s="1" t="s">
        <v>150918</v>
      </c>
      <c r="I44289" s="1" t="s">
        <v>150580</v>
      </c>
      <c r="J44289" s="1" t="s">
        <v>150921</v>
      </c>
    </row>
    <row r="44290" spans="1:10" x14ac:dyDescent="0.35">
      <c r="A44290" s="1" t="s">
        <v>4528</v>
      </c>
      <c r="B44290" s="1" t="s">
        <v>150575</v>
      </c>
      <c r="C44290" s="1" t="s">
        <v>20</v>
      </c>
      <c r="D44290" s="1" t="s">
        <v>135884</v>
      </c>
      <c r="E44290" s="1" t="s">
        <v>150922</v>
      </c>
      <c r="F44290" s="1" t="s">
        <v>150923</v>
      </c>
      <c r="G44290" s="1" t="s">
        <v>150917</v>
      </c>
      <c r="H44290" s="1" t="s">
        <v>150918</v>
      </c>
      <c r="I44290" s="1" t="s">
        <v>150580</v>
      </c>
      <c r="J44290" s="1" t="s">
        <v>150924</v>
      </c>
    </row>
    <row r="44291" spans="1:10" x14ac:dyDescent="0.35">
      <c r="A44291" s="1" t="s">
        <v>4528</v>
      </c>
      <c r="B44291" s="1" t="s">
        <v>150575</v>
      </c>
      <c r="C44291" s="1" t="s">
        <v>25</v>
      </c>
      <c r="D44291" s="1" t="s">
        <v>150925</v>
      </c>
      <c r="E44291" s="1" t="s">
        <v>150926</v>
      </c>
      <c r="F44291" s="1" t="s">
        <v>150927</v>
      </c>
      <c r="G44291" s="1" t="s">
        <v>150917</v>
      </c>
      <c r="H44291" s="1" t="s">
        <v>150918</v>
      </c>
      <c r="I44291" s="1" t="s">
        <v>150580</v>
      </c>
      <c r="J44291" s="1" t="s">
        <v>150928</v>
      </c>
    </row>
    <row r="44292" spans="1:10" x14ac:dyDescent="0.35">
      <c r="A44292" s="1" t="s">
        <v>4528</v>
      </c>
      <c r="B44292" s="1" t="s">
        <v>150575</v>
      </c>
      <c r="C44292" s="1" t="s">
        <v>30</v>
      </c>
      <c r="D44292" s="1" t="s">
        <v>150929</v>
      </c>
      <c r="E44292" s="1" t="s">
        <v>150930</v>
      </c>
      <c r="F44292" s="1" t="s">
        <v>150931</v>
      </c>
      <c r="G44292" s="1" t="s">
        <v>150917</v>
      </c>
      <c r="H44292" s="1" t="s">
        <v>150918</v>
      </c>
      <c r="I44292" s="1" t="s">
        <v>150580</v>
      </c>
      <c r="J44292" s="1" t="s">
        <v>150932</v>
      </c>
    </row>
    <row r="44293" spans="1:10" x14ac:dyDescent="0.35">
      <c r="A44293" s="1" t="s">
        <v>4528</v>
      </c>
      <c r="B44293" s="1" t="s">
        <v>150575</v>
      </c>
      <c r="C44293" s="1" t="s">
        <v>35</v>
      </c>
      <c r="D44293" s="1" t="s">
        <v>148746</v>
      </c>
      <c r="E44293" s="1" t="s">
        <v>150933</v>
      </c>
      <c r="F44293" s="1" t="s">
        <v>150934</v>
      </c>
      <c r="G44293" s="1" t="s">
        <v>150917</v>
      </c>
      <c r="H44293" s="1" t="s">
        <v>150918</v>
      </c>
      <c r="I44293" s="1" t="s">
        <v>150580</v>
      </c>
      <c r="J44293" s="1" t="s">
        <v>150935</v>
      </c>
    </row>
    <row r="44294" spans="1:10" x14ac:dyDescent="0.35">
      <c r="A44294" s="1" t="s">
        <v>4528</v>
      </c>
      <c r="B44294" s="1" t="s">
        <v>150575</v>
      </c>
      <c r="C44294" s="1" t="s">
        <v>40</v>
      </c>
      <c r="D44294" s="1" t="s">
        <v>104846</v>
      </c>
      <c r="E44294" s="1" t="s">
        <v>150936</v>
      </c>
      <c r="F44294" s="1" t="s">
        <v>150937</v>
      </c>
      <c r="G44294" s="1" t="s">
        <v>150917</v>
      </c>
      <c r="H44294" s="1" t="s">
        <v>150918</v>
      </c>
      <c r="I44294" s="1" t="s">
        <v>150580</v>
      </c>
      <c r="J44294" s="1" t="s">
        <v>150938</v>
      </c>
    </row>
    <row r="44295" spans="1:10" x14ac:dyDescent="0.35">
      <c r="A44295" s="1" t="s">
        <v>4528</v>
      </c>
      <c r="B44295" s="1" t="s">
        <v>150575</v>
      </c>
      <c r="C44295" s="1" t="s">
        <v>45</v>
      </c>
      <c r="D44295" s="1" t="s">
        <v>150939</v>
      </c>
      <c r="E44295" s="1" t="s">
        <v>150940</v>
      </c>
      <c r="F44295" s="1" t="s">
        <v>150941</v>
      </c>
      <c r="G44295" s="1" t="s">
        <v>150917</v>
      </c>
      <c r="H44295" s="1" t="s">
        <v>150918</v>
      </c>
      <c r="I44295" s="1" t="s">
        <v>150580</v>
      </c>
      <c r="J44295" s="1" t="s">
        <v>150942</v>
      </c>
    </row>
    <row r="44296" spans="1:10" x14ac:dyDescent="0.35">
      <c r="A44296" s="1" t="s">
        <v>4528</v>
      </c>
      <c r="B44296" s="1" t="s">
        <v>150575</v>
      </c>
      <c r="C44296" s="1" t="s">
        <v>50</v>
      </c>
      <c r="D44296" s="1" t="s">
        <v>8797</v>
      </c>
      <c r="E44296" s="1" t="s">
        <v>150943</v>
      </c>
      <c r="F44296" s="1" t="s">
        <v>150944</v>
      </c>
      <c r="G44296" s="1" t="s">
        <v>150917</v>
      </c>
      <c r="H44296" s="1" t="s">
        <v>150918</v>
      </c>
      <c r="I44296" s="1" t="s">
        <v>150580</v>
      </c>
      <c r="J44296" s="1" t="s">
        <v>150945</v>
      </c>
    </row>
    <row r="44297" spans="1:10" x14ac:dyDescent="0.35">
      <c r="A44297" s="1" t="s">
        <v>4528</v>
      </c>
      <c r="B44297" s="1" t="s">
        <v>150575</v>
      </c>
      <c r="C44297" s="1" t="s">
        <v>55</v>
      </c>
      <c r="D44297" s="1" t="s">
        <v>4586</v>
      </c>
      <c r="E44297" s="1" t="s">
        <v>150946</v>
      </c>
      <c r="F44297" s="1" t="s">
        <v>150947</v>
      </c>
      <c r="G44297" s="1" t="s">
        <v>150917</v>
      </c>
      <c r="H44297" s="1" t="s">
        <v>150918</v>
      </c>
      <c r="I44297" s="1" t="s">
        <v>150580</v>
      </c>
      <c r="J44297" s="1" t="s">
        <v>150948</v>
      </c>
    </row>
    <row r="44298" spans="1:10" x14ac:dyDescent="0.35">
      <c r="A44298" s="1" t="s">
        <v>4528</v>
      </c>
      <c r="B44298" s="1" t="s">
        <v>150575</v>
      </c>
      <c r="C44298" s="1" t="s">
        <v>60</v>
      </c>
      <c r="D44298" s="1" t="s">
        <v>150949</v>
      </c>
      <c r="E44298" s="1" t="s">
        <v>150950</v>
      </c>
      <c r="F44298" s="1" t="s">
        <v>150951</v>
      </c>
      <c r="G44298" s="1" t="s">
        <v>150917</v>
      </c>
      <c r="H44298" s="1" t="s">
        <v>150918</v>
      </c>
      <c r="I44298" s="1" t="s">
        <v>150580</v>
      </c>
      <c r="J44298" s="1" t="s">
        <v>150952</v>
      </c>
    </row>
    <row r="44299" spans="1:10" x14ac:dyDescent="0.35">
      <c r="A44299" s="1" t="s">
        <v>4528</v>
      </c>
      <c r="B44299" s="1" t="s">
        <v>150575</v>
      </c>
      <c r="C44299" s="1" t="s">
        <v>65</v>
      </c>
      <c r="D44299" s="1" t="s">
        <v>150953</v>
      </c>
      <c r="E44299" s="1" t="s">
        <v>150954</v>
      </c>
      <c r="F44299" s="1" t="s">
        <v>150955</v>
      </c>
      <c r="G44299" s="1" t="s">
        <v>150917</v>
      </c>
      <c r="H44299" s="1" t="s">
        <v>150918</v>
      </c>
      <c r="I44299" s="1" t="s">
        <v>150580</v>
      </c>
      <c r="J44299" s="1" t="s">
        <v>150956</v>
      </c>
    </row>
    <row r="44300" spans="1:10" x14ac:dyDescent="0.35">
      <c r="A44300" s="1" t="s">
        <v>4528</v>
      </c>
      <c r="B44300" s="1" t="s">
        <v>150575</v>
      </c>
      <c r="C44300" s="1" t="s">
        <v>70</v>
      </c>
      <c r="D44300" s="1" t="s">
        <v>150957</v>
      </c>
      <c r="E44300" s="1" t="s">
        <v>150958</v>
      </c>
      <c r="F44300" s="1" t="s">
        <v>150959</v>
      </c>
      <c r="G44300" s="1" t="s">
        <v>150917</v>
      </c>
      <c r="H44300" s="1" t="s">
        <v>150918</v>
      </c>
      <c r="I44300" s="1" t="s">
        <v>150580</v>
      </c>
      <c r="J44300" s="1" t="s">
        <v>150960</v>
      </c>
    </row>
    <row r="44301" spans="1:10" x14ac:dyDescent="0.35">
      <c r="A44301" s="1" t="s">
        <v>4528</v>
      </c>
      <c r="B44301" s="1" t="s">
        <v>150575</v>
      </c>
      <c r="C44301" s="1" t="s">
        <v>75</v>
      </c>
      <c r="D44301" s="1" t="s">
        <v>75299</v>
      </c>
      <c r="E44301" s="1" t="s">
        <v>150961</v>
      </c>
      <c r="F44301" s="1" t="s">
        <v>150962</v>
      </c>
      <c r="G44301" s="1" t="s">
        <v>150917</v>
      </c>
      <c r="H44301" s="1" t="s">
        <v>150918</v>
      </c>
      <c r="I44301" s="1" t="s">
        <v>150580</v>
      </c>
      <c r="J44301" s="1" t="s">
        <v>150963</v>
      </c>
    </row>
    <row r="44302" spans="1:10" x14ac:dyDescent="0.35">
      <c r="A44302" s="1" t="s">
        <v>4528</v>
      </c>
      <c r="B44302" s="1" t="s">
        <v>150575</v>
      </c>
      <c r="C44302" s="1" t="s">
        <v>80</v>
      </c>
      <c r="D44302" s="1" t="s">
        <v>45920</v>
      </c>
      <c r="E44302" s="1" t="s">
        <v>150964</v>
      </c>
      <c r="F44302" s="1" t="s">
        <v>150965</v>
      </c>
      <c r="G44302" s="1" t="s">
        <v>150917</v>
      </c>
      <c r="H44302" s="1" t="s">
        <v>150918</v>
      </c>
      <c r="I44302" s="1" t="s">
        <v>150580</v>
      </c>
      <c r="J44302" s="1" t="s">
        <v>150966</v>
      </c>
    </row>
    <row r="44303" spans="1:10" x14ac:dyDescent="0.35">
      <c r="A44303" s="1" t="s">
        <v>4528</v>
      </c>
      <c r="B44303" s="1" t="s">
        <v>150575</v>
      </c>
      <c r="C44303" s="1" t="s">
        <v>85</v>
      </c>
      <c r="D44303" s="1" t="s">
        <v>150967</v>
      </c>
      <c r="E44303" s="1" t="s">
        <v>150968</v>
      </c>
      <c r="F44303" s="1" t="s">
        <v>150969</v>
      </c>
      <c r="G44303" s="1" t="s">
        <v>150917</v>
      </c>
      <c r="H44303" s="1" t="s">
        <v>150918</v>
      </c>
      <c r="I44303" s="1" t="s">
        <v>150580</v>
      </c>
      <c r="J44303" s="1" t="s">
        <v>150970</v>
      </c>
    </row>
    <row r="44304" spans="1:10" x14ac:dyDescent="0.35">
      <c r="A44304" s="1" t="s">
        <v>4528</v>
      </c>
      <c r="B44304" s="1" t="s">
        <v>150575</v>
      </c>
      <c r="C44304" s="1" t="s">
        <v>90</v>
      </c>
      <c r="D44304" s="1" t="s">
        <v>150971</v>
      </c>
      <c r="E44304" s="1" t="s">
        <v>150972</v>
      </c>
      <c r="F44304" s="1" t="s">
        <v>150973</v>
      </c>
      <c r="G44304" s="1" t="s">
        <v>150917</v>
      </c>
      <c r="H44304" s="1" t="s">
        <v>150918</v>
      </c>
      <c r="I44304" s="1" t="s">
        <v>150580</v>
      </c>
      <c r="J44304" s="1" t="s">
        <v>150974</v>
      </c>
    </row>
    <row r="44305" spans="1:10" x14ac:dyDescent="0.35">
      <c r="A44305" s="1" t="s">
        <v>4528</v>
      </c>
      <c r="B44305" s="1" t="s">
        <v>150575</v>
      </c>
      <c r="C44305" s="1" t="s">
        <v>95</v>
      </c>
      <c r="D44305" s="1" t="s">
        <v>150975</v>
      </c>
      <c r="E44305" s="1" t="s">
        <v>150976</v>
      </c>
      <c r="F44305" s="1" t="s">
        <v>150977</v>
      </c>
      <c r="G44305" s="1" t="s">
        <v>150917</v>
      </c>
      <c r="H44305" s="1" t="s">
        <v>150918</v>
      </c>
      <c r="I44305" s="1" t="s">
        <v>150580</v>
      </c>
      <c r="J44305" s="1" t="s">
        <v>150978</v>
      </c>
    </row>
    <row r="44306" spans="1:10" x14ac:dyDescent="0.35">
      <c r="A44306" s="1" t="s">
        <v>4528</v>
      </c>
      <c r="B44306" s="1" t="s">
        <v>150575</v>
      </c>
      <c r="C44306" s="1" t="s">
        <v>100</v>
      </c>
      <c r="D44306" s="1" t="s">
        <v>33992</v>
      </c>
      <c r="E44306" s="1" t="s">
        <v>150979</v>
      </c>
      <c r="F44306" s="1" t="s">
        <v>150980</v>
      </c>
      <c r="G44306" s="1" t="s">
        <v>150917</v>
      </c>
      <c r="H44306" s="1" t="s">
        <v>150918</v>
      </c>
      <c r="I44306" s="1" t="s">
        <v>150580</v>
      </c>
      <c r="J44306" s="1" t="s">
        <v>150981</v>
      </c>
    </row>
    <row r="44307" spans="1:10" x14ac:dyDescent="0.35">
      <c r="A44307" s="1" t="s">
        <v>4528</v>
      </c>
      <c r="B44307" s="1" t="s">
        <v>150575</v>
      </c>
      <c r="C44307" s="1" t="s">
        <v>105</v>
      </c>
      <c r="D44307" s="1" t="s">
        <v>83684</v>
      </c>
      <c r="E44307" s="1" t="s">
        <v>150982</v>
      </c>
      <c r="F44307" s="1" t="s">
        <v>150983</v>
      </c>
      <c r="G44307" s="1" t="s">
        <v>150917</v>
      </c>
      <c r="H44307" s="1" t="s">
        <v>150918</v>
      </c>
      <c r="I44307" s="1" t="s">
        <v>150580</v>
      </c>
      <c r="J44307" s="1" t="s">
        <v>150984</v>
      </c>
    </row>
    <row r="44308" spans="1:10" x14ac:dyDescent="0.35">
      <c r="A44308" s="1" t="s">
        <v>4528</v>
      </c>
      <c r="B44308" s="1" t="s">
        <v>150575</v>
      </c>
      <c r="C44308" s="1" t="s">
        <v>110</v>
      </c>
      <c r="D44308" s="1" t="s">
        <v>150985</v>
      </c>
      <c r="E44308" s="1" t="s">
        <v>150986</v>
      </c>
      <c r="F44308" s="1" t="s">
        <v>150987</v>
      </c>
      <c r="G44308" s="1" t="s">
        <v>150917</v>
      </c>
      <c r="H44308" s="1" t="s">
        <v>150918</v>
      </c>
      <c r="I44308" s="1" t="s">
        <v>150580</v>
      </c>
      <c r="J44308" s="1" t="s">
        <v>150988</v>
      </c>
    </row>
    <row r="44309" spans="1:10" x14ac:dyDescent="0.35">
      <c r="A44309" s="1" t="s">
        <v>4528</v>
      </c>
      <c r="B44309" s="1" t="s">
        <v>150575</v>
      </c>
      <c r="C44309" s="1" t="s">
        <v>115</v>
      </c>
      <c r="D44309" s="1" t="s">
        <v>150989</v>
      </c>
      <c r="E44309" s="1" t="s">
        <v>150990</v>
      </c>
      <c r="F44309" s="1" t="s">
        <v>150991</v>
      </c>
      <c r="G44309" s="1" t="s">
        <v>150917</v>
      </c>
      <c r="H44309" s="1" t="s">
        <v>150918</v>
      </c>
      <c r="I44309" s="1" t="s">
        <v>150580</v>
      </c>
      <c r="J44309" s="1" t="s">
        <v>150992</v>
      </c>
    </row>
    <row r="44310" spans="1:10" x14ac:dyDescent="0.35">
      <c r="A44310" s="1" t="s">
        <v>4528</v>
      </c>
      <c r="B44310" s="1" t="s">
        <v>150575</v>
      </c>
      <c r="C44310" s="1" t="s">
        <v>120</v>
      </c>
      <c r="D44310" s="1" t="s">
        <v>3802</v>
      </c>
      <c r="E44310" s="1" t="s">
        <v>150993</v>
      </c>
      <c r="F44310" s="1" t="s">
        <v>150994</v>
      </c>
      <c r="G44310" s="1" t="s">
        <v>150917</v>
      </c>
      <c r="H44310" s="1" t="s">
        <v>150918</v>
      </c>
      <c r="I44310" s="1" t="s">
        <v>150580</v>
      </c>
      <c r="J44310" s="1" t="s">
        <v>150995</v>
      </c>
    </row>
    <row r="44311" spans="1:10" x14ac:dyDescent="0.35">
      <c r="A44311" s="1" t="s">
        <v>4528</v>
      </c>
      <c r="B44311" s="1" t="s">
        <v>150575</v>
      </c>
      <c r="C44311" s="1" t="s">
        <v>125</v>
      </c>
      <c r="D44311" s="1" t="s">
        <v>104710</v>
      </c>
      <c r="E44311" s="1" t="s">
        <v>150996</v>
      </c>
      <c r="F44311" s="1" t="s">
        <v>150997</v>
      </c>
      <c r="G44311" s="1" t="s">
        <v>150917</v>
      </c>
      <c r="H44311" s="1" t="s">
        <v>150918</v>
      </c>
      <c r="I44311" s="1" t="s">
        <v>150580</v>
      </c>
      <c r="J44311" s="1" t="s">
        <v>150998</v>
      </c>
    </row>
    <row r="44312" spans="1:10" x14ac:dyDescent="0.35">
      <c r="A44312" s="1" t="s">
        <v>4528</v>
      </c>
      <c r="B44312" s="1" t="s">
        <v>150575</v>
      </c>
      <c r="C44312" s="1" t="s">
        <v>130</v>
      </c>
      <c r="D44312" s="1" t="s">
        <v>150999</v>
      </c>
      <c r="E44312" s="1" t="s">
        <v>151000</v>
      </c>
      <c r="F44312" s="1" t="s">
        <v>151001</v>
      </c>
      <c r="G44312" s="1" t="s">
        <v>150917</v>
      </c>
      <c r="H44312" s="1" t="s">
        <v>150918</v>
      </c>
      <c r="I44312" s="1" t="s">
        <v>150580</v>
      </c>
      <c r="J44312" s="1" t="s">
        <v>151002</v>
      </c>
    </row>
    <row r="44313" spans="1:10" x14ac:dyDescent="0.35">
      <c r="A44313" s="1" t="s">
        <v>4528</v>
      </c>
      <c r="B44313" s="1" t="s">
        <v>150575</v>
      </c>
      <c r="C44313" s="1" t="s">
        <v>135</v>
      </c>
      <c r="D44313" s="1" t="s">
        <v>151003</v>
      </c>
      <c r="E44313" s="1" t="s">
        <v>151004</v>
      </c>
      <c r="F44313" s="1" t="s">
        <v>151005</v>
      </c>
      <c r="G44313" s="1" t="s">
        <v>150917</v>
      </c>
      <c r="H44313" s="1" t="s">
        <v>150918</v>
      </c>
      <c r="I44313" s="1" t="s">
        <v>150580</v>
      </c>
      <c r="J44313" s="1" t="s">
        <v>151006</v>
      </c>
    </row>
    <row r="44314" spans="1:10" x14ac:dyDescent="0.35">
      <c r="A44314" s="1" t="s">
        <v>4528</v>
      </c>
      <c r="B44314" s="1" t="s">
        <v>150575</v>
      </c>
      <c r="C44314" s="1" t="s">
        <v>140</v>
      </c>
      <c r="D44314" s="1" t="s">
        <v>97812</v>
      </c>
      <c r="E44314" s="1" t="s">
        <v>151007</v>
      </c>
      <c r="F44314" s="1" t="s">
        <v>151008</v>
      </c>
      <c r="G44314" s="1" t="s">
        <v>150917</v>
      </c>
      <c r="H44314" s="1" t="s">
        <v>150918</v>
      </c>
      <c r="I44314" s="1" t="s">
        <v>150580</v>
      </c>
      <c r="J44314" s="1" t="s">
        <v>151009</v>
      </c>
    </row>
    <row r="44315" spans="1:10" x14ac:dyDescent="0.35">
      <c r="A44315" s="1" t="s">
        <v>4528</v>
      </c>
      <c r="B44315" s="1" t="s">
        <v>150575</v>
      </c>
      <c r="C44315" s="1" t="s">
        <v>145</v>
      </c>
      <c r="D44315" s="1" t="s">
        <v>113120</v>
      </c>
      <c r="E44315" s="1" t="s">
        <v>151010</v>
      </c>
      <c r="F44315" s="1" t="s">
        <v>151011</v>
      </c>
      <c r="G44315" s="1" t="s">
        <v>150917</v>
      </c>
      <c r="H44315" s="1" t="s">
        <v>150918</v>
      </c>
      <c r="I44315" s="1" t="s">
        <v>150580</v>
      </c>
      <c r="J44315" s="1" t="s">
        <v>151012</v>
      </c>
    </row>
    <row r="44316" spans="1:10" x14ac:dyDescent="0.35">
      <c r="A44316" s="1" t="s">
        <v>4528</v>
      </c>
      <c r="B44316" s="1" t="s">
        <v>150575</v>
      </c>
      <c r="C44316" s="1" t="s">
        <v>150</v>
      </c>
      <c r="D44316" s="1" t="s">
        <v>151013</v>
      </c>
      <c r="E44316" s="1" t="s">
        <v>151014</v>
      </c>
      <c r="F44316" s="1" t="s">
        <v>151015</v>
      </c>
      <c r="G44316" s="1" t="s">
        <v>150917</v>
      </c>
      <c r="H44316" s="1" t="s">
        <v>150918</v>
      </c>
      <c r="I44316" s="1" t="s">
        <v>150580</v>
      </c>
      <c r="J44316" s="1" t="s">
        <v>151016</v>
      </c>
    </row>
    <row r="44317" spans="1:10" x14ac:dyDescent="0.35">
      <c r="A44317" s="1" t="s">
        <v>4528</v>
      </c>
      <c r="B44317" s="1" t="s">
        <v>150575</v>
      </c>
      <c r="C44317" s="1" t="s">
        <v>155</v>
      </c>
      <c r="D44317" s="1" t="s">
        <v>151017</v>
      </c>
      <c r="E44317" s="1" t="s">
        <v>151018</v>
      </c>
      <c r="F44317" s="1" t="s">
        <v>151019</v>
      </c>
      <c r="G44317" s="1" t="s">
        <v>150917</v>
      </c>
      <c r="H44317" s="1" t="s">
        <v>150918</v>
      </c>
      <c r="I44317" s="1" t="s">
        <v>150580</v>
      </c>
      <c r="J44317" s="1" t="s">
        <v>151020</v>
      </c>
    </row>
    <row r="44318" spans="1:10" x14ac:dyDescent="0.35">
      <c r="A44318" s="1" t="s">
        <v>4528</v>
      </c>
      <c r="B44318" s="1" t="s">
        <v>150575</v>
      </c>
      <c r="C44318" s="1" t="s">
        <v>160</v>
      </c>
      <c r="D44318" s="1" t="s">
        <v>151021</v>
      </c>
      <c r="E44318" s="1" t="s">
        <v>151022</v>
      </c>
      <c r="F44318" s="1" t="s">
        <v>151023</v>
      </c>
      <c r="G44318" s="1" t="s">
        <v>150917</v>
      </c>
      <c r="H44318" s="1" t="s">
        <v>150918</v>
      </c>
      <c r="I44318" s="1" t="s">
        <v>150580</v>
      </c>
      <c r="J44318" s="1" t="s">
        <v>151024</v>
      </c>
    </row>
    <row r="44319" spans="1:10" x14ac:dyDescent="0.35">
      <c r="A44319" s="1" t="s">
        <v>4528</v>
      </c>
      <c r="B44319" s="1" t="s">
        <v>150575</v>
      </c>
      <c r="C44319" s="1" t="s">
        <v>165</v>
      </c>
      <c r="D44319" s="1" t="s">
        <v>151025</v>
      </c>
      <c r="E44319" s="1" t="s">
        <v>151026</v>
      </c>
      <c r="F44319" s="1" t="s">
        <v>151027</v>
      </c>
      <c r="G44319" s="1" t="s">
        <v>150917</v>
      </c>
      <c r="H44319" s="1" t="s">
        <v>150918</v>
      </c>
      <c r="I44319" s="1" t="s">
        <v>150580</v>
      </c>
      <c r="J44319" s="1" t="s">
        <v>151028</v>
      </c>
    </row>
    <row r="44320" spans="1:10" x14ac:dyDescent="0.35">
      <c r="A44320" s="1" t="s">
        <v>4528</v>
      </c>
      <c r="B44320" s="1" t="s">
        <v>150575</v>
      </c>
      <c r="C44320" s="1" t="s">
        <v>170</v>
      </c>
      <c r="D44320" s="1" t="s">
        <v>85820</v>
      </c>
      <c r="E44320" s="1" t="s">
        <v>151029</v>
      </c>
      <c r="F44320" s="1" t="s">
        <v>151030</v>
      </c>
      <c r="G44320" s="1" t="s">
        <v>150917</v>
      </c>
      <c r="H44320" s="1" t="s">
        <v>150918</v>
      </c>
      <c r="I44320" s="1" t="s">
        <v>150580</v>
      </c>
      <c r="J44320" s="1" t="s">
        <v>151031</v>
      </c>
    </row>
    <row r="44321" spans="1:10" x14ac:dyDescent="0.35">
      <c r="A44321" s="1" t="s">
        <v>27362</v>
      </c>
      <c r="B44321" s="1" t="s">
        <v>150575</v>
      </c>
      <c r="C44321" s="1" t="s">
        <v>8</v>
      </c>
      <c r="D44321" s="1" t="s">
        <v>151032</v>
      </c>
      <c r="E44321" s="1" t="s">
        <v>151033</v>
      </c>
      <c r="F44321" s="1" t="s">
        <v>151034</v>
      </c>
      <c r="G44321" s="1" t="s">
        <v>151035</v>
      </c>
      <c r="H44321" s="1" t="s">
        <v>151036</v>
      </c>
      <c r="I44321" s="1" t="s">
        <v>150580</v>
      </c>
      <c r="J44321" s="1" t="s">
        <v>13</v>
      </c>
    </row>
    <row r="44322" spans="1:10" x14ac:dyDescent="0.35">
      <c r="A44322" s="1" t="s">
        <v>27362</v>
      </c>
      <c r="B44322" s="1" t="s">
        <v>150575</v>
      </c>
      <c r="C44322" s="1" t="s">
        <v>15</v>
      </c>
      <c r="D44322" s="1" t="s">
        <v>48875</v>
      </c>
      <c r="E44322" s="1" t="s">
        <v>151037</v>
      </c>
      <c r="F44322" s="1" t="s">
        <v>151038</v>
      </c>
      <c r="G44322" s="1" t="s">
        <v>151035</v>
      </c>
      <c r="H44322" s="1" t="s">
        <v>151036</v>
      </c>
      <c r="I44322" s="1" t="s">
        <v>150580</v>
      </c>
      <c r="J44322" s="1" t="s">
        <v>151039</v>
      </c>
    </row>
    <row r="44323" spans="1:10" x14ac:dyDescent="0.35">
      <c r="A44323" s="1" t="s">
        <v>27362</v>
      </c>
      <c r="B44323" s="1" t="s">
        <v>150575</v>
      </c>
      <c r="C44323" s="1" t="s">
        <v>20</v>
      </c>
      <c r="D44323" s="1" t="s">
        <v>7131</v>
      </c>
      <c r="E44323" s="1" t="s">
        <v>151040</v>
      </c>
      <c r="F44323" s="1" t="s">
        <v>151041</v>
      </c>
      <c r="G44323" s="1" t="s">
        <v>151035</v>
      </c>
      <c r="H44323" s="1" t="s">
        <v>151036</v>
      </c>
      <c r="I44323" s="1" t="s">
        <v>150580</v>
      </c>
      <c r="J44323" s="1" t="s">
        <v>151042</v>
      </c>
    </row>
    <row r="44324" spans="1:10" x14ac:dyDescent="0.35">
      <c r="A44324" s="1" t="s">
        <v>27362</v>
      </c>
      <c r="B44324" s="1" t="s">
        <v>150575</v>
      </c>
      <c r="C44324" s="1" t="s">
        <v>25</v>
      </c>
      <c r="D44324" s="1" t="s">
        <v>70837</v>
      </c>
      <c r="E44324" s="1" t="s">
        <v>151043</v>
      </c>
      <c r="F44324" s="1" t="s">
        <v>151044</v>
      </c>
      <c r="G44324" s="1" t="s">
        <v>151035</v>
      </c>
      <c r="H44324" s="1" t="s">
        <v>151036</v>
      </c>
      <c r="I44324" s="1" t="s">
        <v>150580</v>
      </c>
      <c r="J44324" s="1" t="s">
        <v>151045</v>
      </c>
    </row>
    <row r="44325" spans="1:10" x14ac:dyDescent="0.35">
      <c r="A44325" s="1" t="s">
        <v>27362</v>
      </c>
      <c r="B44325" s="1" t="s">
        <v>150575</v>
      </c>
      <c r="C44325" s="1" t="s">
        <v>30</v>
      </c>
      <c r="D44325" s="1" t="s">
        <v>44188</v>
      </c>
      <c r="E44325" s="1" t="s">
        <v>151046</v>
      </c>
      <c r="F44325" s="1" t="s">
        <v>151047</v>
      </c>
      <c r="G44325" s="1" t="s">
        <v>151035</v>
      </c>
      <c r="H44325" s="1" t="s">
        <v>151036</v>
      </c>
      <c r="I44325" s="1" t="s">
        <v>150580</v>
      </c>
      <c r="J44325" s="1" t="s">
        <v>151048</v>
      </c>
    </row>
    <row r="44326" spans="1:10" x14ac:dyDescent="0.35">
      <c r="A44326" s="1" t="s">
        <v>27362</v>
      </c>
      <c r="B44326" s="1" t="s">
        <v>150575</v>
      </c>
      <c r="C44326" s="1" t="s">
        <v>35</v>
      </c>
      <c r="D44326" s="1" t="s">
        <v>48176</v>
      </c>
      <c r="E44326" s="1" t="s">
        <v>151049</v>
      </c>
      <c r="F44326" s="1" t="s">
        <v>151050</v>
      </c>
      <c r="G44326" s="1" t="s">
        <v>151035</v>
      </c>
      <c r="H44326" s="1" t="s">
        <v>151036</v>
      </c>
      <c r="I44326" s="1" t="s">
        <v>150580</v>
      </c>
      <c r="J44326" s="1" t="s">
        <v>151051</v>
      </c>
    </row>
    <row r="44327" spans="1:10" x14ac:dyDescent="0.35">
      <c r="A44327" s="1" t="s">
        <v>27362</v>
      </c>
      <c r="B44327" s="1" t="s">
        <v>150575</v>
      </c>
      <c r="C44327" s="1" t="s">
        <v>40</v>
      </c>
      <c r="D44327" s="1" t="s">
        <v>51300</v>
      </c>
      <c r="E44327" s="1" t="s">
        <v>151052</v>
      </c>
      <c r="F44327" s="1" t="s">
        <v>151053</v>
      </c>
      <c r="G44327" s="1" t="s">
        <v>151035</v>
      </c>
      <c r="H44327" s="1" t="s">
        <v>151036</v>
      </c>
      <c r="I44327" s="1" t="s">
        <v>150580</v>
      </c>
      <c r="J44327" s="1" t="s">
        <v>151054</v>
      </c>
    </row>
    <row r="44328" spans="1:10" x14ac:dyDescent="0.35">
      <c r="A44328" s="1" t="s">
        <v>27362</v>
      </c>
      <c r="B44328" s="1" t="s">
        <v>150575</v>
      </c>
      <c r="C44328" s="1" t="s">
        <v>45</v>
      </c>
      <c r="D44328" s="1" t="s">
        <v>71729</v>
      </c>
      <c r="E44328" s="1" t="s">
        <v>151055</v>
      </c>
      <c r="F44328" s="1" t="s">
        <v>151056</v>
      </c>
      <c r="G44328" s="1" t="s">
        <v>151035</v>
      </c>
      <c r="H44328" s="1" t="s">
        <v>151036</v>
      </c>
      <c r="I44328" s="1" t="s">
        <v>150580</v>
      </c>
      <c r="J44328" s="1" t="s">
        <v>151057</v>
      </c>
    </row>
    <row r="44329" spans="1:10" x14ac:dyDescent="0.35">
      <c r="A44329" s="1" t="s">
        <v>27362</v>
      </c>
      <c r="B44329" s="1" t="s">
        <v>150575</v>
      </c>
      <c r="C44329" s="1" t="s">
        <v>50</v>
      </c>
      <c r="D44329" s="1" t="s">
        <v>17433</v>
      </c>
      <c r="E44329" s="1" t="s">
        <v>151058</v>
      </c>
      <c r="F44329" s="1" t="s">
        <v>151059</v>
      </c>
      <c r="G44329" s="1" t="s">
        <v>151035</v>
      </c>
      <c r="H44329" s="1" t="s">
        <v>151036</v>
      </c>
      <c r="I44329" s="1" t="s">
        <v>150580</v>
      </c>
      <c r="J44329" s="1" t="s">
        <v>151060</v>
      </c>
    </row>
    <row r="44330" spans="1:10" x14ac:dyDescent="0.35">
      <c r="A44330" s="1" t="s">
        <v>27362</v>
      </c>
      <c r="B44330" s="1" t="s">
        <v>150575</v>
      </c>
      <c r="C44330" s="1" t="s">
        <v>55</v>
      </c>
      <c r="D44330" s="1" t="s">
        <v>51322</v>
      </c>
      <c r="E44330" s="1" t="s">
        <v>151061</v>
      </c>
      <c r="F44330" s="1" t="s">
        <v>151062</v>
      </c>
      <c r="G44330" s="1" t="s">
        <v>151035</v>
      </c>
      <c r="H44330" s="1" t="s">
        <v>151036</v>
      </c>
      <c r="I44330" s="1" t="s">
        <v>150580</v>
      </c>
      <c r="J44330" s="1" t="s">
        <v>151063</v>
      </c>
    </row>
    <row r="44331" spans="1:10" x14ac:dyDescent="0.35">
      <c r="A44331" s="1" t="s">
        <v>27362</v>
      </c>
      <c r="B44331" s="1" t="s">
        <v>150575</v>
      </c>
      <c r="C44331" s="1" t="s">
        <v>60</v>
      </c>
      <c r="D44331" s="1" t="s">
        <v>14626</v>
      </c>
      <c r="E44331" s="1" t="s">
        <v>151064</v>
      </c>
      <c r="F44331" s="1" t="s">
        <v>151065</v>
      </c>
      <c r="G44331" s="1" t="s">
        <v>151035</v>
      </c>
      <c r="H44331" s="1" t="s">
        <v>151036</v>
      </c>
      <c r="I44331" s="1" t="s">
        <v>150580</v>
      </c>
      <c r="J44331" s="1" t="s">
        <v>151066</v>
      </c>
    </row>
    <row r="44332" spans="1:10" x14ac:dyDescent="0.35">
      <c r="A44332" s="1" t="s">
        <v>27362</v>
      </c>
      <c r="B44332" s="1" t="s">
        <v>150575</v>
      </c>
      <c r="C44332" s="1" t="s">
        <v>65</v>
      </c>
      <c r="D44332" s="1" t="s">
        <v>125290</v>
      </c>
      <c r="E44332" s="1" t="s">
        <v>151067</v>
      </c>
      <c r="F44332" s="1" t="s">
        <v>151068</v>
      </c>
      <c r="G44332" s="1" t="s">
        <v>151035</v>
      </c>
      <c r="H44332" s="1" t="s">
        <v>151036</v>
      </c>
      <c r="I44332" s="1" t="s">
        <v>150580</v>
      </c>
      <c r="J44332" s="1" t="s">
        <v>151069</v>
      </c>
    </row>
    <row r="44333" spans="1:10" x14ac:dyDescent="0.35">
      <c r="A44333" s="1" t="s">
        <v>27362</v>
      </c>
      <c r="B44333" s="1" t="s">
        <v>150575</v>
      </c>
      <c r="C44333" s="1" t="s">
        <v>70</v>
      </c>
      <c r="D44333" s="1" t="s">
        <v>18439</v>
      </c>
      <c r="E44333" s="1" t="s">
        <v>151070</v>
      </c>
      <c r="F44333" s="1" t="s">
        <v>151071</v>
      </c>
      <c r="G44333" s="1" t="s">
        <v>151035</v>
      </c>
      <c r="H44333" s="1" t="s">
        <v>151036</v>
      </c>
      <c r="I44333" s="1" t="s">
        <v>150580</v>
      </c>
      <c r="J44333" s="1" t="s">
        <v>151072</v>
      </c>
    </row>
    <row r="44334" spans="1:10" x14ac:dyDescent="0.35">
      <c r="A44334" s="1" t="s">
        <v>27362</v>
      </c>
      <c r="B44334" s="1" t="s">
        <v>150575</v>
      </c>
      <c r="C44334" s="1" t="s">
        <v>75</v>
      </c>
      <c r="D44334" s="1" t="s">
        <v>31541</v>
      </c>
      <c r="E44334" s="1" t="s">
        <v>151073</v>
      </c>
      <c r="F44334" s="1" t="s">
        <v>151074</v>
      </c>
      <c r="G44334" s="1" t="s">
        <v>151035</v>
      </c>
      <c r="H44334" s="1" t="s">
        <v>151036</v>
      </c>
      <c r="I44334" s="1" t="s">
        <v>150580</v>
      </c>
      <c r="J44334" s="1" t="s">
        <v>151075</v>
      </c>
    </row>
    <row r="44335" spans="1:10" x14ac:dyDescent="0.35">
      <c r="A44335" s="1" t="s">
        <v>27362</v>
      </c>
      <c r="B44335" s="1" t="s">
        <v>150575</v>
      </c>
      <c r="C44335" s="1" t="s">
        <v>80</v>
      </c>
      <c r="D44335" s="1" t="s">
        <v>151076</v>
      </c>
      <c r="E44335" s="1" t="s">
        <v>151077</v>
      </c>
      <c r="F44335" s="1" t="s">
        <v>151078</v>
      </c>
      <c r="G44335" s="1" t="s">
        <v>151035</v>
      </c>
      <c r="H44335" s="1" t="s">
        <v>151036</v>
      </c>
      <c r="I44335" s="1" t="s">
        <v>150580</v>
      </c>
      <c r="J44335" s="1" t="s">
        <v>151079</v>
      </c>
    </row>
    <row r="44336" spans="1:10" x14ac:dyDescent="0.35">
      <c r="A44336" s="1" t="s">
        <v>27362</v>
      </c>
      <c r="B44336" s="1" t="s">
        <v>150575</v>
      </c>
      <c r="C44336" s="1" t="s">
        <v>85</v>
      </c>
      <c r="D44336" s="1" t="s">
        <v>151080</v>
      </c>
      <c r="E44336" s="1" t="s">
        <v>151081</v>
      </c>
      <c r="F44336" s="1" t="s">
        <v>151082</v>
      </c>
      <c r="G44336" s="1" t="s">
        <v>151035</v>
      </c>
      <c r="H44336" s="1" t="s">
        <v>151036</v>
      </c>
      <c r="I44336" s="1" t="s">
        <v>150580</v>
      </c>
      <c r="J44336" s="1" t="s">
        <v>151083</v>
      </c>
    </row>
    <row r="44337" spans="1:10" x14ac:dyDescent="0.35">
      <c r="A44337" s="1" t="s">
        <v>27362</v>
      </c>
      <c r="B44337" s="1" t="s">
        <v>150575</v>
      </c>
      <c r="C44337" s="1" t="s">
        <v>90</v>
      </c>
      <c r="D44337" s="1" t="s">
        <v>82243</v>
      </c>
      <c r="E44337" s="1" t="s">
        <v>151084</v>
      </c>
      <c r="F44337" s="1" t="s">
        <v>151085</v>
      </c>
      <c r="G44337" s="1" t="s">
        <v>151035</v>
      </c>
      <c r="H44337" s="1" t="s">
        <v>151036</v>
      </c>
      <c r="I44337" s="1" t="s">
        <v>150580</v>
      </c>
      <c r="J44337" s="1" t="s">
        <v>151086</v>
      </c>
    </row>
    <row r="44338" spans="1:10" x14ac:dyDescent="0.35">
      <c r="A44338" s="1" t="s">
        <v>27362</v>
      </c>
      <c r="B44338" s="1" t="s">
        <v>150575</v>
      </c>
      <c r="C44338" s="1" t="s">
        <v>95</v>
      </c>
      <c r="D44338" s="1" t="s">
        <v>82481</v>
      </c>
      <c r="E44338" s="1" t="s">
        <v>151087</v>
      </c>
      <c r="F44338" s="1" t="s">
        <v>151088</v>
      </c>
      <c r="G44338" s="1" t="s">
        <v>151035</v>
      </c>
      <c r="H44338" s="1" t="s">
        <v>151036</v>
      </c>
      <c r="I44338" s="1" t="s">
        <v>150580</v>
      </c>
      <c r="J44338" s="1" t="s">
        <v>151089</v>
      </c>
    </row>
    <row r="44339" spans="1:10" x14ac:dyDescent="0.35">
      <c r="A44339" s="1" t="s">
        <v>27362</v>
      </c>
      <c r="B44339" s="1" t="s">
        <v>150575</v>
      </c>
      <c r="C44339" s="1" t="s">
        <v>100</v>
      </c>
      <c r="D44339" s="1" t="s">
        <v>151090</v>
      </c>
      <c r="E44339" s="1" t="s">
        <v>151091</v>
      </c>
      <c r="F44339" s="1" t="s">
        <v>151092</v>
      </c>
      <c r="G44339" s="1" t="s">
        <v>151035</v>
      </c>
      <c r="H44339" s="1" t="s">
        <v>151036</v>
      </c>
      <c r="I44339" s="1" t="s">
        <v>150580</v>
      </c>
      <c r="J44339" s="1" t="s">
        <v>151093</v>
      </c>
    </row>
    <row r="44340" spans="1:10" x14ac:dyDescent="0.35">
      <c r="A44340" s="1" t="s">
        <v>27362</v>
      </c>
      <c r="B44340" s="1" t="s">
        <v>150575</v>
      </c>
      <c r="C44340" s="1" t="s">
        <v>105</v>
      </c>
      <c r="D44340" s="1" t="s">
        <v>114066</v>
      </c>
      <c r="E44340" s="1" t="s">
        <v>151094</v>
      </c>
      <c r="F44340" s="1" t="s">
        <v>151095</v>
      </c>
      <c r="G44340" s="1" t="s">
        <v>151035</v>
      </c>
      <c r="H44340" s="1" t="s">
        <v>151036</v>
      </c>
      <c r="I44340" s="1" t="s">
        <v>150580</v>
      </c>
      <c r="J44340" s="1" t="s">
        <v>151096</v>
      </c>
    </row>
    <row r="44341" spans="1:10" x14ac:dyDescent="0.35">
      <c r="A44341" s="1" t="s">
        <v>27362</v>
      </c>
      <c r="B44341" s="1" t="s">
        <v>150575</v>
      </c>
      <c r="C44341" s="1" t="s">
        <v>110</v>
      </c>
      <c r="D44341" s="1" t="s">
        <v>151097</v>
      </c>
      <c r="E44341" s="1" t="s">
        <v>151098</v>
      </c>
      <c r="F44341" s="1" t="s">
        <v>151099</v>
      </c>
      <c r="G44341" s="1" t="s">
        <v>151035</v>
      </c>
      <c r="H44341" s="1" t="s">
        <v>151036</v>
      </c>
      <c r="I44341" s="1" t="s">
        <v>150580</v>
      </c>
      <c r="J44341" s="1" t="s">
        <v>151100</v>
      </c>
    </row>
    <row r="44342" spans="1:10" x14ac:dyDescent="0.35">
      <c r="A44342" s="1" t="s">
        <v>27362</v>
      </c>
      <c r="B44342" s="1" t="s">
        <v>150575</v>
      </c>
      <c r="C44342" s="1" t="s">
        <v>115</v>
      </c>
      <c r="D44342" s="1" t="s">
        <v>151101</v>
      </c>
      <c r="E44342" s="1" t="s">
        <v>151102</v>
      </c>
      <c r="F44342" s="1" t="s">
        <v>151103</v>
      </c>
      <c r="G44342" s="1" t="s">
        <v>151035</v>
      </c>
      <c r="H44342" s="1" t="s">
        <v>151036</v>
      </c>
      <c r="I44342" s="1" t="s">
        <v>150580</v>
      </c>
      <c r="J44342" s="1" t="s">
        <v>151104</v>
      </c>
    </row>
    <row r="44343" spans="1:10" x14ac:dyDescent="0.35">
      <c r="A44343" s="1" t="s">
        <v>27362</v>
      </c>
      <c r="B44343" s="1" t="s">
        <v>150575</v>
      </c>
      <c r="C44343" s="1" t="s">
        <v>120</v>
      </c>
      <c r="D44343" s="1" t="s">
        <v>146948</v>
      </c>
      <c r="E44343" s="1" t="s">
        <v>151105</v>
      </c>
      <c r="F44343" s="1" t="s">
        <v>151106</v>
      </c>
      <c r="G44343" s="1" t="s">
        <v>151035</v>
      </c>
      <c r="H44343" s="1" t="s">
        <v>151036</v>
      </c>
      <c r="I44343" s="1" t="s">
        <v>150580</v>
      </c>
      <c r="J44343" s="1" t="s">
        <v>151107</v>
      </c>
    </row>
    <row r="44344" spans="1:10" x14ac:dyDescent="0.35">
      <c r="A44344" s="1" t="s">
        <v>27362</v>
      </c>
      <c r="B44344" s="1" t="s">
        <v>150575</v>
      </c>
      <c r="C44344" s="1" t="s">
        <v>125</v>
      </c>
      <c r="D44344" s="1" t="s">
        <v>151108</v>
      </c>
      <c r="E44344" s="1" t="s">
        <v>151109</v>
      </c>
      <c r="F44344" s="1" t="s">
        <v>151110</v>
      </c>
      <c r="G44344" s="1" t="s">
        <v>151035</v>
      </c>
      <c r="H44344" s="1" t="s">
        <v>151036</v>
      </c>
      <c r="I44344" s="1" t="s">
        <v>150580</v>
      </c>
      <c r="J44344" s="1" t="s">
        <v>151111</v>
      </c>
    </row>
    <row r="44345" spans="1:10" x14ac:dyDescent="0.35">
      <c r="A44345" s="1" t="s">
        <v>27362</v>
      </c>
      <c r="B44345" s="1" t="s">
        <v>150575</v>
      </c>
      <c r="C44345" s="1" t="s">
        <v>130</v>
      </c>
      <c r="D44345" s="1" t="s">
        <v>151112</v>
      </c>
      <c r="E44345" s="1" t="s">
        <v>151113</v>
      </c>
      <c r="F44345" s="1" t="s">
        <v>151114</v>
      </c>
      <c r="G44345" s="1" t="s">
        <v>151035</v>
      </c>
      <c r="H44345" s="1" t="s">
        <v>151036</v>
      </c>
      <c r="I44345" s="1" t="s">
        <v>150580</v>
      </c>
      <c r="J44345" s="1" t="s">
        <v>151115</v>
      </c>
    </row>
    <row r="44346" spans="1:10" x14ac:dyDescent="0.35">
      <c r="A44346" s="1" t="s">
        <v>27362</v>
      </c>
      <c r="B44346" s="1" t="s">
        <v>150575</v>
      </c>
      <c r="C44346" s="1" t="s">
        <v>135</v>
      </c>
      <c r="D44346" s="1" t="s">
        <v>151116</v>
      </c>
      <c r="E44346" s="1" t="s">
        <v>151117</v>
      </c>
      <c r="F44346" s="1" t="s">
        <v>151118</v>
      </c>
      <c r="G44346" s="1" t="s">
        <v>151035</v>
      </c>
      <c r="H44346" s="1" t="s">
        <v>151036</v>
      </c>
      <c r="I44346" s="1" t="s">
        <v>150580</v>
      </c>
      <c r="J44346" s="1" t="s">
        <v>151119</v>
      </c>
    </row>
    <row r="44347" spans="1:10" x14ac:dyDescent="0.35">
      <c r="A44347" s="1" t="s">
        <v>27362</v>
      </c>
      <c r="B44347" s="1" t="s">
        <v>150575</v>
      </c>
      <c r="C44347" s="1" t="s">
        <v>140</v>
      </c>
      <c r="D44347" s="1" t="s">
        <v>151120</v>
      </c>
      <c r="E44347" s="1" t="s">
        <v>151121</v>
      </c>
      <c r="F44347" s="1" t="s">
        <v>151122</v>
      </c>
      <c r="G44347" s="1" t="s">
        <v>151035</v>
      </c>
      <c r="H44347" s="1" t="s">
        <v>151036</v>
      </c>
      <c r="I44347" s="1" t="s">
        <v>150580</v>
      </c>
      <c r="J44347" s="1" t="s">
        <v>151123</v>
      </c>
    </row>
    <row r="44348" spans="1:10" x14ac:dyDescent="0.35">
      <c r="A44348" s="1" t="s">
        <v>27362</v>
      </c>
      <c r="B44348" s="1" t="s">
        <v>150575</v>
      </c>
      <c r="C44348" s="1" t="s">
        <v>145</v>
      </c>
      <c r="D44348" s="1" t="s">
        <v>147205</v>
      </c>
      <c r="E44348" s="1" t="s">
        <v>151124</v>
      </c>
      <c r="F44348" s="1" t="s">
        <v>151125</v>
      </c>
      <c r="G44348" s="1" t="s">
        <v>151035</v>
      </c>
      <c r="H44348" s="1" t="s">
        <v>151036</v>
      </c>
      <c r="I44348" s="1" t="s">
        <v>150580</v>
      </c>
      <c r="J44348" s="1" t="s">
        <v>151126</v>
      </c>
    </row>
    <row r="44349" spans="1:10" x14ac:dyDescent="0.35">
      <c r="A44349" s="1" t="s">
        <v>27362</v>
      </c>
      <c r="B44349" s="1" t="s">
        <v>150575</v>
      </c>
      <c r="C44349" s="1" t="s">
        <v>150</v>
      </c>
      <c r="D44349" s="1" t="s">
        <v>47010</v>
      </c>
      <c r="E44349" s="1" t="s">
        <v>151127</v>
      </c>
      <c r="F44349" s="1" t="s">
        <v>151128</v>
      </c>
      <c r="G44349" s="1" t="s">
        <v>151035</v>
      </c>
      <c r="H44349" s="1" t="s">
        <v>151036</v>
      </c>
      <c r="I44349" s="1" t="s">
        <v>150580</v>
      </c>
      <c r="J44349" s="1" t="s">
        <v>151129</v>
      </c>
    </row>
    <row r="44350" spans="1:10" x14ac:dyDescent="0.35">
      <c r="A44350" s="1" t="s">
        <v>27362</v>
      </c>
      <c r="B44350" s="1" t="s">
        <v>150575</v>
      </c>
      <c r="C44350" s="1" t="s">
        <v>155</v>
      </c>
      <c r="D44350" s="1" t="s">
        <v>99107</v>
      </c>
      <c r="E44350" s="1" t="s">
        <v>151130</v>
      </c>
      <c r="F44350" s="1" t="s">
        <v>151131</v>
      </c>
      <c r="G44350" s="1" t="s">
        <v>151035</v>
      </c>
      <c r="H44350" s="1" t="s">
        <v>151036</v>
      </c>
      <c r="I44350" s="1" t="s">
        <v>150580</v>
      </c>
      <c r="J44350" s="1" t="s">
        <v>151132</v>
      </c>
    </row>
    <row r="44351" spans="1:10" x14ac:dyDescent="0.35">
      <c r="A44351" s="1" t="s">
        <v>27362</v>
      </c>
      <c r="B44351" s="1" t="s">
        <v>150575</v>
      </c>
      <c r="C44351" s="1" t="s">
        <v>160</v>
      </c>
      <c r="D44351" s="1" t="s">
        <v>151133</v>
      </c>
      <c r="E44351" s="1" t="s">
        <v>151134</v>
      </c>
      <c r="F44351" s="1" t="s">
        <v>151135</v>
      </c>
      <c r="G44351" s="1" t="s">
        <v>151035</v>
      </c>
      <c r="H44351" s="1" t="s">
        <v>151036</v>
      </c>
      <c r="I44351" s="1" t="s">
        <v>150580</v>
      </c>
      <c r="J44351" s="1" t="s">
        <v>151136</v>
      </c>
    </row>
    <row r="44352" spans="1:10" x14ac:dyDescent="0.35">
      <c r="A44352" s="1" t="s">
        <v>27362</v>
      </c>
      <c r="B44352" s="1" t="s">
        <v>150575</v>
      </c>
      <c r="C44352" s="1" t="s">
        <v>165</v>
      </c>
      <c r="D44352" s="1" t="s">
        <v>151137</v>
      </c>
      <c r="E44352" s="1" t="s">
        <v>151138</v>
      </c>
      <c r="F44352" s="1" t="s">
        <v>151139</v>
      </c>
      <c r="G44352" s="1" t="s">
        <v>151035</v>
      </c>
      <c r="H44352" s="1" t="s">
        <v>151036</v>
      </c>
      <c r="I44352" s="1" t="s">
        <v>150580</v>
      </c>
      <c r="J44352" s="1" t="s">
        <v>151140</v>
      </c>
    </row>
    <row r="44353" spans="1:10" x14ac:dyDescent="0.35">
      <c r="A44353" s="1" t="s">
        <v>27362</v>
      </c>
      <c r="B44353" s="1" t="s">
        <v>150575</v>
      </c>
      <c r="C44353" s="1" t="s">
        <v>170</v>
      </c>
      <c r="D44353" s="1" t="s">
        <v>151141</v>
      </c>
      <c r="E44353" s="1" t="s">
        <v>151142</v>
      </c>
      <c r="F44353" s="1" t="s">
        <v>151143</v>
      </c>
      <c r="G44353" s="1" t="s">
        <v>151035</v>
      </c>
      <c r="H44353" s="1" t="s">
        <v>151036</v>
      </c>
      <c r="I44353" s="1" t="s">
        <v>150580</v>
      </c>
      <c r="J44353" s="1" t="s">
        <v>151144</v>
      </c>
    </row>
    <row r="44354" spans="1:10" x14ac:dyDescent="0.35">
      <c r="A44354" s="1" t="s">
        <v>27907</v>
      </c>
      <c r="B44354" s="1" t="s">
        <v>151145</v>
      </c>
      <c r="C44354" s="1" t="s">
        <v>8</v>
      </c>
      <c r="D44354" s="1" t="s">
        <v>151146</v>
      </c>
      <c r="E44354" s="1" t="s">
        <v>151147</v>
      </c>
      <c r="F44354" s="1" t="s">
        <v>151148</v>
      </c>
      <c r="G44354" s="1" t="s">
        <v>151149</v>
      </c>
      <c r="H44354" s="1" t="s">
        <v>148153</v>
      </c>
      <c r="I44354" s="1" t="s">
        <v>151150</v>
      </c>
      <c r="J44354" s="1" t="s">
        <v>13</v>
      </c>
    </row>
    <row r="44355" spans="1:10" x14ac:dyDescent="0.35">
      <c r="A44355" s="1" t="s">
        <v>27907</v>
      </c>
      <c r="B44355" s="1" t="s">
        <v>151145</v>
      </c>
      <c r="C44355" s="1" t="s">
        <v>15</v>
      </c>
      <c r="D44355" s="1" t="s">
        <v>125412</v>
      </c>
      <c r="E44355" s="1" t="s">
        <v>151151</v>
      </c>
      <c r="F44355" s="1" t="s">
        <v>151152</v>
      </c>
      <c r="G44355" s="1" t="s">
        <v>151149</v>
      </c>
      <c r="H44355" s="1" t="s">
        <v>148153</v>
      </c>
      <c r="I44355" s="1" t="s">
        <v>151150</v>
      </c>
      <c r="J44355" s="1" t="s">
        <v>151153</v>
      </c>
    </row>
    <row r="44356" spans="1:10" x14ac:dyDescent="0.35">
      <c r="A44356" s="1" t="s">
        <v>27907</v>
      </c>
      <c r="B44356" s="1" t="s">
        <v>151145</v>
      </c>
      <c r="C44356" s="1" t="s">
        <v>20</v>
      </c>
      <c r="D44356" s="1" t="s">
        <v>36771</v>
      </c>
      <c r="E44356" s="1" t="s">
        <v>151154</v>
      </c>
      <c r="F44356" s="1" t="s">
        <v>151155</v>
      </c>
      <c r="G44356" s="1" t="s">
        <v>151149</v>
      </c>
      <c r="H44356" s="1" t="s">
        <v>148153</v>
      </c>
      <c r="I44356" s="1" t="s">
        <v>151150</v>
      </c>
      <c r="J44356" s="1" t="s">
        <v>151156</v>
      </c>
    </row>
    <row r="44357" spans="1:10" x14ac:dyDescent="0.35">
      <c r="A44357" s="1" t="s">
        <v>27907</v>
      </c>
      <c r="B44357" s="1" t="s">
        <v>151145</v>
      </c>
      <c r="C44357" s="1" t="s">
        <v>25</v>
      </c>
      <c r="D44357" s="1" t="s">
        <v>36046</v>
      </c>
      <c r="E44357" s="1" t="s">
        <v>151157</v>
      </c>
      <c r="F44357" s="1" t="s">
        <v>151158</v>
      </c>
      <c r="G44357" s="1" t="s">
        <v>151149</v>
      </c>
      <c r="H44357" s="1" t="s">
        <v>148153</v>
      </c>
      <c r="I44357" s="1" t="s">
        <v>151150</v>
      </c>
      <c r="J44357" s="1" t="s">
        <v>151159</v>
      </c>
    </row>
    <row r="44358" spans="1:10" x14ac:dyDescent="0.35">
      <c r="A44358" s="1" t="s">
        <v>27907</v>
      </c>
      <c r="B44358" s="1" t="s">
        <v>151145</v>
      </c>
      <c r="C44358" s="1" t="s">
        <v>30</v>
      </c>
      <c r="D44358" s="1" t="s">
        <v>73539</v>
      </c>
      <c r="E44358" s="1" t="s">
        <v>151160</v>
      </c>
      <c r="F44358" s="1" t="s">
        <v>151161</v>
      </c>
      <c r="G44358" s="1" t="s">
        <v>151149</v>
      </c>
      <c r="H44358" s="1" t="s">
        <v>148153</v>
      </c>
      <c r="I44358" s="1" t="s">
        <v>151150</v>
      </c>
      <c r="J44358" s="1" t="s">
        <v>151162</v>
      </c>
    </row>
    <row r="44359" spans="1:10" x14ac:dyDescent="0.35">
      <c r="A44359" s="1" t="s">
        <v>27907</v>
      </c>
      <c r="B44359" s="1" t="s">
        <v>151145</v>
      </c>
      <c r="C44359" s="1" t="s">
        <v>35</v>
      </c>
      <c r="D44359" s="1" t="s">
        <v>25032</v>
      </c>
      <c r="E44359" s="1" t="s">
        <v>151163</v>
      </c>
      <c r="F44359" s="1" t="s">
        <v>151164</v>
      </c>
      <c r="G44359" s="1" t="s">
        <v>151149</v>
      </c>
      <c r="H44359" s="1" t="s">
        <v>148153</v>
      </c>
      <c r="I44359" s="1" t="s">
        <v>151150</v>
      </c>
      <c r="J44359" s="1" t="s">
        <v>151165</v>
      </c>
    </row>
    <row r="44360" spans="1:10" x14ac:dyDescent="0.35">
      <c r="A44360" s="1" t="s">
        <v>27907</v>
      </c>
      <c r="B44360" s="1" t="s">
        <v>151145</v>
      </c>
      <c r="C44360" s="1" t="s">
        <v>40</v>
      </c>
      <c r="D44360" s="1" t="s">
        <v>71892</v>
      </c>
      <c r="E44360" s="1" t="s">
        <v>151166</v>
      </c>
      <c r="F44360" s="1" t="s">
        <v>151167</v>
      </c>
      <c r="G44360" s="1" t="s">
        <v>151149</v>
      </c>
      <c r="H44360" s="1" t="s">
        <v>148153</v>
      </c>
      <c r="I44360" s="1" t="s">
        <v>151150</v>
      </c>
      <c r="J44360" s="1" t="s">
        <v>151168</v>
      </c>
    </row>
    <row r="44361" spans="1:10" x14ac:dyDescent="0.35">
      <c r="A44361" s="1" t="s">
        <v>27907</v>
      </c>
      <c r="B44361" s="1" t="s">
        <v>151145</v>
      </c>
      <c r="C44361" s="1" t="s">
        <v>45</v>
      </c>
      <c r="D44361" s="1" t="s">
        <v>25036</v>
      </c>
      <c r="E44361" s="1" t="s">
        <v>151169</v>
      </c>
      <c r="F44361" s="1" t="s">
        <v>151170</v>
      </c>
      <c r="G44361" s="1" t="s">
        <v>151149</v>
      </c>
      <c r="H44361" s="1" t="s">
        <v>148153</v>
      </c>
      <c r="I44361" s="1" t="s">
        <v>151150</v>
      </c>
      <c r="J44361" s="1" t="s">
        <v>151171</v>
      </c>
    </row>
    <row r="44362" spans="1:10" x14ac:dyDescent="0.35">
      <c r="A44362" s="1" t="s">
        <v>27907</v>
      </c>
      <c r="B44362" s="1" t="s">
        <v>151145</v>
      </c>
      <c r="C44362" s="1" t="s">
        <v>50</v>
      </c>
      <c r="D44362" s="1" t="s">
        <v>46483</v>
      </c>
      <c r="E44362" s="1" t="s">
        <v>151172</v>
      </c>
      <c r="F44362" s="1" t="s">
        <v>151173</v>
      </c>
      <c r="G44362" s="1" t="s">
        <v>151149</v>
      </c>
      <c r="H44362" s="1" t="s">
        <v>148153</v>
      </c>
      <c r="I44362" s="1" t="s">
        <v>151150</v>
      </c>
      <c r="J44362" s="1" t="s">
        <v>151174</v>
      </c>
    </row>
    <row r="44363" spans="1:10" x14ac:dyDescent="0.35">
      <c r="A44363" s="1" t="s">
        <v>27907</v>
      </c>
      <c r="B44363" s="1" t="s">
        <v>151145</v>
      </c>
      <c r="C44363" s="1" t="s">
        <v>55</v>
      </c>
      <c r="D44363" s="1" t="s">
        <v>49098</v>
      </c>
      <c r="E44363" s="1" t="s">
        <v>151175</v>
      </c>
      <c r="F44363" s="1" t="s">
        <v>151176</v>
      </c>
      <c r="G44363" s="1" t="s">
        <v>151149</v>
      </c>
      <c r="H44363" s="1" t="s">
        <v>148153</v>
      </c>
      <c r="I44363" s="1" t="s">
        <v>151150</v>
      </c>
      <c r="J44363" s="1" t="s">
        <v>151177</v>
      </c>
    </row>
    <row r="44364" spans="1:10" x14ac:dyDescent="0.35">
      <c r="A44364" s="1" t="s">
        <v>27907</v>
      </c>
      <c r="B44364" s="1" t="s">
        <v>151145</v>
      </c>
      <c r="C44364" s="1" t="s">
        <v>60</v>
      </c>
      <c r="D44364" s="1" t="s">
        <v>74798</v>
      </c>
      <c r="E44364" s="1" t="s">
        <v>151178</v>
      </c>
      <c r="F44364" s="1" t="s">
        <v>151179</v>
      </c>
      <c r="G44364" s="1" t="s">
        <v>151149</v>
      </c>
      <c r="H44364" s="1" t="s">
        <v>148153</v>
      </c>
      <c r="I44364" s="1" t="s">
        <v>151150</v>
      </c>
      <c r="J44364" s="1" t="s">
        <v>151180</v>
      </c>
    </row>
    <row r="44365" spans="1:10" x14ac:dyDescent="0.35">
      <c r="A44365" s="1" t="s">
        <v>27907</v>
      </c>
      <c r="B44365" s="1" t="s">
        <v>151145</v>
      </c>
      <c r="C44365" s="1" t="s">
        <v>65</v>
      </c>
      <c r="D44365" s="1" t="s">
        <v>104361</v>
      </c>
      <c r="E44365" s="1" t="s">
        <v>151181</v>
      </c>
      <c r="F44365" s="1" t="s">
        <v>151182</v>
      </c>
      <c r="G44365" s="1" t="s">
        <v>151149</v>
      </c>
      <c r="H44365" s="1" t="s">
        <v>148153</v>
      </c>
      <c r="I44365" s="1" t="s">
        <v>151150</v>
      </c>
      <c r="J44365" s="1" t="s">
        <v>151183</v>
      </c>
    </row>
    <row r="44366" spans="1:10" x14ac:dyDescent="0.35">
      <c r="A44366" s="1" t="s">
        <v>27907</v>
      </c>
      <c r="B44366" s="1" t="s">
        <v>151145</v>
      </c>
      <c r="C44366" s="1" t="s">
        <v>70</v>
      </c>
      <c r="D44366" s="1" t="s">
        <v>151184</v>
      </c>
      <c r="E44366" s="1" t="s">
        <v>151185</v>
      </c>
      <c r="F44366" s="1" t="s">
        <v>151186</v>
      </c>
      <c r="G44366" s="1" t="s">
        <v>151149</v>
      </c>
      <c r="H44366" s="1" t="s">
        <v>148153</v>
      </c>
      <c r="I44366" s="1" t="s">
        <v>151150</v>
      </c>
      <c r="J44366" s="1" t="s">
        <v>151187</v>
      </c>
    </row>
    <row r="44367" spans="1:10" x14ac:dyDescent="0.35">
      <c r="A44367" s="1" t="s">
        <v>27907</v>
      </c>
      <c r="B44367" s="1" t="s">
        <v>151145</v>
      </c>
      <c r="C44367" s="1" t="s">
        <v>75</v>
      </c>
      <c r="D44367" s="1" t="s">
        <v>30740</v>
      </c>
      <c r="E44367" s="1" t="s">
        <v>151188</v>
      </c>
      <c r="F44367" s="1" t="s">
        <v>151189</v>
      </c>
      <c r="G44367" s="1" t="s">
        <v>151149</v>
      </c>
      <c r="H44367" s="1" t="s">
        <v>148153</v>
      </c>
      <c r="I44367" s="1" t="s">
        <v>151150</v>
      </c>
      <c r="J44367" s="1" t="s">
        <v>151190</v>
      </c>
    </row>
    <row r="44368" spans="1:10" x14ac:dyDescent="0.35">
      <c r="A44368" s="1" t="s">
        <v>27907</v>
      </c>
      <c r="B44368" s="1" t="s">
        <v>151145</v>
      </c>
      <c r="C44368" s="1" t="s">
        <v>80</v>
      </c>
      <c r="D44368" s="1" t="s">
        <v>151191</v>
      </c>
      <c r="E44368" s="1" t="s">
        <v>151192</v>
      </c>
      <c r="F44368" s="1" t="s">
        <v>151193</v>
      </c>
      <c r="G44368" s="1" t="s">
        <v>151149</v>
      </c>
      <c r="H44368" s="1" t="s">
        <v>148153</v>
      </c>
      <c r="I44368" s="1" t="s">
        <v>151150</v>
      </c>
      <c r="J44368" s="1" t="s">
        <v>151194</v>
      </c>
    </row>
    <row r="44369" spans="1:10" x14ac:dyDescent="0.35">
      <c r="A44369" s="1" t="s">
        <v>27907</v>
      </c>
      <c r="B44369" s="1" t="s">
        <v>151145</v>
      </c>
      <c r="C44369" s="1" t="s">
        <v>85</v>
      </c>
      <c r="D44369" s="1" t="s">
        <v>118421</v>
      </c>
      <c r="E44369" s="1" t="s">
        <v>151195</v>
      </c>
      <c r="F44369" s="1" t="s">
        <v>151196</v>
      </c>
      <c r="G44369" s="1" t="s">
        <v>151149</v>
      </c>
      <c r="H44369" s="1" t="s">
        <v>148153</v>
      </c>
      <c r="I44369" s="1" t="s">
        <v>151150</v>
      </c>
      <c r="J44369" s="1" t="s">
        <v>151197</v>
      </c>
    </row>
    <row r="44370" spans="1:10" x14ac:dyDescent="0.35">
      <c r="A44370" s="1" t="s">
        <v>27907</v>
      </c>
      <c r="B44370" s="1" t="s">
        <v>151145</v>
      </c>
      <c r="C44370" s="1" t="s">
        <v>90</v>
      </c>
      <c r="D44370" s="1" t="s">
        <v>151198</v>
      </c>
      <c r="E44370" s="1" t="s">
        <v>151199</v>
      </c>
      <c r="F44370" s="1" t="s">
        <v>151200</v>
      </c>
      <c r="G44370" s="1" t="s">
        <v>151149</v>
      </c>
      <c r="H44370" s="1" t="s">
        <v>148153</v>
      </c>
      <c r="I44370" s="1" t="s">
        <v>151150</v>
      </c>
      <c r="J44370" s="1" t="s">
        <v>151201</v>
      </c>
    </row>
    <row r="44371" spans="1:10" x14ac:dyDescent="0.35">
      <c r="A44371" s="1" t="s">
        <v>27907</v>
      </c>
      <c r="B44371" s="1" t="s">
        <v>151145</v>
      </c>
      <c r="C44371" s="1" t="s">
        <v>95</v>
      </c>
      <c r="D44371" s="1" t="s">
        <v>151202</v>
      </c>
      <c r="E44371" s="1" t="s">
        <v>151203</v>
      </c>
      <c r="F44371" s="1" t="s">
        <v>151204</v>
      </c>
      <c r="G44371" s="1" t="s">
        <v>151149</v>
      </c>
      <c r="H44371" s="1" t="s">
        <v>148153</v>
      </c>
      <c r="I44371" s="1" t="s">
        <v>151150</v>
      </c>
      <c r="J44371" s="1" t="s">
        <v>151205</v>
      </c>
    </row>
    <row r="44372" spans="1:10" x14ac:dyDescent="0.35">
      <c r="A44372" s="1" t="s">
        <v>27907</v>
      </c>
      <c r="B44372" s="1" t="s">
        <v>151145</v>
      </c>
      <c r="C44372" s="1" t="s">
        <v>100</v>
      </c>
      <c r="D44372" s="1" t="s">
        <v>151206</v>
      </c>
      <c r="E44372" s="1" t="s">
        <v>151207</v>
      </c>
      <c r="F44372" s="1" t="s">
        <v>151208</v>
      </c>
      <c r="G44372" s="1" t="s">
        <v>151149</v>
      </c>
      <c r="H44372" s="1" t="s">
        <v>148153</v>
      </c>
      <c r="I44372" s="1" t="s">
        <v>151150</v>
      </c>
      <c r="J44372" s="1" t="s">
        <v>151209</v>
      </c>
    </row>
    <row r="44373" spans="1:10" x14ac:dyDescent="0.35">
      <c r="A44373" s="1" t="s">
        <v>27907</v>
      </c>
      <c r="B44373" s="1" t="s">
        <v>151145</v>
      </c>
      <c r="C44373" s="1" t="s">
        <v>105</v>
      </c>
      <c r="D44373" s="1" t="s">
        <v>151210</v>
      </c>
      <c r="E44373" s="1" t="s">
        <v>151211</v>
      </c>
      <c r="F44373" s="1" t="s">
        <v>151212</v>
      </c>
      <c r="G44373" s="1" t="s">
        <v>151149</v>
      </c>
      <c r="H44373" s="1" t="s">
        <v>148153</v>
      </c>
      <c r="I44373" s="1" t="s">
        <v>151150</v>
      </c>
      <c r="J44373" s="1" t="s">
        <v>151213</v>
      </c>
    </row>
    <row r="44374" spans="1:10" x14ac:dyDescent="0.35">
      <c r="A44374" s="1" t="s">
        <v>27907</v>
      </c>
      <c r="B44374" s="1" t="s">
        <v>151145</v>
      </c>
      <c r="C44374" s="1" t="s">
        <v>110</v>
      </c>
      <c r="D44374" s="1" t="s">
        <v>51608</v>
      </c>
      <c r="E44374" s="1" t="s">
        <v>151214</v>
      </c>
      <c r="F44374" s="1" t="s">
        <v>151215</v>
      </c>
      <c r="G44374" s="1" t="s">
        <v>151149</v>
      </c>
      <c r="H44374" s="1" t="s">
        <v>148153</v>
      </c>
      <c r="I44374" s="1" t="s">
        <v>151150</v>
      </c>
      <c r="J44374" s="1" t="s">
        <v>151216</v>
      </c>
    </row>
    <row r="44375" spans="1:10" x14ac:dyDescent="0.35">
      <c r="A44375" s="1" t="s">
        <v>27907</v>
      </c>
      <c r="B44375" s="1" t="s">
        <v>151145</v>
      </c>
      <c r="C44375" s="1" t="s">
        <v>115</v>
      </c>
      <c r="D44375" s="1" t="s">
        <v>151217</v>
      </c>
      <c r="E44375" s="1" t="s">
        <v>151218</v>
      </c>
      <c r="F44375" s="1" t="s">
        <v>151219</v>
      </c>
      <c r="G44375" s="1" t="s">
        <v>151149</v>
      </c>
      <c r="H44375" s="1" t="s">
        <v>148153</v>
      </c>
      <c r="I44375" s="1" t="s">
        <v>151150</v>
      </c>
      <c r="J44375" s="1" t="s">
        <v>151220</v>
      </c>
    </row>
    <row r="44376" spans="1:10" x14ac:dyDescent="0.35">
      <c r="A44376" s="1" t="s">
        <v>27907</v>
      </c>
      <c r="B44376" s="1" t="s">
        <v>151145</v>
      </c>
      <c r="C44376" s="1" t="s">
        <v>120</v>
      </c>
      <c r="D44376" s="1" t="s">
        <v>15807</v>
      </c>
      <c r="E44376" s="1" t="s">
        <v>151221</v>
      </c>
      <c r="F44376" s="1" t="s">
        <v>151222</v>
      </c>
      <c r="G44376" s="1" t="s">
        <v>151149</v>
      </c>
      <c r="H44376" s="1" t="s">
        <v>148153</v>
      </c>
      <c r="I44376" s="1" t="s">
        <v>151150</v>
      </c>
      <c r="J44376" s="1" t="s">
        <v>151223</v>
      </c>
    </row>
    <row r="44377" spans="1:10" x14ac:dyDescent="0.35">
      <c r="A44377" s="1" t="s">
        <v>27907</v>
      </c>
      <c r="B44377" s="1" t="s">
        <v>151145</v>
      </c>
      <c r="C44377" s="1" t="s">
        <v>125</v>
      </c>
      <c r="D44377" s="1" t="s">
        <v>73912</v>
      </c>
      <c r="E44377" s="1" t="s">
        <v>151224</v>
      </c>
      <c r="F44377" s="1" t="s">
        <v>151225</v>
      </c>
      <c r="G44377" s="1" t="s">
        <v>151149</v>
      </c>
      <c r="H44377" s="1" t="s">
        <v>148153</v>
      </c>
      <c r="I44377" s="1" t="s">
        <v>151150</v>
      </c>
      <c r="J44377" s="1" t="s">
        <v>151226</v>
      </c>
    </row>
    <row r="44378" spans="1:10" x14ac:dyDescent="0.35">
      <c r="A44378" s="1" t="s">
        <v>27907</v>
      </c>
      <c r="B44378" s="1" t="s">
        <v>151145</v>
      </c>
      <c r="C44378" s="1" t="s">
        <v>130</v>
      </c>
      <c r="D44378" s="1" t="s">
        <v>19770</v>
      </c>
      <c r="E44378" s="1" t="s">
        <v>151227</v>
      </c>
      <c r="F44378" s="1" t="s">
        <v>151228</v>
      </c>
      <c r="G44378" s="1" t="s">
        <v>151149</v>
      </c>
      <c r="H44378" s="1" t="s">
        <v>148153</v>
      </c>
      <c r="I44378" s="1" t="s">
        <v>151150</v>
      </c>
      <c r="J44378" s="1" t="s">
        <v>151229</v>
      </c>
    </row>
    <row r="44379" spans="1:10" x14ac:dyDescent="0.35">
      <c r="A44379" s="1" t="s">
        <v>27907</v>
      </c>
      <c r="B44379" s="1" t="s">
        <v>151145</v>
      </c>
      <c r="C44379" s="1" t="s">
        <v>135</v>
      </c>
      <c r="D44379" s="1" t="s">
        <v>151230</v>
      </c>
      <c r="E44379" s="1" t="s">
        <v>151231</v>
      </c>
      <c r="F44379" s="1" t="s">
        <v>151232</v>
      </c>
      <c r="G44379" s="1" t="s">
        <v>151149</v>
      </c>
      <c r="H44379" s="1" t="s">
        <v>148153</v>
      </c>
      <c r="I44379" s="1" t="s">
        <v>151150</v>
      </c>
      <c r="J44379" s="1" t="s">
        <v>151233</v>
      </c>
    </row>
    <row r="44380" spans="1:10" x14ac:dyDescent="0.35">
      <c r="A44380" s="1" t="s">
        <v>27907</v>
      </c>
      <c r="B44380" s="1" t="s">
        <v>151145</v>
      </c>
      <c r="C44380" s="1" t="s">
        <v>140</v>
      </c>
      <c r="D44380" s="1" t="s">
        <v>135641</v>
      </c>
      <c r="E44380" s="1" t="s">
        <v>151234</v>
      </c>
      <c r="F44380" s="1" t="s">
        <v>151235</v>
      </c>
      <c r="G44380" s="1" t="s">
        <v>151149</v>
      </c>
      <c r="H44380" s="1" t="s">
        <v>148153</v>
      </c>
      <c r="I44380" s="1" t="s">
        <v>151150</v>
      </c>
      <c r="J44380" s="1" t="s">
        <v>151236</v>
      </c>
    </row>
    <row r="44381" spans="1:10" x14ac:dyDescent="0.35">
      <c r="A44381" s="1" t="s">
        <v>27907</v>
      </c>
      <c r="B44381" s="1" t="s">
        <v>151145</v>
      </c>
      <c r="C44381" s="1" t="s">
        <v>145</v>
      </c>
      <c r="D44381" s="1" t="s">
        <v>123627</v>
      </c>
      <c r="E44381" s="1" t="s">
        <v>151237</v>
      </c>
      <c r="F44381" s="1" t="s">
        <v>151238</v>
      </c>
      <c r="G44381" s="1" t="s">
        <v>151149</v>
      </c>
      <c r="H44381" s="1" t="s">
        <v>148153</v>
      </c>
      <c r="I44381" s="1" t="s">
        <v>151150</v>
      </c>
      <c r="J44381" s="1" t="s">
        <v>151239</v>
      </c>
    </row>
    <row r="44382" spans="1:10" x14ac:dyDescent="0.35">
      <c r="A44382" s="1" t="s">
        <v>27907</v>
      </c>
      <c r="B44382" s="1" t="s">
        <v>151145</v>
      </c>
      <c r="C44382" s="1" t="s">
        <v>150</v>
      </c>
      <c r="D44382" s="1" t="s">
        <v>151240</v>
      </c>
      <c r="E44382" s="1" t="s">
        <v>151241</v>
      </c>
      <c r="F44382" s="1" t="s">
        <v>151242</v>
      </c>
      <c r="G44382" s="1" t="s">
        <v>151149</v>
      </c>
      <c r="H44382" s="1" t="s">
        <v>148153</v>
      </c>
      <c r="I44382" s="1" t="s">
        <v>151150</v>
      </c>
      <c r="J44382" s="1" t="s">
        <v>151243</v>
      </c>
    </row>
    <row r="44383" spans="1:10" x14ac:dyDescent="0.35">
      <c r="A44383" s="1" t="s">
        <v>27907</v>
      </c>
      <c r="B44383" s="1" t="s">
        <v>151145</v>
      </c>
      <c r="C44383" s="1" t="s">
        <v>155</v>
      </c>
      <c r="D44383" s="1" t="s">
        <v>151244</v>
      </c>
      <c r="E44383" s="1" t="s">
        <v>151245</v>
      </c>
      <c r="F44383" s="1" t="s">
        <v>151246</v>
      </c>
      <c r="G44383" s="1" t="s">
        <v>151149</v>
      </c>
      <c r="H44383" s="1" t="s">
        <v>148153</v>
      </c>
      <c r="I44383" s="1" t="s">
        <v>151150</v>
      </c>
      <c r="J44383" s="1" t="s">
        <v>151247</v>
      </c>
    </row>
    <row r="44384" spans="1:10" x14ac:dyDescent="0.35">
      <c r="A44384" s="1" t="s">
        <v>27907</v>
      </c>
      <c r="B44384" s="1" t="s">
        <v>151145</v>
      </c>
      <c r="C44384" s="1" t="s">
        <v>160</v>
      </c>
      <c r="D44384" s="1" t="s">
        <v>110961</v>
      </c>
      <c r="E44384" s="1" t="s">
        <v>151248</v>
      </c>
      <c r="F44384" s="1" t="s">
        <v>151249</v>
      </c>
      <c r="G44384" s="1" t="s">
        <v>151149</v>
      </c>
      <c r="H44384" s="1" t="s">
        <v>148153</v>
      </c>
      <c r="I44384" s="1" t="s">
        <v>151150</v>
      </c>
      <c r="J44384" s="1" t="s">
        <v>151250</v>
      </c>
    </row>
    <row r="44385" spans="1:10" x14ac:dyDescent="0.35">
      <c r="A44385" s="1" t="s">
        <v>27907</v>
      </c>
      <c r="B44385" s="1" t="s">
        <v>151145</v>
      </c>
      <c r="C44385" s="1" t="s">
        <v>165</v>
      </c>
      <c r="D44385" s="1" t="s">
        <v>150124</v>
      </c>
      <c r="E44385" s="1" t="s">
        <v>151251</v>
      </c>
      <c r="F44385" s="1" t="s">
        <v>151252</v>
      </c>
      <c r="G44385" s="1" t="s">
        <v>151149</v>
      </c>
      <c r="H44385" s="1" t="s">
        <v>148153</v>
      </c>
      <c r="I44385" s="1" t="s">
        <v>151150</v>
      </c>
      <c r="J44385" s="1" t="s">
        <v>151253</v>
      </c>
    </row>
    <row r="44386" spans="1:10" x14ac:dyDescent="0.35">
      <c r="A44386" s="1" t="s">
        <v>27907</v>
      </c>
      <c r="B44386" s="1" t="s">
        <v>151145</v>
      </c>
      <c r="C44386" s="1" t="s">
        <v>170</v>
      </c>
      <c r="D44386" s="1" t="s">
        <v>151254</v>
      </c>
      <c r="E44386" s="1" t="s">
        <v>151255</v>
      </c>
      <c r="F44386" s="1" t="s">
        <v>151256</v>
      </c>
      <c r="G44386" s="1" t="s">
        <v>151149</v>
      </c>
      <c r="H44386" s="1" t="s">
        <v>148153</v>
      </c>
      <c r="I44386" s="1" t="s">
        <v>151150</v>
      </c>
      <c r="J44386" s="1" t="s">
        <v>151257</v>
      </c>
    </row>
    <row r="44387" spans="1:10" x14ac:dyDescent="0.35">
      <c r="A44387" s="1" t="s">
        <v>30110</v>
      </c>
      <c r="B44387" s="1" t="s">
        <v>151145</v>
      </c>
      <c r="C44387" s="1" t="s">
        <v>8</v>
      </c>
      <c r="D44387" s="1" t="s">
        <v>6555</v>
      </c>
      <c r="E44387" s="1" t="s">
        <v>151258</v>
      </c>
      <c r="F44387" s="1" t="s">
        <v>151259</v>
      </c>
      <c r="G44387" s="1" t="s">
        <v>151260</v>
      </c>
      <c r="H44387" s="1" t="s">
        <v>148248</v>
      </c>
      <c r="I44387" s="1" t="s">
        <v>151150</v>
      </c>
      <c r="J44387" s="1" t="s">
        <v>13</v>
      </c>
    </row>
    <row r="44388" spans="1:10" x14ac:dyDescent="0.35">
      <c r="A44388" s="1" t="s">
        <v>30110</v>
      </c>
      <c r="B44388" s="1" t="s">
        <v>151145</v>
      </c>
      <c r="C44388" s="1" t="s">
        <v>15</v>
      </c>
      <c r="D44388" s="1" t="s">
        <v>27495</v>
      </c>
      <c r="E44388" s="1" t="s">
        <v>151261</v>
      </c>
      <c r="F44388" s="1" t="s">
        <v>151262</v>
      </c>
      <c r="G44388" s="1" t="s">
        <v>151260</v>
      </c>
      <c r="H44388" s="1" t="s">
        <v>148248</v>
      </c>
      <c r="I44388" s="1" t="s">
        <v>151150</v>
      </c>
      <c r="J44388" s="1" t="s">
        <v>151263</v>
      </c>
    </row>
    <row r="44389" spans="1:10" x14ac:dyDescent="0.35">
      <c r="A44389" s="1" t="s">
        <v>30110</v>
      </c>
      <c r="B44389" s="1" t="s">
        <v>151145</v>
      </c>
      <c r="C44389" s="1" t="s">
        <v>20</v>
      </c>
      <c r="D44389" s="1" t="s">
        <v>151264</v>
      </c>
      <c r="E44389" s="1" t="s">
        <v>151265</v>
      </c>
      <c r="F44389" s="1" t="s">
        <v>151266</v>
      </c>
      <c r="G44389" s="1" t="s">
        <v>151260</v>
      </c>
      <c r="H44389" s="1" t="s">
        <v>148248</v>
      </c>
      <c r="I44389" s="1" t="s">
        <v>151150</v>
      </c>
      <c r="J44389" s="1" t="s">
        <v>151267</v>
      </c>
    </row>
    <row r="44390" spans="1:10" x14ac:dyDescent="0.35">
      <c r="A44390" s="1" t="s">
        <v>30110</v>
      </c>
      <c r="B44390" s="1" t="s">
        <v>151145</v>
      </c>
      <c r="C44390" s="1" t="s">
        <v>25</v>
      </c>
      <c r="D44390" s="1" t="s">
        <v>27483</v>
      </c>
      <c r="E44390" s="1" t="s">
        <v>151268</v>
      </c>
      <c r="F44390" s="1" t="s">
        <v>151269</v>
      </c>
      <c r="G44390" s="1" t="s">
        <v>151260</v>
      </c>
      <c r="H44390" s="1" t="s">
        <v>148248</v>
      </c>
      <c r="I44390" s="1" t="s">
        <v>151150</v>
      </c>
      <c r="J44390" s="1" t="s">
        <v>73025</v>
      </c>
    </row>
    <row r="44391" spans="1:10" x14ac:dyDescent="0.35">
      <c r="A44391" s="1" t="s">
        <v>30110</v>
      </c>
      <c r="B44391" s="1" t="s">
        <v>151145</v>
      </c>
      <c r="C44391" s="1" t="s">
        <v>30</v>
      </c>
      <c r="D44391" s="1" t="s">
        <v>5099</v>
      </c>
      <c r="E44391" s="1" t="s">
        <v>151270</v>
      </c>
      <c r="F44391" s="1" t="s">
        <v>151271</v>
      </c>
      <c r="G44391" s="1" t="s">
        <v>151260</v>
      </c>
      <c r="H44391" s="1" t="s">
        <v>148248</v>
      </c>
      <c r="I44391" s="1" t="s">
        <v>151150</v>
      </c>
      <c r="J44391" s="1" t="s">
        <v>151272</v>
      </c>
    </row>
    <row r="44392" spans="1:10" x14ac:dyDescent="0.35">
      <c r="A44392" s="1" t="s">
        <v>30110</v>
      </c>
      <c r="B44392" s="1" t="s">
        <v>151145</v>
      </c>
      <c r="C44392" s="1" t="s">
        <v>35</v>
      </c>
      <c r="D44392" s="1" t="s">
        <v>143429</v>
      </c>
      <c r="E44392" s="1" t="s">
        <v>151273</v>
      </c>
      <c r="F44392" s="1" t="s">
        <v>151274</v>
      </c>
      <c r="G44392" s="1" t="s">
        <v>151260</v>
      </c>
      <c r="H44392" s="1" t="s">
        <v>148248</v>
      </c>
      <c r="I44392" s="1" t="s">
        <v>151150</v>
      </c>
      <c r="J44392" s="1" t="s">
        <v>151275</v>
      </c>
    </row>
    <row r="44393" spans="1:10" x14ac:dyDescent="0.35">
      <c r="A44393" s="1" t="s">
        <v>30110</v>
      </c>
      <c r="B44393" s="1" t="s">
        <v>151145</v>
      </c>
      <c r="C44393" s="1" t="s">
        <v>40</v>
      </c>
      <c r="D44393" s="1" t="s">
        <v>112487</v>
      </c>
      <c r="E44393" s="1" t="s">
        <v>151276</v>
      </c>
      <c r="F44393" s="1" t="s">
        <v>151277</v>
      </c>
      <c r="G44393" s="1" t="s">
        <v>151260</v>
      </c>
      <c r="H44393" s="1" t="s">
        <v>148248</v>
      </c>
      <c r="I44393" s="1" t="s">
        <v>151150</v>
      </c>
      <c r="J44393" s="1" t="s">
        <v>151278</v>
      </c>
    </row>
    <row r="44394" spans="1:10" x14ac:dyDescent="0.35">
      <c r="A44394" s="1" t="s">
        <v>30110</v>
      </c>
      <c r="B44394" s="1" t="s">
        <v>151145</v>
      </c>
      <c r="C44394" s="1" t="s">
        <v>45</v>
      </c>
      <c r="D44394" s="1" t="s">
        <v>34052</v>
      </c>
      <c r="E44394" s="1" t="s">
        <v>151279</v>
      </c>
      <c r="F44394" s="1" t="s">
        <v>151280</v>
      </c>
      <c r="G44394" s="1" t="s">
        <v>151260</v>
      </c>
      <c r="H44394" s="1" t="s">
        <v>148248</v>
      </c>
      <c r="I44394" s="1" t="s">
        <v>151150</v>
      </c>
      <c r="J44394" s="1" t="s">
        <v>151281</v>
      </c>
    </row>
    <row r="44395" spans="1:10" x14ac:dyDescent="0.35">
      <c r="A44395" s="1" t="s">
        <v>30110</v>
      </c>
      <c r="B44395" s="1" t="s">
        <v>151145</v>
      </c>
      <c r="C44395" s="1" t="s">
        <v>50</v>
      </c>
      <c r="D44395" s="1" t="s">
        <v>27530</v>
      </c>
      <c r="E44395" s="1" t="s">
        <v>151282</v>
      </c>
      <c r="F44395" s="1" t="s">
        <v>151283</v>
      </c>
      <c r="G44395" s="1" t="s">
        <v>151260</v>
      </c>
      <c r="H44395" s="1" t="s">
        <v>148248</v>
      </c>
      <c r="I44395" s="1" t="s">
        <v>151150</v>
      </c>
      <c r="J44395" s="1" t="s">
        <v>151284</v>
      </c>
    </row>
    <row r="44396" spans="1:10" x14ac:dyDescent="0.35">
      <c r="A44396" s="1" t="s">
        <v>30110</v>
      </c>
      <c r="B44396" s="1" t="s">
        <v>151145</v>
      </c>
      <c r="C44396" s="1" t="s">
        <v>55</v>
      </c>
      <c r="D44396" s="1" t="s">
        <v>8963</v>
      </c>
      <c r="E44396" s="1" t="s">
        <v>151285</v>
      </c>
      <c r="F44396" s="1" t="s">
        <v>151286</v>
      </c>
      <c r="G44396" s="1" t="s">
        <v>151260</v>
      </c>
      <c r="H44396" s="1" t="s">
        <v>148248</v>
      </c>
      <c r="I44396" s="1" t="s">
        <v>151150</v>
      </c>
      <c r="J44396" s="1" t="s">
        <v>151287</v>
      </c>
    </row>
    <row r="44397" spans="1:10" x14ac:dyDescent="0.35">
      <c r="A44397" s="1" t="s">
        <v>30110</v>
      </c>
      <c r="B44397" s="1" t="s">
        <v>151145</v>
      </c>
      <c r="C44397" s="1" t="s">
        <v>60</v>
      </c>
      <c r="D44397" s="1" t="s">
        <v>35262</v>
      </c>
      <c r="E44397" s="1" t="s">
        <v>151288</v>
      </c>
      <c r="F44397" s="1" t="s">
        <v>151289</v>
      </c>
      <c r="G44397" s="1" t="s">
        <v>151260</v>
      </c>
      <c r="H44397" s="1" t="s">
        <v>148248</v>
      </c>
      <c r="I44397" s="1" t="s">
        <v>151150</v>
      </c>
      <c r="J44397" s="1" t="s">
        <v>151290</v>
      </c>
    </row>
    <row r="44398" spans="1:10" x14ac:dyDescent="0.35">
      <c r="A44398" s="1" t="s">
        <v>30110</v>
      </c>
      <c r="B44398" s="1" t="s">
        <v>151145</v>
      </c>
      <c r="C44398" s="1" t="s">
        <v>65</v>
      </c>
      <c r="D44398" s="1" t="s">
        <v>151291</v>
      </c>
      <c r="E44398" s="1" t="s">
        <v>151292</v>
      </c>
      <c r="F44398" s="1" t="s">
        <v>151293</v>
      </c>
      <c r="G44398" s="1" t="s">
        <v>151260</v>
      </c>
      <c r="H44398" s="1" t="s">
        <v>148248</v>
      </c>
      <c r="I44398" s="1" t="s">
        <v>151150</v>
      </c>
      <c r="J44398" s="1" t="s">
        <v>151294</v>
      </c>
    </row>
    <row r="44399" spans="1:10" x14ac:dyDescent="0.35">
      <c r="A44399" s="1" t="s">
        <v>30110</v>
      </c>
      <c r="B44399" s="1" t="s">
        <v>151145</v>
      </c>
      <c r="C44399" s="1" t="s">
        <v>70</v>
      </c>
      <c r="D44399" s="1" t="s">
        <v>126022</v>
      </c>
      <c r="E44399" s="1" t="s">
        <v>151295</v>
      </c>
      <c r="F44399" s="1" t="s">
        <v>151296</v>
      </c>
      <c r="G44399" s="1" t="s">
        <v>151260</v>
      </c>
      <c r="H44399" s="1" t="s">
        <v>148248</v>
      </c>
      <c r="I44399" s="1" t="s">
        <v>151150</v>
      </c>
      <c r="J44399" s="1" t="s">
        <v>151297</v>
      </c>
    </row>
    <row r="44400" spans="1:10" x14ac:dyDescent="0.35">
      <c r="A44400" s="1" t="s">
        <v>30110</v>
      </c>
      <c r="B44400" s="1" t="s">
        <v>151145</v>
      </c>
      <c r="C44400" s="1" t="s">
        <v>75</v>
      </c>
      <c r="D44400" s="1" t="s">
        <v>151298</v>
      </c>
      <c r="E44400" s="1" t="s">
        <v>151299</v>
      </c>
      <c r="F44400" s="1" t="s">
        <v>151300</v>
      </c>
      <c r="G44400" s="1" t="s">
        <v>151260</v>
      </c>
      <c r="H44400" s="1" t="s">
        <v>148248</v>
      </c>
      <c r="I44400" s="1" t="s">
        <v>151150</v>
      </c>
      <c r="J44400" s="1" t="s">
        <v>151301</v>
      </c>
    </row>
    <row r="44401" spans="1:10" x14ac:dyDescent="0.35">
      <c r="A44401" s="1" t="s">
        <v>30110</v>
      </c>
      <c r="B44401" s="1" t="s">
        <v>151145</v>
      </c>
      <c r="C44401" s="1" t="s">
        <v>80</v>
      </c>
      <c r="D44401" s="1" t="s">
        <v>151302</v>
      </c>
      <c r="E44401" s="1" t="s">
        <v>151303</v>
      </c>
      <c r="F44401" s="1" t="s">
        <v>151304</v>
      </c>
      <c r="G44401" s="1" t="s">
        <v>151260</v>
      </c>
      <c r="H44401" s="1" t="s">
        <v>148248</v>
      </c>
      <c r="I44401" s="1" t="s">
        <v>151150</v>
      </c>
      <c r="J44401" s="1" t="s">
        <v>151305</v>
      </c>
    </row>
    <row r="44402" spans="1:10" x14ac:dyDescent="0.35">
      <c r="A44402" s="1" t="s">
        <v>30110</v>
      </c>
      <c r="B44402" s="1" t="s">
        <v>151145</v>
      </c>
      <c r="C44402" s="1" t="s">
        <v>85</v>
      </c>
      <c r="D44402" s="1" t="s">
        <v>25043</v>
      </c>
      <c r="E44402" s="1" t="s">
        <v>151306</v>
      </c>
      <c r="F44402" s="1" t="s">
        <v>151307</v>
      </c>
      <c r="G44402" s="1" t="s">
        <v>151260</v>
      </c>
      <c r="H44402" s="1" t="s">
        <v>148248</v>
      </c>
      <c r="I44402" s="1" t="s">
        <v>151150</v>
      </c>
      <c r="J44402" s="1" t="s">
        <v>151308</v>
      </c>
    </row>
    <row r="44403" spans="1:10" x14ac:dyDescent="0.35">
      <c r="A44403" s="1" t="s">
        <v>30110</v>
      </c>
      <c r="B44403" s="1" t="s">
        <v>151145</v>
      </c>
      <c r="C44403" s="1" t="s">
        <v>90</v>
      </c>
      <c r="D44403" s="1" t="s">
        <v>51304</v>
      </c>
      <c r="E44403" s="1" t="s">
        <v>151309</v>
      </c>
      <c r="F44403" s="1" t="s">
        <v>151310</v>
      </c>
      <c r="G44403" s="1" t="s">
        <v>151260</v>
      </c>
      <c r="H44403" s="1" t="s">
        <v>148248</v>
      </c>
      <c r="I44403" s="1" t="s">
        <v>151150</v>
      </c>
      <c r="J44403" s="1" t="s">
        <v>151311</v>
      </c>
    </row>
    <row r="44404" spans="1:10" x14ac:dyDescent="0.35">
      <c r="A44404" s="1" t="s">
        <v>30110</v>
      </c>
      <c r="B44404" s="1" t="s">
        <v>151145</v>
      </c>
      <c r="C44404" s="1" t="s">
        <v>95</v>
      </c>
      <c r="D44404" s="1" t="s">
        <v>15495</v>
      </c>
      <c r="E44404" s="1" t="s">
        <v>151312</v>
      </c>
      <c r="F44404" s="1" t="s">
        <v>151313</v>
      </c>
      <c r="G44404" s="1" t="s">
        <v>151260</v>
      </c>
      <c r="H44404" s="1" t="s">
        <v>148248</v>
      </c>
      <c r="I44404" s="1" t="s">
        <v>151150</v>
      </c>
      <c r="J44404" s="1" t="s">
        <v>151314</v>
      </c>
    </row>
    <row r="44405" spans="1:10" x14ac:dyDescent="0.35">
      <c r="A44405" s="1" t="s">
        <v>30110</v>
      </c>
      <c r="B44405" s="1" t="s">
        <v>151145</v>
      </c>
      <c r="C44405" s="1" t="s">
        <v>100</v>
      </c>
      <c r="D44405" s="1" t="s">
        <v>3083</v>
      </c>
      <c r="E44405" s="1" t="s">
        <v>151315</v>
      </c>
      <c r="F44405" s="1" t="s">
        <v>151316</v>
      </c>
      <c r="G44405" s="1" t="s">
        <v>151260</v>
      </c>
      <c r="H44405" s="1" t="s">
        <v>148248</v>
      </c>
      <c r="I44405" s="1" t="s">
        <v>151150</v>
      </c>
      <c r="J44405" s="1" t="s">
        <v>151317</v>
      </c>
    </row>
    <row r="44406" spans="1:10" x14ac:dyDescent="0.35">
      <c r="A44406" s="1" t="s">
        <v>30110</v>
      </c>
      <c r="B44406" s="1" t="s">
        <v>151145</v>
      </c>
      <c r="C44406" s="1" t="s">
        <v>105</v>
      </c>
      <c r="D44406" s="1" t="s">
        <v>151318</v>
      </c>
      <c r="E44406" s="1" t="s">
        <v>151319</v>
      </c>
      <c r="F44406" s="1" t="s">
        <v>151320</v>
      </c>
      <c r="G44406" s="1" t="s">
        <v>151260</v>
      </c>
      <c r="H44406" s="1" t="s">
        <v>148248</v>
      </c>
      <c r="I44406" s="1" t="s">
        <v>151150</v>
      </c>
      <c r="J44406" s="1" t="s">
        <v>151321</v>
      </c>
    </row>
    <row r="44407" spans="1:10" x14ac:dyDescent="0.35">
      <c r="A44407" s="1" t="s">
        <v>30110</v>
      </c>
      <c r="B44407" s="1" t="s">
        <v>151145</v>
      </c>
      <c r="C44407" s="1" t="s">
        <v>110</v>
      </c>
      <c r="D44407" s="1" t="s">
        <v>49135</v>
      </c>
      <c r="E44407" s="1" t="s">
        <v>151322</v>
      </c>
      <c r="F44407" s="1" t="s">
        <v>151323</v>
      </c>
      <c r="G44407" s="1" t="s">
        <v>151260</v>
      </c>
      <c r="H44407" s="1" t="s">
        <v>148248</v>
      </c>
      <c r="I44407" s="1" t="s">
        <v>151150</v>
      </c>
      <c r="J44407" s="1" t="s">
        <v>151324</v>
      </c>
    </row>
    <row r="44408" spans="1:10" x14ac:dyDescent="0.35">
      <c r="A44408" s="1" t="s">
        <v>30110</v>
      </c>
      <c r="B44408" s="1" t="s">
        <v>151145</v>
      </c>
      <c r="C44408" s="1" t="s">
        <v>115</v>
      </c>
      <c r="D44408" s="1" t="s">
        <v>73763</v>
      </c>
      <c r="E44408" s="1" t="s">
        <v>151325</v>
      </c>
      <c r="F44408" s="1" t="s">
        <v>151326</v>
      </c>
      <c r="G44408" s="1" t="s">
        <v>151260</v>
      </c>
      <c r="H44408" s="1" t="s">
        <v>148248</v>
      </c>
      <c r="I44408" s="1" t="s">
        <v>151150</v>
      </c>
      <c r="J44408" s="1" t="s">
        <v>151327</v>
      </c>
    </row>
    <row r="44409" spans="1:10" x14ac:dyDescent="0.35">
      <c r="A44409" s="1" t="s">
        <v>30110</v>
      </c>
      <c r="B44409" s="1" t="s">
        <v>151145</v>
      </c>
      <c r="C44409" s="1" t="s">
        <v>120</v>
      </c>
      <c r="D44409" s="1" t="s">
        <v>151328</v>
      </c>
      <c r="E44409" s="1" t="s">
        <v>151329</v>
      </c>
      <c r="F44409" s="1" t="s">
        <v>151330</v>
      </c>
      <c r="G44409" s="1" t="s">
        <v>151260</v>
      </c>
      <c r="H44409" s="1" t="s">
        <v>148248</v>
      </c>
      <c r="I44409" s="1" t="s">
        <v>151150</v>
      </c>
      <c r="J44409" s="1" t="s">
        <v>151331</v>
      </c>
    </row>
    <row r="44410" spans="1:10" x14ac:dyDescent="0.35">
      <c r="A44410" s="1" t="s">
        <v>30110</v>
      </c>
      <c r="B44410" s="1" t="s">
        <v>151145</v>
      </c>
      <c r="C44410" s="1" t="s">
        <v>125</v>
      </c>
      <c r="D44410" s="1" t="s">
        <v>151332</v>
      </c>
      <c r="E44410" s="1" t="s">
        <v>151333</v>
      </c>
      <c r="F44410" s="1" t="s">
        <v>151334</v>
      </c>
      <c r="G44410" s="1" t="s">
        <v>151260</v>
      </c>
      <c r="H44410" s="1" t="s">
        <v>148248</v>
      </c>
      <c r="I44410" s="1" t="s">
        <v>151150</v>
      </c>
      <c r="J44410" s="1" t="s">
        <v>151335</v>
      </c>
    </row>
    <row r="44411" spans="1:10" x14ac:dyDescent="0.35">
      <c r="A44411" s="1" t="s">
        <v>30110</v>
      </c>
      <c r="B44411" s="1" t="s">
        <v>151145</v>
      </c>
      <c r="C44411" s="1" t="s">
        <v>130</v>
      </c>
      <c r="D44411" s="1" t="s">
        <v>151336</v>
      </c>
      <c r="E44411" s="1" t="s">
        <v>151337</v>
      </c>
      <c r="F44411" s="1" t="s">
        <v>151338</v>
      </c>
      <c r="G44411" s="1" t="s">
        <v>151260</v>
      </c>
      <c r="H44411" s="1" t="s">
        <v>148248</v>
      </c>
      <c r="I44411" s="1" t="s">
        <v>151150</v>
      </c>
      <c r="J44411" s="1" t="s">
        <v>151339</v>
      </c>
    </row>
    <row r="44412" spans="1:10" x14ac:dyDescent="0.35">
      <c r="A44412" s="1" t="s">
        <v>30110</v>
      </c>
      <c r="B44412" s="1" t="s">
        <v>151145</v>
      </c>
      <c r="C44412" s="1" t="s">
        <v>135</v>
      </c>
      <c r="D44412" s="1" t="s">
        <v>115489</v>
      </c>
      <c r="E44412" s="1" t="s">
        <v>151340</v>
      </c>
      <c r="F44412" s="1" t="s">
        <v>151341</v>
      </c>
      <c r="G44412" s="1" t="s">
        <v>151260</v>
      </c>
      <c r="H44412" s="1" t="s">
        <v>148248</v>
      </c>
      <c r="I44412" s="1" t="s">
        <v>151150</v>
      </c>
      <c r="J44412" s="1" t="s">
        <v>151342</v>
      </c>
    </row>
    <row r="44413" spans="1:10" x14ac:dyDescent="0.35">
      <c r="A44413" s="1" t="s">
        <v>30110</v>
      </c>
      <c r="B44413" s="1" t="s">
        <v>151145</v>
      </c>
      <c r="C44413" s="1" t="s">
        <v>140</v>
      </c>
      <c r="D44413" s="1" t="s">
        <v>151343</v>
      </c>
      <c r="E44413" s="1" t="s">
        <v>151344</v>
      </c>
      <c r="F44413" s="1" t="s">
        <v>151345</v>
      </c>
      <c r="G44413" s="1" t="s">
        <v>151260</v>
      </c>
      <c r="H44413" s="1" t="s">
        <v>148248</v>
      </c>
      <c r="I44413" s="1" t="s">
        <v>151150</v>
      </c>
      <c r="J44413" s="1" t="s">
        <v>151346</v>
      </c>
    </row>
    <row r="44414" spans="1:10" x14ac:dyDescent="0.35">
      <c r="A44414" s="1" t="s">
        <v>30110</v>
      </c>
      <c r="B44414" s="1" t="s">
        <v>151145</v>
      </c>
      <c r="C44414" s="1" t="s">
        <v>145</v>
      </c>
      <c r="D44414" s="1" t="s">
        <v>151347</v>
      </c>
      <c r="E44414" s="1" t="s">
        <v>151348</v>
      </c>
      <c r="F44414" s="1" t="s">
        <v>151349</v>
      </c>
      <c r="G44414" s="1" t="s">
        <v>151260</v>
      </c>
      <c r="H44414" s="1" t="s">
        <v>148248</v>
      </c>
      <c r="I44414" s="1" t="s">
        <v>151150</v>
      </c>
      <c r="J44414" s="1" t="s">
        <v>151350</v>
      </c>
    </row>
    <row r="44415" spans="1:10" x14ac:dyDescent="0.35">
      <c r="A44415" s="1" t="s">
        <v>30110</v>
      </c>
      <c r="B44415" s="1" t="s">
        <v>151145</v>
      </c>
      <c r="C44415" s="1" t="s">
        <v>150</v>
      </c>
      <c r="D44415" s="1" t="s">
        <v>50513</v>
      </c>
      <c r="E44415" s="1" t="s">
        <v>151351</v>
      </c>
      <c r="F44415" s="1" t="s">
        <v>151352</v>
      </c>
      <c r="G44415" s="1" t="s">
        <v>151260</v>
      </c>
      <c r="H44415" s="1" t="s">
        <v>148248</v>
      </c>
      <c r="I44415" s="1" t="s">
        <v>151150</v>
      </c>
      <c r="J44415" s="1" t="s">
        <v>151353</v>
      </c>
    </row>
    <row r="44416" spans="1:10" x14ac:dyDescent="0.35">
      <c r="A44416" s="1" t="s">
        <v>30110</v>
      </c>
      <c r="B44416" s="1" t="s">
        <v>151145</v>
      </c>
      <c r="C44416" s="1" t="s">
        <v>155</v>
      </c>
      <c r="D44416" s="1" t="s">
        <v>151354</v>
      </c>
      <c r="E44416" s="1" t="s">
        <v>151355</v>
      </c>
      <c r="F44416" s="1" t="s">
        <v>151356</v>
      </c>
      <c r="G44416" s="1" t="s">
        <v>151260</v>
      </c>
      <c r="H44416" s="1" t="s">
        <v>148248</v>
      </c>
      <c r="I44416" s="1" t="s">
        <v>151150</v>
      </c>
      <c r="J44416" s="1" t="s">
        <v>151357</v>
      </c>
    </row>
    <row r="44417" spans="1:10" x14ac:dyDescent="0.35">
      <c r="A44417" s="1" t="s">
        <v>30110</v>
      </c>
      <c r="B44417" s="1" t="s">
        <v>151145</v>
      </c>
      <c r="C44417" s="1" t="s">
        <v>160</v>
      </c>
      <c r="D44417" s="1" t="s">
        <v>151358</v>
      </c>
      <c r="E44417" s="1" t="s">
        <v>151359</v>
      </c>
      <c r="F44417" s="1" t="s">
        <v>151360</v>
      </c>
      <c r="G44417" s="1" t="s">
        <v>151260</v>
      </c>
      <c r="H44417" s="1" t="s">
        <v>148248</v>
      </c>
      <c r="I44417" s="1" t="s">
        <v>151150</v>
      </c>
      <c r="J44417" s="1" t="s">
        <v>151361</v>
      </c>
    </row>
    <row r="44418" spans="1:10" x14ac:dyDescent="0.35">
      <c r="A44418" s="1" t="s">
        <v>30110</v>
      </c>
      <c r="B44418" s="1" t="s">
        <v>151145</v>
      </c>
      <c r="C44418" s="1" t="s">
        <v>165</v>
      </c>
      <c r="D44418" s="1" t="s">
        <v>72479</v>
      </c>
      <c r="E44418" s="1" t="s">
        <v>151362</v>
      </c>
      <c r="F44418" s="1" t="s">
        <v>151363</v>
      </c>
      <c r="G44418" s="1" t="s">
        <v>151260</v>
      </c>
      <c r="H44418" s="1" t="s">
        <v>148248</v>
      </c>
      <c r="I44418" s="1" t="s">
        <v>151150</v>
      </c>
      <c r="J44418" s="1" t="s">
        <v>151364</v>
      </c>
    </row>
    <row r="44419" spans="1:10" x14ac:dyDescent="0.35">
      <c r="A44419" s="1" t="s">
        <v>30110</v>
      </c>
      <c r="B44419" s="1" t="s">
        <v>151145</v>
      </c>
      <c r="C44419" s="1" t="s">
        <v>170</v>
      </c>
      <c r="D44419" s="1" t="s">
        <v>135566</v>
      </c>
      <c r="E44419" s="1" t="s">
        <v>151365</v>
      </c>
      <c r="F44419" s="1" t="s">
        <v>151366</v>
      </c>
      <c r="G44419" s="1" t="s">
        <v>151260</v>
      </c>
      <c r="H44419" s="1" t="s">
        <v>148248</v>
      </c>
      <c r="I44419" s="1" t="s">
        <v>151150</v>
      </c>
      <c r="J44419" s="1" t="s">
        <v>151367</v>
      </c>
    </row>
    <row r="44420" spans="1:10" x14ac:dyDescent="0.35">
      <c r="A44420" s="1" t="s">
        <v>13877</v>
      </c>
      <c r="B44420" s="1" t="s">
        <v>151145</v>
      </c>
      <c r="C44420" s="1" t="s">
        <v>8</v>
      </c>
      <c r="D44420" s="1" t="s">
        <v>29787</v>
      </c>
      <c r="E44420" s="1" t="s">
        <v>151368</v>
      </c>
      <c r="F44420" s="1" t="s">
        <v>151369</v>
      </c>
      <c r="G44420" s="1" t="s">
        <v>151370</v>
      </c>
      <c r="H44420" s="1" t="s">
        <v>151371</v>
      </c>
      <c r="I44420" s="1" t="s">
        <v>151150</v>
      </c>
      <c r="J44420" s="1" t="s">
        <v>13</v>
      </c>
    </row>
    <row r="44421" spans="1:10" x14ac:dyDescent="0.35">
      <c r="A44421" s="1" t="s">
        <v>13877</v>
      </c>
      <c r="B44421" s="1" t="s">
        <v>151145</v>
      </c>
      <c r="C44421" s="1" t="s">
        <v>15</v>
      </c>
      <c r="D44421" s="1" t="s">
        <v>104186</v>
      </c>
      <c r="E44421" s="1" t="s">
        <v>151372</v>
      </c>
      <c r="F44421" s="1" t="s">
        <v>151373</v>
      </c>
      <c r="G44421" s="1" t="s">
        <v>151370</v>
      </c>
      <c r="H44421" s="1" t="s">
        <v>151371</v>
      </c>
      <c r="I44421" s="1" t="s">
        <v>151150</v>
      </c>
      <c r="J44421" s="1" t="s">
        <v>151374</v>
      </c>
    </row>
    <row r="44422" spans="1:10" x14ac:dyDescent="0.35">
      <c r="A44422" s="1" t="s">
        <v>13877</v>
      </c>
      <c r="B44422" s="1" t="s">
        <v>151145</v>
      </c>
      <c r="C44422" s="1" t="s">
        <v>20</v>
      </c>
      <c r="D44422" s="1" t="s">
        <v>4058</v>
      </c>
      <c r="E44422" s="1" t="s">
        <v>151375</v>
      </c>
      <c r="F44422" s="1" t="s">
        <v>151376</v>
      </c>
      <c r="G44422" s="1" t="s">
        <v>151370</v>
      </c>
      <c r="H44422" s="1" t="s">
        <v>151371</v>
      </c>
      <c r="I44422" s="1" t="s">
        <v>151150</v>
      </c>
      <c r="J44422" s="1" t="s">
        <v>151377</v>
      </c>
    </row>
    <row r="44423" spans="1:10" x14ac:dyDescent="0.35">
      <c r="A44423" s="1" t="s">
        <v>13877</v>
      </c>
      <c r="B44423" s="1" t="s">
        <v>151145</v>
      </c>
      <c r="C44423" s="1" t="s">
        <v>25</v>
      </c>
      <c r="D44423" s="1" t="s">
        <v>28432</v>
      </c>
      <c r="E44423" s="1" t="s">
        <v>151378</v>
      </c>
      <c r="F44423" s="1" t="s">
        <v>151379</v>
      </c>
      <c r="G44423" s="1" t="s">
        <v>151370</v>
      </c>
      <c r="H44423" s="1" t="s">
        <v>151371</v>
      </c>
      <c r="I44423" s="1" t="s">
        <v>151150</v>
      </c>
      <c r="J44423" s="1" t="s">
        <v>151380</v>
      </c>
    </row>
    <row r="44424" spans="1:10" x14ac:dyDescent="0.35">
      <c r="A44424" s="1" t="s">
        <v>13877</v>
      </c>
      <c r="B44424" s="1" t="s">
        <v>151145</v>
      </c>
      <c r="C44424" s="1" t="s">
        <v>30</v>
      </c>
      <c r="D44424" s="1" t="s">
        <v>4737</v>
      </c>
      <c r="E44424" s="1" t="s">
        <v>151381</v>
      </c>
      <c r="F44424" s="1" t="s">
        <v>151382</v>
      </c>
      <c r="G44424" s="1" t="s">
        <v>151370</v>
      </c>
      <c r="H44424" s="1" t="s">
        <v>151371</v>
      </c>
      <c r="I44424" s="1" t="s">
        <v>151150</v>
      </c>
      <c r="J44424" s="1" t="s">
        <v>151383</v>
      </c>
    </row>
    <row r="44425" spans="1:10" x14ac:dyDescent="0.35">
      <c r="A44425" s="1" t="s">
        <v>13877</v>
      </c>
      <c r="B44425" s="1" t="s">
        <v>151145</v>
      </c>
      <c r="C44425" s="1" t="s">
        <v>35</v>
      </c>
      <c r="D44425" s="1" t="s">
        <v>145050</v>
      </c>
      <c r="E44425" s="1" t="s">
        <v>151384</v>
      </c>
      <c r="F44425" s="1" t="s">
        <v>151385</v>
      </c>
      <c r="G44425" s="1" t="s">
        <v>151370</v>
      </c>
      <c r="H44425" s="1" t="s">
        <v>151371</v>
      </c>
      <c r="I44425" s="1" t="s">
        <v>151150</v>
      </c>
      <c r="J44425" s="1" t="s">
        <v>76192</v>
      </c>
    </row>
    <row r="44426" spans="1:10" x14ac:dyDescent="0.35">
      <c r="A44426" s="1" t="s">
        <v>13877</v>
      </c>
      <c r="B44426" s="1" t="s">
        <v>151145</v>
      </c>
      <c r="C44426" s="1" t="s">
        <v>40</v>
      </c>
      <c r="D44426" s="1" t="s">
        <v>111492</v>
      </c>
      <c r="E44426" s="1" t="s">
        <v>151386</v>
      </c>
      <c r="F44426" s="1" t="s">
        <v>151387</v>
      </c>
      <c r="G44426" s="1" t="s">
        <v>151370</v>
      </c>
      <c r="H44426" s="1" t="s">
        <v>151371</v>
      </c>
      <c r="I44426" s="1" t="s">
        <v>151150</v>
      </c>
      <c r="J44426" s="1" t="s">
        <v>151388</v>
      </c>
    </row>
    <row r="44427" spans="1:10" x14ac:dyDescent="0.35">
      <c r="A44427" s="1" t="s">
        <v>13877</v>
      </c>
      <c r="B44427" s="1" t="s">
        <v>151145</v>
      </c>
      <c r="C44427" s="1" t="s">
        <v>45</v>
      </c>
      <c r="D44427" s="1" t="s">
        <v>25506</v>
      </c>
      <c r="E44427" s="1" t="s">
        <v>151389</v>
      </c>
      <c r="F44427" s="1" t="s">
        <v>151390</v>
      </c>
      <c r="G44427" s="1" t="s">
        <v>151370</v>
      </c>
      <c r="H44427" s="1" t="s">
        <v>151371</v>
      </c>
      <c r="I44427" s="1" t="s">
        <v>151150</v>
      </c>
      <c r="J44427" s="1" t="s">
        <v>151391</v>
      </c>
    </row>
    <row r="44428" spans="1:10" x14ac:dyDescent="0.35">
      <c r="A44428" s="1" t="s">
        <v>13877</v>
      </c>
      <c r="B44428" s="1" t="s">
        <v>151145</v>
      </c>
      <c r="C44428" s="1" t="s">
        <v>50</v>
      </c>
      <c r="D44428" s="1" t="s">
        <v>2861</v>
      </c>
      <c r="E44428" s="1" t="s">
        <v>151392</v>
      </c>
      <c r="F44428" s="1" t="s">
        <v>151393</v>
      </c>
      <c r="G44428" s="1" t="s">
        <v>151370</v>
      </c>
      <c r="H44428" s="1" t="s">
        <v>151371</v>
      </c>
      <c r="I44428" s="1" t="s">
        <v>151150</v>
      </c>
      <c r="J44428" s="1" t="s">
        <v>151394</v>
      </c>
    </row>
    <row r="44429" spans="1:10" x14ac:dyDescent="0.35">
      <c r="A44429" s="1" t="s">
        <v>13877</v>
      </c>
      <c r="B44429" s="1" t="s">
        <v>151145</v>
      </c>
      <c r="C44429" s="1" t="s">
        <v>55</v>
      </c>
      <c r="D44429" s="1" t="s">
        <v>111514</v>
      </c>
      <c r="E44429" s="1" t="s">
        <v>151395</v>
      </c>
      <c r="F44429" s="1" t="s">
        <v>151396</v>
      </c>
      <c r="G44429" s="1" t="s">
        <v>151370</v>
      </c>
      <c r="H44429" s="1" t="s">
        <v>151371</v>
      </c>
      <c r="I44429" s="1" t="s">
        <v>151150</v>
      </c>
      <c r="J44429" s="1" t="s">
        <v>151397</v>
      </c>
    </row>
    <row r="44430" spans="1:10" x14ac:dyDescent="0.35">
      <c r="A44430" s="1" t="s">
        <v>13877</v>
      </c>
      <c r="B44430" s="1" t="s">
        <v>151145</v>
      </c>
      <c r="C44430" s="1" t="s">
        <v>60</v>
      </c>
      <c r="D44430" s="1" t="s">
        <v>151398</v>
      </c>
      <c r="E44430" s="1" t="s">
        <v>151399</v>
      </c>
      <c r="F44430" s="1" t="s">
        <v>151400</v>
      </c>
      <c r="G44430" s="1" t="s">
        <v>151370</v>
      </c>
      <c r="H44430" s="1" t="s">
        <v>151371</v>
      </c>
      <c r="I44430" s="1" t="s">
        <v>151150</v>
      </c>
      <c r="J44430" s="1" t="s">
        <v>151401</v>
      </c>
    </row>
    <row r="44431" spans="1:10" x14ac:dyDescent="0.35">
      <c r="A44431" s="1" t="s">
        <v>13877</v>
      </c>
      <c r="B44431" s="1" t="s">
        <v>151145</v>
      </c>
      <c r="C44431" s="1" t="s">
        <v>65</v>
      </c>
      <c r="D44431" s="1" t="s">
        <v>9995</v>
      </c>
      <c r="E44431" s="1" t="s">
        <v>151402</v>
      </c>
      <c r="F44431" s="1" t="s">
        <v>151403</v>
      </c>
      <c r="G44431" s="1" t="s">
        <v>151370</v>
      </c>
      <c r="H44431" s="1" t="s">
        <v>151371</v>
      </c>
      <c r="I44431" s="1" t="s">
        <v>151150</v>
      </c>
      <c r="J44431" s="1" t="s">
        <v>151404</v>
      </c>
    </row>
    <row r="44432" spans="1:10" x14ac:dyDescent="0.35">
      <c r="A44432" s="1" t="s">
        <v>13877</v>
      </c>
      <c r="B44432" s="1" t="s">
        <v>151145</v>
      </c>
      <c r="C44432" s="1" t="s">
        <v>70</v>
      </c>
      <c r="D44432" s="1" t="s">
        <v>112607</v>
      </c>
      <c r="E44432" s="1" t="s">
        <v>151405</v>
      </c>
      <c r="F44432" s="1" t="s">
        <v>151406</v>
      </c>
      <c r="G44432" s="1" t="s">
        <v>151370</v>
      </c>
      <c r="H44432" s="1" t="s">
        <v>151371</v>
      </c>
      <c r="I44432" s="1" t="s">
        <v>151150</v>
      </c>
      <c r="J44432" s="1" t="s">
        <v>151407</v>
      </c>
    </row>
    <row r="44433" spans="1:10" x14ac:dyDescent="0.35">
      <c r="A44433" s="1" t="s">
        <v>13877</v>
      </c>
      <c r="B44433" s="1" t="s">
        <v>151145</v>
      </c>
      <c r="C44433" s="1" t="s">
        <v>75</v>
      </c>
      <c r="D44433" s="1" t="s">
        <v>117383</v>
      </c>
      <c r="E44433" s="1" t="s">
        <v>151408</v>
      </c>
      <c r="F44433" s="1" t="s">
        <v>151409</v>
      </c>
      <c r="G44433" s="1" t="s">
        <v>151370</v>
      </c>
      <c r="H44433" s="1" t="s">
        <v>151371</v>
      </c>
      <c r="I44433" s="1" t="s">
        <v>151150</v>
      </c>
      <c r="J44433" s="1" t="s">
        <v>151410</v>
      </c>
    </row>
    <row r="44434" spans="1:10" x14ac:dyDescent="0.35">
      <c r="A44434" s="1" t="s">
        <v>13877</v>
      </c>
      <c r="B44434" s="1" t="s">
        <v>151145</v>
      </c>
      <c r="C44434" s="1" t="s">
        <v>80</v>
      </c>
      <c r="D44434" s="1" t="s">
        <v>26026</v>
      </c>
      <c r="E44434" s="1" t="s">
        <v>151411</v>
      </c>
      <c r="F44434" s="1" t="s">
        <v>151412</v>
      </c>
      <c r="G44434" s="1" t="s">
        <v>151370</v>
      </c>
      <c r="H44434" s="1" t="s">
        <v>151371</v>
      </c>
      <c r="I44434" s="1" t="s">
        <v>151150</v>
      </c>
      <c r="J44434" s="1" t="s">
        <v>151413</v>
      </c>
    </row>
    <row r="44435" spans="1:10" x14ac:dyDescent="0.35">
      <c r="A44435" s="1" t="s">
        <v>13877</v>
      </c>
      <c r="B44435" s="1" t="s">
        <v>151145</v>
      </c>
      <c r="C44435" s="1" t="s">
        <v>85</v>
      </c>
      <c r="D44435" s="1" t="s">
        <v>104328</v>
      </c>
      <c r="E44435" s="1" t="s">
        <v>151414</v>
      </c>
      <c r="F44435" s="1" t="s">
        <v>151415</v>
      </c>
      <c r="G44435" s="1" t="s">
        <v>151370</v>
      </c>
      <c r="H44435" s="1" t="s">
        <v>151371</v>
      </c>
      <c r="I44435" s="1" t="s">
        <v>151150</v>
      </c>
      <c r="J44435" s="1" t="s">
        <v>151416</v>
      </c>
    </row>
    <row r="44436" spans="1:10" x14ac:dyDescent="0.35">
      <c r="A44436" s="1" t="s">
        <v>13877</v>
      </c>
      <c r="B44436" s="1" t="s">
        <v>151145</v>
      </c>
      <c r="C44436" s="1" t="s">
        <v>90</v>
      </c>
      <c r="D44436" s="1" t="s">
        <v>36700</v>
      </c>
      <c r="E44436" s="1" t="s">
        <v>151417</v>
      </c>
      <c r="F44436" s="1" t="s">
        <v>151418</v>
      </c>
      <c r="G44436" s="1" t="s">
        <v>151370</v>
      </c>
      <c r="H44436" s="1" t="s">
        <v>151371</v>
      </c>
      <c r="I44436" s="1" t="s">
        <v>151150</v>
      </c>
      <c r="J44436" s="1" t="s">
        <v>151419</v>
      </c>
    </row>
    <row r="44437" spans="1:10" x14ac:dyDescent="0.35">
      <c r="A44437" s="1" t="s">
        <v>13877</v>
      </c>
      <c r="B44437" s="1" t="s">
        <v>151145</v>
      </c>
      <c r="C44437" s="1" t="s">
        <v>95</v>
      </c>
      <c r="D44437" s="1" t="s">
        <v>151420</v>
      </c>
      <c r="E44437" s="1" t="s">
        <v>151421</v>
      </c>
      <c r="F44437" s="1" t="s">
        <v>151422</v>
      </c>
      <c r="G44437" s="1" t="s">
        <v>151370</v>
      </c>
      <c r="H44437" s="1" t="s">
        <v>151371</v>
      </c>
      <c r="I44437" s="1" t="s">
        <v>151150</v>
      </c>
      <c r="J44437" s="1" t="s">
        <v>151423</v>
      </c>
    </row>
    <row r="44438" spans="1:10" x14ac:dyDescent="0.35">
      <c r="A44438" s="1" t="s">
        <v>13877</v>
      </c>
      <c r="B44438" s="1" t="s">
        <v>151145</v>
      </c>
      <c r="C44438" s="1" t="s">
        <v>100</v>
      </c>
      <c r="D44438" s="1" t="s">
        <v>34579</v>
      </c>
      <c r="E44438" s="1" t="s">
        <v>151424</v>
      </c>
      <c r="F44438" s="1" t="s">
        <v>151425</v>
      </c>
      <c r="G44438" s="1" t="s">
        <v>151370</v>
      </c>
      <c r="H44438" s="1" t="s">
        <v>151371</v>
      </c>
      <c r="I44438" s="1" t="s">
        <v>151150</v>
      </c>
      <c r="J44438" s="1" t="s">
        <v>151426</v>
      </c>
    </row>
    <row r="44439" spans="1:10" x14ac:dyDescent="0.35">
      <c r="A44439" s="1" t="s">
        <v>13877</v>
      </c>
      <c r="B44439" s="1" t="s">
        <v>151145</v>
      </c>
      <c r="C44439" s="1" t="s">
        <v>105</v>
      </c>
      <c r="D44439" s="1" t="s">
        <v>73168</v>
      </c>
      <c r="E44439" s="1" t="s">
        <v>151427</v>
      </c>
      <c r="F44439" s="1" t="s">
        <v>151428</v>
      </c>
      <c r="G44439" s="1" t="s">
        <v>151370</v>
      </c>
      <c r="H44439" s="1" t="s">
        <v>151371</v>
      </c>
      <c r="I44439" s="1" t="s">
        <v>151150</v>
      </c>
      <c r="J44439" s="1" t="s">
        <v>151429</v>
      </c>
    </row>
    <row r="44440" spans="1:10" x14ac:dyDescent="0.35">
      <c r="A44440" s="1" t="s">
        <v>13877</v>
      </c>
      <c r="B44440" s="1" t="s">
        <v>151145</v>
      </c>
      <c r="C44440" s="1" t="s">
        <v>110</v>
      </c>
      <c r="D44440" s="1" t="s">
        <v>34811</v>
      </c>
      <c r="E44440" s="1" t="s">
        <v>151430</v>
      </c>
      <c r="F44440" s="1" t="s">
        <v>151431</v>
      </c>
      <c r="G44440" s="1" t="s">
        <v>151370</v>
      </c>
      <c r="H44440" s="1" t="s">
        <v>151371</v>
      </c>
      <c r="I44440" s="1" t="s">
        <v>151150</v>
      </c>
      <c r="J44440" s="1" t="s">
        <v>151432</v>
      </c>
    </row>
    <row r="44441" spans="1:10" x14ac:dyDescent="0.35">
      <c r="A44441" s="1" t="s">
        <v>13877</v>
      </c>
      <c r="B44441" s="1" t="s">
        <v>151145</v>
      </c>
      <c r="C44441" s="1" t="s">
        <v>115</v>
      </c>
      <c r="D44441" s="1" t="s">
        <v>4118</v>
      </c>
      <c r="E44441" s="1" t="s">
        <v>151433</v>
      </c>
      <c r="F44441" s="1" t="s">
        <v>151434</v>
      </c>
      <c r="G44441" s="1" t="s">
        <v>151370</v>
      </c>
      <c r="H44441" s="1" t="s">
        <v>151371</v>
      </c>
      <c r="I44441" s="1" t="s">
        <v>151150</v>
      </c>
      <c r="J44441" s="1" t="s">
        <v>151435</v>
      </c>
    </row>
    <row r="44442" spans="1:10" x14ac:dyDescent="0.35">
      <c r="A44442" s="1" t="s">
        <v>13877</v>
      </c>
      <c r="B44442" s="1" t="s">
        <v>151145</v>
      </c>
      <c r="C44442" s="1" t="s">
        <v>120</v>
      </c>
      <c r="D44442" s="1" t="s">
        <v>151436</v>
      </c>
      <c r="E44442" s="1" t="s">
        <v>151437</v>
      </c>
      <c r="F44442" s="1" t="s">
        <v>151438</v>
      </c>
      <c r="G44442" s="1" t="s">
        <v>151370</v>
      </c>
      <c r="H44442" s="1" t="s">
        <v>151371</v>
      </c>
      <c r="I44442" s="1" t="s">
        <v>151150</v>
      </c>
      <c r="J44442" s="1" t="s">
        <v>151439</v>
      </c>
    </row>
    <row r="44443" spans="1:10" x14ac:dyDescent="0.35">
      <c r="A44443" s="1" t="s">
        <v>13877</v>
      </c>
      <c r="B44443" s="1" t="s">
        <v>151145</v>
      </c>
      <c r="C44443" s="1" t="s">
        <v>125</v>
      </c>
      <c r="D44443" s="1" t="s">
        <v>49411</v>
      </c>
      <c r="E44443" s="1" t="s">
        <v>151440</v>
      </c>
      <c r="F44443" s="1" t="s">
        <v>151441</v>
      </c>
      <c r="G44443" s="1" t="s">
        <v>151370</v>
      </c>
      <c r="H44443" s="1" t="s">
        <v>151371</v>
      </c>
      <c r="I44443" s="1" t="s">
        <v>151150</v>
      </c>
      <c r="J44443" s="1" t="s">
        <v>151442</v>
      </c>
    </row>
    <row r="44444" spans="1:10" x14ac:dyDescent="0.35">
      <c r="A44444" s="1" t="s">
        <v>13877</v>
      </c>
      <c r="B44444" s="1" t="s">
        <v>151145</v>
      </c>
      <c r="C44444" s="1" t="s">
        <v>130</v>
      </c>
      <c r="D44444" s="1" t="s">
        <v>7078</v>
      </c>
      <c r="E44444" s="1" t="s">
        <v>151443</v>
      </c>
      <c r="F44444" s="1" t="s">
        <v>151444</v>
      </c>
      <c r="G44444" s="1" t="s">
        <v>151370</v>
      </c>
      <c r="H44444" s="1" t="s">
        <v>151371</v>
      </c>
      <c r="I44444" s="1" t="s">
        <v>151150</v>
      </c>
      <c r="J44444" s="1" t="s">
        <v>151445</v>
      </c>
    </row>
    <row r="44445" spans="1:10" x14ac:dyDescent="0.35">
      <c r="A44445" s="1" t="s">
        <v>13877</v>
      </c>
      <c r="B44445" s="1" t="s">
        <v>151145</v>
      </c>
      <c r="C44445" s="1" t="s">
        <v>135</v>
      </c>
      <c r="D44445" s="1" t="s">
        <v>36181</v>
      </c>
      <c r="E44445" s="1" t="s">
        <v>151446</v>
      </c>
      <c r="F44445" s="1" t="s">
        <v>151447</v>
      </c>
      <c r="G44445" s="1" t="s">
        <v>151370</v>
      </c>
      <c r="H44445" s="1" t="s">
        <v>151371</v>
      </c>
      <c r="I44445" s="1" t="s">
        <v>151150</v>
      </c>
      <c r="J44445" s="1" t="s">
        <v>151448</v>
      </c>
    </row>
    <row r="44446" spans="1:10" x14ac:dyDescent="0.35">
      <c r="A44446" s="1" t="s">
        <v>13877</v>
      </c>
      <c r="B44446" s="1" t="s">
        <v>151145</v>
      </c>
      <c r="C44446" s="1" t="s">
        <v>140</v>
      </c>
      <c r="D44446" s="1" t="s">
        <v>73183</v>
      </c>
      <c r="E44446" s="1" t="s">
        <v>151449</v>
      </c>
      <c r="F44446" s="1" t="s">
        <v>151450</v>
      </c>
      <c r="G44446" s="1" t="s">
        <v>151370</v>
      </c>
      <c r="H44446" s="1" t="s">
        <v>151371</v>
      </c>
      <c r="I44446" s="1" t="s">
        <v>151150</v>
      </c>
      <c r="J44446" s="1" t="s">
        <v>151451</v>
      </c>
    </row>
    <row r="44447" spans="1:10" x14ac:dyDescent="0.35">
      <c r="A44447" s="1" t="s">
        <v>13877</v>
      </c>
      <c r="B44447" s="1" t="s">
        <v>151145</v>
      </c>
      <c r="C44447" s="1" t="s">
        <v>145</v>
      </c>
      <c r="D44447" s="1" t="s">
        <v>1430</v>
      </c>
      <c r="E44447" s="1" t="s">
        <v>151452</v>
      </c>
      <c r="F44447" s="1" t="s">
        <v>151453</v>
      </c>
      <c r="G44447" s="1" t="s">
        <v>151370</v>
      </c>
      <c r="H44447" s="1" t="s">
        <v>151371</v>
      </c>
      <c r="I44447" s="1" t="s">
        <v>151150</v>
      </c>
      <c r="J44447" s="1" t="s">
        <v>151454</v>
      </c>
    </row>
    <row r="44448" spans="1:10" x14ac:dyDescent="0.35">
      <c r="A44448" s="1" t="s">
        <v>13877</v>
      </c>
      <c r="B44448" s="1" t="s">
        <v>151145</v>
      </c>
      <c r="C44448" s="1" t="s">
        <v>150</v>
      </c>
      <c r="D44448" s="1" t="s">
        <v>15360</v>
      </c>
      <c r="E44448" s="1" t="s">
        <v>151455</v>
      </c>
      <c r="F44448" s="1" t="s">
        <v>151456</v>
      </c>
      <c r="G44448" s="1" t="s">
        <v>151370</v>
      </c>
      <c r="H44448" s="1" t="s">
        <v>151371</v>
      </c>
      <c r="I44448" s="1" t="s">
        <v>151150</v>
      </c>
      <c r="J44448" s="1" t="s">
        <v>151457</v>
      </c>
    </row>
    <row r="44449" spans="1:10" x14ac:dyDescent="0.35">
      <c r="A44449" s="1" t="s">
        <v>13877</v>
      </c>
      <c r="B44449" s="1" t="s">
        <v>151145</v>
      </c>
      <c r="C44449" s="1" t="s">
        <v>155</v>
      </c>
      <c r="D44449" s="1" t="s">
        <v>10903</v>
      </c>
      <c r="E44449" s="1" t="s">
        <v>151458</v>
      </c>
      <c r="F44449" s="1" t="s">
        <v>151459</v>
      </c>
      <c r="G44449" s="1" t="s">
        <v>151370</v>
      </c>
      <c r="H44449" s="1" t="s">
        <v>151371</v>
      </c>
      <c r="I44449" s="1" t="s">
        <v>151150</v>
      </c>
      <c r="J44449" s="1" t="s">
        <v>151460</v>
      </c>
    </row>
    <row r="44450" spans="1:10" x14ac:dyDescent="0.35">
      <c r="A44450" s="1" t="s">
        <v>13877</v>
      </c>
      <c r="B44450" s="1" t="s">
        <v>151145</v>
      </c>
      <c r="C44450" s="1" t="s">
        <v>160</v>
      </c>
      <c r="D44450" s="1" t="s">
        <v>28649</v>
      </c>
      <c r="E44450" s="1" t="s">
        <v>151461</v>
      </c>
      <c r="F44450" s="1" t="s">
        <v>151462</v>
      </c>
      <c r="G44450" s="1" t="s">
        <v>151370</v>
      </c>
      <c r="H44450" s="1" t="s">
        <v>151371</v>
      </c>
      <c r="I44450" s="1" t="s">
        <v>151150</v>
      </c>
      <c r="J44450" s="1" t="s">
        <v>151463</v>
      </c>
    </row>
    <row r="44451" spans="1:10" x14ac:dyDescent="0.35">
      <c r="A44451" s="1" t="s">
        <v>13877</v>
      </c>
      <c r="B44451" s="1" t="s">
        <v>151145</v>
      </c>
      <c r="C44451" s="1" t="s">
        <v>165</v>
      </c>
      <c r="D44451" s="1" t="s">
        <v>25004</v>
      </c>
      <c r="E44451" s="1" t="s">
        <v>151464</v>
      </c>
      <c r="F44451" s="1" t="s">
        <v>151465</v>
      </c>
      <c r="G44451" s="1" t="s">
        <v>151370</v>
      </c>
      <c r="H44451" s="1" t="s">
        <v>151371</v>
      </c>
      <c r="I44451" s="1" t="s">
        <v>151150</v>
      </c>
      <c r="J44451" s="1" t="s">
        <v>151466</v>
      </c>
    </row>
    <row r="44452" spans="1:10" x14ac:dyDescent="0.35">
      <c r="A44452" s="1" t="s">
        <v>13877</v>
      </c>
      <c r="B44452" s="1" t="s">
        <v>151145</v>
      </c>
      <c r="C44452" s="1" t="s">
        <v>170</v>
      </c>
      <c r="D44452" s="1" t="s">
        <v>29127</v>
      </c>
      <c r="E44452" s="1" t="s">
        <v>151467</v>
      </c>
      <c r="F44452" s="1" t="s">
        <v>151468</v>
      </c>
      <c r="G44452" s="1" t="s">
        <v>151370</v>
      </c>
      <c r="H44452" s="1" t="s">
        <v>151371</v>
      </c>
      <c r="I44452" s="1" t="s">
        <v>151150</v>
      </c>
      <c r="J44452" s="1" t="s">
        <v>151469</v>
      </c>
    </row>
    <row r="44453" spans="1:10" x14ac:dyDescent="0.35">
      <c r="A44453" s="1" t="s">
        <v>29058</v>
      </c>
      <c r="B44453" s="1" t="s">
        <v>151145</v>
      </c>
      <c r="C44453" s="1" t="s">
        <v>8</v>
      </c>
      <c r="D44453" s="1" t="s">
        <v>151470</v>
      </c>
      <c r="E44453" s="1" t="s">
        <v>151471</v>
      </c>
      <c r="F44453" s="1" t="s">
        <v>151472</v>
      </c>
      <c r="G44453" s="1" t="s">
        <v>151473</v>
      </c>
      <c r="H44453" s="1" t="s">
        <v>151474</v>
      </c>
      <c r="I44453" s="1" t="s">
        <v>151150</v>
      </c>
      <c r="J44453" s="1" t="s">
        <v>13</v>
      </c>
    </row>
    <row r="44454" spans="1:10" x14ac:dyDescent="0.35">
      <c r="A44454" s="1" t="s">
        <v>29058</v>
      </c>
      <c r="B44454" s="1" t="s">
        <v>151145</v>
      </c>
      <c r="C44454" s="1" t="s">
        <v>15</v>
      </c>
      <c r="D44454" s="1" t="s">
        <v>118067</v>
      </c>
      <c r="E44454" s="1" t="s">
        <v>151475</v>
      </c>
      <c r="F44454" s="1" t="s">
        <v>151476</v>
      </c>
      <c r="G44454" s="1" t="s">
        <v>151473</v>
      </c>
      <c r="H44454" s="1" t="s">
        <v>151474</v>
      </c>
      <c r="I44454" s="1" t="s">
        <v>151150</v>
      </c>
      <c r="J44454" s="1" t="s">
        <v>151477</v>
      </c>
    </row>
    <row r="44455" spans="1:10" x14ac:dyDescent="0.35">
      <c r="A44455" s="1" t="s">
        <v>29058</v>
      </c>
      <c r="B44455" s="1" t="s">
        <v>151145</v>
      </c>
      <c r="C44455" s="1" t="s">
        <v>20</v>
      </c>
      <c r="D44455" s="1" t="s">
        <v>11013</v>
      </c>
      <c r="E44455" s="1" t="s">
        <v>151478</v>
      </c>
      <c r="F44455" s="1" t="s">
        <v>151479</v>
      </c>
      <c r="G44455" s="1" t="s">
        <v>151473</v>
      </c>
      <c r="H44455" s="1" t="s">
        <v>151474</v>
      </c>
      <c r="I44455" s="1" t="s">
        <v>151150</v>
      </c>
      <c r="J44455" s="1" t="s">
        <v>151480</v>
      </c>
    </row>
    <row r="44456" spans="1:10" x14ac:dyDescent="0.35">
      <c r="A44456" s="1" t="s">
        <v>29058</v>
      </c>
      <c r="B44456" s="1" t="s">
        <v>151145</v>
      </c>
      <c r="C44456" s="1" t="s">
        <v>25</v>
      </c>
      <c r="D44456" s="1" t="s">
        <v>15728</v>
      </c>
      <c r="E44456" s="1" t="s">
        <v>151481</v>
      </c>
      <c r="F44456" s="1" t="s">
        <v>151482</v>
      </c>
      <c r="G44456" s="1" t="s">
        <v>151473</v>
      </c>
      <c r="H44456" s="1" t="s">
        <v>151474</v>
      </c>
      <c r="I44456" s="1" t="s">
        <v>151150</v>
      </c>
      <c r="J44456" s="1" t="s">
        <v>151483</v>
      </c>
    </row>
    <row r="44457" spans="1:10" x14ac:dyDescent="0.35">
      <c r="A44457" s="1" t="s">
        <v>29058</v>
      </c>
      <c r="B44457" s="1" t="s">
        <v>151145</v>
      </c>
      <c r="C44457" s="1" t="s">
        <v>30</v>
      </c>
      <c r="D44457" s="1" t="s">
        <v>28641</v>
      </c>
      <c r="E44457" s="1" t="s">
        <v>151484</v>
      </c>
      <c r="F44457" s="1" t="s">
        <v>151485</v>
      </c>
      <c r="G44457" s="1" t="s">
        <v>151473</v>
      </c>
      <c r="H44457" s="1" t="s">
        <v>151474</v>
      </c>
      <c r="I44457" s="1" t="s">
        <v>151150</v>
      </c>
      <c r="J44457" s="1" t="s">
        <v>151486</v>
      </c>
    </row>
    <row r="44458" spans="1:10" x14ac:dyDescent="0.35">
      <c r="A44458" s="1" t="s">
        <v>29058</v>
      </c>
      <c r="B44458" s="1" t="s">
        <v>151145</v>
      </c>
      <c r="C44458" s="1" t="s">
        <v>35</v>
      </c>
      <c r="D44458" s="1" t="s">
        <v>29021</v>
      </c>
      <c r="E44458" s="1" t="s">
        <v>151487</v>
      </c>
      <c r="F44458" s="1" t="s">
        <v>151488</v>
      </c>
      <c r="G44458" s="1" t="s">
        <v>151473</v>
      </c>
      <c r="H44458" s="1" t="s">
        <v>151474</v>
      </c>
      <c r="I44458" s="1" t="s">
        <v>151150</v>
      </c>
      <c r="J44458" s="1" t="s">
        <v>151489</v>
      </c>
    </row>
    <row r="44459" spans="1:10" x14ac:dyDescent="0.35">
      <c r="A44459" s="1" t="s">
        <v>29058</v>
      </c>
      <c r="B44459" s="1" t="s">
        <v>151145</v>
      </c>
      <c r="C44459" s="1" t="s">
        <v>40</v>
      </c>
      <c r="D44459" s="1" t="s">
        <v>117192</v>
      </c>
      <c r="E44459" s="1" t="s">
        <v>151490</v>
      </c>
      <c r="F44459" s="1" t="s">
        <v>151491</v>
      </c>
      <c r="G44459" s="1" t="s">
        <v>151473</v>
      </c>
      <c r="H44459" s="1" t="s">
        <v>151474</v>
      </c>
      <c r="I44459" s="1" t="s">
        <v>151150</v>
      </c>
      <c r="J44459" s="1" t="s">
        <v>151492</v>
      </c>
    </row>
    <row r="44460" spans="1:10" x14ac:dyDescent="0.35">
      <c r="A44460" s="1" t="s">
        <v>29058</v>
      </c>
      <c r="B44460" s="1" t="s">
        <v>151145</v>
      </c>
      <c r="C44460" s="1" t="s">
        <v>45</v>
      </c>
      <c r="D44460" s="1" t="s">
        <v>74189</v>
      </c>
      <c r="E44460" s="1" t="s">
        <v>151493</v>
      </c>
      <c r="F44460" s="1" t="s">
        <v>151494</v>
      </c>
      <c r="G44460" s="1" t="s">
        <v>151473</v>
      </c>
      <c r="H44460" s="1" t="s">
        <v>151474</v>
      </c>
      <c r="I44460" s="1" t="s">
        <v>151150</v>
      </c>
      <c r="J44460" s="1" t="s">
        <v>151495</v>
      </c>
    </row>
    <row r="44461" spans="1:10" x14ac:dyDescent="0.35">
      <c r="A44461" s="1" t="s">
        <v>29058</v>
      </c>
      <c r="B44461" s="1" t="s">
        <v>151145</v>
      </c>
      <c r="C44461" s="1" t="s">
        <v>50</v>
      </c>
      <c r="D44461" s="1" t="s">
        <v>36727</v>
      </c>
      <c r="E44461" s="1" t="s">
        <v>151496</v>
      </c>
      <c r="F44461" s="1" t="s">
        <v>151497</v>
      </c>
      <c r="G44461" s="1" t="s">
        <v>151473</v>
      </c>
      <c r="H44461" s="1" t="s">
        <v>151474</v>
      </c>
      <c r="I44461" s="1" t="s">
        <v>151150</v>
      </c>
      <c r="J44461" s="1" t="s">
        <v>151498</v>
      </c>
    </row>
    <row r="44462" spans="1:10" x14ac:dyDescent="0.35">
      <c r="A44462" s="1" t="s">
        <v>29058</v>
      </c>
      <c r="B44462" s="1" t="s">
        <v>151145</v>
      </c>
      <c r="C44462" s="1" t="s">
        <v>55</v>
      </c>
      <c r="D44462" s="1" t="s">
        <v>151499</v>
      </c>
      <c r="E44462" s="1" t="s">
        <v>151500</v>
      </c>
      <c r="F44462" s="1" t="s">
        <v>151501</v>
      </c>
      <c r="G44462" s="1" t="s">
        <v>151473</v>
      </c>
      <c r="H44462" s="1" t="s">
        <v>151474</v>
      </c>
      <c r="I44462" s="1" t="s">
        <v>151150</v>
      </c>
      <c r="J44462" s="1" t="s">
        <v>151502</v>
      </c>
    </row>
    <row r="44463" spans="1:10" x14ac:dyDescent="0.35">
      <c r="A44463" s="1" t="s">
        <v>29058</v>
      </c>
      <c r="B44463" s="1" t="s">
        <v>151145</v>
      </c>
      <c r="C44463" s="1" t="s">
        <v>60</v>
      </c>
      <c r="D44463" s="1" t="s">
        <v>151503</v>
      </c>
      <c r="E44463" s="1" t="s">
        <v>151504</v>
      </c>
      <c r="F44463" s="1" t="s">
        <v>151505</v>
      </c>
      <c r="G44463" s="1" t="s">
        <v>151473</v>
      </c>
      <c r="H44463" s="1" t="s">
        <v>151474</v>
      </c>
      <c r="I44463" s="1" t="s">
        <v>151150</v>
      </c>
      <c r="J44463" s="1" t="s">
        <v>151506</v>
      </c>
    </row>
    <row r="44464" spans="1:10" x14ac:dyDescent="0.35">
      <c r="A44464" s="1" t="s">
        <v>29058</v>
      </c>
      <c r="B44464" s="1" t="s">
        <v>151145</v>
      </c>
      <c r="C44464" s="1" t="s">
        <v>65</v>
      </c>
      <c r="D44464" s="1" t="s">
        <v>151507</v>
      </c>
      <c r="E44464" s="1" t="s">
        <v>151508</v>
      </c>
      <c r="F44464" s="1" t="s">
        <v>151509</v>
      </c>
      <c r="G44464" s="1" t="s">
        <v>151473</v>
      </c>
      <c r="H44464" s="1" t="s">
        <v>151474</v>
      </c>
      <c r="I44464" s="1" t="s">
        <v>151150</v>
      </c>
      <c r="J44464" s="1" t="s">
        <v>151510</v>
      </c>
    </row>
    <row r="44465" spans="1:10" x14ac:dyDescent="0.35">
      <c r="A44465" s="1" t="s">
        <v>29058</v>
      </c>
      <c r="B44465" s="1" t="s">
        <v>151145</v>
      </c>
      <c r="C44465" s="1" t="s">
        <v>70</v>
      </c>
      <c r="D44465" s="1" t="s">
        <v>151511</v>
      </c>
      <c r="E44465" s="1" t="s">
        <v>151512</v>
      </c>
      <c r="F44465" s="1" t="s">
        <v>151513</v>
      </c>
      <c r="G44465" s="1" t="s">
        <v>151473</v>
      </c>
      <c r="H44465" s="1" t="s">
        <v>151474</v>
      </c>
      <c r="I44465" s="1" t="s">
        <v>151150</v>
      </c>
      <c r="J44465" s="1" t="s">
        <v>151514</v>
      </c>
    </row>
    <row r="44466" spans="1:10" x14ac:dyDescent="0.35">
      <c r="A44466" s="1" t="s">
        <v>29058</v>
      </c>
      <c r="B44466" s="1" t="s">
        <v>151145</v>
      </c>
      <c r="C44466" s="1" t="s">
        <v>75</v>
      </c>
      <c r="D44466" s="1" t="s">
        <v>151515</v>
      </c>
      <c r="E44466" s="1" t="s">
        <v>151516</v>
      </c>
      <c r="F44466" s="1" t="s">
        <v>151517</v>
      </c>
      <c r="G44466" s="1" t="s">
        <v>151473</v>
      </c>
      <c r="H44466" s="1" t="s">
        <v>151474</v>
      </c>
      <c r="I44466" s="1" t="s">
        <v>151150</v>
      </c>
      <c r="J44466" s="1" t="s">
        <v>151518</v>
      </c>
    </row>
    <row r="44467" spans="1:10" x14ac:dyDescent="0.35">
      <c r="A44467" s="1" t="s">
        <v>29058</v>
      </c>
      <c r="B44467" s="1" t="s">
        <v>151145</v>
      </c>
      <c r="C44467" s="1" t="s">
        <v>80</v>
      </c>
      <c r="D44467" s="1" t="s">
        <v>151519</v>
      </c>
      <c r="E44467" s="1" t="s">
        <v>151520</v>
      </c>
      <c r="F44467" s="1" t="s">
        <v>151521</v>
      </c>
      <c r="G44467" s="1" t="s">
        <v>151473</v>
      </c>
      <c r="H44467" s="1" t="s">
        <v>151474</v>
      </c>
      <c r="I44467" s="1" t="s">
        <v>151150</v>
      </c>
      <c r="J44467" s="1" t="s">
        <v>151522</v>
      </c>
    </row>
    <row r="44468" spans="1:10" x14ac:dyDescent="0.35">
      <c r="A44468" s="1" t="s">
        <v>29058</v>
      </c>
      <c r="B44468" s="1" t="s">
        <v>151145</v>
      </c>
      <c r="C44468" s="1" t="s">
        <v>85</v>
      </c>
      <c r="D44468" s="1" t="s">
        <v>34321</v>
      </c>
      <c r="E44468" s="1" t="s">
        <v>151523</v>
      </c>
      <c r="F44468" s="1" t="s">
        <v>151524</v>
      </c>
      <c r="G44468" s="1" t="s">
        <v>151473</v>
      </c>
      <c r="H44468" s="1" t="s">
        <v>151474</v>
      </c>
      <c r="I44468" s="1" t="s">
        <v>151150</v>
      </c>
      <c r="J44468" s="1" t="s">
        <v>151525</v>
      </c>
    </row>
    <row r="44469" spans="1:10" x14ac:dyDescent="0.35">
      <c r="A44469" s="1" t="s">
        <v>29058</v>
      </c>
      <c r="B44469" s="1" t="s">
        <v>151145</v>
      </c>
      <c r="C44469" s="1" t="s">
        <v>90</v>
      </c>
      <c r="D44469" s="1" t="s">
        <v>151526</v>
      </c>
      <c r="E44469" s="1" t="s">
        <v>151527</v>
      </c>
      <c r="F44469" s="1" t="s">
        <v>151528</v>
      </c>
      <c r="G44469" s="1" t="s">
        <v>151473</v>
      </c>
      <c r="H44469" s="1" t="s">
        <v>151474</v>
      </c>
      <c r="I44469" s="1" t="s">
        <v>151150</v>
      </c>
      <c r="J44469" s="1" t="s">
        <v>151529</v>
      </c>
    </row>
    <row r="44470" spans="1:10" x14ac:dyDescent="0.35">
      <c r="A44470" s="1" t="s">
        <v>29058</v>
      </c>
      <c r="B44470" s="1" t="s">
        <v>151145</v>
      </c>
      <c r="C44470" s="1" t="s">
        <v>95</v>
      </c>
      <c r="D44470" s="1" t="s">
        <v>37743</v>
      </c>
      <c r="E44470" s="1" t="s">
        <v>151530</v>
      </c>
      <c r="F44470" s="1" t="s">
        <v>151531</v>
      </c>
      <c r="G44470" s="1" t="s">
        <v>151473</v>
      </c>
      <c r="H44470" s="1" t="s">
        <v>151474</v>
      </c>
      <c r="I44470" s="1" t="s">
        <v>151150</v>
      </c>
      <c r="J44470" s="1" t="s">
        <v>151532</v>
      </c>
    </row>
    <row r="44471" spans="1:10" x14ac:dyDescent="0.35">
      <c r="A44471" s="1" t="s">
        <v>29058</v>
      </c>
      <c r="B44471" s="1" t="s">
        <v>151145</v>
      </c>
      <c r="C44471" s="1" t="s">
        <v>100</v>
      </c>
      <c r="D44471" s="1" t="s">
        <v>35334</v>
      </c>
      <c r="E44471" s="1" t="s">
        <v>151533</v>
      </c>
      <c r="F44471" s="1" t="s">
        <v>151534</v>
      </c>
      <c r="G44471" s="1" t="s">
        <v>151473</v>
      </c>
      <c r="H44471" s="1" t="s">
        <v>151474</v>
      </c>
      <c r="I44471" s="1" t="s">
        <v>151150</v>
      </c>
      <c r="J44471" s="1" t="s">
        <v>151535</v>
      </c>
    </row>
    <row r="44472" spans="1:10" x14ac:dyDescent="0.35">
      <c r="A44472" s="1" t="s">
        <v>29058</v>
      </c>
      <c r="B44472" s="1" t="s">
        <v>151145</v>
      </c>
      <c r="C44472" s="1" t="s">
        <v>105</v>
      </c>
      <c r="D44472" s="1" t="s">
        <v>50267</v>
      </c>
      <c r="E44472" s="1" t="s">
        <v>151536</v>
      </c>
      <c r="F44472" s="1" t="s">
        <v>151537</v>
      </c>
      <c r="G44472" s="1" t="s">
        <v>151473</v>
      </c>
      <c r="H44472" s="1" t="s">
        <v>151474</v>
      </c>
      <c r="I44472" s="1" t="s">
        <v>151150</v>
      </c>
      <c r="J44472" s="1" t="s">
        <v>151538</v>
      </c>
    </row>
    <row r="44473" spans="1:10" x14ac:dyDescent="0.35">
      <c r="A44473" s="1" t="s">
        <v>29058</v>
      </c>
      <c r="B44473" s="1" t="s">
        <v>151145</v>
      </c>
      <c r="C44473" s="1" t="s">
        <v>110</v>
      </c>
      <c r="D44473" s="1" t="s">
        <v>47663</v>
      </c>
      <c r="E44473" s="1" t="s">
        <v>151539</v>
      </c>
      <c r="F44473" s="1" t="s">
        <v>151540</v>
      </c>
      <c r="G44473" s="1" t="s">
        <v>151473</v>
      </c>
      <c r="H44473" s="1" t="s">
        <v>151474</v>
      </c>
      <c r="I44473" s="1" t="s">
        <v>151150</v>
      </c>
      <c r="J44473" s="1" t="s">
        <v>151541</v>
      </c>
    </row>
    <row r="44474" spans="1:10" x14ac:dyDescent="0.35">
      <c r="A44474" s="1" t="s">
        <v>29058</v>
      </c>
      <c r="B44474" s="1" t="s">
        <v>151145</v>
      </c>
      <c r="C44474" s="1" t="s">
        <v>115</v>
      </c>
      <c r="D44474" s="1" t="s">
        <v>4571</v>
      </c>
      <c r="E44474" s="1" t="s">
        <v>151542</v>
      </c>
      <c r="F44474" s="1" t="s">
        <v>151543</v>
      </c>
      <c r="G44474" s="1" t="s">
        <v>151473</v>
      </c>
      <c r="H44474" s="1" t="s">
        <v>151474</v>
      </c>
      <c r="I44474" s="1" t="s">
        <v>151150</v>
      </c>
      <c r="J44474" s="1" t="s">
        <v>151544</v>
      </c>
    </row>
    <row r="44475" spans="1:10" x14ac:dyDescent="0.35">
      <c r="A44475" s="1" t="s">
        <v>29058</v>
      </c>
      <c r="B44475" s="1" t="s">
        <v>151145</v>
      </c>
      <c r="C44475" s="1" t="s">
        <v>120</v>
      </c>
      <c r="D44475" s="1" t="s">
        <v>15767</v>
      </c>
      <c r="E44475" s="1" t="s">
        <v>151545</v>
      </c>
      <c r="F44475" s="1" t="s">
        <v>151546</v>
      </c>
      <c r="G44475" s="1" t="s">
        <v>151473</v>
      </c>
      <c r="H44475" s="1" t="s">
        <v>151474</v>
      </c>
      <c r="I44475" s="1" t="s">
        <v>151150</v>
      </c>
      <c r="J44475" s="1" t="s">
        <v>151547</v>
      </c>
    </row>
    <row r="44476" spans="1:10" x14ac:dyDescent="0.35">
      <c r="A44476" s="1" t="s">
        <v>29058</v>
      </c>
      <c r="B44476" s="1" t="s">
        <v>151145</v>
      </c>
      <c r="C44476" s="1" t="s">
        <v>125</v>
      </c>
      <c r="D44476" s="1" t="s">
        <v>151548</v>
      </c>
      <c r="E44476" s="1" t="s">
        <v>151549</v>
      </c>
      <c r="F44476" s="1" t="s">
        <v>151550</v>
      </c>
      <c r="G44476" s="1" t="s">
        <v>151473</v>
      </c>
      <c r="H44476" s="1" t="s">
        <v>151474</v>
      </c>
      <c r="I44476" s="1" t="s">
        <v>151150</v>
      </c>
      <c r="J44476" s="1" t="s">
        <v>151551</v>
      </c>
    </row>
    <row r="44477" spans="1:10" x14ac:dyDescent="0.35">
      <c r="A44477" s="1" t="s">
        <v>29058</v>
      </c>
      <c r="B44477" s="1" t="s">
        <v>151145</v>
      </c>
      <c r="C44477" s="1" t="s">
        <v>130</v>
      </c>
      <c r="D44477" s="1" t="s">
        <v>142254</v>
      </c>
      <c r="E44477" s="1" t="s">
        <v>151552</v>
      </c>
      <c r="F44477" s="1" t="s">
        <v>151553</v>
      </c>
      <c r="G44477" s="1" t="s">
        <v>151473</v>
      </c>
      <c r="H44477" s="1" t="s">
        <v>151474</v>
      </c>
      <c r="I44477" s="1" t="s">
        <v>151150</v>
      </c>
      <c r="J44477" s="1" t="s">
        <v>151554</v>
      </c>
    </row>
    <row r="44478" spans="1:10" x14ac:dyDescent="0.35">
      <c r="A44478" s="1" t="s">
        <v>29058</v>
      </c>
      <c r="B44478" s="1" t="s">
        <v>151145</v>
      </c>
      <c r="C44478" s="1" t="s">
        <v>135</v>
      </c>
      <c r="D44478" s="1" t="s">
        <v>43638</v>
      </c>
      <c r="E44478" s="1" t="s">
        <v>151555</v>
      </c>
      <c r="F44478" s="1" t="s">
        <v>151556</v>
      </c>
      <c r="G44478" s="1" t="s">
        <v>151473</v>
      </c>
      <c r="H44478" s="1" t="s">
        <v>151474</v>
      </c>
      <c r="I44478" s="1" t="s">
        <v>151150</v>
      </c>
      <c r="J44478" s="1" t="s">
        <v>151557</v>
      </c>
    </row>
    <row r="44479" spans="1:10" x14ac:dyDescent="0.35">
      <c r="A44479" s="1" t="s">
        <v>29058</v>
      </c>
      <c r="B44479" s="1" t="s">
        <v>151145</v>
      </c>
      <c r="C44479" s="1" t="s">
        <v>140</v>
      </c>
      <c r="D44479" s="1" t="s">
        <v>135190</v>
      </c>
      <c r="E44479" s="1" t="s">
        <v>151558</v>
      </c>
      <c r="F44479" s="1" t="s">
        <v>151559</v>
      </c>
      <c r="G44479" s="1" t="s">
        <v>151473</v>
      </c>
      <c r="H44479" s="1" t="s">
        <v>151474</v>
      </c>
      <c r="I44479" s="1" t="s">
        <v>151150</v>
      </c>
      <c r="J44479" s="1" t="s">
        <v>151560</v>
      </c>
    </row>
    <row r="44480" spans="1:10" x14ac:dyDescent="0.35">
      <c r="A44480" s="1" t="s">
        <v>29058</v>
      </c>
      <c r="B44480" s="1" t="s">
        <v>151145</v>
      </c>
      <c r="C44480" s="1" t="s">
        <v>145</v>
      </c>
      <c r="D44480" s="1" t="s">
        <v>49901</v>
      </c>
      <c r="E44480" s="1" t="s">
        <v>151561</v>
      </c>
      <c r="F44480" s="1" t="s">
        <v>151562</v>
      </c>
      <c r="G44480" s="1" t="s">
        <v>151473</v>
      </c>
      <c r="H44480" s="1" t="s">
        <v>151474</v>
      </c>
      <c r="I44480" s="1" t="s">
        <v>151150</v>
      </c>
      <c r="J44480" s="1" t="s">
        <v>48727</v>
      </c>
    </row>
    <row r="44481" spans="1:10" x14ac:dyDescent="0.35">
      <c r="A44481" s="1" t="s">
        <v>29058</v>
      </c>
      <c r="B44481" s="1" t="s">
        <v>151145</v>
      </c>
      <c r="C44481" s="1" t="s">
        <v>150</v>
      </c>
      <c r="D44481" s="1" t="s">
        <v>4153</v>
      </c>
      <c r="E44481" s="1" t="s">
        <v>151563</v>
      </c>
      <c r="F44481" s="1" t="s">
        <v>151564</v>
      </c>
      <c r="G44481" s="1" t="s">
        <v>151473</v>
      </c>
      <c r="H44481" s="1" t="s">
        <v>151474</v>
      </c>
      <c r="I44481" s="1" t="s">
        <v>151150</v>
      </c>
      <c r="J44481" s="1" t="s">
        <v>151565</v>
      </c>
    </row>
    <row r="44482" spans="1:10" x14ac:dyDescent="0.35">
      <c r="A44482" s="1" t="s">
        <v>29058</v>
      </c>
      <c r="B44482" s="1" t="s">
        <v>151145</v>
      </c>
      <c r="C44482" s="1" t="s">
        <v>155</v>
      </c>
      <c r="D44482" s="1" t="s">
        <v>151566</v>
      </c>
      <c r="E44482" s="1" t="s">
        <v>151567</v>
      </c>
      <c r="F44482" s="1" t="s">
        <v>151568</v>
      </c>
      <c r="G44482" s="1" t="s">
        <v>151473</v>
      </c>
      <c r="H44482" s="1" t="s">
        <v>151474</v>
      </c>
      <c r="I44482" s="1" t="s">
        <v>151150</v>
      </c>
      <c r="J44482" s="1" t="s">
        <v>151569</v>
      </c>
    </row>
    <row r="44483" spans="1:10" x14ac:dyDescent="0.35">
      <c r="A44483" s="1" t="s">
        <v>29058</v>
      </c>
      <c r="B44483" s="1" t="s">
        <v>151145</v>
      </c>
      <c r="C44483" s="1" t="s">
        <v>160</v>
      </c>
      <c r="D44483" s="1" t="s">
        <v>51322</v>
      </c>
      <c r="E44483" s="1" t="s">
        <v>151570</v>
      </c>
      <c r="F44483" s="1" t="s">
        <v>151571</v>
      </c>
      <c r="G44483" s="1" t="s">
        <v>151473</v>
      </c>
      <c r="H44483" s="1" t="s">
        <v>151474</v>
      </c>
      <c r="I44483" s="1" t="s">
        <v>151150</v>
      </c>
      <c r="J44483" s="1" t="s">
        <v>151572</v>
      </c>
    </row>
    <row r="44484" spans="1:10" x14ac:dyDescent="0.35">
      <c r="A44484" s="1" t="s">
        <v>29058</v>
      </c>
      <c r="B44484" s="1" t="s">
        <v>151145</v>
      </c>
      <c r="C44484" s="1" t="s">
        <v>165</v>
      </c>
      <c r="D44484" s="1" t="s">
        <v>104589</v>
      </c>
      <c r="E44484" s="1" t="s">
        <v>151573</v>
      </c>
      <c r="F44484" s="1" t="s">
        <v>151574</v>
      </c>
      <c r="G44484" s="1" t="s">
        <v>151473</v>
      </c>
      <c r="H44484" s="1" t="s">
        <v>151474</v>
      </c>
      <c r="I44484" s="1" t="s">
        <v>151150</v>
      </c>
      <c r="J44484" s="1" t="s">
        <v>151575</v>
      </c>
    </row>
    <row r="44485" spans="1:10" x14ac:dyDescent="0.35">
      <c r="A44485" s="1" t="s">
        <v>29058</v>
      </c>
      <c r="B44485" s="1" t="s">
        <v>151145</v>
      </c>
      <c r="C44485" s="1" t="s">
        <v>170</v>
      </c>
      <c r="D44485" s="1" t="s">
        <v>151576</v>
      </c>
      <c r="E44485" s="1" t="s">
        <v>151577</v>
      </c>
      <c r="F44485" s="1" t="s">
        <v>151578</v>
      </c>
      <c r="G44485" s="1" t="s">
        <v>151473</v>
      </c>
      <c r="H44485" s="1" t="s">
        <v>151474</v>
      </c>
      <c r="I44485" s="1" t="s">
        <v>151150</v>
      </c>
      <c r="J44485" s="1" t="s">
        <v>151579</v>
      </c>
    </row>
    <row r="44486" spans="1:10" x14ac:dyDescent="0.35">
      <c r="A44486" s="1" t="s">
        <v>27903</v>
      </c>
      <c r="B44486" s="1" t="s">
        <v>151145</v>
      </c>
      <c r="C44486" s="1" t="s">
        <v>8</v>
      </c>
      <c r="D44486" s="1" t="s">
        <v>36674</v>
      </c>
      <c r="E44486" s="1" t="s">
        <v>151580</v>
      </c>
      <c r="F44486" s="1" t="s">
        <v>151581</v>
      </c>
      <c r="G44486" s="1" t="s">
        <v>151582</v>
      </c>
      <c r="H44486" s="1" t="s">
        <v>151583</v>
      </c>
      <c r="I44486" s="1" t="s">
        <v>151150</v>
      </c>
      <c r="J44486" s="1" t="s">
        <v>13</v>
      </c>
    </row>
    <row r="44487" spans="1:10" x14ac:dyDescent="0.35">
      <c r="A44487" s="1" t="s">
        <v>27903</v>
      </c>
      <c r="B44487" s="1" t="s">
        <v>151145</v>
      </c>
      <c r="C44487" s="1" t="s">
        <v>15</v>
      </c>
      <c r="D44487" s="1" t="s">
        <v>151584</v>
      </c>
      <c r="E44487" s="1" t="s">
        <v>151585</v>
      </c>
      <c r="F44487" s="1" t="s">
        <v>151586</v>
      </c>
      <c r="G44487" s="1" t="s">
        <v>151582</v>
      </c>
      <c r="H44487" s="1" t="s">
        <v>151583</v>
      </c>
      <c r="I44487" s="1" t="s">
        <v>151150</v>
      </c>
      <c r="J44487" s="1" t="s">
        <v>151587</v>
      </c>
    </row>
    <row r="44488" spans="1:10" x14ac:dyDescent="0.35">
      <c r="A44488" s="1" t="s">
        <v>27903</v>
      </c>
      <c r="B44488" s="1" t="s">
        <v>151145</v>
      </c>
      <c r="C44488" s="1" t="s">
        <v>20</v>
      </c>
      <c r="D44488" s="1" t="s">
        <v>26015</v>
      </c>
      <c r="E44488" s="1" t="s">
        <v>151588</v>
      </c>
      <c r="F44488" s="1" t="s">
        <v>151589</v>
      </c>
      <c r="G44488" s="1" t="s">
        <v>151582</v>
      </c>
      <c r="H44488" s="1" t="s">
        <v>151583</v>
      </c>
      <c r="I44488" s="1" t="s">
        <v>151150</v>
      </c>
      <c r="J44488" s="1" t="s">
        <v>151590</v>
      </c>
    </row>
    <row r="44489" spans="1:10" x14ac:dyDescent="0.35">
      <c r="A44489" s="1" t="s">
        <v>27903</v>
      </c>
      <c r="B44489" s="1" t="s">
        <v>151145</v>
      </c>
      <c r="C44489" s="1" t="s">
        <v>25</v>
      </c>
      <c r="D44489" s="1" t="s">
        <v>2889</v>
      </c>
      <c r="E44489" s="1" t="s">
        <v>151591</v>
      </c>
      <c r="F44489" s="1" t="s">
        <v>151592</v>
      </c>
      <c r="G44489" s="1" t="s">
        <v>151582</v>
      </c>
      <c r="H44489" s="1" t="s">
        <v>151583</v>
      </c>
      <c r="I44489" s="1" t="s">
        <v>151150</v>
      </c>
      <c r="J44489" s="1" t="s">
        <v>151593</v>
      </c>
    </row>
    <row r="44490" spans="1:10" x14ac:dyDescent="0.35">
      <c r="A44490" s="1" t="s">
        <v>27903</v>
      </c>
      <c r="B44490" s="1" t="s">
        <v>151145</v>
      </c>
      <c r="C44490" s="1" t="s">
        <v>30</v>
      </c>
      <c r="D44490" s="1" t="s">
        <v>7898</v>
      </c>
      <c r="E44490" s="1" t="s">
        <v>151594</v>
      </c>
      <c r="F44490" s="1" t="s">
        <v>151595</v>
      </c>
      <c r="G44490" s="1" t="s">
        <v>151582</v>
      </c>
      <c r="H44490" s="1" t="s">
        <v>151583</v>
      </c>
      <c r="I44490" s="1" t="s">
        <v>151150</v>
      </c>
      <c r="J44490" s="1" t="s">
        <v>151596</v>
      </c>
    </row>
    <row r="44491" spans="1:10" x14ac:dyDescent="0.35">
      <c r="A44491" s="1" t="s">
        <v>27903</v>
      </c>
      <c r="B44491" s="1" t="s">
        <v>151145</v>
      </c>
      <c r="C44491" s="1" t="s">
        <v>35</v>
      </c>
      <c r="D44491" s="1" t="s">
        <v>6877</v>
      </c>
      <c r="E44491" s="1" t="s">
        <v>151597</v>
      </c>
      <c r="F44491" s="1" t="s">
        <v>151598</v>
      </c>
      <c r="G44491" s="1" t="s">
        <v>151582</v>
      </c>
      <c r="H44491" s="1" t="s">
        <v>151583</v>
      </c>
      <c r="I44491" s="1" t="s">
        <v>151150</v>
      </c>
      <c r="J44491" s="1" t="s">
        <v>151599</v>
      </c>
    </row>
    <row r="44492" spans="1:10" x14ac:dyDescent="0.35">
      <c r="A44492" s="1" t="s">
        <v>27903</v>
      </c>
      <c r="B44492" s="1" t="s">
        <v>151145</v>
      </c>
      <c r="C44492" s="1" t="s">
        <v>40</v>
      </c>
      <c r="D44492" s="1" t="s">
        <v>116158</v>
      </c>
      <c r="E44492" s="1" t="s">
        <v>151600</v>
      </c>
      <c r="F44492" s="1" t="s">
        <v>151601</v>
      </c>
      <c r="G44492" s="1" t="s">
        <v>151582</v>
      </c>
      <c r="H44492" s="1" t="s">
        <v>151583</v>
      </c>
      <c r="I44492" s="1" t="s">
        <v>151150</v>
      </c>
      <c r="J44492" s="1" t="s">
        <v>151602</v>
      </c>
    </row>
    <row r="44493" spans="1:10" x14ac:dyDescent="0.35">
      <c r="A44493" s="1" t="s">
        <v>27903</v>
      </c>
      <c r="B44493" s="1" t="s">
        <v>151145</v>
      </c>
      <c r="C44493" s="1" t="s">
        <v>45</v>
      </c>
      <c r="D44493" s="1" t="s">
        <v>151603</v>
      </c>
      <c r="E44493" s="1" t="s">
        <v>151604</v>
      </c>
      <c r="F44493" s="1" t="s">
        <v>151605</v>
      </c>
      <c r="G44493" s="1" t="s">
        <v>151582</v>
      </c>
      <c r="H44493" s="1" t="s">
        <v>151583</v>
      </c>
      <c r="I44493" s="1" t="s">
        <v>151150</v>
      </c>
      <c r="J44493" s="1" t="s">
        <v>151606</v>
      </c>
    </row>
    <row r="44494" spans="1:10" x14ac:dyDescent="0.35">
      <c r="A44494" s="1" t="s">
        <v>27903</v>
      </c>
      <c r="B44494" s="1" t="s">
        <v>151145</v>
      </c>
      <c r="C44494" s="1" t="s">
        <v>50</v>
      </c>
      <c r="D44494" s="1" t="s">
        <v>151607</v>
      </c>
      <c r="E44494" s="1" t="s">
        <v>151608</v>
      </c>
      <c r="F44494" s="1" t="s">
        <v>151609</v>
      </c>
      <c r="G44494" s="1" t="s">
        <v>151582</v>
      </c>
      <c r="H44494" s="1" t="s">
        <v>151583</v>
      </c>
      <c r="I44494" s="1" t="s">
        <v>151150</v>
      </c>
      <c r="J44494" s="1" t="s">
        <v>151610</v>
      </c>
    </row>
    <row r="44495" spans="1:10" x14ac:dyDescent="0.35">
      <c r="A44495" s="1" t="s">
        <v>27903</v>
      </c>
      <c r="B44495" s="1" t="s">
        <v>151145</v>
      </c>
      <c r="C44495" s="1" t="s">
        <v>55</v>
      </c>
      <c r="D44495" s="1" t="s">
        <v>6466</v>
      </c>
      <c r="E44495" s="1" t="s">
        <v>151611</v>
      </c>
      <c r="F44495" s="1" t="s">
        <v>151612</v>
      </c>
      <c r="G44495" s="1" t="s">
        <v>151582</v>
      </c>
      <c r="H44495" s="1" t="s">
        <v>151583</v>
      </c>
      <c r="I44495" s="1" t="s">
        <v>151150</v>
      </c>
      <c r="J44495" s="1" t="s">
        <v>151613</v>
      </c>
    </row>
    <row r="44496" spans="1:10" x14ac:dyDescent="0.35">
      <c r="A44496" s="1" t="s">
        <v>27903</v>
      </c>
      <c r="B44496" s="1" t="s">
        <v>151145</v>
      </c>
      <c r="C44496" s="1" t="s">
        <v>60</v>
      </c>
      <c r="D44496" s="1" t="s">
        <v>151614</v>
      </c>
      <c r="E44496" s="1" t="s">
        <v>151615</v>
      </c>
      <c r="F44496" s="1" t="s">
        <v>151616</v>
      </c>
      <c r="G44496" s="1" t="s">
        <v>151582</v>
      </c>
      <c r="H44496" s="1" t="s">
        <v>151583</v>
      </c>
      <c r="I44496" s="1" t="s">
        <v>151150</v>
      </c>
      <c r="J44496" s="1" t="s">
        <v>151617</v>
      </c>
    </row>
    <row r="44497" spans="1:10" x14ac:dyDescent="0.35">
      <c r="A44497" s="1" t="s">
        <v>27903</v>
      </c>
      <c r="B44497" s="1" t="s">
        <v>151145</v>
      </c>
      <c r="C44497" s="1" t="s">
        <v>65</v>
      </c>
      <c r="D44497" s="1" t="s">
        <v>7055</v>
      </c>
      <c r="E44497" s="1" t="s">
        <v>151618</v>
      </c>
      <c r="F44497" s="1" t="s">
        <v>151619</v>
      </c>
      <c r="G44497" s="1" t="s">
        <v>151582</v>
      </c>
      <c r="H44497" s="1" t="s">
        <v>151583</v>
      </c>
      <c r="I44497" s="1" t="s">
        <v>151150</v>
      </c>
      <c r="J44497" s="1" t="s">
        <v>151620</v>
      </c>
    </row>
    <row r="44498" spans="1:10" x14ac:dyDescent="0.35">
      <c r="A44498" s="1" t="s">
        <v>27903</v>
      </c>
      <c r="B44498" s="1" t="s">
        <v>151145</v>
      </c>
      <c r="C44498" s="1" t="s">
        <v>70</v>
      </c>
      <c r="D44498" s="1" t="s">
        <v>28284</v>
      </c>
      <c r="E44498" s="1" t="s">
        <v>151621</v>
      </c>
      <c r="F44498" s="1" t="s">
        <v>151622</v>
      </c>
      <c r="G44498" s="1" t="s">
        <v>151582</v>
      </c>
      <c r="H44498" s="1" t="s">
        <v>151583</v>
      </c>
      <c r="I44498" s="1" t="s">
        <v>151150</v>
      </c>
      <c r="J44498" s="1" t="s">
        <v>151623</v>
      </c>
    </row>
    <row r="44499" spans="1:10" x14ac:dyDescent="0.35">
      <c r="A44499" s="1" t="s">
        <v>27903</v>
      </c>
      <c r="B44499" s="1" t="s">
        <v>151145</v>
      </c>
      <c r="C44499" s="1" t="s">
        <v>75</v>
      </c>
      <c r="D44499" s="1" t="s">
        <v>151624</v>
      </c>
      <c r="E44499" s="1" t="s">
        <v>151625</v>
      </c>
      <c r="F44499" s="1" t="s">
        <v>151626</v>
      </c>
      <c r="G44499" s="1" t="s">
        <v>151582</v>
      </c>
      <c r="H44499" s="1" t="s">
        <v>151583</v>
      </c>
      <c r="I44499" s="1" t="s">
        <v>151150</v>
      </c>
      <c r="J44499" s="1" t="s">
        <v>151627</v>
      </c>
    </row>
    <row r="44500" spans="1:10" x14ac:dyDescent="0.35">
      <c r="A44500" s="1" t="s">
        <v>27903</v>
      </c>
      <c r="B44500" s="1" t="s">
        <v>151145</v>
      </c>
      <c r="C44500" s="1" t="s">
        <v>80</v>
      </c>
      <c r="D44500" s="1" t="s">
        <v>28566</v>
      </c>
      <c r="E44500" s="1" t="s">
        <v>151628</v>
      </c>
      <c r="F44500" s="1" t="s">
        <v>151629</v>
      </c>
      <c r="G44500" s="1" t="s">
        <v>151582</v>
      </c>
      <c r="H44500" s="1" t="s">
        <v>151583</v>
      </c>
      <c r="I44500" s="1" t="s">
        <v>151150</v>
      </c>
      <c r="J44500" s="1" t="s">
        <v>151630</v>
      </c>
    </row>
    <row r="44501" spans="1:10" x14ac:dyDescent="0.35">
      <c r="A44501" s="1" t="s">
        <v>27903</v>
      </c>
      <c r="B44501" s="1" t="s">
        <v>151145</v>
      </c>
      <c r="C44501" s="1" t="s">
        <v>85</v>
      </c>
      <c r="D44501" s="1" t="s">
        <v>50967</v>
      </c>
      <c r="E44501" s="1" t="s">
        <v>151631</v>
      </c>
      <c r="F44501" s="1" t="s">
        <v>151632</v>
      </c>
      <c r="G44501" s="1" t="s">
        <v>151582</v>
      </c>
      <c r="H44501" s="1" t="s">
        <v>151583</v>
      </c>
      <c r="I44501" s="1" t="s">
        <v>151150</v>
      </c>
      <c r="J44501" s="1" t="s">
        <v>151633</v>
      </c>
    </row>
    <row r="44502" spans="1:10" x14ac:dyDescent="0.35">
      <c r="A44502" s="1" t="s">
        <v>27903</v>
      </c>
      <c r="B44502" s="1" t="s">
        <v>151145</v>
      </c>
      <c r="C44502" s="1" t="s">
        <v>90</v>
      </c>
      <c r="D44502" s="1" t="s">
        <v>151634</v>
      </c>
      <c r="E44502" s="1" t="s">
        <v>151635</v>
      </c>
      <c r="F44502" s="1" t="s">
        <v>151636</v>
      </c>
      <c r="G44502" s="1" t="s">
        <v>151582</v>
      </c>
      <c r="H44502" s="1" t="s">
        <v>151583</v>
      </c>
      <c r="I44502" s="1" t="s">
        <v>151150</v>
      </c>
      <c r="J44502" s="1" t="s">
        <v>151637</v>
      </c>
    </row>
    <row r="44503" spans="1:10" x14ac:dyDescent="0.35">
      <c r="A44503" s="1" t="s">
        <v>27903</v>
      </c>
      <c r="B44503" s="1" t="s">
        <v>151145</v>
      </c>
      <c r="C44503" s="1" t="s">
        <v>95</v>
      </c>
      <c r="D44503" s="1" t="s">
        <v>2929</v>
      </c>
      <c r="E44503" s="1" t="s">
        <v>151638</v>
      </c>
      <c r="F44503" s="1" t="s">
        <v>151639</v>
      </c>
      <c r="G44503" s="1" t="s">
        <v>151582</v>
      </c>
      <c r="H44503" s="1" t="s">
        <v>151583</v>
      </c>
      <c r="I44503" s="1" t="s">
        <v>151150</v>
      </c>
      <c r="J44503" s="1" t="s">
        <v>151640</v>
      </c>
    </row>
    <row r="44504" spans="1:10" x14ac:dyDescent="0.35">
      <c r="A44504" s="1" t="s">
        <v>27903</v>
      </c>
      <c r="B44504" s="1" t="s">
        <v>151145</v>
      </c>
      <c r="C44504" s="1" t="s">
        <v>100</v>
      </c>
      <c r="D44504" s="1" t="s">
        <v>151641</v>
      </c>
      <c r="E44504" s="1" t="s">
        <v>151642</v>
      </c>
      <c r="F44504" s="1" t="s">
        <v>151643</v>
      </c>
      <c r="G44504" s="1" t="s">
        <v>151582</v>
      </c>
      <c r="H44504" s="1" t="s">
        <v>151583</v>
      </c>
      <c r="I44504" s="1" t="s">
        <v>151150</v>
      </c>
      <c r="J44504" s="1" t="s">
        <v>151644</v>
      </c>
    </row>
    <row r="44505" spans="1:10" x14ac:dyDescent="0.35">
      <c r="A44505" s="1" t="s">
        <v>27903</v>
      </c>
      <c r="B44505" s="1" t="s">
        <v>151145</v>
      </c>
      <c r="C44505" s="1" t="s">
        <v>105</v>
      </c>
      <c r="D44505" s="1" t="s">
        <v>74778</v>
      </c>
      <c r="E44505" s="1" t="s">
        <v>151645</v>
      </c>
      <c r="F44505" s="1" t="s">
        <v>151646</v>
      </c>
      <c r="G44505" s="1" t="s">
        <v>151582</v>
      </c>
      <c r="H44505" s="1" t="s">
        <v>151583</v>
      </c>
      <c r="I44505" s="1" t="s">
        <v>151150</v>
      </c>
      <c r="J44505" s="1" t="s">
        <v>151647</v>
      </c>
    </row>
    <row r="44506" spans="1:10" x14ac:dyDescent="0.35">
      <c r="A44506" s="1" t="s">
        <v>27903</v>
      </c>
      <c r="B44506" s="1" t="s">
        <v>151145</v>
      </c>
      <c r="C44506" s="1" t="s">
        <v>110</v>
      </c>
      <c r="D44506" s="1" t="s">
        <v>36735</v>
      </c>
      <c r="E44506" s="1" t="s">
        <v>151648</v>
      </c>
      <c r="F44506" s="1" t="s">
        <v>151649</v>
      </c>
      <c r="G44506" s="1" t="s">
        <v>151582</v>
      </c>
      <c r="H44506" s="1" t="s">
        <v>151583</v>
      </c>
      <c r="I44506" s="1" t="s">
        <v>151150</v>
      </c>
      <c r="J44506" s="1" t="s">
        <v>151650</v>
      </c>
    </row>
    <row r="44507" spans="1:10" x14ac:dyDescent="0.35">
      <c r="A44507" s="1" t="s">
        <v>27903</v>
      </c>
      <c r="B44507" s="1" t="s">
        <v>151145</v>
      </c>
      <c r="C44507" s="1" t="s">
        <v>115</v>
      </c>
      <c r="D44507" s="1" t="s">
        <v>34682</v>
      </c>
      <c r="E44507" s="1" t="s">
        <v>151651</v>
      </c>
      <c r="F44507" s="1" t="s">
        <v>151652</v>
      </c>
      <c r="G44507" s="1" t="s">
        <v>151582</v>
      </c>
      <c r="H44507" s="1" t="s">
        <v>151583</v>
      </c>
      <c r="I44507" s="1" t="s">
        <v>151150</v>
      </c>
      <c r="J44507" s="1" t="s">
        <v>151653</v>
      </c>
    </row>
    <row r="44508" spans="1:10" x14ac:dyDescent="0.35">
      <c r="A44508" s="1" t="s">
        <v>27903</v>
      </c>
      <c r="B44508" s="1" t="s">
        <v>151145</v>
      </c>
      <c r="C44508" s="1" t="s">
        <v>120</v>
      </c>
      <c r="D44508" s="1" t="s">
        <v>72750</v>
      </c>
      <c r="E44508" s="1" t="s">
        <v>151654</v>
      </c>
      <c r="F44508" s="1" t="s">
        <v>151655</v>
      </c>
      <c r="G44508" s="1" t="s">
        <v>151582</v>
      </c>
      <c r="H44508" s="1" t="s">
        <v>151583</v>
      </c>
      <c r="I44508" s="1" t="s">
        <v>151150</v>
      </c>
      <c r="J44508" s="1" t="s">
        <v>151656</v>
      </c>
    </row>
    <row r="44509" spans="1:10" x14ac:dyDescent="0.35">
      <c r="A44509" s="1" t="s">
        <v>27903</v>
      </c>
      <c r="B44509" s="1" t="s">
        <v>151145</v>
      </c>
      <c r="C44509" s="1" t="s">
        <v>125</v>
      </c>
      <c r="D44509" s="1" t="s">
        <v>75000</v>
      </c>
      <c r="E44509" s="1" t="s">
        <v>151657</v>
      </c>
      <c r="F44509" s="1" t="s">
        <v>151658</v>
      </c>
      <c r="G44509" s="1" t="s">
        <v>151582</v>
      </c>
      <c r="H44509" s="1" t="s">
        <v>151583</v>
      </c>
      <c r="I44509" s="1" t="s">
        <v>151150</v>
      </c>
      <c r="J44509" s="1" t="s">
        <v>151659</v>
      </c>
    </row>
    <row r="44510" spans="1:10" x14ac:dyDescent="0.35">
      <c r="A44510" s="1" t="s">
        <v>27903</v>
      </c>
      <c r="B44510" s="1" t="s">
        <v>151145</v>
      </c>
      <c r="C44510" s="1" t="s">
        <v>130</v>
      </c>
      <c r="D44510" s="1" t="s">
        <v>141829</v>
      </c>
      <c r="E44510" s="1" t="s">
        <v>151660</v>
      </c>
      <c r="F44510" s="1" t="s">
        <v>151661</v>
      </c>
      <c r="G44510" s="1" t="s">
        <v>151582</v>
      </c>
      <c r="H44510" s="1" t="s">
        <v>151583</v>
      </c>
      <c r="I44510" s="1" t="s">
        <v>151150</v>
      </c>
      <c r="J44510" s="1" t="s">
        <v>151662</v>
      </c>
    </row>
    <row r="44511" spans="1:10" x14ac:dyDescent="0.35">
      <c r="A44511" s="1" t="s">
        <v>27903</v>
      </c>
      <c r="B44511" s="1" t="s">
        <v>151145</v>
      </c>
      <c r="C44511" s="1" t="s">
        <v>135</v>
      </c>
      <c r="D44511" s="1" t="s">
        <v>51880</v>
      </c>
      <c r="E44511" s="1" t="s">
        <v>151663</v>
      </c>
      <c r="F44511" s="1" t="s">
        <v>151664</v>
      </c>
      <c r="G44511" s="1" t="s">
        <v>151582</v>
      </c>
      <c r="H44511" s="1" t="s">
        <v>151583</v>
      </c>
      <c r="I44511" s="1" t="s">
        <v>151150</v>
      </c>
      <c r="J44511" s="1" t="s">
        <v>151665</v>
      </c>
    </row>
    <row r="44512" spans="1:10" x14ac:dyDescent="0.35">
      <c r="A44512" s="1" t="s">
        <v>27903</v>
      </c>
      <c r="B44512" s="1" t="s">
        <v>151145</v>
      </c>
      <c r="C44512" s="1" t="s">
        <v>140</v>
      </c>
      <c r="D44512" s="1" t="s">
        <v>34923</v>
      </c>
      <c r="E44512" s="1" t="s">
        <v>151666</v>
      </c>
      <c r="F44512" s="1" t="s">
        <v>151667</v>
      </c>
      <c r="G44512" s="1" t="s">
        <v>151582</v>
      </c>
      <c r="H44512" s="1" t="s">
        <v>151583</v>
      </c>
      <c r="I44512" s="1" t="s">
        <v>151150</v>
      </c>
      <c r="J44512" s="1" t="s">
        <v>151668</v>
      </c>
    </row>
    <row r="44513" spans="1:10" x14ac:dyDescent="0.35">
      <c r="A44513" s="1" t="s">
        <v>27903</v>
      </c>
      <c r="B44513" s="1" t="s">
        <v>151145</v>
      </c>
      <c r="C44513" s="1" t="s">
        <v>145</v>
      </c>
      <c r="D44513" s="1" t="s">
        <v>36746</v>
      </c>
      <c r="E44513" s="1" t="s">
        <v>72219</v>
      </c>
      <c r="F44513" s="1" t="s">
        <v>151669</v>
      </c>
      <c r="G44513" s="1" t="s">
        <v>151582</v>
      </c>
      <c r="H44513" s="1" t="s">
        <v>151583</v>
      </c>
      <c r="I44513" s="1" t="s">
        <v>151150</v>
      </c>
      <c r="J44513" s="1" t="s">
        <v>151670</v>
      </c>
    </row>
    <row r="44514" spans="1:10" x14ac:dyDescent="0.35">
      <c r="A44514" s="1" t="s">
        <v>27903</v>
      </c>
      <c r="B44514" s="1" t="s">
        <v>151145</v>
      </c>
      <c r="C44514" s="1" t="s">
        <v>150</v>
      </c>
      <c r="D44514" s="1" t="s">
        <v>48705</v>
      </c>
      <c r="E44514" s="1" t="s">
        <v>151671</v>
      </c>
      <c r="F44514" s="1" t="s">
        <v>151672</v>
      </c>
      <c r="G44514" s="1" t="s">
        <v>151582</v>
      </c>
      <c r="H44514" s="1" t="s">
        <v>151583</v>
      </c>
      <c r="I44514" s="1" t="s">
        <v>151150</v>
      </c>
      <c r="J44514" s="1" t="s">
        <v>151673</v>
      </c>
    </row>
    <row r="44515" spans="1:10" x14ac:dyDescent="0.35">
      <c r="A44515" s="1" t="s">
        <v>27903</v>
      </c>
      <c r="B44515" s="1" t="s">
        <v>151145</v>
      </c>
      <c r="C44515" s="1" t="s">
        <v>155</v>
      </c>
      <c r="D44515" s="1" t="s">
        <v>7119</v>
      </c>
      <c r="E44515" s="1" t="s">
        <v>151674</v>
      </c>
      <c r="F44515" s="1" t="s">
        <v>151675</v>
      </c>
      <c r="G44515" s="1" t="s">
        <v>151582</v>
      </c>
      <c r="H44515" s="1" t="s">
        <v>151583</v>
      </c>
      <c r="I44515" s="1" t="s">
        <v>151150</v>
      </c>
      <c r="J44515" s="1" t="s">
        <v>151676</v>
      </c>
    </row>
    <row r="44516" spans="1:10" x14ac:dyDescent="0.35">
      <c r="A44516" s="1" t="s">
        <v>27903</v>
      </c>
      <c r="B44516" s="1" t="s">
        <v>151145</v>
      </c>
      <c r="C44516" s="1" t="s">
        <v>160</v>
      </c>
      <c r="D44516" s="1" t="s">
        <v>151677</v>
      </c>
      <c r="E44516" s="1" t="s">
        <v>151678</v>
      </c>
      <c r="F44516" s="1" t="s">
        <v>151679</v>
      </c>
      <c r="G44516" s="1" t="s">
        <v>151582</v>
      </c>
      <c r="H44516" s="1" t="s">
        <v>151583</v>
      </c>
      <c r="I44516" s="1" t="s">
        <v>151150</v>
      </c>
      <c r="J44516" s="1" t="s">
        <v>151680</v>
      </c>
    </row>
    <row r="44517" spans="1:10" x14ac:dyDescent="0.35">
      <c r="A44517" s="1" t="s">
        <v>27903</v>
      </c>
      <c r="B44517" s="1" t="s">
        <v>151145</v>
      </c>
      <c r="C44517" s="1" t="s">
        <v>165</v>
      </c>
      <c r="D44517" s="1" t="s">
        <v>73838</v>
      </c>
      <c r="E44517" s="1" t="s">
        <v>151681</v>
      </c>
      <c r="F44517" s="1" t="s">
        <v>151682</v>
      </c>
      <c r="G44517" s="1" t="s">
        <v>151582</v>
      </c>
      <c r="H44517" s="1" t="s">
        <v>151583</v>
      </c>
      <c r="I44517" s="1" t="s">
        <v>151150</v>
      </c>
      <c r="J44517" s="1" t="s">
        <v>151683</v>
      </c>
    </row>
    <row r="44518" spans="1:10" x14ac:dyDescent="0.35">
      <c r="A44518" s="1" t="s">
        <v>27903</v>
      </c>
      <c r="B44518" s="1" t="s">
        <v>151145</v>
      </c>
      <c r="C44518" s="1" t="s">
        <v>170</v>
      </c>
      <c r="D44518" s="1" t="s">
        <v>35291</v>
      </c>
      <c r="E44518" s="1" t="s">
        <v>151684</v>
      </c>
      <c r="F44518" s="1" t="s">
        <v>151685</v>
      </c>
      <c r="G44518" s="1" t="s">
        <v>151582</v>
      </c>
      <c r="H44518" s="1" t="s">
        <v>151583</v>
      </c>
      <c r="I44518" s="1" t="s">
        <v>151150</v>
      </c>
      <c r="J44518" s="1" t="s">
        <v>151686</v>
      </c>
    </row>
    <row r="44519" spans="1:10" x14ac:dyDescent="0.35">
      <c r="A44519" s="1" t="s">
        <v>121197</v>
      </c>
      <c r="B44519" s="1" t="s">
        <v>151145</v>
      </c>
      <c r="C44519" s="1" t="s">
        <v>8</v>
      </c>
      <c r="D44519" s="1" t="s">
        <v>50144</v>
      </c>
      <c r="E44519" s="1" t="s">
        <v>151687</v>
      </c>
      <c r="F44519" s="1" t="s">
        <v>151688</v>
      </c>
      <c r="G44519" s="1" t="s">
        <v>151689</v>
      </c>
      <c r="H44519" s="1" t="s">
        <v>148796</v>
      </c>
      <c r="I44519" s="1" t="s">
        <v>151150</v>
      </c>
      <c r="J44519" s="1" t="s">
        <v>13</v>
      </c>
    </row>
    <row r="44520" spans="1:10" x14ac:dyDescent="0.35">
      <c r="A44520" s="1" t="s">
        <v>121197</v>
      </c>
      <c r="B44520" s="1" t="s">
        <v>151145</v>
      </c>
      <c r="C44520" s="1" t="s">
        <v>15</v>
      </c>
      <c r="D44520" s="1" t="s">
        <v>34432</v>
      </c>
      <c r="E44520" s="1" t="s">
        <v>151690</v>
      </c>
      <c r="F44520" s="1" t="s">
        <v>151691</v>
      </c>
      <c r="G44520" s="1" t="s">
        <v>151689</v>
      </c>
      <c r="H44520" s="1" t="s">
        <v>148796</v>
      </c>
      <c r="I44520" s="1" t="s">
        <v>151150</v>
      </c>
      <c r="J44520" s="1" t="s">
        <v>151692</v>
      </c>
    </row>
    <row r="44521" spans="1:10" x14ac:dyDescent="0.35">
      <c r="A44521" s="1" t="s">
        <v>121197</v>
      </c>
      <c r="B44521" s="1" t="s">
        <v>151145</v>
      </c>
      <c r="C44521" s="1" t="s">
        <v>20</v>
      </c>
      <c r="D44521" s="1" t="s">
        <v>49396</v>
      </c>
      <c r="E44521" s="1" t="s">
        <v>151693</v>
      </c>
      <c r="F44521" s="1" t="s">
        <v>151694</v>
      </c>
      <c r="G44521" s="1" t="s">
        <v>151689</v>
      </c>
      <c r="H44521" s="1" t="s">
        <v>148796</v>
      </c>
      <c r="I44521" s="1" t="s">
        <v>151150</v>
      </c>
      <c r="J44521" s="1" t="s">
        <v>151695</v>
      </c>
    </row>
    <row r="44522" spans="1:10" x14ac:dyDescent="0.35">
      <c r="A44522" s="1" t="s">
        <v>121197</v>
      </c>
      <c r="B44522" s="1" t="s">
        <v>151145</v>
      </c>
      <c r="C44522" s="1" t="s">
        <v>25</v>
      </c>
      <c r="D44522" s="1" t="s">
        <v>151696</v>
      </c>
      <c r="E44522" s="1" t="s">
        <v>151697</v>
      </c>
      <c r="F44522" s="1" t="s">
        <v>151698</v>
      </c>
      <c r="G44522" s="1" t="s">
        <v>151689</v>
      </c>
      <c r="H44522" s="1" t="s">
        <v>148796</v>
      </c>
      <c r="I44522" s="1" t="s">
        <v>151150</v>
      </c>
      <c r="J44522" s="1" t="s">
        <v>151699</v>
      </c>
    </row>
    <row r="44523" spans="1:10" x14ac:dyDescent="0.35">
      <c r="A44523" s="1" t="s">
        <v>121197</v>
      </c>
      <c r="B44523" s="1" t="s">
        <v>151145</v>
      </c>
      <c r="C44523" s="1" t="s">
        <v>30</v>
      </c>
      <c r="D44523" s="1" t="s">
        <v>74412</v>
      </c>
      <c r="E44523" s="1" t="s">
        <v>151700</v>
      </c>
      <c r="F44523" s="1" t="s">
        <v>151701</v>
      </c>
      <c r="G44523" s="1" t="s">
        <v>151689</v>
      </c>
      <c r="H44523" s="1" t="s">
        <v>148796</v>
      </c>
      <c r="I44523" s="1" t="s">
        <v>151150</v>
      </c>
      <c r="J44523" s="1" t="s">
        <v>151702</v>
      </c>
    </row>
    <row r="44524" spans="1:10" x14ac:dyDescent="0.35">
      <c r="A44524" s="1" t="s">
        <v>121197</v>
      </c>
      <c r="B44524" s="1" t="s">
        <v>151145</v>
      </c>
      <c r="C44524" s="1" t="s">
        <v>35</v>
      </c>
      <c r="D44524" s="1" t="s">
        <v>151703</v>
      </c>
      <c r="E44524" s="1" t="s">
        <v>151704</v>
      </c>
      <c r="F44524" s="1" t="s">
        <v>151705</v>
      </c>
      <c r="G44524" s="1" t="s">
        <v>151689</v>
      </c>
      <c r="H44524" s="1" t="s">
        <v>148796</v>
      </c>
      <c r="I44524" s="1" t="s">
        <v>151150</v>
      </c>
      <c r="J44524" s="1" t="s">
        <v>151706</v>
      </c>
    </row>
    <row r="44525" spans="1:10" x14ac:dyDescent="0.35">
      <c r="A44525" s="1" t="s">
        <v>121197</v>
      </c>
      <c r="B44525" s="1" t="s">
        <v>151145</v>
      </c>
      <c r="C44525" s="1" t="s">
        <v>40</v>
      </c>
      <c r="D44525" s="1" t="s">
        <v>124593</v>
      </c>
      <c r="E44525" s="1" t="s">
        <v>151707</v>
      </c>
      <c r="F44525" s="1" t="s">
        <v>151708</v>
      </c>
      <c r="G44525" s="1" t="s">
        <v>151689</v>
      </c>
      <c r="H44525" s="1" t="s">
        <v>148796</v>
      </c>
      <c r="I44525" s="1" t="s">
        <v>151150</v>
      </c>
      <c r="J44525" s="1" t="s">
        <v>151709</v>
      </c>
    </row>
    <row r="44526" spans="1:10" x14ac:dyDescent="0.35">
      <c r="A44526" s="1" t="s">
        <v>121197</v>
      </c>
      <c r="B44526" s="1" t="s">
        <v>151145</v>
      </c>
      <c r="C44526" s="1" t="s">
        <v>45</v>
      </c>
      <c r="D44526" s="1" t="s">
        <v>2667</v>
      </c>
      <c r="E44526" s="1" t="s">
        <v>151710</v>
      </c>
      <c r="F44526" s="1" t="s">
        <v>151711</v>
      </c>
      <c r="G44526" s="1" t="s">
        <v>151689</v>
      </c>
      <c r="H44526" s="1" t="s">
        <v>148796</v>
      </c>
      <c r="I44526" s="1" t="s">
        <v>151150</v>
      </c>
      <c r="J44526" s="1" t="s">
        <v>151712</v>
      </c>
    </row>
    <row r="44527" spans="1:10" x14ac:dyDescent="0.35">
      <c r="A44527" s="1" t="s">
        <v>121197</v>
      </c>
      <c r="B44527" s="1" t="s">
        <v>151145</v>
      </c>
      <c r="C44527" s="1" t="s">
        <v>50</v>
      </c>
      <c r="D44527" s="1" t="s">
        <v>35030</v>
      </c>
      <c r="E44527" s="1" t="s">
        <v>151713</v>
      </c>
      <c r="F44527" s="1" t="s">
        <v>151714</v>
      </c>
      <c r="G44527" s="1" t="s">
        <v>151689</v>
      </c>
      <c r="H44527" s="1" t="s">
        <v>148796</v>
      </c>
      <c r="I44527" s="1" t="s">
        <v>151150</v>
      </c>
      <c r="J44527" s="1" t="s">
        <v>151715</v>
      </c>
    </row>
    <row r="44528" spans="1:10" x14ac:dyDescent="0.35">
      <c r="A44528" s="1" t="s">
        <v>121197</v>
      </c>
      <c r="B44528" s="1" t="s">
        <v>151145</v>
      </c>
      <c r="C44528" s="1" t="s">
        <v>55</v>
      </c>
      <c r="D44528" s="1" t="s">
        <v>151716</v>
      </c>
      <c r="E44528" s="1" t="s">
        <v>151717</v>
      </c>
      <c r="F44528" s="1" t="s">
        <v>151718</v>
      </c>
      <c r="G44528" s="1" t="s">
        <v>151689</v>
      </c>
      <c r="H44528" s="1" t="s">
        <v>148796</v>
      </c>
      <c r="I44528" s="1" t="s">
        <v>151150</v>
      </c>
      <c r="J44528" s="1" t="s">
        <v>151719</v>
      </c>
    </row>
    <row r="44529" spans="1:10" x14ac:dyDescent="0.35">
      <c r="A44529" s="1" t="s">
        <v>121197</v>
      </c>
      <c r="B44529" s="1" t="s">
        <v>151145</v>
      </c>
      <c r="C44529" s="1" t="s">
        <v>60</v>
      </c>
      <c r="D44529" s="1" t="s">
        <v>34508</v>
      </c>
      <c r="E44529" s="1" t="s">
        <v>151720</v>
      </c>
      <c r="F44529" s="1" t="s">
        <v>151721</v>
      </c>
      <c r="G44529" s="1" t="s">
        <v>151689</v>
      </c>
      <c r="H44529" s="1" t="s">
        <v>148796</v>
      </c>
      <c r="I44529" s="1" t="s">
        <v>151150</v>
      </c>
      <c r="J44529" s="1" t="s">
        <v>151722</v>
      </c>
    </row>
    <row r="44530" spans="1:10" x14ac:dyDescent="0.35">
      <c r="A44530" s="1" t="s">
        <v>121197</v>
      </c>
      <c r="B44530" s="1" t="s">
        <v>151145</v>
      </c>
      <c r="C44530" s="1" t="s">
        <v>65</v>
      </c>
      <c r="D44530" s="1" t="s">
        <v>74284</v>
      </c>
      <c r="E44530" s="1" t="s">
        <v>151723</v>
      </c>
      <c r="F44530" s="1" t="s">
        <v>151724</v>
      </c>
      <c r="G44530" s="1" t="s">
        <v>151689</v>
      </c>
      <c r="H44530" s="1" t="s">
        <v>148796</v>
      </c>
      <c r="I44530" s="1" t="s">
        <v>151150</v>
      </c>
      <c r="J44530" s="1" t="s">
        <v>151725</v>
      </c>
    </row>
    <row r="44531" spans="1:10" x14ac:dyDescent="0.35">
      <c r="A44531" s="1" t="s">
        <v>121197</v>
      </c>
      <c r="B44531" s="1" t="s">
        <v>151145</v>
      </c>
      <c r="C44531" s="1" t="s">
        <v>70</v>
      </c>
      <c r="D44531" s="1" t="s">
        <v>124033</v>
      </c>
      <c r="E44531" s="1" t="s">
        <v>151726</v>
      </c>
      <c r="F44531" s="1" t="s">
        <v>151727</v>
      </c>
      <c r="G44531" s="1" t="s">
        <v>151689</v>
      </c>
      <c r="H44531" s="1" t="s">
        <v>148796</v>
      </c>
      <c r="I44531" s="1" t="s">
        <v>151150</v>
      </c>
      <c r="J44531" s="1" t="s">
        <v>151728</v>
      </c>
    </row>
    <row r="44532" spans="1:10" x14ac:dyDescent="0.35">
      <c r="A44532" s="1" t="s">
        <v>121197</v>
      </c>
      <c r="B44532" s="1" t="s">
        <v>151145</v>
      </c>
      <c r="C44532" s="1" t="s">
        <v>75</v>
      </c>
      <c r="D44532" s="1" t="s">
        <v>70998</v>
      </c>
      <c r="E44532" s="1" t="s">
        <v>151729</v>
      </c>
      <c r="F44532" s="1" t="s">
        <v>151730</v>
      </c>
      <c r="G44532" s="1" t="s">
        <v>151689</v>
      </c>
      <c r="H44532" s="1" t="s">
        <v>148796</v>
      </c>
      <c r="I44532" s="1" t="s">
        <v>151150</v>
      </c>
      <c r="J44532" s="1" t="s">
        <v>151731</v>
      </c>
    </row>
    <row r="44533" spans="1:10" x14ac:dyDescent="0.35">
      <c r="A44533" s="1" t="s">
        <v>121197</v>
      </c>
      <c r="B44533" s="1" t="s">
        <v>151145</v>
      </c>
      <c r="C44533" s="1" t="s">
        <v>80</v>
      </c>
      <c r="D44533" s="1" t="s">
        <v>151732</v>
      </c>
      <c r="E44533" s="1" t="s">
        <v>151733</v>
      </c>
      <c r="F44533" s="1" t="s">
        <v>151734</v>
      </c>
      <c r="G44533" s="1" t="s">
        <v>151689</v>
      </c>
      <c r="H44533" s="1" t="s">
        <v>148796</v>
      </c>
      <c r="I44533" s="1" t="s">
        <v>151150</v>
      </c>
      <c r="J44533" s="1" t="s">
        <v>151735</v>
      </c>
    </row>
    <row r="44534" spans="1:10" x14ac:dyDescent="0.35">
      <c r="A44534" s="1" t="s">
        <v>121197</v>
      </c>
      <c r="B44534" s="1" t="s">
        <v>151145</v>
      </c>
      <c r="C44534" s="1" t="s">
        <v>85</v>
      </c>
      <c r="D44534" s="1" t="s">
        <v>34032</v>
      </c>
      <c r="E44534" s="1" t="s">
        <v>151736</v>
      </c>
      <c r="F44534" s="1" t="s">
        <v>151737</v>
      </c>
      <c r="G44534" s="1" t="s">
        <v>151689</v>
      </c>
      <c r="H44534" s="1" t="s">
        <v>148796</v>
      </c>
      <c r="I44534" s="1" t="s">
        <v>151150</v>
      </c>
      <c r="J44534" s="1" t="s">
        <v>151738</v>
      </c>
    </row>
    <row r="44535" spans="1:10" x14ac:dyDescent="0.35">
      <c r="A44535" s="1" t="s">
        <v>121197</v>
      </c>
      <c r="B44535" s="1" t="s">
        <v>151145</v>
      </c>
      <c r="C44535" s="1" t="s">
        <v>90</v>
      </c>
      <c r="D44535" s="1" t="s">
        <v>71366</v>
      </c>
      <c r="E44535" s="1" t="s">
        <v>151739</v>
      </c>
      <c r="F44535" s="1" t="s">
        <v>151740</v>
      </c>
      <c r="G44535" s="1" t="s">
        <v>151689</v>
      </c>
      <c r="H44535" s="1" t="s">
        <v>148796</v>
      </c>
      <c r="I44535" s="1" t="s">
        <v>151150</v>
      </c>
      <c r="J44535" s="1" t="s">
        <v>151741</v>
      </c>
    </row>
    <row r="44536" spans="1:10" x14ac:dyDescent="0.35">
      <c r="A44536" s="1" t="s">
        <v>121197</v>
      </c>
      <c r="B44536" s="1" t="s">
        <v>151145</v>
      </c>
      <c r="C44536" s="1" t="s">
        <v>95</v>
      </c>
      <c r="D44536" s="1" t="s">
        <v>44809</v>
      </c>
      <c r="E44536" s="1" t="s">
        <v>151742</v>
      </c>
      <c r="F44536" s="1" t="s">
        <v>151743</v>
      </c>
      <c r="G44536" s="1" t="s">
        <v>151689</v>
      </c>
      <c r="H44536" s="1" t="s">
        <v>148796</v>
      </c>
      <c r="I44536" s="1" t="s">
        <v>151150</v>
      </c>
      <c r="J44536" s="1" t="s">
        <v>151744</v>
      </c>
    </row>
    <row r="44537" spans="1:10" x14ac:dyDescent="0.35">
      <c r="A44537" s="1" t="s">
        <v>121197</v>
      </c>
      <c r="B44537" s="1" t="s">
        <v>151145</v>
      </c>
      <c r="C44537" s="1" t="s">
        <v>100</v>
      </c>
      <c r="D44537" s="1" t="s">
        <v>3413</v>
      </c>
      <c r="E44537" s="1" t="s">
        <v>151745</v>
      </c>
      <c r="F44537" s="1" t="s">
        <v>151746</v>
      </c>
      <c r="G44537" s="1" t="s">
        <v>151689</v>
      </c>
      <c r="H44537" s="1" t="s">
        <v>148796</v>
      </c>
      <c r="I44537" s="1" t="s">
        <v>151150</v>
      </c>
      <c r="J44537" s="1" t="s">
        <v>151747</v>
      </c>
    </row>
    <row r="44538" spans="1:10" x14ac:dyDescent="0.35">
      <c r="A44538" s="1" t="s">
        <v>121197</v>
      </c>
      <c r="B44538" s="1" t="s">
        <v>151145</v>
      </c>
      <c r="C44538" s="1" t="s">
        <v>105</v>
      </c>
      <c r="D44538" s="1" t="s">
        <v>49139</v>
      </c>
      <c r="E44538" s="1" t="s">
        <v>151748</v>
      </c>
      <c r="F44538" s="1" t="s">
        <v>151749</v>
      </c>
      <c r="G44538" s="1" t="s">
        <v>151689</v>
      </c>
      <c r="H44538" s="1" t="s">
        <v>148796</v>
      </c>
      <c r="I44538" s="1" t="s">
        <v>151150</v>
      </c>
      <c r="J44538" s="1" t="s">
        <v>151750</v>
      </c>
    </row>
    <row r="44539" spans="1:10" x14ac:dyDescent="0.35">
      <c r="A44539" s="1" t="s">
        <v>121197</v>
      </c>
      <c r="B44539" s="1" t="s">
        <v>151145</v>
      </c>
      <c r="C44539" s="1" t="s">
        <v>110</v>
      </c>
      <c r="D44539" s="1" t="s">
        <v>151677</v>
      </c>
      <c r="E44539" s="1" t="s">
        <v>151751</v>
      </c>
      <c r="F44539" s="1" t="s">
        <v>151752</v>
      </c>
      <c r="G44539" s="1" t="s">
        <v>151689</v>
      </c>
      <c r="H44539" s="1" t="s">
        <v>148796</v>
      </c>
      <c r="I44539" s="1" t="s">
        <v>151150</v>
      </c>
      <c r="J44539" s="1" t="s">
        <v>151753</v>
      </c>
    </row>
    <row r="44540" spans="1:10" x14ac:dyDescent="0.35">
      <c r="A44540" s="1" t="s">
        <v>121197</v>
      </c>
      <c r="B44540" s="1" t="s">
        <v>151145</v>
      </c>
      <c r="C44540" s="1" t="s">
        <v>115</v>
      </c>
      <c r="D44540" s="1" t="s">
        <v>142914</v>
      </c>
      <c r="E44540" s="1" t="s">
        <v>151754</v>
      </c>
      <c r="F44540" s="1" t="s">
        <v>151755</v>
      </c>
      <c r="G44540" s="1" t="s">
        <v>151689</v>
      </c>
      <c r="H44540" s="1" t="s">
        <v>148796</v>
      </c>
      <c r="I44540" s="1" t="s">
        <v>151150</v>
      </c>
      <c r="J44540" s="1" t="s">
        <v>151756</v>
      </c>
    </row>
    <row r="44541" spans="1:10" x14ac:dyDescent="0.35">
      <c r="A44541" s="1" t="s">
        <v>121197</v>
      </c>
      <c r="B44541" s="1" t="s">
        <v>151145</v>
      </c>
      <c r="C44541" s="1" t="s">
        <v>120</v>
      </c>
      <c r="D44541" s="1" t="s">
        <v>52123</v>
      </c>
      <c r="E44541" s="1" t="s">
        <v>151757</v>
      </c>
      <c r="F44541" s="1" t="s">
        <v>151758</v>
      </c>
      <c r="G44541" s="1" t="s">
        <v>151689</v>
      </c>
      <c r="H44541" s="1" t="s">
        <v>148796</v>
      </c>
      <c r="I44541" s="1" t="s">
        <v>151150</v>
      </c>
      <c r="J44541" s="1" t="s">
        <v>151759</v>
      </c>
    </row>
    <row r="44542" spans="1:10" x14ac:dyDescent="0.35">
      <c r="A44542" s="1" t="s">
        <v>121197</v>
      </c>
      <c r="B44542" s="1" t="s">
        <v>151145</v>
      </c>
      <c r="C44542" s="1" t="s">
        <v>125</v>
      </c>
      <c r="D44542" s="1" t="s">
        <v>117309</v>
      </c>
      <c r="E44542" s="1" t="s">
        <v>151760</v>
      </c>
      <c r="F44542" s="1" t="s">
        <v>151761</v>
      </c>
      <c r="G44542" s="1" t="s">
        <v>151689</v>
      </c>
      <c r="H44542" s="1" t="s">
        <v>148796</v>
      </c>
      <c r="I44542" s="1" t="s">
        <v>151150</v>
      </c>
      <c r="J44542" s="1" t="s">
        <v>151762</v>
      </c>
    </row>
    <row r="44543" spans="1:10" x14ac:dyDescent="0.35">
      <c r="A44543" s="1" t="s">
        <v>121197</v>
      </c>
      <c r="B44543" s="1" t="s">
        <v>151145</v>
      </c>
      <c r="C44543" s="1" t="s">
        <v>130</v>
      </c>
      <c r="D44543" s="1" t="s">
        <v>35537</v>
      </c>
      <c r="E44543" s="1" t="s">
        <v>151763</v>
      </c>
      <c r="F44543" s="1" t="s">
        <v>151764</v>
      </c>
      <c r="G44543" s="1" t="s">
        <v>151689</v>
      </c>
      <c r="H44543" s="1" t="s">
        <v>148796</v>
      </c>
      <c r="I44543" s="1" t="s">
        <v>151150</v>
      </c>
      <c r="J44543" s="1" t="s">
        <v>151765</v>
      </c>
    </row>
    <row r="44544" spans="1:10" x14ac:dyDescent="0.35">
      <c r="A44544" s="1" t="s">
        <v>121197</v>
      </c>
      <c r="B44544" s="1" t="s">
        <v>151145</v>
      </c>
      <c r="C44544" s="1" t="s">
        <v>135</v>
      </c>
      <c r="D44544" s="1" t="s">
        <v>13039</v>
      </c>
      <c r="E44544" s="1" t="s">
        <v>151766</v>
      </c>
      <c r="F44544" s="1" t="s">
        <v>151767</v>
      </c>
      <c r="G44544" s="1" t="s">
        <v>151689</v>
      </c>
      <c r="H44544" s="1" t="s">
        <v>148796</v>
      </c>
      <c r="I44544" s="1" t="s">
        <v>151150</v>
      </c>
      <c r="J44544" s="1" t="s">
        <v>151768</v>
      </c>
    </row>
    <row r="44545" spans="1:10" x14ac:dyDescent="0.35">
      <c r="A44545" s="1" t="s">
        <v>121197</v>
      </c>
      <c r="B44545" s="1" t="s">
        <v>151145</v>
      </c>
      <c r="C44545" s="1" t="s">
        <v>140</v>
      </c>
      <c r="D44545" s="1" t="s">
        <v>151769</v>
      </c>
      <c r="E44545" s="1" t="s">
        <v>151770</v>
      </c>
      <c r="F44545" s="1" t="s">
        <v>151771</v>
      </c>
      <c r="G44545" s="1" t="s">
        <v>151689</v>
      </c>
      <c r="H44545" s="1" t="s">
        <v>148796</v>
      </c>
      <c r="I44545" s="1" t="s">
        <v>151150</v>
      </c>
      <c r="J44545" s="1" t="s">
        <v>151772</v>
      </c>
    </row>
    <row r="44546" spans="1:10" x14ac:dyDescent="0.35">
      <c r="A44546" s="1" t="s">
        <v>121197</v>
      </c>
      <c r="B44546" s="1" t="s">
        <v>151145</v>
      </c>
      <c r="C44546" s="1" t="s">
        <v>145</v>
      </c>
      <c r="D44546" s="1" t="s">
        <v>151773</v>
      </c>
      <c r="E44546" s="1" t="s">
        <v>151774</v>
      </c>
      <c r="F44546" s="1" t="s">
        <v>151775</v>
      </c>
      <c r="G44546" s="1" t="s">
        <v>151689</v>
      </c>
      <c r="H44546" s="1" t="s">
        <v>148796</v>
      </c>
      <c r="I44546" s="1" t="s">
        <v>151150</v>
      </c>
      <c r="J44546" s="1" t="s">
        <v>151776</v>
      </c>
    </row>
    <row r="44547" spans="1:10" x14ac:dyDescent="0.35">
      <c r="A44547" s="1" t="s">
        <v>121197</v>
      </c>
      <c r="B44547" s="1" t="s">
        <v>151145</v>
      </c>
      <c r="C44547" s="1" t="s">
        <v>150</v>
      </c>
      <c r="D44547" s="1" t="s">
        <v>29258</v>
      </c>
      <c r="E44547" s="1" t="s">
        <v>151777</v>
      </c>
      <c r="F44547" s="1" t="s">
        <v>151778</v>
      </c>
      <c r="G44547" s="1" t="s">
        <v>151689</v>
      </c>
      <c r="H44547" s="1" t="s">
        <v>148796</v>
      </c>
      <c r="I44547" s="1" t="s">
        <v>151150</v>
      </c>
      <c r="J44547" s="1" t="s">
        <v>151779</v>
      </c>
    </row>
    <row r="44548" spans="1:10" x14ac:dyDescent="0.35">
      <c r="A44548" s="1" t="s">
        <v>121197</v>
      </c>
      <c r="B44548" s="1" t="s">
        <v>151145</v>
      </c>
      <c r="C44548" s="1" t="s">
        <v>155</v>
      </c>
      <c r="D44548" s="1" t="s">
        <v>118744</v>
      </c>
      <c r="E44548" s="1" t="s">
        <v>151780</v>
      </c>
      <c r="F44548" s="1" t="s">
        <v>151781</v>
      </c>
      <c r="G44548" s="1" t="s">
        <v>151689</v>
      </c>
      <c r="H44548" s="1" t="s">
        <v>148796</v>
      </c>
      <c r="I44548" s="1" t="s">
        <v>151150</v>
      </c>
      <c r="J44548" s="1" t="s">
        <v>151782</v>
      </c>
    </row>
    <row r="44549" spans="1:10" x14ac:dyDescent="0.35">
      <c r="A44549" s="1" t="s">
        <v>121197</v>
      </c>
      <c r="B44549" s="1" t="s">
        <v>151145</v>
      </c>
      <c r="C44549" s="1" t="s">
        <v>160</v>
      </c>
      <c r="D44549" s="1" t="s">
        <v>7127</v>
      </c>
      <c r="E44549" s="1" t="s">
        <v>151783</v>
      </c>
      <c r="F44549" s="1" t="s">
        <v>151784</v>
      </c>
      <c r="G44549" s="1" t="s">
        <v>151689</v>
      </c>
      <c r="H44549" s="1" t="s">
        <v>148796</v>
      </c>
      <c r="I44549" s="1" t="s">
        <v>151150</v>
      </c>
      <c r="J44549" s="1" t="s">
        <v>151785</v>
      </c>
    </row>
    <row r="44550" spans="1:10" x14ac:dyDescent="0.35">
      <c r="A44550" s="1" t="s">
        <v>121197</v>
      </c>
      <c r="B44550" s="1" t="s">
        <v>151145</v>
      </c>
      <c r="C44550" s="1" t="s">
        <v>165</v>
      </c>
      <c r="D44550" s="1" t="s">
        <v>34935</v>
      </c>
      <c r="E44550" s="1" t="s">
        <v>151786</v>
      </c>
      <c r="F44550" s="1" t="s">
        <v>151787</v>
      </c>
      <c r="G44550" s="1" t="s">
        <v>151689</v>
      </c>
      <c r="H44550" s="1" t="s">
        <v>148796</v>
      </c>
      <c r="I44550" s="1" t="s">
        <v>151150</v>
      </c>
      <c r="J44550" s="1" t="s">
        <v>151788</v>
      </c>
    </row>
    <row r="44551" spans="1:10" x14ac:dyDescent="0.35">
      <c r="A44551" s="1" t="s">
        <v>121197</v>
      </c>
      <c r="B44551" s="1" t="s">
        <v>151145</v>
      </c>
      <c r="C44551" s="1" t="s">
        <v>170</v>
      </c>
      <c r="D44551" s="1" t="s">
        <v>73115</v>
      </c>
      <c r="E44551" s="1" t="s">
        <v>151789</v>
      </c>
      <c r="F44551" s="1" t="s">
        <v>151790</v>
      </c>
      <c r="G44551" s="1" t="s">
        <v>151689</v>
      </c>
      <c r="H44551" s="1" t="s">
        <v>148796</v>
      </c>
      <c r="I44551" s="1" t="s">
        <v>151150</v>
      </c>
      <c r="J44551" s="1" t="s">
        <v>151791</v>
      </c>
    </row>
    <row r="44552" spans="1:10" x14ac:dyDescent="0.35">
      <c r="A44552" s="1" t="s">
        <v>115826</v>
      </c>
      <c r="B44552" s="1" t="s">
        <v>151145</v>
      </c>
      <c r="C44552" s="1" t="s">
        <v>8</v>
      </c>
      <c r="D44552" s="1" t="s">
        <v>151792</v>
      </c>
      <c r="E44552" s="1" t="s">
        <v>151793</v>
      </c>
      <c r="F44552" s="1" t="s">
        <v>151794</v>
      </c>
      <c r="G44552" s="1" t="s">
        <v>151795</v>
      </c>
      <c r="H44552" s="1" t="s">
        <v>151796</v>
      </c>
      <c r="I44552" s="1" t="s">
        <v>151150</v>
      </c>
      <c r="J44552" s="1" t="s">
        <v>13</v>
      </c>
    </row>
    <row r="44553" spans="1:10" x14ac:dyDescent="0.35">
      <c r="A44553" s="1" t="s">
        <v>115826</v>
      </c>
      <c r="B44553" s="1" t="s">
        <v>151145</v>
      </c>
      <c r="C44553" s="1" t="s">
        <v>15</v>
      </c>
      <c r="D44553" s="1" t="s">
        <v>112628</v>
      </c>
      <c r="E44553" s="1" t="s">
        <v>151797</v>
      </c>
      <c r="F44553" s="1" t="s">
        <v>151798</v>
      </c>
      <c r="G44553" s="1" t="s">
        <v>151795</v>
      </c>
      <c r="H44553" s="1" t="s">
        <v>151796</v>
      </c>
      <c r="I44553" s="1" t="s">
        <v>151150</v>
      </c>
      <c r="J44553" s="1" t="s">
        <v>151799</v>
      </c>
    </row>
    <row r="44554" spans="1:10" x14ac:dyDescent="0.35">
      <c r="A44554" s="1" t="s">
        <v>115826</v>
      </c>
      <c r="B44554" s="1" t="s">
        <v>151145</v>
      </c>
      <c r="C44554" s="1" t="s">
        <v>20</v>
      </c>
      <c r="D44554" s="1" t="s">
        <v>45143</v>
      </c>
      <c r="E44554" s="1" t="s">
        <v>151800</v>
      </c>
      <c r="F44554" s="1" t="s">
        <v>151801</v>
      </c>
      <c r="G44554" s="1" t="s">
        <v>151795</v>
      </c>
      <c r="H44554" s="1" t="s">
        <v>151796</v>
      </c>
      <c r="I44554" s="1" t="s">
        <v>151150</v>
      </c>
      <c r="J44554" s="1" t="s">
        <v>151802</v>
      </c>
    </row>
    <row r="44555" spans="1:10" x14ac:dyDescent="0.35">
      <c r="A44555" s="1" t="s">
        <v>115826</v>
      </c>
      <c r="B44555" s="1" t="s">
        <v>151145</v>
      </c>
      <c r="C44555" s="1" t="s">
        <v>25</v>
      </c>
      <c r="D44555" s="1" t="s">
        <v>145700</v>
      </c>
      <c r="E44555" s="1" t="s">
        <v>151803</v>
      </c>
      <c r="F44555" s="1" t="s">
        <v>151804</v>
      </c>
      <c r="G44555" s="1" t="s">
        <v>151795</v>
      </c>
      <c r="H44555" s="1" t="s">
        <v>151796</v>
      </c>
      <c r="I44555" s="1" t="s">
        <v>151150</v>
      </c>
      <c r="J44555" s="1" t="s">
        <v>151805</v>
      </c>
    </row>
    <row r="44556" spans="1:10" x14ac:dyDescent="0.35">
      <c r="A44556" s="1" t="s">
        <v>115826</v>
      </c>
      <c r="B44556" s="1" t="s">
        <v>151145</v>
      </c>
      <c r="C44556" s="1" t="s">
        <v>30</v>
      </c>
      <c r="D44556" s="1" t="s">
        <v>119494</v>
      </c>
      <c r="E44556" s="1" t="s">
        <v>151806</v>
      </c>
      <c r="F44556" s="1" t="s">
        <v>151807</v>
      </c>
      <c r="G44556" s="1" t="s">
        <v>151795</v>
      </c>
      <c r="H44556" s="1" t="s">
        <v>151796</v>
      </c>
      <c r="I44556" s="1" t="s">
        <v>151150</v>
      </c>
      <c r="J44556" s="1" t="s">
        <v>151808</v>
      </c>
    </row>
    <row r="44557" spans="1:10" x14ac:dyDescent="0.35">
      <c r="A44557" s="1" t="s">
        <v>115826</v>
      </c>
      <c r="B44557" s="1" t="s">
        <v>151145</v>
      </c>
      <c r="C44557" s="1" t="s">
        <v>35</v>
      </c>
      <c r="D44557" s="1" t="s">
        <v>151809</v>
      </c>
      <c r="E44557" s="1" t="s">
        <v>151810</v>
      </c>
      <c r="F44557" s="1" t="s">
        <v>151811</v>
      </c>
      <c r="G44557" s="1" t="s">
        <v>151795</v>
      </c>
      <c r="H44557" s="1" t="s">
        <v>151796</v>
      </c>
      <c r="I44557" s="1" t="s">
        <v>151150</v>
      </c>
      <c r="J44557" s="1" t="s">
        <v>151812</v>
      </c>
    </row>
    <row r="44558" spans="1:10" x14ac:dyDescent="0.35">
      <c r="A44558" s="1" t="s">
        <v>115826</v>
      </c>
      <c r="B44558" s="1" t="s">
        <v>151145</v>
      </c>
      <c r="C44558" s="1" t="s">
        <v>40</v>
      </c>
      <c r="D44558" s="1" t="s">
        <v>27889</v>
      </c>
      <c r="E44558" s="1" t="s">
        <v>151813</v>
      </c>
      <c r="F44558" s="1" t="s">
        <v>151814</v>
      </c>
      <c r="G44558" s="1" t="s">
        <v>151795</v>
      </c>
      <c r="H44558" s="1" t="s">
        <v>151796</v>
      </c>
      <c r="I44558" s="1" t="s">
        <v>151150</v>
      </c>
      <c r="J44558" s="1" t="s">
        <v>151815</v>
      </c>
    </row>
    <row r="44559" spans="1:10" x14ac:dyDescent="0.35">
      <c r="A44559" s="1" t="s">
        <v>115826</v>
      </c>
      <c r="B44559" s="1" t="s">
        <v>151145</v>
      </c>
      <c r="C44559" s="1" t="s">
        <v>45</v>
      </c>
      <c r="D44559" s="1" t="s">
        <v>1707</v>
      </c>
      <c r="E44559" s="1" t="s">
        <v>151816</v>
      </c>
      <c r="F44559" s="1" t="s">
        <v>151817</v>
      </c>
      <c r="G44559" s="1" t="s">
        <v>151795</v>
      </c>
      <c r="H44559" s="1" t="s">
        <v>151796</v>
      </c>
      <c r="I44559" s="1" t="s">
        <v>151150</v>
      </c>
      <c r="J44559" s="1" t="s">
        <v>151818</v>
      </c>
    </row>
    <row r="44560" spans="1:10" x14ac:dyDescent="0.35">
      <c r="A44560" s="1" t="s">
        <v>115826</v>
      </c>
      <c r="B44560" s="1" t="s">
        <v>151145</v>
      </c>
      <c r="C44560" s="1" t="s">
        <v>50</v>
      </c>
      <c r="D44560" s="1" t="s">
        <v>6952</v>
      </c>
      <c r="E44560" s="1" t="s">
        <v>151819</v>
      </c>
      <c r="F44560" s="1" t="s">
        <v>151820</v>
      </c>
      <c r="G44560" s="1" t="s">
        <v>151795</v>
      </c>
      <c r="H44560" s="1" t="s">
        <v>151796</v>
      </c>
      <c r="I44560" s="1" t="s">
        <v>151150</v>
      </c>
      <c r="J44560" s="1" t="s">
        <v>151821</v>
      </c>
    </row>
    <row r="44561" spans="1:10" x14ac:dyDescent="0.35">
      <c r="A44561" s="1" t="s">
        <v>115826</v>
      </c>
      <c r="B44561" s="1" t="s">
        <v>151145</v>
      </c>
      <c r="C44561" s="1" t="s">
        <v>55</v>
      </c>
      <c r="D44561" s="1" t="s">
        <v>6524</v>
      </c>
      <c r="E44561" s="1" t="s">
        <v>151822</v>
      </c>
      <c r="F44561" s="1" t="s">
        <v>151823</v>
      </c>
      <c r="G44561" s="1" t="s">
        <v>151795</v>
      </c>
      <c r="H44561" s="1" t="s">
        <v>151796</v>
      </c>
      <c r="I44561" s="1" t="s">
        <v>151150</v>
      </c>
      <c r="J44561" s="1" t="s">
        <v>151824</v>
      </c>
    </row>
    <row r="44562" spans="1:10" x14ac:dyDescent="0.35">
      <c r="A44562" s="1" t="s">
        <v>115826</v>
      </c>
      <c r="B44562" s="1" t="s">
        <v>151145</v>
      </c>
      <c r="C44562" s="1" t="s">
        <v>60</v>
      </c>
      <c r="D44562" s="1" t="s">
        <v>145184</v>
      </c>
      <c r="E44562" s="1" t="s">
        <v>151825</v>
      </c>
      <c r="F44562" s="1" t="s">
        <v>151826</v>
      </c>
      <c r="G44562" s="1" t="s">
        <v>151795</v>
      </c>
      <c r="H44562" s="1" t="s">
        <v>151796</v>
      </c>
      <c r="I44562" s="1" t="s">
        <v>151150</v>
      </c>
      <c r="J44562" s="1" t="s">
        <v>151827</v>
      </c>
    </row>
    <row r="44563" spans="1:10" x14ac:dyDescent="0.35">
      <c r="A44563" s="1" t="s">
        <v>115826</v>
      </c>
      <c r="B44563" s="1" t="s">
        <v>151145</v>
      </c>
      <c r="C44563" s="1" t="s">
        <v>65</v>
      </c>
      <c r="D44563" s="1" t="s">
        <v>109831</v>
      </c>
      <c r="E44563" s="1" t="s">
        <v>151828</v>
      </c>
      <c r="F44563" s="1" t="s">
        <v>151829</v>
      </c>
      <c r="G44563" s="1" t="s">
        <v>151795</v>
      </c>
      <c r="H44563" s="1" t="s">
        <v>151796</v>
      </c>
      <c r="I44563" s="1" t="s">
        <v>151150</v>
      </c>
      <c r="J44563" s="1" t="s">
        <v>151830</v>
      </c>
    </row>
    <row r="44564" spans="1:10" x14ac:dyDescent="0.35">
      <c r="A44564" s="1" t="s">
        <v>115826</v>
      </c>
      <c r="B44564" s="1" t="s">
        <v>151145</v>
      </c>
      <c r="C44564" s="1" t="s">
        <v>70</v>
      </c>
      <c r="D44564" s="1" t="s">
        <v>151831</v>
      </c>
      <c r="E44564" s="1" t="s">
        <v>151832</v>
      </c>
      <c r="F44564" s="1" t="s">
        <v>151833</v>
      </c>
      <c r="G44564" s="1" t="s">
        <v>151795</v>
      </c>
      <c r="H44564" s="1" t="s">
        <v>151796</v>
      </c>
      <c r="I44564" s="1" t="s">
        <v>151150</v>
      </c>
      <c r="J44564" s="1" t="s">
        <v>151834</v>
      </c>
    </row>
    <row r="44565" spans="1:10" x14ac:dyDescent="0.35">
      <c r="A44565" s="1" t="s">
        <v>115826</v>
      </c>
      <c r="B44565" s="1" t="s">
        <v>151145</v>
      </c>
      <c r="C44565" s="1" t="s">
        <v>75</v>
      </c>
      <c r="D44565" s="1" t="s">
        <v>2556</v>
      </c>
      <c r="E44565" s="1" t="s">
        <v>151835</v>
      </c>
      <c r="F44565" s="1" t="s">
        <v>151836</v>
      </c>
      <c r="G44565" s="1" t="s">
        <v>151795</v>
      </c>
      <c r="H44565" s="1" t="s">
        <v>151796</v>
      </c>
      <c r="I44565" s="1" t="s">
        <v>151150</v>
      </c>
      <c r="J44565" s="1" t="s">
        <v>125321</v>
      </c>
    </row>
    <row r="44566" spans="1:10" x14ac:dyDescent="0.35">
      <c r="A44566" s="1" t="s">
        <v>115826</v>
      </c>
      <c r="B44566" s="1" t="s">
        <v>151145</v>
      </c>
      <c r="C44566" s="1" t="s">
        <v>80</v>
      </c>
      <c r="D44566" s="1" t="s">
        <v>151837</v>
      </c>
      <c r="E44566" s="1" t="s">
        <v>151838</v>
      </c>
      <c r="F44566" s="1" t="s">
        <v>151839</v>
      </c>
      <c r="G44566" s="1" t="s">
        <v>151795</v>
      </c>
      <c r="H44566" s="1" t="s">
        <v>151796</v>
      </c>
      <c r="I44566" s="1" t="s">
        <v>151150</v>
      </c>
      <c r="J44566" s="1" t="s">
        <v>151840</v>
      </c>
    </row>
    <row r="44567" spans="1:10" x14ac:dyDescent="0.35">
      <c r="A44567" s="1" t="s">
        <v>115826</v>
      </c>
      <c r="B44567" s="1" t="s">
        <v>151145</v>
      </c>
      <c r="C44567" s="1" t="s">
        <v>85</v>
      </c>
      <c r="D44567" s="1" t="s">
        <v>142985</v>
      </c>
      <c r="E44567" s="1" t="s">
        <v>151841</v>
      </c>
      <c r="F44567" s="1" t="s">
        <v>151842</v>
      </c>
      <c r="G44567" s="1" t="s">
        <v>151795</v>
      </c>
      <c r="H44567" s="1" t="s">
        <v>151796</v>
      </c>
      <c r="I44567" s="1" t="s">
        <v>151150</v>
      </c>
      <c r="J44567" s="1" t="s">
        <v>151843</v>
      </c>
    </row>
    <row r="44568" spans="1:10" x14ac:dyDescent="0.35">
      <c r="A44568" s="1" t="s">
        <v>115826</v>
      </c>
      <c r="B44568" s="1" t="s">
        <v>151145</v>
      </c>
      <c r="C44568" s="1" t="s">
        <v>90</v>
      </c>
      <c r="D44568" s="1" t="s">
        <v>151844</v>
      </c>
      <c r="E44568" s="1" t="s">
        <v>151845</v>
      </c>
      <c r="F44568" s="1" t="s">
        <v>151846</v>
      </c>
      <c r="G44568" s="1" t="s">
        <v>151795</v>
      </c>
      <c r="H44568" s="1" t="s">
        <v>151796</v>
      </c>
      <c r="I44568" s="1" t="s">
        <v>151150</v>
      </c>
      <c r="J44568" s="1" t="s">
        <v>151847</v>
      </c>
    </row>
    <row r="44569" spans="1:10" x14ac:dyDescent="0.35">
      <c r="A44569" s="1" t="s">
        <v>115826</v>
      </c>
      <c r="B44569" s="1" t="s">
        <v>151145</v>
      </c>
      <c r="C44569" s="1" t="s">
        <v>95</v>
      </c>
      <c r="D44569" s="1" t="s">
        <v>151848</v>
      </c>
      <c r="E44569" s="1" t="s">
        <v>151849</v>
      </c>
      <c r="F44569" s="1" t="s">
        <v>151850</v>
      </c>
      <c r="G44569" s="1" t="s">
        <v>151795</v>
      </c>
      <c r="H44569" s="1" t="s">
        <v>151796</v>
      </c>
      <c r="I44569" s="1" t="s">
        <v>151150</v>
      </c>
      <c r="J44569" s="1" t="s">
        <v>151851</v>
      </c>
    </row>
    <row r="44570" spans="1:10" x14ac:dyDescent="0.35">
      <c r="A44570" s="1" t="s">
        <v>115826</v>
      </c>
      <c r="B44570" s="1" t="s">
        <v>151145</v>
      </c>
      <c r="C44570" s="1" t="s">
        <v>100</v>
      </c>
      <c r="D44570" s="1" t="s">
        <v>25738</v>
      </c>
      <c r="E44570" s="1" t="s">
        <v>151852</v>
      </c>
      <c r="F44570" s="1" t="s">
        <v>151853</v>
      </c>
      <c r="G44570" s="1" t="s">
        <v>151795</v>
      </c>
      <c r="H44570" s="1" t="s">
        <v>151796</v>
      </c>
      <c r="I44570" s="1" t="s">
        <v>151150</v>
      </c>
      <c r="J44570" s="1" t="s">
        <v>151854</v>
      </c>
    </row>
    <row r="44571" spans="1:10" x14ac:dyDescent="0.35">
      <c r="A44571" s="1" t="s">
        <v>115826</v>
      </c>
      <c r="B44571" s="1" t="s">
        <v>151145</v>
      </c>
      <c r="C44571" s="1" t="s">
        <v>105</v>
      </c>
      <c r="D44571" s="1" t="s">
        <v>151855</v>
      </c>
      <c r="E44571" s="1" t="s">
        <v>151856</v>
      </c>
      <c r="F44571" s="1" t="s">
        <v>151857</v>
      </c>
      <c r="G44571" s="1" t="s">
        <v>151795</v>
      </c>
      <c r="H44571" s="1" t="s">
        <v>151796</v>
      </c>
      <c r="I44571" s="1" t="s">
        <v>151150</v>
      </c>
      <c r="J44571" s="1" t="s">
        <v>151858</v>
      </c>
    </row>
    <row r="44572" spans="1:10" x14ac:dyDescent="0.35">
      <c r="A44572" s="1" t="s">
        <v>115826</v>
      </c>
      <c r="B44572" s="1" t="s">
        <v>151145</v>
      </c>
      <c r="C44572" s="1" t="s">
        <v>110</v>
      </c>
      <c r="D44572" s="1" t="s">
        <v>47439</v>
      </c>
      <c r="E44572" s="1" t="s">
        <v>151859</v>
      </c>
      <c r="F44572" s="1" t="s">
        <v>151860</v>
      </c>
      <c r="G44572" s="1" t="s">
        <v>151795</v>
      </c>
      <c r="H44572" s="1" t="s">
        <v>151796</v>
      </c>
      <c r="I44572" s="1" t="s">
        <v>151150</v>
      </c>
      <c r="J44572" s="1" t="s">
        <v>151861</v>
      </c>
    </row>
    <row r="44573" spans="1:10" x14ac:dyDescent="0.35">
      <c r="A44573" s="1" t="s">
        <v>115826</v>
      </c>
      <c r="B44573" s="1" t="s">
        <v>151145</v>
      </c>
      <c r="C44573" s="1" t="s">
        <v>115</v>
      </c>
      <c r="D44573" s="1" t="s">
        <v>151862</v>
      </c>
      <c r="E44573" s="1" t="s">
        <v>151863</v>
      </c>
      <c r="F44573" s="1" t="s">
        <v>151864</v>
      </c>
      <c r="G44573" s="1" t="s">
        <v>151795</v>
      </c>
      <c r="H44573" s="1" t="s">
        <v>151796</v>
      </c>
      <c r="I44573" s="1" t="s">
        <v>151150</v>
      </c>
      <c r="J44573" s="1" t="s">
        <v>151865</v>
      </c>
    </row>
    <row r="44574" spans="1:10" x14ac:dyDescent="0.35">
      <c r="A44574" s="1" t="s">
        <v>115826</v>
      </c>
      <c r="B44574" s="1" t="s">
        <v>151145</v>
      </c>
      <c r="C44574" s="1" t="s">
        <v>120</v>
      </c>
      <c r="D44574" s="1" t="s">
        <v>50636</v>
      </c>
      <c r="E44574" s="1" t="s">
        <v>151866</v>
      </c>
      <c r="F44574" s="1" t="s">
        <v>151867</v>
      </c>
      <c r="G44574" s="1" t="s">
        <v>151795</v>
      </c>
      <c r="H44574" s="1" t="s">
        <v>151796</v>
      </c>
      <c r="I44574" s="1" t="s">
        <v>151150</v>
      </c>
      <c r="J44574" s="1" t="s">
        <v>151868</v>
      </c>
    </row>
    <row r="44575" spans="1:10" x14ac:dyDescent="0.35">
      <c r="A44575" s="1" t="s">
        <v>115826</v>
      </c>
      <c r="B44575" s="1" t="s">
        <v>151145</v>
      </c>
      <c r="C44575" s="1" t="s">
        <v>125</v>
      </c>
      <c r="D44575" s="1" t="s">
        <v>72214</v>
      </c>
      <c r="E44575" s="1" t="s">
        <v>151869</v>
      </c>
      <c r="F44575" s="1" t="s">
        <v>151870</v>
      </c>
      <c r="G44575" s="1" t="s">
        <v>151795</v>
      </c>
      <c r="H44575" s="1" t="s">
        <v>151796</v>
      </c>
      <c r="I44575" s="1" t="s">
        <v>151150</v>
      </c>
      <c r="J44575" s="1" t="s">
        <v>151871</v>
      </c>
    </row>
    <row r="44576" spans="1:10" x14ac:dyDescent="0.35">
      <c r="A44576" s="1" t="s">
        <v>115826</v>
      </c>
      <c r="B44576" s="1" t="s">
        <v>151145</v>
      </c>
      <c r="C44576" s="1" t="s">
        <v>130</v>
      </c>
      <c r="D44576" s="1" t="s">
        <v>71936</v>
      </c>
      <c r="E44576" s="1" t="s">
        <v>151872</v>
      </c>
      <c r="F44576" s="1" t="s">
        <v>141676</v>
      </c>
      <c r="G44576" s="1" t="s">
        <v>151795</v>
      </c>
      <c r="H44576" s="1" t="s">
        <v>151796</v>
      </c>
      <c r="I44576" s="1" t="s">
        <v>151150</v>
      </c>
      <c r="J44576" s="1" t="s">
        <v>151873</v>
      </c>
    </row>
    <row r="44577" spans="1:10" x14ac:dyDescent="0.35">
      <c r="A44577" s="1" t="s">
        <v>115826</v>
      </c>
      <c r="B44577" s="1" t="s">
        <v>151145</v>
      </c>
      <c r="C44577" s="1" t="s">
        <v>135</v>
      </c>
      <c r="D44577" s="1" t="s">
        <v>151874</v>
      </c>
      <c r="E44577" s="1" t="s">
        <v>151875</v>
      </c>
      <c r="F44577" s="1" t="s">
        <v>151876</v>
      </c>
      <c r="G44577" s="1" t="s">
        <v>151795</v>
      </c>
      <c r="H44577" s="1" t="s">
        <v>151796</v>
      </c>
      <c r="I44577" s="1" t="s">
        <v>151150</v>
      </c>
      <c r="J44577" s="1" t="s">
        <v>151877</v>
      </c>
    </row>
    <row r="44578" spans="1:10" x14ac:dyDescent="0.35">
      <c r="A44578" s="1" t="s">
        <v>115826</v>
      </c>
      <c r="B44578" s="1" t="s">
        <v>151145</v>
      </c>
      <c r="C44578" s="1" t="s">
        <v>140</v>
      </c>
      <c r="D44578" s="1" t="s">
        <v>71899</v>
      </c>
      <c r="E44578" s="1" t="s">
        <v>151878</v>
      </c>
      <c r="F44578" s="1" t="s">
        <v>151879</v>
      </c>
      <c r="G44578" s="1" t="s">
        <v>151795</v>
      </c>
      <c r="H44578" s="1" t="s">
        <v>151796</v>
      </c>
      <c r="I44578" s="1" t="s">
        <v>151150</v>
      </c>
      <c r="J44578" s="1" t="s">
        <v>151880</v>
      </c>
    </row>
    <row r="44579" spans="1:10" x14ac:dyDescent="0.35">
      <c r="A44579" s="1" t="s">
        <v>115826</v>
      </c>
      <c r="B44579" s="1" t="s">
        <v>151145</v>
      </c>
      <c r="C44579" s="1" t="s">
        <v>145</v>
      </c>
      <c r="D44579" s="1" t="s">
        <v>49890</v>
      </c>
      <c r="E44579" s="1" t="s">
        <v>151881</v>
      </c>
      <c r="F44579" s="1" t="s">
        <v>151882</v>
      </c>
      <c r="G44579" s="1" t="s">
        <v>151795</v>
      </c>
      <c r="H44579" s="1" t="s">
        <v>151796</v>
      </c>
      <c r="I44579" s="1" t="s">
        <v>151150</v>
      </c>
      <c r="J44579" s="1" t="s">
        <v>151883</v>
      </c>
    </row>
    <row r="44580" spans="1:10" x14ac:dyDescent="0.35">
      <c r="A44580" s="1" t="s">
        <v>115826</v>
      </c>
      <c r="B44580" s="1" t="s">
        <v>151145</v>
      </c>
      <c r="C44580" s="1" t="s">
        <v>150</v>
      </c>
      <c r="D44580" s="1" t="s">
        <v>46376</v>
      </c>
      <c r="E44580" s="1" t="s">
        <v>151884</v>
      </c>
      <c r="F44580" s="1" t="s">
        <v>151885</v>
      </c>
      <c r="G44580" s="1" t="s">
        <v>151795</v>
      </c>
      <c r="H44580" s="1" t="s">
        <v>151796</v>
      </c>
      <c r="I44580" s="1" t="s">
        <v>151150</v>
      </c>
      <c r="J44580" s="1" t="s">
        <v>151886</v>
      </c>
    </row>
    <row r="44581" spans="1:10" x14ac:dyDescent="0.35">
      <c r="A44581" s="1" t="s">
        <v>115826</v>
      </c>
      <c r="B44581" s="1" t="s">
        <v>151145</v>
      </c>
      <c r="C44581" s="1" t="s">
        <v>155</v>
      </c>
      <c r="D44581" s="1" t="s">
        <v>151887</v>
      </c>
      <c r="E44581" s="1" t="s">
        <v>151888</v>
      </c>
      <c r="F44581" s="1" t="s">
        <v>151889</v>
      </c>
      <c r="G44581" s="1" t="s">
        <v>151795</v>
      </c>
      <c r="H44581" s="1" t="s">
        <v>151796</v>
      </c>
      <c r="I44581" s="1" t="s">
        <v>151150</v>
      </c>
      <c r="J44581" s="1" t="s">
        <v>151890</v>
      </c>
    </row>
    <row r="44582" spans="1:10" x14ac:dyDescent="0.35">
      <c r="A44582" s="1" t="s">
        <v>115826</v>
      </c>
      <c r="B44582" s="1" t="s">
        <v>151145</v>
      </c>
      <c r="C44582" s="1" t="s">
        <v>160</v>
      </c>
      <c r="D44582" s="1" t="s">
        <v>42885</v>
      </c>
      <c r="E44582" s="1" t="s">
        <v>151891</v>
      </c>
      <c r="F44582" s="1" t="s">
        <v>151892</v>
      </c>
      <c r="G44582" s="1" t="s">
        <v>151795</v>
      </c>
      <c r="H44582" s="1" t="s">
        <v>151796</v>
      </c>
      <c r="I44582" s="1" t="s">
        <v>151150</v>
      </c>
      <c r="J44582" s="1" t="s">
        <v>151893</v>
      </c>
    </row>
    <row r="44583" spans="1:10" x14ac:dyDescent="0.35">
      <c r="A44583" s="1" t="s">
        <v>115826</v>
      </c>
      <c r="B44583" s="1" t="s">
        <v>151145</v>
      </c>
      <c r="C44583" s="1" t="s">
        <v>165</v>
      </c>
      <c r="D44583" s="1" t="s">
        <v>15503</v>
      </c>
      <c r="E44583" s="1" t="s">
        <v>151894</v>
      </c>
      <c r="F44583" s="1" t="s">
        <v>151895</v>
      </c>
      <c r="G44583" s="1" t="s">
        <v>151795</v>
      </c>
      <c r="H44583" s="1" t="s">
        <v>151796</v>
      </c>
      <c r="I44583" s="1" t="s">
        <v>151150</v>
      </c>
      <c r="J44583" s="1" t="s">
        <v>151896</v>
      </c>
    </row>
    <row r="44584" spans="1:10" x14ac:dyDescent="0.35">
      <c r="A44584" s="1" t="s">
        <v>115826</v>
      </c>
      <c r="B44584" s="1" t="s">
        <v>151145</v>
      </c>
      <c r="C44584" s="1" t="s">
        <v>170</v>
      </c>
      <c r="D44584" s="1" t="s">
        <v>35009</v>
      </c>
      <c r="E44584" s="1" t="s">
        <v>151897</v>
      </c>
      <c r="F44584" s="1" t="s">
        <v>151898</v>
      </c>
      <c r="G44584" s="1" t="s">
        <v>151795</v>
      </c>
      <c r="H44584" s="1" t="s">
        <v>151796</v>
      </c>
      <c r="I44584" s="1" t="s">
        <v>151150</v>
      </c>
      <c r="J44584" s="1" t="s">
        <v>151899</v>
      </c>
    </row>
    <row r="44585" spans="1:10" x14ac:dyDescent="0.35">
      <c r="A44585" s="1" t="s">
        <v>29291</v>
      </c>
      <c r="B44585" s="1" t="s">
        <v>151900</v>
      </c>
      <c r="C44585" s="1" t="s">
        <v>8</v>
      </c>
      <c r="D44585" s="1" t="s">
        <v>34015</v>
      </c>
      <c r="E44585" s="1" t="s">
        <v>151901</v>
      </c>
      <c r="F44585" s="1" t="s">
        <v>151902</v>
      </c>
      <c r="G44585" s="1" t="s">
        <v>151903</v>
      </c>
      <c r="H44585" s="1" t="s">
        <v>151904</v>
      </c>
      <c r="I44585" s="1" t="s">
        <v>151905</v>
      </c>
      <c r="J44585" s="1" t="s">
        <v>13</v>
      </c>
    </row>
    <row r="44586" spans="1:10" x14ac:dyDescent="0.35">
      <c r="A44586" s="1" t="s">
        <v>29291</v>
      </c>
      <c r="B44586" s="1" t="s">
        <v>151900</v>
      </c>
      <c r="C44586" s="1" t="s">
        <v>15</v>
      </c>
      <c r="D44586" s="1" t="s">
        <v>151906</v>
      </c>
      <c r="E44586" s="1" t="s">
        <v>151907</v>
      </c>
      <c r="F44586" s="1" t="s">
        <v>151908</v>
      </c>
      <c r="G44586" s="1" t="s">
        <v>151903</v>
      </c>
      <c r="H44586" s="1" t="s">
        <v>151904</v>
      </c>
      <c r="I44586" s="1" t="s">
        <v>151905</v>
      </c>
      <c r="J44586" s="1" t="s">
        <v>151909</v>
      </c>
    </row>
    <row r="44587" spans="1:10" x14ac:dyDescent="0.35">
      <c r="A44587" s="1" t="s">
        <v>29291</v>
      </c>
      <c r="B44587" s="1" t="s">
        <v>151900</v>
      </c>
      <c r="C44587" s="1" t="s">
        <v>20</v>
      </c>
      <c r="D44587" s="1" t="s">
        <v>18323</v>
      </c>
      <c r="E44587" s="1" t="s">
        <v>151910</v>
      </c>
      <c r="F44587" s="1" t="s">
        <v>151911</v>
      </c>
      <c r="G44587" s="1" t="s">
        <v>151903</v>
      </c>
      <c r="H44587" s="1" t="s">
        <v>151904</v>
      </c>
      <c r="I44587" s="1" t="s">
        <v>151905</v>
      </c>
      <c r="J44587" s="1" t="s">
        <v>151912</v>
      </c>
    </row>
    <row r="44588" spans="1:10" x14ac:dyDescent="0.35">
      <c r="A44588" s="1" t="s">
        <v>29291</v>
      </c>
      <c r="B44588" s="1" t="s">
        <v>151900</v>
      </c>
      <c r="C44588" s="1" t="s">
        <v>25</v>
      </c>
      <c r="D44588" s="1" t="s">
        <v>151913</v>
      </c>
      <c r="E44588" s="1" t="s">
        <v>151914</v>
      </c>
      <c r="F44588" s="1" t="s">
        <v>151915</v>
      </c>
      <c r="G44588" s="1" t="s">
        <v>151903</v>
      </c>
      <c r="H44588" s="1" t="s">
        <v>151904</v>
      </c>
      <c r="I44588" s="1" t="s">
        <v>151905</v>
      </c>
      <c r="J44588" s="1" t="s">
        <v>151916</v>
      </c>
    </row>
    <row r="44589" spans="1:10" x14ac:dyDescent="0.35">
      <c r="A44589" s="1" t="s">
        <v>29291</v>
      </c>
      <c r="B44589" s="1" t="s">
        <v>151900</v>
      </c>
      <c r="C44589" s="1" t="s">
        <v>30</v>
      </c>
      <c r="D44589" s="1" t="s">
        <v>151917</v>
      </c>
      <c r="E44589" s="1" t="s">
        <v>151918</v>
      </c>
      <c r="F44589" s="1" t="s">
        <v>151919</v>
      </c>
      <c r="G44589" s="1" t="s">
        <v>151903</v>
      </c>
      <c r="H44589" s="1" t="s">
        <v>151904</v>
      </c>
      <c r="I44589" s="1" t="s">
        <v>151905</v>
      </c>
      <c r="J44589" s="1" t="s">
        <v>151920</v>
      </c>
    </row>
    <row r="44590" spans="1:10" x14ac:dyDescent="0.35">
      <c r="A44590" s="1" t="s">
        <v>29291</v>
      </c>
      <c r="B44590" s="1" t="s">
        <v>151900</v>
      </c>
      <c r="C44590" s="1" t="s">
        <v>35</v>
      </c>
      <c r="D44590" s="1" t="s">
        <v>17546</v>
      </c>
      <c r="E44590" s="1" t="s">
        <v>151921</v>
      </c>
      <c r="F44590" s="1" t="s">
        <v>151922</v>
      </c>
      <c r="G44590" s="1" t="s">
        <v>151903</v>
      </c>
      <c r="H44590" s="1" t="s">
        <v>151904</v>
      </c>
      <c r="I44590" s="1" t="s">
        <v>151905</v>
      </c>
      <c r="J44590" s="1" t="s">
        <v>151923</v>
      </c>
    </row>
    <row r="44591" spans="1:10" x14ac:dyDescent="0.35">
      <c r="A44591" s="1" t="s">
        <v>29291</v>
      </c>
      <c r="B44591" s="1" t="s">
        <v>151900</v>
      </c>
      <c r="C44591" s="1" t="s">
        <v>40</v>
      </c>
      <c r="D44591" s="1" t="s">
        <v>77925</v>
      </c>
      <c r="E44591" s="1" t="s">
        <v>151924</v>
      </c>
      <c r="F44591" s="1" t="s">
        <v>151925</v>
      </c>
      <c r="G44591" s="1" t="s">
        <v>151903</v>
      </c>
      <c r="H44591" s="1" t="s">
        <v>151904</v>
      </c>
      <c r="I44591" s="1" t="s">
        <v>151905</v>
      </c>
      <c r="J44591" s="1" t="s">
        <v>151926</v>
      </c>
    </row>
    <row r="44592" spans="1:10" x14ac:dyDescent="0.35">
      <c r="A44592" s="1" t="s">
        <v>29291</v>
      </c>
      <c r="B44592" s="1" t="s">
        <v>151900</v>
      </c>
      <c r="C44592" s="1" t="s">
        <v>45</v>
      </c>
      <c r="D44592" s="1" t="s">
        <v>65033</v>
      </c>
      <c r="E44592" s="1" t="s">
        <v>151927</v>
      </c>
      <c r="F44592" s="1" t="s">
        <v>151928</v>
      </c>
      <c r="G44592" s="1" t="s">
        <v>151903</v>
      </c>
      <c r="H44592" s="1" t="s">
        <v>151904</v>
      </c>
      <c r="I44592" s="1" t="s">
        <v>151905</v>
      </c>
      <c r="J44592" s="1" t="s">
        <v>151929</v>
      </c>
    </row>
    <row r="44593" spans="1:10" x14ac:dyDescent="0.35">
      <c r="A44593" s="1" t="s">
        <v>29291</v>
      </c>
      <c r="B44593" s="1" t="s">
        <v>151900</v>
      </c>
      <c r="C44593" s="1" t="s">
        <v>50</v>
      </c>
      <c r="D44593" s="1" t="s">
        <v>64403</v>
      </c>
      <c r="E44593" s="1" t="s">
        <v>151930</v>
      </c>
      <c r="F44593" s="1" t="s">
        <v>151931</v>
      </c>
      <c r="G44593" s="1" t="s">
        <v>151903</v>
      </c>
      <c r="H44593" s="1" t="s">
        <v>151904</v>
      </c>
      <c r="I44593" s="1" t="s">
        <v>151905</v>
      </c>
      <c r="J44593" s="1" t="s">
        <v>151932</v>
      </c>
    </row>
    <row r="44594" spans="1:10" x14ac:dyDescent="0.35">
      <c r="A44594" s="1" t="s">
        <v>29291</v>
      </c>
      <c r="B44594" s="1" t="s">
        <v>151900</v>
      </c>
      <c r="C44594" s="1" t="s">
        <v>55</v>
      </c>
      <c r="D44594" s="1" t="s">
        <v>151933</v>
      </c>
      <c r="E44594" s="1" t="s">
        <v>151934</v>
      </c>
      <c r="F44594" s="1" t="s">
        <v>151935</v>
      </c>
      <c r="G44594" s="1" t="s">
        <v>151903</v>
      </c>
      <c r="H44594" s="1" t="s">
        <v>151904</v>
      </c>
      <c r="I44594" s="1" t="s">
        <v>151905</v>
      </c>
      <c r="J44594" s="1" t="s">
        <v>151936</v>
      </c>
    </row>
    <row r="44595" spans="1:10" x14ac:dyDescent="0.35">
      <c r="A44595" s="1" t="s">
        <v>29291</v>
      </c>
      <c r="B44595" s="1" t="s">
        <v>151900</v>
      </c>
      <c r="C44595" s="1" t="s">
        <v>60</v>
      </c>
      <c r="D44595" s="1" t="s">
        <v>107148</v>
      </c>
      <c r="E44595" s="1" t="s">
        <v>151937</v>
      </c>
      <c r="F44595" s="1" t="s">
        <v>151938</v>
      </c>
      <c r="G44595" s="1" t="s">
        <v>151903</v>
      </c>
      <c r="H44595" s="1" t="s">
        <v>151904</v>
      </c>
      <c r="I44595" s="1" t="s">
        <v>151905</v>
      </c>
      <c r="J44595" s="1" t="s">
        <v>151939</v>
      </c>
    </row>
    <row r="44596" spans="1:10" x14ac:dyDescent="0.35">
      <c r="A44596" s="1" t="s">
        <v>29291</v>
      </c>
      <c r="B44596" s="1" t="s">
        <v>151900</v>
      </c>
      <c r="C44596" s="1" t="s">
        <v>65</v>
      </c>
      <c r="D44596" s="1" t="s">
        <v>151940</v>
      </c>
      <c r="E44596" s="1" t="s">
        <v>151941</v>
      </c>
      <c r="F44596" s="1" t="s">
        <v>151942</v>
      </c>
      <c r="G44596" s="1" t="s">
        <v>151903</v>
      </c>
      <c r="H44596" s="1" t="s">
        <v>151904</v>
      </c>
      <c r="I44596" s="1" t="s">
        <v>151905</v>
      </c>
      <c r="J44596" s="1" t="s">
        <v>151943</v>
      </c>
    </row>
    <row r="44597" spans="1:10" x14ac:dyDescent="0.35">
      <c r="A44597" s="1" t="s">
        <v>29291</v>
      </c>
      <c r="B44597" s="1" t="s">
        <v>151900</v>
      </c>
      <c r="C44597" s="1" t="s">
        <v>70</v>
      </c>
      <c r="D44597" s="1" t="s">
        <v>106239</v>
      </c>
      <c r="E44597" s="1" t="s">
        <v>151944</v>
      </c>
      <c r="F44597" s="1" t="s">
        <v>151945</v>
      </c>
      <c r="G44597" s="1" t="s">
        <v>151903</v>
      </c>
      <c r="H44597" s="1" t="s">
        <v>151904</v>
      </c>
      <c r="I44597" s="1" t="s">
        <v>151905</v>
      </c>
      <c r="J44597" s="1" t="s">
        <v>151946</v>
      </c>
    </row>
    <row r="44598" spans="1:10" x14ac:dyDescent="0.35">
      <c r="A44598" s="1" t="s">
        <v>29291</v>
      </c>
      <c r="B44598" s="1" t="s">
        <v>151900</v>
      </c>
      <c r="C44598" s="1" t="s">
        <v>75</v>
      </c>
      <c r="D44598" s="1" t="s">
        <v>151947</v>
      </c>
      <c r="E44598" s="1" t="s">
        <v>151948</v>
      </c>
      <c r="F44598" s="1" t="s">
        <v>151949</v>
      </c>
      <c r="G44598" s="1" t="s">
        <v>151903</v>
      </c>
      <c r="H44598" s="1" t="s">
        <v>151904</v>
      </c>
      <c r="I44598" s="1" t="s">
        <v>151905</v>
      </c>
      <c r="J44598" s="1" t="s">
        <v>151950</v>
      </c>
    </row>
    <row r="44599" spans="1:10" x14ac:dyDescent="0.35">
      <c r="A44599" s="1" t="s">
        <v>29291</v>
      </c>
      <c r="B44599" s="1" t="s">
        <v>151900</v>
      </c>
      <c r="C44599" s="1" t="s">
        <v>80</v>
      </c>
      <c r="D44599" s="1" t="s">
        <v>106461</v>
      </c>
      <c r="E44599" s="1" t="s">
        <v>80774</v>
      </c>
      <c r="F44599" s="1" t="s">
        <v>151951</v>
      </c>
      <c r="G44599" s="1" t="s">
        <v>151903</v>
      </c>
      <c r="H44599" s="1" t="s">
        <v>151904</v>
      </c>
      <c r="I44599" s="1" t="s">
        <v>151905</v>
      </c>
      <c r="J44599" s="1" t="s">
        <v>151952</v>
      </c>
    </row>
    <row r="44600" spans="1:10" x14ac:dyDescent="0.35">
      <c r="A44600" s="1" t="s">
        <v>29291</v>
      </c>
      <c r="B44600" s="1" t="s">
        <v>151900</v>
      </c>
      <c r="C44600" s="1" t="s">
        <v>85</v>
      </c>
      <c r="D44600" s="1" t="s">
        <v>53073</v>
      </c>
      <c r="E44600" s="1" t="s">
        <v>151953</v>
      </c>
      <c r="F44600" s="1" t="s">
        <v>151954</v>
      </c>
      <c r="G44600" s="1" t="s">
        <v>151903</v>
      </c>
      <c r="H44600" s="1" t="s">
        <v>151904</v>
      </c>
      <c r="I44600" s="1" t="s">
        <v>151905</v>
      </c>
      <c r="J44600" s="1" t="s">
        <v>151955</v>
      </c>
    </row>
    <row r="44601" spans="1:10" x14ac:dyDescent="0.35">
      <c r="A44601" s="1" t="s">
        <v>29291</v>
      </c>
      <c r="B44601" s="1" t="s">
        <v>151900</v>
      </c>
      <c r="C44601" s="1" t="s">
        <v>90</v>
      </c>
      <c r="D44601" s="1" t="s">
        <v>151956</v>
      </c>
      <c r="E44601" s="1" t="s">
        <v>151957</v>
      </c>
      <c r="F44601" s="1" t="s">
        <v>151958</v>
      </c>
      <c r="G44601" s="1" t="s">
        <v>151903</v>
      </c>
      <c r="H44601" s="1" t="s">
        <v>151904</v>
      </c>
      <c r="I44601" s="1" t="s">
        <v>151905</v>
      </c>
      <c r="J44601" s="1" t="s">
        <v>151959</v>
      </c>
    </row>
    <row r="44602" spans="1:10" x14ac:dyDescent="0.35">
      <c r="A44602" s="1" t="s">
        <v>29291</v>
      </c>
      <c r="B44602" s="1" t="s">
        <v>151900</v>
      </c>
      <c r="C44602" s="1" t="s">
        <v>95</v>
      </c>
      <c r="D44602" s="1" t="s">
        <v>109392</v>
      </c>
      <c r="E44602" s="1" t="s">
        <v>151960</v>
      </c>
      <c r="F44602" s="1" t="s">
        <v>151961</v>
      </c>
      <c r="G44602" s="1" t="s">
        <v>151903</v>
      </c>
      <c r="H44602" s="1" t="s">
        <v>151904</v>
      </c>
      <c r="I44602" s="1" t="s">
        <v>151905</v>
      </c>
      <c r="J44602" s="1" t="s">
        <v>151962</v>
      </c>
    </row>
    <row r="44603" spans="1:10" x14ac:dyDescent="0.35">
      <c r="A44603" s="1" t="s">
        <v>29291</v>
      </c>
      <c r="B44603" s="1" t="s">
        <v>151900</v>
      </c>
      <c r="C44603" s="1" t="s">
        <v>100</v>
      </c>
      <c r="D44603" s="1" t="s">
        <v>151963</v>
      </c>
      <c r="E44603" s="1" t="s">
        <v>151964</v>
      </c>
      <c r="F44603" s="1" t="s">
        <v>151965</v>
      </c>
      <c r="G44603" s="1" t="s">
        <v>151903</v>
      </c>
      <c r="H44603" s="1" t="s">
        <v>151904</v>
      </c>
      <c r="I44603" s="1" t="s">
        <v>151905</v>
      </c>
      <c r="J44603" s="1" t="s">
        <v>151966</v>
      </c>
    </row>
    <row r="44604" spans="1:10" x14ac:dyDescent="0.35">
      <c r="A44604" s="1" t="s">
        <v>29291</v>
      </c>
      <c r="B44604" s="1" t="s">
        <v>151900</v>
      </c>
      <c r="C44604" s="1" t="s">
        <v>105</v>
      </c>
      <c r="D44604" s="1" t="s">
        <v>52934</v>
      </c>
      <c r="E44604" s="1" t="s">
        <v>151967</v>
      </c>
      <c r="F44604" s="1" t="s">
        <v>151968</v>
      </c>
      <c r="G44604" s="1" t="s">
        <v>151903</v>
      </c>
      <c r="H44604" s="1" t="s">
        <v>151904</v>
      </c>
      <c r="I44604" s="1" t="s">
        <v>151905</v>
      </c>
      <c r="J44604" s="1" t="s">
        <v>151969</v>
      </c>
    </row>
    <row r="44605" spans="1:10" x14ac:dyDescent="0.35">
      <c r="A44605" s="1" t="s">
        <v>29291</v>
      </c>
      <c r="B44605" s="1" t="s">
        <v>151900</v>
      </c>
      <c r="C44605" s="1" t="s">
        <v>110</v>
      </c>
      <c r="D44605" s="1" t="s">
        <v>11377</v>
      </c>
      <c r="E44605" s="1" t="s">
        <v>151970</v>
      </c>
      <c r="F44605" s="1" t="s">
        <v>151971</v>
      </c>
      <c r="G44605" s="1" t="s">
        <v>151903</v>
      </c>
      <c r="H44605" s="1" t="s">
        <v>151904</v>
      </c>
      <c r="I44605" s="1" t="s">
        <v>151905</v>
      </c>
      <c r="J44605" s="1" t="s">
        <v>151972</v>
      </c>
    </row>
    <row r="44606" spans="1:10" x14ac:dyDescent="0.35">
      <c r="A44606" s="1" t="s">
        <v>29291</v>
      </c>
      <c r="B44606" s="1" t="s">
        <v>151900</v>
      </c>
      <c r="C44606" s="1" t="s">
        <v>115</v>
      </c>
      <c r="D44606" s="1" t="s">
        <v>151973</v>
      </c>
      <c r="E44606" s="1" t="s">
        <v>151974</v>
      </c>
      <c r="F44606" s="1" t="s">
        <v>151975</v>
      </c>
      <c r="G44606" s="1" t="s">
        <v>151903</v>
      </c>
      <c r="H44606" s="1" t="s">
        <v>151904</v>
      </c>
      <c r="I44606" s="1" t="s">
        <v>151905</v>
      </c>
      <c r="J44606" s="1" t="s">
        <v>151976</v>
      </c>
    </row>
    <row r="44607" spans="1:10" x14ac:dyDescent="0.35">
      <c r="A44607" s="1" t="s">
        <v>29291</v>
      </c>
      <c r="B44607" s="1" t="s">
        <v>151900</v>
      </c>
      <c r="C44607" s="1" t="s">
        <v>120</v>
      </c>
      <c r="D44607" s="1" t="s">
        <v>151977</v>
      </c>
      <c r="E44607" s="1" t="s">
        <v>151978</v>
      </c>
      <c r="F44607" s="1" t="s">
        <v>151979</v>
      </c>
      <c r="G44607" s="1" t="s">
        <v>151903</v>
      </c>
      <c r="H44607" s="1" t="s">
        <v>151904</v>
      </c>
      <c r="I44607" s="1" t="s">
        <v>151905</v>
      </c>
      <c r="J44607" s="1" t="s">
        <v>151980</v>
      </c>
    </row>
    <row r="44608" spans="1:10" x14ac:dyDescent="0.35">
      <c r="A44608" s="1" t="s">
        <v>29291</v>
      </c>
      <c r="B44608" s="1" t="s">
        <v>151900</v>
      </c>
      <c r="C44608" s="1" t="s">
        <v>125</v>
      </c>
      <c r="D44608" s="1" t="s">
        <v>151981</v>
      </c>
      <c r="E44608" s="1" t="s">
        <v>151982</v>
      </c>
      <c r="F44608" s="1" t="s">
        <v>151983</v>
      </c>
      <c r="G44608" s="1" t="s">
        <v>151903</v>
      </c>
      <c r="H44608" s="1" t="s">
        <v>151904</v>
      </c>
      <c r="I44608" s="1" t="s">
        <v>151905</v>
      </c>
      <c r="J44608" s="1" t="s">
        <v>151984</v>
      </c>
    </row>
    <row r="44609" spans="1:10" x14ac:dyDescent="0.35">
      <c r="A44609" s="1" t="s">
        <v>29291</v>
      </c>
      <c r="B44609" s="1" t="s">
        <v>151900</v>
      </c>
      <c r="C44609" s="1" t="s">
        <v>130</v>
      </c>
      <c r="D44609" s="1" t="s">
        <v>128052</v>
      </c>
      <c r="E44609" s="1" t="s">
        <v>151985</v>
      </c>
      <c r="F44609" s="1" t="s">
        <v>151986</v>
      </c>
      <c r="G44609" s="1" t="s">
        <v>151903</v>
      </c>
      <c r="H44609" s="1" t="s">
        <v>151904</v>
      </c>
      <c r="I44609" s="1" t="s">
        <v>151905</v>
      </c>
      <c r="J44609" s="1" t="s">
        <v>151987</v>
      </c>
    </row>
    <row r="44610" spans="1:10" x14ac:dyDescent="0.35">
      <c r="A44610" s="1" t="s">
        <v>29291</v>
      </c>
      <c r="B44610" s="1" t="s">
        <v>151900</v>
      </c>
      <c r="C44610" s="1" t="s">
        <v>135</v>
      </c>
      <c r="D44610" s="1" t="s">
        <v>19467</v>
      </c>
      <c r="E44610" s="1" t="s">
        <v>151988</v>
      </c>
      <c r="F44610" s="1" t="s">
        <v>151989</v>
      </c>
      <c r="G44610" s="1" t="s">
        <v>151903</v>
      </c>
      <c r="H44610" s="1" t="s">
        <v>151904</v>
      </c>
      <c r="I44610" s="1" t="s">
        <v>151905</v>
      </c>
      <c r="J44610" s="1" t="s">
        <v>151990</v>
      </c>
    </row>
    <row r="44611" spans="1:10" x14ac:dyDescent="0.35">
      <c r="A44611" s="1" t="s">
        <v>29291</v>
      </c>
      <c r="B44611" s="1" t="s">
        <v>151900</v>
      </c>
      <c r="C44611" s="1" t="s">
        <v>140</v>
      </c>
      <c r="D44611" s="1" t="s">
        <v>24055</v>
      </c>
      <c r="E44611" s="1" t="s">
        <v>151991</v>
      </c>
      <c r="F44611" s="1" t="s">
        <v>151992</v>
      </c>
      <c r="G44611" s="1" t="s">
        <v>151903</v>
      </c>
      <c r="H44611" s="1" t="s">
        <v>151904</v>
      </c>
      <c r="I44611" s="1" t="s">
        <v>151905</v>
      </c>
      <c r="J44611" s="1" t="s">
        <v>151993</v>
      </c>
    </row>
    <row r="44612" spans="1:10" x14ac:dyDescent="0.35">
      <c r="A44612" s="1" t="s">
        <v>29291</v>
      </c>
      <c r="B44612" s="1" t="s">
        <v>151900</v>
      </c>
      <c r="C44612" s="1" t="s">
        <v>145</v>
      </c>
      <c r="D44612" s="1" t="s">
        <v>151994</v>
      </c>
      <c r="E44612" s="1" t="s">
        <v>151995</v>
      </c>
      <c r="F44612" s="1" t="s">
        <v>151996</v>
      </c>
      <c r="G44612" s="1" t="s">
        <v>151903</v>
      </c>
      <c r="H44612" s="1" t="s">
        <v>151904</v>
      </c>
      <c r="I44612" s="1" t="s">
        <v>151905</v>
      </c>
      <c r="J44612" s="1" t="s">
        <v>151997</v>
      </c>
    </row>
    <row r="44613" spans="1:10" x14ac:dyDescent="0.35">
      <c r="A44613" s="1" t="s">
        <v>29291</v>
      </c>
      <c r="B44613" s="1" t="s">
        <v>151900</v>
      </c>
      <c r="C44613" s="1" t="s">
        <v>150</v>
      </c>
      <c r="D44613" s="1" t="s">
        <v>130535</v>
      </c>
      <c r="E44613" s="1" t="s">
        <v>151998</v>
      </c>
      <c r="F44613" s="1" t="s">
        <v>151999</v>
      </c>
      <c r="G44613" s="1" t="s">
        <v>151903</v>
      </c>
      <c r="H44613" s="1" t="s">
        <v>151904</v>
      </c>
      <c r="I44613" s="1" t="s">
        <v>151905</v>
      </c>
      <c r="J44613" s="1" t="s">
        <v>152000</v>
      </c>
    </row>
    <row r="44614" spans="1:10" x14ac:dyDescent="0.35">
      <c r="A44614" s="1" t="s">
        <v>29291</v>
      </c>
      <c r="B44614" s="1" t="s">
        <v>151900</v>
      </c>
      <c r="C44614" s="1" t="s">
        <v>155</v>
      </c>
      <c r="D44614" s="1" t="s">
        <v>152001</v>
      </c>
      <c r="E44614" s="1" t="s">
        <v>152002</v>
      </c>
      <c r="F44614" s="1" t="s">
        <v>152003</v>
      </c>
      <c r="G44614" s="1" t="s">
        <v>151903</v>
      </c>
      <c r="H44614" s="1" t="s">
        <v>151904</v>
      </c>
      <c r="I44614" s="1" t="s">
        <v>151905</v>
      </c>
      <c r="J44614" s="1" t="s">
        <v>108591</v>
      </c>
    </row>
    <row r="44615" spans="1:10" x14ac:dyDescent="0.35">
      <c r="A44615" s="1" t="s">
        <v>29291</v>
      </c>
      <c r="B44615" s="1" t="s">
        <v>151900</v>
      </c>
      <c r="C44615" s="1" t="s">
        <v>160</v>
      </c>
      <c r="D44615" s="1" t="s">
        <v>152004</v>
      </c>
      <c r="E44615" s="1" t="s">
        <v>152005</v>
      </c>
      <c r="F44615" s="1" t="s">
        <v>152006</v>
      </c>
      <c r="G44615" s="1" t="s">
        <v>151903</v>
      </c>
      <c r="H44615" s="1" t="s">
        <v>151904</v>
      </c>
      <c r="I44615" s="1" t="s">
        <v>151905</v>
      </c>
      <c r="J44615" s="1" t="s">
        <v>152007</v>
      </c>
    </row>
    <row r="44616" spans="1:10" x14ac:dyDescent="0.35">
      <c r="A44616" s="1" t="s">
        <v>29291</v>
      </c>
      <c r="B44616" s="1" t="s">
        <v>151900</v>
      </c>
      <c r="C44616" s="1" t="s">
        <v>165</v>
      </c>
      <c r="D44616" s="1" t="s">
        <v>152008</v>
      </c>
      <c r="E44616" s="1" t="s">
        <v>152009</v>
      </c>
      <c r="F44616" s="1" t="s">
        <v>152010</v>
      </c>
      <c r="G44616" s="1" t="s">
        <v>151903</v>
      </c>
      <c r="H44616" s="1" t="s">
        <v>151904</v>
      </c>
      <c r="I44616" s="1" t="s">
        <v>151905</v>
      </c>
      <c r="J44616" s="1" t="s">
        <v>152011</v>
      </c>
    </row>
    <row r="44617" spans="1:10" x14ac:dyDescent="0.35">
      <c r="A44617" s="1" t="s">
        <v>29291</v>
      </c>
      <c r="B44617" s="1" t="s">
        <v>151900</v>
      </c>
      <c r="C44617" s="1" t="s">
        <v>170</v>
      </c>
      <c r="D44617" s="1" t="s">
        <v>81424</v>
      </c>
      <c r="E44617" s="1" t="s">
        <v>152012</v>
      </c>
      <c r="F44617" s="1" t="s">
        <v>152013</v>
      </c>
      <c r="G44617" s="1" t="s">
        <v>151903</v>
      </c>
      <c r="H44617" s="1" t="s">
        <v>151904</v>
      </c>
      <c r="I44617" s="1" t="s">
        <v>151905</v>
      </c>
      <c r="J44617" s="1" t="s">
        <v>152014</v>
      </c>
    </row>
    <row r="44618" spans="1:10" x14ac:dyDescent="0.35">
      <c r="A44618" s="1" t="s">
        <v>27548</v>
      </c>
      <c r="B44618" s="1" t="s">
        <v>151900</v>
      </c>
      <c r="C44618" s="1" t="s">
        <v>8</v>
      </c>
      <c r="D44618" s="1" t="s">
        <v>152015</v>
      </c>
      <c r="E44618" s="1" t="s">
        <v>152016</v>
      </c>
      <c r="F44618" s="1" t="s">
        <v>152017</v>
      </c>
      <c r="G44618" s="1" t="s">
        <v>152018</v>
      </c>
      <c r="H44618" s="1" t="s">
        <v>152019</v>
      </c>
      <c r="I44618" s="1" t="s">
        <v>151905</v>
      </c>
      <c r="J44618" s="1" t="s">
        <v>13</v>
      </c>
    </row>
    <row r="44619" spans="1:10" x14ac:dyDescent="0.35">
      <c r="A44619" s="1" t="s">
        <v>27548</v>
      </c>
      <c r="B44619" s="1" t="s">
        <v>151900</v>
      </c>
      <c r="C44619" s="1" t="s">
        <v>15</v>
      </c>
      <c r="D44619" s="1" t="s">
        <v>152020</v>
      </c>
      <c r="E44619" s="1" t="s">
        <v>152021</v>
      </c>
      <c r="F44619" s="1" t="s">
        <v>152022</v>
      </c>
      <c r="G44619" s="1" t="s">
        <v>152018</v>
      </c>
      <c r="H44619" s="1" t="s">
        <v>152019</v>
      </c>
      <c r="I44619" s="1" t="s">
        <v>151905</v>
      </c>
      <c r="J44619" s="1" t="s">
        <v>152023</v>
      </c>
    </row>
    <row r="44620" spans="1:10" x14ac:dyDescent="0.35">
      <c r="A44620" s="1" t="s">
        <v>27548</v>
      </c>
      <c r="B44620" s="1" t="s">
        <v>151900</v>
      </c>
      <c r="C44620" s="1" t="s">
        <v>20</v>
      </c>
      <c r="D44620" s="1" t="s">
        <v>152024</v>
      </c>
      <c r="E44620" s="1" t="s">
        <v>152025</v>
      </c>
      <c r="F44620" s="1" t="s">
        <v>152026</v>
      </c>
      <c r="G44620" s="1" t="s">
        <v>152018</v>
      </c>
      <c r="H44620" s="1" t="s">
        <v>152019</v>
      </c>
      <c r="I44620" s="1" t="s">
        <v>151905</v>
      </c>
      <c r="J44620" s="1" t="s">
        <v>152027</v>
      </c>
    </row>
    <row r="44621" spans="1:10" x14ac:dyDescent="0.35">
      <c r="A44621" s="1" t="s">
        <v>27548</v>
      </c>
      <c r="B44621" s="1" t="s">
        <v>151900</v>
      </c>
      <c r="C44621" s="1" t="s">
        <v>25</v>
      </c>
      <c r="D44621" s="1" t="s">
        <v>152028</v>
      </c>
      <c r="E44621" s="1" t="s">
        <v>152029</v>
      </c>
      <c r="F44621" s="1" t="s">
        <v>152030</v>
      </c>
      <c r="G44621" s="1" t="s">
        <v>152018</v>
      </c>
      <c r="H44621" s="1" t="s">
        <v>152019</v>
      </c>
      <c r="I44621" s="1" t="s">
        <v>151905</v>
      </c>
      <c r="J44621" s="1" t="s">
        <v>152031</v>
      </c>
    </row>
    <row r="44622" spans="1:10" x14ac:dyDescent="0.35">
      <c r="A44622" s="1" t="s">
        <v>27548</v>
      </c>
      <c r="B44622" s="1" t="s">
        <v>151900</v>
      </c>
      <c r="C44622" s="1" t="s">
        <v>30</v>
      </c>
      <c r="D44622" s="1" t="s">
        <v>84254</v>
      </c>
      <c r="E44622" s="1" t="s">
        <v>152032</v>
      </c>
      <c r="F44622" s="1" t="s">
        <v>152033</v>
      </c>
      <c r="G44622" s="1" t="s">
        <v>152018</v>
      </c>
      <c r="H44622" s="1" t="s">
        <v>152019</v>
      </c>
      <c r="I44622" s="1" t="s">
        <v>151905</v>
      </c>
      <c r="J44622" s="1" t="s">
        <v>152034</v>
      </c>
    </row>
    <row r="44623" spans="1:10" x14ac:dyDescent="0.35">
      <c r="A44623" s="1" t="s">
        <v>27548</v>
      </c>
      <c r="B44623" s="1" t="s">
        <v>151900</v>
      </c>
      <c r="C44623" s="1" t="s">
        <v>35</v>
      </c>
      <c r="D44623" s="1" t="s">
        <v>152035</v>
      </c>
      <c r="E44623" s="1" t="s">
        <v>152036</v>
      </c>
      <c r="F44623" s="1" t="s">
        <v>152037</v>
      </c>
      <c r="G44623" s="1" t="s">
        <v>152018</v>
      </c>
      <c r="H44623" s="1" t="s">
        <v>152019</v>
      </c>
      <c r="I44623" s="1" t="s">
        <v>151905</v>
      </c>
      <c r="J44623" s="1" t="s">
        <v>152038</v>
      </c>
    </row>
    <row r="44624" spans="1:10" x14ac:dyDescent="0.35">
      <c r="A44624" s="1" t="s">
        <v>27548</v>
      </c>
      <c r="B44624" s="1" t="s">
        <v>151900</v>
      </c>
      <c r="C44624" s="1" t="s">
        <v>40</v>
      </c>
      <c r="D44624" s="1" t="s">
        <v>68087</v>
      </c>
      <c r="E44624" s="1" t="s">
        <v>152039</v>
      </c>
      <c r="F44624" s="1" t="s">
        <v>152040</v>
      </c>
      <c r="G44624" s="1" t="s">
        <v>152018</v>
      </c>
      <c r="H44624" s="1" t="s">
        <v>152019</v>
      </c>
      <c r="I44624" s="1" t="s">
        <v>151905</v>
      </c>
      <c r="J44624" s="1" t="s">
        <v>152041</v>
      </c>
    </row>
    <row r="44625" spans="1:10" x14ac:dyDescent="0.35">
      <c r="A44625" s="1" t="s">
        <v>27548</v>
      </c>
      <c r="B44625" s="1" t="s">
        <v>151900</v>
      </c>
      <c r="C44625" s="1" t="s">
        <v>45</v>
      </c>
      <c r="D44625" s="1" t="s">
        <v>82590</v>
      </c>
      <c r="E44625" s="1" t="s">
        <v>152042</v>
      </c>
      <c r="F44625" s="1" t="s">
        <v>152043</v>
      </c>
      <c r="G44625" s="1" t="s">
        <v>152018</v>
      </c>
      <c r="H44625" s="1" t="s">
        <v>152019</v>
      </c>
      <c r="I44625" s="1" t="s">
        <v>151905</v>
      </c>
      <c r="J44625" s="1" t="s">
        <v>152044</v>
      </c>
    </row>
    <row r="44626" spans="1:10" x14ac:dyDescent="0.35">
      <c r="A44626" s="1" t="s">
        <v>27548</v>
      </c>
      <c r="B44626" s="1" t="s">
        <v>151900</v>
      </c>
      <c r="C44626" s="1" t="s">
        <v>50</v>
      </c>
      <c r="D44626" s="1" t="s">
        <v>38738</v>
      </c>
      <c r="E44626" s="1" t="s">
        <v>152045</v>
      </c>
      <c r="F44626" s="1" t="s">
        <v>152046</v>
      </c>
      <c r="G44626" s="1" t="s">
        <v>152018</v>
      </c>
      <c r="H44626" s="1" t="s">
        <v>152019</v>
      </c>
      <c r="I44626" s="1" t="s">
        <v>151905</v>
      </c>
      <c r="J44626" s="1" t="s">
        <v>152047</v>
      </c>
    </row>
    <row r="44627" spans="1:10" x14ac:dyDescent="0.35">
      <c r="A44627" s="1" t="s">
        <v>27548</v>
      </c>
      <c r="B44627" s="1" t="s">
        <v>151900</v>
      </c>
      <c r="C44627" s="1" t="s">
        <v>55</v>
      </c>
      <c r="D44627" s="1" t="s">
        <v>128397</v>
      </c>
      <c r="E44627" s="1" t="s">
        <v>152048</v>
      </c>
      <c r="F44627" s="1" t="s">
        <v>152049</v>
      </c>
      <c r="G44627" s="1" t="s">
        <v>152018</v>
      </c>
      <c r="H44627" s="1" t="s">
        <v>152019</v>
      </c>
      <c r="I44627" s="1" t="s">
        <v>151905</v>
      </c>
      <c r="J44627" s="1" t="s">
        <v>152050</v>
      </c>
    </row>
    <row r="44628" spans="1:10" x14ac:dyDescent="0.35">
      <c r="A44628" s="1" t="s">
        <v>27548</v>
      </c>
      <c r="B44628" s="1" t="s">
        <v>151900</v>
      </c>
      <c r="C44628" s="1" t="s">
        <v>60</v>
      </c>
      <c r="D44628" s="1" t="s">
        <v>152051</v>
      </c>
      <c r="E44628" s="1" t="s">
        <v>152052</v>
      </c>
      <c r="F44628" s="1" t="s">
        <v>152053</v>
      </c>
      <c r="G44628" s="1" t="s">
        <v>152018</v>
      </c>
      <c r="H44628" s="1" t="s">
        <v>152019</v>
      </c>
      <c r="I44628" s="1" t="s">
        <v>151905</v>
      </c>
      <c r="J44628" s="1" t="s">
        <v>152054</v>
      </c>
    </row>
    <row r="44629" spans="1:10" x14ac:dyDescent="0.35">
      <c r="A44629" s="1" t="s">
        <v>27548</v>
      </c>
      <c r="B44629" s="1" t="s">
        <v>151900</v>
      </c>
      <c r="C44629" s="1" t="s">
        <v>65</v>
      </c>
      <c r="D44629" s="1" t="s">
        <v>39717</v>
      </c>
      <c r="E44629" s="1" t="s">
        <v>152055</v>
      </c>
      <c r="F44629" s="1" t="s">
        <v>152056</v>
      </c>
      <c r="G44629" s="1" t="s">
        <v>152018</v>
      </c>
      <c r="H44629" s="1" t="s">
        <v>152019</v>
      </c>
      <c r="I44629" s="1" t="s">
        <v>151905</v>
      </c>
      <c r="J44629" s="1" t="s">
        <v>152057</v>
      </c>
    </row>
    <row r="44630" spans="1:10" x14ac:dyDescent="0.35">
      <c r="A44630" s="1" t="s">
        <v>27548</v>
      </c>
      <c r="B44630" s="1" t="s">
        <v>151900</v>
      </c>
      <c r="C44630" s="1" t="s">
        <v>70</v>
      </c>
      <c r="D44630" s="1" t="s">
        <v>63908</v>
      </c>
      <c r="E44630" s="1" t="s">
        <v>152058</v>
      </c>
      <c r="F44630" s="1" t="s">
        <v>152059</v>
      </c>
      <c r="G44630" s="1" t="s">
        <v>152018</v>
      </c>
      <c r="H44630" s="1" t="s">
        <v>152019</v>
      </c>
      <c r="I44630" s="1" t="s">
        <v>151905</v>
      </c>
      <c r="J44630" s="1" t="s">
        <v>152060</v>
      </c>
    </row>
    <row r="44631" spans="1:10" x14ac:dyDescent="0.35">
      <c r="A44631" s="1" t="s">
        <v>27548</v>
      </c>
      <c r="B44631" s="1" t="s">
        <v>151900</v>
      </c>
      <c r="C44631" s="1" t="s">
        <v>75</v>
      </c>
      <c r="D44631" s="1" t="s">
        <v>108974</v>
      </c>
      <c r="E44631" s="1" t="s">
        <v>152061</v>
      </c>
      <c r="F44631" s="1" t="s">
        <v>152062</v>
      </c>
      <c r="G44631" s="1" t="s">
        <v>152018</v>
      </c>
      <c r="H44631" s="1" t="s">
        <v>152019</v>
      </c>
      <c r="I44631" s="1" t="s">
        <v>151905</v>
      </c>
      <c r="J44631" s="1" t="s">
        <v>152063</v>
      </c>
    </row>
    <row r="44632" spans="1:10" x14ac:dyDescent="0.35">
      <c r="A44632" s="1" t="s">
        <v>27548</v>
      </c>
      <c r="B44632" s="1" t="s">
        <v>151900</v>
      </c>
      <c r="C44632" s="1" t="s">
        <v>80</v>
      </c>
      <c r="D44632" s="1" t="s">
        <v>152064</v>
      </c>
      <c r="E44632" s="1" t="s">
        <v>152065</v>
      </c>
      <c r="F44632" s="1" t="s">
        <v>152066</v>
      </c>
      <c r="G44632" s="1" t="s">
        <v>152018</v>
      </c>
      <c r="H44632" s="1" t="s">
        <v>152019</v>
      </c>
      <c r="I44632" s="1" t="s">
        <v>151905</v>
      </c>
      <c r="J44632" s="1" t="s">
        <v>152067</v>
      </c>
    </row>
    <row r="44633" spans="1:10" x14ac:dyDescent="0.35">
      <c r="A44633" s="1" t="s">
        <v>27548</v>
      </c>
      <c r="B44633" s="1" t="s">
        <v>151900</v>
      </c>
      <c r="C44633" s="1" t="s">
        <v>85</v>
      </c>
      <c r="D44633" s="1" t="s">
        <v>101809</v>
      </c>
      <c r="E44633" s="1" t="s">
        <v>152068</v>
      </c>
      <c r="F44633" s="1" t="s">
        <v>152069</v>
      </c>
      <c r="G44633" s="1" t="s">
        <v>152018</v>
      </c>
      <c r="H44633" s="1" t="s">
        <v>152019</v>
      </c>
      <c r="I44633" s="1" t="s">
        <v>151905</v>
      </c>
      <c r="J44633" s="1" t="s">
        <v>152070</v>
      </c>
    </row>
    <row r="44634" spans="1:10" x14ac:dyDescent="0.35">
      <c r="A44634" s="1" t="s">
        <v>27548</v>
      </c>
      <c r="B44634" s="1" t="s">
        <v>151900</v>
      </c>
      <c r="C44634" s="1" t="s">
        <v>90</v>
      </c>
      <c r="D44634" s="1" t="s">
        <v>128217</v>
      </c>
      <c r="E44634" s="1" t="s">
        <v>152071</v>
      </c>
      <c r="F44634" s="1" t="s">
        <v>152072</v>
      </c>
      <c r="G44634" s="1" t="s">
        <v>152018</v>
      </c>
      <c r="H44634" s="1" t="s">
        <v>152019</v>
      </c>
      <c r="I44634" s="1" t="s">
        <v>151905</v>
      </c>
      <c r="J44634" s="1" t="s">
        <v>152073</v>
      </c>
    </row>
    <row r="44635" spans="1:10" x14ac:dyDescent="0.35">
      <c r="A44635" s="1" t="s">
        <v>27548</v>
      </c>
      <c r="B44635" s="1" t="s">
        <v>151900</v>
      </c>
      <c r="C44635" s="1" t="s">
        <v>95</v>
      </c>
      <c r="D44635" s="1" t="s">
        <v>62296</v>
      </c>
      <c r="E44635" s="1" t="s">
        <v>152074</v>
      </c>
      <c r="F44635" s="1" t="s">
        <v>152075</v>
      </c>
      <c r="G44635" s="1" t="s">
        <v>152018</v>
      </c>
      <c r="H44635" s="1" t="s">
        <v>152019</v>
      </c>
      <c r="I44635" s="1" t="s">
        <v>151905</v>
      </c>
      <c r="J44635" s="1" t="s">
        <v>152076</v>
      </c>
    </row>
    <row r="44636" spans="1:10" x14ac:dyDescent="0.35">
      <c r="A44636" s="1" t="s">
        <v>27548</v>
      </c>
      <c r="B44636" s="1" t="s">
        <v>151900</v>
      </c>
      <c r="C44636" s="1" t="s">
        <v>100</v>
      </c>
      <c r="D44636" s="1" t="s">
        <v>105304</v>
      </c>
      <c r="E44636" s="1" t="s">
        <v>152077</v>
      </c>
      <c r="F44636" s="1" t="s">
        <v>152078</v>
      </c>
      <c r="G44636" s="1" t="s">
        <v>152018</v>
      </c>
      <c r="H44636" s="1" t="s">
        <v>152019</v>
      </c>
      <c r="I44636" s="1" t="s">
        <v>151905</v>
      </c>
      <c r="J44636" s="1" t="s">
        <v>152079</v>
      </c>
    </row>
    <row r="44637" spans="1:10" x14ac:dyDescent="0.35">
      <c r="A44637" s="1" t="s">
        <v>27548</v>
      </c>
      <c r="B44637" s="1" t="s">
        <v>151900</v>
      </c>
      <c r="C44637" s="1" t="s">
        <v>105</v>
      </c>
      <c r="D44637" s="1" t="s">
        <v>53708</v>
      </c>
      <c r="E44637" s="1" t="s">
        <v>152080</v>
      </c>
      <c r="F44637" s="1" t="s">
        <v>152081</v>
      </c>
      <c r="G44637" s="1" t="s">
        <v>152018</v>
      </c>
      <c r="H44637" s="1" t="s">
        <v>152019</v>
      </c>
      <c r="I44637" s="1" t="s">
        <v>151905</v>
      </c>
      <c r="J44637" s="1" t="s">
        <v>152082</v>
      </c>
    </row>
    <row r="44638" spans="1:10" x14ac:dyDescent="0.35">
      <c r="A44638" s="1" t="s">
        <v>27548</v>
      </c>
      <c r="B44638" s="1" t="s">
        <v>151900</v>
      </c>
      <c r="C44638" s="1" t="s">
        <v>110</v>
      </c>
      <c r="D44638" s="1" t="s">
        <v>84236</v>
      </c>
      <c r="E44638" s="1" t="s">
        <v>152083</v>
      </c>
      <c r="F44638" s="1" t="s">
        <v>152084</v>
      </c>
      <c r="G44638" s="1" t="s">
        <v>152018</v>
      </c>
      <c r="H44638" s="1" t="s">
        <v>152019</v>
      </c>
      <c r="I44638" s="1" t="s">
        <v>151905</v>
      </c>
      <c r="J44638" s="1" t="s">
        <v>152085</v>
      </c>
    </row>
    <row r="44639" spans="1:10" x14ac:dyDescent="0.35">
      <c r="A44639" s="1" t="s">
        <v>27548</v>
      </c>
      <c r="B44639" s="1" t="s">
        <v>151900</v>
      </c>
      <c r="C44639" s="1" t="s">
        <v>115</v>
      </c>
      <c r="D44639" s="1" t="s">
        <v>152086</v>
      </c>
      <c r="E44639" s="1" t="s">
        <v>152087</v>
      </c>
      <c r="F44639" s="1" t="s">
        <v>152088</v>
      </c>
      <c r="G44639" s="1" t="s">
        <v>152018</v>
      </c>
      <c r="H44639" s="1" t="s">
        <v>152019</v>
      </c>
      <c r="I44639" s="1" t="s">
        <v>151905</v>
      </c>
      <c r="J44639" s="1" t="s">
        <v>152089</v>
      </c>
    </row>
    <row r="44640" spans="1:10" x14ac:dyDescent="0.35">
      <c r="A44640" s="1" t="s">
        <v>27548</v>
      </c>
      <c r="B44640" s="1" t="s">
        <v>151900</v>
      </c>
      <c r="C44640" s="1" t="s">
        <v>120</v>
      </c>
      <c r="D44640" s="1" t="s">
        <v>152090</v>
      </c>
      <c r="E44640" s="1" t="s">
        <v>152091</v>
      </c>
      <c r="F44640" s="1" t="s">
        <v>152092</v>
      </c>
      <c r="G44640" s="1" t="s">
        <v>152018</v>
      </c>
      <c r="H44640" s="1" t="s">
        <v>152019</v>
      </c>
      <c r="I44640" s="1" t="s">
        <v>151905</v>
      </c>
      <c r="J44640" s="1" t="s">
        <v>152093</v>
      </c>
    </row>
    <row r="44641" spans="1:10" x14ac:dyDescent="0.35">
      <c r="A44641" s="1" t="s">
        <v>27548</v>
      </c>
      <c r="B44641" s="1" t="s">
        <v>151900</v>
      </c>
      <c r="C44641" s="1" t="s">
        <v>125</v>
      </c>
      <c r="D44641" s="1" t="s">
        <v>106888</v>
      </c>
      <c r="E44641" s="1" t="s">
        <v>152094</v>
      </c>
      <c r="F44641" s="1" t="s">
        <v>152095</v>
      </c>
      <c r="G44641" s="1" t="s">
        <v>152018</v>
      </c>
      <c r="H44641" s="1" t="s">
        <v>152019</v>
      </c>
      <c r="I44641" s="1" t="s">
        <v>151905</v>
      </c>
      <c r="J44641" s="1" t="s">
        <v>152096</v>
      </c>
    </row>
    <row r="44642" spans="1:10" x14ac:dyDescent="0.35">
      <c r="A44642" s="1" t="s">
        <v>27548</v>
      </c>
      <c r="B44642" s="1" t="s">
        <v>151900</v>
      </c>
      <c r="C44642" s="1" t="s">
        <v>130</v>
      </c>
      <c r="D44642" s="1" t="s">
        <v>152097</v>
      </c>
      <c r="E44642" s="1" t="s">
        <v>152098</v>
      </c>
      <c r="F44642" s="1" t="s">
        <v>152099</v>
      </c>
      <c r="G44642" s="1" t="s">
        <v>152018</v>
      </c>
      <c r="H44642" s="1" t="s">
        <v>152019</v>
      </c>
      <c r="I44642" s="1" t="s">
        <v>151905</v>
      </c>
      <c r="J44642" s="1" t="s">
        <v>152100</v>
      </c>
    </row>
    <row r="44643" spans="1:10" x14ac:dyDescent="0.35">
      <c r="A44643" s="1" t="s">
        <v>27548</v>
      </c>
      <c r="B44643" s="1" t="s">
        <v>151900</v>
      </c>
      <c r="C44643" s="1" t="s">
        <v>135</v>
      </c>
      <c r="D44643" s="1" t="s">
        <v>152101</v>
      </c>
      <c r="E44643" s="1" t="s">
        <v>152102</v>
      </c>
      <c r="F44643" s="1" t="s">
        <v>152103</v>
      </c>
      <c r="G44643" s="1" t="s">
        <v>152018</v>
      </c>
      <c r="H44643" s="1" t="s">
        <v>152019</v>
      </c>
      <c r="I44643" s="1" t="s">
        <v>151905</v>
      </c>
      <c r="J44643" s="1" t="s">
        <v>152104</v>
      </c>
    </row>
    <row r="44644" spans="1:10" x14ac:dyDescent="0.35">
      <c r="A44644" s="1" t="s">
        <v>27548</v>
      </c>
      <c r="B44644" s="1" t="s">
        <v>151900</v>
      </c>
      <c r="C44644" s="1" t="s">
        <v>140</v>
      </c>
      <c r="D44644" s="1" t="s">
        <v>32523</v>
      </c>
      <c r="E44644" s="1" t="s">
        <v>152105</v>
      </c>
      <c r="F44644" s="1" t="s">
        <v>152106</v>
      </c>
      <c r="G44644" s="1" t="s">
        <v>152018</v>
      </c>
      <c r="H44644" s="1" t="s">
        <v>152019</v>
      </c>
      <c r="I44644" s="1" t="s">
        <v>151905</v>
      </c>
      <c r="J44644" s="1" t="s">
        <v>152107</v>
      </c>
    </row>
    <row r="44645" spans="1:10" x14ac:dyDescent="0.35">
      <c r="A44645" s="1" t="s">
        <v>27548</v>
      </c>
      <c r="B44645" s="1" t="s">
        <v>151900</v>
      </c>
      <c r="C44645" s="1" t="s">
        <v>145</v>
      </c>
      <c r="D44645" s="1" t="s">
        <v>152108</v>
      </c>
      <c r="E44645" s="1" t="s">
        <v>152109</v>
      </c>
      <c r="F44645" s="1" t="s">
        <v>152110</v>
      </c>
      <c r="G44645" s="1" t="s">
        <v>152018</v>
      </c>
      <c r="H44645" s="1" t="s">
        <v>152019</v>
      </c>
      <c r="I44645" s="1" t="s">
        <v>151905</v>
      </c>
      <c r="J44645" s="1" t="s">
        <v>152111</v>
      </c>
    </row>
    <row r="44646" spans="1:10" x14ac:dyDescent="0.35">
      <c r="A44646" s="1" t="s">
        <v>27548</v>
      </c>
      <c r="B44646" s="1" t="s">
        <v>151900</v>
      </c>
      <c r="C44646" s="1" t="s">
        <v>150</v>
      </c>
      <c r="D44646" s="1" t="s">
        <v>152112</v>
      </c>
      <c r="E44646" s="1" t="s">
        <v>152113</v>
      </c>
      <c r="F44646" s="1" t="s">
        <v>152114</v>
      </c>
      <c r="G44646" s="1" t="s">
        <v>152018</v>
      </c>
      <c r="H44646" s="1" t="s">
        <v>152019</v>
      </c>
      <c r="I44646" s="1" t="s">
        <v>151905</v>
      </c>
      <c r="J44646" s="1" t="s">
        <v>152115</v>
      </c>
    </row>
    <row r="44647" spans="1:10" x14ac:dyDescent="0.35">
      <c r="A44647" s="1" t="s">
        <v>27548</v>
      </c>
      <c r="B44647" s="1" t="s">
        <v>151900</v>
      </c>
      <c r="C44647" s="1" t="s">
        <v>155</v>
      </c>
      <c r="D44647" s="1" t="s">
        <v>67549</v>
      </c>
      <c r="E44647" s="1" t="s">
        <v>152116</v>
      </c>
      <c r="F44647" s="1" t="s">
        <v>152117</v>
      </c>
      <c r="G44647" s="1" t="s">
        <v>152018</v>
      </c>
      <c r="H44647" s="1" t="s">
        <v>152019</v>
      </c>
      <c r="I44647" s="1" t="s">
        <v>151905</v>
      </c>
      <c r="J44647" s="1" t="s">
        <v>152118</v>
      </c>
    </row>
    <row r="44648" spans="1:10" x14ac:dyDescent="0.35">
      <c r="A44648" s="1" t="s">
        <v>27548</v>
      </c>
      <c r="B44648" s="1" t="s">
        <v>151900</v>
      </c>
      <c r="C44648" s="1" t="s">
        <v>160</v>
      </c>
      <c r="D44648" s="1" t="s">
        <v>106239</v>
      </c>
      <c r="E44648" s="1" t="s">
        <v>152119</v>
      </c>
      <c r="F44648" s="1" t="s">
        <v>152120</v>
      </c>
      <c r="G44648" s="1" t="s">
        <v>152018</v>
      </c>
      <c r="H44648" s="1" t="s">
        <v>152019</v>
      </c>
      <c r="I44648" s="1" t="s">
        <v>151905</v>
      </c>
      <c r="J44648" s="1" t="s">
        <v>152121</v>
      </c>
    </row>
    <row r="44649" spans="1:10" x14ac:dyDescent="0.35">
      <c r="A44649" s="1" t="s">
        <v>27548</v>
      </c>
      <c r="B44649" s="1" t="s">
        <v>151900</v>
      </c>
      <c r="C44649" s="1" t="s">
        <v>165</v>
      </c>
      <c r="D44649" s="1" t="s">
        <v>152122</v>
      </c>
      <c r="E44649" s="1" t="s">
        <v>152123</v>
      </c>
      <c r="F44649" s="1" t="s">
        <v>152124</v>
      </c>
      <c r="G44649" s="1" t="s">
        <v>152018</v>
      </c>
      <c r="H44649" s="1" t="s">
        <v>152019</v>
      </c>
      <c r="I44649" s="1" t="s">
        <v>151905</v>
      </c>
      <c r="J44649" s="1" t="s">
        <v>152125</v>
      </c>
    </row>
    <row r="44650" spans="1:10" x14ac:dyDescent="0.35">
      <c r="A44650" s="1" t="s">
        <v>27548</v>
      </c>
      <c r="B44650" s="1" t="s">
        <v>151900</v>
      </c>
      <c r="C44650" s="1" t="s">
        <v>170</v>
      </c>
      <c r="D44650" s="1" t="s">
        <v>152126</v>
      </c>
      <c r="E44650" s="1" t="s">
        <v>152127</v>
      </c>
      <c r="F44650" s="1" t="s">
        <v>152128</v>
      </c>
      <c r="G44650" s="1" t="s">
        <v>152018</v>
      </c>
      <c r="H44650" s="1" t="s">
        <v>152019</v>
      </c>
      <c r="I44650" s="1" t="s">
        <v>151905</v>
      </c>
      <c r="J44650" s="1" t="s">
        <v>152129</v>
      </c>
    </row>
    <row r="44651" spans="1:10" x14ac:dyDescent="0.35">
      <c r="A44651" s="1" t="s">
        <v>6388</v>
      </c>
      <c r="B44651" s="1" t="s">
        <v>151900</v>
      </c>
      <c r="C44651" s="1" t="s">
        <v>8</v>
      </c>
      <c r="D44651" s="1" t="s">
        <v>152130</v>
      </c>
      <c r="E44651" s="1" t="s">
        <v>152131</v>
      </c>
      <c r="F44651" s="1" t="s">
        <v>152132</v>
      </c>
      <c r="G44651" s="1" t="s">
        <v>152133</v>
      </c>
      <c r="H44651" s="1" t="s">
        <v>152134</v>
      </c>
      <c r="I44651" s="1" t="s">
        <v>151905</v>
      </c>
      <c r="J44651" s="1" t="s">
        <v>13</v>
      </c>
    </row>
    <row r="44652" spans="1:10" x14ac:dyDescent="0.35">
      <c r="A44652" s="1" t="s">
        <v>6388</v>
      </c>
      <c r="B44652" s="1" t="s">
        <v>151900</v>
      </c>
      <c r="C44652" s="1" t="s">
        <v>15</v>
      </c>
      <c r="D44652" s="1" t="s">
        <v>152135</v>
      </c>
      <c r="E44652" s="1" t="s">
        <v>152136</v>
      </c>
      <c r="F44652" s="1" t="s">
        <v>152137</v>
      </c>
      <c r="G44652" s="1" t="s">
        <v>152133</v>
      </c>
      <c r="H44652" s="1" t="s">
        <v>152134</v>
      </c>
      <c r="I44652" s="1" t="s">
        <v>151905</v>
      </c>
      <c r="J44652" s="1" t="s">
        <v>152138</v>
      </c>
    </row>
    <row r="44653" spans="1:10" x14ac:dyDescent="0.35">
      <c r="A44653" s="1" t="s">
        <v>6388</v>
      </c>
      <c r="B44653" s="1" t="s">
        <v>151900</v>
      </c>
      <c r="C44653" s="1" t="s">
        <v>20</v>
      </c>
      <c r="D44653" s="1" t="s">
        <v>16786</v>
      </c>
      <c r="E44653" s="1" t="s">
        <v>152139</v>
      </c>
      <c r="F44653" s="1" t="s">
        <v>152140</v>
      </c>
      <c r="G44653" s="1" t="s">
        <v>152133</v>
      </c>
      <c r="H44653" s="1" t="s">
        <v>152134</v>
      </c>
      <c r="I44653" s="1" t="s">
        <v>151905</v>
      </c>
      <c r="J44653" s="1" t="s">
        <v>152141</v>
      </c>
    </row>
    <row r="44654" spans="1:10" x14ac:dyDescent="0.35">
      <c r="A44654" s="1" t="s">
        <v>6388</v>
      </c>
      <c r="B44654" s="1" t="s">
        <v>151900</v>
      </c>
      <c r="C44654" s="1" t="s">
        <v>25</v>
      </c>
      <c r="D44654" s="1" t="s">
        <v>152142</v>
      </c>
      <c r="E44654" s="1" t="s">
        <v>152143</v>
      </c>
      <c r="F44654" s="1" t="s">
        <v>152144</v>
      </c>
      <c r="G44654" s="1" t="s">
        <v>152133</v>
      </c>
      <c r="H44654" s="1" t="s">
        <v>152134</v>
      </c>
      <c r="I44654" s="1" t="s">
        <v>151905</v>
      </c>
      <c r="J44654" s="1" t="s">
        <v>152145</v>
      </c>
    </row>
    <row r="44655" spans="1:10" x14ac:dyDescent="0.35">
      <c r="A44655" s="1" t="s">
        <v>6388</v>
      </c>
      <c r="B44655" s="1" t="s">
        <v>151900</v>
      </c>
      <c r="C44655" s="1" t="s">
        <v>30</v>
      </c>
      <c r="D44655" s="1" t="s">
        <v>152146</v>
      </c>
      <c r="E44655" s="1" t="s">
        <v>152147</v>
      </c>
      <c r="F44655" s="1" t="s">
        <v>152148</v>
      </c>
      <c r="G44655" s="1" t="s">
        <v>152133</v>
      </c>
      <c r="H44655" s="1" t="s">
        <v>152134</v>
      </c>
      <c r="I44655" s="1" t="s">
        <v>151905</v>
      </c>
      <c r="J44655" s="1" t="s">
        <v>152149</v>
      </c>
    </row>
    <row r="44656" spans="1:10" x14ac:dyDescent="0.35">
      <c r="A44656" s="1" t="s">
        <v>6388</v>
      </c>
      <c r="B44656" s="1" t="s">
        <v>151900</v>
      </c>
      <c r="C44656" s="1" t="s">
        <v>35</v>
      </c>
      <c r="D44656" s="1" t="s">
        <v>152150</v>
      </c>
      <c r="E44656" s="1" t="s">
        <v>152151</v>
      </c>
      <c r="F44656" s="1" t="s">
        <v>152152</v>
      </c>
      <c r="G44656" s="1" t="s">
        <v>152133</v>
      </c>
      <c r="H44656" s="1" t="s">
        <v>152134</v>
      </c>
      <c r="I44656" s="1" t="s">
        <v>151905</v>
      </c>
      <c r="J44656" s="1" t="s">
        <v>152153</v>
      </c>
    </row>
    <row r="44657" spans="1:10" x14ac:dyDescent="0.35">
      <c r="A44657" s="1" t="s">
        <v>6388</v>
      </c>
      <c r="B44657" s="1" t="s">
        <v>151900</v>
      </c>
      <c r="C44657" s="1" t="s">
        <v>40</v>
      </c>
      <c r="D44657" s="1" t="s">
        <v>152154</v>
      </c>
      <c r="E44657" s="1" t="s">
        <v>152155</v>
      </c>
      <c r="F44657" s="1" t="s">
        <v>152156</v>
      </c>
      <c r="G44657" s="1" t="s">
        <v>152133</v>
      </c>
      <c r="H44657" s="1" t="s">
        <v>152134</v>
      </c>
      <c r="I44657" s="1" t="s">
        <v>151905</v>
      </c>
      <c r="J44657" s="1" t="s">
        <v>152157</v>
      </c>
    </row>
    <row r="44658" spans="1:10" x14ac:dyDescent="0.35">
      <c r="A44658" s="1" t="s">
        <v>6388</v>
      </c>
      <c r="B44658" s="1" t="s">
        <v>151900</v>
      </c>
      <c r="C44658" s="1" t="s">
        <v>45</v>
      </c>
      <c r="D44658" s="1" t="s">
        <v>14299</v>
      </c>
      <c r="E44658" s="1" t="s">
        <v>152158</v>
      </c>
      <c r="F44658" s="1" t="s">
        <v>152159</v>
      </c>
      <c r="G44658" s="1" t="s">
        <v>152133</v>
      </c>
      <c r="H44658" s="1" t="s">
        <v>152134</v>
      </c>
      <c r="I44658" s="1" t="s">
        <v>151905</v>
      </c>
      <c r="J44658" s="1" t="s">
        <v>152160</v>
      </c>
    </row>
    <row r="44659" spans="1:10" x14ac:dyDescent="0.35">
      <c r="A44659" s="1" t="s">
        <v>6388</v>
      </c>
      <c r="B44659" s="1" t="s">
        <v>151900</v>
      </c>
      <c r="C44659" s="1" t="s">
        <v>50</v>
      </c>
      <c r="D44659" s="1" t="s">
        <v>107152</v>
      </c>
      <c r="E44659" s="1" t="s">
        <v>152161</v>
      </c>
      <c r="F44659" s="1" t="s">
        <v>152162</v>
      </c>
      <c r="G44659" s="1" t="s">
        <v>152133</v>
      </c>
      <c r="H44659" s="1" t="s">
        <v>152134</v>
      </c>
      <c r="I44659" s="1" t="s">
        <v>151905</v>
      </c>
      <c r="J44659" s="1" t="s">
        <v>152163</v>
      </c>
    </row>
    <row r="44660" spans="1:10" x14ac:dyDescent="0.35">
      <c r="A44660" s="1" t="s">
        <v>6388</v>
      </c>
      <c r="B44660" s="1" t="s">
        <v>151900</v>
      </c>
      <c r="C44660" s="1" t="s">
        <v>55</v>
      </c>
      <c r="D44660" s="1" t="s">
        <v>108305</v>
      </c>
      <c r="E44660" s="1" t="s">
        <v>152164</v>
      </c>
      <c r="F44660" s="1" t="s">
        <v>152165</v>
      </c>
      <c r="G44660" s="1" t="s">
        <v>152133</v>
      </c>
      <c r="H44660" s="1" t="s">
        <v>152134</v>
      </c>
      <c r="I44660" s="1" t="s">
        <v>151905</v>
      </c>
      <c r="J44660" s="1" t="s">
        <v>152166</v>
      </c>
    </row>
    <row r="44661" spans="1:10" x14ac:dyDescent="0.35">
      <c r="A44661" s="1" t="s">
        <v>6388</v>
      </c>
      <c r="B44661" s="1" t="s">
        <v>151900</v>
      </c>
      <c r="C44661" s="1" t="s">
        <v>60</v>
      </c>
      <c r="D44661" s="1" t="s">
        <v>152167</v>
      </c>
      <c r="E44661" s="1" t="s">
        <v>152168</v>
      </c>
      <c r="F44661" s="1" t="s">
        <v>152169</v>
      </c>
      <c r="G44661" s="1" t="s">
        <v>152133</v>
      </c>
      <c r="H44661" s="1" t="s">
        <v>152134</v>
      </c>
      <c r="I44661" s="1" t="s">
        <v>151905</v>
      </c>
      <c r="J44661" s="1" t="s">
        <v>152170</v>
      </c>
    </row>
    <row r="44662" spans="1:10" x14ac:dyDescent="0.35">
      <c r="A44662" s="1" t="s">
        <v>6388</v>
      </c>
      <c r="B44662" s="1" t="s">
        <v>151900</v>
      </c>
      <c r="C44662" s="1" t="s">
        <v>65</v>
      </c>
      <c r="D44662" s="1" t="s">
        <v>109218</v>
      </c>
      <c r="E44662" s="1" t="s">
        <v>152171</v>
      </c>
      <c r="F44662" s="1" t="s">
        <v>152172</v>
      </c>
      <c r="G44662" s="1" t="s">
        <v>152133</v>
      </c>
      <c r="H44662" s="1" t="s">
        <v>152134</v>
      </c>
      <c r="I44662" s="1" t="s">
        <v>151905</v>
      </c>
      <c r="J44662" s="1" t="s">
        <v>152173</v>
      </c>
    </row>
    <row r="44663" spans="1:10" x14ac:dyDescent="0.35">
      <c r="A44663" s="1" t="s">
        <v>6388</v>
      </c>
      <c r="B44663" s="1" t="s">
        <v>151900</v>
      </c>
      <c r="C44663" s="1" t="s">
        <v>70</v>
      </c>
      <c r="D44663" s="1" t="s">
        <v>24204</v>
      </c>
      <c r="E44663" s="1" t="s">
        <v>152174</v>
      </c>
      <c r="F44663" s="1" t="s">
        <v>152175</v>
      </c>
      <c r="G44663" s="1" t="s">
        <v>152133</v>
      </c>
      <c r="H44663" s="1" t="s">
        <v>152134</v>
      </c>
      <c r="I44663" s="1" t="s">
        <v>151905</v>
      </c>
      <c r="J44663" s="1" t="s">
        <v>152176</v>
      </c>
    </row>
    <row r="44664" spans="1:10" x14ac:dyDescent="0.35">
      <c r="A44664" s="1" t="s">
        <v>6388</v>
      </c>
      <c r="B44664" s="1" t="s">
        <v>151900</v>
      </c>
      <c r="C44664" s="1" t="s">
        <v>75</v>
      </c>
      <c r="D44664" s="1" t="s">
        <v>152177</v>
      </c>
      <c r="E44664" s="1" t="s">
        <v>152178</v>
      </c>
      <c r="F44664" s="1" t="s">
        <v>152179</v>
      </c>
      <c r="G44664" s="1" t="s">
        <v>152133</v>
      </c>
      <c r="H44664" s="1" t="s">
        <v>152134</v>
      </c>
      <c r="I44664" s="1" t="s">
        <v>151905</v>
      </c>
      <c r="J44664" s="1" t="s">
        <v>152180</v>
      </c>
    </row>
    <row r="44665" spans="1:10" x14ac:dyDescent="0.35">
      <c r="A44665" s="1" t="s">
        <v>6388</v>
      </c>
      <c r="B44665" s="1" t="s">
        <v>151900</v>
      </c>
      <c r="C44665" s="1" t="s">
        <v>80</v>
      </c>
      <c r="D44665" s="1" t="s">
        <v>105300</v>
      </c>
      <c r="E44665" s="1" t="s">
        <v>152181</v>
      </c>
      <c r="F44665" s="1" t="s">
        <v>152182</v>
      </c>
      <c r="G44665" s="1" t="s">
        <v>152133</v>
      </c>
      <c r="H44665" s="1" t="s">
        <v>152134</v>
      </c>
      <c r="I44665" s="1" t="s">
        <v>151905</v>
      </c>
      <c r="J44665" s="1" t="s">
        <v>152183</v>
      </c>
    </row>
    <row r="44666" spans="1:10" x14ac:dyDescent="0.35">
      <c r="A44666" s="1" t="s">
        <v>6388</v>
      </c>
      <c r="B44666" s="1" t="s">
        <v>151900</v>
      </c>
      <c r="C44666" s="1" t="s">
        <v>85</v>
      </c>
      <c r="D44666" s="1" t="s">
        <v>84750</v>
      </c>
      <c r="E44666" s="1" t="s">
        <v>152184</v>
      </c>
      <c r="F44666" s="1" t="s">
        <v>152185</v>
      </c>
      <c r="G44666" s="1" t="s">
        <v>152133</v>
      </c>
      <c r="H44666" s="1" t="s">
        <v>152134</v>
      </c>
      <c r="I44666" s="1" t="s">
        <v>151905</v>
      </c>
      <c r="J44666" s="1" t="s">
        <v>152186</v>
      </c>
    </row>
    <row r="44667" spans="1:10" x14ac:dyDescent="0.35">
      <c r="A44667" s="1" t="s">
        <v>6388</v>
      </c>
      <c r="B44667" s="1" t="s">
        <v>151900</v>
      </c>
      <c r="C44667" s="1" t="s">
        <v>90</v>
      </c>
      <c r="D44667" s="1" t="s">
        <v>106213</v>
      </c>
      <c r="E44667" s="1" t="s">
        <v>152187</v>
      </c>
      <c r="F44667" s="1" t="s">
        <v>152188</v>
      </c>
      <c r="G44667" s="1" t="s">
        <v>152133</v>
      </c>
      <c r="H44667" s="1" t="s">
        <v>152134</v>
      </c>
      <c r="I44667" s="1" t="s">
        <v>151905</v>
      </c>
      <c r="J44667" s="1" t="s">
        <v>152189</v>
      </c>
    </row>
    <row r="44668" spans="1:10" x14ac:dyDescent="0.35">
      <c r="A44668" s="1" t="s">
        <v>6388</v>
      </c>
      <c r="B44668" s="1" t="s">
        <v>151900</v>
      </c>
      <c r="C44668" s="1" t="s">
        <v>95</v>
      </c>
      <c r="D44668" s="1" t="s">
        <v>23947</v>
      </c>
      <c r="E44668" s="1" t="s">
        <v>152190</v>
      </c>
      <c r="F44668" s="1" t="s">
        <v>152191</v>
      </c>
      <c r="G44668" s="1" t="s">
        <v>152133</v>
      </c>
      <c r="H44668" s="1" t="s">
        <v>152134</v>
      </c>
      <c r="I44668" s="1" t="s">
        <v>151905</v>
      </c>
      <c r="J44668" s="1" t="s">
        <v>152192</v>
      </c>
    </row>
    <row r="44669" spans="1:10" x14ac:dyDescent="0.35">
      <c r="A44669" s="1" t="s">
        <v>6388</v>
      </c>
      <c r="B44669" s="1" t="s">
        <v>151900</v>
      </c>
      <c r="C44669" s="1" t="s">
        <v>100</v>
      </c>
      <c r="D44669" s="1" t="s">
        <v>67107</v>
      </c>
      <c r="E44669" s="1" t="s">
        <v>152193</v>
      </c>
      <c r="F44669" s="1" t="s">
        <v>152194</v>
      </c>
      <c r="G44669" s="1" t="s">
        <v>152133</v>
      </c>
      <c r="H44669" s="1" t="s">
        <v>152134</v>
      </c>
      <c r="I44669" s="1" t="s">
        <v>151905</v>
      </c>
      <c r="J44669" s="1" t="s">
        <v>152195</v>
      </c>
    </row>
    <row r="44670" spans="1:10" x14ac:dyDescent="0.35">
      <c r="A44670" s="1" t="s">
        <v>6388</v>
      </c>
      <c r="B44670" s="1" t="s">
        <v>151900</v>
      </c>
      <c r="C44670" s="1" t="s">
        <v>105</v>
      </c>
      <c r="D44670" s="1" t="s">
        <v>59751</v>
      </c>
      <c r="E44670" s="1" t="s">
        <v>152196</v>
      </c>
      <c r="F44670" s="1" t="s">
        <v>152197</v>
      </c>
      <c r="G44670" s="1" t="s">
        <v>152133</v>
      </c>
      <c r="H44670" s="1" t="s">
        <v>152134</v>
      </c>
      <c r="I44670" s="1" t="s">
        <v>151905</v>
      </c>
      <c r="J44670" s="1" t="s">
        <v>152198</v>
      </c>
    </row>
    <row r="44671" spans="1:10" x14ac:dyDescent="0.35">
      <c r="A44671" s="1" t="s">
        <v>6388</v>
      </c>
      <c r="B44671" s="1" t="s">
        <v>151900</v>
      </c>
      <c r="C44671" s="1" t="s">
        <v>110</v>
      </c>
      <c r="D44671" s="1" t="s">
        <v>152199</v>
      </c>
      <c r="E44671" s="1" t="s">
        <v>152200</v>
      </c>
      <c r="F44671" s="1" t="s">
        <v>152201</v>
      </c>
      <c r="G44671" s="1" t="s">
        <v>152133</v>
      </c>
      <c r="H44671" s="1" t="s">
        <v>152134</v>
      </c>
      <c r="I44671" s="1" t="s">
        <v>151905</v>
      </c>
      <c r="J44671" s="1" t="s">
        <v>152202</v>
      </c>
    </row>
    <row r="44672" spans="1:10" x14ac:dyDescent="0.35">
      <c r="A44672" s="1" t="s">
        <v>6388</v>
      </c>
      <c r="B44672" s="1" t="s">
        <v>151900</v>
      </c>
      <c r="C44672" s="1" t="s">
        <v>115</v>
      </c>
      <c r="D44672" s="1" t="s">
        <v>53343</v>
      </c>
      <c r="E44672" s="1" t="s">
        <v>152203</v>
      </c>
      <c r="F44672" s="1" t="s">
        <v>152204</v>
      </c>
      <c r="G44672" s="1" t="s">
        <v>152133</v>
      </c>
      <c r="H44672" s="1" t="s">
        <v>152134</v>
      </c>
      <c r="I44672" s="1" t="s">
        <v>151905</v>
      </c>
      <c r="J44672" s="1" t="s">
        <v>152205</v>
      </c>
    </row>
    <row r="44673" spans="1:10" x14ac:dyDescent="0.35">
      <c r="A44673" s="1" t="s">
        <v>6388</v>
      </c>
      <c r="B44673" s="1" t="s">
        <v>151900</v>
      </c>
      <c r="C44673" s="1" t="s">
        <v>120</v>
      </c>
      <c r="D44673" s="1" t="s">
        <v>147891</v>
      </c>
      <c r="E44673" s="1" t="s">
        <v>152206</v>
      </c>
      <c r="F44673" s="1" t="s">
        <v>152207</v>
      </c>
      <c r="G44673" s="1" t="s">
        <v>152133</v>
      </c>
      <c r="H44673" s="1" t="s">
        <v>152134</v>
      </c>
      <c r="I44673" s="1" t="s">
        <v>151905</v>
      </c>
      <c r="J44673" s="1" t="s">
        <v>152208</v>
      </c>
    </row>
    <row r="44674" spans="1:10" x14ac:dyDescent="0.35">
      <c r="A44674" s="1" t="s">
        <v>6388</v>
      </c>
      <c r="B44674" s="1" t="s">
        <v>151900</v>
      </c>
      <c r="C44674" s="1" t="s">
        <v>125</v>
      </c>
      <c r="D44674" s="1" t="s">
        <v>97712</v>
      </c>
      <c r="E44674" s="1" t="s">
        <v>152209</v>
      </c>
      <c r="F44674" s="1" t="s">
        <v>152210</v>
      </c>
      <c r="G44674" s="1" t="s">
        <v>152133</v>
      </c>
      <c r="H44674" s="1" t="s">
        <v>152134</v>
      </c>
      <c r="I44674" s="1" t="s">
        <v>151905</v>
      </c>
      <c r="J44674" s="1" t="s">
        <v>152211</v>
      </c>
    </row>
    <row r="44675" spans="1:10" x14ac:dyDescent="0.35">
      <c r="A44675" s="1" t="s">
        <v>6388</v>
      </c>
      <c r="B44675" s="1" t="s">
        <v>151900</v>
      </c>
      <c r="C44675" s="1" t="s">
        <v>130</v>
      </c>
      <c r="D44675" s="1" t="s">
        <v>39457</v>
      </c>
      <c r="E44675" s="1" t="s">
        <v>152212</v>
      </c>
      <c r="F44675" s="1" t="s">
        <v>152213</v>
      </c>
      <c r="G44675" s="1" t="s">
        <v>152133</v>
      </c>
      <c r="H44675" s="1" t="s">
        <v>152134</v>
      </c>
      <c r="I44675" s="1" t="s">
        <v>151905</v>
      </c>
      <c r="J44675" s="1" t="s">
        <v>152214</v>
      </c>
    </row>
    <row r="44676" spans="1:10" x14ac:dyDescent="0.35">
      <c r="A44676" s="1" t="s">
        <v>6388</v>
      </c>
      <c r="B44676" s="1" t="s">
        <v>151900</v>
      </c>
      <c r="C44676" s="1" t="s">
        <v>135</v>
      </c>
      <c r="D44676" s="1" t="s">
        <v>138073</v>
      </c>
      <c r="E44676" s="1" t="s">
        <v>152215</v>
      </c>
      <c r="F44676" s="1" t="s">
        <v>152216</v>
      </c>
      <c r="G44676" s="1" t="s">
        <v>152133</v>
      </c>
      <c r="H44676" s="1" t="s">
        <v>152134</v>
      </c>
      <c r="I44676" s="1" t="s">
        <v>151905</v>
      </c>
      <c r="J44676" s="1" t="s">
        <v>152217</v>
      </c>
    </row>
    <row r="44677" spans="1:10" x14ac:dyDescent="0.35">
      <c r="A44677" s="1" t="s">
        <v>6388</v>
      </c>
      <c r="B44677" s="1" t="s">
        <v>151900</v>
      </c>
      <c r="C44677" s="1" t="s">
        <v>140</v>
      </c>
      <c r="D44677" s="1" t="s">
        <v>11274</v>
      </c>
      <c r="E44677" s="1" t="s">
        <v>152218</v>
      </c>
      <c r="F44677" s="1" t="s">
        <v>152219</v>
      </c>
      <c r="G44677" s="1" t="s">
        <v>152133</v>
      </c>
      <c r="H44677" s="1" t="s">
        <v>152134</v>
      </c>
      <c r="I44677" s="1" t="s">
        <v>151905</v>
      </c>
      <c r="J44677" s="1" t="s">
        <v>152220</v>
      </c>
    </row>
    <row r="44678" spans="1:10" x14ac:dyDescent="0.35">
      <c r="A44678" s="1" t="s">
        <v>6388</v>
      </c>
      <c r="B44678" s="1" t="s">
        <v>151900</v>
      </c>
      <c r="C44678" s="1" t="s">
        <v>145</v>
      </c>
      <c r="D44678" s="1" t="s">
        <v>76994</v>
      </c>
      <c r="E44678" s="1" t="s">
        <v>152221</v>
      </c>
      <c r="F44678" s="1" t="s">
        <v>152222</v>
      </c>
      <c r="G44678" s="1" t="s">
        <v>152133</v>
      </c>
      <c r="H44678" s="1" t="s">
        <v>152134</v>
      </c>
      <c r="I44678" s="1" t="s">
        <v>151905</v>
      </c>
      <c r="J44678" s="1" t="s">
        <v>152223</v>
      </c>
    </row>
    <row r="44679" spans="1:10" x14ac:dyDescent="0.35">
      <c r="A44679" s="1" t="s">
        <v>6388</v>
      </c>
      <c r="B44679" s="1" t="s">
        <v>151900</v>
      </c>
      <c r="C44679" s="1" t="s">
        <v>150</v>
      </c>
      <c r="D44679" s="1" t="s">
        <v>65399</v>
      </c>
      <c r="E44679" s="1" t="s">
        <v>152224</v>
      </c>
      <c r="F44679" s="1" t="s">
        <v>152225</v>
      </c>
      <c r="G44679" s="1" t="s">
        <v>152133</v>
      </c>
      <c r="H44679" s="1" t="s">
        <v>152134</v>
      </c>
      <c r="I44679" s="1" t="s">
        <v>151905</v>
      </c>
      <c r="J44679" s="1" t="s">
        <v>152226</v>
      </c>
    </row>
    <row r="44680" spans="1:10" x14ac:dyDescent="0.35">
      <c r="A44680" s="1" t="s">
        <v>6388</v>
      </c>
      <c r="B44680" s="1" t="s">
        <v>151900</v>
      </c>
      <c r="C44680" s="1" t="s">
        <v>155</v>
      </c>
      <c r="D44680" s="1" t="s">
        <v>66640</v>
      </c>
      <c r="E44680" s="1" t="s">
        <v>152227</v>
      </c>
      <c r="F44680" s="1" t="s">
        <v>152228</v>
      </c>
      <c r="G44680" s="1" t="s">
        <v>152133</v>
      </c>
      <c r="H44680" s="1" t="s">
        <v>152134</v>
      </c>
      <c r="I44680" s="1" t="s">
        <v>151905</v>
      </c>
      <c r="J44680" s="1" t="s">
        <v>152229</v>
      </c>
    </row>
    <row r="44681" spans="1:10" x14ac:dyDescent="0.35">
      <c r="A44681" s="1" t="s">
        <v>6388</v>
      </c>
      <c r="B44681" s="1" t="s">
        <v>151900</v>
      </c>
      <c r="C44681" s="1" t="s">
        <v>160</v>
      </c>
      <c r="D44681" s="1" t="s">
        <v>152230</v>
      </c>
      <c r="E44681" s="1" t="s">
        <v>152231</v>
      </c>
      <c r="F44681" s="1" t="s">
        <v>152232</v>
      </c>
      <c r="G44681" s="1" t="s">
        <v>152133</v>
      </c>
      <c r="H44681" s="1" t="s">
        <v>152134</v>
      </c>
      <c r="I44681" s="1" t="s">
        <v>151905</v>
      </c>
      <c r="J44681" s="1" t="s">
        <v>152233</v>
      </c>
    </row>
    <row r="44682" spans="1:10" x14ac:dyDescent="0.35">
      <c r="A44682" s="1" t="s">
        <v>6388</v>
      </c>
      <c r="B44682" s="1" t="s">
        <v>151900</v>
      </c>
      <c r="C44682" s="1" t="s">
        <v>165</v>
      </c>
      <c r="D44682" s="1" t="s">
        <v>56220</v>
      </c>
      <c r="E44682" s="1" t="s">
        <v>152234</v>
      </c>
      <c r="F44682" s="1" t="s">
        <v>152235</v>
      </c>
      <c r="G44682" s="1" t="s">
        <v>152133</v>
      </c>
      <c r="H44682" s="1" t="s">
        <v>152134</v>
      </c>
      <c r="I44682" s="1" t="s">
        <v>151905</v>
      </c>
      <c r="J44682" s="1" t="s">
        <v>152236</v>
      </c>
    </row>
    <row r="44683" spans="1:10" x14ac:dyDescent="0.35">
      <c r="A44683" s="1" t="s">
        <v>6388</v>
      </c>
      <c r="B44683" s="1" t="s">
        <v>151900</v>
      </c>
      <c r="C44683" s="1" t="s">
        <v>170</v>
      </c>
      <c r="D44683" s="1" t="s">
        <v>152237</v>
      </c>
      <c r="E44683" s="1" t="s">
        <v>152238</v>
      </c>
      <c r="F44683" s="1" t="s">
        <v>152239</v>
      </c>
      <c r="G44683" s="1" t="s">
        <v>152133</v>
      </c>
      <c r="H44683" s="1" t="s">
        <v>152134</v>
      </c>
      <c r="I44683" s="1" t="s">
        <v>151905</v>
      </c>
      <c r="J44683" s="1" t="s">
        <v>152240</v>
      </c>
    </row>
    <row r="44684" spans="1:10" x14ac:dyDescent="0.35">
      <c r="A44684" s="1" t="s">
        <v>145858</v>
      </c>
      <c r="B44684" s="1" t="s">
        <v>151900</v>
      </c>
      <c r="C44684" s="1" t="s">
        <v>8</v>
      </c>
      <c r="D44684" s="1" t="s">
        <v>64478</v>
      </c>
      <c r="E44684" s="1" t="s">
        <v>152241</v>
      </c>
      <c r="F44684" s="1" t="s">
        <v>152242</v>
      </c>
      <c r="G44684" s="1" t="s">
        <v>152243</v>
      </c>
      <c r="H44684" s="1" t="s">
        <v>152244</v>
      </c>
      <c r="I44684" s="1" t="s">
        <v>151905</v>
      </c>
      <c r="J44684" s="1" t="s">
        <v>13</v>
      </c>
    </row>
    <row r="44685" spans="1:10" x14ac:dyDescent="0.35">
      <c r="A44685" s="1" t="s">
        <v>145858</v>
      </c>
      <c r="B44685" s="1" t="s">
        <v>151900</v>
      </c>
      <c r="C44685" s="1" t="s">
        <v>15</v>
      </c>
      <c r="D44685" s="1" t="s">
        <v>53972</v>
      </c>
      <c r="E44685" s="1" t="s">
        <v>152245</v>
      </c>
      <c r="F44685" s="1" t="s">
        <v>152246</v>
      </c>
      <c r="G44685" s="1" t="s">
        <v>152243</v>
      </c>
      <c r="H44685" s="1" t="s">
        <v>152244</v>
      </c>
      <c r="I44685" s="1" t="s">
        <v>151905</v>
      </c>
      <c r="J44685" s="1" t="s">
        <v>152247</v>
      </c>
    </row>
    <row r="44686" spans="1:10" x14ac:dyDescent="0.35">
      <c r="A44686" s="1" t="s">
        <v>145858</v>
      </c>
      <c r="B44686" s="1" t="s">
        <v>151900</v>
      </c>
      <c r="C44686" s="1" t="s">
        <v>20</v>
      </c>
      <c r="D44686" s="1" t="s">
        <v>152248</v>
      </c>
      <c r="E44686" s="1" t="s">
        <v>152249</v>
      </c>
      <c r="F44686" s="1" t="s">
        <v>152250</v>
      </c>
      <c r="G44686" s="1" t="s">
        <v>152243</v>
      </c>
      <c r="H44686" s="1" t="s">
        <v>152244</v>
      </c>
      <c r="I44686" s="1" t="s">
        <v>151905</v>
      </c>
      <c r="J44686" s="1" t="s">
        <v>152251</v>
      </c>
    </row>
    <row r="44687" spans="1:10" x14ac:dyDescent="0.35">
      <c r="A44687" s="1" t="s">
        <v>145858</v>
      </c>
      <c r="B44687" s="1" t="s">
        <v>151900</v>
      </c>
      <c r="C44687" s="1" t="s">
        <v>25</v>
      </c>
      <c r="D44687" s="1" t="s">
        <v>152252</v>
      </c>
      <c r="E44687" s="1" t="s">
        <v>152253</v>
      </c>
      <c r="F44687" s="1" t="s">
        <v>152254</v>
      </c>
      <c r="G44687" s="1" t="s">
        <v>152243</v>
      </c>
      <c r="H44687" s="1" t="s">
        <v>152244</v>
      </c>
      <c r="I44687" s="1" t="s">
        <v>151905</v>
      </c>
      <c r="J44687" s="1" t="s">
        <v>152255</v>
      </c>
    </row>
    <row r="44688" spans="1:10" x14ac:dyDescent="0.35">
      <c r="A44688" s="1" t="s">
        <v>145858</v>
      </c>
      <c r="B44688" s="1" t="s">
        <v>151900</v>
      </c>
      <c r="C44688" s="1" t="s">
        <v>30</v>
      </c>
      <c r="D44688" s="1" t="s">
        <v>152256</v>
      </c>
      <c r="E44688" s="1" t="s">
        <v>152257</v>
      </c>
      <c r="F44688" s="1" t="s">
        <v>152258</v>
      </c>
      <c r="G44688" s="1" t="s">
        <v>152243</v>
      </c>
      <c r="H44688" s="1" t="s">
        <v>152244</v>
      </c>
      <c r="I44688" s="1" t="s">
        <v>151905</v>
      </c>
      <c r="J44688" s="1" t="s">
        <v>152259</v>
      </c>
    </row>
    <row r="44689" spans="1:10" x14ac:dyDescent="0.35">
      <c r="A44689" s="1" t="s">
        <v>145858</v>
      </c>
      <c r="B44689" s="1" t="s">
        <v>151900</v>
      </c>
      <c r="C44689" s="1" t="s">
        <v>35</v>
      </c>
      <c r="D44689" s="1" t="s">
        <v>152260</v>
      </c>
      <c r="E44689" s="1" t="s">
        <v>152261</v>
      </c>
      <c r="F44689" s="1" t="s">
        <v>152262</v>
      </c>
      <c r="G44689" s="1" t="s">
        <v>152243</v>
      </c>
      <c r="H44689" s="1" t="s">
        <v>152244</v>
      </c>
      <c r="I44689" s="1" t="s">
        <v>151905</v>
      </c>
      <c r="J44689" s="1" t="s">
        <v>152263</v>
      </c>
    </row>
    <row r="44690" spans="1:10" x14ac:dyDescent="0.35">
      <c r="A44690" s="1" t="s">
        <v>145858</v>
      </c>
      <c r="B44690" s="1" t="s">
        <v>151900</v>
      </c>
      <c r="C44690" s="1" t="s">
        <v>40</v>
      </c>
      <c r="D44690" s="1" t="s">
        <v>152264</v>
      </c>
      <c r="E44690" s="1" t="s">
        <v>152265</v>
      </c>
      <c r="F44690" s="1" t="s">
        <v>152266</v>
      </c>
      <c r="G44690" s="1" t="s">
        <v>152243</v>
      </c>
      <c r="H44690" s="1" t="s">
        <v>152244</v>
      </c>
      <c r="I44690" s="1" t="s">
        <v>151905</v>
      </c>
      <c r="J44690" s="1" t="s">
        <v>152267</v>
      </c>
    </row>
    <row r="44691" spans="1:10" x14ac:dyDescent="0.35">
      <c r="A44691" s="1" t="s">
        <v>145858</v>
      </c>
      <c r="B44691" s="1" t="s">
        <v>151900</v>
      </c>
      <c r="C44691" s="1" t="s">
        <v>45</v>
      </c>
      <c r="D44691" s="1" t="s">
        <v>152268</v>
      </c>
      <c r="E44691" s="1" t="s">
        <v>152269</v>
      </c>
      <c r="F44691" s="1" t="s">
        <v>152270</v>
      </c>
      <c r="G44691" s="1" t="s">
        <v>152243</v>
      </c>
      <c r="H44691" s="1" t="s">
        <v>152244</v>
      </c>
      <c r="I44691" s="1" t="s">
        <v>151905</v>
      </c>
      <c r="J44691" s="1" t="s">
        <v>152271</v>
      </c>
    </row>
    <row r="44692" spans="1:10" x14ac:dyDescent="0.35">
      <c r="A44692" s="1" t="s">
        <v>145858</v>
      </c>
      <c r="B44692" s="1" t="s">
        <v>151900</v>
      </c>
      <c r="C44692" s="1" t="s">
        <v>50</v>
      </c>
      <c r="D44692" s="1" t="s">
        <v>152272</v>
      </c>
      <c r="E44692" s="1" t="s">
        <v>152273</v>
      </c>
      <c r="F44692" s="1" t="s">
        <v>152274</v>
      </c>
      <c r="G44692" s="1" t="s">
        <v>152243</v>
      </c>
      <c r="H44692" s="1" t="s">
        <v>152244</v>
      </c>
      <c r="I44692" s="1" t="s">
        <v>151905</v>
      </c>
      <c r="J44692" s="1" t="s">
        <v>152275</v>
      </c>
    </row>
    <row r="44693" spans="1:10" x14ac:dyDescent="0.35">
      <c r="A44693" s="1" t="s">
        <v>145858</v>
      </c>
      <c r="B44693" s="1" t="s">
        <v>151900</v>
      </c>
      <c r="C44693" s="1" t="s">
        <v>55</v>
      </c>
      <c r="D44693" s="1" t="s">
        <v>58572</v>
      </c>
      <c r="E44693" s="1" t="s">
        <v>152276</v>
      </c>
      <c r="F44693" s="1" t="s">
        <v>152277</v>
      </c>
      <c r="G44693" s="1" t="s">
        <v>152243</v>
      </c>
      <c r="H44693" s="1" t="s">
        <v>152244</v>
      </c>
      <c r="I44693" s="1" t="s">
        <v>151905</v>
      </c>
      <c r="J44693" s="1" t="s">
        <v>152278</v>
      </c>
    </row>
    <row r="44694" spans="1:10" x14ac:dyDescent="0.35">
      <c r="A44694" s="1" t="s">
        <v>145858</v>
      </c>
      <c r="B44694" s="1" t="s">
        <v>151900</v>
      </c>
      <c r="C44694" s="1" t="s">
        <v>60</v>
      </c>
      <c r="D44694" s="1" t="s">
        <v>56509</v>
      </c>
      <c r="E44694" s="1" t="s">
        <v>152279</v>
      </c>
      <c r="F44694" s="1" t="s">
        <v>152280</v>
      </c>
      <c r="G44694" s="1" t="s">
        <v>152243</v>
      </c>
      <c r="H44694" s="1" t="s">
        <v>152244</v>
      </c>
      <c r="I44694" s="1" t="s">
        <v>151905</v>
      </c>
      <c r="J44694" s="1" t="s">
        <v>152281</v>
      </c>
    </row>
    <row r="44695" spans="1:10" x14ac:dyDescent="0.35">
      <c r="A44695" s="1" t="s">
        <v>145858</v>
      </c>
      <c r="B44695" s="1" t="s">
        <v>151900</v>
      </c>
      <c r="C44695" s="1" t="s">
        <v>65</v>
      </c>
      <c r="D44695" s="1" t="s">
        <v>152282</v>
      </c>
      <c r="E44695" s="1" t="s">
        <v>152283</v>
      </c>
      <c r="F44695" s="1" t="s">
        <v>152284</v>
      </c>
      <c r="G44695" s="1" t="s">
        <v>152243</v>
      </c>
      <c r="H44695" s="1" t="s">
        <v>152244</v>
      </c>
      <c r="I44695" s="1" t="s">
        <v>151905</v>
      </c>
      <c r="J44695" s="1" t="s">
        <v>152285</v>
      </c>
    </row>
    <row r="44696" spans="1:10" x14ac:dyDescent="0.35">
      <c r="A44696" s="1" t="s">
        <v>145858</v>
      </c>
      <c r="B44696" s="1" t="s">
        <v>151900</v>
      </c>
      <c r="C44696" s="1" t="s">
        <v>70</v>
      </c>
      <c r="D44696" s="1" t="s">
        <v>152286</v>
      </c>
      <c r="E44696" s="1" t="s">
        <v>152287</v>
      </c>
      <c r="F44696" s="1" t="s">
        <v>152288</v>
      </c>
      <c r="G44696" s="1" t="s">
        <v>152243</v>
      </c>
      <c r="H44696" s="1" t="s">
        <v>152244</v>
      </c>
      <c r="I44696" s="1" t="s">
        <v>151905</v>
      </c>
      <c r="J44696" s="1" t="s">
        <v>152289</v>
      </c>
    </row>
    <row r="44697" spans="1:10" x14ac:dyDescent="0.35">
      <c r="A44697" s="1" t="s">
        <v>145858</v>
      </c>
      <c r="B44697" s="1" t="s">
        <v>151900</v>
      </c>
      <c r="C44697" s="1" t="s">
        <v>75</v>
      </c>
      <c r="D44697" s="1" t="s">
        <v>152290</v>
      </c>
      <c r="E44697" s="1" t="s">
        <v>152291</v>
      </c>
      <c r="F44697" s="1" t="s">
        <v>152292</v>
      </c>
      <c r="G44697" s="1" t="s">
        <v>152243</v>
      </c>
      <c r="H44697" s="1" t="s">
        <v>152244</v>
      </c>
      <c r="I44697" s="1" t="s">
        <v>151905</v>
      </c>
      <c r="J44697" s="1" t="s">
        <v>152293</v>
      </c>
    </row>
    <row r="44698" spans="1:10" x14ac:dyDescent="0.35">
      <c r="A44698" s="1" t="s">
        <v>145858</v>
      </c>
      <c r="B44698" s="1" t="s">
        <v>151900</v>
      </c>
      <c r="C44698" s="1" t="s">
        <v>80</v>
      </c>
      <c r="D44698" s="1" t="s">
        <v>152294</v>
      </c>
      <c r="E44698" s="1" t="s">
        <v>152295</v>
      </c>
      <c r="F44698" s="1" t="s">
        <v>152296</v>
      </c>
      <c r="G44698" s="1" t="s">
        <v>152243</v>
      </c>
      <c r="H44698" s="1" t="s">
        <v>152244</v>
      </c>
      <c r="I44698" s="1" t="s">
        <v>151905</v>
      </c>
      <c r="J44698" s="1" t="s">
        <v>152297</v>
      </c>
    </row>
    <row r="44699" spans="1:10" x14ac:dyDescent="0.35">
      <c r="A44699" s="1" t="s">
        <v>145858</v>
      </c>
      <c r="B44699" s="1" t="s">
        <v>151900</v>
      </c>
      <c r="C44699" s="1" t="s">
        <v>85</v>
      </c>
      <c r="D44699" s="1" t="s">
        <v>152298</v>
      </c>
      <c r="E44699" s="1" t="s">
        <v>152299</v>
      </c>
      <c r="F44699" s="1" t="s">
        <v>152300</v>
      </c>
      <c r="G44699" s="1" t="s">
        <v>152243</v>
      </c>
      <c r="H44699" s="1" t="s">
        <v>152244</v>
      </c>
      <c r="I44699" s="1" t="s">
        <v>151905</v>
      </c>
      <c r="J44699" s="1" t="s">
        <v>152301</v>
      </c>
    </row>
    <row r="44700" spans="1:10" x14ac:dyDescent="0.35">
      <c r="A44700" s="1" t="s">
        <v>145858</v>
      </c>
      <c r="B44700" s="1" t="s">
        <v>151900</v>
      </c>
      <c r="C44700" s="1" t="s">
        <v>90</v>
      </c>
      <c r="D44700" s="1" t="s">
        <v>152302</v>
      </c>
      <c r="E44700" s="1" t="s">
        <v>152303</v>
      </c>
      <c r="F44700" s="1" t="s">
        <v>152304</v>
      </c>
      <c r="G44700" s="1" t="s">
        <v>152243</v>
      </c>
      <c r="H44700" s="1" t="s">
        <v>152244</v>
      </c>
      <c r="I44700" s="1" t="s">
        <v>151905</v>
      </c>
      <c r="J44700" s="1" t="s">
        <v>152305</v>
      </c>
    </row>
    <row r="44701" spans="1:10" x14ac:dyDescent="0.35">
      <c r="A44701" s="1" t="s">
        <v>145858</v>
      </c>
      <c r="B44701" s="1" t="s">
        <v>151900</v>
      </c>
      <c r="C44701" s="1" t="s">
        <v>95</v>
      </c>
      <c r="D44701" s="1" t="s">
        <v>152306</v>
      </c>
      <c r="E44701" s="1" t="s">
        <v>152307</v>
      </c>
      <c r="F44701" s="1" t="s">
        <v>152308</v>
      </c>
      <c r="G44701" s="1" t="s">
        <v>152243</v>
      </c>
      <c r="H44701" s="1" t="s">
        <v>152244</v>
      </c>
      <c r="I44701" s="1" t="s">
        <v>151905</v>
      </c>
      <c r="J44701" s="1" t="s">
        <v>152309</v>
      </c>
    </row>
    <row r="44702" spans="1:10" x14ac:dyDescent="0.35">
      <c r="A44702" s="1" t="s">
        <v>145858</v>
      </c>
      <c r="B44702" s="1" t="s">
        <v>151900</v>
      </c>
      <c r="C44702" s="1" t="s">
        <v>100</v>
      </c>
      <c r="D44702" s="1" t="s">
        <v>152310</v>
      </c>
      <c r="E44702" s="1" t="s">
        <v>152311</v>
      </c>
      <c r="F44702" s="1" t="s">
        <v>152312</v>
      </c>
      <c r="G44702" s="1" t="s">
        <v>152243</v>
      </c>
      <c r="H44702" s="1" t="s">
        <v>152244</v>
      </c>
      <c r="I44702" s="1" t="s">
        <v>151905</v>
      </c>
      <c r="J44702" s="1" t="s">
        <v>152313</v>
      </c>
    </row>
    <row r="44703" spans="1:10" x14ac:dyDescent="0.35">
      <c r="A44703" s="1" t="s">
        <v>145858</v>
      </c>
      <c r="B44703" s="1" t="s">
        <v>151900</v>
      </c>
      <c r="C44703" s="1" t="s">
        <v>105</v>
      </c>
      <c r="D44703" s="1" t="s">
        <v>152314</v>
      </c>
      <c r="E44703" s="1" t="s">
        <v>152315</v>
      </c>
      <c r="F44703" s="1" t="s">
        <v>152316</v>
      </c>
      <c r="G44703" s="1" t="s">
        <v>152243</v>
      </c>
      <c r="H44703" s="1" t="s">
        <v>152244</v>
      </c>
      <c r="I44703" s="1" t="s">
        <v>151905</v>
      </c>
      <c r="J44703" s="1" t="s">
        <v>152317</v>
      </c>
    </row>
    <row r="44704" spans="1:10" x14ac:dyDescent="0.35">
      <c r="A44704" s="1" t="s">
        <v>145858</v>
      </c>
      <c r="B44704" s="1" t="s">
        <v>151900</v>
      </c>
      <c r="C44704" s="1" t="s">
        <v>110</v>
      </c>
      <c r="D44704" s="1" t="s">
        <v>152318</v>
      </c>
      <c r="E44704" s="1" t="s">
        <v>152319</v>
      </c>
      <c r="F44704" s="1" t="s">
        <v>152320</v>
      </c>
      <c r="G44704" s="1" t="s">
        <v>152243</v>
      </c>
      <c r="H44704" s="1" t="s">
        <v>152244</v>
      </c>
      <c r="I44704" s="1" t="s">
        <v>151905</v>
      </c>
      <c r="J44704" s="1" t="s">
        <v>152321</v>
      </c>
    </row>
    <row r="44705" spans="1:10" x14ac:dyDescent="0.35">
      <c r="A44705" s="1" t="s">
        <v>145858</v>
      </c>
      <c r="B44705" s="1" t="s">
        <v>151900</v>
      </c>
      <c r="C44705" s="1" t="s">
        <v>115</v>
      </c>
      <c r="D44705" s="1" t="s">
        <v>152322</v>
      </c>
      <c r="E44705" s="1" t="s">
        <v>152323</v>
      </c>
      <c r="F44705" s="1" t="s">
        <v>152324</v>
      </c>
      <c r="G44705" s="1" t="s">
        <v>152243</v>
      </c>
      <c r="H44705" s="1" t="s">
        <v>152244</v>
      </c>
      <c r="I44705" s="1" t="s">
        <v>151905</v>
      </c>
      <c r="J44705" s="1" t="s">
        <v>152325</v>
      </c>
    </row>
    <row r="44706" spans="1:10" x14ac:dyDescent="0.35">
      <c r="A44706" s="1" t="s">
        <v>145858</v>
      </c>
      <c r="B44706" s="1" t="s">
        <v>151900</v>
      </c>
      <c r="C44706" s="1" t="s">
        <v>120</v>
      </c>
      <c r="D44706" s="1" t="s">
        <v>152326</v>
      </c>
      <c r="E44706" s="1" t="s">
        <v>152327</v>
      </c>
      <c r="F44706" s="1" t="s">
        <v>152328</v>
      </c>
      <c r="G44706" s="1" t="s">
        <v>152243</v>
      </c>
      <c r="H44706" s="1" t="s">
        <v>152244</v>
      </c>
      <c r="I44706" s="1" t="s">
        <v>151905</v>
      </c>
      <c r="J44706" s="1" t="s">
        <v>152329</v>
      </c>
    </row>
    <row r="44707" spans="1:10" x14ac:dyDescent="0.35">
      <c r="A44707" s="1" t="s">
        <v>145858</v>
      </c>
      <c r="B44707" s="1" t="s">
        <v>151900</v>
      </c>
      <c r="C44707" s="1" t="s">
        <v>125</v>
      </c>
      <c r="D44707" s="1" t="s">
        <v>152330</v>
      </c>
      <c r="E44707" s="1" t="s">
        <v>152331</v>
      </c>
      <c r="F44707" s="1" t="s">
        <v>152332</v>
      </c>
      <c r="G44707" s="1" t="s">
        <v>152243</v>
      </c>
      <c r="H44707" s="1" t="s">
        <v>152244</v>
      </c>
      <c r="I44707" s="1" t="s">
        <v>151905</v>
      </c>
      <c r="J44707" s="1" t="s">
        <v>152333</v>
      </c>
    </row>
    <row r="44708" spans="1:10" x14ac:dyDescent="0.35">
      <c r="A44708" s="1" t="s">
        <v>145858</v>
      </c>
      <c r="B44708" s="1" t="s">
        <v>151900</v>
      </c>
      <c r="C44708" s="1" t="s">
        <v>130</v>
      </c>
      <c r="D44708" s="1" t="s">
        <v>152334</v>
      </c>
      <c r="E44708" s="1" t="s">
        <v>152335</v>
      </c>
      <c r="F44708" s="1" t="s">
        <v>152336</v>
      </c>
      <c r="G44708" s="1" t="s">
        <v>152243</v>
      </c>
      <c r="H44708" s="1" t="s">
        <v>152244</v>
      </c>
      <c r="I44708" s="1" t="s">
        <v>151905</v>
      </c>
      <c r="J44708" s="1" t="s">
        <v>152337</v>
      </c>
    </row>
    <row r="44709" spans="1:10" x14ac:dyDescent="0.35">
      <c r="A44709" s="1" t="s">
        <v>145858</v>
      </c>
      <c r="B44709" s="1" t="s">
        <v>151900</v>
      </c>
      <c r="C44709" s="1" t="s">
        <v>135</v>
      </c>
      <c r="D44709" s="1" t="s">
        <v>152338</v>
      </c>
      <c r="E44709" s="1" t="s">
        <v>152339</v>
      </c>
      <c r="F44709" s="1" t="s">
        <v>152340</v>
      </c>
      <c r="G44709" s="1" t="s">
        <v>152243</v>
      </c>
      <c r="H44709" s="1" t="s">
        <v>152244</v>
      </c>
      <c r="I44709" s="1" t="s">
        <v>151905</v>
      </c>
      <c r="J44709" s="1" t="s">
        <v>152341</v>
      </c>
    </row>
    <row r="44710" spans="1:10" x14ac:dyDescent="0.35">
      <c r="A44710" s="1" t="s">
        <v>145858</v>
      </c>
      <c r="B44710" s="1" t="s">
        <v>151900</v>
      </c>
      <c r="C44710" s="1" t="s">
        <v>140</v>
      </c>
      <c r="D44710" s="1" t="s">
        <v>152342</v>
      </c>
      <c r="E44710" s="1" t="s">
        <v>152343</v>
      </c>
      <c r="F44710" s="1" t="s">
        <v>152344</v>
      </c>
      <c r="G44710" s="1" t="s">
        <v>152243</v>
      </c>
      <c r="H44710" s="1" t="s">
        <v>152244</v>
      </c>
      <c r="I44710" s="1" t="s">
        <v>151905</v>
      </c>
      <c r="J44710" s="1" t="s">
        <v>152345</v>
      </c>
    </row>
    <row r="44711" spans="1:10" x14ac:dyDescent="0.35">
      <c r="A44711" s="1" t="s">
        <v>145858</v>
      </c>
      <c r="B44711" s="1" t="s">
        <v>151900</v>
      </c>
      <c r="C44711" s="1" t="s">
        <v>145</v>
      </c>
      <c r="D44711" s="1" t="s">
        <v>152346</v>
      </c>
      <c r="E44711" s="1" t="s">
        <v>152347</v>
      </c>
      <c r="F44711" s="1" t="s">
        <v>152348</v>
      </c>
      <c r="G44711" s="1" t="s">
        <v>152243</v>
      </c>
      <c r="H44711" s="1" t="s">
        <v>152244</v>
      </c>
      <c r="I44711" s="1" t="s">
        <v>151905</v>
      </c>
      <c r="J44711" s="1" t="s">
        <v>152349</v>
      </c>
    </row>
    <row r="44712" spans="1:10" x14ac:dyDescent="0.35">
      <c r="A44712" s="1" t="s">
        <v>145858</v>
      </c>
      <c r="B44712" s="1" t="s">
        <v>151900</v>
      </c>
      <c r="C44712" s="1" t="s">
        <v>150</v>
      </c>
      <c r="D44712" s="1" t="s">
        <v>152350</v>
      </c>
      <c r="E44712" s="1" t="s">
        <v>152351</v>
      </c>
      <c r="F44712" s="1" t="s">
        <v>152352</v>
      </c>
      <c r="G44712" s="1" t="s">
        <v>152243</v>
      </c>
      <c r="H44712" s="1" t="s">
        <v>152244</v>
      </c>
      <c r="I44712" s="1" t="s">
        <v>151905</v>
      </c>
      <c r="J44712" s="1" t="s">
        <v>152353</v>
      </c>
    </row>
    <row r="44713" spans="1:10" x14ac:dyDescent="0.35">
      <c r="A44713" s="1" t="s">
        <v>145858</v>
      </c>
      <c r="B44713" s="1" t="s">
        <v>151900</v>
      </c>
      <c r="C44713" s="1" t="s">
        <v>155</v>
      </c>
      <c r="D44713" s="1" t="s">
        <v>152354</v>
      </c>
      <c r="E44713" s="1" t="s">
        <v>152355</v>
      </c>
      <c r="F44713" s="1" t="s">
        <v>152356</v>
      </c>
      <c r="G44713" s="1" t="s">
        <v>152243</v>
      </c>
      <c r="H44713" s="1" t="s">
        <v>152244</v>
      </c>
      <c r="I44713" s="1" t="s">
        <v>151905</v>
      </c>
      <c r="J44713" s="1" t="s">
        <v>152357</v>
      </c>
    </row>
    <row r="44714" spans="1:10" x14ac:dyDescent="0.35">
      <c r="A44714" s="1" t="s">
        <v>145858</v>
      </c>
      <c r="B44714" s="1" t="s">
        <v>151900</v>
      </c>
      <c r="C44714" s="1" t="s">
        <v>160</v>
      </c>
      <c r="D44714" s="1" t="s">
        <v>152358</v>
      </c>
      <c r="E44714" s="1" t="s">
        <v>152359</v>
      </c>
      <c r="F44714" s="1" t="s">
        <v>152360</v>
      </c>
      <c r="G44714" s="1" t="s">
        <v>152243</v>
      </c>
      <c r="H44714" s="1" t="s">
        <v>152244</v>
      </c>
      <c r="I44714" s="1" t="s">
        <v>151905</v>
      </c>
      <c r="J44714" s="1" t="s">
        <v>152361</v>
      </c>
    </row>
    <row r="44715" spans="1:10" x14ac:dyDescent="0.35">
      <c r="A44715" s="1" t="s">
        <v>145858</v>
      </c>
      <c r="B44715" s="1" t="s">
        <v>151900</v>
      </c>
      <c r="C44715" s="1" t="s">
        <v>165</v>
      </c>
      <c r="D44715" s="1" t="s">
        <v>152362</v>
      </c>
      <c r="E44715" s="1" t="s">
        <v>152363</v>
      </c>
      <c r="F44715" s="1" t="s">
        <v>152364</v>
      </c>
      <c r="G44715" s="1" t="s">
        <v>152243</v>
      </c>
      <c r="H44715" s="1" t="s">
        <v>152244</v>
      </c>
      <c r="I44715" s="1" t="s">
        <v>151905</v>
      </c>
      <c r="J44715" s="1" t="s">
        <v>152365</v>
      </c>
    </row>
    <row r="44716" spans="1:10" x14ac:dyDescent="0.35">
      <c r="A44716" s="1" t="s">
        <v>145858</v>
      </c>
      <c r="B44716" s="1" t="s">
        <v>151900</v>
      </c>
      <c r="C44716" s="1" t="s">
        <v>170</v>
      </c>
      <c r="D44716" s="1" t="s">
        <v>152366</v>
      </c>
      <c r="E44716" s="1" t="s">
        <v>152367</v>
      </c>
      <c r="F44716" s="1" t="s">
        <v>152368</v>
      </c>
      <c r="G44716" s="1" t="s">
        <v>152243</v>
      </c>
      <c r="H44716" s="1" t="s">
        <v>152244</v>
      </c>
      <c r="I44716" s="1" t="s">
        <v>151905</v>
      </c>
      <c r="J44716" s="1" t="s">
        <v>152369</v>
      </c>
    </row>
    <row r="44717" spans="1:10" x14ac:dyDescent="0.35">
      <c r="A44717" s="1" t="s">
        <v>146033</v>
      </c>
      <c r="B44717" s="1" t="s">
        <v>151900</v>
      </c>
      <c r="C44717" s="1" t="s">
        <v>8</v>
      </c>
      <c r="D44717" s="1" t="s">
        <v>115244</v>
      </c>
      <c r="E44717" s="1" t="s">
        <v>152370</v>
      </c>
      <c r="F44717" s="1" t="s">
        <v>152371</v>
      </c>
      <c r="G44717" s="1" t="s">
        <v>152372</v>
      </c>
      <c r="H44717" s="1" t="s">
        <v>152373</v>
      </c>
      <c r="I44717" s="1" t="s">
        <v>151905</v>
      </c>
      <c r="J44717" s="1" t="s">
        <v>13</v>
      </c>
    </row>
    <row r="44718" spans="1:10" x14ac:dyDescent="0.35">
      <c r="A44718" s="1" t="s">
        <v>146033</v>
      </c>
      <c r="B44718" s="1" t="s">
        <v>151900</v>
      </c>
      <c r="C44718" s="1" t="s">
        <v>15</v>
      </c>
      <c r="D44718" s="1" t="s">
        <v>121678</v>
      </c>
      <c r="E44718" s="1" t="s">
        <v>152374</v>
      </c>
      <c r="F44718" s="1" t="s">
        <v>152375</v>
      </c>
      <c r="G44718" s="1" t="s">
        <v>152372</v>
      </c>
      <c r="H44718" s="1" t="s">
        <v>152373</v>
      </c>
      <c r="I44718" s="1" t="s">
        <v>151905</v>
      </c>
      <c r="J44718" s="1" t="s">
        <v>152376</v>
      </c>
    </row>
    <row r="44719" spans="1:10" x14ac:dyDescent="0.35">
      <c r="A44719" s="1" t="s">
        <v>146033</v>
      </c>
      <c r="B44719" s="1" t="s">
        <v>151900</v>
      </c>
      <c r="C44719" s="1" t="s">
        <v>20</v>
      </c>
      <c r="D44719" s="1" t="s">
        <v>152377</v>
      </c>
      <c r="E44719" s="1" t="s">
        <v>152378</v>
      </c>
      <c r="F44719" s="1" t="s">
        <v>152379</v>
      </c>
      <c r="G44719" s="1" t="s">
        <v>152372</v>
      </c>
      <c r="H44719" s="1" t="s">
        <v>152373</v>
      </c>
      <c r="I44719" s="1" t="s">
        <v>151905</v>
      </c>
      <c r="J44719" s="1" t="s">
        <v>152380</v>
      </c>
    </row>
    <row r="44720" spans="1:10" x14ac:dyDescent="0.35">
      <c r="A44720" s="1" t="s">
        <v>146033</v>
      </c>
      <c r="B44720" s="1" t="s">
        <v>151900</v>
      </c>
      <c r="C44720" s="1" t="s">
        <v>25</v>
      </c>
      <c r="D44720" s="1" t="s">
        <v>32548</v>
      </c>
      <c r="E44720" s="1" t="s">
        <v>152381</v>
      </c>
      <c r="F44720" s="1" t="s">
        <v>152382</v>
      </c>
      <c r="G44720" s="1" t="s">
        <v>152372</v>
      </c>
      <c r="H44720" s="1" t="s">
        <v>152373</v>
      </c>
      <c r="I44720" s="1" t="s">
        <v>151905</v>
      </c>
      <c r="J44720" s="1" t="s">
        <v>152383</v>
      </c>
    </row>
    <row r="44721" spans="1:10" x14ac:dyDescent="0.35">
      <c r="A44721" s="1" t="s">
        <v>146033</v>
      </c>
      <c r="B44721" s="1" t="s">
        <v>151900</v>
      </c>
      <c r="C44721" s="1" t="s">
        <v>30</v>
      </c>
      <c r="D44721" s="1" t="s">
        <v>31226</v>
      </c>
      <c r="E44721" s="1" t="s">
        <v>152384</v>
      </c>
      <c r="F44721" s="1" t="s">
        <v>152385</v>
      </c>
      <c r="G44721" s="1" t="s">
        <v>152372</v>
      </c>
      <c r="H44721" s="1" t="s">
        <v>152373</v>
      </c>
      <c r="I44721" s="1" t="s">
        <v>151905</v>
      </c>
      <c r="J44721" s="1" t="s">
        <v>152386</v>
      </c>
    </row>
    <row r="44722" spans="1:10" x14ac:dyDescent="0.35">
      <c r="A44722" s="1" t="s">
        <v>146033</v>
      </c>
      <c r="B44722" s="1" t="s">
        <v>151900</v>
      </c>
      <c r="C44722" s="1" t="s">
        <v>35</v>
      </c>
      <c r="D44722" s="1" t="s">
        <v>15402</v>
      </c>
      <c r="E44722" s="1" t="s">
        <v>152387</v>
      </c>
      <c r="F44722" s="1" t="s">
        <v>152388</v>
      </c>
      <c r="G44722" s="1" t="s">
        <v>152372</v>
      </c>
      <c r="H44722" s="1" t="s">
        <v>152373</v>
      </c>
      <c r="I44722" s="1" t="s">
        <v>151905</v>
      </c>
      <c r="J44722" s="1" t="s">
        <v>152389</v>
      </c>
    </row>
    <row r="44723" spans="1:10" x14ac:dyDescent="0.35">
      <c r="A44723" s="1" t="s">
        <v>146033</v>
      </c>
      <c r="B44723" s="1" t="s">
        <v>151900</v>
      </c>
      <c r="C44723" s="1" t="s">
        <v>40</v>
      </c>
      <c r="D44723" s="1" t="s">
        <v>152390</v>
      </c>
      <c r="E44723" s="1" t="s">
        <v>152391</v>
      </c>
      <c r="F44723" s="1" t="s">
        <v>152392</v>
      </c>
      <c r="G44723" s="1" t="s">
        <v>152372</v>
      </c>
      <c r="H44723" s="1" t="s">
        <v>152373</v>
      </c>
      <c r="I44723" s="1" t="s">
        <v>151905</v>
      </c>
      <c r="J44723" s="1" t="s">
        <v>152393</v>
      </c>
    </row>
    <row r="44724" spans="1:10" x14ac:dyDescent="0.35">
      <c r="A44724" s="1" t="s">
        <v>146033</v>
      </c>
      <c r="B44724" s="1" t="s">
        <v>151900</v>
      </c>
      <c r="C44724" s="1" t="s">
        <v>45</v>
      </c>
      <c r="D44724" s="1" t="s">
        <v>48256</v>
      </c>
      <c r="E44724" s="1" t="s">
        <v>152394</v>
      </c>
      <c r="F44724" s="1" t="s">
        <v>152395</v>
      </c>
      <c r="G44724" s="1" t="s">
        <v>152372</v>
      </c>
      <c r="H44724" s="1" t="s">
        <v>152373</v>
      </c>
      <c r="I44724" s="1" t="s">
        <v>151905</v>
      </c>
      <c r="J44724" s="1" t="s">
        <v>152396</v>
      </c>
    </row>
    <row r="44725" spans="1:10" x14ac:dyDescent="0.35">
      <c r="A44725" s="1" t="s">
        <v>146033</v>
      </c>
      <c r="B44725" s="1" t="s">
        <v>151900</v>
      </c>
      <c r="C44725" s="1" t="s">
        <v>50</v>
      </c>
      <c r="D44725" s="1" t="s">
        <v>50670</v>
      </c>
      <c r="E44725" s="1" t="s">
        <v>152397</v>
      </c>
      <c r="F44725" s="1" t="s">
        <v>152398</v>
      </c>
      <c r="G44725" s="1" t="s">
        <v>152372</v>
      </c>
      <c r="H44725" s="1" t="s">
        <v>152373</v>
      </c>
      <c r="I44725" s="1" t="s">
        <v>151905</v>
      </c>
      <c r="J44725" s="1" t="s">
        <v>152399</v>
      </c>
    </row>
    <row r="44726" spans="1:10" x14ac:dyDescent="0.35">
      <c r="A44726" s="1" t="s">
        <v>146033</v>
      </c>
      <c r="B44726" s="1" t="s">
        <v>151900</v>
      </c>
      <c r="C44726" s="1" t="s">
        <v>55</v>
      </c>
      <c r="D44726" s="1" t="s">
        <v>51929</v>
      </c>
      <c r="E44726" s="1" t="s">
        <v>152400</v>
      </c>
      <c r="F44726" s="1" t="s">
        <v>152401</v>
      </c>
      <c r="G44726" s="1" t="s">
        <v>152372</v>
      </c>
      <c r="H44726" s="1" t="s">
        <v>152373</v>
      </c>
      <c r="I44726" s="1" t="s">
        <v>151905</v>
      </c>
      <c r="J44726" s="1" t="s">
        <v>152402</v>
      </c>
    </row>
    <row r="44727" spans="1:10" x14ac:dyDescent="0.35">
      <c r="A44727" s="1" t="s">
        <v>146033</v>
      </c>
      <c r="B44727" s="1" t="s">
        <v>151900</v>
      </c>
      <c r="C44727" s="1" t="s">
        <v>60</v>
      </c>
      <c r="D44727" s="1" t="s">
        <v>49042</v>
      </c>
      <c r="E44727" s="1" t="s">
        <v>152403</v>
      </c>
      <c r="F44727" s="1" t="s">
        <v>152404</v>
      </c>
      <c r="G44727" s="1" t="s">
        <v>152372</v>
      </c>
      <c r="H44727" s="1" t="s">
        <v>152373</v>
      </c>
      <c r="I44727" s="1" t="s">
        <v>151905</v>
      </c>
      <c r="J44727" s="1" t="s">
        <v>152405</v>
      </c>
    </row>
    <row r="44728" spans="1:10" x14ac:dyDescent="0.35">
      <c r="A44728" s="1" t="s">
        <v>146033</v>
      </c>
      <c r="B44728" s="1" t="s">
        <v>151900</v>
      </c>
      <c r="C44728" s="1" t="s">
        <v>65</v>
      </c>
      <c r="D44728" s="1" t="s">
        <v>152406</v>
      </c>
      <c r="E44728" s="1" t="s">
        <v>152407</v>
      </c>
      <c r="F44728" s="1" t="s">
        <v>152408</v>
      </c>
      <c r="G44728" s="1" t="s">
        <v>152372</v>
      </c>
      <c r="H44728" s="1" t="s">
        <v>152373</v>
      </c>
      <c r="I44728" s="1" t="s">
        <v>151905</v>
      </c>
      <c r="J44728" s="1" t="s">
        <v>152409</v>
      </c>
    </row>
    <row r="44729" spans="1:10" x14ac:dyDescent="0.35">
      <c r="A44729" s="1" t="s">
        <v>146033</v>
      </c>
      <c r="B44729" s="1" t="s">
        <v>151900</v>
      </c>
      <c r="C44729" s="1" t="s">
        <v>70</v>
      </c>
      <c r="D44729" s="1" t="s">
        <v>119576</v>
      </c>
      <c r="E44729" s="1" t="s">
        <v>152410</v>
      </c>
      <c r="F44729" s="1" t="s">
        <v>152411</v>
      </c>
      <c r="G44729" s="1" t="s">
        <v>152372</v>
      </c>
      <c r="H44729" s="1" t="s">
        <v>152373</v>
      </c>
      <c r="I44729" s="1" t="s">
        <v>151905</v>
      </c>
      <c r="J44729" s="1" t="s">
        <v>152412</v>
      </c>
    </row>
    <row r="44730" spans="1:10" x14ac:dyDescent="0.35">
      <c r="A44730" s="1" t="s">
        <v>146033</v>
      </c>
      <c r="B44730" s="1" t="s">
        <v>151900</v>
      </c>
      <c r="C44730" s="1" t="s">
        <v>75</v>
      </c>
      <c r="D44730" s="1" t="s">
        <v>152413</v>
      </c>
      <c r="E44730" s="1" t="s">
        <v>152414</v>
      </c>
      <c r="F44730" s="1" t="s">
        <v>152415</v>
      </c>
      <c r="G44730" s="1" t="s">
        <v>152372</v>
      </c>
      <c r="H44730" s="1" t="s">
        <v>152373</v>
      </c>
      <c r="I44730" s="1" t="s">
        <v>151905</v>
      </c>
      <c r="J44730" s="1" t="s">
        <v>152416</v>
      </c>
    </row>
    <row r="44731" spans="1:10" x14ac:dyDescent="0.35">
      <c r="A44731" s="1" t="s">
        <v>146033</v>
      </c>
      <c r="B44731" s="1" t="s">
        <v>151900</v>
      </c>
      <c r="C44731" s="1" t="s">
        <v>80</v>
      </c>
      <c r="D44731" s="1" t="s">
        <v>124099</v>
      </c>
      <c r="E44731" s="1" t="s">
        <v>152417</v>
      </c>
      <c r="F44731" s="1" t="s">
        <v>152418</v>
      </c>
      <c r="G44731" s="1" t="s">
        <v>152372</v>
      </c>
      <c r="H44731" s="1" t="s">
        <v>152373</v>
      </c>
      <c r="I44731" s="1" t="s">
        <v>151905</v>
      </c>
      <c r="J44731" s="1" t="s">
        <v>152419</v>
      </c>
    </row>
    <row r="44732" spans="1:10" x14ac:dyDescent="0.35">
      <c r="A44732" s="1" t="s">
        <v>146033</v>
      </c>
      <c r="B44732" s="1" t="s">
        <v>151900</v>
      </c>
      <c r="C44732" s="1" t="s">
        <v>85</v>
      </c>
      <c r="D44732" s="1" t="s">
        <v>104230</v>
      </c>
      <c r="E44732" s="1" t="s">
        <v>152420</v>
      </c>
      <c r="F44732" s="1" t="s">
        <v>152421</v>
      </c>
      <c r="G44732" s="1" t="s">
        <v>152372</v>
      </c>
      <c r="H44732" s="1" t="s">
        <v>152373</v>
      </c>
      <c r="I44732" s="1" t="s">
        <v>151905</v>
      </c>
      <c r="J44732" s="1" t="s">
        <v>152422</v>
      </c>
    </row>
    <row r="44733" spans="1:10" x14ac:dyDescent="0.35">
      <c r="A44733" s="1" t="s">
        <v>146033</v>
      </c>
      <c r="B44733" s="1" t="s">
        <v>151900</v>
      </c>
      <c r="C44733" s="1" t="s">
        <v>90</v>
      </c>
      <c r="D44733" s="1" t="s">
        <v>116309</v>
      </c>
      <c r="E44733" s="1" t="s">
        <v>152423</v>
      </c>
      <c r="F44733" s="1" t="s">
        <v>152424</v>
      </c>
      <c r="G44733" s="1" t="s">
        <v>152372</v>
      </c>
      <c r="H44733" s="1" t="s">
        <v>152373</v>
      </c>
      <c r="I44733" s="1" t="s">
        <v>151905</v>
      </c>
      <c r="J44733" s="1" t="s">
        <v>152425</v>
      </c>
    </row>
    <row r="44734" spans="1:10" x14ac:dyDescent="0.35">
      <c r="A44734" s="1" t="s">
        <v>146033</v>
      </c>
      <c r="B44734" s="1" t="s">
        <v>151900</v>
      </c>
      <c r="C44734" s="1" t="s">
        <v>95</v>
      </c>
      <c r="D44734" s="1" t="s">
        <v>21</v>
      </c>
      <c r="E44734" s="1" t="s">
        <v>152426</v>
      </c>
      <c r="F44734" s="1" t="s">
        <v>152427</v>
      </c>
      <c r="G44734" s="1" t="s">
        <v>152372</v>
      </c>
      <c r="H44734" s="1" t="s">
        <v>152373</v>
      </c>
      <c r="I44734" s="1" t="s">
        <v>151905</v>
      </c>
      <c r="J44734" s="1" t="s">
        <v>152428</v>
      </c>
    </row>
    <row r="44735" spans="1:10" x14ac:dyDescent="0.35">
      <c r="A44735" s="1" t="s">
        <v>146033</v>
      </c>
      <c r="B44735" s="1" t="s">
        <v>151900</v>
      </c>
      <c r="C44735" s="1" t="s">
        <v>100</v>
      </c>
      <c r="D44735" s="1" t="s">
        <v>152429</v>
      </c>
      <c r="E44735" s="1" t="s">
        <v>152430</v>
      </c>
      <c r="F44735" s="1" t="s">
        <v>152431</v>
      </c>
      <c r="G44735" s="1" t="s">
        <v>152372</v>
      </c>
      <c r="H44735" s="1" t="s">
        <v>152373</v>
      </c>
      <c r="I44735" s="1" t="s">
        <v>151905</v>
      </c>
      <c r="J44735" s="1" t="s">
        <v>152432</v>
      </c>
    </row>
    <row r="44736" spans="1:10" x14ac:dyDescent="0.35">
      <c r="A44736" s="1" t="s">
        <v>146033</v>
      </c>
      <c r="B44736" s="1" t="s">
        <v>151900</v>
      </c>
      <c r="C44736" s="1" t="s">
        <v>105</v>
      </c>
      <c r="D44736" s="1" t="s">
        <v>152433</v>
      </c>
      <c r="E44736" s="1" t="s">
        <v>152434</v>
      </c>
      <c r="F44736" s="1" t="s">
        <v>152435</v>
      </c>
      <c r="G44736" s="1" t="s">
        <v>152372</v>
      </c>
      <c r="H44736" s="1" t="s">
        <v>152373</v>
      </c>
      <c r="I44736" s="1" t="s">
        <v>151905</v>
      </c>
      <c r="J44736" s="1" t="s">
        <v>152436</v>
      </c>
    </row>
    <row r="44737" spans="1:10" x14ac:dyDescent="0.35">
      <c r="A44737" s="1" t="s">
        <v>146033</v>
      </c>
      <c r="B44737" s="1" t="s">
        <v>151900</v>
      </c>
      <c r="C44737" s="1" t="s">
        <v>110</v>
      </c>
      <c r="D44737" s="1" t="s">
        <v>118208</v>
      </c>
      <c r="E44737" s="1" t="s">
        <v>152437</v>
      </c>
      <c r="F44737" s="1" t="s">
        <v>152438</v>
      </c>
      <c r="G44737" s="1" t="s">
        <v>152372</v>
      </c>
      <c r="H44737" s="1" t="s">
        <v>152373</v>
      </c>
      <c r="I44737" s="1" t="s">
        <v>151905</v>
      </c>
      <c r="J44737" s="1" t="s">
        <v>152439</v>
      </c>
    </row>
    <row r="44738" spans="1:10" x14ac:dyDescent="0.35">
      <c r="A44738" s="1" t="s">
        <v>146033</v>
      </c>
      <c r="B44738" s="1" t="s">
        <v>151900</v>
      </c>
      <c r="C44738" s="1" t="s">
        <v>115</v>
      </c>
      <c r="D44738" s="1" t="s">
        <v>46145</v>
      </c>
      <c r="E44738" s="1" t="s">
        <v>152440</v>
      </c>
      <c r="F44738" s="1" t="s">
        <v>152441</v>
      </c>
      <c r="G44738" s="1" t="s">
        <v>152372</v>
      </c>
      <c r="H44738" s="1" t="s">
        <v>152373</v>
      </c>
      <c r="I44738" s="1" t="s">
        <v>151905</v>
      </c>
      <c r="J44738" s="1" t="s">
        <v>152442</v>
      </c>
    </row>
    <row r="44739" spans="1:10" x14ac:dyDescent="0.35">
      <c r="A44739" s="1" t="s">
        <v>146033</v>
      </c>
      <c r="B44739" s="1" t="s">
        <v>151900</v>
      </c>
      <c r="C44739" s="1" t="s">
        <v>120</v>
      </c>
      <c r="D44739" s="1" t="s">
        <v>152443</v>
      </c>
      <c r="E44739" s="1" t="s">
        <v>152444</v>
      </c>
      <c r="F44739" s="1" t="s">
        <v>152445</v>
      </c>
      <c r="G44739" s="1" t="s">
        <v>152372</v>
      </c>
      <c r="H44739" s="1" t="s">
        <v>152373</v>
      </c>
      <c r="I44739" s="1" t="s">
        <v>151905</v>
      </c>
      <c r="J44739" s="1" t="s">
        <v>152446</v>
      </c>
    </row>
    <row r="44740" spans="1:10" x14ac:dyDescent="0.35">
      <c r="A44740" s="1" t="s">
        <v>146033</v>
      </c>
      <c r="B44740" s="1" t="s">
        <v>151900</v>
      </c>
      <c r="C44740" s="1" t="s">
        <v>125</v>
      </c>
      <c r="D44740" s="1" t="s">
        <v>152447</v>
      </c>
      <c r="E44740" s="1" t="s">
        <v>152448</v>
      </c>
      <c r="F44740" s="1" t="s">
        <v>152449</v>
      </c>
      <c r="G44740" s="1" t="s">
        <v>152372</v>
      </c>
      <c r="H44740" s="1" t="s">
        <v>152373</v>
      </c>
      <c r="I44740" s="1" t="s">
        <v>151905</v>
      </c>
      <c r="J44740" s="1" t="s">
        <v>152450</v>
      </c>
    </row>
    <row r="44741" spans="1:10" x14ac:dyDescent="0.35">
      <c r="A44741" s="1" t="s">
        <v>146033</v>
      </c>
      <c r="B44741" s="1" t="s">
        <v>151900</v>
      </c>
      <c r="C44741" s="1" t="s">
        <v>130</v>
      </c>
      <c r="D44741" s="1" t="s">
        <v>152451</v>
      </c>
      <c r="E44741" s="1" t="s">
        <v>152452</v>
      </c>
      <c r="F44741" s="1" t="s">
        <v>152453</v>
      </c>
      <c r="G44741" s="1" t="s">
        <v>152372</v>
      </c>
      <c r="H44741" s="1" t="s">
        <v>152373</v>
      </c>
      <c r="I44741" s="1" t="s">
        <v>151905</v>
      </c>
      <c r="J44741" s="1" t="s">
        <v>152454</v>
      </c>
    </row>
    <row r="44742" spans="1:10" x14ac:dyDescent="0.35">
      <c r="A44742" s="1" t="s">
        <v>146033</v>
      </c>
      <c r="B44742" s="1" t="s">
        <v>151900</v>
      </c>
      <c r="C44742" s="1" t="s">
        <v>135</v>
      </c>
      <c r="D44742" s="1" t="s">
        <v>38630</v>
      </c>
      <c r="E44742" s="1" t="s">
        <v>152455</v>
      </c>
      <c r="F44742" s="1" t="s">
        <v>152456</v>
      </c>
      <c r="G44742" s="1" t="s">
        <v>152372</v>
      </c>
      <c r="H44742" s="1" t="s">
        <v>152373</v>
      </c>
      <c r="I44742" s="1" t="s">
        <v>151905</v>
      </c>
      <c r="J44742" s="1" t="s">
        <v>152457</v>
      </c>
    </row>
    <row r="44743" spans="1:10" x14ac:dyDescent="0.35">
      <c r="A44743" s="1" t="s">
        <v>146033</v>
      </c>
      <c r="B44743" s="1" t="s">
        <v>151900</v>
      </c>
      <c r="C44743" s="1" t="s">
        <v>140</v>
      </c>
      <c r="D44743" s="1" t="s">
        <v>152458</v>
      </c>
      <c r="E44743" s="1" t="s">
        <v>152459</v>
      </c>
      <c r="F44743" s="1" t="s">
        <v>152460</v>
      </c>
      <c r="G44743" s="1" t="s">
        <v>152372</v>
      </c>
      <c r="H44743" s="1" t="s">
        <v>152373</v>
      </c>
      <c r="I44743" s="1" t="s">
        <v>151905</v>
      </c>
      <c r="J44743" s="1" t="s">
        <v>152461</v>
      </c>
    </row>
    <row r="44744" spans="1:10" x14ac:dyDescent="0.35">
      <c r="A44744" s="1" t="s">
        <v>146033</v>
      </c>
      <c r="B44744" s="1" t="s">
        <v>151900</v>
      </c>
      <c r="C44744" s="1" t="s">
        <v>145</v>
      </c>
      <c r="D44744" s="1" t="s">
        <v>152462</v>
      </c>
      <c r="E44744" s="1" t="s">
        <v>152463</v>
      </c>
      <c r="F44744" s="1" t="s">
        <v>152464</v>
      </c>
      <c r="G44744" s="1" t="s">
        <v>152372</v>
      </c>
      <c r="H44744" s="1" t="s">
        <v>152373</v>
      </c>
      <c r="I44744" s="1" t="s">
        <v>151905</v>
      </c>
      <c r="J44744" s="1" t="s">
        <v>152465</v>
      </c>
    </row>
    <row r="44745" spans="1:10" x14ac:dyDescent="0.35">
      <c r="A44745" s="1" t="s">
        <v>146033</v>
      </c>
      <c r="B44745" s="1" t="s">
        <v>151900</v>
      </c>
      <c r="C44745" s="1" t="s">
        <v>150</v>
      </c>
      <c r="D44745" s="1" t="s">
        <v>152466</v>
      </c>
      <c r="E44745" s="1" t="s">
        <v>152467</v>
      </c>
      <c r="F44745" s="1" t="s">
        <v>152468</v>
      </c>
      <c r="G44745" s="1" t="s">
        <v>152372</v>
      </c>
      <c r="H44745" s="1" t="s">
        <v>152373</v>
      </c>
      <c r="I44745" s="1" t="s">
        <v>151905</v>
      </c>
      <c r="J44745" s="1" t="s">
        <v>152469</v>
      </c>
    </row>
    <row r="44746" spans="1:10" x14ac:dyDescent="0.35">
      <c r="A44746" s="1" t="s">
        <v>146033</v>
      </c>
      <c r="B44746" s="1" t="s">
        <v>151900</v>
      </c>
      <c r="C44746" s="1" t="s">
        <v>155</v>
      </c>
      <c r="D44746" s="1" t="s">
        <v>152470</v>
      </c>
      <c r="E44746" s="1" t="s">
        <v>152471</v>
      </c>
      <c r="F44746" s="1" t="s">
        <v>152472</v>
      </c>
      <c r="G44746" s="1" t="s">
        <v>152372</v>
      </c>
      <c r="H44746" s="1" t="s">
        <v>152373</v>
      </c>
      <c r="I44746" s="1" t="s">
        <v>151905</v>
      </c>
      <c r="J44746" s="1" t="s">
        <v>152473</v>
      </c>
    </row>
    <row r="44747" spans="1:10" x14ac:dyDescent="0.35">
      <c r="A44747" s="1" t="s">
        <v>146033</v>
      </c>
      <c r="B44747" s="1" t="s">
        <v>151900</v>
      </c>
      <c r="C44747" s="1" t="s">
        <v>160</v>
      </c>
      <c r="D44747" s="1" t="s">
        <v>135880</v>
      </c>
      <c r="E44747" s="1" t="s">
        <v>152474</v>
      </c>
      <c r="F44747" s="1" t="s">
        <v>152475</v>
      </c>
      <c r="G44747" s="1" t="s">
        <v>152372</v>
      </c>
      <c r="H44747" s="1" t="s">
        <v>152373</v>
      </c>
      <c r="I44747" s="1" t="s">
        <v>151905</v>
      </c>
      <c r="J44747" s="1" t="s">
        <v>152476</v>
      </c>
    </row>
    <row r="44748" spans="1:10" x14ac:dyDescent="0.35">
      <c r="A44748" s="1" t="s">
        <v>146033</v>
      </c>
      <c r="B44748" s="1" t="s">
        <v>151900</v>
      </c>
      <c r="C44748" s="1" t="s">
        <v>165</v>
      </c>
      <c r="D44748" s="1" t="s">
        <v>13059</v>
      </c>
      <c r="E44748" s="1" t="s">
        <v>152477</v>
      </c>
      <c r="F44748" s="1" t="s">
        <v>152478</v>
      </c>
      <c r="G44748" s="1" t="s">
        <v>152372</v>
      </c>
      <c r="H44748" s="1" t="s">
        <v>152373</v>
      </c>
      <c r="I44748" s="1" t="s">
        <v>151905</v>
      </c>
      <c r="J44748" s="1" t="s">
        <v>152479</v>
      </c>
    </row>
    <row r="44749" spans="1:10" x14ac:dyDescent="0.35">
      <c r="A44749" s="1" t="s">
        <v>146033</v>
      </c>
      <c r="B44749" s="1" t="s">
        <v>151900</v>
      </c>
      <c r="C44749" s="1" t="s">
        <v>170</v>
      </c>
      <c r="D44749" s="1" t="s">
        <v>72123</v>
      </c>
      <c r="E44749" s="1" t="s">
        <v>152480</v>
      </c>
      <c r="F44749" s="1" t="s">
        <v>152481</v>
      </c>
      <c r="G44749" s="1" t="s">
        <v>152372</v>
      </c>
      <c r="H44749" s="1" t="s">
        <v>152373</v>
      </c>
      <c r="I44749" s="1" t="s">
        <v>151905</v>
      </c>
      <c r="J44749" s="1" t="s">
        <v>152482</v>
      </c>
    </row>
    <row r="44750" spans="1:10" x14ac:dyDescent="0.35">
      <c r="A44750" s="1" t="s">
        <v>120768</v>
      </c>
      <c r="B44750" s="1" t="s">
        <v>151900</v>
      </c>
      <c r="C44750" s="1" t="s">
        <v>8</v>
      </c>
      <c r="D44750" s="1" t="s">
        <v>152483</v>
      </c>
      <c r="E44750" s="1" t="s">
        <v>152484</v>
      </c>
      <c r="F44750" s="1" t="s">
        <v>152485</v>
      </c>
      <c r="G44750" s="1" t="s">
        <v>152486</v>
      </c>
      <c r="H44750" s="1" t="s">
        <v>152487</v>
      </c>
      <c r="I44750" s="1" t="s">
        <v>151905</v>
      </c>
      <c r="J44750" s="1" t="s">
        <v>13</v>
      </c>
    </row>
    <row r="44751" spans="1:10" x14ac:dyDescent="0.35">
      <c r="A44751" s="1" t="s">
        <v>120768</v>
      </c>
      <c r="B44751" s="1" t="s">
        <v>151900</v>
      </c>
      <c r="C44751" s="1" t="s">
        <v>15</v>
      </c>
      <c r="D44751" s="1" t="s">
        <v>152488</v>
      </c>
      <c r="E44751" s="1" t="s">
        <v>152489</v>
      </c>
      <c r="F44751" s="1" t="s">
        <v>152490</v>
      </c>
      <c r="G44751" s="1" t="s">
        <v>152486</v>
      </c>
      <c r="H44751" s="1" t="s">
        <v>152487</v>
      </c>
      <c r="I44751" s="1" t="s">
        <v>151905</v>
      </c>
      <c r="J44751" s="1" t="s">
        <v>152491</v>
      </c>
    </row>
    <row r="44752" spans="1:10" x14ac:dyDescent="0.35">
      <c r="A44752" s="1" t="s">
        <v>120768</v>
      </c>
      <c r="B44752" s="1" t="s">
        <v>151900</v>
      </c>
      <c r="C44752" s="1" t="s">
        <v>20</v>
      </c>
      <c r="D44752" s="1" t="s">
        <v>152492</v>
      </c>
      <c r="E44752" s="1" t="s">
        <v>152493</v>
      </c>
      <c r="F44752" s="1" t="s">
        <v>152494</v>
      </c>
      <c r="G44752" s="1" t="s">
        <v>152486</v>
      </c>
      <c r="H44752" s="1" t="s">
        <v>152487</v>
      </c>
      <c r="I44752" s="1" t="s">
        <v>151905</v>
      </c>
      <c r="J44752" s="1" t="s">
        <v>152495</v>
      </c>
    </row>
    <row r="44753" spans="1:10" x14ac:dyDescent="0.35">
      <c r="A44753" s="1" t="s">
        <v>120768</v>
      </c>
      <c r="B44753" s="1" t="s">
        <v>151900</v>
      </c>
      <c r="C44753" s="1" t="s">
        <v>25</v>
      </c>
      <c r="D44753" s="1" t="s">
        <v>152496</v>
      </c>
      <c r="E44753" s="1" t="s">
        <v>152497</v>
      </c>
      <c r="F44753" s="1" t="s">
        <v>152498</v>
      </c>
      <c r="G44753" s="1" t="s">
        <v>152486</v>
      </c>
      <c r="H44753" s="1" t="s">
        <v>152487</v>
      </c>
      <c r="I44753" s="1" t="s">
        <v>151905</v>
      </c>
      <c r="J44753" s="1" t="s">
        <v>152499</v>
      </c>
    </row>
    <row r="44754" spans="1:10" x14ac:dyDescent="0.35">
      <c r="A44754" s="1" t="s">
        <v>120768</v>
      </c>
      <c r="B44754" s="1" t="s">
        <v>151900</v>
      </c>
      <c r="C44754" s="1" t="s">
        <v>30</v>
      </c>
      <c r="D44754" s="1" t="s">
        <v>152500</v>
      </c>
      <c r="E44754" s="1" t="s">
        <v>152501</v>
      </c>
      <c r="F44754" s="1" t="s">
        <v>152502</v>
      </c>
      <c r="G44754" s="1" t="s">
        <v>152486</v>
      </c>
      <c r="H44754" s="1" t="s">
        <v>152487</v>
      </c>
      <c r="I44754" s="1" t="s">
        <v>151905</v>
      </c>
      <c r="J44754" s="1" t="s">
        <v>152503</v>
      </c>
    </row>
    <row r="44755" spans="1:10" x14ac:dyDescent="0.35">
      <c r="A44755" s="1" t="s">
        <v>120768</v>
      </c>
      <c r="B44755" s="1" t="s">
        <v>151900</v>
      </c>
      <c r="C44755" s="1" t="s">
        <v>35</v>
      </c>
      <c r="D44755" s="1" t="s">
        <v>152504</v>
      </c>
      <c r="E44755" s="1" t="s">
        <v>152505</v>
      </c>
      <c r="F44755" s="1" t="s">
        <v>152506</v>
      </c>
      <c r="G44755" s="1" t="s">
        <v>152486</v>
      </c>
      <c r="H44755" s="1" t="s">
        <v>152487</v>
      </c>
      <c r="I44755" s="1" t="s">
        <v>151905</v>
      </c>
      <c r="J44755" s="1" t="s">
        <v>152507</v>
      </c>
    </row>
    <row r="44756" spans="1:10" x14ac:dyDescent="0.35">
      <c r="A44756" s="1" t="s">
        <v>120768</v>
      </c>
      <c r="B44756" s="1" t="s">
        <v>151900</v>
      </c>
      <c r="C44756" s="1" t="s">
        <v>40</v>
      </c>
      <c r="D44756" s="1" t="s">
        <v>78669</v>
      </c>
      <c r="E44756" s="1" t="s">
        <v>152508</v>
      </c>
      <c r="F44756" s="1" t="s">
        <v>152509</v>
      </c>
      <c r="G44756" s="1" t="s">
        <v>152486</v>
      </c>
      <c r="H44756" s="1" t="s">
        <v>152487</v>
      </c>
      <c r="I44756" s="1" t="s">
        <v>151905</v>
      </c>
      <c r="J44756" s="1" t="s">
        <v>152510</v>
      </c>
    </row>
    <row r="44757" spans="1:10" x14ac:dyDescent="0.35">
      <c r="A44757" s="1" t="s">
        <v>120768</v>
      </c>
      <c r="B44757" s="1" t="s">
        <v>151900</v>
      </c>
      <c r="C44757" s="1" t="s">
        <v>45</v>
      </c>
      <c r="D44757" s="1" t="s">
        <v>152511</v>
      </c>
      <c r="E44757" s="1" t="s">
        <v>152512</v>
      </c>
      <c r="F44757" s="1" t="s">
        <v>152513</v>
      </c>
      <c r="G44757" s="1" t="s">
        <v>152486</v>
      </c>
      <c r="H44757" s="1" t="s">
        <v>152487</v>
      </c>
      <c r="I44757" s="1" t="s">
        <v>151905</v>
      </c>
      <c r="J44757" s="1" t="s">
        <v>152514</v>
      </c>
    </row>
    <row r="44758" spans="1:10" x14ac:dyDescent="0.35">
      <c r="A44758" s="1" t="s">
        <v>120768</v>
      </c>
      <c r="B44758" s="1" t="s">
        <v>151900</v>
      </c>
      <c r="C44758" s="1" t="s">
        <v>50</v>
      </c>
      <c r="D44758" s="1" t="s">
        <v>152515</v>
      </c>
      <c r="E44758" s="1" t="s">
        <v>152516</v>
      </c>
      <c r="F44758" s="1" t="s">
        <v>152517</v>
      </c>
      <c r="G44758" s="1" t="s">
        <v>152486</v>
      </c>
      <c r="H44758" s="1" t="s">
        <v>152487</v>
      </c>
      <c r="I44758" s="1" t="s">
        <v>151905</v>
      </c>
      <c r="J44758" s="1" t="s">
        <v>152518</v>
      </c>
    </row>
    <row r="44759" spans="1:10" x14ac:dyDescent="0.35">
      <c r="A44759" s="1" t="s">
        <v>120768</v>
      </c>
      <c r="B44759" s="1" t="s">
        <v>151900</v>
      </c>
      <c r="C44759" s="1" t="s">
        <v>55</v>
      </c>
      <c r="D44759" s="1" t="s">
        <v>101207</v>
      </c>
      <c r="E44759" s="1" t="s">
        <v>152519</v>
      </c>
      <c r="F44759" s="1" t="s">
        <v>152520</v>
      </c>
      <c r="G44759" s="1" t="s">
        <v>152486</v>
      </c>
      <c r="H44759" s="1" t="s">
        <v>152487</v>
      </c>
      <c r="I44759" s="1" t="s">
        <v>151905</v>
      </c>
      <c r="J44759" s="1" t="s">
        <v>152521</v>
      </c>
    </row>
    <row r="44760" spans="1:10" x14ac:dyDescent="0.35">
      <c r="A44760" s="1" t="s">
        <v>120768</v>
      </c>
      <c r="B44760" s="1" t="s">
        <v>151900</v>
      </c>
      <c r="C44760" s="1" t="s">
        <v>60</v>
      </c>
      <c r="D44760" s="1" t="s">
        <v>152522</v>
      </c>
      <c r="E44760" s="1" t="s">
        <v>152523</v>
      </c>
      <c r="F44760" s="1" t="s">
        <v>152524</v>
      </c>
      <c r="G44760" s="1" t="s">
        <v>152486</v>
      </c>
      <c r="H44760" s="1" t="s">
        <v>152487</v>
      </c>
      <c r="I44760" s="1" t="s">
        <v>151905</v>
      </c>
      <c r="J44760" s="1" t="s">
        <v>152525</v>
      </c>
    </row>
    <row r="44761" spans="1:10" x14ac:dyDescent="0.35">
      <c r="A44761" s="1" t="s">
        <v>120768</v>
      </c>
      <c r="B44761" s="1" t="s">
        <v>151900</v>
      </c>
      <c r="C44761" s="1" t="s">
        <v>65</v>
      </c>
      <c r="D44761" s="1" t="s">
        <v>107497</v>
      </c>
      <c r="E44761" s="1" t="s">
        <v>152526</v>
      </c>
      <c r="F44761" s="1" t="s">
        <v>152527</v>
      </c>
      <c r="G44761" s="1" t="s">
        <v>152486</v>
      </c>
      <c r="H44761" s="1" t="s">
        <v>152487</v>
      </c>
      <c r="I44761" s="1" t="s">
        <v>151905</v>
      </c>
      <c r="J44761" s="1" t="s">
        <v>152528</v>
      </c>
    </row>
    <row r="44762" spans="1:10" x14ac:dyDescent="0.35">
      <c r="A44762" s="1" t="s">
        <v>120768</v>
      </c>
      <c r="B44762" s="1" t="s">
        <v>151900</v>
      </c>
      <c r="C44762" s="1" t="s">
        <v>70</v>
      </c>
      <c r="D44762" s="1" t="s">
        <v>20554</v>
      </c>
      <c r="E44762" s="1" t="s">
        <v>152529</v>
      </c>
      <c r="F44762" s="1" t="s">
        <v>152530</v>
      </c>
      <c r="G44762" s="1" t="s">
        <v>152486</v>
      </c>
      <c r="H44762" s="1" t="s">
        <v>152487</v>
      </c>
      <c r="I44762" s="1" t="s">
        <v>151905</v>
      </c>
      <c r="J44762" s="1" t="s">
        <v>152531</v>
      </c>
    </row>
    <row r="44763" spans="1:10" x14ac:dyDescent="0.35">
      <c r="A44763" s="1" t="s">
        <v>120768</v>
      </c>
      <c r="B44763" s="1" t="s">
        <v>151900</v>
      </c>
      <c r="C44763" s="1" t="s">
        <v>75</v>
      </c>
      <c r="D44763" s="1" t="s">
        <v>53193</v>
      </c>
      <c r="E44763" s="1" t="s">
        <v>152532</v>
      </c>
      <c r="F44763" s="1" t="s">
        <v>152533</v>
      </c>
      <c r="G44763" s="1" t="s">
        <v>152486</v>
      </c>
      <c r="H44763" s="1" t="s">
        <v>152487</v>
      </c>
      <c r="I44763" s="1" t="s">
        <v>151905</v>
      </c>
      <c r="J44763" s="1" t="s">
        <v>152534</v>
      </c>
    </row>
    <row r="44764" spans="1:10" x14ac:dyDescent="0.35">
      <c r="A44764" s="1" t="s">
        <v>120768</v>
      </c>
      <c r="B44764" s="1" t="s">
        <v>151900</v>
      </c>
      <c r="C44764" s="1" t="s">
        <v>80</v>
      </c>
      <c r="D44764" s="1" t="s">
        <v>152535</v>
      </c>
      <c r="E44764" s="1" t="s">
        <v>152536</v>
      </c>
      <c r="F44764" s="1" t="s">
        <v>152537</v>
      </c>
      <c r="G44764" s="1" t="s">
        <v>152486</v>
      </c>
      <c r="H44764" s="1" t="s">
        <v>152487</v>
      </c>
      <c r="I44764" s="1" t="s">
        <v>151905</v>
      </c>
      <c r="J44764" s="1" t="s">
        <v>152538</v>
      </c>
    </row>
    <row r="44765" spans="1:10" x14ac:dyDescent="0.35">
      <c r="A44765" s="1" t="s">
        <v>120768</v>
      </c>
      <c r="B44765" s="1" t="s">
        <v>151900</v>
      </c>
      <c r="C44765" s="1" t="s">
        <v>85</v>
      </c>
      <c r="D44765" s="1" t="s">
        <v>152539</v>
      </c>
      <c r="E44765" s="1" t="s">
        <v>152540</v>
      </c>
      <c r="F44765" s="1" t="s">
        <v>152541</v>
      </c>
      <c r="G44765" s="1" t="s">
        <v>152486</v>
      </c>
      <c r="H44765" s="1" t="s">
        <v>152487</v>
      </c>
      <c r="I44765" s="1" t="s">
        <v>151905</v>
      </c>
      <c r="J44765" s="1" t="s">
        <v>152542</v>
      </c>
    </row>
    <row r="44766" spans="1:10" x14ac:dyDescent="0.35">
      <c r="A44766" s="1" t="s">
        <v>120768</v>
      </c>
      <c r="B44766" s="1" t="s">
        <v>151900</v>
      </c>
      <c r="C44766" s="1" t="s">
        <v>90</v>
      </c>
      <c r="D44766" s="1" t="s">
        <v>60292</v>
      </c>
      <c r="E44766" s="1" t="s">
        <v>152543</v>
      </c>
      <c r="F44766" s="1" t="s">
        <v>152544</v>
      </c>
      <c r="G44766" s="1" t="s">
        <v>152486</v>
      </c>
      <c r="H44766" s="1" t="s">
        <v>152487</v>
      </c>
      <c r="I44766" s="1" t="s">
        <v>151905</v>
      </c>
      <c r="J44766" s="1" t="s">
        <v>152545</v>
      </c>
    </row>
    <row r="44767" spans="1:10" x14ac:dyDescent="0.35">
      <c r="A44767" s="1" t="s">
        <v>120768</v>
      </c>
      <c r="B44767" s="1" t="s">
        <v>151900</v>
      </c>
      <c r="C44767" s="1" t="s">
        <v>95</v>
      </c>
      <c r="D44767" s="1" t="s">
        <v>66526</v>
      </c>
      <c r="E44767" s="1" t="s">
        <v>152546</v>
      </c>
      <c r="F44767" s="1" t="s">
        <v>152547</v>
      </c>
      <c r="G44767" s="1" t="s">
        <v>152486</v>
      </c>
      <c r="H44767" s="1" t="s">
        <v>152487</v>
      </c>
      <c r="I44767" s="1" t="s">
        <v>151905</v>
      </c>
      <c r="J44767" s="1" t="s">
        <v>152548</v>
      </c>
    </row>
    <row r="44768" spans="1:10" x14ac:dyDescent="0.35">
      <c r="A44768" s="1" t="s">
        <v>120768</v>
      </c>
      <c r="B44768" s="1" t="s">
        <v>151900</v>
      </c>
      <c r="C44768" s="1" t="s">
        <v>100</v>
      </c>
      <c r="D44768" s="1" t="s">
        <v>152549</v>
      </c>
      <c r="E44768" s="1" t="s">
        <v>152550</v>
      </c>
      <c r="F44768" s="1" t="s">
        <v>152551</v>
      </c>
      <c r="G44768" s="1" t="s">
        <v>152486</v>
      </c>
      <c r="H44768" s="1" t="s">
        <v>152487</v>
      </c>
      <c r="I44768" s="1" t="s">
        <v>151905</v>
      </c>
      <c r="J44768" s="1" t="s">
        <v>152552</v>
      </c>
    </row>
    <row r="44769" spans="1:10" x14ac:dyDescent="0.35">
      <c r="A44769" s="1" t="s">
        <v>120768</v>
      </c>
      <c r="B44769" s="1" t="s">
        <v>151900</v>
      </c>
      <c r="C44769" s="1" t="s">
        <v>105</v>
      </c>
      <c r="D44769" s="1" t="s">
        <v>152553</v>
      </c>
      <c r="E44769" s="1" t="s">
        <v>152554</v>
      </c>
      <c r="F44769" s="1" t="s">
        <v>152555</v>
      </c>
      <c r="G44769" s="1" t="s">
        <v>152486</v>
      </c>
      <c r="H44769" s="1" t="s">
        <v>152487</v>
      </c>
      <c r="I44769" s="1" t="s">
        <v>151905</v>
      </c>
      <c r="J44769" s="1" t="s">
        <v>152556</v>
      </c>
    </row>
    <row r="44770" spans="1:10" x14ac:dyDescent="0.35">
      <c r="A44770" s="1" t="s">
        <v>120768</v>
      </c>
      <c r="B44770" s="1" t="s">
        <v>151900</v>
      </c>
      <c r="C44770" s="1" t="s">
        <v>110</v>
      </c>
      <c r="D44770" s="1" t="s">
        <v>152557</v>
      </c>
      <c r="E44770" s="1" t="s">
        <v>152558</v>
      </c>
      <c r="F44770" s="1" t="s">
        <v>152559</v>
      </c>
      <c r="G44770" s="1" t="s">
        <v>152486</v>
      </c>
      <c r="H44770" s="1" t="s">
        <v>152487</v>
      </c>
      <c r="I44770" s="1" t="s">
        <v>151905</v>
      </c>
      <c r="J44770" s="1" t="s">
        <v>152560</v>
      </c>
    </row>
    <row r="44771" spans="1:10" x14ac:dyDescent="0.35">
      <c r="A44771" s="1" t="s">
        <v>120768</v>
      </c>
      <c r="B44771" s="1" t="s">
        <v>151900</v>
      </c>
      <c r="C44771" s="1" t="s">
        <v>115</v>
      </c>
      <c r="D44771" s="1" t="s">
        <v>152561</v>
      </c>
      <c r="E44771" s="1" t="s">
        <v>152562</v>
      </c>
      <c r="F44771" s="1" t="s">
        <v>152563</v>
      </c>
      <c r="G44771" s="1" t="s">
        <v>152486</v>
      </c>
      <c r="H44771" s="1" t="s">
        <v>152487</v>
      </c>
      <c r="I44771" s="1" t="s">
        <v>151905</v>
      </c>
      <c r="J44771" s="1" t="s">
        <v>152564</v>
      </c>
    </row>
    <row r="44772" spans="1:10" x14ac:dyDescent="0.35">
      <c r="A44772" s="1" t="s">
        <v>120768</v>
      </c>
      <c r="B44772" s="1" t="s">
        <v>151900</v>
      </c>
      <c r="C44772" s="1" t="s">
        <v>120</v>
      </c>
      <c r="D44772" s="1" t="s">
        <v>152565</v>
      </c>
      <c r="E44772" s="1" t="s">
        <v>152566</v>
      </c>
      <c r="F44772" s="1" t="s">
        <v>152567</v>
      </c>
      <c r="G44772" s="1" t="s">
        <v>152486</v>
      </c>
      <c r="H44772" s="1" t="s">
        <v>152487</v>
      </c>
      <c r="I44772" s="1" t="s">
        <v>151905</v>
      </c>
      <c r="J44772" s="1" t="s">
        <v>152568</v>
      </c>
    </row>
    <row r="44773" spans="1:10" x14ac:dyDescent="0.35">
      <c r="A44773" s="1" t="s">
        <v>120768</v>
      </c>
      <c r="B44773" s="1" t="s">
        <v>151900</v>
      </c>
      <c r="C44773" s="1" t="s">
        <v>125</v>
      </c>
      <c r="D44773" s="1" t="s">
        <v>47014</v>
      </c>
      <c r="E44773" s="1" t="s">
        <v>152569</v>
      </c>
      <c r="F44773" s="1" t="s">
        <v>152570</v>
      </c>
      <c r="G44773" s="1" t="s">
        <v>152486</v>
      </c>
      <c r="H44773" s="1" t="s">
        <v>152487</v>
      </c>
      <c r="I44773" s="1" t="s">
        <v>151905</v>
      </c>
      <c r="J44773" s="1" t="s">
        <v>152571</v>
      </c>
    </row>
    <row r="44774" spans="1:10" x14ac:dyDescent="0.35">
      <c r="A44774" s="1" t="s">
        <v>120768</v>
      </c>
      <c r="B44774" s="1" t="s">
        <v>151900</v>
      </c>
      <c r="C44774" s="1" t="s">
        <v>130</v>
      </c>
      <c r="D44774" s="1" t="s">
        <v>152572</v>
      </c>
      <c r="E44774" s="1" t="s">
        <v>152573</v>
      </c>
      <c r="F44774" s="1" t="s">
        <v>152574</v>
      </c>
      <c r="G44774" s="1" t="s">
        <v>152486</v>
      </c>
      <c r="H44774" s="1" t="s">
        <v>152487</v>
      </c>
      <c r="I44774" s="1" t="s">
        <v>151905</v>
      </c>
      <c r="J44774" s="1" t="s">
        <v>152575</v>
      </c>
    </row>
    <row r="44775" spans="1:10" x14ac:dyDescent="0.35">
      <c r="A44775" s="1" t="s">
        <v>120768</v>
      </c>
      <c r="B44775" s="1" t="s">
        <v>151900</v>
      </c>
      <c r="C44775" s="1" t="s">
        <v>135</v>
      </c>
      <c r="D44775" s="1" t="s">
        <v>152576</v>
      </c>
      <c r="E44775" s="1" t="s">
        <v>152577</v>
      </c>
      <c r="F44775" s="1" t="s">
        <v>152578</v>
      </c>
      <c r="G44775" s="1" t="s">
        <v>152486</v>
      </c>
      <c r="H44775" s="1" t="s">
        <v>152487</v>
      </c>
      <c r="I44775" s="1" t="s">
        <v>151905</v>
      </c>
      <c r="J44775" s="1" t="s">
        <v>152579</v>
      </c>
    </row>
    <row r="44776" spans="1:10" x14ac:dyDescent="0.35">
      <c r="A44776" s="1" t="s">
        <v>120768</v>
      </c>
      <c r="B44776" s="1" t="s">
        <v>151900</v>
      </c>
      <c r="C44776" s="1" t="s">
        <v>140</v>
      </c>
      <c r="D44776" s="1" t="s">
        <v>152580</v>
      </c>
      <c r="E44776" s="1" t="s">
        <v>152581</v>
      </c>
      <c r="F44776" s="1" t="s">
        <v>152582</v>
      </c>
      <c r="G44776" s="1" t="s">
        <v>152486</v>
      </c>
      <c r="H44776" s="1" t="s">
        <v>152487</v>
      </c>
      <c r="I44776" s="1" t="s">
        <v>151905</v>
      </c>
      <c r="J44776" s="1" t="s">
        <v>152583</v>
      </c>
    </row>
    <row r="44777" spans="1:10" x14ac:dyDescent="0.35">
      <c r="A44777" s="1" t="s">
        <v>120768</v>
      </c>
      <c r="B44777" s="1" t="s">
        <v>151900</v>
      </c>
      <c r="C44777" s="1" t="s">
        <v>145</v>
      </c>
      <c r="D44777" s="1" t="s">
        <v>152584</v>
      </c>
      <c r="E44777" s="1" t="s">
        <v>152585</v>
      </c>
      <c r="F44777" s="1" t="s">
        <v>152586</v>
      </c>
      <c r="G44777" s="1" t="s">
        <v>152486</v>
      </c>
      <c r="H44777" s="1" t="s">
        <v>152487</v>
      </c>
      <c r="I44777" s="1" t="s">
        <v>151905</v>
      </c>
      <c r="J44777" s="1" t="s">
        <v>152587</v>
      </c>
    </row>
    <row r="44778" spans="1:10" x14ac:dyDescent="0.35">
      <c r="A44778" s="1" t="s">
        <v>120768</v>
      </c>
      <c r="B44778" s="1" t="s">
        <v>151900</v>
      </c>
      <c r="C44778" s="1" t="s">
        <v>150</v>
      </c>
      <c r="D44778" s="1" t="s">
        <v>152588</v>
      </c>
      <c r="E44778" s="1" t="s">
        <v>152589</v>
      </c>
      <c r="F44778" s="1" t="s">
        <v>152590</v>
      </c>
      <c r="G44778" s="1" t="s">
        <v>152486</v>
      </c>
      <c r="H44778" s="1" t="s">
        <v>152487</v>
      </c>
      <c r="I44778" s="1" t="s">
        <v>151905</v>
      </c>
      <c r="J44778" s="1" t="s">
        <v>152591</v>
      </c>
    </row>
    <row r="44779" spans="1:10" x14ac:dyDescent="0.35">
      <c r="A44779" s="1" t="s">
        <v>120768</v>
      </c>
      <c r="B44779" s="1" t="s">
        <v>151900</v>
      </c>
      <c r="C44779" s="1" t="s">
        <v>155</v>
      </c>
      <c r="D44779" s="1" t="s">
        <v>113866</v>
      </c>
      <c r="E44779" s="1" t="s">
        <v>152592</v>
      </c>
      <c r="F44779" s="1" t="s">
        <v>152593</v>
      </c>
      <c r="G44779" s="1" t="s">
        <v>152486</v>
      </c>
      <c r="H44779" s="1" t="s">
        <v>152487</v>
      </c>
      <c r="I44779" s="1" t="s">
        <v>151905</v>
      </c>
      <c r="J44779" s="1" t="s">
        <v>152594</v>
      </c>
    </row>
    <row r="44780" spans="1:10" x14ac:dyDescent="0.35">
      <c r="A44780" s="1" t="s">
        <v>120768</v>
      </c>
      <c r="B44780" s="1" t="s">
        <v>151900</v>
      </c>
      <c r="C44780" s="1" t="s">
        <v>160</v>
      </c>
      <c r="D44780" s="1" t="s">
        <v>54754</v>
      </c>
      <c r="E44780" s="1" t="s">
        <v>152595</v>
      </c>
      <c r="F44780" s="1" t="s">
        <v>152596</v>
      </c>
      <c r="G44780" s="1" t="s">
        <v>152486</v>
      </c>
      <c r="H44780" s="1" t="s">
        <v>152487</v>
      </c>
      <c r="I44780" s="1" t="s">
        <v>151905</v>
      </c>
      <c r="J44780" s="1" t="s">
        <v>152597</v>
      </c>
    </row>
    <row r="44781" spans="1:10" x14ac:dyDescent="0.35">
      <c r="A44781" s="1" t="s">
        <v>120768</v>
      </c>
      <c r="B44781" s="1" t="s">
        <v>151900</v>
      </c>
      <c r="C44781" s="1" t="s">
        <v>165</v>
      </c>
      <c r="D44781" s="1" t="s">
        <v>152598</v>
      </c>
      <c r="E44781" s="1" t="s">
        <v>152599</v>
      </c>
      <c r="F44781" s="1" t="s">
        <v>152600</v>
      </c>
      <c r="G44781" s="1" t="s">
        <v>152486</v>
      </c>
      <c r="H44781" s="1" t="s">
        <v>152487</v>
      </c>
      <c r="I44781" s="1" t="s">
        <v>151905</v>
      </c>
      <c r="J44781" s="1" t="s">
        <v>152601</v>
      </c>
    </row>
    <row r="44782" spans="1:10" x14ac:dyDescent="0.35">
      <c r="A44782" s="1" t="s">
        <v>120768</v>
      </c>
      <c r="B44782" s="1" t="s">
        <v>151900</v>
      </c>
      <c r="C44782" s="1" t="s">
        <v>170</v>
      </c>
      <c r="D44782" s="1" t="s">
        <v>108501</v>
      </c>
      <c r="E44782" s="1" t="s">
        <v>152602</v>
      </c>
      <c r="F44782" s="1" t="s">
        <v>152603</v>
      </c>
      <c r="G44782" s="1" t="s">
        <v>152486</v>
      </c>
      <c r="H44782" s="1" t="s">
        <v>152487</v>
      </c>
      <c r="I44782" s="1" t="s">
        <v>151905</v>
      </c>
      <c r="J44782" s="1" t="s">
        <v>152604</v>
      </c>
    </row>
    <row r="44783" spans="1:10" x14ac:dyDescent="0.35">
      <c r="A44783" s="1" t="s">
        <v>51861</v>
      </c>
      <c r="B44783" s="1" t="s">
        <v>151900</v>
      </c>
      <c r="C44783" s="1" t="s">
        <v>8</v>
      </c>
      <c r="D44783" s="1" t="s">
        <v>152605</v>
      </c>
      <c r="E44783" s="1" t="s">
        <v>152606</v>
      </c>
      <c r="F44783" s="1" t="s">
        <v>152607</v>
      </c>
      <c r="G44783" s="1" t="s">
        <v>152608</v>
      </c>
      <c r="H44783" s="1" t="s">
        <v>152609</v>
      </c>
      <c r="I44783" s="1" t="s">
        <v>151905</v>
      </c>
      <c r="J44783" s="1" t="s">
        <v>13</v>
      </c>
    </row>
    <row r="44784" spans="1:10" x14ac:dyDescent="0.35">
      <c r="A44784" s="1" t="s">
        <v>51861</v>
      </c>
      <c r="B44784" s="1" t="s">
        <v>151900</v>
      </c>
      <c r="C44784" s="1" t="s">
        <v>15</v>
      </c>
      <c r="D44784" s="1" t="s">
        <v>52961</v>
      </c>
      <c r="E44784" s="1" t="s">
        <v>152610</v>
      </c>
      <c r="F44784" s="1" t="s">
        <v>152611</v>
      </c>
      <c r="G44784" s="1" t="s">
        <v>152608</v>
      </c>
      <c r="H44784" s="1" t="s">
        <v>152609</v>
      </c>
      <c r="I44784" s="1" t="s">
        <v>151905</v>
      </c>
      <c r="J44784" s="1" t="s">
        <v>152612</v>
      </c>
    </row>
    <row r="44785" spans="1:10" x14ac:dyDescent="0.35">
      <c r="A44785" s="1" t="s">
        <v>51861</v>
      </c>
      <c r="B44785" s="1" t="s">
        <v>151900</v>
      </c>
      <c r="C44785" s="1" t="s">
        <v>20</v>
      </c>
      <c r="D44785" s="1" t="s">
        <v>152613</v>
      </c>
      <c r="E44785" s="1" t="s">
        <v>152614</v>
      </c>
      <c r="F44785" s="1" t="s">
        <v>152615</v>
      </c>
      <c r="G44785" s="1" t="s">
        <v>152608</v>
      </c>
      <c r="H44785" s="1" t="s">
        <v>152609</v>
      </c>
      <c r="I44785" s="1" t="s">
        <v>151905</v>
      </c>
      <c r="J44785" s="1" t="s">
        <v>152616</v>
      </c>
    </row>
    <row r="44786" spans="1:10" x14ac:dyDescent="0.35">
      <c r="A44786" s="1" t="s">
        <v>51861</v>
      </c>
      <c r="B44786" s="1" t="s">
        <v>151900</v>
      </c>
      <c r="C44786" s="1" t="s">
        <v>25</v>
      </c>
      <c r="D44786" s="1" t="s">
        <v>42443</v>
      </c>
      <c r="E44786" s="1" t="s">
        <v>152617</v>
      </c>
      <c r="F44786" s="1" t="s">
        <v>152618</v>
      </c>
      <c r="G44786" s="1" t="s">
        <v>152608</v>
      </c>
      <c r="H44786" s="1" t="s">
        <v>152609</v>
      </c>
      <c r="I44786" s="1" t="s">
        <v>151905</v>
      </c>
      <c r="J44786" s="1" t="s">
        <v>152619</v>
      </c>
    </row>
    <row r="44787" spans="1:10" x14ac:dyDescent="0.35">
      <c r="A44787" s="1" t="s">
        <v>51861</v>
      </c>
      <c r="B44787" s="1" t="s">
        <v>151900</v>
      </c>
      <c r="C44787" s="1" t="s">
        <v>30</v>
      </c>
      <c r="D44787" s="1" t="s">
        <v>152620</v>
      </c>
      <c r="E44787" s="1" t="s">
        <v>152621</v>
      </c>
      <c r="F44787" s="1" t="s">
        <v>152622</v>
      </c>
      <c r="G44787" s="1" t="s">
        <v>152608</v>
      </c>
      <c r="H44787" s="1" t="s">
        <v>152609</v>
      </c>
      <c r="I44787" s="1" t="s">
        <v>151905</v>
      </c>
      <c r="J44787" s="1" t="s">
        <v>152623</v>
      </c>
    </row>
    <row r="44788" spans="1:10" x14ac:dyDescent="0.35">
      <c r="A44788" s="1" t="s">
        <v>51861</v>
      </c>
      <c r="B44788" s="1" t="s">
        <v>151900</v>
      </c>
      <c r="C44788" s="1" t="s">
        <v>35</v>
      </c>
      <c r="D44788" s="1" t="s">
        <v>152624</v>
      </c>
      <c r="E44788" s="1" t="s">
        <v>152625</v>
      </c>
      <c r="F44788" s="1" t="s">
        <v>152626</v>
      </c>
      <c r="G44788" s="1" t="s">
        <v>152608</v>
      </c>
      <c r="H44788" s="1" t="s">
        <v>152609</v>
      </c>
      <c r="I44788" s="1" t="s">
        <v>151905</v>
      </c>
      <c r="J44788" s="1" t="s">
        <v>152627</v>
      </c>
    </row>
    <row r="44789" spans="1:10" x14ac:dyDescent="0.35">
      <c r="A44789" s="1" t="s">
        <v>51861</v>
      </c>
      <c r="B44789" s="1" t="s">
        <v>151900</v>
      </c>
      <c r="C44789" s="1" t="s">
        <v>40</v>
      </c>
      <c r="D44789" s="1" t="s">
        <v>12436</v>
      </c>
      <c r="E44789" s="1" t="s">
        <v>152628</v>
      </c>
      <c r="F44789" s="1" t="s">
        <v>152629</v>
      </c>
      <c r="G44789" s="1" t="s">
        <v>152608</v>
      </c>
      <c r="H44789" s="1" t="s">
        <v>152609</v>
      </c>
      <c r="I44789" s="1" t="s">
        <v>151905</v>
      </c>
      <c r="J44789" s="1" t="s">
        <v>152630</v>
      </c>
    </row>
    <row r="44790" spans="1:10" x14ac:dyDescent="0.35">
      <c r="A44790" s="1" t="s">
        <v>51861</v>
      </c>
      <c r="B44790" s="1" t="s">
        <v>151900</v>
      </c>
      <c r="C44790" s="1" t="s">
        <v>45</v>
      </c>
      <c r="D44790" s="1" t="s">
        <v>149964</v>
      </c>
      <c r="E44790" s="1" t="s">
        <v>152631</v>
      </c>
      <c r="F44790" s="1" t="s">
        <v>152632</v>
      </c>
      <c r="G44790" s="1" t="s">
        <v>152608</v>
      </c>
      <c r="H44790" s="1" t="s">
        <v>152609</v>
      </c>
      <c r="I44790" s="1" t="s">
        <v>151905</v>
      </c>
      <c r="J44790" s="1" t="s">
        <v>152633</v>
      </c>
    </row>
    <row r="44791" spans="1:10" x14ac:dyDescent="0.35">
      <c r="A44791" s="1" t="s">
        <v>51861</v>
      </c>
      <c r="B44791" s="1" t="s">
        <v>151900</v>
      </c>
      <c r="C44791" s="1" t="s">
        <v>50</v>
      </c>
      <c r="D44791" s="1" t="s">
        <v>152634</v>
      </c>
      <c r="E44791" s="1" t="s">
        <v>152635</v>
      </c>
      <c r="F44791" s="1" t="s">
        <v>152636</v>
      </c>
      <c r="G44791" s="1" t="s">
        <v>152608</v>
      </c>
      <c r="H44791" s="1" t="s">
        <v>152609</v>
      </c>
      <c r="I44791" s="1" t="s">
        <v>151905</v>
      </c>
      <c r="J44791" s="1" t="s">
        <v>152637</v>
      </c>
    </row>
    <row r="44792" spans="1:10" x14ac:dyDescent="0.35">
      <c r="A44792" s="1" t="s">
        <v>51861</v>
      </c>
      <c r="B44792" s="1" t="s">
        <v>151900</v>
      </c>
      <c r="C44792" s="1" t="s">
        <v>55</v>
      </c>
      <c r="D44792" s="1" t="s">
        <v>152638</v>
      </c>
      <c r="E44792" s="1" t="s">
        <v>152639</v>
      </c>
      <c r="F44792" s="1" t="s">
        <v>152640</v>
      </c>
      <c r="G44792" s="1" t="s">
        <v>152608</v>
      </c>
      <c r="H44792" s="1" t="s">
        <v>152609</v>
      </c>
      <c r="I44792" s="1" t="s">
        <v>151905</v>
      </c>
      <c r="J44792" s="1" t="s">
        <v>152641</v>
      </c>
    </row>
    <row r="44793" spans="1:10" x14ac:dyDescent="0.35">
      <c r="A44793" s="1" t="s">
        <v>51861</v>
      </c>
      <c r="B44793" s="1" t="s">
        <v>151900</v>
      </c>
      <c r="C44793" s="1" t="s">
        <v>60</v>
      </c>
      <c r="D44793" s="1" t="s">
        <v>113417</v>
      </c>
      <c r="E44793" s="1" t="s">
        <v>152642</v>
      </c>
      <c r="F44793" s="1" t="s">
        <v>152643</v>
      </c>
      <c r="G44793" s="1" t="s">
        <v>152608</v>
      </c>
      <c r="H44793" s="1" t="s">
        <v>152609</v>
      </c>
      <c r="I44793" s="1" t="s">
        <v>151905</v>
      </c>
      <c r="J44793" s="1" t="s">
        <v>152644</v>
      </c>
    </row>
    <row r="44794" spans="1:10" x14ac:dyDescent="0.35">
      <c r="A44794" s="1" t="s">
        <v>51861</v>
      </c>
      <c r="B44794" s="1" t="s">
        <v>151900</v>
      </c>
      <c r="C44794" s="1" t="s">
        <v>65</v>
      </c>
      <c r="D44794" s="1" t="s">
        <v>67547</v>
      </c>
      <c r="E44794" s="1" t="s">
        <v>152645</v>
      </c>
      <c r="F44794" s="1" t="s">
        <v>152646</v>
      </c>
      <c r="G44794" s="1" t="s">
        <v>152608</v>
      </c>
      <c r="H44794" s="1" t="s">
        <v>152609</v>
      </c>
      <c r="I44794" s="1" t="s">
        <v>151905</v>
      </c>
      <c r="J44794" s="1" t="s">
        <v>152647</v>
      </c>
    </row>
    <row r="44795" spans="1:10" x14ac:dyDescent="0.35">
      <c r="A44795" s="1" t="s">
        <v>51861</v>
      </c>
      <c r="B44795" s="1" t="s">
        <v>151900</v>
      </c>
      <c r="C44795" s="1" t="s">
        <v>70</v>
      </c>
      <c r="D44795" s="1" t="s">
        <v>114259</v>
      </c>
      <c r="E44795" s="1" t="s">
        <v>152648</v>
      </c>
      <c r="F44795" s="1" t="s">
        <v>152649</v>
      </c>
      <c r="G44795" s="1" t="s">
        <v>152608</v>
      </c>
      <c r="H44795" s="1" t="s">
        <v>152609</v>
      </c>
      <c r="I44795" s="1" t="s">
        <v>151905</v>
      </c>
      <c r="J44795" s="1" t="s">
        <v>152650</v>
      </c>
    </row>
    <row r="44796" spans="1:10" x14ac:dyDescent="0.35">
      <c r="A44796" s="1" t="s">
        <v>51861</v>
      </c>
      <c r="B44796" s="1" t="s">
        <v>151900</v>
      </c>
      <c r="C44796" s="1" t="s">
        <v>75</v>
      </c>
      <c r="D44796" s="1" t="s">
        <v>103325</v>
      </c>
      <c r="E44796" s="1" t="s">
        <v>152651</v>
      </c>
      <c r="F44796" s="1" t="s">
        <v>152652</v>
      </c>
      <c r="G44796" s="1" t="s">
        <v>152608</v>
      </c>
      <c r="H44796" s="1" t="s">
        <v>152609</v>
      </c>
      <c r="I44796" s="1" t="s">
        <v>151905</v>
      </c>
      <c r="J44796" s="1" t="s">
        <v>152653</v>
      </c>
    </row>
    <row r="44797" spans="1:10" x14ac:dyDescent="0.35">
      <c r="A44797" s="1" t="s">
        <v>51861</v>
      </c>
      <c r="B44797" s="1" t="s">
        <v>151900</v>
      </c>
      <c r="C44797" s="1" t="s">
        <v>80</v>
      </c>
      <c r="D44797" s="1" t="s">
        <v>152654</v>
      </c>
      <c r="E44797" s="1" t="s">
        <v>152655</v>
      </c>
      <c r="F44797" s="1" t="s">
        <v>152656</v>
      </c>
      <c r="G44797" s="1" t="s">
        <v>152608</v>
      </c>
      <c r="H44797" s="1" t="s">
        <v>152609</v>
      </c>
      <c r="I44797" s="1" t="s">
        <v>151905</v>
      </c>
      <c r="J44797" s="1" t="s">
        <v>152657</v>
      </c>
    </row>
    <row r="44798" spans="1:10" x14ac:dyDescent="0.35">
      <c r="A44798" s="1" t="s">
        <v>51861</v>
      </c>
      <c r="B44798" s="1" t="s">
        <v>151900</v>
      </c>
      <c r="C44798" s="1" t="s">
        <v>85</v>
      </c>
      <c r="D44798" s="1" t="s">
        <v>61843</v>
      </c>
      <c r="E44798" s="1" t="s">
        <v>152658</v>
      </c>
      <c r="F44798" s="1" t="s">
        <v>152659</v>
      </c>
      <c r="G44798" s="1" t="s">
        <v>152608</v>
      </c>
      <c r="H44798" s="1" t="s">
        <v>152609</v>
      </c>
      <c r="I44798" s="1" t="s">
        <v>151905</v>
      </c>
      <c r="J44798" s="1" t="s">
        <v>152660</v>
      </c>
    </row>
    <row r="44799" spans="1:10" x14ac:dyDescent="0.35">
      <c r="A44799" s="1" t="s">
        <v>51861</v>
      </c>
      <c r="B44799" s="1" t="s">
        <v>151900</v>
      </c>
      <c r="C44799" s="1" t="s">
        <v>90</v>
      </c>
      <c r="D44799" s="1" t="s">
        <v>152661</v>
      </c>
      <c r="E44799" s="1" t="s">
        <v>152662</v>
      </c>
      <c r="F44799" s="1" t="s">
        <v>152663</v>
      </c>
      <c r="G44799" s="1" t="s">
        <v>152608</v>
      </c>
      <c r="H44799" s="1" t="s">
        <v>152609</v>
      </c>
      <c r="I44799" s="1" t="s">
        <v>151905</v>
      </c>
      <c r="J44799" s="1" t="s">
        <v>152664</v>
      </c>
    </row>
    <row r="44800" spans="1:10" x14ac:dyDescent="0.35">
      <c r="A44800" s="1" t="s">
        <v>51861</v>
      </c>
      <c r="B44800" s="1" t="s">
        <v>151900</v>
      </c>
      <c r="C44800" s="1" t="s">
        <v>95</v>
      </c>
      <c r="D44800" s="1" t="s">
        <v>59765</v>
      </c>
      <c r="E44800" s="1" t="s">
        <v>152665</v>
      </c>
      <c r="F44800" s="1" t="s">
        <v>152666</v>
      </c>
      <c r="G44800" s="1" t="s">
        <v>152608</v>
      </c>
      <c r="H44800" s="1" t="s">
        <v>152609</v>
      </c>
      <c r="I44800" s="1" t="s">
        <v>151905</v>
      </c>
      <c r="J44800" s="1" t="s">
        <v>152667</v>
      </c>
    </row>
    <row r="44801" spans="1:10" x14ac:dyDescent="0.35">
      <c r="A44801" s="1" t="s">
        <v>51861</v>
      </c>
      <c r="B44801" s="1" t="s">
        <v>151900</v>
      </c>
      <c r="C44801" s="1" t="s">
        <v>100</v>
      </c>
      <c r="D44801" s="1" t="s">
        <v>80869</v>
      </c>
      <c r="E44801" s="1" t="s">
        <v>152668</v>
      </c>
      <c r="F44801" s="1" t="s">
        <v>152669</v>
      </c>
      <c r="G44801" s="1" t="s">
        <v>152608</v>
      </c>
      <c r="H44801" s="1" t="s">
        <v>152609</v>
      </c>
      <c r="I44801" s="1" t="s">
        <v>151905</v>
      </c>
      <c r="J44801" s="1" t="s">
        <v>152670</v>
      </c>
    </row>
    <row r="44802" spans="1:10" x14ac:dyDescent="0.35">
      <c r="A44802" s="1" t="s">
        <v>51861</v>
      </c>
      <c r="B44802" s="1" t="s">
        <v>151900</v>
      </c>
      <c r="C44802" s="1" t="s">
        <v>105</v>
      </c>
      <c r="D44802" s="1" t="s">
        <v>53939</v>
      </c>
      <c r="E44802" s="1" t="s">
        <v>152671</v>
      </c>
      <c r="F44802" s="1" t="s">
        <v>152672</v>
      </c>
      <c r="G44802" s="1" t="s">
        <v>152608</v>
      </c>
      <c r="H44802" s="1" t="s">
        <v>152609</v>
      </c>
      <c r="I44802" s="1" t="s">
        <v>151905</v>
      </c>
      <c r="J44802" s="1" t="s">
        <v>152673</v>
      </c>
    </row>
    <row r="44803" spans="1:10" x14ac:dyDescent="0.35">
      <c r="A44803" s="1" t="s">
        <v>51861</v>
      </c>
      <c r="B44803" s="1" t="s">
        <v>151900</v>
      </c>
      <c r="C44803" s="1" t="s">
        <v>110</v>
      </c>
      <c r="D44803" s="1" t="s">
        <v>86676</v>
      </c>
      <c r="E44803" s="1" t="s">
        <v>152674</v>
      </c>
      <c r="F44803" s="1" t="s">
        <v>152675</v>
      </c>
      <c r="G44803" s="1" t="s">
        <v>152608</v>
      </c>
      <c r="H44803" s="1" t="s">
        <v>152609</v>
      </c>
      <c r="I44803" s="1" t="s">
        <v>151905</v>
      </c>
      <c r="J44803" s="1" t="s">
        <v>152676</v>
      </c>
    </row>
    <row r="44804" spans="1:10" x14ac:dyDescent="0.35">
      <c r="A44804" s="1" t="s">
        <v>51861</v>
      </c>
      <c r="B44804" s="1" t="s">
        <v>151900</v>
      </c>
      <c r="C44804" s="1" t="s">
        <v>115</v>
      </c>
      <c r="D44804" s="1" t="s">
        <v>152677</v>
      </c>
      <c r="E44804" s="1" t="s">
        <v>152678</v>
      </c>
      <c r="F44804" s="1" t="s">
        <v>152679</v>
      </c>
      <c r="G44804" s="1" t="s">
        <v>152608</v>
      </c>
      <c r="H44804" s="1" t="s">
        <v>152609</v>
      </c>
      <c r="I44804" s="1" t="s">
        <v>151905</v>
      </c>
      <c r="J44804" s="1" t="s">
        <v>152680</v>
      </c>
    </row>
    <row r="44805" spans="1:10" x14ac:dyDescent="0.35">
      <c r="A44805" s="1" t="s">
        <v>51861</v>
      </c>
      <c r="B44805" s="1" t="s">
        <v>151900</v>
      </c>
      <c r="C44805" s="1" t="s">
        <v>120</v>
      </c>
      <c r="D44805" s="1" t="s">
        <v>92603</v>
      </c>
      <c r="E44805" s="1" t="s">
        <v>152681</v>
      </c>
      <c r="F44805" s="1" t="s">
        <v>152682</v>
      </c>
      <c r="G44805" s="1" t="s">
        <v>152608</v>
      </c>
      <c r="H44805" s="1" t="s">
        <v>152609</v>
      </c>
      <c r="I44805" s="1" t="s">
        <v>151905</v>
      </c>
      <c r="J44805" s="1" t="s">
        <v>152683</v>
      </c>
    </row>
    <row r="44806" spans="1:10" x14ac:dyDescent="0.35">
      <c r="A44806" s="1" t="s">
        <v>51861</v>
      </c>
      <c r="B44806" s="1" t="s">
        <v>151900</v>
      </c>
      <c r="C44806" s="1" t="s">
        <v>125</v>
      </c>
      <c r="D44806" s="1" t="s">
        <v>96189</v>
      </c>
      <c r="E44806" s="1" t="s">
        <v>152684</v>
      </c>
      <c r="F44806" s="1" t="s">
        <v>152685</v>
      </c>
      <c r="G44806" s="1" t="s">
        <v>152608</v>
      </c>
      <c r="H44806" s="1" t="s">
        <v>152609</v>
      </c>
      <c r="I44806" s="1" t="s">
        <v>151905</v>
      </c>
      <c r="J44806" s="1" t="s">
        <v>152686</v>
      </c>
    </row>
    <row r="44807" spans="1:10" x14ac:dyDescent="0.35">
      <c r="A44807" s="1" t="s">
        <v>51861</v>
      </c>
      <c r="B44807" s="1" t="s">
        <v>151900</v>
      </c>
      <c r="C44807" s="1" t="s">
        <v>130</v>
      </c>
      <c r="D44807" s="1" t="s">
        <v>152687</v>
      </c>
      <c r="E44807" s="1" t="s">
        <v>152688</v>
      </c>
      <c r="F44807" s="1" t="s">
        <v>152689</v>
      </c>
      <c r="G44807" s="1" t="s">
        <v>152608</v>
      </c>
      <c r="H44807" s="1" t="s">
        <v>152609</v>
      </c>
      <c r="I44807" s="1" t="s">
        <v>151905</v>
      </c>
      <c r="J44807" s="1" t="s">
        <v>112785</v>
      </c>
    </row>
    <row r="44808" spans="1:10" x14ac:dyDescent="0.35">
      <c r="A44808" s="1" t="s">
        <v>51861</v>
      </c>
      <c r="B44808" s="1" t="s">
        <v>151900</v>
      </c>
      <c r="C44808" s="1" t="s">
        <v>135</v>
      </c>
      <c r="D44808" s="1" t="s">
        <v>152690</v>
      </c>
      <c r="E44808" s="1" t="s">
        <v>152691</v>
      </c>
      <c r="F44808" s="1" t="s">
        <v>152692</v>
      </c>
      <c r="G44808" s="1" t="s">
        <v>152608</v>
      </c>
      <c r="H44808" s="1" t="s">
        <v>152609</v>
      </c>
      <c r="I44808" s="1" t="s">
        <v>151905</v>
      </c>
      <c r="J44808" s="1" t="s">
        <v>152693</v>
      </c>
    </row>
    <row r="44809" spans="1:10" x14ac:dyDescent="0.35">
      <c r="A44809" s="1" t="s">
        <v>51861</v>
      </c>
      <c r="B44809" s="1" t="s">
        <v>151900</v>
      </c>
      <c r="C44809" s="1" t="s">
        <v>140</v>
      </c>
      <c r="D44809" s="1" t="s">
        <v>5250</v>
      </c>
      <c r="E44809" s="1" t="s">
        <v>152694</v>
      </c>
      <c r="F44809" s="1" t="s">
        <v>152695</v>
      </c>
      <c r="G44809" s="1" t="s">
        <v>152608</v>
      </c>
      <c r="H44809" s="1" t="s">
        <v>152609</v>
      </c>
      <c r="I44809" s="1" t="s">
        <v>151905</v>
      </c>
      <c r="J44809" s="1" t="s">
        <v>152696</v>
      </c>
    </row>
    <row r="44810" spans="1:10" x14ac:dyDescent="0.35">
      <c r="A44810" s="1" t="s">
        <v>51861</v>
      </c>
      <c r="B44810" s="1" t="s">
        <v>151900</v>
      </c>
      <c r="C44810" s="1" t="s">
        <v>145</v>
      </c>
      <c r="D44810" s="1" t="s">
        <v>53374</v>
      </c>
      <c r="E44810" s="1" t="s">
        <v>152697</v>
      </c>
      <c r="F44810" s="1" t="s">
        <v>152698</v>
      </c>
      <c r="G44810" s="1" t="s">
        <v>152608</v>
      </c>
      <c r="H44810" s="1" t="s">
        <v>152609</v>
      </c>
      <c r="I44810" s="1" t="s">
        <v>151905</v>
      </c>
      <c r="J44810" s="1" t="s">
        <v>152699</v>
      </c>
    </row>
    <row r="44811" spans="1:10" x14ac:dyDescent="0.35">
      <c r="A44811" s="1" t="s">
        <v>51861</v>
      </c>
      <c r="B44811" s="1" t="s">
        <v>151900</v>
      </c>
      <c r="C44811" s="1" t="s">
        <v>150</v>
      </c>
      <c r="D44811" s="1" t="s">
        <v>103993</v>
      </c>
      <c r="E44811" s="1" t="s">
        <v>152700</v>
      </c>
      <c r="F44811" s="1" t="s">
        <v>152701</v>
      </c>
      <c r="G44811" s="1" t="s">
        <v>152608</v>
      </c>
      <c r="H44811" s="1" t="s">
        <v>152609</v>
      </c>
      <c r="I44811" s="1" t="s">
        <v>151905</v>
      </c>
      <c r="J44811" s="1" t="s">
        <v>152702</v>
      </c>
    </row>
    <row r="44812" spans="1:10" x14ac:dyDescent="0.35">
      <c r="A44812" s="1" t="s">
        <v>51861</v>
      </c>
      <c r="B44812" s="1" t="s">
        <v>151900</v>
      </c>
      <c r="C44812" s="1" t="s">
        <v>155</v>
      </c>
      <c r="D44812" s="1" t="s">
        <v>62522</v>
      </c>
      <c r="E44812" s="1" t="s">
        <v>152703</v>
      </c>
      <c r="F44812" s="1" t="s">
        <v>152704</v>
      </c>
      <c r="G44812" s="1" t="s">
        <v>152608</v>
      </c>
      <c r="H44812" s="1" t="s">
        <v>152609</v>
      </c>
      <c r="I44812" s="1" t="s">
        <v>151905</v>
      </c>
      <c r="J44812" s="1" t="s">
        <v>152705</v>
      </c>
    </row>
    <row r="44813" spans="1:10" x14ac:dyDescent="0.35">
      <c r="A44813" s="1" t="s">
        <v>51861</v>
      </c>
      <c r="B44813" s="1" t="s">
        <v>151900</v>
      </c>
      <c r="C44813" s="1" t="s">
        <v>160</v>
      </c>
      <c r="D44813" s="1" t="s">
        <v>81110</v>
      </c>
      <c r="E44813" s="1" t="s">
        <v>152706</v>
      </c>
      <c r="F44813" s="1" t="s">
        <v>152707</v>
      </c>
      <c r="G44813" s="1" t="s">
        <v>152608</v>
      </c>
      <c r="H44813" s="1" t="s">
        <v>152609</v>
      </c>
      <c r="I44813" s="1" t="s">
        <v>151905</v>
      </c>
      <c r="J44813" s="1" t="s">
        <v>152708</v>
      </c>
    </row>
    <row r="44814" spans="1:10" x14ac:dyDescent="0.35">
      <c r="A44814" s="1" t="s">
        <v>51861</v>
      </c>
      <c r="B44814" s="1" t="s">
        <v>151900</v>
      </c>
      <c r="C44814" s="1" t="s">
        <v>165</v>
      </c>
      <c r="D44814" s="1" t="s">
        <v>55499</v>
      </c>
      <c r="E44814" s="1" t="s">
        <v>152709</v>
      </c>
      <c r="F44814" s="1" t="s">
        <v>152710</v>
      </c>
      <c r="G44814" s="1" t="s">
        <v>152608</v>
      </c>
      <c r="H44814" s="1" t="s">
        <v>152609</v>
      </c>
      <c r="I44814" s="1" t="s">
        <v>151905</v>
      </c>
      <c r="J44814" s="1" t="s">
        <v>152711</v>
      </c>
    </row>
    <row r="44815" spans="1:10" x14ac:dyDescent="0.35">
      <c r="A44815" s="1" t="s">
        <v>51861</v>
      </c>
      <c r="B44815" s="1" t="s">
        <v>151900</v>
      </c>
      <c r="C44815" s="1" t="s">
        <v>170</v>
      </c>
      <c r="D44815" s="1" t="s">
        <v>85452</v>
      </c>
      <c r="E44815" s="1" t="s">
        <v>152712</v>
      </c>
      <c r="F44815" s="1" t="s">
        <v>152713</v>
      </c>
      <c r="G44815" s="1" t="s">
        <v>152608</v>
      </c>
      <c r="H44815" s="1" t="s">
        <v>152609</v>
      </c>
      <c r="I44815" s="1" t="s">
        <v>151905</v>
      </c>
      <c r="J44815" s="1" t="s">
        <v>152714</v>
      </c>
    </row>
    <row r="44816" spans="1:10" x14ac:dyDescent="0.35">
      <c r="A44816" s="1" t="s">
        <v>1197</v>
      </c>
      <c r="B44816" s="1" t="s">
        <v>151900</v>
      </c>
      <c r="C44816" s="1" t="s">
        <v>8</v>
      </c>
      <c r="D44816" s="1" t="s">
        <v>152715</v>
      </c>
      <c r="E44816" s="1" t="s">
        <v>152716</v>
      </c>
      <c r="F44816" s="1" t="s">
        <v>152717</v>
      </c>
      <c r="G44816" s="1" t="s">
        <v>152718</v>
      </c>
      <c r="H44816" s="1" t="s">
        <v>152719</v>
      </c>
      <c r="I44816" s="1" t="s">
        <v>151905</v>
      </c>
      <c r="J44816" s="1" t="s">
        <v>13</v>
      </c>
    </row>
    <row r="44817" spans="1:10" x14ac:dyDescent="0.35">
      <c r="A44817" s="1" t="s">
        <v>1197</v>
      </c>
      <c r="B44817" s="1" t="s">
        <v>151900</v>
      </c>
      <c r="C44817" s="1" t="s">
        <v>15</v>
      </c>
      <c r="D44817" s="1" t="s">
        <v>113477</v>
      </c>
      <c r="E44817" s="1" t="s">
        <v>152720</v>
      </c>
      <c r="F44817" s="1" t="s">
        <v>152721</v>
      </c>
      <c r="G44817" s="1" t="s">
        <v>152718</v>
      </c>
      <c r="H44817" s="1" t="s">
        <v>152719</v>
      </c>
      <c r="I44817" s="1" t="s">
        <v>151905</v>
      </c>
      <c r="J44817" s="1" t="s">
        <v>152722</v>
      </c>
    </row>
    <row r="44818" spans="1:10" x14ac:dyDescent="0.35">
      <c r="A44818" s="1" t="s">
        <v>1197</v>
      </c>
      <c r="B44818" s="1" t="s">
        <v>151900</v>
      </c>
      <c r="C44818" s="1" t="s">
        <v>20</v>
      </c>
      <c r="D44818" s="1" t="s">
        <v>152723</v>
      </c>
      <c r="E44818" s="1" t="s">
        <v>152724</v>
      </c>
      <c r="F44818" s="1" t="s">
        <v>152725</v>
      </c>
      <c r="G44818" s="1" t="s">
        <v>152718</v>
      </c>
      <c r="H44818" s="1" t="s">
        <v>152719</v>
      </c>
      <c r="I44818" s="1" t="s">
        <v>151905</v>
      </c>
      <c r="J44818" s="1" t="s">
        <v>152726</v>
      </c>
    </row>
    <row r="44819" spans="1:10" x14ac:dyDescent="0.35">
      <c r="A44819" s="1" t="s">
        <v>1197</v>
      </c>
      <c r="B44819" s="1" t="s">
        <v>151900</v>
      </c>
      <c r="C44819" s="1" t="s">
        <v>25</v>
      </c>
      <c r="D44819" s="1" t="s">
        <v>152727</v>
      </c>
      <c r="E44819" s="1" t="s">
        <v>152728</v>
      </c>
      <c r="F44819" s="1" t="s">
        <v>152729</v>
      </c>
      <c r="G44819" s="1" t="s">
        <v>152718</v>
      </c>
      <c r="H44819" s="1" t="s">
        <v>152719</v>
      </c>
      <c r="I44819" s="1" t="s">
        <v>151905</v>
      </c>
      <c r="J44819" s="1" t="s">
        <v>152730</v>
      </c>
    </row>
    <row r="44820" spans="1:10" x14ac:dyDescent="0.35">
      <c r="A44820" s="1" t="s">
        <v>1197</v>
      </c>
      <c r="B44820" s="1" t="s">
        <v>151900</v>
      </c>
      <c r="C44820" s="1" t="s">
        <v>30</v>
      </c>
      <c r="D44820" s="1" t="s">
        <v>152731</v>
      </c>
      <c r="E44820" s="1" t="s">
        <v>7041</v>
      </c>
      <c r="F44820" s="1" t="s">
        <v>152732</v>
      </c>
      <c r="G44820" s="1" t="s">
        <v>152718</v>
      </c>
      <c r="H44820" s="1" t="s">
        <v>152719</v>
      </c>
      <c r="I44820" s="1" t="s">
        <v>151905</v>
      </c>
      <c r="J44820" s="1" t="s">
        <v>152733</v>
      </c>
    </row>
    <row r="44821" spans="1:10" x14ac:dyDescent="0.35">
      <c r="A44821" s="1" t="s">
        <v>1197</v>
      </c>
      <c r="B44821" s="1" t="s">
        <v>151900</v>
      </c>
      <c r="C44821" s="1" t="s">
        <v>35</v>
      </c>
      <c r="D44821" s="1" t="s">
        <v>152734</v>
      </c>
      <c r="E44821" s="1" t="s">
        <v>152735</v>
      </c>
      <c r="F44821" s="1" t="s">
        <v>152736</v>
      </c>
      <c r="G44821" s="1" t="s">
        <v>152718</v>
      </c>
      <c r="H44821" s="1" t="s">
        <v>152719</v>
      </c>
      <c r="I44821" s="1" t="s">
        <v>151905</v>
      </c>
      <c r="J44821" s="1" t="s">
        <v>152737</v>
      </c>
    </row>
    <row r="44822" spans="1:10" x14ac:dyDescent="0.35">
      <c r="A44822" s="1" t="s">
        <v>1197</v>
      </c>
      <c r="B44822" s="1" t="s">
        <v>151900</v>
      </c>
      <c r="C44822" s="1" t="s">
        <v>40</v>
      </c>
      <c r="D44822" s="1" t="s">
        <v>152738</v>
      </c>
      <c r="E44822" s="1" t="s">
        <v>152739</v>
      </c>
      <c r="F44822" s="1" t="s">
        <v>152740</v>
      </c>
      <c r="G44822" s="1" t="s">
        <v>152718</v>
      </c>
      <c r="H44822" s="1" t="s">
        <v>152719</v>
      </c>
      <c r="I44822" s="1" t="s">
        <v>151905</v>
      </c>
      <c r="J44822" s="1" t="s">
        <v>152741</v>
      </c>
    </row>
    <row r="44823" spans="1:10" x14ac:dyDescent="0.35">
      <c r="A44823" s="1" t="s">
        <v>1197</v>
      </c>
      <c r="B44823" s="1" t="s">
        <v>151900</v>
      </c>
      <c r="C44823" s="1" t="s">
        <v>45</v>
      </c>
      <c r="D44823" s="1" t="s">
        <v>152742</v>
      </c>
      <c r="E44823" s="1" t="s">
        <v>152743</v>
      </c>
      <c r="F44823" s="1" t="s">
        <v>152744</v>
      </c>
      <c r="G44823" s="1" t="s">
        <v>152718</v>
      </c>
      <c r="H44823" s="1" t="s">
        <v>152719</v>
      </c>
      <c r="I44823" s="1" t="s">
        <v>151905</v>
      </c>
      <c r="J44823" s="1" t="s">
        <v>152745</v>
      </c>
    </row>
    <row r="44824" spans="1:10" x14ac:dyDescent="0.35">
      <c r="A44824" s="1" t="s">
        <v>1197</v>
      </c>
      <c r="B44824" s="1" t="s">
        <v>151900</v>
      </c>
      <c r="C44824" s="1" t="s">
        <v>50</v>
      </c>
      <c r="D44824" s="1" t="s">
        <v>152746</v>
      </c>
      <c r="E44824" s="1" t="s">
        <v>152747</v>
      </c>
      <c r="F44824" s="1" t="s">
        <v>152748</v>
      </c>
      <c r="G44824" s="1" t="s">
        <v>152718</v>
      </c>
      <c r="H44824" s="1" t="s">
        <v>152719</v>
      </c>
      <c r="I44824" s="1" t="s">
        <v>151905</v>
      </c>
      <c r="J44824" s="1" t="s">
        <v>152749</v>
      </c>
    </row>
    <row r="44825" spans="1:10" x14ac:dyDescent="0.35">
      <c r="A44825" s="1" t="s">
        <v>1197</v>
      </c>
      <c r="B44825" s="1" t="s">
        <v>151900</v>
      </c>
      <c r="C44825" s="1" t="s">
        <v>55</v>
      </c>
      <c r="D44825" s="1" t="s">
        <v>121584</v>
      </c>
      <c r="E44825" s="1" t="s">
        <v>152750</v>
      </c>
      <c r="F44825" s="1" t="s">
        <v>152751</v>
      </c>
      <c r="G44825" s="1" t="s">
        <v>152718</v>
      </c>
      <c r="H44825" s="1" t="s">
        <v>152719</v>
      </c>
      <c r="I44825" s="1" t="s">
        <v>151905</v>
      </c>
      <c r="J44825" s="1" t="s">
        <v>152752</v>
      </c>
    </row>
    <row r="44826" spans="1:10" x14ac:dyDescent="0.35">
      <c r="A44826" s="1" t="s">
        <v>1197</v>
      </c>
      <c r="B44826" s="1" t="s">
        <v>151900</v>
      </c>
      <c r="C44826" s="1" t="s">
        <v>60</v>
      </c>
      <c r="D44826" s="1" t="s">
        <v>105195</v>
      </c>
      <c r="E44826" s="1" t="s">
        <v>152753</v>
      </c>
      <c r="F44826" s="1" t="s">
        <v>152754</v>
      </c>
      <c r="G44826" s="1" t="s">
        <v>152718</v>
      </c>
      <c r="H44826" s="1" t="s">
        <v>152719</v>
      </c>
      <c r="I44826" s="1" t="s">
        <v>151905</v>
      </c>
      <c r="J44826" s="1" t="s">
        <v>152755</v>
      </c>
    </row>
    <row r="44827" spans="1:10" x14ac:dyDescent="0.35">
      <c r="A44827" s="1" t="s">
        <v>1197</v>
      </c>
      <c r="B44827" s="1" t="s">
        <v>151900</v>
      </c>
      <c r="C44827" s="1" t="s">
        <v>65</v>
      </c>
      <c r="D44827" s="1" t="s">
        <v>38129</v>
      </c>
      <c r="E44827" s="1" t="s">
        <v>152756</v>
      </c>
      <c r="F44827" s="1" t="s">
        <v>152757</v>
      </c>
      <c r="G44827" s="1" t="s">
        <v>152718</v>
      </c>
      <c r="H44827" s="1" t="s">
        <v>152719</v>
      </c>
      <c r="I44827" s="1" t="s">
        <v>151905</v>
      </c>
      <c r="J44827" s="1" t="s">
        <v>152758</v>
      </c>
    </row>
    <row r="44828" spans="1:10" x14ac:dyDescent="0.35">
      <c r="A44828" s="1" t="s">
        <v>1197</v>
      </c>
      <c r="B44828" s="1" t="s">
        <v>151900</v>
      </c>
      <c r="C44828" s="1" t="s">
        <v>70</v>
      </c>
      <c r="D44828" s="1" t="s">
        <v>152759</v>
      </c>
      <c r="E44828" s="1" t="s">
        <v>152760</v>
      </c>
      <c r="F44828" s="1" t="s">
        <v>152761</v>
      </c>
      <c r="G44828" s="1" t="s">
        <v>152718</v>
      </c>
      <c r="H44828" s="1" t="s">
        <v>152719</v>
      </c>
      <c r="I44828" s="1" t="s">
        <v>151905</v>
      </c>
      <c r="J44828" s="1" t="s">
        <v>152762</v>
      </c>
    </row>
    <row r="44829" spans="1:10" x14ac:dyDescent="0.35">
      <c r="A44829" s="1" t="s">
        <v>1197</v>
      </c>
      <c r="B44829" s="1" t="s">
        <v>151900</v>
      </c>
      <c r="C44829" s="1" t="s">
        <v>75</v>
      </c>
      <c r="D44829" s="1" t="s">
        <v>152763</v>
      </c>
      <c r="E44829" s="1" t="s">
        <v>152764</v>
      </c>
      <c r="F44829" s="1" t="s">
        <v>152765</v>
      </c>
      <c r="G44829" s="1" t="s">
        <v>152718</v>
      </c>
      <c r="H44829" s="1" t="s">
        <v>152719</v>
      </c>
      <c r="I44829" s="1" t="s">
        <v>151905</v>
      </c>
      <c r="J44829" s="1" t="s">
        <v>152766</v>
      </c>
    </row>
    <row r="44830" spans="1:10" x14ac:dyDescent="0.35">
      <c r="A44830" s="1" t="s">
        <v>1197</v>
      </c>
      <c r="B44830" s="1" t="s">
        <v>151900</v>
      </c>
      <c r="C44830" s="1" t="s">
        <v>80</v>
      </c>
      <c r="D44830" s="1" t="s">
        <v>152767</v>
      </c>
      <c r="E44830" s="1" t="s">
        <v>152768</v>
      </c>
      <c r="F44830" s="1" t="s">
        <v>152769</v>
      </c>
      <c r="G44830" s="1" t="s">
        <v>152718</v>
      </c>
      <c r="H44830" s="1" t="s">
        <v>152719</v>
      </c>
      <c r="I44830" s="1" t="s">
        <v>151905</v>
      </c>
      <c r="J44830" s="1" t="s">
        <v>111853</v>
      </c>
    </row>
    <row r="44831" spans="1:10" x14ac:dyDescent="0.35">
      <c r="A44831" s="1" t="s">
        <v>1197</v>
      </c>
      <c r="B44831" s="1" t="s">
        <v>151900</v>
      </c>
      <c r="C44831" s="1" t="s">
        <v>85</v>
      </c>
      <c r="D44831" s="1" t="s">
        <v>152770</v>
      </c>
      <c r="E44831" s="1" t="s">
        <v>152771</v>
      </c>
      <c r="F44831" s="1" t="s">
        <v>152772</v>
      </c>
      <c r="G44831" s="1" t="s">
        <v>152718</v>
      </c>
      <c r="H44831" s="1" t="s">
        <v>152719</v>
      </c>
      <c r="I44831" s="1" t="s">
        <v>151905</v>
      </c>
      <c r="J44831" s="1" t="s">
        <v>152773</v>
      </c>
    </row>
    <row r="44832" spans="1:10" x14ac:dyDescent="0.35">
      <c r="A44832" s="1" t="s">
        <v>1197</v>
      </c>
      <c r="B44832" s="1" t="s">
        <v>151900</v>
      </c>
      <c r="C44832" s="1" t="s">
        <v>90</v>
      </c>
      <c r="D44832" s="1" t="s">
        <v>17252</v>
      </c>
      <c r="E44832" s="1" t="s">
        <v>152774</v>
      </c>
      <c r="F44832" s="1" t="s">
        <v>152775</v>
      </c>
      <c r="G44832" s="1" t="s">
        <v>152718</v>
      </c>
      <c r="H44832" s="1" t="s">
        <v>152719</v>
      </c>
      <c r="I44832" s="1" t="s">
        <v>151905</v>
      </c>
      <c r="J44832" s="1" t="s">
        <v>152776</v>
      </c>
    </row>
    <row r="44833" spans="1:10" x14ac:dyDescent="0.35">
      <c r="A44833" s="1" t="s">
        <v>1197</v>
      </c>
      <c r="B44833" s="1" t="s">
        <v>151900</v>
      </c>
      <c r="C44833" s="1" t="s">
        <v>95</v>
      </c>
      <c r="D44833" s="1" t="s">
        <v>152777</v>
      </c>
      <c r="E44833" s="1" t="s">
        <v>152778</v>
      </c>
      <c r="F44833" s="1" t="s">
        <v>152779</v>
      </c>
      <c r="G44833" s="1" t="s">
        <v>152718</v>
      </c>
      <c r="H44833" s="1" t="s">
        <v>152719</v>
      </c>
      <c r="I44833" s="1" t="s">
        <v>151905</v>
      </c>
      <c r="J44833" s="1" t="s">
        <v>152780</v>
      </c>
    </row>
    <row r="44834" spans="1:10" x14ac:dyDescent="0.35">
      <c r="A44834" s="1" t="s">
        <v>1197</v>
      </c>
      <c r="B44834" s="1" t="s">
        <v>151900</v>
      </c>
      <c r="C44834" s="1" t="s">
        <v>100</v>
      </c>
      <c r="D44834" s="1" t="s">
        <v>121580</v>
      </c>
      <c r="E44834" s="1" t="s">
        <v>152781</v>
      </c>
      <c r="F44834" s="1" t="s">
        <v>152782</v>
      </c>
      <c r="G44834" s="1" t="s">
        <v>152718</v>
      </c>
      <c r="H44834" s="1" t="s">
        <v>152719</v>
      </c>
      <c r="I44834" s="1" t="s">
        <v>151905</v>
      </c>
      <c r="J44834" s="1" t="s">
        <v>152783</v>
      </c>
    </row>
    <row r="44835" spans="1:10" x14ac:dyDescent="0.35">
      <c r="A44835" s="1" t="s">
        <v>1197</v>
      </c>
      <c r="B44835" s="1" t="s">
        <v>151900</v>
      </c>
      <c r="C44835" s="1" t="s">
        <v>105</v>
      </c>
      <c r="D44835" s="1" t="s">
        <v>113735</v>
      </c>
      <c r="E44835" s="1" t="s">
        <v>152784</v>
      </c>
      <c r="F44835" s="1" t="s">
        <v>152785</v>
      </c>
      <c r="G44835" s="1" t="s">
        <v>152718</v>
      </c>
      <c r="H44835" s="1" t="s">
        <v>152719</v>
      </c>
      <c r="I44835" s="1" t="s">
        <v>151905</v>
      </c>
      <c r="J44835" s="1" t="s">
        <v>152786</v>
      </c>
    </row>
    <row r="44836" spans="1:10" x14ac:dyDescent="0.35">
      <c r="A44836" s="1" t="s">
        <v>1197</v>
      </c>
      <c r="B44836" s="1" t="s">
        <v>151900</v>
      </c>
      <c r="C44836" s="1" t="s">
        <v>110</v>
      </c>
      <c r="D44836" s="1" t="s">
        <v>152787</v>
      </c>
      <c r="E44836" s="1" t="s">
        <v>152788</v>
      </c>
      <c r="F44836" s="1" t="s">
        <v>152789</v>
      </c>
      <c r="G44836" s="1" t="s">
        <v>152718</v>
      </c>
      <c r="H44836" s="1" t="s">
        <v>152719</v>
      </c>
      <c r="I44836" s="1" t="s">
        <v>151905</v>
      </c>
      <c r="J44836" s="1" t="s">
        <v>152790</v>
      </c>
    </row>
    <row r="44837" spans="1:10" x14ac:dyDescent="0.35">
      <c r="A44837" s="1" t="s">
        <v>1197</v>
      </c>
      <c r="B44837" s="1" t="s">
        <v>151900</v>
      </c>
      <c r="C44837" s="1" t="s">
        <v>115</v>
      </c>
      <c r="D44837" s="1" t="s">
        <v>81717</v>
      </c>
      <c r="E44837" s="1" t="s">
        <v>152791</v>
      </c>
      <c r="F44837" s="1" t="s">
        <v>152792</v>
      </c>
      <c r="G44837" s="1" t="s">
        <v>152718</v>
      </c>
      <c r="H44837" s="1" t="s">
        <v>152719</v>
      </c>
      <c r="I44837" s="1" t="s">
        <v>151905</v>
      </c>
      <c r="J44837" s="1" t="s">
        <v>152793</v>
      </c>
    </row>
    <row r="44838" spans="1:10" x14ac:dyDescent="0.35">
      <c r="A44838" s="1" t="s">
        <v>1197</v>
      </c>
      <c r="B44838" s="1" t="s">
        <v>151900</v>
      </c>
      <c r="C44838" s="1" t="s">
        <v>120</v>
      </c>
      <c r="D44838" s="1" t="s">
        <v>152794</v>
      </c>
      <c r="E44838" s="1" t="s">
        <v>152795</v>
      </c>
      <c r="F44838" s="1" t="s">
        <v>152796</v>
      </c>
      <c r="G44838" s="1" t="s">
        <v>152718</v>
      </c>
      <c r="H44838" s="1" t="s">
        <v>152719</v>
      </c>
      <c r="I44838" s="1" t="s">
        <v>151905</v>
      </c>
      <c r="J44838" s="1" t="s">
        <v>152797</v>
      </c>
    </row>
    <row r="44839" spans="1:10" x14ac:dyDescent="0.35">
      <c r="A44839" s="1" t="s">
        <v>1197</v>
      </c>
      <c r="B44839" s="1" t="s">
        <v>151900</v>
      </c>
      <c r="C44839" s="1" t="s">
        <v>125</v>
      </c>
      <c r="D44839" s="1" t="s">
        <v>152798</v>
      </c>
      <c r="E44839" s="1" t="s">
        <v>152799</v>
      </c>
      <c r="F44839" s="1" t="s">
        <v>152800</v>
      </c>
      <c r="G44839" s="1" t="s">
        <v>152718</v>
      </c>
      <c r="H44839" s="1" t="s">
        <v>152719</v>
      </c>
      <c r="I44839" s="1" t="s">
        <v>151905</v>
      </c>
      <c r="J44839" s="1" t="s">
        <v>152801</v>
      </c>
    </row>
    <row r="44840" spans="1:10" x14ac:dyDescent="0.35">
      <c r="A44840" s="1" t="s">
        <v>1197</v>
      </c>
      <c r="B44840" s="1" t="s">
        <v>151900</v>
      </c>
      <c r="C44840" s="1" t="s">
        <v>130</v>
      </c>
      <c r="D44840" s="1" t="s">
        <v>5939</v>
      </c>
      <c r="E44840" s="1" t="s">
        <v>152802</v>
      </c>
      <c r="F44840" s="1" t="s">
        <v>152803</v>
      </c>
      <c r="G44840" s="1" t="s">
        <v>152718</v>
      </c>
      <c r="H44840" s="1" t="s">
        <v>152719</v>
      </c>
      <c r="I44840" s="1" t="s">
        <v>151905</v>
      </c>
      <c r="J44840" s="1" t="s">
        <v>152804</v>
      </c>
    </row>
    <row r="44841" spans="1:10" x14ac:dyDescent="0.35">
      <c r="A44841" s="1" t="s">
        <v>1197</v>
      </c>
      <c r="B44841" s="1" t="s">
        <v>151900</v>
      </c>
      <c r="C44841" s="1" t="s">
        <v>135</v>
      </c>
      <c r="D44841" s="1" t="s">
        <v>152805</v>
      </c>
      <c r="E44841" s="1" t="s">
        <v>152806</v>
      </c>
      <c r="F44841" s="1" t="s">
        <v>152807</v>
      </c>
      <c r="G44841" s="1" t="s">
        <v>152718</v>
      </c>
      <c r="H44841" s="1" t="s">
        <v>152719</v>
      </c>
      <c r="I44841" s="1" t="s">
        <v>151905</v>
      </c>
      <c r="J44841" s="1" t="s">
        <v>152808</v>
      </c>
    </row>
    <row r="44842" spans="1:10" x14ac:dyDescent="0.35">
      <c r="A44842" s="1" t="s">
        <v>1197</v>
      </c>
      <c r="B44842" s="1" t="s">
        <v>151900</v>
      </c>
      <c r="C44842" s="1" t="s">
        <v>140</v>
      </c>
      <c r="D44842" s="1" t="s">
        <v>98377</v>
      </c>
      <c r="E44842" s="1" t="s">
        <v>152809</v>
      </c>
      <c r="F44842" s="1" t="s">
        <v>152810</v>
      </c>
      <c r="G44842" s="1" t="s">
        <v>152718</v>
      </c>
      <c r="H44842" s="1" t="s">
        <v>152719</v>
      </c>
      <c r="I44842" s="1" t="s">
        <v>151905</v>
      </c>
      <c r="J44842" s="1" t="s">
        <v>152811</v>
      </c>
    </row>
    <row r="44843" spans="1:10" x14ac:dyDescent="0.35">
      <c r="A44843" s="1" t="s">
        <v>1197</v>
      </c>
      <c r="B44843" s="1" t="s">
        <v>151900</v>
      </c>
      <c r="C44843" s="1" t="s">
        <v>145</v>
      </c>
      <c r="D44843" s="1" t="s">
        <v>152812</v>
      </c>
      <c r="E44843" s="1" t="s">
        <v>152813</v>
      </c>
      <c r="F44843" s="1" t="s">
        <v>152814</v>
      </c>
      <c r="G44843" s="1" t="s">
        <v>152718</v>
      </c>
      <c r="H44843" s="1" t="s">
        <v>152719</v>
      </c>
      <c r="I44843" s="1" t="s">
        <v>151905</v>
      </c>
      <c r="J44843" s="1" t="s">
        <v>152815</v>
      </c>
    </row>
    <row r="44844" spans="1:10" x14ac:dyDescent="0.35">
      <c r="A44844" s="1" t="s">
        <v>1197</v>
      </c>
      <c r="B44844" s="1" t="s">
        <v>151900</v>
      </c>
      <c r="C44844" s="1" t="s">
        <v>150</v>
      </c>
      <c r="D44844" s="1" t="s">
        <v>128429</v>
      </c>
      <c r="E44844" s="1" t="s">
        <v>152816</v>
      </c>
      <c r="F44844" s="1" t="s">
        <v>152817</v>
      </c>
      <c r="G44844" s="1" t="s">
        <v>152718</v>
      </c>
      <c r="H44844" s="1" t="s">
        <v>152719</v>
      </c>
      <c r="I44844" s="1" t="s">
        <v>151905</v>
      </c>
      <c r="J44844" s="1" t="s">
        <v>152818</v>
      </c>
    </row>
    <row r="44845" spans="1:10" x14ac:dyDescent="0.35">
      <c r="A44845" s="1" t="s">
        <v>1197</v>
      </c>
      <c r="B44845" s="1" t="s">
        <v>151900</v>
      </c>
      <c r="C44845" s="1" t="s">
        <v>155</v>
      </c>
      <c r="D44845" s="1" t="s">
        <v>152819</v>
      </c>
      <c r="E44845" s="1" t="s">
        <v>152820</v>
      </c>
      <c r="F44845" s="1" t="s">
        <v>152821</v>
      </c>
      <c r="G44845" s="1" t="s">
        <v>152718</v>
      </c>
      <c r="H44845" s="1" t="s">
        <v>152719</v>
      </c>
      <c r="I44845" s="1" t="s">
        <v>151905</v>
      </c>
      <c r="J44845" s="1" t="s">
        <v>152822</v>
      </c>
    </row>
    <row r="44846" spans="1:10" x14ac:dyDescent="0.35">
      <c r="A44846" s="1" t="s">
        <v>1197</v>
      </c>
      <c r="B44846" s="1" t="s">
        <v>151900</v>
      </c>
      <c r="C44846" s="1" t="s">
        <v>160</v>
      </c>
      <c r="D44846" s="1" t="s">
        <v>114974</v>
      </c>
      <c r="E44846" s="1" t="s">
        <v>152823</v>
      </c>
      <c r="F44846" s="1" t="s">
        <v>152824</v>
      </c>
      <c r="G44846" s="1" t="s">
        <v>152718</v>
      </c>
      <c r="H44846" s="1" t="s">
        <v>152719</v>
      </c>
      <c r="I44846" s="1" t="s">
        <v>151905</v>
      </c>
      <c r="J44846" s="1" t="s">
        <v>152825</v>
      </c>
    </row>
    <row r="44847" spans="1:10" x14ac:dyDescent="0.35">
      <c r="A44847" s="1" t="s">
        <v>1197</v>
      </c>
      <c r="B44847" s="1" t="s">
        <v>151900</v>
      </c>
      <c r="C44847" s="1" t="s">
        <v>165</v>
      </c>
      <c r="D44847" s="1" t="s">
        <v>107811</v>
      </c>
      <c r="E44847" s="1" t="s">
        <v>152826</v>
      </c>
      <c r="F44847" s="1" t="s">
        <v>152827</v>
      </c>
      <c r="G44847" s="1" t="s">
        <v>152718</v>
      </c>
      <c r="H44847" s="1" t="s">
        <v>152719</v>
      </c>
      <c r="I44847" s="1" t="s">
        <v>151905</v>
      </c>
      <c r="J44847" s="1" t="s">
        <v>152828</v>
      </c>
    </row>
    <row r="44848" spans="1:10" x14ac:dyDescent="0.35">
      <c r="A44848" s="1" t="s">
        <v>1197</v>
      </c>
      <c r="B44848" s="1" t="s">
        <v>151900</v>
      </c>
      <c r="C44848" s="1" t="s">
        <v>170</v>
      </c>
      <c r="D44848" s="1" t="s">
        <v>152829</v>
      </c>
      <c r="E44848" s="1" t="s">
        <v>152830</v>
      </c>
      <c r="F44848" s="1" t="s">
        <v>152831</v>
      </c>
      <c r="G44848" s="1" t="s">
        <v>152718</v>
      </c>
      <c r="H44848" s="1" t="s">
        <v>152719</v>
      </c>
      <c r="I44848" s="1" t="s">
        <v>151905</v>
      </c>
      <c r="J44848" s="1" t="s">
        <v>152832</v>
      </c>
    </row>
    <row r="44849" spans="1:10" x14ac:dyDescent="0.35">
      <c r="A44849" s="1" t="s">
        <v>119111</v>
      </c>
      <c r="B44849" s="1" t="s">
        <v>151900</v>
      </c>
      <c r="C44849" s="1" t="s">
        <v>8</v>
      </c>
      <c r="D44849" s="1" t="s">
        <v>12742</v>
      </c>
      <c r="E44849" s="1" t="s">
        <v>30673</v>
      </c>
      <c r="F44849" s="1" t="s">
        <v>152833</v>
      </c>
      <c r="G44849" s="1" t="s">
        <v>152834</v>
      </c>
      <c r="H44849" s="1" t="s">
        <v>36270</v>
      </c>
      <c r="I44849" s="1" t="s">
        <v>151905</v>
      </c>
      <c r="J44849" s="1" t="s">
        <v>13</v>
      </c>
    </row>
    <row r="44850" spans="1:10" x14ac:dyDescent="0.35">
      <c r="A44850" s="1" t="s">
        <v>119111</v>
      </c>
      <c r="B44850" s="1" t="s">
        <v>151900</v>
      </c>
      <c r="C44850" s="1" t="s">
        <v>15</v>
      </c>
      <c r="D44850" s="1" t="s">
        <v>69686</v>
      </c>
      <c r="E44850" s="1" t="s">
        <v>94695</v>
      </c>
      <c r="F44850" s="1" t="s">
        <v>152835</v>
      </c>
      <c r="G44850" s="1" t="s">
        <v>152834</v>
      </c>
      <c r="H44850" s="1" t="s">
        <v>36270</v>
      </c>
      <c r="I44850" s="1" t="s">
        <v>151905</v>
      </c>
      <c r="J44850" s="1" t="s">
        <v>152836</v>
      </c>
    </row>
    <row r="44851" spans="1:10" x14ac:dyDescent="0.35">
      <c r="A44851" s="1" t="s">
        <v>119111</v>
      </c>
      <c r="B44851" s="1" t="s">
        <v>151900</v>
      </c>
      <c r="C44851" s="1" t="s">
        <v>20</v>
      </c>
      <c r="D44851" s="1" t="s">
        <v>69961</v>
      </c>
      <c r="E44851" s="1" t="s">
        <v>128447</v>
      </c>
      <c r="F44851" s="1" t="s">
        <v>152837</v>
      </c>
      <c r="G44851" s="1" t="s">
        <v>152834</v>
      </c>
      <c r="H44851" s="1" t="s">
        <v>36270</v>
      </c>
      <c r="I44851" s="1" t="s">
        <v>151905</v>
      </c>
      <c r="J44851" s="1" t="s">
        <v>152838</v>
      </c>
    </row>
    <row r="44852" spans="1:10" x14ac:dyDescent="0.35">
      <c r="A44852" s="1" t="s">
        <v>119111</v>
      </c>
      <c r="B44852" s="1" t="s">
        <v>151900</v>
      </c>
      <c r="C44852" s="1" t="s">
        <v>25</v>
      </c>
      <c r="D44852" s="1" t="s">
        <v>66044</v>
      </c>
      <c r="E44852" s="1" t="s">
        <v>130432</v>
      </c>
      <c r="F44852" s="1" t="s">
        <v>132815</v>
      </c>
      <c r="G44852" s="1" t="s">
        <v>152834</v>
      </c>
      <c r="H44852" s="1" t="s">
        <v>36270</v>
      </c>
      <c r="I44852" s="1" t="s">
        <v>151905</v>
      </c>
      <c r="J44852" s="1" t="s">
        <v>152839</v>
      </c>
    </row>
    <row r="44853" spans="1:10" x14ac:dyDescent="0.35">
      <c r="A44853" s="1" t="s">
        <v>119111</v>
      </c>
      <c r="B44853" s="1" t="s">
        <v>151900</v>
      </c>
      <c r="C44853" s="1" t="s">
        <v>30</v>
      </c>
      <c r="D44853" s="1" t="s">
        <v>152840</v>
      </c>
      <c r="E44853" s="1" t="s">
        <v>108721</v>
      </c>
      <c r="F44853" s="1" t="s">
        <v>152841</v>
      </c>
      <c r="G44853" s="1" t="s">
        <v>152834</v>
      </c>
      <c r="H44853" s="1" t="s">
        <v>36270</v>
      </c>
      <c r="I44853" s="1" t="s">
        <v>151905</v>
      </c>
      <c r="J44853" s="1" t="s">
        <v>152842</v>
      </c>
    </row>
    <row r="44854" spans="1:10" x14ac:dyDescent="0.35">
      <c r="A44854" s="1" t="s">
        <v>119111</v>
      </c>
      <c r="B44854" s="1" t="s">
        <v>151900</v>
      </c>
      <c r="C44854" s="1" t="s">
        <v>35</v>
      </c>
      <c r="D44854" s="1" t="s">
        <v>152843</v>
      </c>
      <c r="E44854" s="1" t="s">
        <v>139226</v>
      </c>
      <c r="F44854" s="1" t="s">
        <v>152844</v>
      </c>
      <c r="G44854" s="1" t="s">
        <v>152834</v>
      </c>
      <c r="H44854" s="1" t="s">
        <v>36270</v>
      </c>
      <c r="I44854" s="1" t="s">
        <v>151905</v>
      </c>
      <c r="J44854" s="1" t="s">
        <v>152845</v>
      </c>
    </row>
    <row r="44855" spans="1:10" x14ac:dyDescent="0.35">
      <c r="A44855" s="1" t="s">
        <v>119111</v>
      </c>
      <c r="B44855" s="1" t="s">
        <v>151900</v>
      </c>
      <c r="C44855" s="1" t="s">
        <v>40</v>
      </c>
      <c r="D44855" s="1" t="s">
        <v>20347</v>
      </c>
      <c r="E44855" s="1" t="s">
        <v>128442</v>
      </c>
      <c r="F44855" s="1" t="s">
        <v>152846</v>
      </c>
      <c r="G44855" s="1" t="s">
        <v>152834</v>
      </c>
      <c r="H44855" s="1" t="s">
        <v>36270</v>
      </c>
      <c r="I44855" s="1" t="s">
        <v>151905</v>
      </c>
      <c r="J44855" s="1" t="s">
        <v>152847</v>
      </c>
    </row>
    <row r="44856" spans="1:10" x14ac:dyDescent="0.35">
      <c r="A44856" s="1" t="s">
        <v>119111</v>
      </c>
      <c r="B44856" s="1" t="s">
        <v>151900</v>
      </c>
      <c r="C44856" s="1" t="s">
        <v>45</v>
      </c>
      <c r="D44856" s="1" t="s">
        <v>65177</v>
      </c>
      <c r="E44856" s="1" t="s">
        <v>132952</v>
      </c>
      <c r="F44856" s="1" t="s">
        <v>152848</v>
      </c>
      <c r="G44856" s="1" t="s">
        <v>152834</v>
      </c>
      <c r="H44856" s="1" t="s">
        <v>36270</v>
      </c>
      <c r="I44856" s="1" t="s">
        <v>151905</v>
      </c>
      <c r="J44856" s="1" t="s">
        <v>152849</v>
      </c>
    </row>
    <row r="44857" spans="1:10" x14ac:dyDescent="0.35">
      <c r="A44857" s="1" t="s">
        <v>119111</v>
      </c>
      <c r="B44857" s="1" t="s">
        <v>151900</v>
      </c>
      <c r="C44857" s="1" t="s">
        <v>50</v>
      </c>
      <c r="D44857" s="1" t="s">
        <v>152850</v>
      </c>
      <c r="E44857" s="1" t="s">
        <v>105283</v>
      </c>
      <c r="F44857" s="1" t="s">
        <v>152851</v>
      </c>
      <c r="G44857" s="1" t="s">
        <v>152834</v>
      </c>
      <c r="H44857" s="1" t="s">
        <v>36270</v>
      </c>
      <c r="I44857" s="1" t="s">
        <v>151905</v>
      </c>
      <c r="J44857" s="1" t="s">
        <v>152852</v>
      </c>
    </row>
    <row r="44858" spans="1:10" x14ac:dyDescent="0.35">
      <c r="A44858" s="1" t="s">
        <v>119111</v>
      </c>
      <c r="B44858" s="1" t="s">
        <v>151900</v>
      </c>
      <c r="C44858" s="1" t="s">
        <v>55</v>
      </c>
      <c r="D44858" s="1" t="s">
        <v>152853</v>
      </c>
      <c r="E44858" s="1" t="s">
        <v>19998</v>
      </c>
      <c r="F44858" s="1" t="s">
        <v>15862</v>
      </c>
      <c r="G44858" s="1" t="s">
        <v>152834</v>
      </c>
      <c r="H44858" s="1" t="s">
        <v>36270</v>
      </c>
      <c r="I44858" s="1" t="s">
        <v>151905</v>
      </c>
      <c r="J44858" s="1" t="s">
        <v>152854</v>
      </c>
    </row>
    <row r="44859" spans="1:10" x14ac:dyDescent="0.35">
      <c r="A44859" s="1" t="s">
        <v>119111</v>
      </c>
      <c r="B44859" s="1" t="s">
        <v>151900</v>
      </c>
      <c r="C44859" s="1" t="s">
        <v>60</v>
      </c>
      <c r="D44859" s="1" t="s">
        <v>152855</v>
      </c>
      <c r="E44859" s="1" t="s">
        <v>152856</v>
      </c>
      <c r="F44859" s="1" t="s">
        <v>152857</v>
      </c>
      <c r="G44859" s="1" t="s">
        <v>152834</v>
      </c>
      <c r="H44859" s="1" t="s">
        <v>36270</v>
      </c>
      <c r="I44859" s="1" t="s">
        <v>151905</v>
      </c>
      <c r="J44859" s="1" t="s">
        <v>152858</v>
      </c>
    </row>
    <row r="44860" spans="1:10" x14ac:dyDescent="0.35">
      <c r="A44860" s="1" t="s">
        <v>119111</v>
      </c>
      <c r="B44860" s="1" t="s">
        <v>151900</v>
      </c>
      <c r="C44860" s="1" t="s">
        <v>65</v>
      </c>
      <c r="D44860" s="1" t="s">
        <v>152859</v>
      </c>
      <c r="E44860" s="1" t="s">
        <v>19990</v>
      </c>
      <c r="F44860" s="1" t="s">
        <v>111004</v>
      </c>
      <c r="G44860" s="1" t="s">
        <v>152834</v>
      </c>
      <c r="H44860" s="1" t="s">
        <v>36270</v>
      </c>
      <c r="I44860" s="1" t="s">
        <v>151905</v>
      </c>
      <c r="J44860" s="1" t="s">
        <v>152860</v>
      </c>
    </row>
    <row r="44861" spans="1:10" x14ac:dyDescent="0.35">
      <c r="A44861" s="1" t="s">
        <v>119111</v>
      </c>
      <c r="B44861" s="1" t="s">
        <v>151900</v>
      </c>
      <c r="C44861" s="1" t="s">
        <v>70</v>
      </c>
      <c r="D44861" s="1" t="s">
        <v>152861</v>
      </c>
      <c r="E44861" s="1" t="s">
        <v>132905</v>
      </c>
      <c r="F44861" s="1" t="s">
        <v>152862</v>
      </c>
      <c r="G44861" s="1" t="s">
        <v>152834</v>
      </c>
      <c r="H44861" s="1" t="s">
        <v>36270</v>
      </c>
      <c r="I44861" s="1" t="s">
        <v>151905</v>
      </c>
      <c r="J44861" s="1" t="s">
        <v>152863</v>
      </c>
    </row>
    <row r="44862" spans="1:10" x14ac:dyDescent="0.35">
      <c r="A44862" s="1" t="s">
        <v>119111</v>
      </c>
      <c r="B44862" s="1" t="s">
        <v>151900</v>
      </c>
      <c r="C44862" s="1" t="s">
        <v>75</v>
      </c>
      <c r="D44862" s="1" t="s">
        <v>89233</v>
      </c>
      <c r="E44862" s="1" t="s">
        <v>129596</v>
      </c>
      <c r="F44862" s="1" t="s">
        <v>152864</v>
      </c>
      <c r="G44862" s="1" t="s">
        <v>152834</v>
      </c>
      <c r="H44862" s="1" t="s">
        <v>36270</v>
      </c>
      <c r="I44862" s="1" t="s">
        <v>151905</v>
      </c>
      <c r="J44862" s="1" t="s">
        <v>152865</v>
      </c>
    </row>
    <row r="44863" spans="1:10" x14ac:dyDescent="0.35">
      <c r="A44863" s="1" t="s">
        <v>119111</v>
      </c>
      <c r="B44863" s="1" t="s">
        <v>151900</v>
      </c>
      <c r="C44863" s="1" t="s">
        <v>80</v>
      </c>
      <c r="D44863" s="1" t="s">
        <v>91778</v>
      </c>
      <c r="E44863" s="1" t="s">
        <v>132952</v>
      </c>
      <c r="F44863" s="1" t="s">
        <v>152866</v>
      </c>
      <c r="G44863" s="1" t="s">
        <v>152834</v>
      </c>
      <c r="H44863" s="1" t="s">
        <v>36270</v>
      </c>
      <c r="I44863" s="1" t="s">
        <v>151905</v>
      </c>
      <c r="J44863" s="1" t="s">
        <v>152867</v>
      </c>
    </row>
    <row r="44864" spans="1:10" x14ac:dyDescent="0.35">
      <c r="A44864" s="1" t="s">
        <v>119111</v>
      </c>
      <c r="B44864" s="1" t="s">
        <v>151900</v>
      </c>
      <c r="C44864" s="1" t="s">
        <v>85</v>
      </c>
      <c r="D44864" s="1" t="s">
        <v>152868</v>
      </c>
      <c r="E44864" s="1" t="s">
        <v>109229</v>
      </c>
      <c r="F44864" s="1" t="s">
        <v>152869</v>
      </c>
      <c r="G44864" s="1" t="s">
        <v>152834</v>
      </c>
      <c r="H44864" s="1" t="s">
        <v>36270</v>
      </c>
      <c r="I44864" s="1" t="s">
        <v>151905</v>
      </c>
      <c r="J44864" s="1" t="s">
        <v>152870</v>
      </c>
    </row>
    <row r="44865" spans="1:10" x14ac:dyDescent="0.35">
      <c r="A44865" s="1" t="s">
        <v>119111</v>
      </c>
      <c r="B44865" s="1" t="s">
        <v>151900</v>
      </c>
      <c r="C44865" s="1" t="s">
        <v>90</v>
      </c>
      <c r="D44865" s="1" t="s">
        <v>129801</v>
      </c>
      <c r="E44865" s="1" t="s">
        <v>76375</v>
      </c>
      <c r="F44865" s="1" t="s">
        <v>152871</v>
      </c>
      <c r="G44865" s="1" t="s">
        <v>152834</v>
      </c>
      <c r="H44865" s="1" t="s">
        <v>36270</v>
      </c>
      <c r="I44865" s="1" t="s">
        <v>151905</v>
      </c>
      <c r="J44865" s="1" t="s">
        <v>152872</v>
      </c>
    </row>
    <row r="44866" spans="1:10" x14ac:dyDescent="0.35">
      <c r="A44866" s="1" t="s">
        <v>119111</v>
      </c>
      <c r="B44866" s="1" t="s">
        <v>151900</v>
      </c>
      <c r="C44866" s="1" t="s">
        <v>95</v>
      </c>
      <c r="D44866" s="1" t="s">
        <v>152873</v>
      </c>
      <c r="E44866" s="1" t="s">
        <v>132027</v>
      </c>
      <c r="F44866" s="1" t="s">
        <v>152874</v>
      </c>
      <c r="G44866" s="1" t="s">
        <v>152834</v>
      </c>
      <c r="H44866" s="1" t="s">
        <v>36270</v>
      </c>
      <c r="I44866" s="1" t="s">
        <v>151905</v>
      </c>
      <c r="J44866" s="1" t="s">
        <v>152875</v>
      </c>
    </row>
    <row r="44867" spans="1:10" x14ac:dyDescent="0.35">
      <c r="A44867" s="1" t="s">
        <v>119111</v>
      </c>
      <c r="B44867" s="1" t="s">
        <v>151900</v>
      </c>
      <c r="C44867" s="1" t="s">
        <v>100</v>
      </c>
      <c r="D44867" s="1" t="s">
        <v>20375</v>
      </c>
      <c r="E44867" s="1" t="s">
        <v>128249</v>
      </c>
      <c r="F44867" s="1" t="s">
        <v>133241</v>
      </c>
      <c r="G44867" s="1" t="s">
        <v>152834</v>
      </c>
      <c r="H44867" s="1" t="s">
        <v>36270</v>
      </c>
      <c r="I44867" s="1" t="s">
        <v>151905</v>
      </c>
      <c r="J44867" s="1" t="s">
        <v>152876</v>
      </c>
    </row>
    <row r="44868" spans="1:10" x14ac:dyDescent="0.35">
      <c r="A44868" s="1" t="s">
        <v>119111</v>
      </c>
      <c r="B44868" s="1" t="s">
        <v>151900</v>
      </c>
      <c r="C44868" s="1" t="s">
        <v>105</v>
      </c>
      <c r="D44868" s="1" t="s">
        <v>152877</v>
      </c>
      <c r="E44868" s="1" t="s">
        <v>77694</v>
      </c>
      <c r="F44868" s="1" t="s">
        <v>152878</v>
      </c>
      <c r="G44868" s="1" t="s">
        <v>152834</v>
      </c>
      <c r="H44868" s="1" t="s">
        <v>36270</v>
      </c>
      <c r="I44868" s="1" t="s">
        <v>151905</v>
      </c>
      <c r="J44868" s="1" t="s">
        <v>152879</v>
      </c>
    </row>
    <row r="44869" spans="1:10" x14ac:dyDescent="0.35">
      <c r="A44869" s="1" t="s">
        <v>119111</v>
      </c>
      <c r="B44869" s="1" t="s">
        <v>151900</v>
      </c>
      <c r="C44869" s="1" t="s">
        <v>110</v>
      </c>
      <c r="D44869" s="1" t="s">
        <v>152880</v>
      </c>
      <c r="E44869" s="1" t="s">
        <v>130403</v>
      </c>
      <c r="F44869" s="1" t="s">
        <v>152881</v>
      </c>
      <c r="G44869" s="1" t="s">
        <v>152834</v>
      </c>
      <c r="H44869" s="1" t="s">
        <v>36270</v>
      </c>
      <c r="I44869" s="1" t="s">
        <v>151905</v>
      </c>
      <c r="J44869" s="1" t="s">
        <v>152882</v>
      </c>
    </row>
    <row r="44870" spans="1:10" x14ac:dyDescent="0.35">
      <c r="A44870" s="1" t="s">
        <v>119111</v>
      </c>
      <c r="B44870" s="1" t="s">
        <v>151900</v>
      </c>
      <c r="C44870" s="1" t="s">
        <v>115</v>
      </c>
      <c r="D44870" s="1" t="s">
        <v>152883</v>
      </c>
      <c r="E44870" s="1" t="s">
        <v>128667</v>
      </c>
      <c r="F44870" s="1" t="s">
        <v>152884</v>
      </c>
      <c r="G44870" s="1" t="s">
        <v>152834</v>
      </c>
      <c r="H44870" s="1" t="s">
        <v>36270</v>
      </c>
      <c r="I44870" s="1" t="s">
        <v>151905</v>
      </c>
      <c r="J44870" s="1" t="s">
        <v>152885</v>
      </c>
    </row>
    <row r="44871" spans="1:10" x14ac:dyDescent="0.35">
      <c r="A44871" s="1" t="s">
        <v>119111</v>
      </c>
      <c r="B44871" s="1" t="s">
        <v>151900</v>
      </c>
      <c r="C44871" s="1" t="s">
        <v>120</v>
      </c>
      <c r="D44871" s="1" t="s">
        <v>152886</v>
      </c>
      <c r="E44871" s="1" t="s">
        <v>70881</v>
      </c>
      <c r="F44871" s="1" t="s">
        <v>107510</v>
      </c>
      <c r="G44871" s="1" t="s">
        <v>152834</v>
      </c>
      <c r="H44871" s="1" t="s">
        <v>36270</v>
      </c>
      <c r="I44871" s="1" t="s">
        <v>151905</v>
      </c>
      <c r="J44871" s="1" t="s">
        <v>152887</v>
      </c>
    </row>
    <row r="44872" spans="1:10" x14ac:dyDescent="0.35">
      <c r="A44872" s="1" t="s">
        <v>119111</v>
      </c>
      <c r="B44872" s="1" t="s">
        <v>151900</v>
      </c>
      <c r="C44872" s="1" t="s">
        <v>125</v>
      </c>
      <c r="D44872" s="1" t="s">
        <v>127190</v>
      </c>
      <c r="E44872" s="1" t="s">
        <v>108595</v>
      </c>
      <c r="F44872" s="1" t="s">
        <v>152888</v>
      </c>
      <c r="G44872" s="1" t="s">
        <v>152834</v>
      </c>
      <c r="H44872" s="1" t="s">
        <v>36270</v>
      </c>
      <c r="I44872" s="1" t="s">
        <v>151905</v>
      </c>
      <c r="J44872" s="1" t="s">
        <v>152889</v>
      </c>
    </row>
    <row r="44873" spans="1:10" x14ac:dyDescent="0.35">
      <c r="A44873" s="1" t="s">
        <v>119111</v>
      </c>
      <c r="B44873" s="1" t="s">
        <v>151900</v>
      </c>
      <c r="C44873" s="1" t="s">
        <v>130</v>
      </c>
      <c r="D44873" s="1" t="s">
        <v>55064</v>
      </c>
      <c r="E44873" s="1" t="s">
        <v>130765</v>
      </c>
      <c r="F44873" s="1" t="s">
        <v>152890</v>
      </c>
      <c r="G44873" s="1" t="s">
        <v>152834</v>
      </c>
      <c r="H44873" s="1" t="s">
        <v>36270</v>
      </c>
      <c r="I44873" s="1" t="s">
        <v>151905</v>
      </c>
      <c r="J44873" s="1" t="s">
        <v>152891</v>
      </c>
    </row>
    <row r="44874" spans="1:10" x14ac:dyDescent="0.35">
      <c r="A44874" s="1" t="s">
        <v>119111</v>
      </c>
      <c r="B44874" s="1" t="s">
        <v>151900</v>
      </c>
      <c r="C44874" s="1" t="s">
        <v>135</v>
      </c>
      <c r="D44874" s="1" t="s">
        <v>152892</v>
      </c>
      <c r="E44874" s="1" t="s">
        <v>128295</v>
      </c>
      <c r="F44874" s="1" t="s">
        <v>152893</v>
      </c>
      <c r="G44874" s="1" t="s">
        <v>152834</v>
      </c>
      <c r="H44874" s="1" t="s">
        <v>36270</v>
      </c>
      <c r="I44874" s="1" t="s">
        <v>151905</v>
      </c>
      <c r="J44874" s="1" t="s">
        <v>152894</v>
      </c>
    </row>
    <row r="44875" spans="1:10" x14ac:dyDescent="0.35">
      <c r="A44875" s="1" t="s">
        <v>119111</v>
      </c>
      <c r="B44875" s="1" t="s">
        <v>151900</v>
      </c>
      <c r="C44875" s="1" t="s">
        <v>140</v>
      </c>
      <c r="D44875" s="1" t="s">
        <v>131617</v>
      </c>
      <c r="E44875" s="1" t="s">
        <v>129582</v>
      </c>
      <c r="F44875" s="1" t="s">
        <v>16165</v>
      </c>
      <c r="G44875" s="1" t="s">
        <v>152834</v>
      </c>
      <c r="H44875" s="1" t="s">
        <v>36270</v>
      </c>
      <c r="I44875" s="1" t="s">
        <v>151905</v>
      </c>
      <c r="J44875" s="1" t="s">
        <v>152895</v>
      </c>
    </row>
    <row r="44876" spans="1:10" x14ac:dyDescent="0.35">
      <c r="A44876" s="1" t="s">
        <v>119111</v>
      </c>
      <c r="B44876" s="1" t="s">
        <v>151900</v>
      </c>
      <c r="C44876" s="1" t="s">
        <v>145</v>
      </c>
      <c r="D44876" s="1" t="s">
        <v>152896</v>
      </c>
      <c r="E44876" s="1" t="s">
        <v>130790</v>
      </c>
      <c r="F44876" s="1" t="s">
        <v>152897</v>
      </c>
      <c r="G44876" s="1" t="s">
        <v>152834</v>
      </c>
      <c r="H44876" s="1" t="s">
        <v>36270</v>
      </c>
      <c r="I44876" s="1" t="s">
        <v>151905</v>
      </c>
      <c r="J44876" s="1" t="s">
        <v>152898</v>
      </c>
    </row>
    <row r="44877" spans="1:10" x14ac:dyDescent="0.35">
      <c r="A44877" s="1" t="s">
        <v>119111</v>
      </c>
      <c r="B44877" s="1" t="s">
        <v>151900</v>
      </c>
      <c r="C44877" s="1" t="s">
        <v>150</v>
      </c>
      <c r="D44877" s="1" t="s">
        <v>130687</v>
      </c>
      <c r="E44877" s="1" t="s">
        <v>48057</v>
      </c>
      <c r="F44877" s="1" t="s">
        <v>152899</v>
      </c>
      <c r="G44877" s="1" t="s">
        <v>152834</v>
      </c>
      <c r="H44877" s="1" t="s">
        <v>36270</v>
      </c>
      <c r="I44877" s="1" t="s">
        <v>151905</v>
      </c>
      <c r="J44877" s="1" t="s">
        <v>152900</v>
      </c>
    </row>
    <row r="44878" spans="1:10" x14ac:dyDescent="0.35">
      <c r="A44878" s="1" t="s">
        <v>119111</v>
      </c>
      <c r="B44878" s="1" t="s">
        <v>151900</v>
      </c>
      <c r="C44878" s="1" t="s">
        <v>155</v>
      </c>
      <c r="D44878" s="1" t="s">
        <v>39560</v>
      </c>
      <c r="E44878" s="1" t="s">
        <v>152901</v>
      </c>
      <c r="F44878" s="1" t="s">
        <v>27496</v>
      </c>
      <c r="G44878" s="1" t="s">
        <v>152834</v>
      </c>
      <c r="H44878" s="1" t="s">
        <v>36270</v>
      </c>
      <c r="I44878" s="1" t="s">
        <v>151905</v>
      </c>
      <c r="J44878" s="1" t="s">
        <v>152902</v>
      </c>
    </row>
    <row r="44879" spans="1:10" x14ac:dyDescent="0.35">
      <c r="A44879" s="1" t="s">
        <v>119111</v>
      </c>
      <c r="B44879" s="1" t="s">
        <v>151900</v>
      </c>
      <c r="C44879" s="1" t="s">
        <v>160</v>
      </c>
      <c r="D44879" s="1" t="s">
        <v>152903</v>
      </c>
      <c r="E44879" s="1" t="s">
        <v>128674</v>
      </c>
      <c r="F44879" s="1" t="s">
        <v>152904</v>
      </c>
      <c r="G44879" s="1" t="s">
        <v>152834</v>
      </c>
      <c r="H44879" s="1" t="s">
        <v>36270</v>
      </c>
      <c r="I44879" s="1" t="s">
        <v>151905</v>
      </c>
      <c r="J44879" s="1" t="s">
        <v>152905</v>
      </c>
    </row>
    <row r="44880" spans="1:10" x14ac:dyDescent="0.35">
      <c r="A44880" s="1" t="s">
        <v>119111</v>
      </c>
      <c r="B44880" s="1" t="s">
        <v>151900</v>
      </c>
      <c r="C44880" s="1" t="s">
        <v>165</v>
      </c>
      <c r="D44880" s="1" t="s">
        <v>130047</v>
      </c>
      <c r="E44880" s="1" t="s">
        <v>152906</v>
      </c>
      <c r="F44880" s="1" t="s">
        <v>152907</v>
      </c>
      <c r="G44880" s="1" t="s">
        <v>152834</v>
      </c>
      <c r="H44880" s="1" t="s">
        <v>36270</v>
      </c>
      <c r="I44880" s="1" t="s">
        <v>151905</v>
      </c>
      <c r="J44880" s="1" t="s">
        <v>152908</v>
      </c>
    </row>
    <row r="44881" spans="1:10" x14ac:dyDescent="0.35">
      <c r="A44881" s="1" t="s">
        <v>119111</v>
      </c>
      <c r="B44881" s="1" t="s">
        <v>151900</v>
      </c>
      <c r="C44881" s="1" t="s">
        <v>170</v>
      </c>
      <c r="D44881" s="1" t="s">
        <v>84592</v>
      </c>
      <c r="E44881" s="1" t="s">
        <v>129605</v>
      </c>
      <c r="F44881" s="1" t="s">
        <v>152909</v>
      </c>
      <c r="G44881" s="1" t="s">
        <v>152834</v>
      </c>
      <c r="H44881" s="1" t="s">
        <v>36270</v>
      </c>
      <c r="I44881" s="1" t="s">
        <v>151905</v>
      </c>
      <c r="J44881" s="1" t="s">
        <v>152910</v>
      </c>
    </row>
    <row r="44882" spans="1:10" x14ac:dyDescent="0.35">
      <c r="A44882" s="1" t="s">
        <v>29414</v>
      </c>
      <c r="B44882" s="1" t="s">
        <v>151900</v>
      </c>
      <c r="C44882" s="1" t="s">
        <v>8</v>
      </c>
      <c r="D44882" s="1" t="s">
        <v>152911</v>
      </c>
      <c r="E44882" s="1" t="s">
        <v>152912</v>
      </c>
      <c r="F44882" s="1" t="s">
        <v>152913</v>
      </c>
      <c r="G44882" s="1" t="s">
        <v>152914</v>
      </c>
      <c r="H44882" s="1" t="s">
        <v>152915</v>
      </c>
      <c r="I44882" s="1" t="s">
        <v>151905</v>
      </c>
      <c r="J44882" s="1" t="s">
        <v>13</v>
      </c>
    </row>
    <row r="44883" spans="1:10" x14ac:dyDescent="0.35">
      <c r="A44883" s="1" t="s">
        <v>29414</v>
      </c>
      <c r="B44883" s="1" t="s">
        <v>151900</v>
      </c>
      <c r="C44883" s="1" t="s">
        <v>15</v>
      </c>
      <c r="D44883" s="1" t="s">
        <v>152916</v>
      </c>
      <c r="E44883" s="1" t="s">
        <v>152917</v>
      </c>
      <c r="F44883" s="1" t="s">
        <v>152918</v>
      </c>
      <c r="G44883" s="1" t="s">
        <v>152914</v>
      </c>
      <c r="H44883" s="1" t="s">
        <v>152915</v>
      </c>
      <c r="I44883" s="1" t="s">
        <v>151905</v>
      </c>
      <c r="J44883" s="1" t="s">
        <v>152919</v>
      </c>
    </row>
    <row r="44884" spans="1:10" x14ac:dyDescent="0.35">
      <c r="A44884" s="1" t="s">
        <v>29414</v>
      </c>
      <c r="B44884" s="1" t="s">
        <v>151900</v>
      </c>
      <c r="C44884" s="1" t="s">
        <v>20</v>
      </c>
      <c r="D44884" s="1" t="s">
        <v>152920</v>
      </c>
      <c r="E44884" s="1" t="s">
        <v>152921</v>
      </c>
      <c r="F44884" s="1" t="s">
        <v>152922</v>
      </c>
      <c r="G44884" s="1" t="s">
        <v>152914</v>
      </c>
      <c r="H44884" s="1" t="s">
        <v>152915</v>
      </c>
      <c r="I44884" s="1" t="s">
        <v>151905</v>
      </c>
      <c r="J44884" s="1" t="s">
        <v>152923</v>
      </c>
    </row>
    <row r="44885" spans="1:10" x14ac:dyDescent="0.35">
      <c r="A44885" s="1" t="s">
        <v>29414</v>
      </c>
      <c r="B44885" s="1" t="s">
        <v>151900</v>
      </c>
      <c r="C44885" s="1" t="s">
        <v>25</v>
      </c>
      <c r="D44885" s="1" t="s">
        <v>13641</v>
      </c>
      <c r="E44885" s="1" t="s">
        <v>152924</v>
      </c>
      <c r="F44885" s="1" t="s">
        <v>152925</v>
      </c>
      <c r="G44885" s="1" t="s">
        <v>152914</v>
      </c>
      <c r="H44885" s="1" t="s">
        <v>152915</v>
      </c>
      <c r="I44885" s="1" t="s">
        <v>151905</v>
      </c>
      <c r="J44885" s="1" t="s">
        <v>152926</v>
      </c>
    </row>
    <row r="44886" spans="1:10" x14ac:dyDescent="0.35">
      <c r="A44886" s="1" t="s">
        <v>29414</v>
      </c>
      <c r="B44886" s="1" t="s">
        <v>151900</v>
      </c>
      <c r="C44886" s="1" t="s">
        <v>30</v>
      </c>
      <c r="D44886" s="1" t="s">
        <v>152927</v>
      </c>
      <c r="E44886" s="1" t="s">
        <v>152928</v>
      </c>
      <c r="F44886" s="1" t="s">
        <v>152929</v>
      </c>
      <c r="G44886" s="1" t="s">
        <v>152914</v>
      </c>
      <c r="H44886" s="1" t="s">
        <v>152915</v>
      </c>
      <c r="I44886" s="1" t="s">
        <v>151905</v>
      </c>
      <c r="J44886" s="1" t="s">
        <v>152930</v>
      </c>
    </row>
    <row r="44887" spans="1:10" x14ac:dyDescent="0.35">
      <c r="A44887" s="1" t="s">
        <v>29414</v>
      </c>
      <c r="B44887" s="1" t="s">
        <v>151900</v>
      </c>
      <c r="C44887" s="1" t="s">
        <v>35</v>
      </c>
      <c r="D44887" s="1" t="s">
        <v>114407</v>
      </c>
      <c r="E44887" s="1" t="s">
        <v>152931</v>
      </c>
      <c r="F44887" s="1" t="s">
        <v>152932</v>
      </c>
      <c r="G44887" s="1" t="s">
        <v>152914</v>
      </c>
      <c r="H44887" s="1" t="s">
        <v>152915</v>
      </c>
      <c r="I44887" s="1" t="s">
        <v>151905</v>
      </c>
      <c r="J44887" s="1" t="s">
        <v>152933</v>
      </c>
    </row>
    <row r="44888" spans="1:10" x14ac:dyDescent="0.35">
      <c r="A44888" s="1" t="s">
        <v>29414</v>
      </c>
      <c r="B44888" s="1" t="s">
        <v>151900</v>
      </c>
      <c r="C44888" s="1" t="s">
        <v>40</v>
      </c>
      <c r="D44888" s="1" t="s">
        <v>152934</v>
      </c>
      <c r="E44888" s="1" t="s">
        <v>152935</v>
      </c>
      <c r="F44888" s="1" t="s">
        <v>152936</v>
      </c>
      <c r="G44888" s="1" t="s">
        <v>152914</v>
      </c>
      <c r="H44888" s="1" t="s">
        <v>152915</v>
      </c>
      <c r="I44888" s="1" t="s">
        <v>151905</v>
      </c>
      <c r="J44888" s="1" t="s">
        <v>152937</v>
      </c>
    </row>
    <row r="44889" spans="1:10" x14ac:dyDescent="0.35">
      <c r="A44889" s="1" t="s">
        <v>29414</v>
      </c>
      <c r="B44889" s="1" t="s">
        <v>151900</v>
      </c>
      <c r="C44889" s="1" t="s">
        <v>45</v>
      </c>
      <c r="D44889" s="1" t="s">
        <v>152938</v>
      </c>
      <c r="E44889" s="1" t="s">
        <v>152939</v>
      </c>
      <c r="F44889" s="1" t="s">
        <v>152940</v>
      </c>
      <c r="G44889" s="1" t="s">
        <v>152914</v>
      </c>
      <c r="H44889" s="1" t="s">
        <v>152915</v>
      </c>
      <c r="I44889" s="1" t="s">
        <v>151905</v>
      </c>
      <c r="J44889" s="1" t="s">
        <v>152941</v>
      </c>
    </row>
    <row r="44890" spans="1:10" x14ac:dyDescent="0.35">
      <c r="A44890" s="1" t="s">
        <v>29414</v>
      </c>
      <c r="B44890" s="1" t="s">
        <v>151900</v>
      </c>
      <c r="C44890" s="1" t="s">
        <v>50</v>
      </c>
      <c r="D44890" s="1" t="s">
        <v>152942</v>
      </c>
      <c r="E44890" s="1" t="s">
        <v>152943</v>
      </c>
      <c r="F44890" s="1" t="s">
        <v>152944</v>
      </c>
      <c r="G44890" s="1" t="s">
        <v>152914</v>
      </c>
      <c r="H44890" s="1" t="s">
        <v>152915</v>
      </c>
      <c r="I44890" s="1" t="s">
        <v>151905</v>
      </c>
      <c r="J44890" s="1" t="s">
        <v>152945</v>
      </c>
    </row>
    <row r="44891" spans="1:10" x14ac:dyDescent="0.35">
      <c r="A44891" s="1" t="s">
        <v>29414</v>
      </c>
      <c r="B44891" s="1" t="s">
        <v>151900</v>
      </c>
      <c r="C44891" s="1" t="s">
        <v>55</v>
      </c>
      <c r="D44891" s="1" t="s">
        <v>152946</v>
      </c>
      <c r="E44891" s="1" t="s">
        <v>152947</v>
      </c>
      <c r="F44891" s="1" t="s">
        <v>152948</v>
      </c>
      <c r="G44891" s="1" t="s">
        <v>152914</v>
      </c>
      <c r="H44891" s="1" t="s">
        <v>152915</v>
      </c>
      <c r="I44891" s="1" t="s">
        <v>151905</v>
      </c>
      <c r="J44891" s="1" t="s">
        <v>152949</v>
      </c>
    </row>
    <row r="44892" spans="1:10" x14ac:dyDescent="0.35">
      <c r="A44892" s="1" t="s">
        <v>29414</v>
      </c>
      <c r="B44892" s="1" t="s">
        <v>151900</v>
      </c>
      <c r="C44892" s="1" t="s">
        <v>60</v>
      </c>
      <c r="D44892" s="1" t="s">
        <v>25639</v>
      </c>
      <c r="E44892" s="1" t="s">
        <v>152950</v>
      </c>
      <c r="F44892" s="1" t="s">
        <v>152951</v>
      </c>
      <c r="G44892" s="1" t="s">
        <v>152914</v>
      </c>
      <c r="H44892" s="1" t="s">
        <v>152915</v>
      </c>
      <c r="I44892" s="1" t="s">
        <v>151905</v>
      </c>
      <c r="J44892" s="1" t="s">
        <v>152952</v>
      </c>
    </row>
    <row r="44893" spans="1:10" x14ac:dyDescent="0.35">
      <c r="A44893" s="1" t="s">
        <v>29414</v>
      </c>
      <c r="B44893" s="1" t="s">
        <v>151900</v>
      </c>
      <c r="C44893" s="1" t="s">
        <v>65</v>
      </c>
      <c r="D44893" s="1" t="s">
        <v>152953</v>
      </c>
      <c r="E44893" s="1" t="s">
        <v>152954</v>
      </c>
      <c r="F44893" s="1" t="s">
        <v>152955</v>
      </c>
      <c r="G44893" s="1" t="s">
        <v>152914</v>
      </c>
      <c r="H44893" s="1" t="s">
        <v>152915</v>
      </c>
      <c r="I44893" s="1" t="s">
        <v>151905</v>
      </c>
      <c r="J44893" s="1" t="s">
        <v>152956</v>
      </c>
    </row>
    <row r="44894" spans="1:10" x14ac:dyDescent="0.35">
      <c r="A44894" s="1" t="s">
        <v>29414</v>
      </c>
      <c r="B44894" s="1" t="s">
        <v>151900</v>
      </c>
      <c r="C44894" s="1" t="s">
        <v>70</v>
      </c>
      <c r="D44894" s="1" t="s">
        <v>107773</v>
      </c>
      <c r="E44894" s="1" t="s">
        <v>152957</v>
      </c>
      <c r="F44894" s="1" t="s">
        <v>152958</v>
      </c>
      <c r="G44894" s="1" t="s">
        <v>152914</v>
      </c>
      <c r="H44894" s="1" t="s">
        <v>152915</v>
      </c>
      <c r="I44894" s="1" t="s">
        <v>151905</v>
      </c>
      <c r="J44894" s="1" t="s">
        <v>152959</v>
      </c>
    </row>
    <row r="44895" spans="1:10" x14ac:dyDescent="0.35">
      <c r="A44895" s="1" t="s">
        <v>29414</v>
      </c>
      <c r="B44895" s="1" t="s">
        <v>151900</v>
      </c>
      <c r="C44895" s="1" t="s">
        <v>75</v>
      </c>
      <c r="D44895" s="1" t="s">
        <v>152960</v>
      </c>
      <c r="E44895" s="1" t="s">
        <v>152961</v>
      </c>
      <c r="F44895" s="1" t="s">
        <v>152962</v>
      </c>
      <c r="G44895" s="1" t="s">
        <v>152914</v>
      </c>
      <c r="H44895" s="1" t="s">
        <v>152915</v>
      </c>
      <c r="I44895" s="1" t="s">
        <v>151905</v>
      </c>
      <c r="J44895" s="1" t="s">
        <v>152963</v>
      </c>
    </row>
    <row r="44896" spans="1:10" x14ac:dyDescent="0.35">
      <c r="A44896" s="1" t="s">
        <v>29414</v>
      </c>
      <c r="B44896" s="1" t="s">
        <v>151900</v>
      </c>
      <c r="C44896" s="1" t="s">
        <v>80</v>
      </c>
      <c r="D44896" s="1" t="s">
        <v>152964</v>
      </c>
      <c r="E44896" s="1" t="s">
        <v>152965</v>
      </c>
      <c r="F44896" s="1" t="s">
        <v>152966</v>
      </c>
      <c r="G44896" s="1" t="s">
        <v>152914</v>
      </c>
      <c r="H44896" s="1" t="s">
        <v>152915</v>
      </c>
      <c r="I44896" s="1" t="s">
        <v>151905</v>
      </c>
      <c r="J44896" s="1" t="s">
        <v>152967</v>
      </c>
    </row>
    <row r="44897" spans="1:10" x14ac:dyDescent="0.35">
      <c r="A44897" s="1" t="s">
        <v>29414</v>
      </c>
      <c r="B44897" s="1" t="s">
        <v>151900</v>
      </c>
      <c r="C44897" s="1" t="s">
        <v>85</v>
      </c>
      <c r="D44897" s="1" t="s">
        <v>152968</v>
      </c>
      <c r="E44897" s="1" t="s">
        <v>152969</v>
      </c>
      <c r="F44897" s="1" t="s">
        <v>152970</v>
      </c>
      <c r="G44897" s="1" t="s">
        <v>152914</v>
      </c>
      <c r="H44897" s="1" t="s">
        <v>152915</v>
      </c>
      <c r="I44897" s="1" t="s">
        <v>151905</v>
      </c>
      <c r="J44897" s="1" t="s">
        <v>152971</v>
      </c>
    </row>
    <row r="44898" spans="1:10" x14ac:dyDescent="0.35">
      <c r="A44898" s="1" t="s">
        <v>29414</v>
      </c>
      <c r="B44898" s="1" t="s">
        <v>151900</v>
      </c>
      <c r="C44898" s="1" t="s">
        <v>90</v>
      </c>
      <c r="D44898" s="1" t="s">
        <v>152972</v>
      </c>
      <c r="E44898" s="1" t="s">
        <v>152973</v>
      </c>
      <c r="F44898" s="1" t="s">
        <v>152974</v>
      </c>
      <c r="G44898" s="1" t="s">
        <v>152914</v>
      </c>
      <c r="H44898" s="1" t="s">
        <v>152915</v>
      </c>
      <c r="I44898" s="1" t="s">
        <v>151905</v>
      </c>
      <c r="J44898" s="1" t="s">
        <v>152975</v>
      </c>
    </row>
    <row r="44899" spans="1:10" x14ac:dyDescent="0.35">
      <c r="A44899" s="1" t="s">
        <v>29414</v>
      </c>
      <c r="B44899" s="1" t="s">
        <v>151900</v>
      </c>
      <c r="C44899" s="1" t="s">
        <v>95</v>
      </c>
      <c r="D44899" s="1" t="s">
        <v>152976</v>
      </c>
      <c r="E44899" s="1" t="s">
        <v>152977</v>
      </c>
      <c r="F44899" s="1" t="s">
        <v>152978</v>
      </c>
      <c r="G44899" s="1" t="s">
        <v>152914</v>
      </c>
      <c r="H44899" s="1" t="s">
        <v>152915</v>
      </c>
      <c r="I44899" s="1" t="s">
        <v>151905</v>
      </c>
      <c r="J44899" s="1" t="s">
        <v>152979</v>
      </c>
    </row>
    <row r="44900" spans="1:10" x14ac:dyDescent="0.35">
      <c r="A44900" s="1" t="s">
        <v>29414</v>
      </c>
      <c r="B44900" s="1" t="s">
        <v>151900</v>
      </c>
      <c r="C44900" s="1" t="s">
        <v>100</v>
      </c>
      <c r="D44900" s="1" t="s">
        <v>152980</v>
      </c>
      <c r="E44900" s="1" t="s">
        <v>152981</v>
      </c>
      <c r="F44900" s="1" t="s">
        <v>152982</v>
      </c>
      <c r="G44900" s="1" t="s">
        <v>152914</v>
      </c>
      <c r="H44900" s="1" t="s">
        <v>152915</v>
      </c>
      <c r="I44900" s="1" t="s">
        <v>151905</v>
      </c>
      <c r="J44900" s="1" t="s">
        <v>152983</v>
      </c>
    </row>
    <row r="44901" spans="1:10" x14ac:dyDescent="0.35">
      <c r="A44901" s="1" t="s">
        <v>29414</v>
      </c>
      <c r="B44901" s="1" t="s">
        <v>151900</v>
      </c>
      <c r="C44901" s="1" t="s">
        <v>105</v>
      </c>
      <c r="D44901" s="1" t="s">
        <v>19067</v>
      </c>
      <c r="E44901" s="1" t="s">
        <v>152984</v>
      </c>
      <c r="F44901" s="1" t="s">
        <v>152985</v>
      </c>
      <c r="G44901" s="1" t="s">
        <v>152914</v>
      </c>
      <c r="H44901" s="1" t="s">
        <v>152915</v>
      </c>
      <c r="I44901" s="1" t="s">
        <v>151905</v>
      </c>
      <c r="J44901" s="1" t="s">
        <v>152986</v>
      </c>
    </row>
    <row r="44902" spans="1:10" x14ac:dyDescent="0.35">
      <c r="A44902" s="1" t="s">
        <v>29414</v>
      </c>
      <c r="B44902" s="1" t="s">
        <v>151900</v>
      </c>
      <c r="C44902" s="1" t="s">
        <v>110</v>
      </c>
      <c r="D44902" s="1" t="s">
        <v>33757</v>
      </c>
      <c r="E44902" s="1" t="s">
        <v>152987</v>
      </c>
      <c r="F44902" s="1" t="s">
        <v>152988</v>
      </c>
      <c r="G44902" s="1" t="s">
        <v>152914</v>
      </c>
      <c r="H44902" s="1" t="s">
        <v>152915</v>
      </c>
      <c r="I44902" s="1" t="s">
        <v>151905</v>
      </c>
      <c r="J44902" s="1" t="s">
        <v>152989</v>
      </c>
    </row>
    <row r="44903" spans="1:10" x14ac:dyDescent="0.35">
      <c r="A44903" s="1" t="s">
        <v>29414</v>
      </c>
      <c r="B44903" s="1" t="s">
        <v>151900</v>
      </c>
      <c r="C44903" s="1" t="s">
        <v>115</v>
      </c>
      <c r="D44903" s="1" t="s">
        <v>152990</v>
      </c>
      <c r="E44903" s="1" t="s">
        <v>152991</v>
      </c>
      <c r="F44903" s="1" t="s">
        <v>152992</v>
      </c>
      <c r="G44903" s="1" t="s">
        <v>152914</v>
      </c>
      <c r="H44903" s="1" t="s">
        <v>152915</v>
      </c>
      <c r="I44903" s="1" t="s">
        <v>151905</v>
      </c>
      <c r="J44903" s="1" t="s">
        <v>152993</v>
      </c>
    </row>
    <row r="44904" spans="1:10" x14ac:dyDescent="0.35">
      <c r="A44904" s="1" t="s">
        <v>29414</v>
      </c>
      <c r="B44904" s="1" t="s">
        <v>151900</v>
      </c>
      <c r="C44904" s="1" t="s">
        <v>120</v>
      </c>
      <c r="D44904" s="1" t="s">
        <v>6795</v>
      </c>
      <c r="E44904" s="1" t="s">
        <v>152994</v>
      </c>
      <c r="F44904" s="1" t="s">
        <v>152995</v>
      </c>
      <c r="G44904" s="1" t="s">
        <v>152914</v>
      </c>
      <c r="H44904" s="1" t="s">
        <v>152915</v>
      </c>
      <c r="I44904" s="1" t="s">
        <v>151905</v>
      </c>
      <c r="J44904" s="1" t="s">
        <v>152996</v>
      </c>
    </row>
    <row r="44905" spans="1:10" x14ac:dyDescent="0.35">
      <c r="A44905" s="1" t="s">
        <v>29414</v>
      </c>
      <c r="B44905" s="1" t="s">
        <v>151900</v>
      </c>
      <c r="C44905" s="1" t="s">
        <v>125</v>
      </c>
      <c r="D44905" s="1" t="s">
        <v>152997</v>
      </c>
      <c r="E44905" s="1" t="s">
        <v>152998</v>
      </c>
      <c r="F44905" s="1" t="s">
        <v>152999</v>
      </c>
      <c r="G44905" s="1" t="s">
        <v>152914</v>
      </c>
      <c r="H44905" s="1" t="s">
        <v>152915</v>
      </c>
      <c r="I44905" s="1" t="s">
        <v>151905</v>
      </c>
      <c r="J44905" s="1" t="s">
        <v>153000</v>
      </c>
    </row>
    <row r="44906" spans="1:10" x14ac:dyDescent="0.35">
      <c r="A44906" s="1" t="s">
        <v>29414</v>
      </c>
      <c r="B44906" s="1" t="s">
        <v>151900</v>
      </c>
      <c r="C44906" s="1" t="s">
        <v>130</v>
      </c>
      <c r="D44906" s="1" t="s">
        <v>36868</v>
      </c>
      <c r="E44906" s="1" t="s">
        <v>153001</v>
      </c>
      <c r="F44906" s="1" t="s">
        <v>153002</v>
      </c>
      <c r="G44906" s="1" t="s">
        <v>152914</v>
      </c>
      <c r="H44906" s="1" t="s">
        <v>152915</v>
      </c>
      <c r="I44906" s="1" t="s">
        <v>151905</v>
      </c>
      <c r="J44906" s="1" t="s">
        <v>153003</v>
      </c>
    </row>
    <row r="44907" spans="1:10" x14ac:dyDescent="0.35">
      <c r="A44907" s="1" t="s">
        <v>29414</v>
      </c>
      <c r="B44907" s="1" t="s">
        <v>151900</v>
      </c>
      <c r="C44907" s="1" t="s">
        <v>135</v>
      </c>
      <c r="D44907" s="1" t="s">
        <v>42229</v>
      </c>
      <c r="E44907" s="1" t="s">
        <v>153004</v>
      </c>
      <c r="F44907" s="1" t="s">
        <v>153005</v>
      </c>
      <c r="G44907" s="1" t="s">
        <v>152914</v>
      </c>
      <c r="H44907" s="1" t="s">
        <v>152915</v>
      </c>
      <c r="I44907" s="1" t="s">
        <v>151905</v>
      </c>
      <c r="J44907" s="1" t="s">
        <v>153006</v>
      </c>
    </row>
    <row r="44908" spans="1:10" x14ac:dyDescent="0.35">
      <c r="A44908" s="1" t="s">
        <v>29414</v>
      </c>
      <c r="B44908" s="1" t="s">
        <v>151900</v>
      </c>
      <c r="C44908" s="1" t="s">
        <v>140</v>
      </c>
      <c r="D44908" s="1" t="s">
        <v>153007</v>
      </c>
      <c r="E44908" s="1" t="s">
        <v>153008</v>
      </c>
      <c r="F44908" s="1" t="s">
        <v>153009</v>
      </c>
      <c r="G44908" s="1" t="s">
        <v>152914</v>
      </c>
      <c r="H44908" s="1" t="s">
        <v>152915</v>
      </c>
      <c r="I44908" s="1" t="s">
        <v>151905</v>
      </c>
      <c r="J44908" s="1" t="s">
        <v>153010</v>
      </c>
    </row>
    <row r="44909" spans="1:10" x14ac:dyDescent="0.35">
      <c r="A44909" s="1" t="s">
        <v>29414</v>
      </c>
      <c r="B44909" s="1" t="s">
        <v>151900</v>
      </c>
      <c r="C44909" s="1" t="s">
        <v>145</v>
      </c>
      <c r="D44909" s="1" t="s">
        <v>153011</v>
      </c>
      <c r="E44909" s="1" t="s">
        <v>153012</v>
      </c>
      <c r="F44909" s="1" t="s">
        <v>153013</v>
      </c>
      <c r="G44909" s="1" t="s">
        <v>152914</v>
      </c>
      <c r="H44909" s="1" t="s">
        <v>152915</v>
      </c>
      <c r="I44909" s="1" t="s">
        <v>151905</v>
      </c>
      <c r="J44909" s="1" t="s">
        <v>153014</v>
      </c>
    </row>
    <row r="44910" spans="1:10" x14ac:dyDescent="0.35">
      <c r="A44910" s="1" t="s">
        <v>29414</v>
      </c>
      <c r="B44910" s="1" t="s">
        <v>151900</v>
      </c>
      <c r="C44910" s="1" t="s">
        <v>150</v>
      </c>
      <c r="D44910" s="1" t="s">
        <v>82511</v>
      </c>
      <c r="E44910" s="1" t="s">
        <v>153015</v>
      </c>
      <c r="F44910" s="1" t="s">
        <v>153016</v>
      </c>
      <c r="G44910" s="1" t="s">
        <v>152914</v>
      </c>
      <c r="H44910" s="1" t="s">
        <v>152915</v>
      </c>
      <c r="I44910" s="1" t="s">
        <v>151905</v>
      </c>
      <c r="J44910" s="1" t="s">
        <v>153017</v>
      </c>
    </row>
    <row r="44911" spans="1:10" x14ac:dyDescent="0.35">
      <c r="A44911" s="1" t="s">
        <v>29414</v>
      </c>
      <c r="B44911" s="1" t="s">
        <v>151900</v>
      </c>
      <c r="C44911" s="1" t="s">
        <v>155</v>
      </c>
      <c r="D44911" s="1" t="s">
        <v>153018</v>
      </c>
      <c r="E44911" s="1" t="s">
        <v>153019</v>
      </c>
      <c r="F44911" s="1" t="s">
        <v>153020</v>
      </c>
      <c r="G44911" s="1" t="s">
        <v>152914</v>
      </c>
      <c r="H44911" s="1" t="s">
        <v>152915</v>
      </c>
      <c r="I44911" s="1" t="s">
        <v>151905</v>
      </c>
      <c r="J44911" s="1" t="s">
        <v>153021</v>
      </c>
    </row>
    <row r="44912" spans="1:10" x14ac:dyDescent="0.35">
      <c r="A44912" s="1" t="s">
        <v>29414</v>
      </c>
      <c r="B44912" s="1" t="s">
        <v>151900</v>
      </c>
      <c r="C44912" s="1" t="s">
        <v>160</v>
      </c>
      <c r="D44912" s="1" t="s">
        <v>153022</v>
      </c>
      <c r="E44912" s="1" t="s">
        <v>153023</v>
      </c>
      <c r="F44912" s="1" t="s">
        <v>153024</v>
      </c>
      <c r="G44912" s="1" t="s">
        <v>152914</v>
      </c>
      <c r="H44912" s="1" t="s">
        <v>152915</v>
      </c>
      <c r="I44912" s="1" t="s">
        <v>151905</v>
      </c>
      <c r="J44912" s="1" t="s">
        <v>153025</v>
      </c>
    </row>
    <row r="44913" spans="1:10" x14ac:dyDescent="0.35">
      <c r="A44913" s="1" t="s">
        <v>29414</v>
      </c>
      <c r="B44913" s="1" t="s">
        <v>151900</v>
      </c>
      <c r="C44913" s="1" t="s">
        <v>165</v>
      </c>
      <c r="D44913" s="1" t="s">
        <v>153026</v>
      </c>
      <c r="E44913" s="1" t="s">
        <v>153027</v>
      </c>
      <c r="F44913" s="1" t="s">
        <v>153028</v>
      </c>
      <c r="G44913" s="1" t="s">
        <v>152914</v>
      </c>
      <c r="H44913" s="1" t="s">
        <v>152915</v>
      </c>
      <c r="I44913" s="1" t="s">
        <v>151905</v>
      </c>
      <c r="J44913" s="1" t="s">
        <v>153029</v>
      </c>
    </row>
    <row r="44914" spans="1:10" x14ac:dyDescent="0.35">
      <c r="A44914" s="1" t="s">
        <v>29414</v>
      </c>
      <c r="B44914" s="1" t="s">
        <v>151900</v>
      </c>
      <c r="C44914" s="1" t="s">
        <v>170</v>
      </c>
      <c r="D44914" s="1" t="s">
        <v>108775</v>
      </c>
      <c r="E44914" s="1" t="s">
        <v>153030</v>
      </c>
      <c r="F44914" s="1" t="s">
        <v>153031</v>
      </c>
      <c r="G44914" s="1" t="s">
        <v>152914</v>
      </c>
      <c r="H44914" s="1" t="s">
        <v>152915</v>
      </c>
      <c r="I44914" s="1" t="s">
        <v>151905</v>
      </c>
      <c r="J44914" s="1" t="s">
        <v>153032</v>
      </c>
    </row>
    <row r="44915" spans="1:10" x14ac:dyDescent="0.35">
      <c r="A44915" s="1" t="s">
        <v>29055</v>
      </c>
      <c r="B44915" s="1" t="s">
        <v>151900</v>
      </c>
      <c r="C44915" s="1" t="s">
        <v>8</v>
      </c>
      <c r="D44915" s="1" t="s">
        <v>31545</v>
      </c>
      <c r="E44915" s="1" t="s">
        <v>153033</v>
      </c>
      <c r="F44915" s="1" t="s">
        <v>153034</v>
      </c>
      <c r="G44915" s="1" t="s">
        <v>153035</v>
      </c>
      <c r="H44915" s="1" t="s">
        <v>153036</v>
      </c>
      <c r="I44915" s="1" t="s">
        <v>151905</v>
      </c>
      <c r="J44915" s="1" t="s">
        <v>13</v>
      </c>
    </row>
    <row r="44916" spans="1:10" x14ac:dyDescent="0.35">
      <c r="A44916" s="1" t="s">
        <v>29055</v>
      </c>
      <c r="B44916" s="1" t="s">
        <v>151900</v>
      </c>
      <c r="C44916" s="1" t="s">
        <v>15</v>
      </c>
      <c r="D44916" s="1" t="s">
        <v>149006</v>
      </c>
      <c r="E44916" s="1" t="s">
        <v>153037</v>
      </c>
      <c r="F44916" s="1" t="s">
        <v>153038</v>
      </c>
      <c r="G44916" s="1" t="s">
        <v>153035</v>
      </c>
      <c r="H44916" s="1" t="s">
        <v>153036</v>
      </c>
      <c r="I44916" s="1" t="s">
        <v>151905</v>
      </c>
      <c r="J44916" s="1" t="s">
        <v>153039</v>
      </c>
    </row>
    <row r="44917" spans="1:10" x14ac:dyDescent="0.35">
      <c r="A44917" s="1" t="s">
        <v>29055</v>
      </c>
      <c r="B44917" s="1" t="s">
        <v>151900</v>
      </c>
      <c r="C44917" s="1" t="s">
        <v>20</v>
      </c>
      <c r="D44917" s="1" t="s">
        <v>36445</v>
      </c>
      <c r="E44917" s="1" t="s">
        <v>153040</v>
      </c>
      <c r="F44917" s="1" t="s">
        <v>153041</v>
      </c>
      <c r="G44917" s="1" t="s">
        <v>153035</v>
      </c>
      <c r="H44917" s="1" t="s">
        <v>153036</v>
      </c>
      <c r="I44917" s="1" t="s">
        <v>151905</v>
      </c>
      <c r="J44917" s="1" t="s">
        <v>153042</v>
      </c>
    </row>
    <row r="44918" spans="1:10" x14ac:dyDescent="0.35">
      <c r="A44918" s="1" t="s">
        <v>29055</v>
      </c>
      <c r="B44918" s="1" t="s">
        <v>151900</v>
      </c>
      <c r="C44918" s="1" t="s">
        <v>25</v>
      </c>
      <c r="D44918" s="1" t="s">
        <v>38237</v>
      </c>
      <c r="E44918" s="1" t="s">
        <v>153043</v>
      </c>
      <c r="F44918" s="1" t="s">
        <v>153044</v>
      </c>
      <c r="G44918" s="1" t="s">
        <v>153035</v>
      </c>
      <c r="H44918" s="1" t="s">
        <v>153036</v>
      </c>
      <c r="I44918" s="1" t="s">
        <v>151905</v>
      </c>
      <c r="J44918" s="1" t="s">
        <v>153045</v>
      </c>
    </row>
    <row r="44919" spans="1:10" x14ac:dyDescent="0.35">
      <c r="A44919" s="1" t="s">
        <v>29055</v>
      </c>
      <c r="B44919" s="1" t="s">
        <v>151900</v>
      </c>
      <c r="C44919" s="1" t="s">
        <v>30</v>
      </c>
      <c r="D44919" s="1" t="s">
        <v>153046</v>
      </c>
      <c r="E44919" s="1" t="s">
        <v>153047</v>
      </c>
      <c r="F44919" s="1" t="s">
        <v>153048</v>
      </c>
      <c r="G44919" s="1" t="s">
        <v>153035</v>
      </c>
      <c r="H44919" s="1" t="s">
        <v>153036</v>
      </c>
      <c r="I44919" s="1" t="s">
        <v>151905</v>
      </c>
      <c r="J44919" s="1" t="s">
        <v>153049</v>
      </c>
    </row>
    <row r="44920" spans="1:10" x14ac:dyDescent="0.35">
      <c r="A44920" s="1" t="s">
        <v>29055</v>
      </c>
      <c r="B44920" s="1" t="s">
        <v>151900</v>
      </c>
      <c r="C44920" s="1" t="s">
        <v>35</v>
      </c>
      <c r="D44920" s="1" t="s">
        <v>153050</v>
      </c>
      <c r="E44920" s="1" t="s">
        <v>153051</v>
      </c>
      <c r="F44920" s="1" t="s">
        <v>153052</v>
      </c>
      <c r="G44920" s="1" t="s">
        <v>153035</v>
      </c>
      <c r="H44920" s="1" t="s">
        <v>153036</v>
      </c>
      <c r="I44920" s="1" t="s">
        <v>151905</v>
      </c>
      <c r="J44920" s="1" t="s">
        <v>153053</v>
      </c>
    </row>
    <row r="44921" spans="1:10" x14ac:dyDescent="0.35">
      <c r="A44921" s="1" t="s">
        <v>29055</v>
      </c>
      <c r="B44921" s="1" t="s">
        <v>151900</v>
      </c>
      <c r="C44921" s="1" t="s">
        <v>40</v>
      </c>
      <c r="D44921" s="1" t="s">
        <v>153054</v>
      </c>
      <c r="E44921" s="1" t="s">
        <v>153055</v>
      </c>
      <c r="F44921" s="1" t="s">
        <v>153056</v>
      </c>
      <c r="G44921" s="1" t="s">
        <v>153035</v>
      </c>
      <c r="H44921" s="1" t="s">
        <v>153036</v>
      </c>
      <c r="I44921" s="1" t="s">
        <v>151905</v>
      </c>
      <c r="J44921" s="1" t="s">
        <v>153057</v>
      </c>
    </row>
    <row r="44922" spans="1:10" x14ac:dyDescent="0.35">
      <c r="A44922" s="1" t="s">
        <v>29055</v>
      </c>
      <c r="B44922" s="1" t="s">
        <v>151900</v>
      </c>
      <c r="C44922" s="1" t="s">
        <v>45</v>
      </c>
      <c r="D44922" s="1" t="s">
        <v>4199</v>
      </c>
      <c r="E44922" s="1" t="s">
        <v>153058</v>
      </c>
      <c r="F44922" s="1" t="s">
        <v>153059</v>
      </c>
      <c r="G44922" s="1" t="s">
        <v>153035</v>
      </c>
      <c r="H44922" s="1" t="s">
        <v>153036</v>
      </c>
      <c r="I44922" s="1" t="s">
        <v>151905</v>
      </c>
      <c r="J44922" s="1" t="s">
        <v>153060</v>
      </c>
    </row>
    <row r="44923" spans="1:10" x14ac:dyDescent="0.35">
      <c r="A44923" s="1" t="s">
        <v>29055</v>
      </c>
      <c r="B44923" s="1" t="s">
        <v>151900</v>
      </c>
      <c r="C44923" s="1" t="s">
        <v>50</v>
      </c>
      <c r="D44923" s="1" t="s">
        <v>83130</v>
      </c>
      <c r="E44923" s="1" t="s">
        <v>153061</v>
      </c>
      <c r="F44923" s="1" t="s">
        <v>153062</v>
      </c>
      <c r="G44923" s="1" t="s">
        <v>153035</v>
      </c>
      <c r="H44923" s="1" t="s">
        <v>153036</v>
      </c>
      <c r="I44923" s="1" t="s">
        <v>151905</v>
      </c>
      <c r="J44923" s="1" t="s">
        <v>153063</v>
      </c>
    </row>
    <row r="44924" spans="1:10" x14ac:dyDescent="0.35">
      <c r="A44924" s="1" t="s">
        <v>29055</v>
      </c>
      <c r="B44924" s="1" t="s">
        <v>151900</v>
      </c>
      <c r="C44924" s="1" t="s">
        <v>55</v>
      </c>
      <c r="D44924" s="1" t="s">
        <v>153064</v>
      </c>
      <c r="E44924" s="1" t="s">
        <v>153065</v>
      </c>
      <c r="F44924" s="1" t="s">
        <v>153066</v>
      </c>
      <c r="G44924" s="1" t="s">
        <v>153035</v>
      </c>
      <c r="H44924" s="1" t="s">
        <v>153036</v>
      </c>
      <c r="I44924" s="1" t="s">
        <v>151905</v>
      </c>
      <c r="J44924" s="1" t="s">
        <v>153067</v>
      </c>
    </row>
    <row r="44925" spans="1:10" x14ac:dyDescent="0.35">
      <c r="A44925" s="1" t="s">
        <v>29055</v>
      </c>
      <c r="B44925" s="1" t="s">
        <v>151900</v>
      </c>
      <c r="C44925" s="1" t="s">
        <v>60</v>
      </c>
      <c r="D44925" s="1" t="s">
        <v>153068</v>
      </c>
      <c r="E44925" s="1" t="s">
        <v>153069</v>
      </c>
      <c r="F44925" s="1" t="s">
        <v>153070</v>
      </c>
      <c r="G44925" s="1" t="s">
        <v>153035</v>
      </c>
      <c r="H44925" s="1" t="s">
        <v>153036</v>
      </c>
      <c r="I44925" s="1" t="s">
        <v>151905</v>
      </c>
      <c r="J44925" s="1" t="s">
        <v>153071</v>
      </c>
    </row>
    <row r="44926" spans="1:10" x14ac:dyDescent="0.35">
      <c r="A44926" s="1" t="s">
        <v>29055</v>
      </c>
      <c r="B44926" s="1" t="s">
        <v>151900</v>
      </c>
      <c r="C44926" s="1" t="s">
        <v>65</v>
      </c>
      <c r="D44926" s="1" t="s">
        <v>33065</v>
      </c>
      <c r="E44926" s="1" t="s">
        <v>153072</v>
      </c>
      <c r="F44926" s="1" t="s">
        <v>153073</v>
      </c>
      <c r="G44926" s="1" t="s">
        <v>153035</v>
      </c>
      <c r="H44926" s="1" t="s">
        <v>153036</v>
      </c>
      <c r="I44926" s="1" t="s">
        <v>151905</v>
      </c>
      <c r="J44926" s="1" t="s">
        <v>153074</v>
      </c>
    </row>
    <row r="44927" spans="1:10" x14ac:dyDescent="0.35">
      <c r="A44927" s="1" t="s">
        <v>29055</v>
      </c>
      <c r="B44927" s="1" t="s">
        <v>151900</v>
      </c>
      <c r="C44927" s="1" t="s">
        <v>70</v>
      </c>
      <c r="D44927" s="1" t="s">
        <v>153075</v>
      </c>
      <c r="E44927" s="1" t="s">
        <v>153076</v>
      </c>
      <c r="F44927" s="1" t="s">
        <v>153077</v>
      </c>
      <c r="G44927" s="1" t="s">
        <v>153035</v>
      </c>
      <c r="H44927" s="1" t="s">
        <v>153036</v>
      </c>
      <c r="I44927" s="1" t="s">
        <v>151905</v>
      </c>
      <c r="J44927" s="1" t="s">
        <v>153078</v>
      </c>
    </row>
    <row r="44928" spans="1:10" x14ac:dyDescent="0.35">
      <c r="A44928" s="1" t="s">
        <v>29055</v>
      </c>
      <c r="B44928" s="1" t="s">
        <v>151900</v>
      </c>
      <c r="C44928" s="1" t="s">
        <v>75</v>
      </c>
      <c r="D44928" s="1" t="s">
        <v>153079</v>
      </c>
      <c r="E44928" s="1" t="s">
        <v>153080</v>
      </c>
      <c r="F44928" s="1" t="s">
        <v>153081</v>
      </c>
      <c r="G44928" s="1" t="s">
        <v>153035</v>
      </c>
      <c r="H44928" s="1" t="s">
        <v>153036</v>
      </c>
      <c r="I44928" s="1" t="s">
        <v>151905</v>
      </c>
      <c r="J44928" s="1" t="s">
        <v>153082</v>
      </c>
    </row>
    <row r="44929" spans="1:10" x14ac:dyDescent="0.35">
      <c r="A44929" s="1" t="s">
        <v>29055</v>
      </c>
      <c r="B44929" s="1" t="s">
        <v>151900</v>
      </c>
      <c r="C44929" s="1" t="s">
        <v>80</v>
      </c>
      <c r="D44929" s="1" t="s">
        <v>153083</v>
      </c>
      <c r="E44929" s="1" t="s">
        <v>153084</v>
      </c>
      <c r="F44929" s="1" t="s">
        <v>153085</v>
      </c>
      <c r="G44929" s="1" t="s">
        <v>153035</v>
      </c>
      <c r="H44929" s="1" t="s">
        <v>153036</v>
      </c>
      <c r="I44929" s="1" t="s">
        <v>151905</v>
      </c>
      <c r="J44929" s="1" t="s">
        <v>153086</v>
      </c>
    </row>
    <row r="44930" spans="1:10" x14ac:dyDescent="0.35">
      <c r="A44930" s="1" t="s">
        <v>29055</v>
      </c>
      <c r="B44930" s="1" t="s">
        <v>151900</v>
      </c>
      <c r="C44930" s="1" t="s">
        <v>85</v>
      </c>
      <c r="D44930" s="1" t="s">
        <v>142012</v>
      </c>
      <c r="E44930" s="1" t="s">
        <v>153087</v>
      </c>
      <c r="F44930" s="1" t="s">
        <v>153088</v>
      </c>
      <c r="G44930" s="1" t="s">
        <v>153035</v>
      </c>
      <c r="H44930" s="1" t="s">
        <v>153036</v>
      </c>
      <c r="I44930" s="1" t="s">
        <v>151905</v>
      </c>
      <c r="J44930" s="1" t="s">
        <v>153089</v>
      </c>
    </row>
    <row r="44931" spans="1:10" x14ac:dyDescent="0.35">
      <c r="A44931" s="1" t="s">
        <v>29055</v>
      </c>
      <c r="B44931" s="1" t="s">
        <v>151900</v>
      </c>
      <c r="C44931" s="1" t="s">
        <v>90</v>
      </c>
      <c r="D44931" s="1" t="s">
        <v>31889</v>
      </c>
      <c r="E44931" s="1" t="s">
        <v>153090</v>
      </c>
      <c r="F44931" s="1" t="s">
        <v>153091</v>
      </c>
      <c r="G44931" s="1" t="s">
        <v>153035</v>
      </c>
      <c r="H44931" s="1" t="s">
        <v>153036</v>
      </c>
      <c r="I44931" s="1" t="s">
        <v>151905</v>
      </c>
      <c r="J44931" s="1" t="s">
        <v>153092</v>
      </c>
    </row>
    <row r="44932" spans="1:10" x14ac:dyDescent="0.35">
      <c r="A44932" s="1" t="s">
        <v>29055</v>
      </c>
      <c r="B44932" s="1" t="s">
        <v>151900</v>
      </c>
      <c r="C44932" s="1" t="s">
        <v>95</v>
      </c>
      <c r="D44932" s="1" t="s">
        <v>33069</v>
      </c>
      <c r="E44932" s="1" t="s">
        <v>153093</v>
      </c>
      <c r="F44932" s="1" t="s">
        <v>153094</v>
      </c>
      <c r="G44932" s="1" t="s">
        <v>153035</v>
      </c>
      <c r="H44932" s="1" t="s">
        <v>153036</v>
      </c>
      <c r="I44932" s="1" t="s">
        <v>151905</v>
      </c>
      <c r="J44932" s="1" t="s">
        <v>153095</v>
      </c>
    </row>
    <row r="44933" spans="1:10" x14ac:dyDescent="0.35">
      <c r="A44933" s="1" t="s">
        <v>29055</v>
      </c>
      <c r="B44933" s="1" t="s">
        <v>151900</v>
      </c>
      <c r="C44933" s="1" t="s">
        <v>100</v>
      </c>
      <c r="D44933" s="1" t="s">
        <v>13632</v>
      </c>
      <c r="E44933" s="1" t="s">
        <v>153096</v>
      </c>
      <c r="F44933" s="1" t="s">
        <v>153097</v>
      </c>
      <c r="G44933" s="1" t="s">
        <v>153035</v>
      </c>
      <c r="H44933" s="1" t="s">
        <v>153036</v>
      </c>
      <c r="I44933" s="1" t="s">
        <v>151905</v>
      </c>
      <c r="J44933" s="1" t="s">
        <v>153098</v>
      </c>
    </row>
    <row r="44934" spans="1:10" x14ac:dyDescent="0.35">
      <c r="A44934" s="1" t="s">
        <v>29055</v>
      </c>
      <c r="B44934" s="1" t="s">
        <v>151900</v>
      </c>
      <c r="C44934" s="1" t="s">
        <v>105</v>
      </c>
      <c r="D44934" s="1" t="s">
        <v>153099</v>
      </c>
      <c r="E44934" s="1" t="s">
        <v>153100</v>
      </c>
      <c r="F44934" s="1" t="s">
        <v>153101</v>
      </c>
      <c r="G44934" s="1" t="s">
        <v>153035</v>
      </c>
      <c r="H44934" s="1" t="s">
        <v>153036</v>
      </c>
      <c r="I44934" s="1" t="s">
        <v>151905</v>
      </c>
      <c r="J44934" s="1" t="s">
        <v>153102</v>
      </c>
    </row>
    <row r="44935" spans="1:10" x14ac:dyDescent="0.35">
      <c r="A44935" s="1" t="s">
        <v>29055</v>
      </c>
      <c r="B44935" s="1" t="s">
        <v>151900</v>
      </c>
      <c r="C44935" s="1" t="s">
        <v>110</v>
      </c>
      <c r="D44935" s="1" t="s">
        <v>153103</v>
      </c>
      <c r="E44935" s="1" t="s">
        <v>153104</v>
      </c>
      <c r="F44935" s="1" t="s">
        <v>153105</v>
      </c>
      <c r="G44935" s="1" t="s">
        <v>153035</v>
      </c>
      <c r="H44935" s="1" t="s">
        <v>153036</v>
      </c>
      <c r="I44935" s="1" t="s">
        <v>151905</v>
      </c>
      <c r="J44935" s="1" t="s">
        <v>153106</v>
      </c>
    </row>
    <row r="44936" spans="1:10" x14ac:dyDescent="0.35">
      <c r="A44936" s="1" t="s">
        <v>29055</v>
      </c>
      <c r="B44936" s="1" t="s">
        <v>151900</v>
      </c>
      <c r="C44936" s="1" t="s">
        <v>115</v>
      </c>
      <c r="D44936" s="1" t="s">
        <v>153107</v>
      </c>
      <c r="E44936" s="1" t="s">
        <v>153108</v>
      </c>
      <c r="F44936" s="1" t="s">
        <v>153109</v>
      </c>
      <c r="G44936" s="1" t="s">
        <v>153035</v>
      </c>
      <c r="H44936" s="1" t="s">
        <v>153036</v>
      </c>
      <c r="I44936" s="1" t="s">
        <v>151905</v>
      </c>
      <c r="J44936" s="1" t="s">
        <v>153110</v>
      </c>
    </row>
    <row r="44937" spans="1:10" x14ac:dyDescent="0.35">
      <c r="A44937" s="1" t="s">
        <v>29055</v>
      </c>
      <c r="B44937" s="1" t="s">
        <v>151900</v>
      </c>
      <c r="C44937" s="1" t="s">
        <v>120</v>
      </c>
      <c r="D44937" s="1" t="s">
        <v>153111</v>
      </c>
      <c r="E44937" s="1" t="s">
        <v>153112</v>
      </c>
      <c r="F44937" s="1" t="s">
        <v>153113</v>
      </c>
      <c r="G44937" s="1" t="s">
        <v>153035</v>
      </c>
      <c r="H44937" s="1" t="s">
        <v>153036</v>
      </c>
      <c r="I44937" s="1" t="s">
        <v>151905</v>
      </c>
      <c r="J44937" s="1" t="s">
        <v>153114</v>
      </c>
    </row>
    <row r="44938" spans="1:10" x14ac:dyDescent="0.35">
      <c r="A44938" s="1" t="s">
        <v>29055</v>
      </c>
      <c r="B44938" s="1" t="s">
        <v>151900</v>
      </c>
      <c r="C44938" s="1" t="s">
        <v>125</v>
      </c>
      <c r="D44938" s="1" t="s">
        <v>153115</v>
      </c>
      <c r="E44938" s="1" t="s">
        <v>153116</v>
      </c>
      <c r="F44938" s="1" t="s">
        <v>153117</v>
      </c>
      <c r="G44938" s="1" t="s">
        <v>153035</v>
      </c>
      <c r="H44938" s="1" t="s">
        <v>153036</v>
      </c>
      <c r="I44938" s="1" t="s">
        <v>151905</v>
      </c>
      <c r="J44938" s="1" t="s">
        <v>153118</v>
      </c>
    </row>
    <row r="44939" spans="1:10" x14ac:dyDescent="0.35">
      <c r="A44939" s="1" t="s">
        <v>29055</v>
      </c>
      <c r="B44939" s="1" t="s">
        <v>151900</v>
      </c>
      <c r="C44939" s="1" t="s">
        <v>130</v>
      </c>
      <c r="D44939" s="1" t="s">
        <v>106569</v>
      </c>
      <c r="E44939" s="1" t="s">
        <v>153119</v>
      </c>
      <c r="F44939" s="1" t="s">
        <v>153120</v>
      </c>
      <c r="G44939" s="1" t="s">
        <v>153035</v>
      </c>
      <c r="H44939" s="1" t="s">
        <v>153036</v>
      </c>
      <c r="I44939" s="1" t="s">
        <v>151905</v>
      </c>
      <c r="J44939" s="1" t="s">
        <v>153121</v>
      </c>
    </row>
    <row r="44940" spans="1:10" x14ac:dyDescent="0.35">
      <c r="A44940" s="1" t="s">
        <v>29055</v>
      </c>
      <c r="B44940" s="1" t="s">
        <v>151900</v>
      </c>
      <c r="C44940" s="1" t="s">
        <v>135</v>
      </c>
      <c r="D44940" s="1" t="s">
        <v>153122</v>
      </c>
      <c r="E44940" s="1" t="s">
        <v>153123</v>
      </c>
      <c r="F44940" s="1" t="s">
        <v>153124</v>
      </c>
      <c r="G44940" s="1" t="s">
        <v>153035</v>
      </c>
      <c r="H44940" s="1" t="s">
        <v>153036</v>
      </c>
      <c r="I44940" s="1" t="s">
        <v>151905</v>
      </c>
      <c r="J44940" s="1" t="s">
        <v>153125</v>
      </c>
    </row>
    <row r="44941" spans="1:10" x14ac:dyDescent="0.35">
      <c r="A44941" s="1" t="s">
        <v>29055</v>
      </c>
      <c r="B44941" s="1" t="s">
        <v>151900</v>
      </c>
      <c r="C44941" s="1" t="s">
        <v>140</v>
      </c>
      <c r="D44941" s="1" t="s">
        <v>153126</v>
      </c>
      <c r="E44941" s="1" t="s">
        <v>153127</v>
      </c>
      <c r="F44941" s="1" t="s">
        <v>153128</v>
      </c>
      <c r="G44941" s="1" t="s">
        <v>153035</v>
      </c>
      <c r="H44941" s="1" t="s">
        <v>153036</v>
      </c>
      <c r="I44941" s="1" t="s">
        <v>151905</v>
      </c>
      <c r="J44941" s="1" t="s">
        <v>153129</v>
      </c>
    </row>
    <row r="44942" spans="1:10" x14ac:dyDescent="0.35">
      <c r="A44942" s="1" t="s">
        <v>29055</v>
      </c>
      <c r="B44942" s="1" t="s">
        <v>151900</v>
      </c>
      <c r="C44942" s="1" t="s">
        <v>145</v>
      </c>
      <c r="D44942" s="1" t="s">
        <v>153130</v>
      </c>
      <c r="E44942" s="1" t="s">
        <v>153131</v>
      </c>
      <c r="F44942" s="1" t="s">
        <v>153132</v>
      </c>
      <c r="G44942" s="1" t="s">
        <v>153035</v>
      </c>
      <c r="H44942" s="1" t="s">
        <v>153036</v>
      </c>
      <c r="I44942" s="1" t="s">
        <v>151905</v>
      </c>
      <c r="J44942" s="1" t="s">
        <v>153133</v>
      </c>
    </row>
    <row r="44943" spans="1:10" x14ac:dyDescent="0.35">
      <c r="A44943" s="1" t="s">
        <v>29055</v>
      </c>
      <c r="B44943" s="1" t="s">
        <v>151900</v>
      </c>
      <c r="C44943" s="1" t="s">
        <v>150</v>
      </c>
      <c r="D44943" s="1" t="s">
        <v>82277</v>
      </c>
      <c r="E44943" s="1" t="s">
        <v>153134</v>
      </c>
      <c r="F44943" s="1" t="s">
        <v>153135</v>
      </c>
      <c r="G44943" s="1" t="s">
        <v>153035</v>
      </c>
      <c r="H44943" s="1" t="s">
        <v>153036</v>
      </c>
      <c r="I44943" s="1" t="s">
        <v>151905</v>
      </c>
      <c r="J44943" s="1" t="s">
        <v>153136</v>
      </c>
    </row>
    <row r="44944" spans="1:10" x14ac:dyDescent="0.35">
      <c r="A44944" s="1" t="s">
        <v>29055</v>
      </c>
      <c r="B44944" s="1" t="s">
        <v>151900</v>
      </c>
      <c r="C44944" s="1" t="s">
        <v>155</v>
      </c>
      <c r="D44944" s="1" t="s">
        <v>153137</v>
      </c>
      <c r="E44944" s="1" t="s">
        <v>153138</v>
      </c>
      <c r="F44944" s="1" t="s">
        <v>153139</v>
      </c>
      <c r="G44944" s="1" t="s">
        <v>153035</v>
      </c>
      <c r="H44944" s="1" t="s">
        <v>153036</v>
      </c>
      <c r="I44944" s="1" t="s">
        <v>151905</v>
      </c>
      <c r="J44944" s="1" t="s">
        <v>153140</v>
      </c>
    </row>
    <row r="44945" spans="1:10" x14ac:dyDescent="0.35">
      <c r="A44945" s="1" t="s">
        <v>29055</v>
      </c>
      <c r="B44945" s="1" t="s">
        <v>151900</v>
      </c>
      <c r="C44945" s="1" t="s">
        <v>160</v>
      </c>
      <c r="D44945" s="1" t="s">
        <v>38071</v>
      </c>
      <c r="E44945" s="1" t="s">
        <v>153141</v>
      </c>
      <c r="F44945" s="1" t="s">
        <v>153142</v>
      </c>
      <c r="G44945" s="1" t="s">
        <v>153035</v>
      </c>
      <c r="H44945" s="1" t="s">
        <v>153036</v>
      </c>
      <c r="I44945" s="1" t="s">
        <v>151905</v>
      </c>
      <c r="J44945" s="1" t="s">
        <v>153143</v>
      </c>
    </row>
    <row r="44946" spans="1:10" x14ac:dyDescent="0.35">
      <c r="A44946" s="1" t="s">
        <v>29055</v>
      </c>
      <c r="B44946" s="1" t="s">
        <v>151900</v>
      </c>
      <c r="C44946" s="1" t="s">
        <v>165</v>
      </c>
      <c r="D44946" s="1" t="s">
        <v>153144</v>
      </c>
      <c r="E44946" s="1" t="s">
        <v>153145</v>
      </c>
      <c r="F44946" s="1" t="s">
        <v>153146</v>
      </c>
      <c r="G44946" s="1" t="s">
        <v>153035</v>
      </c>
      <c r="H44946" s="1" t="s">
        <v>153036</v>
      </c>
      <c r="I44946" s="1" t="s">
        <v>151905</v>
      </c>
      <c r="J44946" s="1" t="s">
        <v>153147</v>
      </c>
    </row>
    <row r="44947" spans="1:10" x14ac:dyDescent="0.35">
      <c r="A44947" s="1" t="s">
        <v>29055</v>
      </c>
      <c r="B44947" s="1" t="s">
        <v>151900</v>
      </c>
      <c r="C44947" s="1" t="s">
        <v>170</v>
      </c>
      <c r="D44947" s="1" t="s">
        <v>153148</v>
      </c>
      <c r="E44947" s="1" t="s">
        <v>153149</v>
      </c>
      <c r="F44947" s="1" t="s">
        <v>153150</v>
      </c>
      <c r="G44947" s="1" t="s">
        <v>153035</v>
      </c>
      <c r="H44947" s="1" t="s">
        <v>153036</v>
      </c>
      <c r="I44947" s="1" t="s">
        <v>151905</v>
      </c>
      <c r="J44947" s="1" t="s">
        <v>153151</v>
      </c>
    </row>
    <row r="44948" spans="1:10" x14ac:dyDescent="0.35">
      <c r="A44948" s="1" t="s">
        <v>4345</v>
      </c>
      <c r="B44948" s="1" t="s">
        <v>151900</v>
      </c>
      <c r="C44948" s="1" t="s">
        <v>8</v>
      </c>
      <c r="D44948" s="1" t="s">
        <v>74920</v>
      </c>
      <c r="E44948" s="1" t="s">
        <v>153152</v>
      </c>
      <c r="F44948" s="1" t="s">
        <v>153153</v>
      </c>
      <c r="G44948" s="1" t="s">
        <v>153154</v>
      </c>
      <c r="H44948" s="1" t="s">
        <v>153155</v>
      </c>
      <c r="I44948" s="1" t="s">
        <v>151905</v>
      </c>
      <c r="J44948" s="1" t="s">
        <v>13</v>
      </c>
    </row>
    <row r="44949" spans="1:10" x14ac:dyDescent="0.35">
      <c r="A44949" s="1" t="s">
        <v>4345</v>
      </c>
      <c r="B44949" s="1" t="s">
        <v>151900</v>
      </c>
      <c r="C44949" s="1" t="s">
        <v>15</v>
      </c>
      <c r="D44949" s="1" t="s">
        <v>45185</v>
      </c>
      <c r="E44949" s="1" t="s">
        <v>153156</v>
      </c>
      <c r="F44949" s="1" t="s">
        <v>153157</v>
      </c>
      <c r="G44949" s="1" t="s">
        <v>153154</v>
      </c>
      <c r="H44949" s="1" t="s">
        <v>153155</v>
      </c>
      <c r="I44949" s="1" t="s">
        <v>151905</v>
      </c>
      <c r="J44949" s="1" t="s">
        <v>153158</v>
      </c>
    </row>
    <row r="44950" spans="1:10" x14ac:dyDescent="0.35">
      <c r="A44950" s="1" t="s">
        <v>4345</v>
      </c>
      <c r="B44950" s="1" t="s">
        <v>151900</v>
      </c>
      <c r="C44950" s="1" t="s">
        <v>20</v>
      </c>
      <c r="D44950" s="1" t="s">
        <v>153159</v>
      </c>
      <c r="E44950" s="1" t="s">
        <v>153160</v>
      </c>
      <c r="F44950" s="1" t="s">
        <v>153161</v>
      </c>
      <c r="G44950" s="1" t="s">
        <v>153154</v>
      </c>
      <c r="H44950" s="1" t="s">
        <v>153155</v>
      </c>
      <c r="I44950" s="1" t="s">
        <v>151905</v>
      </c>
      <c r="J44950" s="1" t="s">
        <v>153162</v>
      </c>
    </row>
    <row r="44951" spans="1:10" x14ac:dyDescent="0.35">
      <c r="A44951" s="1" t="s">
        <v>4345</v>
      </c>
      <c r="B44951" s="1" t="s">
        <v>151900</v>
      </c>
      <c r="C44951" s="1" t="s">
        <v>25</v>
      </c>
      <c r="D44951" s="1" t="s">
        <v>17145</v>
      </c>
      <c r="E44951" s="1" t="s">
        <v>153163</v>
      </c>
      <c r="F44951" s="1" t="s">
        <v>153164</v>
      </c>
      <c r="G44951" s="1" t="s">
        <v>153154</v>
      </c>
      <c r="H44951" s="1" t="s">
        <v>153155</v>
      </c>
      <c r="I44951" s="1" t="s">
        <v>151905</v>
      </c>
      <c r="J44951" s="1" t="s">
        <v>153165</v>
      </c>
    </row>
    <row r="44952" spans="1:10" x14ac:dyDescent="0.35">
      <c r="A44952" s="1" t="s">
        <v>4345</v>
      </c>
      <c r="B44952" s="1" t="s">
        <v>151900</v>
      </c>
      <c r="C44952" s="1" t="s">
        <v>30</v>
      </c>
      <c r="D44952" s="1" t="s">
        <v>153166</v>
      </c>
      <c r="E44952" s="1" t="s">
        <v>153167</v>
      </c>
      <c r="F44952" s="1" t="s">
        <v>153168</v>
      </c>
      <c r="G44952" s="1" t="s">
        <v>153154</v>
      </c>
      <c r="H44952" s="1" t="s">
        <v>153155</v>
      </c>
      <c r="I44952" s="1" t="s">
        <v>151905</v>
      </c>
      <c r="J44952" s="1" t="s">
        <v>153169</v>
      </c>
    </row>
    <row r="44953" spans="1:10" x14ac:dyDescent="0.35">
      <c r="A44953" s="1" t="s">
        <v>4345</v>
      </c>
      <c r="B44953" s="1" t="s">
        <v>151900</v>
      </c>
      <c r="C44953" s="1" t="s">
        <v>35</v>
      </c>
      <c r="D44953" s="1" t="s">
        <v>46497</v>
      </c>
      <c r="E44953" s="1" t="s">
        <v>153170</v>
      </c>
      <c r="F44953" s="1" t="s">
        <v>153171</v>
      </c>
      <c r="G44953" s="1" t="s">
        <v>153154</v>
      </c>
      <c r="H44953" s="1" t="s">
        <v>153155</v>
      </c>
      <c r="I44953" s="1" t="s">
        <v>151905</v>
      </c>
      <c r="J44953" s="1" t="s">
        <v>153172</v>
      </c>
    </row>
    <row r="44954" spans="1:10" x14ac:dyDescent="0.35">
      <c r="A44954" s="1" t="s">
        <v>4345</v>
      </c>
      <c r="B44954" s="1" t="s">
        <v>151900</v>
      </c>
      <c r="C44954" s="1" t="s">
        <v>40</v>
      </c>
      <c r="D44954" s="1" t="s">
        <v>11823</v>
      </c>
      <c r="E44954" s="1" t="s">
        <v>153173</v>
      </c>
      <c r="F44954" s="1" t="s">
        <v>153174</v>
      </c>
      <c r="G44954" s="1" t="s">
        <v>153154</v>
      </c>
      <c r="H44954" s="1" t="s">
        <v>153155</v>
      </c>
      <c r="I44954" s="1" t="s">
        <v>151905</v>
      </c>
      <c r="J44954" s="1" t="s">
        <v>153175</v>
      </c>
    </row>
    <row r="44955" spans="1:10" x14ac:dyDescent="0.35">
      <c r="A44955" s="1" t="s">
        <v>4345</v>
      </c>
      <c r="B44955" s="1" t="s">
        <v>151900</v>
      </c>
      <c r="C44955" s="1" t="s">
        <v>45</v>
      </c>
      <c r="D44955" s="1" t="s">
        <v>74331</v>
      </c>
      <c r="E44955" s="1" t="s">
        <v>153176</v>
      </c>
      <c r="F44955" s="1" t="s">
        <v>153177</v>
      </c>
      <c r="G44955" s="1" t="s">
        <v>153154</v>
      </c>
      <c r="H44955" s="1" t="s">
        <v>153155</v>
      </c>
      <c r="I44955" s="1" t="s">
        <v>151905</v>
      </c>
      <c r="J44955" s="1" t="s">
        <v>153178</v>
      </c>
    </row>
    <row r="44956" spans="1:10" x14ac:dyDescent="0.35">
      <c r="A44956" s="1" t="s">
        <v>4345</v>
      </c>
      <c r="B44956" s="1" t="s">
        <v>151900</v>
      </c>
      <c r="C44956" s="1" t="s">
        <v>50</v>
      </c>
      <c r="D44956" s="1" t="s">
        <v>31479</v>
      </c>
      <c r="E44956" s="1" t="s">
        <v>153179</v>
      </c>
      <c r="F44956" s="1" t="s">
        <v>153180</v>
      </c>
      <c r="G44956" s="1" t="s">
        <v>153154</v>
      </c>
      <c r="H44956" s="1" t="s">
        <v>153155</v>
      </c>
      <c r="I44956" s="1" t="s">
        <v>151905</v>
      </c>
      <c r="J44956" s="1" t="s">
        <v>153181</v>
      </c>
    </row>
    <row r="44957" spans="1:10" x14ac:dyDescent="0.35">
      <c r="A44957" s="1" t="s">
        <v>4345</v>
      </c>
      <c r="B44957" s="1" t="s">
        <v>151900</v>
      </c>
      <c r="C44957" s="1" t="s">
        <v>55</v>
      </c>
      <c r="D44957" s="1" t="s">
        <v>142153</v>
      </c>
      <c r="E44957" s="1" t="s">
        <v>153182</v>
      </c>
      <c r="F44957" s="1" t="s">
        <v>153183</v>
      </c>
      <c r="G44957" s="1" t="s">
        <v>153154</v>
      </c>
      <c r="H44957" s="1" t="s">
        <v>153155</v>
      </c>
      <c r="I44957" s="1" t="s">
        <v>151905</v>
      </c>
      <c r="J44957" s="1" t="s">
        <v>153184</v>
      </c>
    </row>
    <row r="44958" spans="1:10" x14ac:dyDescent="0.35">
      <c r="A44958" s="1" t="s">
        <v>4345</v>
      </c>
      <c r="B44958" s="1" t="s">
        <v>151900</v>
      </c>
      <c r="C44958" s="1" t="s">
        <v>60</v>
      </c>
      <c r="D44958" s="1" t="s">
        <v>153185</v>
      </c>
      <c r="E44958" s="1" t="s">
        <v>153186</v>
      </c>
      <c r="F44958" s="1" t="s">
        <v>153187</v>
      </c>
      <c r="G44958" s="1" t="s">
        <v>153154</v>
      </c>
      <c r="H44958" s="1" t="s">
        <v>153155</v>
      </c>
      <c r="I44958" s="1" t="s">
        <v>151905</v>
      </c>
      <c r="J44958" s="1" t="s">
        <v>153188</v>
      </c>
    </row>
    <row r="44959" spans="1:10" x14ac:dyDescent="0.35">
      <c r="A44959" s="1" t="s">
        <v>4345</v>
      </c>
      <c r="B44959" s="1" t="s">
        <v>151900</v>
      </c>
      <c r="C44959" s="1" t="s">
        <v>65</v>
      </c>
      <c r="D44959" s="1" t="s">
        <v>9640</v>
      </c>
      <c r="E44959" s="1" t="s">
        <v>153189</v>
      </c>
      <c r="F44959" s="1" t="s">
        <v>153190</v>
      </c>
      <c r="G44959" s="1" t="s">
        <v>153154</v>
      </c>
      <c r="H44959" s="1" t="s">
        <v>153155</v>
      </c>
      <c r="I44959" s="1" t="s">
        <v>151905</v>
      </c>
      <c r="J44959" s="1" t="s">
        <v>153191</v>
      </c>
    </row>
    <row r="44960" spans="1:10" x14ac:dyDescent="0.35">
      <c r="A44960" s="1" t="s">
        <v>4345</v>
      </c>
      <c r="B44960" s="1" t="s">
        <v>151900</v>
      </c>
      <c r="C44960" s="1" t="s">
        <v>70</v>
      </c>
      <c r="D44960" s="1" t="s">
        <v>19592</v>
      </c>
      <c r="E44960" s="1" t="s">
        <v>153192</v>
      </c>
      <c r="F44960" s="1" t="s">
        <v>153193</v>
      </c>
      <c r="G44960" s="1" t="s">
        <v>153154</v>
      </c>
      <c r="H44960" s="1" t="s">
        <v>153155</v>
      </c>
      <c r="I44960" s="1" t="s">
        <v>151905</v>
      </c>
      <c r="J44960" s="1" t="s">
        <v>153194</v>
      </c>
    </row>
    <row r="44961" spans="1:10" x14ac:dyDescent="0.35">
      <c r="A44961" s="1" t="s">
        <v>4345</v>
      </c>
      <c r="B44961" s="1" t="s">
        <v>151900</v>
      </c>
      <c r="C44961" s="1" t="s">
        <v>75</v>
      </c>
      <c r="D44961" s="1" t="s">
        <v>112926</v>
      </c>
      <c r="E44961" s="1" t="s">
        <v>153195</v>
      </c>
      <c r="F44961" s="1" t="s">
        <v>153196</v>
      </c>
      <c r="G44961" s="1" t="s">
        <v>153154</v>
      </c>
      <c r="H44961" s="1" t="s">
        <v>153155</v>
      </c>
      <c r="I44961" s="1" t="s">
        <v>151905</v>
      </c>
      <c r="J44961" s="1" t="s">
        <v>153197</v>
      </c>
    </row>
    <row r="44962" spans="1:10" x14ac:dyDescent="0.35">
      <c r="A44962" s="1" t="s">
        <v>4345</v>
      </c>
      <c r="B44962" s="1" t="s">
        <v>151900</v>
      </c>
      <c r="C44962" s="1" t="s">
        <v>80</v>
      </c>
      <c r="D44962" s="1" t="s">
        <v>153198</v>
      </c>
      <c r="E44962" s="1" t="s">
        <v>153199</v>
      </c>
      <c r="F44962" s="1" t="s">
        <v>153200</v>
      </c>
      <c r="G44962" s="1" t="s">
        <v>153154</v>
      </c>
      <c r="H44962" s="1" t="s">
        <v>153155</v>
      </c>
      <c r="I44962" s="1" t="s">
        <v>151905</v>
      </c>
      <c r="J44962" s="1" t="s">
        <v>153201</v>
      </c>
    </row>
    <row r="44963" spans="1:10" x14ac:dyDescent="0.35">
      <c r="A44963" s="1" t="s">
        <v>4345</v>
      </c>
      <c r="B44963" s="1" t="s">
        <v>151900</v>
      </c>
      <c r="C44963" s="1" t="s">
        <v>85</v>
      </c>
      <c r="D44963" s="1" t="s">
        <v>112938</v>
      </c>
      <c r="E44963" s="1" t="s">
        <v>153202</v>
      </c>
      <c r="F44963" s="1" t="s">
        <v>153203</v>
      </c>
      <c r="G44963" s="1" t="s">
        <v>153154</v>
      </c>
      <c r="H44963" s="1" t="s">
        <v>153155</v>
      </c>
      <c r="I44963" s="1" t="s">
        <v>151905</v>
      </c>
      <c r="J44963" s="1" t="s">
        <v>153204</v>
      </c>
    </row>
    <row r="44964" spans="1:10" x14ac:dyDescent="0.35">
      <c r="A44964" s="1" t="s">
        <v>4345</v>
      </c>
      <c r="B44964" s="1" t="s">
        <v>151900</v>
      </c>
      <c r="C44964" s="1" t="s">
        <v>90</v>
      </c>
      <c r="D44964" s="1" t="s">
        <v>110948</v>
      </c>
      <c r="E44964" s="1" t="s">
        <v>153205</v>
      </c>
      <c r="F44964" s="1" t="s">
        <v>153206</v>
      </c>
      <c r="G44964" s="1" t="s">
        <v>153154</v>
      </c>
      <c r="H44964" s="1" t="s">
        <v>153155</v>
      </c>
      <c r="I44964" s="1" t="s">
        <v>151905</v>
      </c>
      <c r="J44964" s="1" t="s">
        <v>153207</v>
      </c>
    </row>
    <row r="44965" spans="1:10" x14ac:dyDescent="0.35">
      <c r="A44965" s="1" t="s">
        <v>4345</v>
      </c>
      <c r="B44965" s="1" t="s">
        <v>151900</v>
      </c>
      <c r="C44965" s="1" t="s">
        <v>95</v>
      </c>
      <c r="D44965" s="1" t="s">
        <v>49840</v>
      </c>
      <c r="E44965" s="1" t="s">
        <v>153208</v>
      </c>
      <c r="F44965" s="1" t="s">
        <v>153209</v>
      </c>
      <c r="G44965" s="1" t="s">
        <v>153154</v>
      </c>
      <c r="H44965" s="1" t="s">
        <v>153155</v>
      </c>
      <c r="I44965" s="1" t="s">
        <v>151905</v>
      </c>
      <c r="J44965" s="1" t="s">
        <v>153210</v>
      </c>
    </row>
    <row r="44966" spans="1:10" x14ac:dyDescent="0.35">
      <c r="A44966" s="1" t="s">
        <v>4345</v>
      </c>
      <c r="B44966" s="1" t="s">
        <v>151900</v>
      </c>
      <c r="C44966" s="1" t="s">
        <v>100</v>
      </c>
      <c r="D44966" s="1" t="s">
        <v>44598</v>
      </c>
      <c r="E44966" s="1" t="s">
        <v>153211</v>
      </c>
      <c r="F44966" s="1" t="s">
        <v>153212</v>
      </c>
      <c r="G44966" s="1" t="s">
        <v>153154</v>
      </c>
      <c r="H44966" s="1" t="s">
        <v>153155</v>
      </c>
      <c r="I44966" s="1" t="s">
        <v>151905</v>
      </c>
      <c r="J44966" s="1" t="s">
        <v>153213</v>
      </c>
    </row>
    <row r="44967" spans="1:10" x14ac:dyDescent="0.35">
      <c r="A44967" s="1" t="s">
        <v>4345</v>
      </c>
      <c r="B44967" s="1" t="s">
        <v>151900</v>
      </c>
      <c r="C44967" s="1" t="s">
        <v>105</v>
      </c>
      <c r="D44967" s="1" t="s">
        <v>32792</v>
      </c>
      <c r="E44967" s="1" t="s">
        <v>153214</v>
      </c>
      <c r="F44967" s="1" t="s">
        <v>153215</v>
      </c>
      <c r="G44967" s="1" t="s">
        <v>153154</v>
      </c>
      <c r="H44967" s="1" t="s">
        <v>153155</v>
      </c>
      <c r="I44967" s="1" t="s">
        <v>151905</v>
      </c>
      <c r="J44967" s="1" t="s">
        <v>153216</v>
      </c>
    </row>
    <row r="44968" spans="1:10" x14ac:dyDescent="0.35">
      <c r="A44968" s="1" t="s">
        <v>4345</v>
      </c>
      <c r="B44968" s="1" t="s">
        <v>151900</v>
      </c>
      <c r="C44968" s="1" t="s">
        <v>110</v>
      </c>
      <c r="D44968" s="1" t="s">
        <v>153217</v>
      </c>
      <c r="E44968" s="1" t="s">
        <v>153218</v>
      </c>
      <c r="F44968" s="1" t="s">
        <v>153219</v>
      </c>
      <c r="G44968" s="1" t="s">
        <v>153154</v>
      </c>
      <c r="H44968" s="1" t="s">
        <v>153155</v>
      </c>
      <c r="I44968" s="1" t="s">
        <v>151905</v>
      </c>
      <c r="J44968" s="1" t="s">
        <v>153220</v>
      </c>
    </row>
    <row r="44969" spans="1:10" x14ac:dyDescent="0.35">
      <c r="A44969" s="1" t="s">
        <v>4345</v>
      </c>
      <c r="B44969" s="1" t="s">
        <v>151900</v>
      </c>
      <c r="C44969" s="1" t="s">
        <v>115</v>
      </c>
      <c r="D44969" s="1" t="s">
        <v>153221</v>
      </c>
      <c r="E44969" s="1" t="s">
        <v>153222</v>
      </c>
      <c r="F44969" s="1" t="s">
        <v>153223</v>
      </c>
      <c r="G44969" s="1" t="s">
        <v>153154</v>
      </c>
      <c r="H44969" s="1" t="s">
        <v>153155</v>
      </c>
      <c r="I44969" s="1" t="s">
        <v>151905</v>
      </c>
      <c r="J44969" s="1" t="s">
        <v>153224</v>
      </c>
    </row>
    <row r="44970" spans="1:10" x14ac:dyDescent="0.35">
      <c r="A44970" s="1" t="s">
        <v>4345</v>
      </c>
      <c r="B44970" s="1" t="s">
        <v>151900</v>
      </c>
      <c r="C44970" s="1" t="s">
        <v>120</v>
      </c>
      <c r="D44970" s="1" t="s">
        <v>153225</v>
      </c>
      <c r="E44970" s="1" t="s">
        <v>153226</v>
      </c>
      <c r="F44970" s="1" t="s">
        <v>153227</v>
      </c>
      <c r="G44970" s="1" t="s">
        <v>153154</v>
      </c>
      <c r="H44970" s="1" t="s">
        <v>153155</v>
      </c>
      <c r="I44970" s="1" t="s">
        <v>151905</v>
      </c>
      <c r="J44970" s="1" t="s">
        <v>153228</v>
      </c>
    </row>
    <row r="44971" spans="1:10" x14ac:dyDescent="0.35">
      <c r="A44971" s="1" t="s">
        <v>4345</v>
      </c>
      <c r="B44971" s="1" t="s">
        <v>151900</v>
      </c>
      <c r="C44971" s="1" t="s">
        <v>125</v>
      </c>
      <c r="D44971" s="1" t="s">
        <v>126548</v>
      </c>
      <c r="E44971" s="1" t="s">
        <v>153229</v>
      </c>
      <c r="F44971" s="1" t="s">
        <v>153230</v>
      </c>
      <c r="G44971" s="1" t="s">
        <v>153154</v>
      </c>
      <c r="H44971" s="1" t="s">
        <v>153155</v>
      </c>
      <c r="I44971" s="1" t="s">
        <v>151905</v>
      </c>
      <c r="J44971" s="1" t="s">
        <v>153231</v>
      </c>
    </row>
    <row r="44972" spans="1:10" x14ac:dyDescent="0.35">
      <c r="A44972" s="1" t="s">
        <v>4345</v>
      </c>
      <c r="B44972" s="1" t="s">
        <v>151900</v>
      </c>
      <c r="C44972" s="1" t="s">
        <v>130</v>
      </c>
      <c r="D44972" s="1" t="s">
        <v>3667</v>
      </c>
      <c r="E44972" s="1" t="s">
        <v>153232</v>
      </c>
      <c r="F44972" s="1" t="s">
        <v>153233</v>
      </c>
      <c r="G44972" s="1" t="s">
        <v>153154</v>
      </c>
      <c r="H44972" s="1" t="s">
        <v>153155</v>
      </c>
      <c r="I44972" s="1" t="s">
        <v>151905</v>
      </c>
      <c r="J44972" s="1" t="s">
        <v>153234</v>
      </c>
    </row>
    <row r="44973" spans="1:10" x14ac:dyDescent="0.35">
      <c r="A44973" s="1" t="s">
        <v>4345</v>
      </c>
      <c r="B44973" s="1" t="s">
        <v>151900</v>
      </c>
      <c r="C44973" s="1" t="s">
        <v>135</v>
      </c>
      <c r="D44973" s="1" t="s">
        <v>83419</v>
      </c>
      <c r="E44973" s="1" t="s">
        <v>153235</v>
      </c>
      <c r="F44973" s="1" t="s">
        <v>153236</v>
      </c>
      <c r="G44973" s="1" t="s">
        <v>153154</v>
      </c>
      <c r="H44973" s="1" t="s">
        <v>153155</v>
      </c>
      <c r="I44973" s="1" t="s">
        <v>151905</v>
      </c>
      <c r="J44973" s="1" t="s">
        <v>153237</v>
      </c>
    </row>
    <row r="44974" spans="1:10" x14ac:dyDescent="0.35">
      <c r="A44974" s="1" t="s">
        <v>4345</v>
      </c>
      <c r="B44974" s="1" t="s">
        <v>151900</v>
      </c>
      <c r="C44974" s="1" t="s">
        <v>140</v>
      </c>
      <c r="D44974" s="1" t="s">
        <v>48787</v>
      </c>
      <c r="E44974" s="1" t="s">
        <v>153238</v>
      </c>
      <c r="F44974" s="1" t="s">
        <v>153239</v>
      </c>
      <c r="G44974" s="1" t="s">
        <v>153154</v>
      </c>
      <c r="H44974" s="1" t="s">
        <v>153155</v>
      </c>
      <c r="I44974" s="1" t="s">
        <v>151905</v>
      </c>
      <c r="J44974" s="1" t="s">
        <v>153240</v>
      </c>
    </row>
    <row r="44975" spans="1:10" x14ac:dyDescent="0.35">
      <c r="A44975" s="1" t="s">
        <v>4345</v>
      </c>
      <c r="B44975" s="1" t="s">
        <v>151900</v>
      </c>
      <c r="C44975" s="1" t="s">
        <v>145</v>
      </c>
      <c r="D44975" s="1" t="s">
        <v>38882</v>
      </c>
      <c r="E44975" s="1" t="s">
        <v>153241</v>
      </c>
      <c r="F44975" s="1" t="s">
        <v>153242</v>
      </c>
      <c r="G44975" s="1" t="s">
        <v>153154</v>
      </c>
      <c r="H44975" s="1" t="s">
        <v>153155</v>
      </c>
      <c r="I44975" s="1" t="s">
        <v>151905</v>
      </c>
      <c r="J44975" s="1" t="s">
        <v>153243</v>
      </c>
    </row>
    <row r="44976" spans="1:10" x14ac:dyDescent="0.35">
      <c r="A44976" s="1" t="s">
        <v>4345</v>
      </c>
      <c r="B44976" s="1" t="s">
        <v>151900</v>
      </c>
      <c r="C44976" s="1" t="s">
        <v>150</v>
      </c>
      <c r="D44976" s="1" t="s">
        <v>153244</v>
      </c>
      <c r="E44976" s="1" t="s">
        <v>153245</v>
      </c>
      <c r="F44976" s="1" t="s">
        <v>153246</v>
      </c>
      <c r="G44976" s="1" t="s">
        <v>153154</v>
      </c>
      <c r="H44976" s="1" t="s">
        <v>153155</v>
      </c>
      <c r="I44976" s="1" t="s">
        <v>151905</v>
      </c>
      <c r="J44976" s="1" t="s">
        <v>153247</v>
      </c>
    </row>
    <row r="44977" spans="1:10" x14ac:dyDescent="0.35">
      <c r="A44977" s="1" t="s">
        <v>4345</v>
      </c>
      <c r="B44977" s="1" t="s">
        <v>151900</v>
      </c>
      <c r="C44977" s="1" t="s">
        <v>155</v>
      </c>
      <c r="D44977" s="1" t="s">
        <v>153248</v>
      </c>
      <c r="E44977" s="1" t="s">
        <v>153249</v>
      </c>
      <c r="F44977" s="1" t="s">
        <v>153250</v>
      </c>
      <c r="G44977" s="1" t="s">
        <v>153154</v>
      </c>
      <c r="H44977" s="1" t="s">
        <v>153155</v>
      </c>
      <c r="I44977" s="1" t="s">
        <v>151905</v>
      </c>
      <c r="J44977" s="1" t="s">
        <v>153251</v>
      </c>
    </row>
    <row r="44978" spans="1:10" x14ac:dyDescent="0.35">
      <c r="A44978" s="1" t="s">
        <v>4345</v>
      </c>
      <c r="B44978" s="1" t="s">
        <v>151900</v>
      </c>
      <c r="C44978" s="1" t="s">
        <v>160</v>
      </c>
      <c r="D44978" s="1" t="s">
        <v>153252</v>
      </c>
      <c r="E44978" s="1" t="s">
        <v>153253</v>
      </c>
      <c r="F44978" s="1" t="s">
        <v>153254</v>
      </c>
      <c r="G44978" s="1" t="s">
        <v>153154</v>
      </c>
      <c r="H44978" s="1" t="s">
        <v>153155</v>
      </c>
      <c r="I44978" s="1" t="s">
        <v>151905</v>
      </c>
      <c r="J44978" s="1" t="s">
        <v>153255</v>
      </c>
    </row>
    <row r="44979" spans="1:10" x14ac:dyDescent="0.35">
      <c r="A44979" s="1" t="s">
        <v>4345</v>
      </c>
      <c r="B44979" s="1" t="s">
        <v>151900</v>
      </c>
      <c r="C44979" s="1" t="s">
        <v>165</v>
      </c>
      <c r="D44979" s="1" t="s">
        <v>153248</v>
      </c>
      <c r="E44979" s="1" t="s">
        <v>153256</v>
      </c>
      <c r="F44979" s="1" t="s">
        <v>153257</v>
      </c>
      <c r="G44979" s="1" t="s">
        <v>153154</v>
      </c>
      <c r="H44979" s="1" t="s">
        <v>153155</v>
      </c>
      <c r="I44979" s="1" t="s">
        <v>151905</v>
      </c>
      <c r="J44979" s="1" t="s">
        <v>153258</v>
      </c>
    </row>
    <row r="44980" spans="1:10" x14ac:dyDescent="0.35">
      <c r="A44980" s="1" t="s">
        <v>4345</v>
      </c>
      <c r="B44980" s="1" t="s">
        <v>151900</v>
      </c>
      <c r="C44980" s="1" t="s">
        <v>170</v>
      </c>
      <c r="D44980" s="1" t="s">
        <v>18549</v>
      </c>
      <c r="E44980" s="1" t="s">
        <v>153259</v>
      </c>
      <c r="F44980" s="1" t="s">
        <v>153260</v>
      </c>
      <c r="G44980" s="1" t="s">
        <v>153154</v>
      </c>
      <c r="H44980" s="1" t="s">
        <v>153155</v>
      </c>
      <c r="I44980" s="1" t="s">
        <v>151905</v>
      </c>
      <c r="J44980" s="1" t="s">
        <v>153261</v>
      </c>
    </row>
    <row r="44981" spans="1:10" x14ac:dyDescent="0.35">
      <c r="A44981" s="1" t="s">
        <v>4516</v>
      </c>
      <c r="B44981" s="1" t="s">
        <v>151900</v>
      </c>
      <c r="C44981" s="1" t="s">
        <v>8</v>
      </c>
      <c r="D44981" s="1" t="s">
        <v>153262</v>
      </c>
      <c r="E44981" s="1" t="s">
        <v>153263</v>
      </c>
      <c r="F44981" s="1" t="s">
        <v>153264</v>
      </c>
      <c r="G44981" s="1" t="s">
        <v>153265</v>
      </c>
      <c r="H44981" s="1" t="s">
        <v>153266</v>
      </c>
      <c r="I44981" s="1" t="s">
        <v>151905</v>
      </c>
      <c r="J44981" s="1" t="s">
        <v>13</v>
      </c>
    </row>
    <row r="44982" spans="1:10" x14ac:dyDescent="0.35">
      <c r="A44982" s="1" t="s">
        <v>4516</v>
      </c>
      <c r="B44982" s="1" t="s">
        <v>151900</v>
      </c>
      <c r="C44982" s="1" t="s">
        <v>15</v>
      </c>
      <c r="D44982" s="1" t="s">
        <v>71627</v>
      </c>
      <c r="E44982" s="1" t="s">
        <v>153267</v>
      </c>
      <c r="F44982" s="1" t="s">
        <v>153268</v>
      </c>
      <c r="G44982" s="1" t="s">
        <v>153265</v>
      </c>
      <c r="H44982" s="1" t="s">
        <v>153266</v>
      </c>
      <c r="I44982" s="1" t="s">
        <v>151905</v>
      </c>
      <c r="J44982" s="1" t="s">
        <v>153269</v>
      </c>
    </row>
    <row r="44983" spans="1:10" x14ac:dyDescent="0.35">
      <c r="A44983" s="1" t="s">
        <v>4516</v>
      </c>
      <c r="B44983" s="1" t="s">
        <v>151900</v>
      </c>
      <c r="C44983" s="1" t="s">
        <v>20</v>
      </c>
      <c r="D44983" s="1" t="s">
        <v>4626</v>
      </c>
      <c r="E44983" s="1" t="s">
        <v>153270</v>
      </c>
      <c r="F44983" s="1" t="s">
        <v>153271</v>
      </c>
      <c r="G44983" s="1" t="s">
        <v>153265</v>
      </c>
      <c r="H44983" s="1" t="s">
        <v>153266</v>
      </c>
      <c r="I44983" s="1" t="s">
        <v>151905</v>
      </c>
      <c r="J44983" s="1" t="s">
        <v>153272</v>
      </c>
    </row>
    <row r="44984" spans="1:10" x14ac:dyDescent="0.35">
      <c r="A44984" s="1" t="s">
        <v>4516</v>
      </c>
      <c r="B44984" s="1" t="s">
        <v>151900</v>
      </c>
      <c r="C44984" s="1" t="s">
        <v>25</v>
      </c>
      <c r="D44984" s="1" t="s">
        <v>125535</v>
      </c>
      <c r="E44984" s="1" t="s">
        <v>153273</v>
      </c>
      <c r="F44984" s="1" t="s">
        <v>153274</v>
      </c>
      <c r="G44984" s="1" t="s">
        <v>153265</v>
      </c>
      <c r="H44984" s="1" t="s">
        <v>153266</v>
      </c>
      <c r="I44984" s="1" t="s">
        <v>151905</v>
      </c>
      <c r="J44984" s="1" t="s">
        <v>153275</v>
      </c>
    </row>
    <row r="44985" spans="1:10" x14ac:dyDescent="0.35">
      <c r="A44985" s="1" t="s">
        <v>4516</v>
      </c>
      <c r="B44985" s="1" t="s">
        <v>151900</v>
      </c>
      <c r="C44985" s="1" t="s">
        <v>30</v>
      </c>
      <c r="D44985" s="1" t="s">
        <v>153276</v>
      </c>
      <c r="E44985" s="1" t="s">
        <v>153277</v>
      </c>
      <c r="F44985" s="1" t="s">
        <v>153278</v>
      </c>
      <c r="G44985" s="1" t="s">
        <v>153265</v>
      </c>
      <c r="H44985" s="1" t="s">
        <v>153266</v>
      </c>
      <c r="I44985" s="1" t="s">
        <v>151905</v>
      </c>
      <c r="J44985" s="1" t="s">
        <v>153279</v>
      </c>
    </row>
    <row r="44986" spans="1:10" x14ac:dyDescent="0.35">
      <c r="A44986" s="1" t="s">
        <v>4516</v>
      </c>
      <c r="B44986" s="1" t="s">
        <v>151900</v>
      </c>
      <c r="C44986" s="1" t="s">
        <v>35</v>
      </c>
      <c r="D44986" s="1" t="s">
        <v>124211</v>
      </c>
      <c r="E44986" s="1" t="s">
        <v>153280</v>
      </c>
      <c r="F44986" s="1" t="s">
        <v>153281</v>
      </c>
      <c r="G44986" s="1" t="s">
        <v>153265</v>
      </c>
      <c r="H44986" s="1" t="s">
        <v>153266</v>
      </c>
      <c r="I44986" s="1" t="s">
        <v>151905</v>
      </c>
      <c r="J44986" s="1" t="s">
        <v>153282</v>
      </c>
    </row>
    <row r="44987" spans="1:10" x14ac:dyDescent="0.35">
      <c r="A44987" s="1" t="s">
        <v>4516</v>
      </c>
      <c r="B44987" s="1" t="s">
        <v>151900</v>
      </c>
      <c r="C44987" s="1" t="s">
        <v>40</v>
      </c>
      <c r="D44987" s="1" t="s">
        <v>73932</v>
      </c>
      <c r="E44987" s="1" t="s">
        <v>153283</v>
      </c>
      <c r="F44987" s="1" t="s">
        <v>153284</v>
      </c>
      <c r="G44987" s="1" t="s">
        <v>153265</v>
      </c>
      <c r="H44987" s="1" t="s">
        <v>153266</v>
      </c>
      <c r="I44987" s="1" t="s">
        <v>151905</v>
      </c>
      <c r="J44987" s="1" t="s">
        <v>153285</v>
      </c>
    </row>
    <row r="44988" spans="1:10" x14ac:dyDescent="0.35">
      <c r="A44988" s="1" t="s">
        <v>4516</v>
      </c>
      <c r="B44988" s="1" t="s">
        <v>151900</v>
      </c>
      <c r="C44988" s="1" t="s">
        <v>45</v>
      </c>
      <c r="D44988" s="1" t="s">
        <v>153286</v>
      </c>
      <c r="E44988" s="1" t="s">
        <v>153287</v>
      </c>
      <c r="F44988" s="1" t="s">
        <v>153288</v>
      </c>
      <c r="G44988" s="1" t="s">
        <v>153265</v>
      </c>
      <c r="H44988" s="1" t="s">
        <v>153266</v>
      </c>
      <c r="I44988" s="1" t="s">
        <v>151905</v>
      </c>
      <c r="J44988" s="1" t="s">
        <v>153289</v>
      </c>
    </row>
    <row r="44989" spans="1:10" x14ac:dyDescent="0.35">
      <c r="A44989" s="1" t="s">
        <v>4516</v>
      </c>
      <c r="B44989" s="1" t="s">
        <v>151900</v>
      </c>
      <c r="C44989" s="1" t="s">
        <v>50</v>
      </c>
      <c r="D44989" s="1" t="s">
        <v>74969</v>
      </c>
      <c r="E44989" s="1" t="s">
        <v>153290</v>
      </c>
      <c r="F44989" s="1" t="s">
        <v>153291</v>
      </c>
      <c r="G44989" s="1" t="s">
        <v>153265</v>
      </c>
      <c r="H44989" s="1" t="s">
        <v>153266</v>
      </c>
      <c r="I44989" s="1" t="s">
        <v>151905</v>
      </c>
      <c r="J44989" s="1" t="s">
        <v>153292</v>
      </c>
    </row>
    <row r="44990" spans="1:10" x14ac:dyDescent="0.35">
      <c r="A44990" s="1" t="s">
        <v>4516</v>
      </c>
      <c r="B44990" s="1" t="s">
        <v>151900</v>
      </c>
      <c r="C44990" s="1" t="s">
        <v>55</v>
      </c>
      <c r="D44990" s="1" t="s">
        <v>38237</v>
      </c>
      <c r="E44990" s="1" t="s">
        <v>153293</v>
      </c>
      <c r="F44990" s="1" t="s">
        <v>153294</v>
      </c>
      <c r="G44990" s="1" t="s">
        <v>153265</v>
      </c>
      <c r="H44990" s="1" t="s">
        <v>153266</v>
      </c>
      <c r="I44990" s="1" t="s">
        <v>151905</v>
      </c>
      <c r="J44990" s="1" t="s">
        <v>153295</v>
      </c>
    </row>
    <row r="44991" spans="1:10" x14ac:dyDescent="0.35">
      <c r="A44991" s="1" t="s">
        <v>4516</v>
      </c>
      <c r="B44991" s="1" t="s">
        <v>151900</v>
      </c>
      <c r="C44991" s="1" t="s">
        <v>60</v>
      </c>
      <c r="D44991" s="1" t="s">
        <v>118992</v>
      </c>
      <c r="E44991" s="1" t="s">
        <v>153296</v>
      </c>
      <c r="F44991" s="1" t="s">
        <v>153297</v>
      </c>
      <c r="G44991" s="1" t="s">
        <v>153265</v>
      </c>
      <c r="H44991" s="1" t="s">
        <v>153266</v>
      </c>
      <c r="I44991" s="1" t="s">
        <v>151905</v>
      </c>
      <c r="J44991" s="1" t="s">
        <v>153298</v>
      </c>
    </row>
    <row r="44992" spans="1:10" x14ac:dyDescent="0.35">
      <c r="A44992" s="1" t="s">
        <v>4516</v>
      </c>
      <c r="B44992" s="1" t="s">
        <v>151900</v>
      </c>
      <c r="C44992" s="1" t="s">
        <v>65</v>
      </c>
      <c r="D44992" s="1" t="s">
        <v>33473</v>
      </c>
      <c r="E44992" s="1" t="s">
        <v>153299</v>
      </c>
      <c r="F44992" s="1" t="s">
        <v>153300</v>
      </c>
      <c r="G44992" s="1" t="s">
        <v>153265</v>
      </c>
      <c r="H44992" s="1" t="s">
        <v>153266</v>
      </c>
      <c r="I44992" s="1" t="s">
        <v>151905</v>
      </c>
      <c r="J44992" s="1" t="s">
        <v>153301</v>
      </c>
    </row>
    <row r="44993" spans="1:10" x14ac:dyDescent="0.35">
      <c r="A44993" s="1" t="s">
        <v>4516</v>
      </c>
      <c r="B44993" s="1" t="s">
        <v>151900</v>
      </c>
      <c r="C44993" s="1" t="s">
        <v>70</v>
      </c>
      <c r="D44993" s="1" t="s">
        <v>110162</v>
      </c>
      <c r="E44993" s="1" t="s">
        <v>153302</v>
      </c>
      <c r="F44993" s="1" t="s">
        <v>153303</v>
      </c>
      <c r="G44993" s="1" t="s">
        <v>153265</v>
      </c>
      <c r="H44993" s="1" t="s">
        <v>153266</v>
      </c>
      <c r="I44993" s="1" t="s">
        <v>151905</v>
      </c>
      <c r="J44993" s="1" t="s">
        <v>153304</v>
      </c>
    </row>
    <row r="44994" spans="1:10" x14ac:dyDescent="0.35">
      <c r="A44994" s="1" t="s">
        <v>4516</v>
      </c>
      <c r="B44994" s="1" t="s">
        <v>151900</v>
      </c>
      <c r="C44994" s="1" t="s">
        <v>75</v>
      </c>
      <c r="D44994" s="1" t="s">
        <v>48997</v>
      </c>
      <c r="E44994" s="1" t="s">
        <v>153305</v>
      </c>
      <c r="F44994" s="1" t="s">
        <v>153306</v>
      </c>
      <c r="G44994" s="1" t="s">
        <v>153265</v>
      </c>
      <c r="H44994" s="1" t="s">
        <v>153266</v>
      </c>
      <c r="I44994" s="1" t="s">
        <v>151905</v>
      </c>
      <c r="J44994" s="1" t="s">
        <v>153307</v>
      </c>
    </row>
    <row r="44995" spans="1:10" x14ac:dyDescent="0.35">
      <c r="A44995" s="1" t="s">
        <v>4516</v>
      </c>
      <c r="B44995" s="1" t="s">
        <v>151900</v>
      </c>
      <c r="C44995" s="1" t="s">
        <v>80</v>
      </c>
      <c r="D44995" s="1" t="s">
        <v>153308</v>
      </c>
      <c r="E44995" s="1" t="s">
        <v>153309</v>
      </c>
      <c r="F44995" s="1" t="s">
        <v>153310</v>
      </c>
      <c r="G44995" s="1" t="s">
        <v>153265</v>
      </c>
      <c r="H44995" s="1" t="s">
        <v>153266</v>
      </c>
      <c r="I44995" s="1" t="s">
        <v>151905</v>
      </c>
      <c r="J44995" s="1" t="s">
        <v>153311</v>
      </c>
    </row>
    <row r="44996" spans="1:10" x14ac:dyDescent="0.35">
      <c r="A44996" s="1" t="s">
        <v>4516</v>
      </c>
      <c r="B44996" s="1" t="s">
        <v>151900</v>
      </c>
      <c r="C44996" s="1" t="s">
        <v>85</v>
      </c>
      <c r="D44996" s="1" t="s">
        <v>153312</v>
      </c>
      <c r="E44996" s="1" t="s">
        <v>153313</v>
      </c>
      <c r="F44996" s="1" t="s">
        <v>153314</v>
      </c>
      <c r="G44996" s="1" t="s">
        <v>153265</v>
      </c>
      <c r="H44996" s="1" t="s">
        <v>153266</v>
      </c>
      <c r="I44996" s="1" t="s">
        <v>151905</v>
      </c>
      <c r="J44996" s="1" t="s">
        <v>153315</v>
      </c>
    </row>
    <row r="44997" spans="1:10" x14ac:dyDescent="0.35">
      <c r="A44997" s="1" t="s">
        <v>4516</v>
      </c>
      <c r="B44997" s="1" t="s">
        <v>151900</v>
      </c>
      <c r="C44997" s="1" t="s">
        <v>90</v>
      </c>
      <c r="D44997" s="1" t="s">
        <v>15675</v>
      </c>
      <c r="E44997" s="1" t="s">
        <v>153316</v>
      </c>
      <c r="F44997" s="1" t="s">
        <v>153317</v>
      </c>
      <c r="G44997" s="1" t="s">
        <v>153265</v>
      </c>
      <c r="H44997" s="1" t="s">
        <v>153266</v>
      </c>
      <c r="I44997" s="1" t="s">
        <v>151905</v>
      </c>
      <c r="J44997" s="1" t="s">
        <v>153318</v>
      </c>
    </row>
    <row r="44998" spans="1:10" x14ac:dyDescent="0.35">
      <c r="A44998" s="1" t="s">
        <v>4516</v>
      </c>
      <c r="B44998" s="1" t="s">
        <v>151900</v>
      </c>
      <c r="C44998" s="1" t="s">
        <v>95</v>
      </c>
      <c r="D44998" s="1" t="s">
        <v>50406</v>
      </c>
      <c r="E44998" s="1" t="s">
        <v>153319</v>
      </c>
      <c r="F44998" s="1" t="s">
        <v>153320</v>
      </c>
      <c r="G44998" s="1" t="s">
        <v>153265</v>
      </c>
      <c r="H44998" s="1" t="s">
        <v>153266</v>
      </c>
      <c r="I44998" s="1" t="s">
        <v>151905</v>
      </c>
      <c r="J44998" s="1" t="s">
        <v>153321</v>
      </c>
    </row>
    <row r="44999" spans="1:10" x14ac:dyDescent="0.35">
      <c r="A44999" s="1" t="s">
        <v>4516</v>
      </c>
      <c r="B44999" s="1" t="s">
        <v>151900</v>
      </c>
      <c r="C44999" s="1" t="s">
        <v>100</v>
      </c>
      <c r="D44999" s="1" t="s">
        <v>148443</v>
      </c>
      <c r="E44999" s="1" t="s">
        <v>153322</v>
      </c>
      <c r="F44999" s="1" t="s">
        <v>153323</v>
      </c>
      <c r="G44999" s="1" t="s">
        <v>153265</v>
      </c>
      <c r="H44999" s="1" t="s">
        <v>153266</v>
      </c>
      <c r="I44999" s="1" t="s">
        <v>151905</v>
      </c>
      <c r="J44999" s="1" t="s">
        <v>153324</v>
      </c>
    </row>
    <row r="45000" spans="1:10" x14ac:dyDescent="0.35">
      <c r="A45000" s="1" t="s">
        <v>4516</v>
      </c>
      <c r="B45000" s="1" t="s">
        <v>151900</v>
      </c>
      <c r="C45000" s="1" t="s">
        <v>105</v>
      </c>
      <c r="D45000" s="1" t="s">
        <v>38255</v>
      </c>
      <c r="E45000" s="1" t="s">
        <v>153325</v>
      </c>
      <c r="F45000" s="1" t="s">
        <v>153326</v>
      </c>
      <c r="G45000" s="1" t="s">
        <v>153265</v>
      </c>
      <c r="H45000" s="1" t="s">
        <v>153266</v>
      </c>
      <c r="I45000" s="1" t="s">
        <v>151905</v>
      </c>
      <c r="J45000" s="1" t="s">
        <v>153327</v>
      </c>
    </row>
    <row r="45001" spans="1:10" x14ac:dyDescent="0.35">
      <c r="A45001" s="1" t="s">
        <v>4516</v>
      </c>
      <c r="B45001" s="1" t="s">
        <v>151900</v>
      </c>
      <c r="C45001" s="1" t="s">
        <v>110</v>
      </c>
      <c r="D45001" s="1" t="s">
        <v>135142</v>
      </c>
      <c r="E45001" s="1" t="s">
        <v>153328</v>
      </c>
      <c r="F45001" s="1" t="s">
        <v>153329</v>
      </c>
      <c r="G45001" s="1" t="s">
        <v>153265</v>
      </c>
      <c r="H45001" s="1" t="s">
        <v>153266</v>
      </c>
      <c r="I45001" s="1" t="s">
        <v>151905</v>
      </c>
      <c r="J45001" s="1" t="s">
        <v>153330</v>
      </c>
    </row>
    <row r="45002" spans="1:10" x14ac:dyDescent="0.35">
      <c r="A45002" s="1" t="s">
        <v>4516</v>
      </c>
      <c r="B45002" s="1" t="s">
        <v>151900</v>
      </c>
      <c r="C45002" s="1" t="s">
        <v>115</v>
      </c>
      <c r="D45002" s="1" t="s">
        <v>43175</v>
      </c>
      <c r="E45002" s="1" t="s">
        <v>153331</v>
      </c>
      <c r="F45002" s="1" t="s">
        <v>153332</v>
      </c>
      <c r="G45002" s="1" t="s">
        <v>153265</v>
      </c>
      <c r="H45002" s="1" t="s">
        <v>153266</v>
      </c>
      <c r="I45002" s="1" t="s">
        <v>151905</v>
      </c>
      <c r="J45002" s="1" t="s">
        <v>153333</v>
      </c>
    </row>
    <row r="45003" spans="1:10" x14ac:dyDescent="0.35">
      <c r="A45003" s="1" t="s">
        <v>4516</v>
      </c>
      <c r="B45003" s="1" t="s">
        <v>151900</v>
      </c>
      <c r="C45003" s="1" t="s">
        <v>120</v>
      </c>
      <c r="D45003" s="1" t="s">
        <v>153334</v>
      </c>
      <c r="E45003" s="1" t="s">
        <v>153335</v>
      </c>
      <c r="F45003" s="1" t="s">
        <v>153336</v>
      </c>
      <c r="G45003" s="1" t="s">
        <v>153265</v>
      </c>
      <c r="H45003" s="1" t="s">
        <v>153266</v>
      </c>
      <c r="I45003" s="1" t="s">
        <v>151905</v>
      </c>
      <c r="J45003" s="1" t="s">
        <v>153337</v>
      </c>
    </row>
    <row r="45004" spans="1:10" x14ac:dyDescent="0.35">
      <c r="A45004" s="1" t="s">
        <v>4516</v>
      </c>
      <c r="B45004" s="1" t="s">
        <v>151900</v>
      </c>
      <c r="C45004" s="1" t="s">
        <v>125</v>
      </c>
      <c r="D45004" s="1" t="s">
        <v>153338</v>
      </c>
      <c r="E45004" s="1" t="s">
        <v>153339</v>
      </c>
      <c r="F45004" s="1" t="s">
        <v>153340</v>
      </c>
      <c r="G45004" s="1" t="s">
        <v>153265</v>
      </c>
      <c r="H45004" s="1" t="s">
        <v>153266</v>
      </c>
      <c r="I45004" s="1" t="s">
        <v>151905</v>
      </c>
      <c r="J45004" s="1" t="s">
        <v>153341</v>
      </c>
    </row>
    <row r="45005" spans="1:10" x14ac:dyDescent="0.35">
      <c r="A45005" s="1" t="s">
        <v>4516</v>
      </c>
      <c r="B45005" s="1" t="s">
        <v>151900</v>
      </c>
      <c r="C45005" s="1" t="s">
        <v>130</v>
      </c>
      <c r="D45005" s="1" t="s">
        <v>153342</v>
      </c>
      <c r="E45005" s="1" t="s">
        <v>153343</v>
      </c>
      <c r="F45005" s="1" t="s">
        <v>153344</v>
      </c>
      <c r="G45005" s="1" t="s">
        <v>153265</v>
      </c>
      <c r="H45005" s="1" t="s">
        <v>153266</v>
      </c>
      <c r="I45005" s="1" t="s">
        <v>151905</v>
      </c>
      <c r="J45005" s="1" t="s">
        <v>153345</v>
      </c>
    </row>
    <row r="45006" spans="1:10" x14ac:dyDescent="0.35">
      <c r="A45006" s="1" t="s">
        <v>4516</v>
      </c>
      <c r="B45006" s="1" t="s">
        <v>151900</v>
      </c>
      <c r="C45006" s="1" t="s">
        <v>135</v>
      </c>
      <c r="D45006" s="1" t="s">
        <v>153346</v>
      </c>
      <c r="E45006" s="1" t="s">
        <v>153347</v>
      </c>
      <c r="F45006" s="1" t="s">
        <v>153348</v>
      </c>
      <c r="G45006" s="1" t="s">
        <v>153265</v>
      </c>
      <c r="H45006" s="1" t="s">
        <v>153266</v>
      </c>
      <c r="I45006" s="1" t="s">
        <v>151905</v>
      </c>
      <c r="J45006" s="1" t="s">
        <v>153349</v>
      </c>
    </row>
    <row r="45007" spans="1:10" x14ac:dyDescent="0.35">
      <c r="A45007" s="1" t="s">
        <v>4516</v>
      </c>
      <c r="B45007" s="1" t="s">
        <v>151900</v>
      </c>
      <c r="C45007" s="1" t="s">
        <v>140</v>
      </c>
      <c r="D45007" s="1" t="s">
        <v>150100</v>
      </c>
      <c r="E45007" s="1" t="s">
        <v>153350</v>
      </c>
      <c r="F45007" s="1" t="s">
        <v>153351</v>
      </c>
      <c r="G45007" s="1" t="s">
        <v>153265</v>
      </c>
      <c r="H45007" s="1" t="s">
        <v>153266</v>
      </c>
      <c r="I45007" s="1" t="s">
        <v>151905</v>
      </c>
      <c r="J45007" s="1" t="s">
        <v>153352</v>
      </c>
    </row>
    <row r="45008" spans="1:10" x14ac:dyDescent="0.35">
      <c r="A45008" s="1" t="s">
        <v>4516</v>
      </c>
      <c r="B45008" s="1" t="s">
        <v>151900</v>
      </c>
      <c r="C45008" s="1" t="s">
        <v>145</v>
      </c>
      <c r="D45008" s="1" t="s">
        <v>153353</v>
      </c>
      <c r="E45008" s="1" t="s">
        <v>153354</v>
      </c>
      <c r="F45008" s="1" t="s">
        <v>153355</v>
      </c>
      <c r="G45008" s="1" t="s">
        <v>153265</v>
      </c>
      <c r="H45008" s="1" t="s">
        <v>153266</v>
      </c>
      <c r="I45008" s="1" t="s">
        <v>151905</v>
      </c>
      <c r="J45008" s="1" t="s">
        <v>153356</v>
      </c>
    </row>
    <row r="45009" spans="1:10" x14ac:dyDescent="0.35">
      <c r="A45009" s="1" t="s">
        <v>4516</v>
      </c>
      <c r="B45009" s="1" t="s">
        <v>151900</v>
      </c>
      <c r="C45009" s="1" t="s">
        <v>150</v>
      </c>
      <c r="D45009" s="1" t="s">
        <v>153357</v>
      </c>
      <c r="E45009" s="1" t="s">
        <v>153358</v>
      </c>
      <c r="F45009" s="1" t="s">
        <v>153359</v>
      </c>
      <c r="G45009" s="1" t="s">
        <v>153265</v>
      </c>
      <c r="H45009" s="1" t="s">
        <v>153266</v>
      </c>
      <c r="I45009" s="1" t="s">
        <v>151905</v>
      </c>
      <c r="J45009" s="1" t="s">
        <v>153360</v>
      </c>
    </row>
    <row r="45010" spans="1:10" x14ac:dyDescent="0.35">
      <c r="A45010" s="1" t="s">
        <v>4516</v>
      </c>
      <c r="B45010" s="1" t="s">
        <v>151900</v>
      </c>
      <c r="C45010" s="1" t="s">
        <v>155</v>
      </c>
      <c r="D45010" s="1" t="s">
        <v>153361</v>
      </c>
      <c r="E45010" s="1" t="s">
        <v>153362</v>
      </c>
      <c r="F45010" s="1" t="s">
        <v>153363</v>
      </c>
      <c r="G45010" s="1" t="s">
        <v>153265</v>
      </c>
      <c r="H45010" s="1" t="s">
        <v>153266</v>
      </c>
      <c r="I45010" s="1" t="s">
        <v>151905</v>
      </c>
      <c r="J45010" s="1" t="s">
        <v>153364</v>
      </c>
    </row>
    <row r="45011" spans="1:10" x14ac:dyDescent="0.35">
      <c r="A45011" s="1" t="s">
        <v>4516</v>
      </c>
      <c r="B45011" s="1" t="s">
        <v>151900</v>
      </c>
      <c r="C45011" s="1" t="s">
        <v>160</v>
      </c>
      <c r="D45011" s="1" t="s">
        <v>32665</v>
      </c>
      <c r="E45011" s="1" t="s">
        <v>153365</v>
      </c>
      <c r="F45011" s="1" t="s">
        <v>153366</v>
      </c>
      <c r="G45011" s="1" t="s">
        <v>153265</v>
      </c>
      <c r="H45011" s="1" t="s">
        <v>153266</v>
      </c>
      <c r="I45011" s="1" t="s">
        <v>151905</v>
      </c>
      <c r="J45011" s="1" t="s">
        <v>153367</v>
      </c>
    </row>
    <row r="45012" spans="1:10" x14ac:dyDescent="0.35">
      <c r="A45012" s="1" t="s">
        <v>4516</v>
      </c>
      <c r="B45012" s="1" t="s">
        <v>151900</v>
      </c>
      <c r="C45012" s="1" t="s">
        <v>165</v>
      </c>
      <c r="D45012" s="1" t="s">
        <v>13401</v>
      </c>
      <c r="E45012" s="1" t="s">
        <v>153368</v>
      </c>
      <c r="F45012" s="1" t="s">
        <v>153369</v>
      </c>
      <c r="G45012" s="1" t="s">
        <v>153265</v>
      </c>
      <c r="H45012" s="1" t="s">
        <v>153266</v>
      </c>
      <c r="I45012" s="1" t="s">
        <v>151905</v>
      </c>
      <c r="J45012" s="1" t="s">
        <v>153370</v>
      </c>
    </row>
    <row r="45013" spans="1:10" x14ac:dyDescent="0.35">
      <c r="A45013" s="1" t="s">
        <v>4516</v>
      </c>
      <c r="B45013" s="1" t="s">
        <v>151900</v>
      </c>
      <c r="C45013" s="1" t="s">
        <v>170</v>
      </c>
      <c r="D45013" s="1" t="s">
        <v>153371</v>
      </c>
      <c r="E45013" s="1" t="s">
        <v>153372</v>
      </c>
      <c r="F45013" s="1" t="s">
        <v>153373</v>
      </c>
      <c r="G45013" s="1" t="s">
        <v>153265</v>
      </c>
      <c r="H45013" s="1" t="s">
        <v>153266</v>
      </c>
      <c r="I45013" s="1" t="s">
        <v>151905</v>
      </c>
      <c r="J45013" s="1" t="s">
        <v>153374</v>
      </c>
    </row>
    <row r="45014" spans="1:10" x14ac:dyDescent="0.35">
      <c r="A45014" s="1" t="s">
        <v>1989</v>
      </c>
      <c r="B45014" s="1" t="s">
        <v>151900</v>
      </c>
      <c r="C45014" s="1" t="s">
        <v>8</v>
      </c>
      <c r="D45014" s="1" t="s">
        <v>3332</v>
      </c>
      <c r="E45014" s="1" t="s">
        <v>153375</v>
      </c>
      <c r="F45014" s="1" t="s">
        <v>153376</v>
      </c>
      <c r="G45014" s="1" t="s">
        <v>153377</v>
      </c>
      <c r="H45014" s="1" t="s">
        <v>153378</v>
      </c>
      <c r="I45014" s="1" t="s">
        <v>151905</v>
      </c>
      <c r="J45014" s="1" t="s">
        <v>13</v>
      </c>
    </row>
    <row r="45015" spans="1:10" x14ac:dyDescent="0.35">
      <c r="A45015" s="1" t="s">
        <v>1989</v>
      </c>
      <c r="B45015" s="1" t="s">
        <v>151900</v>
      </c>
      <c r="C45015" s="1" t="s">
        <v>15</v>
      </c>
      <c r="D45015" s="1" t="s">
        <v>153379</v>
      </c>
      <c r="E45015" s="1" t="s">
        <v>153380</v>
      </c>
      <c r="F45015" s="1" t="s">
        <v>153381</v>
      </c>
      <c r="G45015" s="1" t="s">
        <v>153377</v>
      </c>
      <c r="H45015" s="1" t="s">
        <v>153378</v>
      </c>
      <c r="I45015" s="1" t="s">
        <v>151905</v>
      </c>
      <c r="J45015" s="1" t="s">
        <v>153382</v>
      </c>
    </row>
    <row r="45016" spans="1:10" x14ac:dyDescent="0.35">
      <c r="A45016" s="1" t="s">
        <v>1989</v>
      </c>
      <c r="B45016" s="1" t="s">
        <v>151900</v>
      </c>
      <c r="C45016" s="1" t="s">
        <v>20</v>
      </c>
      <c r="D45016" s="1" t="s">
        <v>153383</v>
      </c>
      <c r="E45016" s="1" t="s">
        <v>153384</v>
      </c>
      <c r="F45016" s="1" t="s">
        <v>153385</v>
      </c>
      <c r="G45016" s="1" t="s">
        <v>153377</v>
      </c>
      <c r="H45016" s="1" t="s">
        <v>153378</v>
      </c>
      <c r="I45016" s="1" t="s">
        <v>151905</v>
      </c>
      <c r="J45016" s="1" t="s">
        <v>153386</v>
      </c>
    </row>
    <row r="45017" spans="1:10" x14ac:dyDescent="0.35">
      <c r="A45017" s="1" t="s">
        <v>1989</v>
      </c>
      <c r="B45017" s="1" t="s">
        <v>151900</v>
      </c>
      <c r="C45017" s="1" t="s">
        <v>25</v>
      </c>
      <c r="D45017" s="1" t="s">
        <v>153387</v>
      </c>
      <c r="E45017" s="1" t="s">
        <v>153388</v>
      </c>
      <c r="F45017" s="1" t="s">
        <v>153389</v>
      </c>
      <c r="G45017" s="1" t="s">
        <v>153377</v>
      </c>
      <c r="H45017" s="1" t="s">
        <v>153378</v>
      </c>
      <c r="I45017" s="1" t="s">
        <v>151905</v>
      </c>
      <c r="J45017" s="1" t="s">
        <v>153390</v>
      </c>
    </row>
    <row r="45018" spans="1:10" x14ac:dyDescent="0.35">
      <c r="A45018" s="1" t="s">
        <v>1989</v>
      </c>
      <c r="B45018" s="1" t="s">
        <v>151900</v>
      </c>
      <c r="C45018" s="1" t="s">
        <v>30</v>
      </c>
      <c r="D45018" s="1" t="s">
        <v>153391</v>
      </c>
      <c r="E45018" s="1" t="s">
        <v>153392</v>
      </c>
      <c r="F45018" s="1" t="s">
        <v>153393</v>
      </c>
      <c r="G45018" s="1" t="s">
        <v>153377</v>
      </c>
      <c r="H45018" s="1" t="s">
        <v>153378</v>
      </c>
      <c r="I45018" s="1" t="s">
        <v>151905</v>
      </c>
      <c r="J45018" s="1" t="s">
        <v>153394</v>
      </c>
    </row>
    <row r="45019" spans="1:10" x14ac:dyDescent="0.35">
      <c r="A45019" s="1" t="s">
        <v>1989</v>
      </c>
      <c r="B45019" s="1" t="s">
        <v>151900</v>
      </c>
      <c r="C45019" s="1" t="s">
        <v>35</v>
      </c>
      <c r="D45019" s="1" t="s">
        <v>16271</v>
      </c>
      <c r="E45019" s="1" t="s">
        <v>153395</v>
      </c>
      <c r="F45019" s="1" t="s">
        <v>153396</v>
      </c>
      <c r="G45019" s="1" t="s">
        <v>153377</v>
      </c>
      <c r="H45019" s="1" t="s">
        <v>153378</v>
      </c>
      <c r="I45019" s="1" t="s">
        <v>151905</v>
      </c>
      <c r="J45019" s="1" t="s">
        <v>153397</v>
      </c>
    </row>
    <row r="45020" spans="1:10" x14ac:dyDescent="0.35">
      <c r="A45020" s="1" t="s">
        <v>1989</v>
      </c>
      <c r="B45020" s="1" t="s">
        <v>151900</v>
      </c>
      <c r="C45020" s="1" t="s">
        <v>40</v>
      </c>
      <c r="D45020" s="1" t="s">
        <v>153398</v>
      </c>
      <c r="E45020" s="1" t="s">
        <v>153399</v>
      </c>
      <c r="F45020" s="1" t="s">
        <v>153400</v>
      </c>
      <c r="G45020" s="1" t="s">
        <v>153377</v>
      </c>
      <c r="H45020" s="1" t="s">
        <v>153378</v>
      </c>
      <c r="I45020" s="1" t="s">
        <v>151905</v>
      </c>
      <c r="J45020" s="1" t="s">
        <v>153401</v>
      </c>
    </row>
    <row r="45021" spans="1:10" x14ac:dyDescent="0.35">
      <c r="A45021" s="1" t="s">
        <v>1989</v>
      </c>
      <c r="B45021" s="1" t="s">
        <v>151900</v>
      </c>
      <c r="C45021" s="1" t="s">
        <v>45</v>
      </c>
      <c r="D45021" s="1" t="s">
        <v>141423</v>
      </c>
      <c r="E45021" s="1" t="s">
        <v>153402</v>
      </c>
      <c r="F45021" s="1" t="s">
        <v>153403</v>
      </c>
      <c r="G45021" s="1" t="s">
        <v>153377</v>
      </c>
      <c r="H45021" s="1" t="s">
        <v>153378</v>
      </c>
      <c r="I45021" s="1" t="s">
        <v>151905</v>
      </c>
      <c r="J45021" s="1" t="s">
        <v>153404</v>
      </c>
    </row>
    <row r="45022" spans="1:10" x14ac:dyDescent="0.35">
      <c r="A45022" s="1" t="s">
        <v>1989</v>
      </c>
      <c r="B45022" s="1" t="s">
        <v>151900</v>
      </c>
      <c r="C45022" s="1" t="s">
        <v>50</v>
      </c>
      <c r="D45022" s="1" t="s">
        <v>153405</v>
      </c>
      <c r="E45022" s="1" t="s">
        <v>153406</v>
      </c>
      <c r="F45022" s="1" t="s">
        <v>153407</v>
      </c>
      <c r="G45022" s="1" t="s">
        <v>153377</v>
      </c>
      <c r="H45022" s="1" t="s">
        <v>153378</v>
      </c>
      <c r="I45022" s="1" t="s">
        <v>151905</v>
      </c>
      <c r="J45022" s="1" t="s">
        <v>153408</v>
      </c>
    </row>
    <row r="45023" spans="1:10" x14ac:dyDescent="0.35">
      <c r="A45023" s="1" t="s">
        <v>1989</v>
      </c>
      <c r="B45023" s="1" t="s">
        <v>151900</v>
      </c>
      <c r="C45023" s="1" t="s">
        <v>55</v>
      </c>
      <c r="D45023" s="1" t="s">
        <v>153409</v>
      </c>
      <c r="E45023" s="1" t="s">
        <v>153410</v>
      </c>
      <c r="F45023" s="1" t="s">
        <v>153411</v>
      </c>
      <c r="G45023" s="1" t="s">
        <v>153377</v>
      </c>
      <c r="H45023" s="1" t="s">
        <v>153378</v>
      </c>
      <c r="I45023" s="1" t="s">
        <v>151905</v>
      </c>
      <c r="J45023" s="1" t="s">
        <v>153412</v>
      </c>
    </row>
    <row r="45024" spans="1:10" x14ac:dyDescent="0.35">
      <c r="A45024" s="1" t="s">
        <v>1989</v>
      </c>
      <c r="B45024" s="1" t="s">
        <v>151900</v>
      </c>
      <c r="C45024" s="1" t="s">
        <v>60</v>
      </c>
      <c r="D45024" s="1" t="s">
        <v>153413</v>
      </c>
      <c r="E45024" s="1" t="s">
        <v>153414</v>
      </c>
      <c r="F45024" s="1" t="s">
        <v>153415</v>
      </c>
      <c r="G45024" s="1" t="s">
        <v>153377</v>
      </c>
      <c r="H45024" s="1" t="s">
        <v>153378</v>
      </c>
      <c r="I45024" s="1" t="s">
        <v>151905</v>
      </c>
      <c r="J45024" s="1" t="s">
        <v>153416</v>
      </c>
    </row>
    <row r="45025" spans="1:10" x14ac:dyDescent="0.35">
      <c r="A45025" s="1" t="s">
        <v>1989</v>
      </c>
      <c r="B45025" s="1" t="s">
        <v>151900</v>
      </c>
      <c r="C45025" s="1" t="s">
        <v>65</v>
      </c>
      <c r="D45025" s="1" t="s">
        <v>153417</v>
      </c>
      <c r="E45025" s="1" t="s">
        <v>153418</v>
      </c>
      <c r="F45025" s="1" t="s">
        <v>153419</v>
      </c>
      <c r="G45025" s="1" t="s">
        <v>153377</v>
      </c>
      <c r="H45025" s="1" t="s">
        <v>153378</v>
      </c>
      <c r="I45025" s="1" t="s">
        <v>151905</v>
      </c>
      <c r="J45025" s="1" t="s">
        <v>153420</v>
      </c>
    </row>
    <row r="45026" spans="1:10" x14ac:dyDescent="0.35">
      <c r="A45026" s="1" t="s">
        <v>1989</v>
      </c>
      <c r="B45026" s="1" t="s">
        <v>151900</v>
      </c>
      <c r="C45026" s="1" t="s">
        <v>70</v>
      </c>
      <c r="D45026" s="1" t="s">
        <v>153421</v>
      </c>
      <c r="E45026" s="1" t="s">
        <v>153422</v>
      </c>
      <c r="F45026" s="1" t="s">
        <v>153423</v>
      </c>
      <c r="G45026" s="1" t="s">
        <v>153377</v>
      </c>
      <c r="H45026" s="1" t="s">
        <v>153378</v>
      </c>
      <c r="I45026" s="1" t="s">
        <v>151905</v>
      </c>
      <c r="J45026" s="1" t="s">
        <v>153424</v>
      </c>
    </row>
    <row r="45027" spans="1:10" x14ac:dyDescent="0.35">
      <c r="A45027" s="1" t="s">
        <v>1989</v>
      </c>
      <c r="B45027" s="1" t="s">
        <v>151900</v>
      </c>
      <c r="C45027" s="1" t="s">
        <v>75</v>
      </c>
      <c r="D45027" s="1" t="s">
        <v>19109</v>
      </c>
      <c r="E45027" s="1" t="s">
        <v>153425</v>
      </c>
      <c r="F45027" s="1" t="s">
        <v>153426</v>
      </c>
      <c r="G45027" s="1" t="s">
        <v>153377</v>
      </c>
      <c r="H45027" s="1" t="s">
        <v>153378</v>
      </c>
      <c r="I45027" s="1" t="s">
        <v>151905</v>
      </c>
      <c r="J45027" s="1" t="s">
        <v>153427</v>
      </c>
    </row>
    <row r="45028" spans="1:10" x14ac:dyDescent="0.35">
      <c r="A45028" s="1" t="s">
        <v>1989</v>
      </c>
      <c r="B45028" s="1" t="s">
        <v>151900</v>
      </c>
      <c r="C45028" s="1" t="s">
        <v>80</v>
      </c>
      <c r="D45028" s="1" t="s">
        <v>153428</v>
      </c>
      <c r="E45028" s="1" t="s">
        <v>153429</v>
      </c>
      <c r="F45028" s="1" t="s">
        <v>153430</v>
      </c>
      <c r="G45028" s="1" t="s">
        <v>153377</v>
      </c>
      <c r="H45028" s="1" t="s">
        <v>153378</v>
      </c>
      <c r="I45028" s="1" t="s">
        <v>151905</v>
      </c>
      <c r="J45028" s="1" t="s">
        <v>153431</v>
      </c>
    </row>
    <row r="45029" spans="1:10" x14ac:dyDescent="0.35">
      <c r="A45029" s="1" t="s">
        <v>1989</v>
      </c>
      <c r="B45029" s="1" t="s">
        <v>151900</v>
      </c>
      <c r="C45029" s="1" t="s">
        <v>85</v>
      </c>
      <c r="D45029" s="1" t="s">
        <v>17570</v>
      </c>
      <c r="E45029" s="1" t="s">
        <v>153432</v>
      </c>
      <c r="F45029" s="1" t="s">
        <v>153433</v>
      </c>
      <c r="G45029" s="1" t="s">
        <v>153377</v>
      </c>
      <c r="H45029" s="1" t="s">
        <v>153378</v>
      </c>
      <c r="I45029" s="1" t="s">
        <v>151905</v>
      </c>
      <c r="J45029" s="1" t="s">
        <v>153434</v>
      </c>
    </row>
    <row r="45030" spans="1:10" x14ac:dyDescent="0.35">
      <c r="A45030" s="1" t="s">
        <v>1989</v>
      </c>
      <c r="B45030" s="1" t="s">
        <v>151900</v>
      </c>
      <c r="C45030" s="1" t="s">
        <v>90</v>
      </c>
      <c r="D45030" s="1" t="s">
        <v>153435</v>
      </c>
      <c r="E45030" s="1" t="s">
        <v>153436</v>
      </c>
      <c r="F45030" s="1" t="s">
        <v>153437</v>
      </c>
      <c r="G45030" s="1" t="s">
        <v>153377</v>
      </c>
      <c r="H45030" s="1" t="s">
        <v>153378</v>
      </c>
      <c r="I45030" s="1" t="s">
        <v>151905</v>
      </c>
      <c r="J45030" s="1" t="s">
        <v>153438</v>
      </c>
    </row>
    <row r="45031" spans="1:10" x14ac:dyDescent="0.35">
      <c r="A45031" s="1" t="s">
        <v>1989</v>
      </c>
      <c r="B45031" s="1" t="s">
        <v>151900</v>
      </c>
      <c r="C45031" s="1" t="s">
        <v>95</v>
      </c>
      <c r="D45031" s="1" t="s">
        <v>106950</v>
      </c>
      <c r="E45031" s="1" t="s">
        <v>153439</v>
      </c>
      <c r="F45031" s="1" t="s">
        <v>153440</v>
      </c>
      <c r="G45031" s="1" t="s">
        <v>153377</v>
      </c>
      <c r="H45031" s="1" t="s">
        <v>153378</v>
      </c>
      <c r="I45031" s="1" t="s">
        <v>151905</v>
      </c>
      <c r="J45031" s="1" t="s">
        <v>153441</v>
      </c>
    </row>
    <row r="45032" spans="1:10" x14ac:dyDescent="0.35">
      <c r="A45032" s="1" t="s">
        <v>1989</v>
      </c>
      <c r="B45032" s="1" t="s">
        <v>151900</v>
      </c>
      <c r="C45032" s="1" t="s">
        <v>100</v>
      </c>
      <c r="D45032" s="1" t="s">
        <v>153442</v>
      </c>
      <c r="E45032" s="1" t="s">
        <v>153443</v>
      </c>
      <c r="F45032" s="1" t="s">
        <v>153444</v>
      </c>
      <c r="G45032" s="1" t="s">
        <v>153377</v>
      </c>
      <c r="H45032" s="1" t="s">
        <v>153378</v>
      </c>
      <c r="I45032" s="1" t="s">
        <v>151905</v>
      </c>
      <c r="J45032" s="1" t="s">
        <v>153445</v>
      </c>
    </row>
    <row r="45033" spans="1:10" x14ac:dyDescent="0.35">
      <c r="A45033" s="1" t="s">
        <v>1989</v>
      </c>
      <c r="B45033" s="1" t="s">
        <v>151900</v>
      </c>
      <c r="C45033" s="1" t="s">
        <v>105</v>
      </c>
      <c r="D45033" s="1" t="s">
        <v>153446</v>
      </c>
      <c r="E45033" s="1" t="s">
        <v>153447</v>
      </c>
      <c r="F45033" s="1" t="s">
        <v>153448</v>
      </c>
      <c r="G45033" s="1" t="s">
        <v>153377</v>
      </c>
      <c r="H45033" s="1" t="s">
        <v>153378</v>
      </c>
      <c r="I45033" s="1" t="s">
        <v>151905</v>
      </c>
      <c r="J45033" s="1" t="s">
        <v>153449</v>
      </c>
    </row>
    <row r="45034" spans="1:10" x14ac:dyDescent="0.35">
      <c r="A45034" s="1" t="s">
        <v>1989</v>
      </c>
      <c r="B45034" s="1" t="s">
        <v>151900</v>
      </c>
      <c r="C45034" s="1" t="s">
        <v>110</v>
      </c>
      <c r="D45034" s="1" t="s">
        <v>78421</v>
      </c>
      <c r="E45034" s="1" t="s">
        <v>153450</v>
      </c>
      <c r="F45034" s="1" t="s">
        <v>153451</v>
      </c>
      <c r="G45034" s="1" t="s">
        <v>153377</v>
      </c>
      <c r="H45034" s="1" t="s">
        <v>153378</v>
      </c>
      <c r="I45034" s="1" t="s">
        <v>151905</v>
      </c>
      <c r="J45034" s="1" t="s">
        <v>153452</v>
      </c>
    </row>
    <row r="45035" spans="1:10" x14ac:dyDescent="0.35">
      <c r="A45035" s="1" t="s">
        <v>1989</v>
      </c>
      <c r="B45035" s="1" t="s">
        <v>151900</v>
      </c>
      <c r="C45035" s="1" t="s">
        <v>115</v>
      </c>
      <c r="D45035" s="1" t="s">
        <v>99517</v>
      </c>
      <c r="E45035" s="1" t="s">
        <v>153453</v>
      </c>
      <c r="F45035" s="1" t="s">
        <v>153454</v>
      </c>
      <c r="G45035" s="1" t="s">
        <v>153377</v>
      </c>
      <c r="H45035" s="1" t="s">
        <v>153378</v>
      </c>
      <c r="I45035" s="1" t="s">
        <v>151905</v>
      </c>
      <c r="J45035" s="1" t="s">
        <v>153455</v>
      </c>
    </row>
    <row r="45036" spans="1:10" x14ac:dyDescent="0.35">
      <c r="A45036" s="1" t="s">
        <v>1989</v>
      </c>
      <c r="B45036" s="1" t="s">
        <v>151900</v>
      </c>
      <c r="C45036" s="1" t="s">
        <v>120</v>
      </c>
      <c r="D45036" s="1" t="s">
        <v>83044</v>
      </c>
      <c r="E45036" s="1" t="s">
        <v>153456</v>
      </c>
      <c r="F45036" s="1" t="s">
        <v>153457</v>
      </c>
      <c r="G45036" s="1" t="s">
        <v>153377</v>
      </c>
      <c r="H45036" s="1" t="s">
        <v>153378</v>
      </c>
      <c r="I45036" s="1" t="s">
        <v>151905</v>
      </c>
      <c r="J45036" s="1" t="s">
        <v>153458</v>
      </c>
    </row>
    <row r="45037" spans="1:10" x14ac:dyDescent="0.35">
      <c r="A45037" s="1" t="s">
        <v>1989</v>
      </c>
      <c r="B45037" s="1" t="s">
        <v>151900</v>
      </c>
      <c r="C45037" s="1" t="s">
        <v>125</v>
      </c>
      <c r="D45037" s="1" t="s">
        <v>153459</v>
      </c>
      <c r="E45037" s="1" t="s">
        <v>153460</v>
      </c>
      <c r="F45037" s="1" t="s">
        <v>153461</v>
      </c>
      <c r="G45037" s="1" t="s">
        <v>153377</v>
      </c>
      <c r="H45037" s="1" t="s">
        <v>153378</v>
      </c>
      <c r="I45037" s="1" t="s">
        <v>151905</v>
      </c>
      <c r="J45037" s="1" t="s">
        <v>153462</v>
      </c>
    </row>
    <row r="45038" spans="1:10" x14ac:dyDescent="0.35">
      <c r="A45038" s="1" t="s">
        <v>1989</v>
      </c>
      <c r="B45038" s="1" t="s">
        <v>151900</v>
      </c>
      <c r="C45038" s="1" t="s">
        <v>130</v>
      </c>
      <c r="D45038" s="1" t="s">
        <v>153463</v>
      </c>
      <c r="E45038" s="1" t="s">
        <v>153464</v>
      </c>
      <c r="F45038" s="1" t="s">
        <v>153465</v>
      </c>
      <c r="G45038" s="1" t="s">
        <v>153377</v>
      </c>
      <c r="H45038" s="1" t="s">
        <v>153378</v>
      </c>
      <c r="I45038" s="1" t="s">
        <v>151905</v>
      </c>
      <c r="J45038" s="1" t="s">
        <v>153466</v>
      </c>
    </row>
    <row r="45039" spans="1:10" x14ac:dyDescent="0.35">
      <c r="A45039" s="1" t="s">
        <v>1989</v>
      </c>
      <c r="B45039" s="1" t="s">
        <v>151900</v>
      </c>
      <c r="C45039" s="1" t="s">
        <v>135</v>
      </c>
      <c r="D45039" s="1" t="s">
        <v>153467</v>
      </c>
      <c r="E45039" s="1" t="s">
        <v>153468</v>
      </c>
      <c r="F45039" s="1" t="s">
        <v>153469</v>
      </c>
      <c r="G45039" s="1" t="s">
        <v>153377</v>
      </c>
      <c r="H45039" s="1" t="s">
        <v>153378</v>
      </c>
      <c r="I45039" s="1" t="s">
        <v>151905</v>
      </c>
      <c r="J45039" s="1" t="s">
        <v>153470</v>
      </c>
    </row>
    <row r="45040" spans="1:10" x14ac:dyDescent="0.35">
      <c r="A45040" s="1" t="s">
        <v>1989</v>
      </c>
      <c r="B45040" s="1" t="s">
        <v>151900</v>
      </c>
      <c r="C45040" s="1" t="s">
        <v>140</v>
      </c>
      <c r="D45040" s="1" t="s">
        <v>153471</v>
      </c>
      <c r="E45040" s="1" t="s">
        <v>153472</v>
      </c>
      <c r="F45040" s="1" t="s">
        <v>153473</v>
      </c>
      <c r="G45040" s="1" t="s">
        <v>153377</v>
      </c>
      <c r="H45040" s="1" t="s">
        <v>153378</v>
      </c>
      <c r="I45040" s="1" t="s">
        <v>151905</v>
      </c>
      <c r="J45040" s="1" t="s">
        <v>153474</v>
      </c>
    </row>
    <row r="45041" spans="1:10" x14ac:dyDescent="0.35">
      <c r="A45041" s="1" t="s">
        <v>1989</v>
      </c>
      <c r="B45041" s="1" t="s">
        <v>151900</v>
      </c>
      <c r="C45041" s="1" t="s">
        <v>145</v>
      </c>
      <c r="D45041" s="1" t="s">
        <v>153475</v>
      </c>
      <c r="E45041" s="1" t="s">
        <v>153476</v>
      </c>
      <c r="F45041" s="1" t="s">
        <v>153477</v>
      </c>
      <c r="G45041" s="1" t="s">
        <v>153377</v>
      </c>
      <c r="H45041" s="1" t="s">
        <v>153378</v>
      </c>
      <c r="I45041" s="1" t="s">
        <v>151905</v>
      </c>
      <c r="J45041" s="1" t="s">
        <v>153478</v>
      </c>
    </row>
    <row r="45042" spans="1:10" x14ac:dyDescent="0.35">
      <c r="A45042" s="1" t="s">
        <v>1989</v>
      </c>
      <c r="B45042" s="1" t="s">
        <v>151900</v>
      </c>
      <c r="C45042" s="1" t="s">
        <v>150</v>
      </c>
      <c r="D45042" s="1" t="s">
        <v>101399</v>
      </c>
      <c r="E45042" s="1" t="s">
        <v>153479</v>
      </c>
      <c r="F45042" s="1" t="s">
        <v>153480</v>
      </c>
      <c r="G45042" s="1" t="s">
        <v>153377</v>
      </c>
      <c r="H45042" s="1" t="s">
        <v>153378</v>
      </c>
      <c r="I45042" s="1" t="s">
        <v>151905</v>
      </c>
      <c r="J45042" s="1" t="s">
        <v>153481</v>
      </c>
    </row>
    <row r="45043" spans="1:10" x14ac:dyDescent="0.35">
      <c r="A45043" s="1" t="s">
        <v>1989</v>
      </c>
      <c r="B45043" s="1" t="s">
        <v>151900</v>
      </c>
      <c r="C45043" s="1" t="s">
        <v>155</v>
      </c>
      <c r="D45043" s="1" t="s">
        <v>153482</v>
      </c>
      <c r="E45043" s="1" t="s">
        <v>153483</v>
      </c>
      <c r="F45043" s="1" t="s">
        <v>153484</v>
      </c>
      <c r="G45043" s="1" t="s">
        <v>153377</v>
      </c>
      <c r="H45043" s="1" t="s">
        <v>153378</v>
      </c>
      <c r="I45043" s="1" t="s">
        <v>151905</v>
      </c>
      <c r="J45043" s="1" t="s">
        <v>153485</v>
      </c>
    </row>
    <row r="45044" spans="1:10" x14ac:dyDescent="0.35">
      <c r="A45044" s="1" t="s">
        <v>1989</v>
      </c>
      <c r="B45044" s="1" t="s">
        <v>151900</v>
      </c>
      <c r="C45044" s="1" t="s">
        <v>160</v>
      </c>
      <c r="D45044" s="1" t="s">
        <v>153486</v>
      </c>
      <c r="E45044" s="1" t="s">
        <v>153487</v>
      </c>
      <c r="F45044" s="1" t="s">
        <v>153488</v>
      </c>
      <c r="G45044" s="1" t="s">
        <v>153377</v>
      </c>
      <c r="H45044" s="1" t="s">
        <v>153378</v>
      </c>
      <c r="I45044" s="1" t="s">
        <v>151905</v>
      </c>
      <c r="J45044" s="1" t="s">
        <v>153489</v>
      </c>
    </row>
    <row r="45045" spans="1:10" x14ac:dyDescent="0.35">
      <c r="A45045" s="1" t="s">
        <v>1989</v>
      </c>
      <c r="B45045" s="1" t="s">
        <v>151900</v>
      </c>
      <c r="C45045" s="1" t="s">
        <v>165</v>
      </c>
      <c r="D45045" s="1" t="s">
        <v>126639</v>
      </c>
      <c r="E45045" s="1" t="s">
        <v>153490</v>
      </c>
      <c r="F45045" s="1" t="s">
        <v>153491</v>
      </c>
      <c r="G45045" s="1" t="s">
        <v>153377</v>
      </c>
      <c r="H45045" s="1" t="s">
        <v>153378</v>
      </c>
      <c r="I45045" s="1" t="s">
        <v>151905</v>
      </c>
      <c r="J45045" s="1" t="s">
        <v>153492</v>
      </c>
    </row>
    <row r="45046" spans="1:10" x14ac:dyDescent="0.35">
      <c r="A45046" s="1" t="s">
        <v>1989</v>
      </c>
      <c r="B45046" s="1" t="s">
        <v>151900</v>
      </c>
      <c r="C45046" s="1" t="s">
        <v>170</v>
      </c>
      <c r="D45046" s="1" t="s">
        <v>153493</v>
      </c>
      <c r="E45046" s="1" t="s">
        <v>153494</v>
      </c>
      <c r="F45046" s="1" t="s">
        <v>153495</v>
      </c>
      <c r="G45046" s="1" t="s">
        <v>153377</v>
      </c>
      <c r="H45046" s="1" t="s">
        <v>153378</v>
      </c>
      <c r="I45046" s="1" t="s">
        <v>151905</v>
      </c>
      <c r="J45046" s="1" t="s">
        <v>153496</v>
      </c>
    </row>
    <row r="45047" spans="1:10" x14ac:dyDescent="0.35">
      <c r="A45047" s="1" t="s">
        <v>28050</v>
      </c>
      <c r="B45047" s="1" t="s">
        <v>151900</v>
      </c>
      <c r="C45047" s="1" t="s">
        <v>8</v>
      </c>
      <c r="D45047" s="1" t="s">
        <v>124338</v>
      </c>
      <c r="E45047" s="1" t="s">
        <v>153497</v>
      </c>
      <c r="F45047" s="1" t="s">
        <v>153498</v>
      </c>
      <c r="G45047" s="1" t="s">
        <v>153499</v>
      </c>
      <c r="H45047" s="1" t="s">
        <v>151905</v>
      </c>
      <c r="I45047" s="1" t="s">
        <v>151905</v>
      </c>
      <c r="J45047" s="1" t="s">
        <v>13</v>
      </c>
    </row>
    <row r="45048" spans="1:10" x14ac:dyDescent="0.35">
      <c r="A45048" s="1" t="s">
        <v>28050</v>
      </c>
      <c r="B45048" s="1" t="s">
        <v>151900</v>
      </c>
      <c r="C45048" s="1" t="s">
        <v>15</v>
      </c>
      <c r="D45048" s="1" t="s">
        <v>153500</v>
      </c>
      <c r="E45048" s="1" t="s">
        <v>153501</v>
      </c>
      <c r="F45048" s="1" t="s">
        <v>153502</v>
      </c>
      <c r="G45048" s="1" t="s">
        <v>153499</v>
      </c>
      <c r="H45048" s="1" t="s">
        <v>151905</v>
      </c>
      <c r="I45048" s="1" t="s">
        <v>151905</v>
      </c>
      <c r="J45048" s="1" t="s">
        <v>153503</v>
      </c>
    </row>
    <row r="45049" spans="1:10" x14ac:dyDescent="0.35">
      <c r="A45049" s="1" t="s">
        <v>28050</v>
      </c>
      <c r="B45049" s="1" t="s">
        <v>151900</v>
      </c>
      <c r="C45049" s="1" t="s">
        <v>20</v>
      </c>
      <c r="D45049" s="1" t="s">
        <v>153504</v>
      </c>
      <c r="E45049" s="1" t="s">
        <v>153505</v>
      </c>
      <c r="F45049" s="1" t="s">
        <v>153506</v>
      </c>
      <c r="G45049" s="1" t="s">
        <v>153499</v>
      </c>
      <c r="H45049" s="1" t="s">
        <v>151905</v>
      </c>
      <c r="I45049" s="1" t="s">
        <v>151905</v>
      </c>
      <c r="J45049" s="1" t="s">
        <v>153507</v>
      </c>
    </row>
    <row r="45050" spans="1:10" x14ac:dyDescent="0.35">
      <c r="A45050" s="1" t="s">
        <v>28050</v>
      </c>
      <c r="B45050" s="1" t="s">
        <v>151900</v>
      </c>
      <c r="C45050" s="1" t="s">
        <v>25</v>
      </c>
      <c r="D45050" s="1" t="s">
        <v>153508</v>
      </c>
      <c r="E45050" s="1" t="s">
        <v>153509</v>
      </c>
      <c r="F45050" s="1" t="s">
        <v>153510</v>
      </c>
      <c r="G45050" s="1" t="s">
        <v>153499</v>
      </c>
      <c r="H45050" s="1" t="s">
        <v>151905</v>
      </c>
      <c r="I45050" s="1" t="s">
        <v>151905</v>
      </c>
      <c r="J45050" s="1" t="s">
        <v>153511</v>
      </c>
    </row>
    <row r="45051" spans="1:10" x14ac:dyDescent="0.35">
      <c r="A45051" s="1" t="s">
        <v>28050</v>
      </c>
      <c r="B45051" s="1" t="s">
        <v>151900</v>
      </c>
      <c r="C45051" s="1" t="s">
        <v>30</v>
      </c>
      <c r="D45051" s="1" t="s">
        <v>153512</v>
      </c>
      <c r="E45051" s="1" t="s">
        <v>153513</v>
      </c>
      <c r="F45051" s="1" t="s">
        <v>153514</v>
      </c>
      <c r="G45051" s="1" t="s">
        <v>153499</v>
      </c>
      <c r="H45051" s="1" t="s">
        <v>151905</v>
      </c>
      <c r="I45051" s="1" t="s">
        <v>151905</v>
      </c>
      <c r="J45051" s="1" t="s">
        <v>153515</v>
      </c>
    </row>
    <row r="45052" spans="1:10" x14ac:dyDescent="0.35">
      <c r="A45052" s="1" t="s">
        <v>28050</v>
      </c>
      <c r="B45052" s="1" t="s">
        <v>151900</v>
      </c>
      <c r="C45052" s="1" t="s">
        <v>35</v>
      </c>
      <c r="D45052" s="1" t="s">
        <v>153516</v>
      </c>
      <c r="E45052" s="1" t="s">
        <v>153517</v>
      </c>
      <c r="F45052" s="1" t="s">
        <v>153518</v>
      </c>
      <c r="G45052" s="1" t="s">
        <v>153499</v>
      </c>
      <c r="H45052" s="1" t="s">
        <v>151905</v>
      </c>
      <c r="I45052" s="1" t="s">
        <v>151905</v>
      </c>
      <c r="J45052" s="1" t="s">
        <v>153519</v>
      </c>
    </row>
    <row r="45053" spans="1:10" x14ac:dyDescent="0.35">
      <c r="A45053" s="1" t="s">
        <v>28050</v>
      </c>
      <c r="B45053" s="1" t="s">
        <v>151900</v>
      </c>
      <c r="C45053" s="1" t="s">
        <v>40</v>
      </c>
      <c r="D45053" s="1" t="s">
        <v>153520</v>
      </c>
      <c r="E45053" s="1" t="s">
        <v>153521</v>
      </c>
      <c r="F45053" s="1" t="s">
        <v>153522</v>
      </c>
      <c r="G45053" s="1" t="s">
        <v>153499</v>
      </c>
      <c r="H45053" s="1" t="s">
        <v>151905</v>
      </c>
      <c r="I45053" s="1" t="s">
        <v>151905</v>
      </c>
      <c r="J45053" s="1" t="s">
        <v>153523</v>
      </c>
    </row>
    <row r="45054" spans="1:10" x14ac:dyDescent="0.35">
      <c r="A45054" s="1" t="s">
        <v>28050</v>
      </c>
      <c r="B45054" s="1" t="s">
        <v>151900</v>
      </c>
      <c r="C45054" s="1" t="s">
        <v>45</v>
      </c>
      <c r="D45054" s="1" t="s">
        <v>152927</v>
      </c>
      <c r="E45054" s="1" t="s">
        <v>153524</v>
      </c>
      <c r="F45054" s="1" t="s">
        <v>153525</v>
      </c>
      <c r="G45054" s="1" t="s">
        <v>153499</v>
      </c>
      <c r="H45054" s="1" t="s">
        <v>151905</v>
      </c>
      <c r="I45054" s="1" t="s">
        <v>151905</v>
      </c>
      <c r="J45054" s="1" t="s">
        <v>153526</v>
      </c>
    </row>
    <row r="45055" spans="1:10" x14ac:dyDescent="0.35">
      <c r="A45055" s="1" t="s">
        <v>28050</v>
      </c>
      <c r="B45055" s="1" t="s">
        <v>151900</v>
      </c>
      <c r="C45055" s="1" t="s">
        <v>50</v>
      </c>
      <c r="D45055" s="1" t="s">
        <v>153527</v>
      </c>
      <c r="E45055" s="1" t="s">
        <v>153528</v>
      </c>
      <c r="F45055" s="1" t="s">
        <v>153529</v>
      </c>
      <c r="G45055" s="1" t="s">
        <v>153499</v>
      </c>
      <c r="H45055" s="1" t="s">
        <v>151905</v>
      </c>
      <c r="I45055" s="1" t="s">
        <v>151905</v>
      </c>
      <c r="J45055" s="1" t="s">
        <v>153530</v>
      </c>
    </row>
    <row r="45056" spans="1:10" x14ac:dyDescent="0.35">
      <c r="A45056" s="1" t="s">
        <v>28050</v>
      </c>
      <c r="B45056" s="1" t="s">
        <v>151900</v>
      </c>
      <c r="C45056" s="1" t="s">
        <v>55</v>
      </c>
      <c r="D45056" s="1" t="s">
        <v>9153</v>
      </c>
      <c r="E45056" s="1" t="s">
        <v>153531</v>
      </c>
      <c r="F45056" s="1" t="s">
        <v>153532</v>
      </c>
      <c r="G45056" s="1" t="s">
        <v>153499</v>
      </c>
      <c r="H45056" s="1" t="s">
        <v>151905</v>
      </c>
      <c r="I45056" s="1" t="s">
        <v>151905</v>
      </c>
      <c r="J45056" s="1" t="s">
        <v>153533</v>
      </c>
    </row>
    <row r="45057" spans="1:10" x14ac:dyDescent="0.35">
      <c r="A45057" s="1" t="s">
        <v>28050</v>
      </c>
      <c r="B45057" s="1" t="s">
        <v>151900</v>
      </c>
      <c r="C45057" s="1" t="s">
        <v>60</v>
      </c>
      <c r="D45057" s="1" t="s">
        <v>153534</v>
      </c>
      <c r="E45057" s="1" t="s">
        <v>153535</v>
      </c>
      <c r="F45057" s="1" t="s">
        <v>153536</v>
      </c>
      <c r="G45057" s="1" t="s">
        <v>153499</v>
      </c>
      <c r="H45057" s="1" t="s">
        <v>151905</v>
      </c>
      <c r="I45057" s="1" t="s">
        <v>151905</v>
      </c>
      <c r="J45057" s="1" t="s">
        <v>153537</v>
      </c>
    </row>
    <row r="45058" spans="1:10" x14ac:dyDescent="0.35">
      <c r="A45058" s="1" t="s">
        <v>28050</v>
      </c>
      <c r="B45058" s="1" t="s">
        <v>151900</v>
      </c>
      <c r="C45058" s="1" t="s">
        <v>65</v>
      </c>
      <c r="D45058" s="1" t="s">
        <v>153538</v>
      </c>
      <c r="E45058" s="1" t="s">
        <v>153539</v>
      </c>
      <c r="F45058" s="1" t="s">
        <v>153540</v>
      </c>
      <c r="G45058" s="1" t="s">
        <v>153499</v>
      </c>
      <c r="H45058" s="1" t="s">
        <v>151905</v>
      </c>
      <c r="I45058" s="1" t="s">
        <v>151905</v>
      </c>
      <c r="J45058" s="1" t="s">
        <v>153541</v>
      </c>
    </row>
    <row r="45059" spans="1:10" x14ac:dyDescent="0.35">
      <c r="A45059" s="1" t="s">
        <v>28050</v>
      </c>
      <c r="B45059" s="1" t="s">
        <v>151900</v>
      </c>
      <c r="C45059" s="1" t="s">
        <v>70</v>
      </c>
      <c r="D45059" s="1" t="s">
        <v>8874</v>
      </c>
      <c r="E45059" s="1" t="s">
        <v>153542</v>
      </c>
      <c r="F45059" s="1" t="s">
        <v>153543</v>
      </c>
      <c r="G45059" s="1" t="s">
        <v>153499</v>
      </c>
      <c r="H45059" s="1" t="s">
        <v>151905</v>
      </c>
      <c r="I45059" s="1" t="s">
        <v>151905</v>
      </c>
      <c r="J45059" s="1" t="s">
        <v>153544</v>
      </c>
    </row>
    <row r="45060" spans="1:10" x14ac:dyDescent="0.35">
      <c r="A45060" s="1" t="s">
        <v>28050</v>
      </c>
      <c r="B45060" s="1" t="s">
        <v>151900</v>
      </c>
      <c r="C45060" s="1" t="s">
        <v>75</v>
      </c>
      <c r="D45060" s="1" t="s">
        <v>153545</v>
      </c>
      <c r="E45060" s="1" t="s">
        <v>153546</v>
      </c>
      <c r="F45060" s="1" t="s">
        <v>153547</v>
      </c>
      <c r="G45060" s="1" t="s">
        <v>153499</v>
      </c>
      <c r="H45060" s="1" t="s">
        <v>151905</v>
      </c>
      <c r="I45060" s="1" t="s">
        <v>151905</v>
      </c>
      <c r="J45060" s="1" t="s">
        <v>153548</v>
      </c>
    </row>
    <row r="45061" spans="1:10" x14ac:dyDescent="0.35">
      <c r="A45061" s="1" t="s">
        <v>28050</v>
      </c>
      <c r="B45061" s="1" t="s">
        <v>151900</v>
      </c>
      <c r="C45061" s="1" t="s">
        <v>80</v>
      </c>
      <c r="D45061" s="1" t="s">
        <v>153549</v>
      </c>
      <c r="E45061" s="1" t="s">
        <v>153550</v>
      </c>
      <c r="F45061" s="1" t="s">
        <v>153551</v>
      </c>
      <c r="G45061" s="1" t="s">
        <v>153499</v>
      </c>
      <c r="H45061" s="1" t="s">
        <v>151905</v>
      </c>
      <c r="I45061" s="1" t="s">
        <v>151905</v>
      </c>
      <c r="J45061" s="1" t="s">
        <v>153552</v>
      </c>
    </row>
    <row r="45062" spans="1:10" x14ac:dyDescent="0.35">
      <c r="A45062" s="1" t="s">
        <v>28050</v>
      </c>
      <c r="B45062" s="1" t="s">
        <v>151900</v>
      </c>
      <c r="C45062" s="1" t="s">
        <v>85</v>
      </c>
      <c r="D45062" s="1" t="s">
        <v>112954</v>
      </c>
      <c r="E45062" s="1" t="s">
        <v>153553</v>
      </c>
      <c r="F45062" s="1" t="s">
        <v>153554</v>
      </c>
      <c r="G45062" s="1" t="s">
        <v>153499</v>
      </c>
      <c r="H45062" s="1" t="s">
        <v>151905</v>
      </c>
      <c r="I45062" s="1" t="s">
        <v>151905</v>
      </c>
      <c r="J45062" s="1" t="s">
        <v>153555</v>
      </c>
    </row>
    <row r="45063" spans="1:10" x14ac:dyDescent="0.35">
      <c r="A45063" s="1" t="s">
        <v>28050</v>
      </c>
      <c r="B45063" s="1" t="s">
        <v>151900</v>
      </c>
      <c r="C45063" s="1" t="s">
        <v>90</v>
      </c>
      <c r="D45063" s="1" t="s">
        <v>153556</v>
      </c>
      <c r="E45063" s="1" t="s">
        <v>153557</v>
      </c>
      <c r="F45063" s="1" t="s">
        <v>153558</v>
      </c>
      <c r="G45063" s="1" t="s">
        <v>153499</v>
      </c>
      <c r="H45063" s="1" t="s">
        <v>151905</v>
      </c>
      <c r="I45063" s="1" t="s">
        <v>151905</v>
      </c>
      <c r="J45063" s="1" t="s">
        <v>153559</v>
      </c>
    </row>
    <row r="45064" spans="1:10" x14ac:dyDescent="0.35">
      <c r="A45064" s="1" t="s">
        <v>28050</v>
      </c>
      <c r="B45064" s="1" t="s">
        <v>151900</v>
      </c>
      <c r="C45064" s="1" t="s">
        <v>95</v>
      </c>
      <c r="D45064" s="1" t="s">
        <v>153560</v>
      </c>
      <c r="E45064" s="1" t="s">
        <v>153561</v>
      </c>
      <c r="F45064" s="1" t="s">
        <v>153562</v>
      </c>
      <c r="G45064" s="1" t="s">
        <v>153499</v>
      </c>
      <c r="H45064" s="1" t="s">
        <v>151905</v>
      </c>
      <c r="I45064" s="1" t="s">
        <v>151905</v>
      </c>
      <c r="J45064" s="1" t="s">
        <v>153563</v>
      </c>
    </row>
    <row r="45065" spans="1:10" x14ac:dyDescent="0.35">
      <c r="A45065" s="1" t="s">
        <v>28050</v>
      </c>
      <c r="B45065" s="1" t="s">
        <v>151900</v>
      </c>
      <c r="C45065" s="1" t="s">
        <v>100</v>
      </c>
      <c r="D45065" s="1" t="s">
        <v>153564</v>
      </c>
      <c r="E45065" s="1" t="s">
        <v>153565</v>
      </c>
      <c r="F45065" s="1" t="s">
        <v>153566</v>
      </c>
      <c r="G45065" s="1" t="s">
        <v>153499</v>
      </c>
      <c r="H45065" s="1" t="s">
        <v>151905</v>
      </c>
      <c r="I45065" s="1" t="s">
        <v>151905</v>
      </c>
      <c r="J45065" s="1" t="s">
        <v>153567</v>
      </c>
    </row>
    <row r="45066" spans="1:10" x14ac:dyDescent="0.35">
      <c r="A45066" s="1" t="s">
        <v>28050</v>
      </c>
      <c r="B45066" s="1" t="s">
        <v>151900</v>
      </c>
      <c r="C45066" s="1" t="s">
        <v>105</v>
      </c>
      <c r="D45066" s="1" t="s">
        <v>868</v>
      </c>
      <c r="E45066" s="1" t="s">
        <v>153568</v>
      </c>
      <c r="F45066" s="1" t="s">
        <v>153569</v>
      </c>
      <c r="G45066" s="1" t="s">
        <v>153499</v>
      </c>
      <c r="H45066" s="1" t="s">
        <v>151905</v>
      </c>
      <c r="I45066" s="1" t="s">
        <v>151905</v>
      </c>
      <c r="J45066" s="1" t="s">
        <v>153570</v>
      </c>
    </row>
    <row r="45067" spans="1:10" x14ac:dyDescent="0.35">
      <c r="A45067" s="1" t="s">
        <v>28050</v>
      </c>
      <c r="B45067" s="1" t="s">
        <v>151900</v>
      </c>
      <c r="C45067" s="1" t="s">
        <v>110</v>
      </c>
      <c r="D45067" s="1" t="s">
        <v>153571</v>
      </c>
      <c r="E45067" s="1" t="s">
        <v>153572</v>
      </c>
      <c r="F45067" s="1" t="s">
        <v>153573</v>
      </c>
      <c r="G45067" s="1" t="s">
        <v>153499</v>
      </c>
      <c r="H45067" s="1" t="s">
        <v>151905</v>
      </c>
      <c r="I45067" s="1" t="s">
        <v>151905</v>
      </c>
      <c r="J45067" s="1" t="s">
        <v>153574</v>
      </c>
    </row>
    <row r="45068" spans="1:10" x14ac:dyDescent="0.35">
      <c r="A45068" s="1" t="s">
        <v>28050</v>
      </c>
      <c r="B45068" s="1" t="s">
        <v>151900</v>
      </c>
      <c r="C45068" s="1" t="s">
        <v>115</v>
      </c>
      <c r="D45068" s="1" t="s">
        <v>153575</v>
      </c>
      <c r="E45068" s="1" t="s">
        <v>153576</v>
      </c>
      <c r="F45068" s="1" t="s">
        <v>153577</v>
      </c>
      <c r="G45068" s="1" t="s">
        <v>153499</v>
      </c>
      <c r="H45068" s="1" t="s">
        <v>151905</v>
      </c>
      <c r="I45068" s="1" t="s">
        <v>151905</v>
      </c>
      <c r="J45068" s="1" t="s">
        <v>153578</v>
      </c>
    </row>
    <row r="45069" spans="1:10" x14ac:dyDescent="0.35">
      <c r="A45069" s="1" t="s">
        <v>28050</v>
      </c>
      <c r="B45069" s="1" t="s">
        <v>151900</v>
      </c>
      <c r="C45069" s="1" t="s">
        <v>120</v>
      </c>
      <c r="D45069" s="1" t="s">
        <v>153579</v>
      </c>
      <c r="E45069" s="1" t="s">
        <v>153580</v>
      </c>
      <c r="F45069" s="1" t="s">
        <v>153581</v>
      </c>
      <c r="G45069" s="1" t="s">
        <v>153499</v>
      </c>
      <c r="H45069" s="1" t="s">
        <v>151905</v>
      </c>
      <c r="I45069" s="1" t="s">
        <v>151905</v>
      </c>
      <c r="J45069" s="1" t="s">
        <v>153582</v>
      </c>
    </row>
    <row r="45070" spans="1:10" x14ac:dyDescent="0.35">
      <c r="A45070" s="1" t="s">
        <v>28050</v>
      </c>
      <c r="B45070" s="1" t="s">
        <v>151900</v>
      </c>
      <c r="C45070" s="1" t="s">
        <v>125</v>
      </c>
      <c r="D45070" s="1" t="s">
        <v>148557</v>
      </c>
      <c r="E45070" s="1" t="s">
        <v>153583</v>
      </c>
      <c r="F45070" s="1" t="s">
        <v>153584</v>
      </c>
      <c r="G45070" s="1" t="s">
        <v>153499</v>
      </c>
      <c r="H45070" s="1" t="s">
        <v>151905</v>
      </c>
      <c r="I45070" s="1" t="s">
        <v>151905</v>
      </c>
      <c r="J45070" s="1" t="s">
        <v>153585</v>
      </c>
    </row>
    <row r="45071" spans="1:10" x14ac:dyDescent="0.35">
      <c r="A45071" s="1" t="s">
        <v>28050</v>
      </c>
      <c r="B45071" s="1" t="s">
        <v>151900</v>
      </c>
      <c r="C45071" s="1" t="s">
        <v>130</v>
      </c>
      <c r="D45071" s="1" t="s">
        <v>153586</v>
      </c>
      <c r="E45071" s="1" t="s">
        <v>153587</v>
      </c>
      <c r="F45071" s="1" t="s">
        <v>153588</v>
      </c>
      <c r="G45071" s="1" t="s">
        <v>153499</v>
      </c>
      <c r="H45071" s="1" t="s">
        <v>151905</v>
      </c>
      <c r="I45071" s="1" t="s">
        <v>151905</v>
      </c>
      <c r="J45071" s="1" t="s">
        <v>123806</v>
      </c>
    </row>
    <row r="45072" spans="1:10" x14ac:dyDescent="0.35">
      <c r="A45072" s="1" t="s">
        <v>28050</v>
      </c>
      <c r="B45072" s="1" t="s">
        <v>151900</v>
      </c>
      <c r="C45072" s="1" t="s">
        <v>135</v>
      </c>
      <c r="D45072" s="1" t="s">
        <v>153589</v>
      </c>
      <c r="E45072" s="1" t="s">
        <v>153590</v>
      </c>
      <c r="F45072" s="1" t="s">
        <v>153591</v>
      </c>
      <c r="G45072" s="1" t="s">
        <v>153499</v>
      </c>
      <c r="H45072" s="1" t="s">
        <v>151905</v>
      </c>
      <c r="I45072" s="1" t="s">
        <v>151905</v>
      </c>
      <c r="J45072" s="1" t="s">
        <v>153592</v>
      </c>
    </row>
    <row r="45073" spans="1:10" x14ac:dyDescent="0.35">
      <c r="A45073" s="1" t="s">
        <v>28050</v>
      </c>
      <c r="B45073" s="1" t="s">
        <v>151900</v>
      </c>
      <c r="C45073" s="1" t="s">
        <v>140</v>
      </c>
      <c r="D45073" s="1" t="s">
        <v>147941</v>
      </c>
      <c r="E45073" s="1" t="s">
        <v>153593</v>
      </c>
      <c r="F45073" s="1" t="s">
        <v>153594</v>
      </c>
      <c r="G45073" s="1" t="s">
        <v>153499</v>
      </c>
      <c r="H45073" s="1" t="s">
        <v>151905</v>
      </c>
      <c r="I45073" s="1" t="s">
        <v>151905</v>
      </c>
      <c r="J45073" s="1" t="s">
        <v>153595</v>
      </c>
    </row>
    <row r="45074" spans="1:10" x14ac:dyDescent="0.35">
      <c r="A45074" s="1" t="s">
        <v>28050</v>
      </c>
      <c r="B45074" s="1" t="s">
        <v>151900</v>
      </c>
      <c r="C45074" s="1" t="s">
        <v>145</v>
      </c>
      <c r="D45074" s="1" t="s">
        <v>153596</v>
      </c>
      <c r="E45074" s="1" t="s">
        <v>153597</v>
      </c>
      <c r="F45074" s="1" t="s">
        <v>153598</v>
      </c>
      <c r="G45074" s="1" t="s">
        <v>153499</v>
      </c>
      <c r="H45074" s="1" t="s">
        <v>151905</v>
      </c>
      <c r="I45074" s="1" t="s">
        <v>151905</v>
      </c>
      <c r="J45074" s="1" t="s">
        <v>153599</v>
      </c>
    </row>
    <row r="45075" spans="1:10" x14ac:dyDescent="0.35">
      <c r="A45075" s="1" t="s">
        <v>28050</v>
      </c>
      <c r="B45075" s="1" t="s">
        <v>151900</v>
      </c>
      <c r="C45075" s="1" t="s">
        <v>150</v>
      </c>
      <c r="D45075" s="1" t="s">
        <v>153600</v>
      </c>
      <c r="E45075" s="1" t="s">
        <v>153601</v>
      </c>
      <c r="F45075" s="1" t="s">
        <v>153602</v>
      </c>
      <c r="G45075" s="1" t="s">
        <v>153499</v>
      </c>
      <c r="H45075" s="1" t="s">
        <v>151905</v>
      </c>
      <c r="I45075" s="1" t="s">
        <v>151905</v>
      </c>
      <c r="J45075" s="1" t="s">
        <v>153603</v>
      </c>
    </row>
    <row r="45076" spans="1:10" x14ac:dyDescent="0.35">
      <c r="A45076" s="1" t="s">
        <v>28050</v>
      </c>
      <c r="B45076" s="1" t="s">
        <v>151900</v>
      </c>
      <c r="C45076" s="1" t="s">
        <v>155</v>
      </c>
      <c r="D45076" s="1" t="s">
        <v>31786</v>
      </c>
      <c r="E45076" s="1" t="s">
        <v>153604</v>
      </c>
      <c r="F45076" s="1" t="s">
        <v>153605</v>
      </c>
      <c r="G45076" s="1" t="s">
        <v>153499</v>
      </c>
      <c r="H45076" s="1" t="s">
        <v>151905</v>
      </c>
      <c r="I45076" s="1" t="s">
        <v>151905</v>
      </c>
      <c r="J45076" s="1" t="s">
        <v>153606</v>
      </c>
    </row>
    <row r="45077" spans="1:10" x14ac:dyDescent="0.35">
      <c r="A45077" s="1" t="s">
        <v>28050</v>
      </c>
      <c r="B45077" s="1" t="s">
        <v>151900</v>
      </c>
      <c r="C45077" s="1" t="s">
        <v>160</v>
      </c>
      <c r="D45077" s="1" t="s">
        <v>38424</v>
      </c>
      <c r="E45077" s="1" t="s">
        <v>153607</v>
      </c>
      <c r="F45077" s="1" t="s">
        <v>153608</v>
      </c>
      <c r="G45077" s="1" t="s">
        <v>153499</v>
      </c>
      <c r="H45077" s="1" t="s">
        <v>151905</v>
      </c>
      <c r="I45077" s="1" t="s">
        <v>151905</v>
      </c>
      <c r="J45077" s="1" t="s">
        <v>153609</v>
      </c>
    </row>
    <row r="45078" spans="1:10" x14ac:dyDescent="0.35">
      <c r="A45078" s="1" t="s">
        <v>28050</v>
      </c>
      <c r="B45078" s="1" t="s">
        <v>151900</v>
      </c>
      <c r="C45078" s="1" t="s">
        <v>165</v>
      </c>
      <c r="D45078" s="1" t="s">
        <v>34131</v>
      </c>
      <c r="E45078" s="1" t="s">
        <v>153610</v>
      </c>
      <c r="F45078" s="1" t="s">
        <v>153611</v>
      </c>
      <c r="G45078" s="1" t="s">
        <v>153499</v>
      </c>
      <c r="H45078" s="1" t="s">
        <v>151905</v>
      </c>
      <c r="I45078" s="1" t="s">
        <v>151905</v>
      </c>
      <c r="J45078" s="1" t="s">
        <v>153612</v>
      </c>
    </row>
    <row r="45079" spans="1:10" x14ac:dyDescent="0.35">
      <c r="A45079" s="1" t="s">
        <v>28050</v>
      </c>
      <c r="B45079" s="1" t="s">
        <v>151900</v>
      </c>
      <c r="C45079" s="1" t="s">
        <v>170</v>
      </c>
      <c r="D45079" s="1" t="s">
        <v>153613</v>
      </c>
      <c r="E45079" s="1" t="s">
        <v>153614</v>
      </c>
      <c r="F45079" s="1" t="s">
        <v>153615</v>
      </c>
      <c r="G45079" s="1" t="s">
        <v>153499</v>
      </c>
      <c r="H45079" s="1" t="s">
        <v>151905</v>
      </c>
      <c r="I45079" s="1" t="s">
        <v>151905</v>
      </c>
      <c r="J45079" s="1" t="s">
        <v>153616</v>
      </c>
    </row>
    <row r="45080" spans="1:10" x14ac:dyDescent="0.35">
      <c r="A45080" s="1" t="s">
        <v>4532</v>
      </c>
      <c r="B45080" s="1" t="s">
        <v>151900</v>
      </c>
      <c r="C45080" s="1" t="s">
        <v>8</v>
      </c>
      <c r="D45080" s="1" t="s">
        <v>153617</v>
      </c>
      <c r="E45080" s="1" t="s">
        <v>153618</v>
      </c>
      <c r="F45080" s="1" t="s">
        <v>153619</v>
      </c>
      <c r="G45080" s="1" t="s">
        <v>153620</v>
      </c>
      <c r="H45080" s="1" t="s">
        <v>153621</v>
      </c>
      <c r="I45080" s="1" t="s">
        <v>151905</v>
      </c>
      <c r="J45080" s="1" t="s">
        <v>13</v>
      </c>
    </row>
    <row r="45081" spans="1:10" x14ac:dyDescent="0.35">
      <c r="A45081" s="1" t="s">
        <v>4532</v>
      </c>
      <c r="B45081" s="1" t="s">
        <v>151900</v>
      </c>
      <c r="C45081" s="1" t="s">
        <v>15</v>
      </c>
      <c r="D45081" s="1" t="s">
        <v>32792</v>
      </c>
      <c r="E45081" s="1" t="s">
        <v>153622</v>
      </c>
      <c r="F45081" s="1" t="s">
        <v>153623</v>
      </c>
      <c r="G45081" s="1" t="s">
        <v>153620</v>
      </c>
      <c r="H45081" s="1" t="s">
        <v>153621</v>
      </c>
      <c r="I45081" s="1" t="s">
        <v>151905</v>
      </c>
      <c r="J45081" s="1" t="s">
        <v>153624</v>
      </c>
    </row>
    <row r="45082" spans="1:10" x14ac:dyDescent="0.35">
      <c r="A45082" s="1" t="s">
        <v>4532</v>
      </c>
      <c r="B45082" s="1" t="s">
        <v>151900</v>
      </c>
      <c r="C45082" s="1" t="s">
        <v>20</v>
      </c>
      <c r="D45082" s="1" t="s">
        <v>142330</v>
      </c>
      <c r="E45082" s="1" t="s">
        <v>153625</v>
      </c>
      <c r="F45082" s="1" t="s">
        <v>153626</v>
      </c>
      <c r="G45082" s="1" t="s">
        <v>153620</v>
      </c>
      <c r="H45082" s="1" t="s">
        <v>153621</v>
      </c>
      <c r="I45082" s="1" t="s">
        <v>151905</v>
      </c>
      <c r="J45082" s="1" t="s">
        <v>153627</v>
      </c>
    </row>
    <row r="45083" spans="1:10" x14ac:dyDescent="0.35">
      <c r="A45083" s="1" t="s">
        <v>4532</v>
      </c>
      <c r="B45083" s="1" t="s">
        <v>151900</v>
      </c>
      <c r="C45083" s="1" t="s">
        <v>25</v>
      </c>
      <c r="D45083" s="1" t="s">
        <v>153628</v>
      </c>
      <c r="E45083" s="1" t="s">
        <v>153629</v>
      </c>
      <c r="F45083" s="1" t="s">
        <v>153630</v>
      </c>
      <c r="G45083" s="1" t="s">
        <v>153620</v>
      </c>
      <c r="H45083" s="1" t="s">
        <v>153621</v>
      </c>
      <c r="I45083" s="1" t="s">
        <v>151905</v>
      </c>
      <c r="J45083" s="1" t="s">
        <v>153631</v>
      </c>
    </row>
    <row r="45084" spans="1:10" x14ac:dyDescent="0.35">
      <c r="A45084" s="1" t="s">
        <v>4532</v>
      </c>
      <c r="B45084" s="1" t="s">
        <v>151900</v>
      </c>
      <c r="C45084" s="1" t="s">
        <v>30</v>
      </c>
      <c r="D45084" s="1" t="s">
        <v>31429</v>
      </c>
      <c r="E45084" s="1" t="s">
        <v>153632</v>
      </c>
      <c r="F45084" s="1" t="s">
        <v>153633</v>
      </c>
      <c r="G45084" s="1" t="s">
        <v>153620</v>
      </c>
      <c r="H45084" s="1" t="s">
        <v>153621</v>
      </c>
      <c r="I45084" s="1" t="s">
        <v>151905</v>
      </c>
      <c r="J45084" s="1" t="s">
        <v>153634</v>
      </c>
    </row>
    <row r="45085" spans="1:10" x14ac:dyDescent="0.35">
      <c r="A45085" s="1" t="s">
        <v>4532</v>
      </c>
      <c r="B45085" s="1" t="s">
        <v>151900</v>
      </c>
      <c r="C45085" s="1" t="s">
        <v>35</v>
      </c>
      <c r="D45085" s="1" t="s">
        <v>73693</v>
      </c>
      <c r="E45085" s="1" t="s">
        <v>153635</v>
      </c>
      <c r="F45085" s="1" t="s">
        <v>153636</v>
      </c>
      <c r="G45085" s="1" t="s">
        <v>153620</v>
      </c>
      <c r="H45085" s="1" t="s">
        <v>153621</v>
      </c>
      <c r="I45085" s="1" t="s">
        <v>151905</v>
      </c>
      <c r="J45085" s="1" t="s">
        <v>153637</v>
      </c>
    </row>
    <row r="45086" spans="1:10" x14ac:dyDescent="0.35">
      <c r="A45086" s="1" t="s">
        <v>4532</v>
      </c>
      <c r="B45086" s="1" t="s">
        <v>151900</v>
      </c>
      <c r="C45086" s="1" t="s">
        <v>40</v>
      </c>
      <c r="D45086" s="1" t="s">
        <v>636</v>
      </c>
      <c r="E45086" s="1" t="s">
        <v>153638</v>
      </c>
      <c r="F45086" s="1" t="s">
        <v>153639</v>
      </c>
      <c r="G45086" s="1" t="s">
        <v>153620</v>
      </c>
      <c r="H45086" s="1" t="s">
        <v>153621</v>
      </c>
      <c r="I45086" s="1" t="s">
        <v>151905</v>
      </c>
      <c r="J45086" s="1" t="s">
        <v>153640</v>
      </c>
    </row>
    <row r="45087" spans="1:10" x14ac:dyDescent="0.35">
      <c r="A45087" s="1" t="s">
        <v>4532</v>
      </c>
      <c r="B45087" s="1" t="s">
        <v>151900</v>
      </c>
      <c r="C45087" s="1" t="s">
        <v>45</v>
      </c>
      <c r="D45087" s="1" t="s">
        <v>18553</v>
      </c>
      <c r="E45087" s="1" t="s">
        <v>153641</v>
      </c>
      <c r="F45087" s="1" t="s">
        <v>153642</v>
      </c>
      <c r="G45087" s="1" t="s">
        <v>153620</v>
      </c>
      <c r="H45087" s="1" t="s">
        <v>153621</v>
      </c>
      <c r="I45087" s="1" t="s">
        <v>151905</v>
      </c>
      <c r="J45087" s="1" t="s">
        <v>153643</v>
      </c>
    </row>
    <row r="45088" spans="1:10" x14ac:dyDescent="0.35">
      <c r="A45088" s="1" t="s">
        <v>4532</v>
      </c>
      <c r="B45088" s="1" t="s">
        <v>151900</v>
      </c>
      <c r="C45088" s="1" t="s">
        <v>50</v>
      </c>
      <c r="D45088" s="1" t="s">
        <v>118104</v>
      </c>
      <c r="E45088" s="1" t="s">
        <v>153644</v>
      </c>
      <c r="F45088" s="1" t="s">
        <v>153645</v>
      </c>
      <c r="G45088" s="1" t="s">
        <v>153620</v>
      </c>
      <c r="H45088" s="1" t="s">
        <v>153621</v>
      </c>
      <c r="I45088" s="1" t="s">
        <v>151905</v>
      </c>
      <c r="J45088" s="1" t="s">
        <v>153646</v>
      </c>
    </row>
    <row r="45089" spans="1:10" x14ac:dyDescent="0.35">
      <c r="A45089" s="1" t="s">
        <v>4532</v>
      </c>
      <c r="B45089" s="1" t="s">
        <v>151900</v>
      </c>
      <c r="C45089" s="1" t="s">
        <v>55</v>
      </c>
      <c r="D45089" s="1" t="s">
        <v>18534</v>
      </c>
      <c r="E45089" s="1" t="s">
        <v>153647</v>
      </c>
      <c r="F45089" s="1" t="s">
        <v>153648</v>
      </c>
      <c r="G45089" s="1" t="s">
        <v>153620</v>
      </c>
      <c r="H45089" s="1" t="s">
        <v>153621</v>
      </c>
      <c r="I45089" s="1" t="s">
        <v>151905</v>
      </c>
      <c r="J45089" s="1" t="s">
        <v>153649</v>
      </c>
    </row>
    <row r="45090" spans="1:10" x14ac:dyDescent="0.35">
      <c r="A45090" s="1" t="s">
        <v>4532</v>
      </c>
      <c r="B45090" s="1" t="s">
        <v>151900</v>
      </c>
      <c r="C45090" s="1" t="s">
        <v>60</v>
      </c>
      <c r="D45090" s="1" t="s">
        <v>33834</v>
      </c>
      <c r="E45090" s="1" t="s">
        <v>153650</v>
      </c>
      <c r="F45090" s="1" t="s">
        <v>153651</v>
      </c>
      <c r="G45090" s="1" t="s">
        <v>153620</v>
      </c>
      <c r="H45090" s="1" t="s">
        <v>153621</v>
      </c>
      <c r="I45090" s="1" t="s">
        <v>151905</v>
      </c>
      <c r="J45090" s="1" t="s">
        <v>153652</v>
      </c>
    </row>
    <row r="45091" spans="1:10" x14ac:dyDescent="0.35">
      <c r="A45091" s="1" t="s">
        <v>4532</v>
      </c>
      <c r="B45091" s="1" t="s">
        <v>151900</v>
      </c>
      <c r="C45091" s="1" t="s">
        <v>65</v>
      </c>
      <c r="D45091" s="1" t="s">
        <v>153653</v>
      </c>
      <c r="E45091" s="1" t="s">
        <v>153654</v>
      </c>
      <c r="F45091" s="1" t="s">
        <v>153655</v>
      </c>
      <c r="G45091" s="1" t="s">
        <v>153620</v>
      </c>
      <c r="H45091" s="1" t="s">
        <v>153621</v>
      </c>
      <c r="I45091" s="1" t="s">
        <v>151905</v>
      </c>
      <c r="J45091" s="1" t="s">
        <v>153656</v>
      </c>
    </row>
    <row r="45092" spans="1:10" x14ac:dyDescent="0.35">
      <c r="A45092" s="1" t="s">
        <v>4532</v>
      </c>
      <c r="B45092" s="1" t="s">
        <v>151900</v>
      </c>
      <c r="C45092" s="1" t="s">
        <v>70</v>
      </c>
      <c r="D45092" s="1" t="s">
        <v>153657</v>
      </c>
      <c r="E45092" s="1" t="s">
        <v>153658</v>
      </c>
      <c r="F45092" s="1" t="s">
        <v>153659</v>
      </c>
      <c r="G45092" s="1" t="s">
        <v>153620</v>
      </c>
      <c r="H45092" s="1" t="s">
        <v>153621</v>
      </c>
      <c r="I45092" s="1" t="s">
        <v>151905</v>
      </c>
      <c r="J45092" s="1" t="s">
        <v>153660</v>
      </c>
    </row>
    <row r="45093" spans="1:10" x14ac:dyDescent="0.35">
      <c r="A45093" s="1" t="s">
        <v>4532</v>
      </c>
      <c r="B45093" s="1" t="s">
        <v>151900</v>
      </c>
      <c r="C45093" s="1" t="s">
        <v>75</v>
      </c>
      <c r="D45093" s="1" t="s">
        <v>19860</v>
      </c>
      <c r="E45093" s="1" t="s">
        <v>153661</v>
      </c>
      <c r="F45093" s="1" t="s">
        <v>153662</v>
      </c>
      <c r="G45093" s="1" t="s">
        <v>153620</v>
      </c>
      <c r="H45093" s="1" t="s">
        <v>153621</v>
      </c>
      <c r="I45093" s="1" t="s">
        <v>151905</v>
      </c>
      <c r="J45093" s="1" t="s">
        <v>153663</v>
      </c>
    </row>
    <row r="45094" spans="1:10" x14ac:dyDescent="0.35">
      <c r="A45094" s="1" t="s">
        <v>4532</v>
      </c>
      <c r="B45094" s="1" t="s">
        <v>151900</v>
      </c>
      <c r="C45094" s="1" t="s">
        <v>80</v>
      </c>
      <c r="D45094" s="1" t="s">
        <v>30464</v>
      </c>
      <c r="E45094" s="1" t="s">
        <v>153664</v>
      </c>
      <c r="F45094" s="1" t="s">
        <v>153665</v>
      </c>
      <c r="G45094" s="1" t="s">
        <v>153620</v>
      </c>
      <c r="H45094" s="1" t="s">
        <v>153621</v>
      </c>
      <c r="I45094" s="1" t="s">
        <v>151905</v>
      </c>
      <c r="J45094" s="1" t="s">
        <v>153666</v>
      </c>
    </row>
    <row r="45095" spans="1:10" x14ac:dyDescent="0.35">
      <c r="A45095" s="1" t="s">
        <v>4532</v>
      </c>
      <c r="B45095" s="1" t="s">
        <v>151900</v>
      </c>
      <c r="C45095" s="1" t="s">
        <v>85</v>
      </c>
      <c r="D45095" s="1" t="s">
        <v>153667</v>
      </c>
      <c r="E45095" s="1" t="s">
        <v>153668</v>
      </c>
      <c r="F45095" s="1" t="s">
        <v>153669</v>
      </c>
      <c r="G45095" s="1" t="s">
        <v>153620</v>
      </c>
      <c r="H45095" s="1" t="s">
        <v>153621</v>
      </c>
      <c r="I45095" s="1" t="s">
        <v>151905</v>
      </c>
      <c r="J45095" s="1" t="s">
        <v>153670</v>
      </c>
    </row>
    <row r="45096" spans="1:10" x14ac:dyDescent="0.35">
      <c r="A45096" s="1" t="s">
        <v>4532</v>
      </c>
      <c r="B45096" s="1" t="s">
        <v>151900</v>
      </c>
      <c r="C45096" s="1" t="s">
        <v>90</v>
      </c>
      <c r="D45096" s="1" t="s">
        <v>153671</v>
      </c>
      <c r="E45096" s="1" t="s">
        <v>153672</v>
      </c>
      <c r="F45096" s="1" t="s">
        <v>153673</v>
      </c>
      <c r="G45096" s="1" t="s">
        <v>153620</v>
      </c>
      <c r="H45096" s="1" t="s">
        <v>153621</v>
      </c>
      <c r="I45096" s="1" t="s">
        <v>151905</v>
      </c>
      <c r="J45096" s="1" t="s">
        <v>153674</v>
      </c>
    </row>
    <row r="45097" spans="1:10" x14ac:dyDescent="0.35">
      <c r="A45097" s="1" t="s">
        <v>4532</v>
      </c>
      <c r="B45097" s="1" t="s">
        <v>151900</v>
      </c>
      <c r="C45097" s="1" t="s">
        <v>95</v>
      </c>
      <c r="D45097" s="1" t="s">
        <v>153675</v>
      </c>
      <c r="E45097" s="1" t="s">
        <v>153676</v>
      </c>
      <c r="F45097" s="1" t="s">
        <v>153677</v>
      </c>
      <c r="G45097" s="1" t="s">
        <v>153620</v>
      </c>
      <c r="H45097" s="1" t="s">
        <v>153621</v>
      </c>
      <c r="I45097" s="1" t="s">
        <v>151905</v>
      </c>
      <c r="J45097" s="1" t="s">
        <v>153678</v>
      </c>
    </row>
    <row r="45098" spans="1:10" x14ac:dyDescent="0.35">
      <c r="A45098" s="1" t="s">
        <v>4532</v>
      </c>
      <c r="B45098" s="1" t="s">
        <v>151900</v>
      </c>
      <c r="C45098" s="1" t="s">
        <v>100</v>
      </c>
      <c r="D45098" s="1" t="s">
        <v>153679</v>
      </c>
      <c r="E45098" s="1" t="s">
        <v>153680</v>
      </c>
      <c r="F45098" s="1" t="s">
        <v>153681</v>
      </c>
      <c r="G45098" s="1" t="s">
        <v>153620</v>
      </c>
      <c r="H45098" s="1" t="s">
        <v>153621</v>
      </c>
      <c r="I45098" s="1" t="s">
        <v>151905</v>
      </c>
      <c r="J45098" s="1" t="s">
        <v>153682</v>
      </c>
    </row>
    <row r="45099" spans="1:10" x14ac:dyDescent="0.35">
      <c r="A45099" s="1" t="s">
        <v>4532</v>
      </c>
      <c r="B45099" s="1" t="s">
        <v>151900</v>
      </c>
      <c r="C45099" s="1" t="s">
        <v>105</v>
      </c>
      <c r="D45099" s="1" t="s">
        <v>153683</v>
      </c>
      <c r="E45099" s="1" t="s">
        <v>153684</v>
      </c>
      <c r="F45099" s="1" t="s">
        <v>153685</v>
      </c>
      <c r="G45099" s="1" t="s">
        <v>153620</v>
      </c>
      <c r="H45099" s="1" t="s">
        <v>153621</v>
      </c>
      <c r="I45099" s="1" t="s">
        <v>151905</v>
      </c>
      <c r="J45099" s="1" t="s">
        <v>153686</v>
      </c>
    </row>
    <row r="45100" spans="1:10" x14ac:dyDescent="0.35">
      <c r="A45100" s="1" t="s">
        <v>4532</v>
      </c>
      <c r="B45100" s="1" t="s">
        <v>151900</v>
      </c>
      <c r="C45100" s="1" t="s">
        <v>110</v>
      </c>
      <c r="D45100" s="1" t="s">
        <v>153687</v>
      </c>
      <c r="E45100" s="1" t="s">
        <v>153688</v>
      </c>
      <c r="F45100" s="1" t="s">
        <v>153689</v>
      </c>
      <c r="G45100" s="1" t="s">
        <v>153620</v>
      </c>
      <c r="H45100" s="1" t="s">
        <v>153621</v>
      </c>
      <c r="I45100" s="1" t="s">
        <v>151905</v>
      </c>
      <c r="J45100" s="1" t="s">
        <v>153690</v>
      </c>
    </row>
    <row r="45101" spans="1:10" x14ac:dyDescent="0.35">
      <c r="A45101" s="1" t="s">
        <v>4532</v>
      </c>
      <c r="B45101" s="1" t="s">
        <v>151900</v>
      </c>
      <c r="C45101" s="1" t="s">
        <v>115</v>
      </c>
      <c r="D45101" s="1" t="s">
        <v>153691</v>
      </c>
      <c r="E45101" s="1" t="s">
        <v>153692</v>
      </c>
      <c r="F45101" s="1" t="s">
        <v>153693</v>
      </c>
      <c r="G45101" s="1" t="s">
        <v>153620</v>
      </c>
      <c r="H45101" s="1" t="s">
        <v>153621</v>
      </c>
      <c r="I45101" s="1" t="s">
        <v>151905</v>
      </c>
      <c r="J45101" s="1" t="s">
        <v>153694</v>
      </c>
    </row>
    <row r="45102" spans="1:10" x14ac:dyDescent="0.35">
      <c r="A45102" s="1" t="s">
        <v>4532</v>
      </c>
      <c r="B45102" s="1" t="s">
        <v>151900</v>
      </c>
      <c r="C45102" s="1" t="s">
        <v>120</v>
      </c>
      <c r="D45102" s="1" t="s">
        <v>153695</v>
      </c>
      <c r="E45102" s="1" t="s">
        <v>153696</v>
      </c>
      <c r="F45102" s="1" t="s">
        <v>153697</v>
      </c>
      <c r="G45102" s="1" t="s">
        <v>153620</v>
      </c>
      <c r="H45102" s="1" t="s">
        <v>153621</v>
      </c>
      <c r="I45102" s="1" t="s">
        <v>151905</v>
      </c>
      <c r="J45102" s="1" t="s">
        <v>153698</v>
      </c>
    </row>
    <row r="45103" spans="1:10" x14ac:dyDescent="0.35">
      <c r="A45103" s="1" t="s">
        <v>4532</v>
      </c>
      <c r="B45103" s="1" t="s">
        <v>151900</v>
      </c>
      <c r="C45103" s="1" t="s">
        <v>125</v>
      </c>
      <c r="D45103" s="1" t="s">
        <v>153699</v>
      </c>
      <c r="E45103" s="1" t="s">
        <v>153700</v>
      </c>
      <c r="F45103" s="1" t="s">
        <v>153701</v>
      </c>
      <c r="G45103" s="1" t="s">
        <v>153620</v>
      </c>
      <c r="H45103" s="1" t="s">
        <v>153621</v>
      </c>
      <c r="I45103" s="1" t="s">
        <v>151905</v>
      </c>
      <c r="J45103" s="1" t="s">
        <v>153702</v>
      </c>
    </row>
    <row r="45104" spans="1:10" x14ac:dyDescent="0.35">
      <c r="A45104" s="1" t="s">
        <v>4532</v>
      </c>
      <c r="B45104" s="1" t="s">
        <v>151900</v>
      </c>
      <c r="C45104" s="1" t="s">
        <v>130</v>
      </c>
      <c r="D45104" s="1" t="s">
        <v>73272</v>
      </c>
      <c r="E45104" s="1" t="s">
        <v>153703</v>
      </c>
      <c r="F45104" s="1" t="s">
        <v>153704</v>
      </c>
      <c r="G45104" s="1" t="s">
        <v>153620</v>
      </c>
      <c r="H45104" s="1" t="s">
        <v>153621</v>
      </c>
      <c r="I45104" s="1" t="s">
        <v>151905</v>
      </c>
      <c r="J45104" s="1" t="s">
        <v>153705</v>
      </c>
    </row>
    <row r="45105" spans="1:10" x14ac:dyDescent="0.35">
      <c r="A45105" s="1" t="s">
        <v>4532</v>
      </c>
      <c r="B45105" s="1" t="s">
        <v>151900</v>
      </c>
      <c r="C45105" s="1" t="s">
        <v>135</v>
      </c>
      <c r="D45105" s="1" t="s">
        <v>153706</v>
      </c>
      <c r="E45105" s="1" t="s">
        <v>153707</v>
      </c>
      <c r="F45105" s="1" t="s">
        <v>153708</v>
      </c>
      <c r="G45105" s="1" t="s">
        <v>153620</v>
      </c>
      <c r="H45105" s="1" t="s">
        <v>153621</v>
      </c>
      <c r="I45105" s="1" t="s">
        <v>151905</v>
      </c>
      <c r="J45105" s="1" t="s">
        <v>153709</v>
      </c>
    </row>
    <row r="45106" spans="1:10" x14ac:dyDescent="0.35">
      <c r="A45106" s="1" t="s">
        <v>4532</v>
      </c>
      <c r="B45106" s="1" t="s">
        <v>151900</v>
      </c>
      <c r="C45106" s="1" t="s">
        <v>140</v>
      </c>
      <c r="D45106" s="1" t="s">
        <v>153710</v>
      </c>
      <c r="E45106" s="1" t="s">
        <v>153711</v>
      </c>
      <c r="F45106" s="1" t="s">
        <v>153712</v>
      </c>
      <c r="G45106" s="1" t="s">
        <v>153620</v>
      </c>
      <c r="H45106" s="1" t="s">
        <v>153621</v>
      </c>
      <c r="I45106" s="1" t="s">
        <v>151905</v>
      </c>
      <c r="J45106" s="1" t="s">
        <v>153713</v>
      </c>
    </row>
    <row r="45107" spans="1:10" x14ac:dyDescent="0.35">
      <c r="A45107" s="1" t="s">
        <v>4532</v>
      </c>
      <c r="B45107" s="1" t="s">
        <v>151900</v>
      </c>
      <c r="C45107" s="1" t="s">
        <v>145</v>
      </c>
      <c r="D45107" s="1" t="s">
        <v>153714</v>
      </c>
      <c r="E45107" s="1" t="s">
        <v>153715</v>
      </c>
      <c r="F45107" s="1" t="s">
        <v>153716</v>
      </c>
      <c r="G45107" s="1" t="s">
        <v>153620</v>
      </c>
      <c r="H45107" s="1" t="s">
        <v>153621</v>
      </c>
      <c r="I45107" s="1" t="s">
        <v>151905</v>
      </c>
      <c r="J45107" s="1" t="s">
        <v>153717</v>
      </c>
    </row>
    <row r="45108" spans="1:10" x14ac:dyDescent="0.35">
      <c r="A45108" s="1" t="s">
        <v>4532</v>
      </c>
      <c r="B45108" s="1" t="s">
        <v>151900</v>
      </c>
      <c r="C45108" s="1" t="s">
        <v>150</v>
      </c>
      <c r="D45108" s="1" t="s">
        <v>153718</v>
      </c>
      <c r="E45108" s="1" t="s">
        <v>153719</v>
      </c>
      <c r="F45108" s="1" t="s">
        <v>153720</v>
      </c>
      <c r="G45108" s="1" t="s">
        <v>153620</v>
      </c>
      <c r="H45108" s="1" t="s">
        <v>153621</v>
      </c>
      <c r="I45108" s="1" t="s">
        <v>151905</v>
      </c>
      <c r="J45108" s="1" t="s">
        <v>153721</v>
      </c>
    </row>
    <row r="45109" spans="1:10" x14ac:dyDescent="0.35">
      <c r="A45109" s="1" t="s">
        <v>4532</v>
      </c>
      <c r="B45109" s="1" t="s">
        <v>151900</v>
      </c>
      <c r="C45109" s="1" t="s">
        <v>155</v>
      </c>
      <c r="D45109" s="1" t="s">
        <v>30344</v>
      </c>
      <c r="E45109" s="1" t="s">
        <v>153722</v>
      </c>
      <c r="F45109" s="1" t="s">
        <v>153723</v>
      </c>
      <c r="G45109" s="1" t="s">
        <v>153620</v>
      </c>
      <c r="H45109" s="1" t="s">
        <v>153621</v>
      </c>
      <c r="I45109" s="1" t="s">
        <v>151905</v>
      </c>
      <c r="J45109" s="1" t="s">
        <v>153724</v>
      </c>
    </row>
    <row r="45110" spans="1:10" x14ac:dyDescent="0.35">
      <c r="A45110" s="1" t="s">
        <v>4532</v>
      </c>
      <c r="B45110" s="1" t="s">
        <v>151900</v>
      </c>
      <c r="C45110" s="1" t="s">
        <v>160</v>
      </c>
      <c r="D45110" s="1" t="s">
        <v>153725</v>
      </c>
      <c r="E45110" s="1" t="s">
        <v>153726</v>
      </c>
      <c r="F45110" s="1" t="s">
        <v>153727</v>
      </c>
      <c r="G45110" s="1" t="s">
        <v>153620</v>
      </c>
      <c r="H45110" s="1" t="s">
        <v>153621</v>
      </c>
      <c r="I45110" s="1" t="s">
        <v>151905</v>
      </c>
      <c r="J45110" s="1" t="s">
        <v>153728</v>
      </c>
    </row>
    <row r="45111" spans="1:10" x14ac:dyDescent="0.35">
      <c r="A45111" s="1" t="s">
        <v>4532</v>
      </c>
      <c r="B45111" s="1" t="s">
        <v>151900</v>
      </c>
      <c r="C45111" s="1" t="s">
        <v>165</v>
      </c>
      <c r="D45111" s="1" t="s">
        <v>33249</v>
      </c>
      <c r="E45111" s="1" t="s">
        <v>153729</v>
      </c>
      <c r="F45111" s="1" t="s">
        <v>153730</v>
      </c>
      <c r="G45111" s="1" t="s">
        <v>153620</v>
      </c>
      <c r="H45111" s="1" t="s">
        <v>153621</v>
      </c>
      <c r="I45111" s="1" t="s">
        <v>151905</v>
      </c>
      <c r="J45111" s="1" t="s">
        <v>153731</v>
      </c>
    </row>
    <row r="45112" spans="1:10" x14ac:dyDescent="0.35">
      <c r="A45112" s="1" t="s">
        <v>4532</v>
      </c>
      <c r="B45112" s="1" t="s">
        <v>151900</v>
      </c>
      <c r="C45112" s="1" t="s">
        <v>170</v>
      </c>
      <c r="D45112" s="1" t="s">
        <v>153732</v>
      </c>
      <c r="E45112" s="1" t="s">
        <v>153733</v>
      </c>
      <c r="F45112" s="1" t="s">
        <v>153734</v>
      </c>
      <c r="G45112" s="1" t="s">
        <v>153620</v>
      </c>
      <c r="H45112" s="1" t="s">
        <v>153621</v>
      </c>
      <c r="I45112" s="1" t="s">
        <v>151905</v>
      </c>
      <c r="J45112" s="1" t="s">
        <v>153735</v>
      </c>
    </row>
    <row r="45113" spans="1:10" x14ac:dyDescent="0.35">
      <c r="A45113" s="1" t="s">
        <v>4357</v>
      </c>
      <c r="B45113" s="1" t="s">
        <v>151900</v>
      </c>
      <c r="C45113" s="1" t="s">
        <v>8</v>
      </c>
      <c r="D45113" s="1" t="s">
        <v>153736</v>
      </c>
      <c r="E45113" s="1" t="s">
        <v>153737</v>
      </c>
      <c r="F45113" s="1" t="s">
        <v>153738</v>
      </c>
      <c r="G45113" s="1" t="s">
        <v>153739</v>
      </c>
      <c r="H45113" s="1" t="s">
        <v>153740</v>
      </c>
      <c r="I45113" s="1" t="s">
        <v>151905</v>
      </c>
      <c r="J45113" s="1" t="s">
        <v>13</v>
      </c>
    </row>
    <row r="45114" spans="1:10" x14ac:dyDescent="0.35">
      <c r="A45114" s="1" t="s">
        <v>4357</v>
      </c>
      <c r="B45114" s="1" t="s">
        <v>151900</v>
      </c>
      <c r="C45114" s="1" t="s">
        <v>15</v>
      </c>
      <c r="D45114" s="1" t="s">
        <v>3790</v>
      </c>
      <c r="E45114" s="1" t="s">
        <v>153741</v>
      </c>
      <c r="F45114" s="1" t="s">
        <v>153742</v>
      </c>
      <c r="G45114" s="1" t="s">
        <v>153739</v>
      </c>
      <c r="H45114" s="1" t="s">
        <v>153740</v>
      </c>
      <c r="I45114" s="1" t="s">
        <v>151905</v>
      </c>
      <c r="J45114" s="1" t="s">
        <v>153743</v>
      </c>
    </row>
    <row r="45115" spans="1:10" x14ac:dyDescent="0.35">
      <c r="A45115" s="1" t="s">
        <v>4357</v>
      </c>
      <c r="B45115" s="1" t="s">
        <v>151900</v>
      </c>
      <c r="C45115" s="1" t="s">
        <v>20</v>
      </c>
      <c r="D45115" s="1" t="s">
        <v>42986</v>
      </c>
      <c r="E45115" s="1" t="s">
        <v>153744</v>
      </c>
      <c r="F45115" s="1" t="s">
        <v>153745</v>
      </c>
      <c r="G45115" s="1" t="s">
        <v>153739</v>
      </c>
      <c r="H45115" s="1" t="s">
        <v>153740</v>
      </c>
      <c r="I45115" s="1" t="s">
        <v>151905</v>
      </c>
      <c r="J45115" s="1" t="s">
        <v>153746</v>
      </c>
    </row>
    <row r="45116" spans="1:10" x14ac:dyDescent="0.35">
      <c r="A45116" s="1" t="s">
        <v>4357</v>
      </c>
      <c r="B45116" s="1" t="s">
        <v>151900</v>
      </c>
      <c r="C45116" s="1" t="s">
        <v>25</v>
      </c>
      <c r="D45116" s="1" t="s">
        <v>153747</v>
      </c>
      <c r="E45116" s="1" t="s">
        <v>153748</v>
      </c>
      <c r="F45116" s="1" t="s">
        <v>153749</v>
      </c>
      <c r="G45116" s="1" t="s">
        <v>153739</v>
      </c>
      <c r="H45116" s="1" t="s">
        <v>153740</v>
      </c>
      <c r="I45116" s="1" t="s">
        <v>151905</v>
      </c>
      <c r="J45116" s="1" t="s">
        <v>153750</v>
      </c>
    </row>
    <row r="45117" spans="1:10" x14ac:dyDescent="0.35">
      <c r="A45117" s="1" t="s">
        <v>4357</v>
      </c>
      <c r="B45117" s="1" t="s">
        <v>151900</v>
      </c>
      <c r="C45117" s="1" t="s">
        <v>30</v>
      </c>
      <c r="D45117" s="1" t="s">
        <v>142086</v>
      </c>
      <c r="E45117" s="1" t="s">
        <v>153751</v>
      </c>
      <c r="F45117" s="1" t="s">
        <v>153752</v>
      </c>
      <c r="G45117" s="1" t="s">
        <v>153739</v>
      </c>
      <c r="H45117" s="1" t="s">
        <v>153740</v>
      </c>
      <c r="I45117" s="1" t="s">
        <v>151905</v>
      </c>
      <c r="J45117" s="1" t="s">
        <v>153753</v>
      </c>
    </row>
    <row r="45118" spans="1:10" x14ac:dyDescent="0.35">
      <c r="A45118" s="1" t="s">
        <v>4357</v>
      </c>
      <c r="B45118" s="1" t="s">
        <v>151900</v>
      </c>
      <c r="C45118" s="1" t="s">
        <v>35</v>
      </c>
      <c r="D45118" s="1" t="s">
        <v>153754</v>
      </c>
      <c r="E45118" s="1" t="s">
        <v>153755</v>
      </c>
      <c r="F45118" s="1" t="s">
        <v>153756</v>
      </c>
      <c r="G45118" s="1" t="s">
        <v>153739</v>
      </c>
      <c r="H45118" s="1" t="s">
        <v>153740</v>
      </c>
      <c r="I45118" s="1" t="s">
        <v>151905</v>
      </c>
      <c r="J45118" s="1" t="s">
        <v>153757</v>
      </c>
    </row>
    <row r="45119" spans="1:10" x14ac:dyDescent="0.35">
      <c r="A45119" s="1" t="s">
        <v>4357</v>
      </c>
      <c r="B45119" s="1" t="s">
        <v>151900</v>
      </c>
      <c r="C45119" s="1" t="s">
        <v>40</v>
      </c>
      <c r="D45119" s="1" t="s">
        <v>153758</v>
      </c>
      <c r="E45119" s="1" t="s">
        <v>153759</v>
      </c>
      <c r="F45119" s="1" t="s">
        <v>153760</v>
      </c>
      <c r="G45119" s="1" t="s">
        <v>153739</v>
      </c>
      <c r="H45119" s="1" t="s">
        <v>153740</v>
      </c>
      <c r="I45119" s="1" t="s">
        <v>151905</v>
      </c>
      <c r="J45119" s="1" t="s">
        <v>153761</v>
      </c>
    </row>
    <row r="45120" spans="1:10" x14ac:dyDescent="0.35">
      <c r="A45120" s="1" t="s">
        <v>4357</v>
      </c>
      <c r="B45120" s="1" t="s">
        <v>151900</v>
      </c>
      <c r="C45120" s="1" t="s">
        <v>45</v>
      </c>
      <c r="D45120" s="1" t="s">
        <v>153762</v>
      </c>
      <c r="E45120" s="1" t="s">
        <v>153763</v>
      </c>
      <c r="F45120" s="1" t="s">
        <v>153764</v>
      </c>
      <c r="G45120" s="1" t="s">
        <v>153739</v>
      </c>
      <c r="H45120" s="1" t="s">
        <v>153740</v>
      </c>
      <c r="I45120" s="1" t="s">
        <v>151905</v>
      </c>
      <c r="J45120" s="1" t="s">
        <v>153765</v>
      </c>
    </row>
    <row r="45121" spans="1:10" x14ac:dyDescent="0.35">
      <c r="A45121" s="1" t="s">
        <v>4357</v>
      </c>
      <c r="B45121" s="1" t="s">
        <v>151900</v>
      </c>
      <c r="C45121" s="1" t="s">
        <v>50</v>
      </c>
      <c r="D45121" s="1" t="s">
        <v>153766</v>
      </c>
      <c r="E45121" s="1" t="s">
        <v>153767</v>
      </c>
      <c r="F45121" s="1" t="s">
        <v>153768</v>
      </c>
      <c r="G45121" s="1" t="s">
        <v>153739</v>
      </c>
      <c r="H45121" s="1" t="s">
        <v>153740</v>
      </c>
      <c r="I45121" s="1" t="s">
        <v>151905</v>
      </c>
      <c r="J45121" s="1" t="s">
        <v>153769</v>
      </c>
    </row>
    <row r="45122" spans="1:10" x14ac:dyDescent="0.35">
      <c r="A45122" s="1" t="s">
        <v>4357</v>
      </c>
      <c r="B45122" s="1" t="s">
        <v>151900</v>
      </c>
      <c r="C45122" s="1" t="s">
        <v>55</v>
      </c>
      <c r="D45122" s="1" t="s">
        <v>153770</v>
      </c>
      <c r="E45122" s="1" t="s">
        <v>153771</v>
      </c>
      <c r="F45122" s="1" t="s">
        <v>101082</v>
      </c>
      <c r="G45122" s="1" t="s">
        <v>153739</v>
      </c>
      <c r="H45122" s="1" t="s">
        <v>153740</v>
      </c>
      <c r="I45122" s="1" t="s">
        <v>151905</v>
      </c>
      <c r="J45122" s="1" t="s">
        <v>153772</v>
      </c>
    </row>
    <row r="45123" spans="1:10" x14ac:dyDescent="0.35">
      <c r="A45123" s="1" t="s">
        <v>4357</v>
      </c>
      <c r="B45123" s="1" t="s">
        <v>151900</v>
      </c>
      <c r="C45123" s="1" t="s">
        <v>60</v>
      </c>
      <c r="D45123" s="1" t="s">
        <v>11357</v>
      </c>
      <c r="E45123" s="1" t="s">
        <v>153773</v>
      </c>
      <c r="F45123" s="1" t="s">
        <v>153774</v>
      </c>
      <c r="G45123" s="1" t="s">
        <v>153739</v>
      </c>
      <c r="H45123" s="1" t="s">
        <v>153740</v>
      </c>
      <c r="I45123" s="1" t="s">
        <v>151905</v>
      </c>
      <c r="J45123" s="1" t="s">
        <v>153775</v>
      </c>
    </row>
    <row r="45124" spans="1:10" x14ac:dyDescent="0.35">
      <c r="A45124" s="1" t="s">
        <v>4357</v>
      </c>
      <c r="B45124" s="1" t="s">
        <v>151900</v>
      </c>
      <c r="C45124" s="1" t="s">
        <v>65</v>
      </c>
      <c r="D45124" s="1" t="s">
        <v>106936</v>
      </c>
      <c r="E45124" s="1" t="s">
        <v>153776</v>
      </c>
      <c r="F45124" s="1" t="s">
        <v>153777</v>
      </c>
      <c r="G45124" s="1" t="s">
        <v>153739</v>
      </c>
      <c r="H45124" s="1" t="s">
        <v>153740</v>
      </c>
      <c r="I45124" s="1" t="s">
        <v>151905</v>
      </c>
      <c r="J45124" s="1" t="s">
        <v>153778</v>
      </c>
    </row>
    <row r="45125" spans="1:10" x14ac:dyDescent="0.35">
      <c r="A45125" s="1" t="s">
        <v>4357</v>
      </c>
      <c r="B45125" s="1" t="s">
        <v>151900</v>
      </c>
      <c r="C45125" s="1" t="s">
        <v>70</v>
      </c>
      <c r="D45125" s="1" t="s">
        <v>11628</v>
      </c>
      <c r="E45125" s="1" t="s">
        <v>153779</v>
      </c>
      <c r="F45125" s="1" t="s">
        <v>153780</v>
      </c>
      <c r="G45125" s="1" t="s">
        <v>153739</v>
      </c>
      <c r="H45125" s="1" t="s">
        <v>153740</v>
      </c>
      <c r="I45125" s="1" t="s">
        <v>151905</v>
      </c>
      <c r="J45125" s="1" t="s">
        <v>153781</v>
      </c>
    </row>
    <row r="45126" spans="1:10" x14ac:dyDescent="0.35">
      <c r="A45126" s="1" t="s">
        <v>4357</v>
      </c>
      <c r="B45126" s="1" t="s">
        <v>151900</v>
      </c>
      <c r="C45126" s="1" t="s">
        <v>75</v>
      </c>
      <c r="D45126" s="1" t="s">
        <v>153782</v>
      </c>
      <c r="E45126" s="1" t="s">
        <v>153783</v>
      </c>
      <c r="F45126" s="1" t="s">
        <v>153784</v>
      </c>
      <c r="G45126" s="1" t="s">
        <v>153739</v>
      </c>
      <c r="H45126" s="1" t="s">
        <v>153740</v>
      </c>
      <c r="I45126" s="1" t="s">
        <v>151905</v>
      </c>
      <c r="J45126" s="1" t="s">
        <v>153785</v>
      </c>
    </row>
    <row r="45127" spans="1:10" x14ac:dyDescent="0.35">
      <c r="A45127" s="1" t="s">
        <v>4357</v>
      </c>
      <c r="B45127" s="1" t="s">
        <v>151900</v>
      </c>
      <c r="C45127" s="1" t="s">
        <v>80</v>
      </c>
      <c r="D45127" s="1" t="s">
        <v>12532</v>
      </c>
      <c r="E45127" s="1" t="s">
        <v>153786</v>
      </c>
      <c r="F45127" s="1" t="s">
        <v>153787</v>
      </c>
      <c r="G45127" s="1" t="s">
        <v>153739</v>
      </c>
      <c r="H45127" s="1" t="s">
        <v>153740</v>
      </c>
      <c r="I45127" s="1" t="s">
        <v>151905</v>
      </c>
      <c r="J45127" s="1" t="s">
        <v>153788</v>
      </c>
    </row>
    <row r="45128" spans="1:10" x14ac:dyDescent="0.35">
      <c r="A45128" s="1" t="s">
        <v>4357</v>
      </c>
      <c r="B45128" s="1" t="s">
        <v>151900</v>
      </c>
      <c r="C45128" s="1" t="s">
        <v>85</v>
      </c>
      <c r="D45128" s="1" t="s">
        <v>105189</v>
      </c>
      <c r="E45128" s="1" t="s">
        <v>153789</v>
      </c>
      <c r="F45128" s="1" t="s">
        <v>153790</v>
      </c>
      <c r="G45128" s="1" t="s">
        <v>153739</v>
      </c>
      <c r="H45128" s="1" t="s">
        <v>153740</v>
      </c>
      <c r="I45128" s="1" t="s">
        <v>151905</v>
      </c>
      <c r="J45128" s="1" t="s">
        <v>153791</v>
      </c>
    </row>
    <row r="45129" spans="1:10" x14ac:dyDescent="0.35">
      <c r="A45129" s="1" t="s">
        <v>4357</v>
      </c>
      <c r="B45129" s="1" t="s">
        <v>151900</v>
      </c>
      <c r="C45129" s="1" t="s">
        <v>90</v>
      </c>
      <c r="D45129" s="1" t="s">
        <v>153792</v>
      </c>
      <c r="E45129" s="1" t="s">
        <v>153793</v>
      </c>
      <c r="F45129" s="1" t="s">
        <v>153794</v>
      </c>
      <c r="G45129" s="1" t="s">
        <v>153739</v>
      </c>
      <c r="H45129" s="1" t="s">
        <v>153740</v>
      </c>
      <c r="I45129" s="1" t="s">
        <v>151905</v>
      </c>
      <c r="J45129" s="1" t="s">
        <v>153795</v>
      </c>
    </row>
    <row r="45130" spans="1:10" x14ac:dyDescent="0.35">
      <c r="A45130" s="1" t="s">
        <v>4357</v>
      </c>
      <c r="B45130" s="1" t="s">
        <v>151900</v>
      </c>
      <c r="C45130" s="1" t="s">
        <v>95</v>
      </c>
      <c r="D45130" s="1" t="s">
        <v>153796</v>
      </c>
      <c r="E45130" s="1" t="s">
        <v>153797</v>
      </c>
      <c r="F45130" s="1" t="s">
        <v>153798</v>
      </c>
      <c r="G45130" s="1" t="s">
        <v>153739</v>
      </c>
      <c r="H45130" s="1" t="s">
        <v>153740</v>
      </c>
      <c r="I45130" s="1" t="s">
        <v>151905</v>
      </c>
      <c r="J45130" s="1" t="s">
        <v>153799</v>
      </c>
    </row>
    <row r="45131" spans="1:10" x14ac:dyDescent="0.35">
      <c r="A45131" s="1" t="s">
        <v>4357</v>
      </c>
      <c r="B45131" s="1" t="s">
        <v>151900</v>
      </c>
      <c r="C45131" s="1" t="s">
        <v>100</v>
      </c>
      <c r="D45131" s="1" t="s">
        <v>153800</v>
      </c>
      <c r="E45131" s="1" t="s">
        <v>153801</v>
      </c>
      <c r="F45131" s="1" t="s">
        <v>153802</v>
      </c>
      <c r="G45131" s="1" t="s">
        <v>153739</v>
      </c>
      <c r="H45131" s="1" t="s">
        <v>153740</v>
      </c>
      <c r="I45131" s="1" t="s">
        <v>151905</v>
      </c>
      <c r="J45131" s="1" t="s">
        <v>153803</v>
      </c>
    </row>
    <row r="45132" spans="1:10" x14ac:dyDescent="0.35">
      <c r="A45132" s="1" t="s">
        <v>4357</v>
      </c>
      <c r="B45132" s="1" t="s">
        <v>151900</v>
      </c>
      <c r="C45132" s="1" t="s">
        <v>105</v>
      </c>
      <c r="D45132" s="1" t="s">
        <v>18342</v>
      </c>
      <c r="E45132" s="1" t="s">
        <v>153804</v>
      </c>
      <c r="F45132" s="1" t="s">
        <v>153805</v>
      </c>
      <c r="G45132" s="1" t="s">
        <v>153739</v>
      </c>
      <c r="H45132" s="1" t="s">
        <v>153740</v>
      </c>
      <c r="I45132" s="1" t="s">
        <v>151905</v>
      </c>
      <c r="J45132" s="1" t="s">
        <v>153806</v>
      </c>
    </row>
    <row r="45133" spans="1:10" x14ac:dyDescent="0.35">
      <c r="A45133" s="1" t="s">
        <v>4357</v>
      </c>
      <c r="B45133" s="1" t="s">
        <v>151900</v>
      </c>
      <c r="C45133" s="1" t="s">
        <v>110</v>
      </c>
      <c r="D45133" s="1" t="s">
        <v>115052</v>
      </c>
      <c r="E45133" s="1" t="s">
        <v>153807</v>
      </c>
      <c r="F45133" s="1" t="s">
        <v>153808</v>
      </c>
      <c r="G45133" s="1" t="s">
        <v>153739</v>
      </c>
      <c r="H45133" s="1" t="s">
        <v>153740</v>
      </c>
      <c r="I45133" s="1" t="s">
        <v>151905</v>
      </c>
      <c r="J45133" s="1" t="s">
        <v>153809</v>
      </c>
    </row>
    <row r="45134" spans="1:10" x14ac:dyDescent="0.35">
      <c r="A45134" s="1" t="s">
        <v>4357</v>
      </c>
      <c r="B45134" s="1" t="s">
        <v>151900</v>
      </c>
      <c r="C45134" s="1" t="s">
        <v>115</v>
      </c>
      <c r="D45134" s="1" t="s">
        <v>153810</v>
      </c>
      <c r="E45134" s="1" t="s">
        <v>2260</v>
      </c>
      <c r="F45134" s="1" t="s">
        <v>153811</v>
      </c>
      <c r="G45134" s="1" t="s">
        <v>153739</v>
      </c>
      <c r="H45134" s="1" t="s">
        <v>153740</v>
      </c>
      <c r="I45134" s="1" t="s">
        <v>151905</v>
      </c>
      <c r="J45134" s="1" t="s">
        <v>153812</v>
      </c>
    </row>
    <row r="45135" spans="1:10" x14ac:dyDescent="0.35">
      <c r="A45135" s="1" t="s">
        <v>4357</v>
      </c>
      <c r="B45135" s="1" t="s">
        <v>151900</v>
      </c>
      <c r="C45135" s="1" t="s">
        <v>120</v>
      </c>
      <c r="D45135" s="1" t="s">
        <v>153813</v>
      </c>
      <c r="E45135" s="1" t="s">
        <v>153814</v>
      </c>
      <c r="F45135" s="1" t="s">
        <v>153815</v>
      </c>
      <c r="G45135" s="1" t="s">
        <v>153739</v>
      </c>
      <c r="H45135" s="1" t="s">
        <v>153740</v>
      </c>
      <c r="I45135" s="1" t="s">
        <v>151905</v>
      </c>
      <c r="J45135" s="1" t="s">
        <v>153816</v>
      </c>
    </row>
    <row r="45136" spans="1:10" x14ac:dyDescent="0.35">
      <c r="A45136" s="1" t="s">
        <v>4357</v>
      </c>
      <c r="B45136" s="1" t="s">
        <v>151900</v>
      </c>
      <c r="C45136" s="1" t="s">
        <v>125</v>
      </c>
      <c r="D45136" s="1" t="s">
        <v>153817</v>
      </c>
      <c r="E45136" s="1" t="s">
        <v>153818</v>
      </c>
      <c r="F45136" s="1" t="s">
        <v>153819</v>
      </c>
      <c r="G45136" s="1" t="s">
        <v>153739</v>
      </c>
      <c r="H45136" s="1" t="s">
        <v>153740</v>
      </c>
      <c r="I45136" s="1" t="s">
        <v>151905</v>
      </c>
      <c r="J45136" s="1" t="s">
        <v>153820</v>
      </c>
    </row>
    <row r="45137" spans="1:10" x14ac:dyDescent="0.35">
      <c r="A45137" s="1" t="s">
        <v>4357</v>
      </c>
      <c r="B45137" s="1" t="s">
        <v>151900</v>
      </c>
      <c r="C45137" s="1" t="s">
        <v>130</v>
      </c>
      <c r="D45137" s="1" t="s">
        <v>153821</v>
      </c>
      <c r="E45137" s="1" t="s">
        <v>153822</v>
      </c>
      <c r="F45137" s="1" t="s">
        <v>153823</v>
      </c>
      <c r="G45137" s="1" t="s">
        <v>153739</v>
      </c>
      <c r="H45137" s="1" t="s">
        <v>153740</v>
      </c>
      <c r="I45137" s="1" t="s">
        <v>151905</v>
      </c>
      <c r="J45137" s="1" t="s">
        <v>153824</v>
      </c>
    </row>
    <row r="45138" spans="1:10" x14ac:dyDescent="0.35">
      <c r="A45138" s="1" t="s">
        <v>4357</v>
      </c>
      <c r="B45138" s="1" t="s">
        <v>151900</v>
      </c>
      <c r="C45138" s="1" t="s">
        <v>135</v>
      </c>
      <c r="D45138" s="1" t="s">
        <v>153825</v>
      </c>
      <c r="E45138" s="1" t="s">
        <v>153826</v>
      </c>
      <c r="F45138" s="1" t="s">
        <v>153827</v>
      </c>
      <c r="G45138" s="1" t="s">
        <v>153739</v>
      </c>
      <c r="H45138" s="1" t="s">
        <v>153740</v>
      </c>
      <c r="I45138" s="1" t="s">
        <v>151905</v>
      </c>
      <c r="J45138" s="1" t="s">
        <v>153828</v>
      </c>
    </row>
    <row r="45139" spans="1:10" x14ac:dyDescent="0.35">
      <c r="A45139" s="1" t="s">
        <v>4357</v>
      </c>
      <c r="B45139" s="1" t="s">
        <v>151900</v>
      </c>
      <c r="C45139" s="1" t="s">
        <v>140</v>
      </c>
      <c r="D45139" s="1" t="s">
        <v>153762</v>
      </c>
      <c r="E45139" s="1" t="s">
        <v>153829</v>
      </c>
      <c r="F45139" s="1" t="s">
        <v>153830</v>
      </c>
      <c r="G45139" s="1" t="s">
        <v>153739</v>
      </c>
      <c r="H45139" s="1" t="s">
        <v>153740</v>
      </c>
      <c r="I45139" s="1" t="s">
        <v>151905</v>
      </c>
      <c r="J45139" s="1" t="s">
        <v>153831</v>
      </c>
    </row>
    <row r="45140" spans="1:10" x14ac:dyDescent="0.35">
      <c r="A45140" s="1" t="s">
        <v>4357</v>
      </c>
      <c r="B45140" s="1" t="s">
        <v>151900</v>
      </c>
      <c r="C45140" s="1" t="s">
        <v>145</v>
      </c>
      <c r="D45140" s="1" t="s">
        <v>153832</v>
      </c>
      <c r="E45140" s="1" t="s">
        <v>153833</v>
      </c>
      <c r="F45140" s="1" t="s">
        <v>153834</v>
      </c>
      <c r="G45140" s="1" t="s">
        <v>153739</v>
      </c>
      <c r="H45140" s="1" t="s">
        <v>153740</v>
      </c>
      <c r="I45140" s="1" t="s">
        <v>151905</v>
      </c>
      <c r="J45140" s="1" t="s">
        <v>153835</v>
      </c>
    </row>
    <row r="45141" spans="1:10" x14ac:dyDescent="0.35">
      <c r="A45141" s="1" t="s">
        <v>4357</v>
      </c>
      <c r="B45141" s="1" t="s">
        <v>151900</v>
      </c>
      <c r="C45141" s="1" t="s">
        <v>150</v>
      </c>
      <c r="D45141" s="1" t="s">
        <v>153836</v>
      </c>
      <c r="E45141" s="1" t="s">
        <v>153837</v>
      </c>
      <c r="F45141" s="1" t="s">
        <v>153838</v>
      </c>
      <c r="G45141" s="1" t="s">
        <v>153739</v>
      </c>
      <c r="H45141" s="1" t="s">
        <v>153740</v>
      </c>
      <c r="I45141" s="1" t="s">
        <v>151905</v>
      </c>
      <c r="J45141" s="1" t="s">
        <v>153839</v>
      </c>
    </row>
    <row r="45142" spans="1:10" x14ac:dyDescent="0.35">
      <c r="A45142" s="1" t="s">
        <v>4357</v>
      </c>
      <c r="B45142" s="1" t="s">
        <v>151900</v>
      </c>
      <c r="C45142" s="1" t="s">
        <v>155</v>
      </c>
      <c r="D45142" s="1" t="s">
        <v>150761</v>
      </c>
      <c r="E45142" s="1" t="s">
        <v>153840</v>
      </c>
      <c r="F45142" s="1" t="s">
        <v>153841</v>
      </c>
      <c r="G45142" s="1" t="s">
        <v>153739</v>
      </c>
      <c r="H45142" s="1" t="s">
        <v>153740</v>
      </c>
      <c r="I45142" s="1" t="s">
        <v>151905</v>
      </c>
      <c r="J45142" s="1" t="s">
        <v>153842</v>
      </c>
    </row>
    <row r="45143" spans="1:10" x14ac:dyDescent="0.35">
      <c r="A45143" s="1" t="s">
        <v>4357</v>
      </c>
      <c r="B45143" s="1" t="s">
        <v>151900</v>
      </c>
      <c r="C45143" s="1" t="s">
        <v>160</v>
      </c>
      <c r="D45143" s="1" t="s">
        <v>153710</v>
      </c>
      <c r="E45143" s="1" t="s">
        <v>153843</v>
      </c>
      <c r="F45143" s="1" t="s">
        <v>153844</v>
      </c>
      <c r="G45143" s="1" t="s">
        <v>153739</v>
      </c>
      <c r="H45143" s="1" t="s">
        <v>153740</v>
      </c>
      <c r="I45143" s="1" t="s">
        <v>151905</v>
      </c>
      <c r="J45143" s="1" t="s">
        <v>153845</v>
      </c>
    </row>
    <row r="45144" spans="1:10" x14ac:dyDescent="0.35">
      <c r="A45144" s="1" t="s">
        <v>4357</v>
      </c>
      <c r="B45144" s="1" t="s">
        <v>151900</v>
      </c>
      <c r="C45144" s="1" t="s">
        <v>165</v>
      </c>
      <c r="D45144" s="1" t="s">
        <v>153846</v>
      </c>
      <c r="E45144" s="1" t="s">
        <v>153847</v>
      </c>
      <c r="F45144" s="1" t="s">
        <v>153848</v>
      </c>
      <c r="G45144" s="1" t="s">
        <v>153739</v>
      </c>
      <c r="H45144" s="1" t="s">
        <v>153740</v>
      </c>
      <c r="I45144" s="1" t="s">
        <v>151905</v>
      </c>
      <c r="J45144" s="1" t="s">
        <v>153849</v>
      </c>
    </row>
    <row r="45145" spans="1:10" x14ac:dyDescent="0.35">
      <c r="A45145" s="1" t="s">
        <v>4357</v>
      </c>
      <c r="B45145" s="1" t="s">
        <v>151900</v>
      </c>
      <c r="C45145" s="1" t="s">
        <v>170</v>
      </c>
      <c r="D45145" s="1" t="s">
        <v>153850</v>
      </c>
      <c r="E45145" s="1" t="s">
        <v>153851</v>
      </c>
      <c r="F45145" s="1" t="s">
        <v>153852</v>
      </c>
      <c r="G45145" s="1" t="s">
        <v>153739</v>
      </c>
      <c r="H45145" s="1" t="s">
        <v>153740</v>
      </c>
      <c r="I45145" s="1" t="s">
        <v>151905</v>
      </c>
      <c r="J45145" s="1" t="s">
        <v>153853</v>
      </c>
    </row>
    <row r="45146" spans="1:10" x14ac:dyDescent="0.35">
      <c r="A45146" s="1" t="s">
        <v>9375</v>
      </c>
      <c r="B45146" s="1" t="s">
        <v>151900</v>
      </c>
      <c r="C45146" s="1" t="s">
        <v>8</v>
      </c>
      <c r="D45146" s="1" t="s">
        <v>153854</v>
      </c>
      <c r="E45146" s="1" t="s">
        <v>153855</v>
      </c>
      <c r="F45146" s="1" t="s">
        <v>153856</v>
      </c>
      <c r="G45146" s="1" t="s">
        <v>153857</v>
      </c>
      <c r="H45146" s="1" t="s">
        <v>153858</v>
      </c>
      <c r="I45146" s="1" t="s">
        <v>151905</v>
      </c>
      <c r="J45146" s="1" t="s">
        <v>13</v>
      </c>
    </row>
    <row r="45147" spans="1:10" x14ac:dyDescent="0.35">
      <c r="A45147" s="1" t="s">
        <v>9375</v>
      </c>
      <c r="B45147" s="1" t="s">
        <v>151900</v>
      </c>
      <c r="C45147" s="1" t="s">
        <v>15</v>
      </c>
      <c r="D45147" s="1" t="s">
        <v>82362</v>
      </c>
      <c r="E45147" s="1" t="s">
        <v>153859</v>
      </c>
      <c r="F45147" s="1" t="s">
        <v>153860</v>
      </c>
      <c r="G45147" s="1" t="s">
        <v>153857</v>
      </c>
      <c r="H45147" s="1" t="s">
        <v>153858</v>
      </c>
      <c r="I45147" s="1" t="s">
        <v>151905</v>
      </c>
      <c r="J45147" s="1" t="s">
        <v>153861</v>
      </c>
    </row>
    <row r="45148" spans="1:10" x14ac:dyDescent="0.35">
      <c r="A45148" s="1" t="s">
        <v>9375</v>
      </c>
      <c r="B45148" s="1" t="s">
        <v>151900</v>
      </c>
      <c r="C45148" s="1" t="s">
        <v>20</v>
      </c>
      <c r="D45148" s="1" t="s">
        <v>118785</v>
      </c>
      <c r="E45148" s="1" t="s">
        <v>153862</v>
      </c>
      <c r="F45148" s="1" t="s">
        <v>153863</v>
      </c>
      <c r="G45148" s="1" t="s">
        <v>153857</v>
      </c>
      <c r="H45148" s="1" t="s">
        <v>153858</v>
      </c>
      <c r="I45148" s="1" t="s">
        <v>151905</v>
      </c>
      <c r="J45148" s="1" t="s">
        <v>153864</v>
      </c>
    </row>
    <row r="45149" spans="1:10" x14ac:dyDescent="0.35">
      <c r="A45149" s="1" t="s">
        <v>9375</v>
      </c>
      <c r="B45149" s="1" t="s">
        <v>151900</v>
      </c>
      <c r="C45149" s="1" t="s">
        <v>25</v>
      </c>
      <c r="D45149" s="1" t="s">
        <v>31549</v>
      </c>
      <c r="E45149" s="1" t="s">
        <v>153865</v>
      </c>
      <c r="F45149" s="1" t="s">
        <v>153866</v>
      </c>
      <c r="G45149" s="1" t="s">
        <v>153857</v>
      </c>
      <c r="H45149" s="1" t="s">
        <v>153858</v>
      </c>
      <c r="I45149" s="1" t="s">
        <v>151905</v>
      </c>
      <c r="J45149" s="1" t="s">
        <v>153867</v>
      </c>
    </row>
    <row r="45150" spans="1:10" x14ac:dyDescent="0.35">
      <c r="A45150" s="1" t="s">
        <v>9375</v>
      </c>
      <c r="B45150" s="1" t="s">
        <v>151900</v>
      </c>
      <c r="C45150" s="1" t="s">
        <v>30</v>
      </c>
      <c r="D45150" s="1" t="s">
        <v>153868</v>
      </c>
      <c r="E45150" s="1" t="s">
        <v>153869</v>
      </c>
      <c r="F45150" s="1" t="s">
        <v>153870</v>
      </c>
      <c r="G45150" s="1" t="s">
        <v>153857</v>
      </c>
      <c r="H45150" s="1" t="s">
        <v>153858</v>
      </c>
      <c r="I45150" s="1" t="s">
        <v>151905</v>
      </c>
      <c r="J45150" s="1" t="s">
        <v>153871</v>
      </c>
    </row>
    <row r="45151" spans="1:10" x14ac:dyDescent="0.35">
      <c r="A45151" s="1" t="s">
        <v>9375</v>
      </c>
      <c r="B45151" s="1" t="s">
        <v>151900</v>
      </c>
      <c r="C45151" s="1" t="s">
        <v>35</v>
      </c>
      <c r="D45151" s="1" t="s">
        <v>36931</v>
      </c>
      <c r="E45151" s="1" t="s">
        <v>153872</v>
      </c>
      <c r="F45151" s="1" t="s">
        <v>153873</v>
      </c>
      <c r="G45151" s="1" t="s">
        <v>153857</v>
      </c>
      <c r="H45151" s="1" t="s">
        <v>153858</v>
      </c>
      <c r="I45151" s="1" t="s">
        <v>151905</v>
      </c>
      <c r="J45151" s="1" t="s">
        <v>153874</v>
      </c>
    </row>
    <row r="45152" spans="1:10" x14ac:dyDescent="0.35">
      <c r="A45152" s="1" t="s">
        <v>9375</v>
      </c>
      <c r="B45152" s="1" t="s">
        <v>151900</v>
      </c>
      <c r="C45152" s="1" t="s">
        <v>40</v>
      </c>
      <c r="D45152" s="1" t="s">
        <v>31575</v>
      </c>
      <c r="E45152" s="1" t="s">
        <v>153875</v>
      </c>
      <c r="F45152" s="1" t="s">
        <v>153876</v>
      </c>
      <c r="G45152" s="1" t="s">
        <v>153857</v>
      </c>
      <c r="H45152" s="1" t="s">
        <v>153858</v>
      </c>
      <c r="I45152" s="1" t="s">
        <v>151905</v>
      </c>
      <c r="J45152" s="1" t="s">
        <v>153877</v>
      </c>
    </row>
    <row r="45153" spans="1:10" x14ac:dyDescent="0.35">
      <c r="A45153" s="1" t="s">
        <v>9375</v>
      </c>
      <c r="B45153" s="1" t="s">
        <v>151900</v>
      </c>
      <c r="C45153" s="1" t="s">
        <v>45</v>
      </c>
      <c r="D45153" s="1" t="s">
        <v>104247</v>
      </c>
      <c r="E45153" s="1" t="s">
        <v>153878</v>
      </c>
      <c r="F45153" s="1" t="s">
        <v>153879</v>
      </c>
      <c r="G45153" s="1" t="s">
        <v>153857</v>
      </c>
      <c r="H45153" s="1" t="s">
        <v>153858</v>
      </c>
      <c r="I45153" s="1" t="s">
        <v>151905</v>
      </c>
      <c r="J45153" s="1" t="s">
        <v>153880</v>
      </c>
    </row>
    <row r="45154" spans="1:10" x14ac:dyDescent="0.35">
      <c r="A45154" s="1" t="s">
        <v>9375</v>
      </c>
      <c r="B45154" s="1" t="s">
        <v>151900</v>
      </c>
      <c r="C45154" s="1" t="s">
        <v>50</v>
      </c>
      <c r="D45154" s="1" t="s">
        <v>118988</v>
      </c>
      <c r="E45154" s="1" t="s">
        <v>153881</v>
      </c>
      <c r="F45154" s="1" t="s">
        <v>153882</v>
      </c>
      <c r="G45154" s="1" t="s">
        <v>153857</v>
      </c>
      <c r="H45154" s="1" t="s">
        <v>153858</v>
      </c>
      <c r="I45154" s="1" t="s">
        <v>151905</v>
      </c>
      <c r="J45154" s="1" t="s">
        <v>153883</v>
      </c>
    </row>
    <row r="45155" spans="1:10" x14ac:dyDescent="0.35">
      <c r="A45155" s="1" t="s">
        <v>9375</v>
      </c>
      <c r="B45155" s="1" t="s">
        <v>151900</v>
      </c>
      <c r="C45155" s="1" t="s">
        <v>55</v>
      </c>
      <c r="D45155" s="1" t="s">
        <v>4638</v>
      </c>
      <c r="E45155" s="1" t="s">
        <v>153884</v>
      </c>
      <c r="F45155" s="1" t="s">
        <v>153885</v>
      </c>
      <c r="G45155" s="1" t="s">
        <v>153857</v>
      </c>
      <c r="H45155" s="1" t="s">
        <v>153858</v>
      </c>
      <c r="I45155" s="1" t="s">
        <v>151905</v>
      </c>
      <c r="J45155" s="1" t="s">
        <v>153886</v>
      </c>
    </row>
    <row r="45156" spans="1:10" x14ac:dyDescent="0.35">
      <c r="A45156" s="1" t="s">
        <v>9375</v>
      </c>
      <c r="B45156" s="1" t="s">
        <v>151900</v>
      </c>
      <c r="C45156" s="1" t="s">
        <v>60</v>
      </c>
      <c r="D45156" s="1" t="s">
        <v>153887</v>
      </c>
      <c r="E45156" s="1" t="s">
        <v>153888</v>
      </c>
      <c r="F45156" s="1" t="s">
        <v>153889</v>
      </c>
      <c r="G45156" s="1" t="s">
        <v>153857</v>
      </c>
      <c r="H45156" s="1" t="s">
        <v>153858</v>
      </c>
      <c r="I45156" s="1" t="s">
        <v>151905</v>
      </c>
      <c r="J45156" s="1" t="s">
        <v>153890</v>
      </c>
    </row>
    <row r="45157" spans="1:10" x14ac:dyDescent="0.35">
      <c r="A45157" s="1" t="s">
        <v>9375</v>
      </c>
      <c r="B45157" s="1" t="s">
        <v>151900</v>
      </c>
      <c r="C45157" s="1" t="s">
        <v>65</v>
      </c>
      <c r="D45157" s="1" t="s">
        <v>30686</v>
      </c>
      <c r="E45157" s="1" t="s">
        <v>153891</v>
      </c>
      <c r="F45157" s="1" t="s">
        <v>153892</v>
      </c>
      <c r="G45157" s="1" t="s">
        <v>153857</v>
      </c>
      <c r="H45157" s="1" t="s">
        <v>153858</v>
      </c>
      <c r="I45157" s="1" t="s">
        <v>151905</v>
      </c>
      <c r="J45157" s="1" t="s">
        <v>153893</v>
      </c>
    </row>
    <row r="45158" spans="1:10" x14ac:dyDescent="0.35">
      <c r="A45158" s="1" t="s">
        <v>9375</v>
      </c>
      <c r="B45158" s="1" t="s">
        <v>151900</v>
      </c>
      <c r="C45158" s="1" t="s">
        <v>70</v>
      </c>
      <c r="D45158" s="1" t="s">
        <v>153894</v>
      </c>
      <c r="E45158" s="1" t="s">
        <v>153895</v>
      </c>
      <c r="F45158" s="1" t="s">
        <v>153896</v>
      </c>
      <c r="G45158" s="1" t="s">
        <v>153857</v>
      </c>
      <c r="H45158" s="1" t="s">
        <v>153858</v>
      </c>
      <c r="I45158" s="1" t="s">
        <v>151905</v>
      </c>
      <c r="J45158" s="1" t="s">
        <v>153897</v>
      </c>
    </row>
    <row r="45159" spans="1:10" x14ac:dyDescent="0.35">
      <c r="A45159" s="1" t="s">
        <v>9375</v>
      </c>
      <c r="B45159" s="1" t="s">
        <v>151900</v>
      </c>
      <c r="C45159" s="1" t="s">
        <v>75</v>
      </c>
      <c r="D45159" s="1" t="s">
        <v>149565</v>
      </c>
      <c r="E45159" s="1" t="s">
        <v>153898</v>
      </c>
      <c r="F45159" s="1" t="s">
        <v>153899</v>
      </c>
      <c r="G45159" s="1" t="s">
        <v>153857</v>
      </c>
      <c r="H45159" s="1" t="s">
        <v>153858</v>
      </c>
      <c r="I45159" s="1" t="s">
        <v>151905</v>
      </c>
      <c r="J45159" s="1" t="s">
        <v>153900</v>
      </c>
    </row>
    <row r="45160" spans="1:10" x14ac:dyDescent="0.35">
      <c r="A45160" s="1" t="s">
        <v>9375</v>
      </c>
      <c r="B45160" s="1" t="s">
        <v>151900</v>
      </c>
      <c r="C45160" s="1" t="s">
        <v>80</v>
      </c>
      <c r="D45160" s="1" t="s">
        <v>8881</v>
      </c>
      <c r="E45160" s="1" t="s">
        <v>153901</v>
      </c>
      <c r="F45160" s="1" t="s">
        <v>153902</v>
      </c>
      <c r="G45160" s="1" t="s">
        <v>153857</v>
      </c>
      <c r="H45160" s="1" t="s">
        <v>153858</v>
      </c>
      <c r="I45160" s="1" t="s">
        <v>151905</v>
      </c>
      <c r="J45160" s="1" t="s">
        <v>153903</v>
      </c>
    </row>
    <row r="45161" spans="1:10" x14ac:dyDescent="0.35">
      <c r="A45161" s="1" t="s">
        <v>9375</v>
      </c>
      <c r="B45161" s="1" t="s">
        <v>151900</v>
      </c>
      <c r="C45161" s="1" t="s">
        <v>85</v>
      </c>
      <c r="D45161" s="1" t="s">
        <v>153904</v>
      </c>
      <c r="E45161" s="1" t="s">
        <v>153905</v>
      </c>
      <c r="F45161" s="1" t="s">
        <v>153906</v>
      </c>
      <c r="G45161" s="1" t="s">
        <v>153857</v>
      </c>
      <c r="H45161" s="1" t="s">
        <v>153858</v>
      </c>
      <c r="I45161" s="1" t="s">
        <v>151905</v>
      </c>
      <c r="J45161" s="1" t="s">
        <v>153907</v>
      </c>
    </row>
    <row r="45162" spans="1:10" x14ac:dyDescent="0.35">
      <c r="A45162" s="1" t="s">
        <v>9375</v>
      </c>
      <c r="B45162" s="1" t="s">
        <v>151900</v>
      </c>
      <c r="C45162" s="1" t="s">
        <v>90</v>
      </c>
      <c r="D45162" s="1" t="s">
        <v>153908</v>
      </c>
      <c r="E45162" s="1" t="s">
        <v>153909</v>
      </c>
      <c r="F45162" s="1" t="s">
        <v>153910</v>
      </c>
      <c r="G45162" s="1" t="s">
        <v>153857</v>
      </c>
      <c r="H45162" s="1" t="s">
        <v>153858</v>
      </c>
      <c r="I45162" s="1" t="s">
        <v>151905</v>
      </c>
      <c r="J45162" s="1" t="s">
        <v>153911</v>
      </c>
    </row>
    <row r="45163" spans="1:10" x14ac:dyDescent="0.35">
      <c r="A45163" s="1" t="s">
        <v>9375</v>
      </c>
      <c r="B45163" s="1" t="s">
        <v>151900</v>
      </c>
      <c r="C45163" s="1" t="s">
        <v>95</v>
      </c>
      <c r="D45163" s="1" t="s">
        <v>153912</v>
      </c>
      <c r="E45163" s="1" t="s">
        <v>153913</v>
      </c>
      <c r="F45163" s="1" t="s">
        <v>153914</v>
      </c>
      <c r="G45163" s="1" t="s">
        <v>153857</v>
      </c>
      <c r="H45163" s="1" t="s">
        <v>153858</v>
      </c>
      <c r="I45163" s="1" t="s">
        <v>151905</v>
      </c>
      <c r="J45163" s="1" t="s">
        <v>153915</v>
      </c>
    </row>
    <row r="45164" spans="1:10" x14ac:dyDescent="0.35">
      <c r="A45164" s="1" t="s">
        <v>9375</v>
      </c>
      <c r="B45164" s="1" t="s">
        <v>151900</v>
      </c>
      <c r="C45164" s="1" t="s">
        <v>100</v>
      </c>
      <c r="D45164" s="1" t="s">
        <v>3180</v>
      </c>
      <c r="E45164" s="1" t="s">
        <v>153916</v>
      </c>
      <c r="F45164" s="1" t="s">
        <v>153917</v>
      </c>
      <c r="G45164" s="1" t="s">
        <v>153857</v>
      </c>
      <c r="H45164" s="1" t="s">
        <v>153858</v>
      </c>
      <c r="I45164" s="1" t="s">
        <v>151905</v>
      </c>
      <c r="J45164" s="1" t="s">
        <v>153918</v>
      </c>
    </row>
    <row r="45165" spans="1:10" x14ac:dyDescent="0.35">
      <c r="A45165" s="1" t="s">
        <v>9375</v>
      </c>
      <c r="B45165" s="1" t="s">
        <v>151900</v>
      </c>
      <c r="C45165" s="1" t="s">
        <v>105</v>
      </c>
      <c r="D45165" s="1" t="s">
        <v>153919</v>
      </c>
      <c r="E45165" s="1" t="s">
        <v>153920</v>
      </c>
      <c r="F45165" s="1" t="s">
        <v>153921</v>
      </c>
      <c r="G45165" s="1" t="s">
        <v>153857</v>
      </c>
      <c r="H45165" s="1" t="s">
        <v>153858</v>
      </c>
      <c r="I45165" s="1" t="s">
        <v>151905</v>
      </c>
      <c r="J45165" s="1" t="s">
        <v>153922</v>
      </c>
    </row>
    <row r="45166" spans="1:10" x14ac:dyDescent="0.35">
      <c r="A45166" s="1" t="s">
        <v>9375</v>
      </c>
      <c r="B45166" s="1" t="s">
        <v>151900</v>
      </c>
      <c r="C45166" s="1" t="s">
        <v>110</v>
      </c>
      <c r="D45166" s="1" t="s">
        <v>30360</v>
      </c>
      <c r="E45166" s="1" t="s">
        <v>153923</v>
      </c>
      <c r="F45166" s="1" t="s">
        <v>153924</v>
      </c>
      <c r="G45166" s="1" t="s">
        <v>153857</v>
      </c>
      <c r="H45166" s="1" t="s">
        <v>153858</v>
      </c>
      <c r="I45166" s="1" t="s">
        <v>151905</v>
      </c>
      <c r="J45166" s="1" t="s">
        <v>153925</v>
      </c>
    </row>
    <row r="45167" spans="1:10" x14ac:dyDescent="0.35">
      <c r="A45167" s="1" t="s">
        <v>9375</v>
      </c>
      <c r="B45167" s="1" t="s">
        <v>151900</v>
      </c>
      <c r="C45167" s="1" t="s">
        <v>115</v>
      </c>
      <c r="D45167" s="1" t="s">
        <v>18929</v>
      </c>
      <c r="E45167" s="1" t="s">
        <v>153926</v>
      </c>
      <c r="F45167" s="1" t="s">
        <v>153927</v>
      </c>
      <c r="G45167" s="1" t="s">
        <v>153857</v>
      </c>
      <c r="H45167" s="1" t="s">
        <v>153858</v>
      </c>
      <c r="I45167" s="1" t="s">
        <v>151905</v>
      </c>
      <c r="J45167" s="1" t="s">
        <v>153928</v>
      </c>
    </row>
    <row r="45168" spans="1:10" x14ac:dyDescent="0.35">
      <c r="A45168" s="1" t="s">
        <v>9375</v>
      </c>
      <c r="B45168" s="1" t="s">
        <v>151900</v>
      </c>
      <c r="C45168" s="1" t="s">
        <v>120</v>
      </c>
      <c r="D45168" s="1" t="s">
        <v>135427</v>
      </c>
      <c r="E45168" s="1" t="s">
        <v>153929</v>
      </c>
      <c r="F45168" s="1" t="s">
        <v>153930</v>
      </c>
      <c r="G45168" s="1" t="s">
        <v>153857</v>
      </c>
      <c r="H45168" s="1" t="s">
        <v>153858</v>
      </c>
      <c r="I45168" s="1" t="s">
        <v>151905</v>
      </c>
      <c r="J45168" s="1" t="s">
        <v>153931</v>
      </c>
    </row>
    <row r="45169" spans="1:10" x14ac:dyDescent="0.35">
      <c r="A45169" s="1" t="s">
        <v>9375</v>
      </c>
      <c r="B45169" s="1" t="s">
        <v>151900</v>
      </c>
      <c r="C45169" s="1" t="s">
        <v>125</v>
      </c>
      <c r="D45169" s="1" t="s">
        <v>113207</v>
      </c>
      <c r="E45169" s="1" t="s">
        <v>153932</v>
      </c>
      <c r="F45169" s="1" t="s">
        <v>153933</v>
      </c>
      <c r="G45169" s="1" t="s">
        <v>153857</v>
      </c>
      <c r="H45169" s="1" t="s">
        <v>153858</v>
      </c>
      <c r="I45169" s="1" t="s">
        <v>151905</v>
      </c>
      <c r="J45169" s="1" t="s">
        <v>153934</v>
      </c>
    </row>
    <row r="45170" spans="1:10" x14ac:dyDescent="0.35">
      <c r="A45170" s="1" t="s">
        <v>9375</v>
      </c>
      <c r="B45170" s="1" t="s">
        <v>151900</v>
      </c>
      <c r="C45170" s="1" t="s">
        <v>130</v>
      </c>
      <c r="D45170" s="1" t="s">
        <v>153935</v>
      </c>
      <c r="E45170" s="1" t="s">
        <v>153936</v>
      </c>
      <c r="F45170" s="1" t="s">
        <v>153937</v>
      </c>
      <c r="G45170" s="1" t="s">
        <v>153857</v>
      </c>
      <c r="H45170" s="1" t="s">
        <v>153858</v>
      </c>
      <c r="I45170" s="1" t="s">
        <v>151905</v>
      </c>
      <c r="J45170" s="1" t="s">
        <v>153938</v>
      </c>
    </row>
    <row r="45171" spans="1:10" x14ac:dyDescent="0.35">
      <c r="A45171" s="1" t="s">
        <v>9375</v>
      </c>
      <c r="B45171" s="1" t="s">
        <v>151900</v>
      </c>
      <c r="C45171" s="1" t="s">
        <v>135</v>
      </c>
      <c r="D45171" s="1" t="s">
        <v>8885</v>
      </c>
      <c r="E45171" s="1" t="s">
        <v>153939</v>
      </c>
      <c r="F45171" s="1" t="s">
        <v>153940</v>
      </c>
      <c r="G45171" s="1" t="s">
        <v>153857</v>
      </c>
      <c r="H45171" s="1" t="s">
        <v>153858</v>
      </c>
      <c r="I45171" s="1" t="s">
        <v>151905</v>
      </c>
      <c r="J45171" s="1" t="s">
        <v>153941</v>
      </c>
    </row>
    <row r="45172" spans="1:10" x14ac:dyDescent="0.35">
      <c r="A45172" s="1" t="s">
        <v>9375</v>
      </c>
      <c r="B45172" s="1" t="s">
        <v>151900</v>
      </c>
      <c r="C45172" s="1" t="s">
        <v>140</v>
      </c>
      <c r="D45172" s="1" t="s">
        <v>153942</v>
      </c>
      <c r="E45172" s="1" t="s">
        <v>153943</v>
      </c>
      <c r="F45172" s="1" t="s">
        <v>153944</v>
      </c>
      <c r="G45172" s="1" t="s">
        <v>153857</v>
      </c>
      <c r="H45172" s="1" t="s">
        <v>153858</v>
      </c>
      <c r="I45172" s="1" t="s">
        <v>151905</v>
      </c>
      <c r="J45172" s="1" t="s">
        <v>153945</v>
      </c>
    </row>
    <row r="45173" spans="1:10" x14ac:dyDescent="0.35">
      <c r="A45173" s="1" t="s">
        <v>9375</v>
      </c>
      <c r="B45173" s="1" t="s">
        <v>151900</v>
      </c>
      <c r="C45173" s="1" t="s">
        <v>145</v>
      </c>
      <c r="D45173" s="1" t="s">
        <v>115161</v>
      </c>
      <c r="E45173" s="1" t="s">
        <v>153946</v>
      </c>
      <c r="F45173" s="1" t="s">
        <v>153947</v>
      </c>
      <c r="G45173" s="1" t="s">
        <v>153857</v>
      </c>
      <c r="H45173" s="1" t="s">
        <v>153858</v>
      </c>
      <c r="I45173" s="1" t="s">
        <v>151905</v>
      </c>
      <c r="J45173" s="1" t="s">
        <v>153948</v>
      </c>
    </row>
    <row r="45174" spans="1:10" x14ac:dyDescent="0.35">
      <c r="A45174" s="1" t="s">
        <v>9375</v>
      </c>
      <c r="B45174" s="1" t="s">
        <v>151900</v>
      </c>
      <c r="C45174" s="1" t="s">
        <v>150</v>
      </c>
      <c r="D45174" s="1" t="s">
        <v>153949</v>
      </c>
      <c r="E45174" s="1" t="s">
        <v>153950</v>
      </c>
      <c r="F45174" s="1" t="s">
        <v>153951</v>
      </c>
      <c r="G45174" s="1" t="s">
        <v>153857</v>
      </c>
      <c r="H45174" s="1" t="s">
        <v>153858</v>
      </c>
      <c r="I45174" s="1" t="s">
        <v>151905</v>
      </c>
      <c r="J45174" s="1" t="s">
        <v>153952</v>
      </c>
    </row>
    <row r="45175" spans="1:10" x14ac:dyDescent="0.35">
      <c r="A45175" s="1" t="s">
        <v>9375</v>
      </c>
      <c r="B45175" s="1" t="s">
        <v>151900</v>
      </c>
      <c r="C45175" s="1" t="s">
        <v>155</v>
      </c>
      <c r="D45175" s="1" t="s">
        <v>150616</v>
      </c>
      <c r="E45175" s="1" t="s">
        <v>153953</v>
      </c>
      <c r="F45175" s="1" t="s">
        <v>153954</v>
      </c>
      <c r="G45175" s="1" t="s">
        <v>153857</v>
      </c>
      <c r="H45175" s="1" t="s">
        <v>153858</v>
      </c>
      <c r="I45175" s="1" t="s">
        <v>151905</v>
      </c>
      <c r="J45175" s="1" t="s">
        <v>153955</v>
      </c>
    </row>
    <row r="45176" spans="1:10" x14ac:dyDescent="0.35">
      <c r="A45176" s="1" t="s">
        <v>9375</v>
      </c>
      <c r="B45176" s="1" t="s">
        <v>151900</v>
      </c>
      <c r="C45176" s="1" t="s">
        <v>160</v>
      </c>
      <c r="D45176" s="1" t="s">
        <v>18949</v>
      </c>
      <c r="E45176" s="1" t="s">
        <v>153956</v>
      </c>
      <c r="F45176" s="1" t="s">
        <v>153957</v>
      </c>
      <c r="G45176" s="1" t="s">
        <v>153857</v>
      </c>
      <c r="H45176" s="1" t="s">
        <v>153858</v>
      </c>
      <c r="I45176" s="1" t="s">
        <v>151905</v>
      </c>
      <c r="J45176" s="1" t="s">
        <v>153958</v>
      </c>
    </row>
    <row r="45177" spans="1:10" x14ac:dyDescent="0.35">
      <c r="A45177" s="1" t="s">
        <v>9375</v>
      </c>
      <c r="B45177" s="1" t="s">
        <v>151900</v>
      </c>
      <c r="C45177" s="1" t="s">
        <v>165</v>
      </c>
      <c r="D45177" s="1" t="s">
        <v>153959</v>
      </c>
      <c r="E45177" s="1" t="s">
        <v>153960</v>
      </c>
      <c r="F45177" s="1" t="s">
        <v>153961</v>
      </c>
      <c r="G45177" s="1" t="s">
        <v>153857</v>
      </c>
      <c r="H45177" s="1" t="s">
        <v>153858</v>
      </c>
      <c r="I45177" s="1" t="s">
        <v>151905</v>
      </c>
      <c r="J45177" s="1" t="s">
        <v>153962</v>
      </c>
    </row>
    <row r="45178" spans="1:10" x14ac:dyDescent="0.35">
      <c r="A45178" s="1" t="s">
        <v>9375</v>
      </c>
      <c r="B45178" s="1" t="s">
        <v>151900</v>
      </c>
      <c r="C45178" s="1" t="s">
        <v>170</v>
      </c>
      <c r="D45178" s="1" t="s">
        <v>33017</v>
      </c>
      <c r="E45178" s="1" t="s">
        <v>153963</v>
      </c>
      <c r="F45178" s="1" t="s">
        <v>153964</v>
      </c>
      <c r="G45178" s="1" t="s">
        <v>153857</v>
      </c>
      <c r="H45178" s="1" t="s">
        <v>153858</v>
      </c>
      <c r="I45178" s="1" t="s">
        <v>151905</v>
      </c>
      <c r="J45178" s="1" t="s">
        <v>153965</v>
      </c>
    </row>
    <row r="45179" spans="1:10" x14ac:dyDescent="0.35">
      <c r="A45179" s="1" t="s">
        <v>28158</v>
      </c>
      <c r="B45179" s="1" t="s">
        <v>151900</v>
      </c>
      <c r="C45179" s="1" t="s">
        <v>8</v>
      </c>
      <c r="D45179" s="1" t="s">
        <v>153966</v>
      </c>
      <c r="E45179" s="1" t="s">
        <v>153967</v>
      </c>
      <c r="F45179" s="1" t="s">
        <v>153968</v>
      </c>
      <c r="G45179" s="1" t="s">
        <v>153969</v>
      </c>
      <c r="H45179" s="1" t="s">
        <v>153970</v>
      </c>
      <c r="I45179" s="1" t="s">
        <v>151905</v>
      </c>
      <c r="J45179" s="1" t="s">
        <v>13</v>
      </c>
    </row>
    <row r="45180" spans="1:10" x14ac:dyDescent="0.35">
      <c r="A45180" s="1" t="s">
        <v>28158</v>
      </c>
      <c r="B45180" s="1" t="s">
        <v>151900</v>
      </c>
      <c r="C45180" s="1" t="s">
        <v>15</v>
      </c>
      <c r="D45180" s="1" t="s">
        <v>153971</v>
      </c>
      <c r="E45180" s="1" t="s">
        <v>153972</v>
      </c>
      <c r="F45180" s="1" t="s">
        <v>153973</v>
      </c>
      <c r="G45180" s="1" t="s">
        <v>153969</v>
      </c>
      <c r="H45180" s="1" t="s">
        <v>153970</v>
      </c>
      <c r="I45180" s="1" t="s">
        <v>151905</v>
      </c>
      <c r="J45180" s="1" t="s">
        <v>153974</v>
      </c>
    </row>
    <row r="45181" spans="1:10" x14ac:dyDescent="0.35">
      <c r="A45181" s="1" t="s">
        <v>28158</v>
      </c>
      <c r="B45181" s="1" t="s">
        <v>151900</v>
      </c>
      <c r="C45181" s="1" t="s">
        <v>20</v>
      </c>
      <c r="D45181" s="1" t="s">
        <v>24326</v>
      </c>
      <c r="E45181" s="1" t="s">
        <v>153975</v>
      </c>
      <c r="F45181" s="1" t="s">
        <v>153976</v>
      </c>
      <c r="G45181" s="1" t="s">
        <v>153969</v>
      </c>
      <c r="H45181" s="1" t="s">
        <v>153970</v>
      </c>
      <c r="I45181" s="1" t="s">
        <v>151905</v>
      </c>
      <c r="J45181" s="1" t="s">
        <v>153977</v>
      </c>
    </row>
    <row r="45182" spans="1:10" x14ac:dyDescent="0.35">
      <c r="A45182" s="1" t="s">
        <v>28158</v>
      </c>
      <c r="B45182" s="1" t="s">
        <v>151900</v>
      </c>
      <c r="C45182" s="1" t="s">
        <v>25</v>
      </c>
      <c r="D45182" s="1" t="s">
        <v>20278</v>
      </c>
      <c r="E45182" s="1" t="s">
        <v>153978</v>
      </c>
      <c r="F45182" s="1" t="s">
        <v>153979</v>
      </c>
      <c r="G45182" s="1" t="s">
        <v>153969</v>
      </c>
      <c r="H45182" s="1" t="s">
        <v>153970</v>
      </c>
      <c r="I45182" s="1" t="s">
        <v>151905</v>
      </c>
      <c r="J45182" s="1" t="s">
        <v>153980</v>
      </c>
    </row>
    <row r="45183" spans="1:10" x14ac:dyDescent="0.35">
      <c r="A45183" s="1" t="s">
        <v>28158</v>
      </c>
      <c r="B45183" s="1" t="s">
        <v>151900</v>
      </c>
      <c r="C45183" s="1" t="s">
        <v>30</v>
      </c>
      <c r="D45183" s="1" t="s">
        <v>66719</v>
      </c>
      <c r="E45183" s="1" t="s">
        <v>153981</v>
      </c>
      <c r="F45183" s="1" t="s">
        <v>153982</v>
      </c>
      <c r="G45183" s="1" t="s">
        <v>153969</v>
      </c>
      <c r="H45183" s="1" t="s">
        <v>153970</v>
      </c>
      <c r="I45183" s="1" t="s">
        <v>151905</v>
      </c>
      <c r="J45183" s="1" t="s">
        <v>153983</v>
      </c>
    </row>
    <row r="45184" spans="1:10" x14ac:dyDescent="0.35">
      <c r="A45184" s="1" t="s">
        <v>28158</v>
      </c>
      <c r="B45184" s="1" t="s">
        <v>151900</v>
      </c>
      <c r="C45184" s="1" t="s">
        <v>35</v>
      </c>
      <c r="D45184" s="1" t="s">
        <v>75672</v>
      </c>
      <c r="E45184" s="1" t="s">
        <v>153984</v>
      </c>
      <c r="F45184" s="1" t="s">
        <v>153985</v>
      </c>
      <c r="G45184" s="1" t="s">
        <v>153969</v>
      </c>
      <c r="H45184" s="1" t="s">
        <v>153970</v>
      </c>
      <c r="I45184" s="1" t="s">
        <v>151905</v>
      </c>
      <c r="J45184" s="1" t="s">
        <v>153986</v>
      </c>
    </row>
    <row r="45185" spans="1:10" x14ac:dyDescent="0.35">
      <c r="A45185" s="1" t="s">
        <v>28158</v>
      </c>
      <c r="B45185" s="1" t="s">
        <v>151900</v>
      </c>
      <c r="C45185" s="1" t="s">
        <v>40</v>
      </c>
      <c r="D45185" s="1" t="s">
        <v>153987</v>
      </c>
      <c r="E45185" s="1" t="s">
        <v>153988</v>
      </c>
      <c r="F45185" s="1" t="s">
        <v>153989</v>
      </c>
      <c r="G45185" s="1" t="s">
        <v>153969</v>
      </c>
      <c r="H45185" s="1" t="s">
        <v>153970</v>
      </c>
      <c r="I45185" s="1" t="s">
        <v>151905</v>
      </c>
      <c r="J45185" s="1" t="s">
        <v>153990</v>
      </c>
    </row>
    <row r="45186" spans="1:10" x14ac:dyDescent="0.35">
      <c r="A45186" s="1" t="s">
        <v>28158</v>
      </c>
      <c r="B45186" s="1" t="s">
        <v>151900</v>
      </c>
      <c r="C45186" s="1" t="s">
        <v>45</v>
      </c>
      <c r="D45186" s="1" t="s">
        <v>140710</v>
      </c>
      <c r="E45186" s="1" t="s">
        <v>153991</v>
      </c>
      <c r="F45186" s="1" t="s">
        <v>153992</v>
      </c>
      <c r="G45186" s="1" t="s">
        <v>153969</v>
      </c>
      <c r="H45186" s="1" t="s">
        <v>153970</v>
      </c>
      <c r="I45186" s="1" t="s">
        <v>151905</v>
      </c>
      <c r="J45186" s="1" t="s">
        <v>153993</v>
      </c>
    </row>
    <row r="45187" spans="1:10" x14ac:dyDescent="0.35">
      <c r="A45187" s="1" t="s">
        <v>28158</v>
      </c>
      <c r="B45187" s="1" t="s">
        <v>151900</v>
      </c>
      <c r="C45187" s="1" t="s">
        <v>50</v>
      </c>
      <c r="D45187" s="1" t="s">
        <v>137669</v>
      </c>
      <c r="E45187" s="1" t="s">
        <v>153994</v>
      </c>
      <c r="F45187" s="1" t="s">
        <v>153995</v>
      </c>
      <c r="G45187" s="1" t="s">
        <v>153969</v>
      </c>
      <c r="H45187" s="1" t="s">
        <v>153970</v>
      </c>
      <c r="I45187" s="1" t="s">
        <v>151905</v>
      </c>
      <c r="J45187" s="1" t="s">
        <v>153996</v>
      </c>
    </row>
    <row r="45188" spans="1:10" x14ac:dyDescent="0.35">
      <c r="A45188" s="1" t="s">
        <v>28158</v>
      </c>
      <c r="B45188" s="1" t="s">
        <v>151900</v>
      </c>
      <c r="C45188" s="1" t="s">
        <v>55</v>
      </c>
      <c r="D45188" s="1" t="s">
        <v>86624</v>
      </c>
      <c r="E45188" s="1" t="s">
        <v>153997</v>
      </c>
      <c r="F45188" s="1" t="s">
        <v>153998</v>
      </c>
      <c r="G45188" s="1" t="s">
        <v>153969</v>
      </c>
      <c r="H45188" s="1" t="s">
        <v>153970</v>
      </c>
      <c r="I45188" s="1" t="s">
        <v>151905</v>
      </c>
      <c r="J45188" s="1" t="s">
        <v>153999</v>
      </c>
    </row>
    <row r="45189" spans="1:10" x14ac:dyDescent="0.35">
      <c r="A45189" s="1" t="s">
        <v>28158</v>
      </c>
      <c r="B45189" s="1" t="s">
        <v>151900</v>
      </c>
      <c r="C45189" s="1" t="s">
        <v>60</v>
      </c>
      <c r="D45189" s="1" t="s">
        <v>154000</v>
      </c>
      <c r="E45189" s="1" t="s">
        <v>154001</v>
      </c>
      <c r="F45189" s="1" t="s">
        <v>154002</v>
      </c>
      <c r="G45189" s="1" t="s">
        <v>153969</v>
      </c>
      <c r="H45189" s="1" t="s">
        <v>153970</v>
      </c>
      <c r="I45189" s="1" t="s">
        <v>151905</v>
      </c>
      <c r="J45189" s="1" t="s">
        <v>154003</v>
      </c>
    </row>
    <row r="45190" spans="1:10" x14ac:dyDescent="0.35">
      <c r="A45190" s="1" t="s">
        <v>28158</v>
      </c>
      <c r="B45190" s="1" t="s">
        <v>151900</v>
      </c>
      <c r="C45190" s="1" t="s">
        <v>65</v>
      </c>
      <c r="D45190" s="1" t="s">
        <v>139552</v>
      </c>
      <c r="E45190" s="1" t="s">
        <v>154004</v>
      </c>
      <c r="F45190" s="1" t="s">
        <v>154005</v>
      </c>
      <c r="G45190" s="1" t="s">
        <v>153969</v>
      </c>
      <c r="H45190" s="1" t="s">
        <v>153970</v>
      </c>
      <c r="I45190" s="1" t="s">
        <v>151905</v>
      </c>
      <c r="J45190" s="1" t="s">
        <v>154006</v>
      </c>
    </row>
    <row r="45191" spans="1:10" x14ac:dyDescent="0.35">
      <c r="A45191" s="1" t="s">
        <v>28158</v>
      </c>
      <c r="B45191" s="1" t="s">
        <v>151900</v>
      </c>
      <c r="C45191" s="1" t="s">
        <v>70</v>
      </c>
      <c r="D45191" s="1" t="s">
        <v>69562</v>
      </c>
      <c r="E45191" s="1" t="s">
        <v>154007</v>
      </c>
      <c r="F45191" s="1" t="s">
        <v>154008</v>
      </c>
      <c r="G45191" s="1" t="s">
        <v>153969</v>
      </c>
      <c r="H45191" s="1" t="s">
        <v>153970</v>
      </c>
      <c r="I45191" s="1" t="s">
        <v>151905</v>
      </c>
      <c r="J45191" s="1" t="s">
        <v>154009</v>
      </c>
    </row>
    <row r="45192" spans="1:10" x14ac:dyDescent="0.35">
      <c r="A45192" s="1" t="s">
        <v>28158</v>
      </c>
      <c r="B45192" s="1" t="s">
        <v>151900</v>
      </c>
      <c r="C45192" s="1" t="s">
        <v>75</v>
      </c>
      <c r="D45192" s="1" t="s">
        <v>154010</v>
      </c>
      <c r="E45192" s="1" t="s">
        <v>154011</v>
      </c>
      <c r="F45192" s="1" t="s">
        <v>154012</v>
      </c>
      <c r="G45192" s="1" t="s">
        <v>153969</v>
      </c>
      <c r="H45192" s="1" t="s">
        <v>153970</v>
      </c>
      <c r="I45192" s="1" t="s">
        <v>151905</v>
      </c>
      <c r="J45192" s="1" t="s">
        <v>154013</v>
      </c>
    </row>
    <row r="45193" spans="1:10" x14ac:dyDescent="0.35">
      <c r="A45193" s="1" t="s">
        <v>28158</v>
      </c>
      <c r="B45193" s="1" t="s">
        <v>151900</v>
      </c>
      <c r="C45193" s="1" t="s">
        <v>80</v>
      </c>
      <c r="D45193" s="1" t="s">
        <v>154014</v>
      </c>
      <c r="E45193" s="1" t="s">
        <v>154015</v>
      </c>
      <c r="F45193" s="1" t="s">
        <v>154016</v>
      </c>
      <c r="G45193" s="1" t="s">
        <v>153969</v>
      </c>
      <c r="H45193" s="1" t="s">
        <v>153970</v>
      </c>
      <c r="I45193" s="1" t="s">
        <v>151905</v>
      </c>
      <c r="J45193" s="1" t="s">
        <v>154017</v>
      </c>
    </row>
    <row r="45194" spans="1:10" x14ac:dyDescent="0.35">
      <c r="A45194" s="1" t="s">
        <v>28158</v>
      </c>
      <c r="B45194" s="1" t="s">
        <v>151900</v>
      </c>
      <c r="C45194" s="1" t="s">
        <v>85</v>
      </c>
      <c r="D45194" s="1" t="s">
        <v>154018</v>
      </c>
      <c r="E45194" s="1" t="s">
        <v>154019</v>
      </c>
      <c r="F45194" s="1" t="s">
        <v>154020</v>
      </c>
      <c r="G45194" s="1" t="s">
        <v>153969</v>
      </c>
      <c r="H45194" s="1" t="s">
        <v>153970</v>
      </c>
      <c r="I45194" s="1" t="s">
        <v>151905</v>
      </c>
      <c r="J45194" s="1" t="s">
        <v>154021</v>
      </c>
    </row>
    <row r="45195" spans="1:10" x14ac:dyDescent="0.35">
      <c r="A45195" s="1" t="s">
        <v>28158</v>
      </c>
      <c r="B45195" s="1" t="s">
        <v>151900</v>
      </c>
      <c r="C45195" s="1" t="s">
        <v>90</v>
      </c>
      <c r="D45195" s="1" t="s">
        <v>60870</v>
      </c>
      <c r="E45195" s="1" t="s">
        <v>154022</v>
      </c>
      <c r="F45195" s="1" t="s">
        <v>154023</v>
      </c>
      <c r="G45195" s="1" t="s">
        <v>153969</v>
      </c>
      <c r="H45195" s="1" t="s">
        <v>153970</v>
      </c>
      <c r="I45195" s="1" t="s">
        <v>151905</v>
      </c>
      <c r="J45195" s="1" t="s">
        <v>154024</v>
      </c>
    </row>
    <row r="45196" spans="1:10" x14ac:dyDescent="0.35">
      <c r="A45196" s="1" t="s">
        <v>28158</v>
      </c>
      <c r="B45196" s="1" t="s">
        <v>151900</v>
      </c>
      <c r="C45196" s="1" t="s">
        <v>95</v>
      </c>
      <c r="D45196" s="1" t="s">
        <v>154025</v>
      </c>
      <c r="E45196" s="1" t="s">
        <v>154026</v>
      </c>
      <c r="F45196" s="1" t="s">
        <v>154027</v>
      </c>
      <c r="G45196" s="1" t="s">
        <v>153969</v>
      </c>
      <c r="H45196" s="1" t="s">
        <v>153970</v>
      </c>
      <c r="I45196" s="1" t="s">
        <v>151905</v>
      </c>
      <c r="J45196" s="1" t="s">
        <v>154028</v>
      </c>
    </row>
    <row r="45197" spans="1:10" x14ac:dyDescent="0.35">
      <c r="A45197" s="1" t="s">
        <v>28158</v>
      </c>
      <c r="B45197" s="1" t="s">
        <v>151900</v>
      </c>
      <c r="C45197" s="1" t="s">
        <v>100</v>
      </c>
      <c r="D45197" s="1" t="s">
        <v>154029</v>
      </c>
      <c r="E45197" s="1" t="s">
        <v>154030</v>
      </c>
      <c r="F45197" s="1" t="s">
        <v>154031</v>
      </c>
      <c r="G45197" s="1" t="s">
        <v>153969</v>
      </c>
      <c r="H45197" s="1" t="s">
        <v>153970</v>
      </c>
      <c r="I45197" s="1" t="s">
        <v>151905</v>
      </c>
      <c r="J45197" s="1" t="s">
        <v>154032</v>
      </c>
    </row>
    <row r="45198" spans="1:10" x14ac:dyDescent="0.35">
      <c r="A45198" s="1" t="s">
        <v>28158</v>
      </c>
      <c r="B45198" s="1" t="s">
        <v>151900</v>
      </c>
      <c r="C45198" s="1" t="s">
        <v>105</v>
      </c>
      <c r="D45198" s="1" t="s">
        <v>54981</v>
      </c>
      <c r="E45198" s="1" t="s">
        <v>154033</v>
      </c>
      <c r="F45198" s="1" t="s">
        <v>154034</v>
      </c>
      <c r="G45198" s="1" t="s">
        <v>153969</v>
      </c>
      <c r="H45198" s="1" t="s">
        <v>153970</v>
      </c>
      <c r="I45198" s="1" t="s">
        <v>151905</v>
      </c>
      <c r="J45198" s="1" t="s">
        <v>154035</v>
      </c>
    </row>
    <row r="45199" spans="1:10" x14ac:dyDescent="0.35">
      <c r="A45199" s="1" t="s">
        <v>28158</v>
      </c>
      <c r="B45199" s="1" t="s">
        <v>151900</v>
      </c>
      <c r="C45199" s="1" t="s">
        <v>110</v>
      </c>
      <c r="D45199" s="1" t="s">
        <v>7484</v>
      </c>
      <c r="E45199" s="1" t="s">
        <v>154036</v>
      </c>
      <c r="F45199" s="1" t="s">
        <v>154037</v>
      </c>
      <c r="G45199" s="1" t="s">
        <v>153969</v>
      </c>
      <c r="H45199" s="1" t="s">
        <v>153970</v>
      </c>
      <c r="I45199" s="1" t="s">
        <v>151905</v>
      </c>
      <c r="J45199" s="1" t="s">
        <v>154038</v>
      </c>
    </row>
    <row r="45200" spans="1:10" x14ac:dyDescent="0.35">
      <c r="A45200" s="1" t="s">
        <v>28158</v>
      </c>
      <c r="B45200" s="1" t="s">
        <v>151900</v>
      </c>
      <c r="C45200" s="1" t="s">
        <v>115</v>
      </c>
      <c r="D45200" s="1" t="s">
        <v>22075</v>
      </c>
      <c r="E45200" s="1" t="s">
        <v>154039</v>
      </c>
      <c r="F45200" s="1" t="s">
        <v>154040</v>
      </c>
      <c r="G45200" s="1" t="s">
        <v>153969</v>
      </c>
      <c r="H45200" s="1" t="s">
        <v>153970</v>
      </c>
      <c r="I45200" s="1" t="s">
        <v>151905</v>
      </c>
      <c r="J45200" s="1" t="s">
        <v>154041</v>
      </c>
    </row>
    <row r="45201" spans="1:10" x14ac:dyDescent="0.35">
      <c r="A45201" s="1" t="s">
        <v>28158</v>
      </c>
      <c r="B45201" s="1" t="s">
        <v>151900</v>
      </c>
      <c r="C45201" s="1" t="s">
        <v>120</v>
      </c>
      <c r="D45201" s="1" t="s">
        <v>154042</v>
      </c>
      <c r="E45201" s="1" t="s">
        <v>154043</v>
      </c>
      <c r="F45201" s="1" t="s">
        <v>154044</v>
      </c>
      <c r="G45201" s="1" t="s">
        <v>153969</v>
      </c>
      <c r="H45201" s="1" t="s">
        <v>153970</v>
      </c>
      <c r="I45201" s="1" t="s">
        <v>151905</v>
      </c>
      <c r="J45201" s="1" t="s">
        <v>154045</v>
      </c>
    </row>
    <row r="45202" spans="1:10" x14ac:dyDescent="0.35">
      <c r="A45202" s="1" t="s">
        <v>28158</v>
      </c>
      <c r="B45202" s="1" t="s">
        <v>151900</v>
      </c>
      <c r="C45202" s="1" t="s">
        <v>125</v>
      </c>
      <c r="D45202" s="1" t="s">
        <v>154046</v>
      </c>
      <c r="E45202" s="1" t="s">
        <v>154047</v>
      </c>
      <c r="F45202" s="1" t="s">
        <v>154048</v>
      </c>
      <c r="G45202" s="1" t="s">
        <v>153969</v>
      </c>
      <c r="H45202" s="1" t="s">
        <v>153970</v>
      </c>
      <c r="I45202" s="1" t="s">
        <v>151905</v>
      </c>
      <c r="J45202" s="1" t="s">
        <v>154049</v>
      </c>
    </row>
    <row r="45203" spans="1:10" x14ac:dyDescent="0.35">
      <c r="A45203" s="1" t="s">
        <v>28158</v>
      </c>
      <c r="B45203" s="1" t="s">
        <v>151900</v>
      </c>
      <c r="C45203" s="1" t="s">
        <v>130</v>
      </c>
      <c r="D45203" s="1" t="s">
        <v>63084</v>
      </c>
      <c r="E45203" s="1" t="s">
        <v>154050</v>
      </c>
      <c r="F45203" s="1" t="s">
        <v>154051</v>
      </c>
      <c r="G45203" s="1" t="s">
        <v>153969</v>
      </c>
      <c r="H45203" s="1" t="s">
        <v>153970</v>
      </c>
      <c r="I45203" s="1" t="s">
        <v>151905</v>
      </c>
      <c r="J45203" s="1" t="s">
        <v>154052</v>
      </c>
    </row>
    <row r="45204" spans="1:10" x14ac:dyDescent="0.35">
      <c r="A45204" s="1" t="s">
        <v>28158</v>
      </c>
      <c r="B45204" s="1" t="s">
        <v>151900</v>
      </c>
      <c r="C45204" s="1" t="s">
        <v>135</v>
      </c>
      <c r="D45204" s="1" t="s">
        <v>154053</v>
      </c>
      <c r="E45204" s="1" t="s">
        <v>154054</v>
      </c>
      <c r="F45204" s="1" t="s">
        <v>154055</v>
      </c>
      <c r="G45204" s="1" t="s">
        <v>153969</v>
      </c>
      <c r="H45204" s="1" t="s">
        <v>153970</v>
      </c>
      <c r="I45204" s="1" t="s">
        <v>151905</v>
      </c>
      <c r="J45204" s="1" t="s">
        <v>154056</v>
      </c>
    </row>
    <row r="45205" spans="1:10" x14ac:dyDescent="0.35">
      <c r="A45205" s="1" t="s">
        <v>28158</v>
      </c>
      <c r="B45205" s="1" t="s">
        <v>151900</v>
      </c>
      <c r="C45205" s="1" t="s">
        <v>140</v>
      </c>
      <c r="D45205" s="1" t="s">
        <v>154057</v>
      </c>
      <c r="E45205" s="1" t="s">
        <v>154058</v>
      </c>
      <c r="F45205" s="1" t="s">
        <v>154059</v>
      </c>
      <c r="G45205" s="1" t="s">
        <v>153969</v>
      </c>
      <c r="H45205" s="1" t="s">
        <v>153970</v>
      </c>
      <c r="I45205" s="1" t="s">
        <v>151905</v>
      </c>
      <c r="J45205" s="1" t="s">
        <v>154060</v>
      </c>
    </row>
    <row r="45206" spans="1:10" x14ac:dyDescent="0.35">
      <c r="A45206" s="1" t="s">
        <v>28158</v>
      </c>
      <c r="B45206" s="1" t="s">
        <v>151900</v>
      </c>
      <c r="C45206" s="1" t="s">
        <v>145</v>
      </c>
      <c r="D45206" s="1" t="s">
        <v>154061</v>
      </c>
      <c r="E45206" s="1" t="s">
        <v>154062</v>
      </c>
      <c r="F45206" s="1" t="s">
        <v>154063</v>
      </c>
      <c r="G45206" s="1" t="s">
        <v>153969</v>
      </c>
      <c r="H45206" s="1" t="s">
        <v>153970</v>
      </c>
      <c r="I45206" s="1" t="s">
        <v>151905</v>
      </c>
      <c r="J45206" s="1" t="s">
        <v>154064</v>
      </c>
    </row>
    <row r="45207" spans="1:10" x14ac:dyDescent="0.35">
      <c r="A45207" s="1" t="s">
        <v>28158</v>
      </c>
      <c r="B45207" s="1" t="s">
        <v>151900</v>
      </c>
      <c r="C45207" s="1" t="s">
        <v>150</v>
      </c>
      <c r="D45207" s="1" t="s">
        <v>60998</v>
      </c>
      <c r="E45207" s="1" t="s">
        <v>154065</v>
      </c>
      <c r="F45207" s="1" t="s">
        <v>154066</v>
      </c>
      <c r="G45207" s="1" t="s">
        <v>153969</v>
      </c>
      <c r="H45207" s="1" t="s">
        <v>153970</v>
      </c>
      <c r="I45207" s="1" t="s">
        <v>151905</v>
      </c>
      <c r="J45207" s="1" t="s">
        <v>154067</v>
      </c>
    </row>
    <row r="45208" spans="1:10" x14ac:dyDescent="0.35">
      <c r="A45208" s="1" t="s">
        <v>28158</v>
      </c>
      <c r="B45208" s="1" t="s">
        <v>151900</v>
      </c>
      <c r="C45208" s="1" t="s">
        <v>155</v>
      </c>
      <c r="D45208" s="1" t="s">
        <v>154068</v>
      </c>
      <c r="E45208" s="1" t="s">
        <v>154069</v>
      </c>
      <c r="F45208" s="1" t="s">
        <v>154070</v>
      </c>
      <c r="G45208" s="1" t="s">
        <v>153969</v>
      </c>
      <c r="H45208" s="1" t="s">
        <v>153970</v>
      </c>
      <c r="I45208" s="1" t="s">
        <v>151905</v>
      </c>
      <c r="J45208" s="1" t="s">
        <v>154071</v>
      </c>
    </row>
    <row r="45209" spans="1:10" x14ac:dyDescent="0.35">
      <c r="A45209" s="1" t="s">
        <v>28158</v>
      </c>
      <c r="B45209" s="1" t="s">
        <v>151900</v>
      </c>
      <c r="C45209" s="1" t="s">
        <v>160</v>
      </c>
      <c r="D45209" s="1" t="s">
        <v>152286</v>
      </c>
      <c r="E45209" s="1" t="s">
        <v>154072</v>
      </c>
      <c r="F45209" s="1" t="s">
        <v>154073</v>
      </c>
      <c r="G45209" s="1" t="s">
        <v>153969</v>
      </c>
      <c r="H45209" s="1" t="s">
        <v>153970</v>
      </c>
      <c r="I45209" s="1" t="s">
        <v>151905</v>
      </c>
      <c r="J45209" s="1" t="s">
        <v>154074</v>
      </c>
    </row>
    <row r="45210" spans="1:10" x14ac:dyDescent="0.35">
      <c r="A45210" s="1" t="s">
        <v>28158</v>
      </c>
      <c r="B45210" s="1" t="s">
        <v>151900</v>
      </c>
      <c r="C45210" s="1" t="s">
        <v>165</v>
      </c>
      <c r="D45210" s="1" t="s">
        <v>154075</v>
      </c>
      <c r="E45210" s="1" t="s">
        <v>154076</v>
      </c>
      <c r="F45210" s="1" t="s">
        <v>154077</v>
      </c>
      <c r="G45210" s="1" t="s">
        <v>153969</v>
      </c>
      <c r="H45210" s="1" t="s">
        <v>153970</v>
      </c>
      <c r="I45210" s="1" t="s">
        <v>151905</v>
      </c>
      <c r="J45210" s="1" t="s">
        <v>154078</v>
      </c>
    </row>
    <row r="45211" spans="1:10" x14ac:dyDescent="0.35">
      <c r="A45211" s="1" t="s">
        <v>28158</v>
      </c>
      <c r="B45211" s="1" t="s">
        <v>151900</v>
      </c>
      <c r="C45211" s="1" t="s">
        <v>170</v>
      </c>
      <c r="D45211" s="1" t="s">
        <v>154079</v>
      </c>
      <c r="E45211" s="1" t="s">
        <v>154080</v>
      </c>
      <c r="F45211" s="1" t="s">
        <v>154081</v>
      </c>
      <c r="G45211" s="1" t="s">
        <v>153969</v>
      </c>
      <c r="H45211" s="1" t="s">
        <v>153970</v>
      </c>
      <c r="I45211" s="1" t="s">
        <v>151905</v>
      </c>
      <c r="J45211" s="1" t="s">
        <v>154082</v>
      </c>
    </row>
    <row r="45212" spans="1:10" x14ac:dyDescent="0.35">
      <c r="A45212" s="1" t="s">
        <v>28402</v>
      </c>
      <c r="B45212" s="1" t="s">
        <v>151900</v>
      </c>
      <c r="C45212" s="1" t="s">
        <v>8</v>
      </c>
      <c r="D45212" s="1" t="s">
        <v>281</v>
      </c>
      <c r="E45212" s="1" t="s">
        <v>154083</v>
      </c>
      <c r="F45212" s="1" t="s">
        <v>154084</v>
      </c>
      <c r="G45212" s="1" t="s">
        <v>154085</v>
      </c>
      <c r="H45212" s="1" t="s">
        <v>154086</v>
      </c>
      <c r="I45212" s="1" t="s">
        <v>151905</v>
      </c>
      <c r="J45212" s="1" t="s">
        <v>13</v>
      </c>
    </row>
    <row r="45213" spans="1:10" x14ac:dyDescent="0.35">
      <c r="A45213" s="1" t="s">
        <v>28402</v>
      </c>
      <c r="B45213" s="1" t="s">
        <v>151900</v>
      </c>
      <c r="C45213" s="1" t="s">
        <v>15</v>
      </c>
      <c r="D45213" s="1" t="s">
        <v>134961</v>
      </c>
      <c r="E45213" s="1" t="s">
        <v>154087</v>
      </c>
      <c r="F45213" s="1" t="s">
        <v>154088</v>
      </c>
      <c r="G45213" s="1" t="s">
        <v>154085</v>
      </c>
      <c r="H45213" s="1" t="s">
        <v>154086</v>
      </c>
      <c r="I45213" s="1" t="s">
        <v>151905</v>
      </c>
      <c r="J45213" s="1" t="s">
        <v>154089</v>
      </c>
    </row>
    <row r="45214" spans="1:10" x14ac:dyDescent="0.35">
      <c r="A45214" s="1" t="s">
        <v>28402</v>
      </c>
      <c r="B45214" s="1" t="s">
        <v>151900</v>
      </c>
      <c r="C45214" s="1" t="s">
        <v>20</v>
      </c>
      <c r="D45214" s="1" t="s">
        <v>117084</v>
      </c>
      <c r="E45214" s="1" t="s">
        <v>154090</v>
      </c>
      <c r="F45214" s="1" t="s">
        <v>154091</v>
      </c>
      <c r="G45214" s="1" t="s">
        <v>154085</v>
      </c>
      <c r="H45214" s="1" t="s">
        <v>154086</v>
      </c>
      <c r="I45214" s="1" t="s">
        <v>151905</v>
      </c>
      <c r="J45214" s="1" t="s">
        <v>154092</v>
      </c>
    </row>
    <row r="45215" spans="1:10" x14ac:dyDescent="0.35">
      <c r="A45215" s="1" t="s">
        <v>28402</v>
      </c>
      <c r="B45215" s="1" t="s">
        <v>151900</v>
      </c>
      <c r="C45215" s="1" t="s">
        <v>25</v>
      </c>
      <c r="D45215" s="1" t="s">
        <v>49897</v>
      </c>
      <c r="E45215" s="1" t="s">
        <v>154093</v>
      </c>
      <c r="F45215" s="1" t="s">
        <v>154094</v>
      </c>
      <c r="G45215" s="1" t="s">
        <v>154085</v>
      </c>
      <c r="H45215" s="1" t="s">
        <v>154086</v>
      </c>
      <c r="I45215" s="1" t="s">
        <v>151905</v>
      </c>
      <c r="J45215" s="1" t="s">
        <v>154095</v>
      </c>
    </row>
    <row r="45216" spans="1:10" x14ac:dyDescent="0.35">
      <c r="A45216" s="1" t="s">
        <v>28402</v>
      </c>
      <c r="B45216" s="1" t="s">
        <v>151900</v>
      </c>
      <c r="C45216" s="1" t="s">
        <v>30</v>
      </c>
      <c r="D45216" s="1" t="s">
        <v>37040</v>
      </c>
      <c r="E45216" s="1" t="s">
        <v>154096</v>
      </c>
      <c r="F45216" s="1" t="s">
        <v>154097</v>
      </c>
      <c r="G45216" s="1" t="s">
        <v>154085</v>
      </c>
      <c r="H45216" s="1" t="s">
        <v>154086</v>
      </c>
      <c r="I45216" s="1" t="s">
        <v>151905</v>
      </c>
      <c r="J45216" s="1" t="s">
        <v>154098</v>
      </c>
    </row>
    <row r="45217" spans="1:10" x14ac:dyDescent="0.35">
      <c r="A45217" s="1" t="s">
        <v>28402</v>
      </c>
      <c r="B45217" s="1" t="s">
        <v>151900</v>
      </c>
      <c r="C45217" s="1" t="s">
        <v>35</v>
      </c>
      <c r="D45217" s="1" t="s">
        <v>154099</v>
      </c>
      <c r="E45217" s="1" t="s">
        <v>154100</v>
      </c>
      <c r="F45217" s="1" t="s">
        <v>154101</v>
      </c>
      <c r="G45217" s="1" t="s">
        <v>154085</v>
      </c>
      <c r="H45217" s="1" t="s">
        <v>154086</v>
      </c>
      <c r="I45217" s="1" t="s">
        <v>151905</v>
      </c>
      <c r="J45217" s="1" t="s">
        <v>154102</v>
      </c>
    </row>
    <row r="45218" spans="1:10" x14ac:dyDescent="0.35">
      <c r="A45218" s="1" t="s">
        <v>28402</v>
      </c>
      <c r="B45218" s="1" t="s">
        <v>151900</v>
      </c>
      <c r="C45218" s="1" t="s">
        <v>40</v>
      </c>
      <c r="D45218" s="1" t="s">
        <v>154103</v>
      </c>
      <c r="E45218" s="1" t="s">
        <v>154104</v>
      </c>
      <c r="F45218" s="1" t="s">
        <v>154105</v>
      </c>
      <c r="G45218" s="1" t="s">
        <v>154085</v>
      </c>
      <c r="H45218" s="1" t="s">
        <v>154086</v>
      </c>
      <c r="I45218" s="1" t="s">
        <v>151905</v>
      </c>
      <c r="J45218" s="1" t="s">
        <v>154106</v>
      </c>
    </row>
    <row r="45219" spans="1:10" x14ac:dyDescent="0.35">
      <c r="A45219" s="1" t="s">
        <v>28402</v>
      </c>
      <c r="B45219" s="1" t="s">
        <v>151900</v>
      </c>
      <c r="C45219" s="1" t="s">
        <v>45</v>
      </c>
      <c r="D45219" s="1" t="s">
        <v>36261</v>
      </c>
      <c r="E45219" s="1" t="s">
        <v>154107</v>
      </c>
      <c r="F45219" s="1" t="s">
        <v>154108</v>
      </c>
      <c r="G45219" s="1" t="s">
        <v>154085</v>
      </c>
      <c r="H45219" s="1" t="s">
        <v>154086</v>
      </c>
      <c r="I45219" s="1" t="s">
        <v>151905</v>
      </c>
      <c r="J45219" s="1" t="s">
        <v>154109</v>
      </c>
    </row>
    <row r="45220" spans="1:10" x14ac:dyDescent="0.35">
      <c r="A45220" s="1" t="s">
        <v>28402</v>
      </c>
      <c r="B45220" s="1" t="s">
        <v>151900</v>
      </c>
      <c r="C45220" s="1" t="s">
        <v>50</v>
      </c>
      <c r="D45220" s="1" t="s">
        <v>37485</v>
      </c>
      <c r="E45220" s="1" t="s">
        <v>154110</v>
      </c>
      <c r="F45220" s="1" t="s">
        <v>154111</v>
      </c>
      <c r="G45220" s="1" t="s">
        <v>154085</v>
      </c>
      <c r="H45220" s="1" t="s">
        <v>154086</v>
      </c>
      <c r="I45220" s="1" t="s">
        <v>151905</v>
      </c>
      <c r="J45220" s="1" t="s">
        <v>154112</v>
      </c>
    </row>
    <row r="45221" spans="1:10" x14ac:dyDescent="0.35">
      <c r="A45221" s="1" t="s">
        <v>28402</v>
      </c>
      <c r="B45221" s="1" t="s">
        <v>151900</v>
      </c>
      <c r="C45221" s="1" t="s">
        <v>55</v>
      </c>
      <c r="D45221" s="1" t="s">
        <v>154113</v>
      </c>
      <c r="E45221" s="1" t="s">
        <v>154114</v>
      </c>
      <c r="F45221" s="1" t="s">
        <v>154115</v>
      </c>
      <c r="G45221" s="1" t="s">
        <v>154085</v>
      </c>
      <c r="H45221" s="1" t="s">
        <v>154086</v>
      </c>
      <c r="I45221" s="1" t="s">
        <v>151905</v>
      </c>
      <c r="J45221" s="1" t="s">
        <v>154116</v>
      </c>
    </row>
    <row r="45222" spans="1:10" x14ac:dyDescent="0.35">
      <c r="A45222" s="1" t="s">
        <v>28402</v>
      </c>
      <c r="B45222" s="1" t="s">
        <v>151900</v>
      </c>
      <c r="C45222" s="1" t="s">
        <v>60</v>
      </c>
      <c r="D45222" s="1" t="s">
        <v>109950</v>
      </c>
      <c r="E45222" s="1" t="s">
        <v>154117</v>
      </c>
      <c r="F45222" s="1" t="s">
        <v>154118</v>
      </c>
      <c r="G45222" s="1" t="s">
        <v>154085</v>
      </c>
      <c r="H45222" s="1" t="s">
        <v>154086</v>
      </c>
      <c r="I45222" s="1" t="s">
        <v>151905</v>
      </c>
      <c r="J45222" s="1" t="s">
        <v>154119</v>
      </c>
    </row>
    <row r="45223" spans="1:10" x14ac:dyDescent="0.35">
      <c r="A45223" s="1" t="s">
        <v>28402</v>
      </c>
      <c r="B45223" s="1" t="s">
        <v>151900</v>
      </c>
      <c r="C45223" s="1" t="s">
        <v>65</v>
      </c>
      <c r="D45223" s="1" t="s">
        <v>75409</v>
      </c>
      <c r="E45223" s="1" t="s">
        <v>154120</v>
      </c>
      <c r="F45223" s="1" t="s">
        <v>154121</v>
      </c>
      <c r="G45223" s="1" t="s">
        <v>154085</v>
      </c>
      <c r="H45223" s="1" t="s">
        <v>154086</v>
      </c>
      <c r="I45223" s="1" t="s">
        <v>151905</v>
      </c>
      <c r="J45223" s="1" t="s">
        <v>154122</v>
      </c>
    </row>
    <row r="45224" spans="1:10" x14ac:dyDescent="0.35">
      <c r="A45224" s="1" t="s">
        <v>28402</v>
      </c>
      <c r="B45224" s="1" t="s">
        <v>151900</v>
      </c>
      <c r="C45224" s="1" t="s">
        <v>70</v>
      </c>
      <c r="D45224" s="1" t="s">
        <v>135358</v>
      </c>
      <c r="E45224" s="1" t="s">
        <v>154123</v>
      </c>
      <c r="F45224" s="1" t="s">
        <v>154124</v>
      </c>
      <c r="G45224" s="1" t="s">
        <v>154085</v>
      </c>
      <c r="H45224" s="1" t="s">
        <v>154086</v>
      </c>
      <c r="I45224" s="1" t="s">
        <v>151905</v>
      </c>
      <c r="J45224" s="1" t="s">
        <v>154125</v>
      </c>
    </row>
    <row r="45225" spans="1:10" x14ac:dyDescent="0.35">
      <c r="A45225" s="1" t="s">
        <v>28402</v>
      </c>
      <c r="B45225" s="1" t="s">
        <v>151900</v>
      </c>
      <c r="C45225" s="1" t="s">
        <v>75</v>
      </c>
      <c r="D45225" s="1" t="s">
        <v>154126</v>
      </c>
      <c r="E45225" s="1" t="s">
        <v>154127</v>
      </c>
      <c r="F45225" s="1" t="s">
        <v>154128</v>
      </c>
      <c r="G45225" s="1" t="s">
        <v>154085</v>
      </c>
      <c r="H45225" s="1" t="s">
        <v>154086</v>
      </c>
      <c r="I45225" s="1" t="s">
        <v>151905</v>
      </c>
      <c r="J45225" s="1" t="s">
        <v>154129</v>
      </c>
    </row>
    <row r="45226" spans="1:10" x14ac:dyDescent="0.35">
      <c r="A45226" s="1" t="s">
        <v>28402</v>
      </c>
      <c r="B45226" s="1" t="s">
        <v>151900</v>
      </c>
      <c r="C45226" s="1" t="s">
        <v>80</v>
      </c>
      <c r="D45226" s="1" t="s">
        <v>154130</v>
      </c>
      <c r="E45226" s="1" t="s">
        <v>154131</v>
      </c>
      <c r="F45226" s="1" t="s">
        <v>154132</v>
      </c>
      <c r="G45226" s="1" t="s">
        <v>154085</v>
      </c>
      <c r="H45226" s="1" t="s">
        <v>154086</v>
      </c>
      <c r="I45226" s="1" t="s">
        <v>151905</v>
      </c>
      <c r="J45226" s="1" t="s">
        <v>154133</v>
      </c>
    </row>
    <row r="45227" spans="1:10" x14ac:dyDescent="0.35">
      <c r="A45227" s="1" t="s">
        <v>28402</v>
      </c>
      <c r="B45227" s="1" t="s">
        <v>151900</v>
      </c>
      <c r="C45227" s="1" t="s">
        <v>85</v>
      </c>
      <c r="D45227" s="1" t="s">
        <v>19548</v>
      </c>
      <c r="E45227" s="1" t="s">
        <v>154134</v>
      </c>
      <c r="F45227" s="1" t="s">
        <v>154135</v>
      </c>
      <c r="G45227" s="1" t="s">
        <v>154085</v>
      </c>
      <c r="H45227" s="1" t="s">
        <v>154086</v>
      </c>
      <c r="I45227" s="1" t="s">
        <v>151905</v>
      </c>
      <c r="J45227" s="1" t="s">
        <v>154136</v>
      </c>
    </row>
    <row r="45228" spans="1:10" x14ac:dyDescent="0.35">
      <c r="A45228" s="1" t="s">
        <v>28402</v>
      </c>
      <c r="B45228" s="1" t="s">
        <v>151900</v>
      </c>
      <c r="C45228" s="1" t="s">
        <v>90</v>
      </c>
      <c r="D45228" s="1" t="s">
        <v>82993</v>
      </c>
      <c r="E45228" s="1" t="s">
        <v>154137</v>
      </c>
      <c r="F45228" s="1" t="s">
        <v>154138</v>
      </c>
      <c r="G45228" s="1" t="s">
        <v>154085</v>
      </c>
      <c r="H45228" s="1" t="s">
        <v>154086</v>
      </c>
      <c r="I45228" s="1" t="s">
        <v>151905</v>
      </c>
      <c r="J45228" s="1" t="s">
        <v>154139</v>
      </c>
    </row>
    <row r="45229" spans="1:10" x14ac:dyDescent="0.35">
      <c r="A45229" s="1" t="s">
        <v>28402</v>
      </c>
      <c r="B45229" s="1" t="s">
        <v>151900</v>
      </c>
      <c r="C45229" s="1" t="s">
        <v>95</v>
      </c>
      <c r="D45229" s="1" t="s">
        <v>17855</v>
      </c>
      <c r="E45229" s="1" t="s">
        <v>154140</v>
      </c>
      <c r="F45229" s="1" t="s">
        <v>154141</v>
      </c>
      <c r="G45229" s="1" t="s">
        <v>154085</v>
      </c>
      <c r="H45229" s="1" t="s">
        <v>154086</v>
      </c>
      <c r="I45229" s="1" t="s">
        <v>151905</v>
      </c>
      <c r="J45229" s="1" t="s">
        <v>154142</v>
      </c>
    </row>
    <row r="45230" spans="1:10" x14ac:dyDescent="0.35">
      <c r="A45230" s="1" t="s">
        <v>28402</v>
      </c>
      <c r="B45230" s="1" t="s">
        <v>151900</v>
      </c>
      <c r="C45230" s="1" t="s">
        <v>100</v>
      </c>
      <c r="D45230" s="1" t="s">
        <v>118654</v>
      </c>
      <c r="E45230" s="1" t="s">
        <v>154143</v>
      </c>
      <c r="F45230" s="1" t="s">
        <v>154144</v>
      </c>
      <c r="G45230" s="1" t="s">
        <v>154085</v>
      </c>
      <c r="H45230" s="1" t="s">
        <v>154086</v>
      </c>
      <c r="I45230" s="1" t="s">
        <v>151905</v>
      </c>
      <c r="J45230" s="1" t="s">
        <v>154145</v>
      </c>
    </row>
    <row r="45231" spans="1:10" x14ac:dyDescent="0.35">
      <c r="A45231" s="1" t="s">
        <v>28402</v>
      </c>
      <c r="B45231" s="1" t="s">
        <v>151900</v>
      </c>
      <c r="C45231" s="1" t="s">
        <v>105</v>
      </c>
      <c r="D45231" s="1" t="s">
        <v>154146</v>
      </c>
      <c r="E45231" s="1" t="s">
        <v>154147</v>
      </c>
      <c r="F45231" s="1" t="s">
        <v>154148</v>
      </c>
      <c r="G45231" s="1" t="s">
        <v>154085</v>
      </c>
      <c r="H45231" s="1" t="s">
        <v>154086</v>
      </c>
      <c r="I45231" s="1" t="s">
        <v>151905</v>
      </c>
      <c r="J45231" s="1" t="s">
        <v>154149</v>
      </c>
    </row>
    <row r="45232" spans="1:10" x14ac:dyDescent="0.35">
      <c r="A45232" s="1" t="s">
        <v>28402</v>
      </c>
      <c r="B45232" s="1" t="s">
        <v>151900</v>
      </c>
      <c r="C45232" s="1" t="s">
        <v>110</v>
      </c>
      <c r="D45232" s="1" t="s">
        <v>154150</v>
      </c>
      <c r="E45232" s="1" t="s">
        <v>154151</v>
      </c>
      <c r="F45232" s="1" t="s">
        <v>154152</v>
      </c>
      <c r="G45232" s="1" t="s">
        <v>154085</v>
      </c>
      <c r="H45232" s="1" t="s">
        <v>154086</v>
      </c>
      <c r="I45232" s="1" t="s">
        <v>151905</v>
      </c>
      <c r="J45232" s="1" t="s">
        <v>154153</v>
      </c>
    </row>
    <row r="45233" spans="1:10" x14ac:dyDescent="0.35">
      <c r="A45233" s="1" t="s">
        <v>28402</v>
      </c>
      <c r="B45233" s="1" t="s">
        <v>151900</v>
      </c>
      <c r="C45233" s="1" t="s">
        <v>115</v>
      </c>
      <c r="D45233" s="1" t="s">
        <v>31618</v>
      </c>
      <c r="E45233" s="1" t="s">
        <v>154154</v>
      </c>
      <c r="F45233" s="1" t="s">
        <v>154155</v>
      </c>
      <c r="G45233" s="1" t="s">
        <v>154085</v>
      </c>
      <c r="H45233" s="1" t="s">
        <v>154086</v>
      </c>
      <c r="I45233" s="1" t="s">
        <v>151905</v>
      </c>
      <c r="J45233" s="1" t="s">
        <v>154156</v>
      </c>
    </row>
    <row r="45234" spans="1:10" x14ac:dyDescent="0.35">
      <c r="A45234" s="1" t="s">
        <v>28402</v>
      </c>
      <c r="B45234" s="1" t="s">
        <v>151900</v>
      </c>
      <c r="C45234" s="1" t="s">
        <v>120</v>
      </c>
      <c r="D45234" s="1" t="s">
        <v>74885</v>
      </c>
      <c r="E45234" s="1" t="s">
        <v>154157</v>
      </c>
      <c r="F45234" s="1" t="s">
        <v>154158</v>
      </c>
      <c r="G45234" s="1" t="s">
        <v>154085</v>
      </c>
      <c r="H45234" s="1" t="s">
        <v>154086</v>
      </c>
      <c r="I45234" s="1" t="s">
        <v>151905</v>
      </c>
      <c r="J45234" s="1" t="s">
        <v>154159</v>
      </c>
    </row>
    <row r="45235" spans="1:10" x14ac:dyDescent="0.35">
      <c r="A45235" s="1" t="s">
        <v>28402</v>
      </c>
      <c r="B45235" s="1" t="s">
        <v>151900</v>
      </c>
      <c r="C45235" s="1" t="s">
        <v>125</v>
      </c>
      <c r="D45235" s="1" t="s">
        <v>49236</v>
      </c>
      <c r="E45235" s="1" t="s">
        <v>154160</v>
      </c>
      <c r="F45235" s="1" t="s">
        <v>154161</v>
      </c>
      <c r="G45235" s="1" t="s">
        <v>154085</v>
      </c>
      <c r="H45235" s="1" t="s">
        <v>154086</v>
      </c>
      <c r="I45235" s="1" t="s">
        <v>151905</v>
      </c>
      <c r="J45235" s="1" t="s">
        <v>154162</v>
      </c>
    </row>
    <row r="45236" spans="1:10" x14ac:dyDescent="0.35">
      <c r="A45236" s="1" t="s">
        <v>28402</v>
      </c>
      <c r="B45236" s="1" t="s">
        <v>151900</v>
      </c>
      <c r="C45236" s="1" t="s">
        <v>130</v>
      </c>
      <c r="D45236" s="1" t="s">
        <v>31393</v>
      </c>
      <c r="E45236" s="1" t="s">
        <v>154163</v>
      </c>
      <c r="F45236" s="1" t="s">
        <v>154164</v>
      </c>
      <c r="G45236" s="1" t="s">
        <v>154085</v>
      </c>
      <c r="H45236" s="1" t="s">
        <v>154086</v>
      </c>
      <c r="I45236" s="1" t="s">
        <v>151905</v>
      </c>
      <c r="J45236" s="1" t="s">
        <v>154165</v>
      </c>
    </row>
    <row r="45237" spans="1:10" x14ac:dyDescent="0.35">
      <c r="A45237" s="1" t="s">
        <v>28402</v>
      </c>
      <c r="B45237" s="1" t="s">
        <v>151900</v>
      </c>
      <c r="C45237" s="1" t="s">
        <v>135</v>
      </c>
      <c r="D45237" s="1" t="s">
        <v>36585</v>
      </c>
      <c r="E45237" s="1" t="s">
        <v>154166</v>
      </c>
      <c r="F45237" s="1" t="s">
        <v>154167</v>
      </c>
      <c r="G45237" s="1" t="s">
        <v>154085</v>
      </c>
      <c r="H45237" s="1" t="s">
        <v>154086</v>
      </c>
      <c r="I45237" s="1" t="s">
        <v>151905</v>
      </c>
      <c r="J45237" s="1" t="s">
        <v>154168</v>
      </c>
    </row>
    <row r="45238" spans="1:10" x14ac:dyDescent="0.35">
      <c r="A45238" s="1" t="s">
        <v>28402</v>
      </c>
      <c r="B45238" s="1" t="s">
        <v>151900</v>
      </c>
      <c r="C45238" s="1" t="s">
        <v>140</v>
      </c>
      <c r="D45238" s="1" t="s">
        <v>154169</v>
      </c>
      <c r="E45238" s="1" t="s">
        <v>154170</v>
      </c>
      <c r="F45238" s="1" t="s">
        <v>154171</v>
      </c>
      <c r="G45238" s="1" t="s">
        <v>154085</v>
      </c>
      <c r="H45238" s="1" t="s">
        <v>154086</v>
      </c>
      <c r="I45238" s="1" t="s">
        <v>151905</v>
      </c>
      <c r="J45238" s="1" t="s">
        <v>154172</v>
      </c>
    </row>
    <row r="45239" spans="1:10" x14ac:dyDescent="0.35">
      <c r="A45239" s="1" t="s">
        <v>28402</v>
      </c>
      <c r="B45239" s="1" t="s">
        <v>151900</v>
      </c>
      <c r="C45239" s="1" t="s">
        <v>145</v>
      </c>
      <c r="D45239" s="1" t="s">
        <v>632</v>
      </c>
      <c r="E45239" s="1" t="s">
        <v>154173</v>
      </c>
      <c r="F45239" s="1" t="s">
        <v>154174</v>
      </c>
      <c r="G45239" s="1" t="s">
        <v>154085</v>
      </c>
      <c r="H45239" s="1" t="s">
        <v>154086</v>
      </c>
      <c r="I45239" s="1" t="s">
        <v>151905</v>
      </c>
      <c r="J45239" s="1" t="s">
        <v>154175</v>
      </c>
    </row>
    <row r="45240" spans="1:10" x14ac:dyDescent="0.35">
      <c r="A45240" s="1" t="s">
        <v>28402</v>
      </c>
      <c r="B45240" s="1" t="s">
        <v>151900</v>
      </c>
      <c r="C45240" s="1" t="s">
        <v>150</v>
      </c>
      <c r="D45240" s="1" t="s">
        <v>9762</v>
      </c>
      <c r="E45240" s="1" t="s">
        <v>154176</v>
      </c>
      <c r="F45240" s="1" t="s">
        <v>154177</v>
      </c>
      <c r="G45240" s="1" t="s">
        <v>154085</v>
      </c>
      <c r="H45240" s="1" t="s">
        <v>154086</v>
      </c>
      <c r="I45240" s="1" t="s">
        <v>151905</v>
      </c>
      <c r="J45240" s="1" t="s">
        <v>154178</v>
      </c>
    </row>
    <row r="45241" spans="1:10" x14ac:dyDescent="0.35">
      <c r="A45241" s="1" t="s">
        <v>28402</v>
      </c>
      <c r="B45241" s="1" t="s">
        <v>151900</v>
      </c>
      <c r="C45241" s="1" t="s">
        <v>155</v>
      </c>
      <c r="D45241" s="1" t="s">
        <v>154179</v>
      </c>
      <c r="E45241" s="1" t="s">
        <v>154180</v>
      </c>
      <c r="F45241" s="1" t="s">
        <v>154181</v>
      </c>
      <c r="G45241" s="1" t="s">
        <v>154085</v>
      </c>
      <c r="H45241" s="1" t="s">
        <v>154086</v>
      </c>
      <c r="I45241" s="1" t="s">
        <v>151905</v>
      </c>
      <c r="J45241" s="1" t="s">
        <v>154182</v>
      </c>
    </row>
    <row r="45242" spans="1:10" x14ac:dyDescent="0.35">
      <c r="A45242" s="1" t="s">
        <v>28402</v>
      </c>
      <c r="B45242" s="1" t="s">
        <v>151900</v>
      </c>
      <c r="C45242" s="1" t="s">
        <v>160</v>
      </c>
      <c r="D45242" s="1" t="s">
        <v>104790</v>
      </c>
      <c r="E45242" s="1" t="s">
        <v>154183</v>
      </c>
      <c r="F45242" s="1" t="s">
        <v>154184</v>
      </c>
      <c r="G45242" s="1" t="s">
        <v>154085</v>
      </c>
      <c r="H45242" s="1" t="s">
        <v>154086</v>
      </c>
      <c r="I45242" s="1" t="s">
        <v>151905</v>
      </c>
      <c r="J45242" s="1" t="s">
        <v>154185</v>
      </c>
    </row>
    <row r="45243" spans="1:10" x14ac:dyDescent="0.35">
      <c r="A45243" s="1" t="s">
        <v>28402</v>
      </c>
      <c r="B45243" s="1" t="s">
        <v>151900</v>
      </c>
      <c r="C45243" s="1" t="s">
        <v>165</v>
      </c>
      <c r="D45243" s="1" t="s">
        <v>154186</v>
      </c>
      <c r="E45243" s="1" t="s">
        <v>154187</v>
      </c>
      <c r="F45243" s="1" t="s">
        <v>154188</v>
      </c>
      <c r="G45243" s="1" t="s">
        <v>154085</v>
      </c>
      <c r="H45243" s="1" t="s">
        <v>154086</v>
      </c>
      <c r="I45243" s="1" t="s">
        <v>151905</v>
      </c>
      <c r="J45243" s="1" t="s">
        <v>154189</v>
      </c>
    </row>
    <row r="45244" spans="1:10" x14ac:dyDescent="0.35">
      <c r="A45244" s="1" t="s">
        <v>28402</v>
      </c>
      <c r="B45244" s="1" t="s">
        <v>151900</v>
      </c>
      <c r="C45244" s="1" t="s">
        <v>170</v>
      </c>
      <c r="D45244" s="1" t="s">
        <v>154190</v>
      </c>
      <c r="E45244" s="1" t="s">
        <v>154191</v>
      </c>
      <c r="F45244" s="1" t="s">
        <v>154192</v>
      </c>
      <c r="G45244" s="1" t="s">
        <v>154085</v>
      </c>
      <c r="H45244" s="1" t="s">
        <v>154086</v>
      </c>
      <c r="I45244" s="1" t="s">
        <v>151905</v>
      </c>
      <c r="J45244" s="1" t="s">
        <v>154193</v>
      </c>
    </row>
    <row r="45245" spans="1:10" x14ac:dyDescent="0.35">
      <c r="A45245" s="1" t="s">
        <v>27911</v>
      </c>
      <c r="B45245" s="1" t="s">
        <v>151900</v>
      </c>
      <c r="C45245" s="1" t="s">
        <v>8</v>
      </c>
      <c r="D45245" s="1" t="s">
        <v>42146</v>
      </c>
      <c r="E45245" s="1" t="s">
        <v>154194</v>
      </c>
      <c r="F45245" s="1" t="s">
        <v>154195</v>
      </c>
      <c r="G45245" s="1" t="s">
        <v>154196</v>
      </c>
      <c r="H45245" s="1" t="s">
        <v>154197</v>
      </c>
      <c r="I45245" s="1" t="s">
        <v>151905</v>
      </c>
      <c r="J45245" s="1" t="s">
        <v>13</v>
      </c>
    </row>
    <row r="45246" spans="1:10" x14ac:dyDescent="0.35">
      <c r="A45246" s="1" t="s">
        <v>27911</v>
      </c>
      <c r="B45246" s="1" t="s">
        <v>151900</v>
      </c>
      <c r="C45246" s="1" t="s">
        <v>15</v>
      </c>
      <c r="D45246" s="1" t="s">
        <v>154198</v>
      </c>
      <c r="E45246" s="1" t="s">
        <v>154199</v>
      </c>
      <c r="F45246" s="1" t="s">
        <v>154200</v>
      </c>
      <c r="G45246" s="1" t="s">
        <v>154196</v>
      </c>
      <c r="H45246" s="1" t="s">
        <v>154197</v>
      </c>
      <c r="I45246" s="1" t="s">
        <v>151905</v>
      </c>
      <c r="J45246" s="1" t="s">
        <v>154201</v>
      </c>
    </row>
    <row r="45247" spans="1:10" x14ac:dyDescent="0.35">
      <c r="A45247" s="1" t="s">
        <v>27911</v>
      </c>
      <c r="B45247" s="1" t="s">
        <v>151900</v>
      </c>
      <c r="C45247" s="1" t="s">
        <v>20</v>
      </c>
      <c r="D45247" s="1" t="s">
        <v>154202</v>
      </c>
      <c r="E45247" s="1" t="s">
        <v>154203</v>
      </c>
      <c r="F45247" s="1" t="s">
        <v>154204</v>
      </c>
      <c r="G45247" s="1" t="s">
        <v>154196</v>
      </c>
      <c r="H45247" s="1" t="s">
        <v>154197</v>
      </c>
      <c r="I45247" s="1" t="s">
        <v>151905</v>
      </c>
      <c r="J45247" s="1" t="s">
        <v>154205</v>
      </c>
    </row>
    <row r="45248" spans="1:10" x14ac:dyDescent="0.35">
      <c r="A45248" s="1" t="s">
        <v>27911</v>
      </c>
      <c r="B45248" s="1" t="s">
        <v>151900</v>
      </c>
      <c r="C45248" s="1" t="s">
        <v>25</v>
      </c>
      <c r="D45248" s="1" t="s">
        <v>142340</v>
      </c>
      <c r="E45248" s="1" t="s">
        <v>154206</v>
      </c>
      <c r="F45248" s="1" t="s">
        <v>154207</v>
      </c>
      <c r="G45248" s="1" t="s">
        <v>154196</v>
      </c>
      <c r="H45248" s="1" t="s">
        <v>154197</v>
      </c>
      <c r="I45248" s="1" t="s">
        <v>151905</v>
      </c>
      <c r="J45248" s="1" t="s">
        <v>154208</v>
      </c>
    </row>
    <row r="45249" spans="1:10" x14ac:dyDescent="0.35">
      <c r="A45249" s="1" t="s">
        <v>27911</v>
      </c>
      <c r="B45249" s="1" t="s">
        <v>151900</v>
      </c>
      <c r="C45249" s="1" t="s">
        <v>30</v>
      </c>
      <c r="D45249" s="1" t="s">
        <v>154209</v>
      </c>
      <c r="E45249" s="1" t="s">
        <v>154210</v>
      </c>
      <c r="F45249" s="1" t="s">
        <v>154211</v>
      </c>
      <c r="G45249" s="1" t="s">
        <v>154196</v>
      </c>
      <c r="H45249" s="1" t="s">
        <v>154197</v>
      </c>
      <c r="I45249" s="1" t="s">
        <v>151905</v>
      </c>
      <c r="J45249" s="1" t="s">
        <v>154212</v>
      </c>
    </row>
    <row r="45250" spans="1:10" x14ac:dyDescent="0.35">
      <c r="A45250" s="1" t="s">
        <v>27911</v>
      </c>
      <c r="B45250" s="1" t="s">
        <v>151900</v>
      </c>
      <c r="C45250" s="1" t="s">
        <v>35</v>
      </c>
      <c r="D45250" s="1" t="s">
        <v>154213</v>
      </c>
      <c r="E45250" s="1" t="s">
        <v>154214</v>
      </c>
      <c r="F45250" s="1" t="s">
        <v>154215</v>
      </c>
      <c r="G45250" s="1" t="s">
        <v>154196</v>
      </c>
      <c r="H45250" s="1" t="s">
        <v>154197</v>
      </c>
      <c r="I45250" s="1" t="s">
        <v>151905</v>
      </c>
      <c r="J45250" s="1" t="s">
        <v>154216</v>
      </c>
    </row>
    <row r="45251" spans="1:10" x14ac:dyDescent="0.35">
      <c r="A45251" s="1" t="s">
        <v>27911</v>
      </c>
      <c r="B45251" s="1" t="s">
        <v>151900</v>
      </c>
      <c r="C45251" s="1" t="s">
        <v>40</v>
      </c>
      <c r="D45251" s="1" t="s">
        <v>73037</v>
      </c>
      <c r="E45251" s="1" t="s">
        <v>154217</v>
      </c>
      <c r="F45251" s="1" t="s">
        <v>154218</v>
      </c>
      <c r="G45251" s="1" t="s">
        <v>154196</v>
      </c>
      <c r="H45251" s="1" t="s">
        <v>154197</v>
      </c>
      <c r="I45251" s="1" t="s">
        <v>151905</v>
      </c>
      <c r="J45251" s="1" t="s">
        <v>154219</v>
      </c>
    </row>
    <row r="45252" spans="1:10" x14ac:dyDescent="0.35">
      <c r="A45252" s="1" t="s">
        <v>27911</v>
      </c>
      <c r="B45252" s="1" t="s">
        <v>151900</v>
      </c>
      <c r="C45252" s="1" t="s">
        <v>45</v>
      </c>
      <c r="D45252" s="1" t="s">
        <v>49951</v>
      </c>
      <c r="E45252" s="1" t="s">
        <v>154220</v>
      </c>
      <c r="F45252" s="1" t="s">
        <v>154221</v>
      </c>
      <c r="G45252" s="1" t="s">
        <v>154196</v>
      </c>
      <c r="H45252" s="1" t="s">
        <v>154197</v>
      </c>
      <c r="I45252" s="1" t="s">
        <v>151905</v>
      </c>
      <c r="J45252" s="1" t="s">
        <v>154222</v>
      </c>
    </row>
    <row r="45253" spans="1:10" x14ac:dyDescent="0.35">
      <c r="A45253" s="1" t="s">
        <v>27911</v>
      </c>
      <c r="B45253" s="1" t="s">
        <v>151900</v>
      </c>
      <c r="C45253" s="1" t="s">
        <v>50</v>
      </c>
      <c r="D45253" s="1" t="s">
        <v>154223</v>
      </c>
      <c r="E45253" s="1" t="s">
        <v>154224</v>
      </c>
      <c r="F45253" s="1" t="s">
        <v>154225</v>
      </c>
      <c r="G45253" s="1" t="s">
        <v>154196</v>
      </c>
      <c r="H45253" s="1" t="s">
        <v>154197</v>
      </c>
      <c r="I45253" s="1" t="s">
        <v>151905</v>
      </c>
      <c r="J45253" s="1" t="s">
        <v>154226</v>
      </c>
    </row>
    <row r="45254" spans="1:10" x14ac:dyDescent="0.35">
      <c r="A45254" s="1" t="s">
        <v>27911</v>
      </c>
      <c r="B45254" s="1" t="s">
        <v>151900</v>
      </c>
      <c r="C45254" s="1" t="s">
        <v>55</v>
      </c>
      <c r="D45254" s="1" t="s">
        <v>154227</v>
      </c>
      <c r="E45254" s="1" t="s">
        <v>154228</v>
      </c>
      <c r="F45254" s="1" t="s">
        <v>154229</v>
      </c>
      <c r="G45254" s="1" t="s">
        <v>154196</v>
      </c>
      <c r="H45254" s="1" t="s">
        <v>154197</v>
      </c>
      <c r="I45254" s="1" t="s">
        <v>151905</v>
      </c>
      <c r="J45254" s="1" t="s">
        <v>154230</v>
      </c>
    </row>
    <row r="45255" spans="1:10" x14ac:dyDescent="0.35">
      <c r="A45255" s="1" t="s">
        <v>27911</v>
      </c>
      <c r="B45255" s="1" t="s">
        <v>151900</v>
      </c>
      <c r="C45255" s="1" t="s">
        <v>60</v>
      </c>
      <c r="D45255" s="1" t="s">
        <v>3164</v>
      </c>
      <c r="E45255" s="1" t="s">
        <v>154231</v>
      </c>
      <c r="F45255" s="1" t="s">
        <v>154232</v>
      </c>
      <c r="G45255" s="1" t="s">
        <v>154196</v>
      </c>
      <c r="H45255" s="1" t="s">
        <v>154197</v>
      </c>
      <c r="I45255" s="1" t="s">
        <v>151905</v>
      </c>
      <c r="J45255" s="1" t="s">
        <v>154233</v>
      </c>
    </row>
    <row r="45256" spans="1:10" x14ac:dyDescent="0.35">
      <c r="A45256" s="1" t="s">
        <v>27911</v>
      </c>
      <c r="B45256" s="1" t="s">
        <v>151900</v>
      </c>
      <c r="C45256" s="1" t="s">
        <v>65</v>
      </c>
      <c r="D45256" s="1" t="s">
        <v>153371</v>
      </c>
      <c r="E45256" s="1" t="s">
        <v>154234</v>
      </c>
      <c r="F45256" s="1" t="s">
        <v>154235</v>
      </c>
      <c r="G45256" s="1" t="s">
        <v>154196</v>
      </c>
      <c r="H45256" s="1" t="s">
        <v>154197</v>
      </c>
      <c r="I45256" s="1" t="s">
        <v>151905</v>
      </c>
      <c r="J45256" s="1" t="s">
        <v>154236</v>
      </c>
    </row>
    <row r="45257" spans="1:10" x14ac:dyDescent="0.35">
      <c r="A45257" s="1" t="s">
        <v>27911</v>
      </c>
      <c r="B45257" s="1" t="s">
        <v>151900</v>
      </c>
      <c r="C45257" s="1" t="s">
        <v>70</v>
      </c>
      <c r="D45257" s="1" t="s">
        <v>125389</v>
      </c>
      <c r="E45257" s="1" t="s">
        <v>154237</v>
      </c>
      <c r="F45257" s="1" t="s">
        <v>154238</v>
      </c>
      <c r="G45257" s="1" t="s">
        <v>154196</v>
      </c>
      <c r="H45257" s="1" t="s">
        <v>154197</v>
      </c>
      <c r="I45257" s="1" t="s">
        <v>151905</v>
      </c>
      <c r="J45257" s="1" t="s">
        <v>154239</v>
      </c>
    </row>
    <row r="45258" spans="1:10" x14ac:dyDescent="0.35">
      <c r="A45258" s="1" t="s">
        <v>27911</v>
      </c>
      <c r="B45258" s="1" t="s">
        <v>151900</v>
      </c>
      <c r="C45258" s="1" t="s">
        <v>75</v>
      </c>
      <c r="D45258" s="1" t="s">
        <v>82197</v>
      </c>
      <c r="E45258" s="1" t="s">
        <v>154240</v>
      </c>
      <c r="F45258" s="1" t="s">
        <v>154241</v>
      </c>
      <c r="G45258" s="1" t="s">
        <v>154196</v>
      </c>
      <c r="H45258" s="1" t="s">
        <v>154197</v>
      </c>
      <c r="I45258" s="1" t="s">
        <v>151905</v>
      </c>
      <c r="J45258" s="1" t="s">
        <v>154242</v>
      </c>
    </row>
    <row r="45259" spans="1:10" x14ac:dyDescent="0.35">
      <c r="A45259" s="1" t="s">
        <v>27911</v>
      </c>
      <c r="B45259" s="1" t="s">
        <v>151900</v>
      </c>
      <c r="C45259" s="1" t="s">
        <v>80</v>
      </c>
      <c r="D45259" s="1" t="s">
        <v>113188</v>
      </c>
      <c r="E45259" s="1" t="s">
        <v>154243</v>
      </c>
      <c r="F45259" s="1" t="s">
        <v>154244</v>
      </c>
      <c r="G45259" s="1" t="s">
        <v>154196</v>
      </c>
      <c r="H45259" s="1" t="s">
        <v>154197</v>
      </c>
      <c r="I45259" s="1" t="s">
        <v>151905</v>
      </c>
      <c r="J45259" s="1" t="s">
        <v>154245</v>
      </c>
    </row>
    <row r="45260" spans="1:10" x14ac:dyDescent="0.35">
      <c r="A45260" s="1" t="s">
        <v>27911</v>
      </c>
      <c r="B45260" s="1" t="s">
        <v>151900</v>
      </c>
      <c r="C45260" s="1" t="s">
        <v>85</v>
      </c>
      <c r="D45260" s="1" t="s">
        <v>19833</v>
      </c>
      <c r="E45260" s="1" t="s">
        <v>154246</v>
      </c>
      <c r="F45260" s="1" t="s">
        <v>154247</v>
      </c>
      <c r="G45260" s="1" t="s">
        <v>154196</v>
      </c>
      <c r="H45260" s="1" t="s">
        <v>154197</v>
      </c>
      <c r="I45260" s="1" t="s">
        <v>151905</v>
      </c>
      <c r="J45260" s="1" t="s">
        <v>154248</v>
      </c>
    </row>
    <row r="45261" spans="1:10" x14ac:dyDescent="0.35">
      <c r="A45261" s="1" t="s">
        <v>27911</v>
      </c>
      <c r="B45261" s="1" t="s">
        <v>151900</v>
      </c>
      <c r="C45261" s="1" t="s">
        <v>90</v>
      </c>
      <c r="D45261" s="1" t="s">
        <v>147749</v>
      </c>
      <c r="E45261" s="1" t="s">
        <v>154249</v>
      </c>
      <c r="F45261" s="1" t="s">
        <v>154250</v>
      </c>
      <c r="G45261" s="1" t="s">
        <v>154196</v>
      </c>
      <c r="H45261" s="1" t="s">
        <v>154197</v>
      </c>
      <c r="I45261" s="1" t="s">
        <v>151905</v>
      </c>
      <c r="J45261" s="1" t="s">
        <v>154251</v>
      </c>
    </row>
    <row r="45262" spans="1:10" x14ac:dyDescent="0.35">
      <c r="A45262" s="1" t="s">
        <v>27911</v>
      </c>
      <c r="B45262" s="1" t="s">
        <v>151900</v>
      </c>
      <c r="C45262" s="1" t="s">
        <v>95</v>
      </c>
      <c r="D45262" s="1" t="s">
        <v>154252</v>
      </c>
      <c r="E45262" s="1" t="s">
        <v>154253</v>
      </c>
      <c r="F45262" s="1" t="s">
        <v>154254</v>
      </c>
      <c r="G45262" s="1" t="s">
        <v>154196</v>
      </c>
      <c r="H45262" s="1" t="s">
        <v>154197</v>
      </c>
      <c r="I45262" s="1" t="s">
        <v>151905</v>
      </c>
      <c r="J45262" s="1" t="s">
        <v>154255</v>
      </c>
    </row>
    <row r="45263" spans="1:10" x14ac:dyDescent="0.35">
      <c r="A45263" s="1" t="s">
        <v>27911</v>
      </c>
      <c r="B45263" s="1" t="s">
        <v>151900</v>
      </c>
      <c r="C45263" s="1" t="s">
        <v>100</v>
      </c>
      <c r="D45263" s="1" t="s">
        <v>30364</v>
      </c>
      <c r="E45263" s="1" t="s">
        <v>154256</v>
      </c>
      <c r="F45263" s="1" t="s">
        <v>154257</v>
      </c>
      <c r="G45263" s="1" t="s">
        <v>154196</v>
      </c>
      <c r="H45263" s="1" t="s">
        <v>154197</v>
      </c>
      <c r="I45263" s="1" t="s">
        <v>151905</v>
      </c>
      <c r="J45263" s="1" t="s">
        <v>154258</v>
      </c>
    </row>
    <row r="45264" spans="1:10" x14ac:dyDescent="0.35">
      <c r="A45264" s="1" t="s">
        <v>27911</v>
      </c>
      <c r="B45264" s="1" t="s">
        <v>151900</v>
      </c>
      <c r="C45264" s="1" t="s">
        <v>105</v>
      </c>
      <c r="D45264" s="1" t="s">
        <v>46976</v>
      </c>
      <c r="E45264" s="1" t="s">
        <v>154259</v>
      </c>
      <c r="F45264" s="1" t="s">
        <v>154260</v>
      </c>
      <c r="G45264" s="1" t="s">
        <v>154196</v>
      </c>
      <c r="H45264" s="1" t="s">
        <v>154197</v>
      </c>
      <c r="I45264" s="1" t="s">
        <v>151905</v>
      </c>
      <c r="J45264" s="1" t="s">
        <v>154261</v>
      </c>
    </row>
    <row r="45265" spans="1:10" x14ac:dyDescent="0.35">
      <c r="A45265" s="1" t="s">
        <v>27911</v>
      </c>
      <c r="B45265" s="1" t="s">
        <v>151900</v>
      </c>
      <c r="C45265" s="1" t="s">
        <v>110</v>
      </c>
      <c r="D45265" s="1" t="s">
        <v>4646</v>
      </c>
      <c r="E45265" s="1" t="s">
        <v>154262</v>
      </c>
      <c r="F45265" s="1" t="s">
        <v>154263</v>
      </c>
      <c r="G45265" s="1" t="s">
        <v>154196</v>
      </c>
      <c r="H45265" s="1" t="s">
        <v>154197</v>
      </c>
      <c r="I45265" s="1" t="s">
        <v>151905</v>
      </c>
      <c r="J45265" s="1" t="s">
        <v>154264</v>
      </c>
    </row>
    <row r="45266" spans="1:10" x14ac:dyDescent="0.35">
      <c r="A45266" s="1" t="s">
        <v>27911</v>
      </c>
      <c r="B45266" s="1" t="s">
        <v>151900</v>
      </c>
      <c r="C45266" s="1" t="s">
        <v>115</v>
      </c>
      <c r="D45266" s="1" t="s">
        <v>154265</v>
      </c>
      <c r="E45266" s="1" t="s">
        <v>154266</v>
      </c>
      <c r="F45266" s="1" t="s">
        <v>154267</v>
      </c>
      <c r="G45266" s="1" t="s">
        <v>154196</v>
      </c>
      <c r="H45266" s="1" t="s">
        <v>154197</v>
      </c>
      <c r="I45266" s="1" t="s">
        <v>151905</v>
      </c>
      <c r="J45266" s="1" t="s">
        <v>154268</v>
      </c>
    </row>
    <row r="45267" spans="1:10" x14ac:dyDescent="0.35">
      <c r="A45267" s="1" t="s">
        <v>27911</v>
      </c>
      <c r="B45267" s="1" t="s">
        <v>151900</v>
      </c>
      <c r="C45267" s="1" t="s">
        <v>120</v>
      </c>
      <c r="D45267" s="1" t="s">
        <v>153710</v>
      </c>
      <c r="E45267" s="1" t="s">
        <v>154269</v>
      </c>
      <c r="F45267" s="1" t="s">
        <v>154270</v>
      </c>
      <c r="G45267" s="1" t="s">
        <v>154196</v>
      </c>
      <c r="H45267" s="1" t="s">
        <v>154197</v>
      </c>
      <c r="I45267" s="1" t="s">
        <v>151905</v>
      </c>
      <c r="J45267" s="1" t="s">
        <v>154271</v>
      </c>
    </row>
    <row r="45268" spans="1:10" x14ac:dyDescent="0.35">
      <c r="A45268" s="1" t="s">
        <v>27911</v>
      </c>
      <c r="B45268" s="1" t="s">
        <v>151900</v>
      </c>
      <c r="C45268" s="1" t="s">
        <v>125</v>
      </c>
      <c r="D45268" s="1" t="s">
        <v>117638</v>
      </c>
      <c r="E45268" s="1" t="s">
        <v>154272</v>
      </c>
      <c r="F45268" s="1" t="s">
        <v>154273</v>
      </c>
      <c r="G45268" s="1" t="s">
        <v>154196</v>
      </c>
      <c r="H45268" s="1" t="s">
        <v>154197</v>
      </c>
      <c r="I45268" s="1" t="s">
        <v>151905</v>
      </c>
      <c r="J45268" s="1" t="s">
        <v>154274</v>
      </c>
    </row>
    <row r="45269" spans="1:10" x14ac:dyDescent="0.35">
      <c r="A45269" s="1" t="s">
        <v>27911</v>
      </c>
      <c r="B45269" s="1" t="s">
        <v>151900</v>
      </c>
      <c r="C45269" s="1" t="s">
        <v>130</v>
      </c>
      <c r="D45269" s="1" t="s">
        <v>31892</v>
      </c>
      <c r="E45269" s="1" t="s">
        <v>154275</v>
      </c>
      <c r="F45269" s="1" t="s">
        <v>154276</v>
      </c>
      <c r="G45269" s="1" t="s">
        <v>154196</v>
      </c>
      <c r="H45269" s="1" t="s">
        <v>154197</v>
      </c>
      <c r="I45269" s="1" t="s">
        <v>151905</v>
      </c>
      <c r="J45269" s="1" t="s">
        <v>154277</v>
      </c>
    </row>
    <row r="45270" spans="1:10" x14ac:dyDescent="0.35">
      <c r="A45270" s="1" t="s">
        <v>27911</v>
      </c>
      <c r="B45270" s="1" t="s">
        <v>151900</v>
      </c>
      <c r="C45270" s="1" t="s">
        <v>135</v>
      </c>
      <c r="D45270" s="1" t="s">
        <v>44104</v>
      </c>
      <c r="E45270" s="1" t="s">
        <v>154278</v>
      </c>
      <c r="F45270" s="1" t="s">
        <v>154279</v>
      </c>
      <c r="G45270" s="1" t="s">
        <v>154196</v>
      </c>
      <c r="H45270" s="1" t="s">
        <v>154197</v>
      </c>
      <c r="I45270" s="1" t="s">
        <v>151905</v>
      </c>
      <c r="J45270" s="1" t="s">
        <v>154280</v>
      </c>
    </row>
    <row r="45271" spans="1:10" x14ac:dyDescent="0.35">
      <c r="A45271" s="1" t="s">
        <v>27911</v>
      </c>
      <c r="B45271" s="1" t="s">
        <v>151900</v>
      </c>
      <c r="C45271" s="1" t="s">
        <v>140</v>
      </c>
      <c r="D45271" s="1" t="s">
        <v>36607</v>
      </c>
      <c r="E45271" s="1" t="s">
        <v>154281</v>
      </c>
      <c r="F45271" s="1" t="s">
        <v>154282</v>
      </c>
      <c r="G45271" s="1" t="s">
        <v>154196</v>
      </c>
      <c r="H45271" s="1" t="s">
        <v>154197</v>
      </c>
      <c r="I45271" s="1" t="s">
        <v>151905</v>
      </c>
      <c r="J45271" s="1" t="s">
        <v>154283</v>
      </c>
    </row>
    <row r="45272" spans="1:10" x14ac:dyDescent="0.35">
      <c r="A45272" s="1" t="s">
        <v>27911</v>
      </c>
      <c r="B45272" s="1" t="s">
        <v>151900</v>
      </c>
      <c r="C45272" s="1" t="s">
        <v>145</v>
      </c>
      <c r="D45272" s="1" t="s">
        <v>31803</v>
      </c>
      <c r="E45272" s="1" t="s">
        <v>154284</v>
      </c>
      <c r="F45272" s="1" t="s">
        <v>154285</v>
      </c>
      <c r="G45272" s="1" t="s">
        <v>154196</v>
      </c>
      <c r="H45272" s="1" t="s">
        <v>154197</v>
      </c>
      <c r="I45272" s="1" t="s">
        <v>151905</v>
      </c>
      <c r="J45272" s="1" t="s">
        <v>154286</v>
      </c>
    </row>
    <row r="45273" spans="1:10" x14ac:dyDescent="0.35">
      <c r="A45273" s="1" t="s">
        <v>27911</v>
      </c>
      <c r="B45273" s="1" t="s">
        <v>151900</v>
      </c>
      <c r="C45273" s="1" t="s">
        <v>150</v>
      </c>
      <c r="D45273" s="1" t="s">
        <v>154287</v>
      </c>
      <c r="E45273" s="1" t="s">
        <v>154288</v>
      </c>
      <c r="F45273" s="1" t="s">
        <v>154289</v>
      </c>
      <c r="G45273" s="1" t="s">
        <v>154196</v>
      </c>
      <c r="H45273" s="1" t="s">
        <v>154197</v>
      </c>
      <c r="I45273" s="1" t="s">
        <v>151905</v>
      </c>
      <c r="J45273" s="1" t="s">
        <v>154290</v>
      </c>
    </row>
    <row r="45274" spans="1:10" x14ac:dyDescent="0.35">
      <c r="A45274" s="1" t="s">
        <v>27911</v>
      </c>
      <c r="B45274" s="1" t="s">
        <v>151900</v>
      </c>
      <c r="C45274" s="1" t="s">
        <v>155</v>
      </c>
      <c r="D45274" s="1" t="s">
        <v>154291</v>
      </c>
      <c r="E45274" s="1" t="s">
        <v>154292</v>
      </c>
      <c r="F45274" s="1" t="s">
        <v>154293</v>
      </c>
      <c r="G45274" s="1" t="s">
        <v>154196</v>
      </c>
      <c r="H45274" s="1" t="s">
        <v>154197</v>
      </c>
      <c r="I45274" s="1" t="s">
        <v>151905</v>
      </c>
      <c r="J45274" s="1" t="s">
        <v>154294</v>
      </c>
    </row>
    <row r="45275" spans="1:10" x14ac:dyDescent="0.35">
      <c r="A45275" s="1" t="s">
        <v>27911</v>
      </c>
      <c r="B45275" s="1" t="s">
        <v>151900</v>
      </c>
      <c r="C45275" s="1" t="s">
        <v>160</v>
      </c>
      <c r="D45275" s="1" t="s">
        <v>154295</v>
      </c>
      <c r="E45275" s="1" t="s">
        <v>154296</v>
      </c>
      <c r="F45275" s="1" t="s">
        <v>154297</v>
      </c>
      <c r="G45275" s="1" t="s">
        <v>154196</v>
      </c>
      <c r="H45275" s="1" t="s">
        <v>154197</v>
      </c>
      <c r="I45275" s="1" t="s">
        <v>151905</v>
      </c>
      <c r="J45275" s="1" t="s">
        <v>154298</v>
      </c>
    </row>
    <row r="45276" spans="1:10" x14ac:dyDescent="0.35">
      <c r="A45276" s="1" t="s">
        <v>27911</v>
      </c>
      <c r="B45276" s="1" t="s">
        <v>151900</v>
      </c>
      <c r="C45276" s="1" t="s">
        <v>165</v>
      </c>
      <c r="D45276" s="1" t="s">
        <v>154299</v>
      </c>
      <c r="E45276" s="1" t="s">
        <v>154300</v>
      </c>
      <c r="F45276" s="1" t="s">
        <v>154301</v>
      </c>
      <c r="G45276" s="1" t="s">
        <v>154196</v>
      </c>
      <c r="H45276" s="1" t="s">
        <v>154197</v>
      </c>
      <c r="I45276" s="1" t="s">
        <v>151905</v>
      </c>
      <c r="J45276" s="1" t="s">
        <v>154302</v>
      </c>
    </row>
    <row r="45277" spans="1:10" x14ac:dyDescent="0.35">
      <c r="A45277" s="1" t="s">
        <v>27911</v>
      </c>
      <c r="B45277" s="1" t="s">
        <v>151900</v>
      </c>
      <c r="C45277" s="1" t="s">
        <v>170</v>
      </c>
      <c r="D45277" s="1" t="s">
        <v>154303</v>
      </c>
      <c r="E45277" s="1" t="s">
        <v>154304</v>
      </c>
      <c r="F45277" s="1" t="s">
        <v>154305</v>
      </c>
      <c r="G45277" s="1" t="s">
        <v>154196</v>
      </c>
      <c r="H45277" s="1" t="s">
        <v>154197</v>
      </c>
      <c r="I45277" s="1" t="s">
        <v>151905</v>
      </c>
      <c r="J45277" s="1" t="s">
        <v>154306</v>
      </c>
    </row>
    <row r="45278" spans="1:10" x14ac:dyDescent="0.35">
      <c r="A45278" s="1" t="s">
        <v>154307</v>
      </c>
      <c r="B45278" s="1" t="s">
        <v>151900</v>
      </c>
      <c r="C45278" s="1" t="s">
        <v>8</v>
      </c>
      <c r="D45278" s="1" t="s">
        <v>154308</v>
      </c>
      <c r="E45278" s="1" t="s">
        <v>154309</v>
      </c>
      <c r="F45278" s="1" t="s">
        <v>154310</v>
      </c>
      <c r="G45278" s="1" t="s">
        <v>154311</v>
      </c>
      <c r="H45278" s="1" t="s">
        <v>154312</v>
      </c>
      <c r="I45278" s="1" t="s">
        <v>151905</v>
      </c>
      <c r="J45278" s="1" t="s">
        <v>13</v>
      </c>
    </row>
    <row r="45279" spans="1:10" x14ac:dyDescent="0.35">
      <c r="A45279" s="1" t="s">
        <v>154307</v>
      </c>
      <c r="B45279" s="1" t="s">
        <v>151900</v>
      </c>
      <c r="C45279" s="1" t="s">
        <v>15</v>
      </c>
      <c r="D45279" s="1" t="s">
        <v>154313</v>
      </c>
      <c r="E45279" s="1" t="s">
        <v>154314</v>
      </c>
      <c r="F45279" s="1" t="s">
        <v>154315</v>
      </c>
      <c r="G45279" s="1" t="s">
        <v>154311</v>
      </c>
      <c r="H45279" s="1" t="s">
        <v>154312</v>
      </c>
      <c r="I45279" s="1" t="s">
        <v>151905</v>
      </c>
      <c r="J45279" s="1" t="s">
        <v>154316</v>
      </c>
    </row>
    <row r="45280" spans="1:10" x14ac:dyDescent="0.35">
      <c r="A45280" s="1" t="s">
        <v>154307</v>
      </c>
      <c r="B45280" s="1" t="s">
        <v>151900</v>
      </c>
      <c r="C45280" s="1" t="s">
        <v>20</v>
      </c>
      <c r="D45280" s="1" t="s">
        <v>82911</v>
      </c>
      <c r="E45280" s="1" t="s">
        <v>154317</v>
      </c>
      <c r="F45280" s="1" t="s">
        <v>154318</v>
      </c>
      <c r="G45280" s="1" t="s">
        <v>154311</v>
      </c>
      <c r="H45280" s="1" t="s">
        <v>154312</v>
      </c>
      <c r="I45280" s="1" t="s">
        <v>151905</v>
      </c>
      <c r="J45280" s="1" t="s">
        <v>154319</v>
      </c>
    </row>
    <row r="45281" spans="1:10" x14ac:dyDescent="0.35">
      <c r="A45281" s="1" t="s">
        <v>154307</v>
      </c>
      <c r="B45281" s="1" t="s">
        <v>151900</v>
      </c>
      <c r="C45281" s="1" t="s">
        <v>25</v>
      </c>
      <c r="D45281" s="1" t="s">
        <v>154320</v>
      </c>
      <c r="E45281" s="1" t="s">
        <v>154321</v>
      </c>
      <c r="F45281" s="1" t="s">
        <v>154322</v>
      </c>
      <c r="G45281" s="1" t="s">
        <v>154311</v>
      </c>
      <c r="H45281" s="1" t="s">
        <v>154312</v>
      </c>
      <c r="I45281" s="1" t="s">
        <v>151905</v>
      </c>
      <c r="J45281" s="1" t="s">
        <v>154323</v>
      </c>
    </row>
    <row r="45282" spans="1:10" x14ac:dyDescent="0.35">
      <c r="A45282" s="1" t="s">
        <v>154307</v>
      </c>
      <c r="B45282" s="1" t="s">
        <v>151900</v>
      </c>
      <c r="C45282" s="1" t="s">
        <v>30</v>
      </c>
      <c r="D45282" s="1" t="s">
        <v>154324</v>
      </c>
      <c r="E45282" s="1" t="s">
        <v>154325</v>
      </c>
      <c r="F45282" s="1" t="s">
        <v>154326</v>
      </c>
      <c r="G45282" s="1" t="s">
        <v>154311</v>
      </c>
      <c r="H45282" s="1" t="s">
        <v>154312</v>
      </c>
      <c r="I45282" s="1" t="s">
        <v>151905</v>
      </c>
      <c r="J45282" s="1" t="s">
        <v>154327</v>
      </c>
    </row>
    <row r="45283" spans="1:10" x14ac:dyDescent="0.35">
      <c r="A45283" s="1" t="s">
        <v>154307</v>
      </c>
      <c r="B45283" s="1" t="s">
        <v>151900</v>
      </c>
      <c r="C45283" s="1" t="s">
        <v>35</v>
      </c>
      <c r="D45283" s="1" t="s">
        <v>113108</v>
      </c>
      <c r="E45283" s="1" t="s">
        <v>154328</v>
      </c>
      <c r="F45283" s="1" t="s">
        <v>154329</v>
      </c>
      <c r="G45283" s="1" t="s">
        <v>154311</v>
      </c>
      <c r="H45283" s="1" t="s">
        <v>154312</v>
      </c>
      <c r="I45283" s="1" t="s">
        <v>151905</v>
      </c>
      <c r="J45283" s="1" t="s">
        <v>154330</v>
      </c>
    </row>
    <row r="45284" spans="1:10" x14ac:dyDescent="0.35">
      <c r="A45284" s="1" t="s">
        <v>154307</v>
      </c>
      <c r="B45284" s="1" t="s">
        <v>151900</v>
      </c>
      <c r="C45284" s="1" t="s">
        <v>40</v>
      </c>
      <c r="D45284" s="1" t="s">
        <v>154331</v>
      </c>
      <c r="E45284" s="1" t="s">
        <v>154332</v>
      </c>
      <c r="F45284" s="1" t="s">
        <v>154333</v>
      </c>
      <c r="G45284" s="1" t="s">
        <v>154311</v>
      </c>
      <c r="H45284" s="1" t="s">
        <v>154312</v>
      </c>
      <c r="I45284" s="1" t="s">
        <v>151905</v>
      </c>
      <c r="J45284" s="1" t="s">
        <v>154334</v>
      </c>
    </row>
    <row r="45285" spans="1:10" x14ac:dyDescent="0.35">
      <c r="A45285" s="1" t="s">
        <v>154307</v>
      </c>
      <c r="B45285" s="1" t="s">
        <v>151900</v>
      </c>
      <c r="C45285" s="1" t="s">
        <v>45</v>
      </c>
      <c r="D45285" s="1" t="s">
        <v>154335</v>
      </c>
      <c r="E45285" s="1" t="s">
        <v>154336</v>
      </c>
      <c r="F45285" s="1" t="s">
        <v>154337</v>
      </c>
      <c r="G45285" s="1" t="s">
        <v>154311</v>
      </c>
      <c r="H45285" s="1" t="s">
        <v>154312</v>
      </c>
      <c r="I45285" s="1" t="s">
        <v>151905</v>
      </c>
      <c r="J45285" s="1" t="s">
        <v>154338</v>
      </c>
    </row>
    <row r="45286" spans="1:10" x14ac:dyDescent="0.35">
      <c r="A45286" s="1" t="s">
        <v>154307</v>
      </c>
      <c r="B45286" s="1" t="s">
        <v>151900</v>
      </c>
      <c r="C45286" s="1" t="s">
        <v>50</v>
      </c>
      <c r="D45286" s="1" t="s">
        <v>154339</v>
      </c>
      <c r="E45286" s="1" t="s">
        <v>154340</v>
      </c>
      <c r="F45286" s="1" t="s">
        <v>154341</v>
      </c>
      <c r="G45286" s="1" t="s">
        <v>154311</v>
      </c>
      <c r="H45286" s="1" t="s">
        <v>154312</v>
      </c>
      <c r="I45286" s="1" t="s">
        <v>151905</v>
      </c>
      <c r="J45286" s="1" t="s">
        <v>154342</v>
      </c>
    </row>
    <row r="45287" spans="1:10" x14ac:dyDescent="0.35">
      <c r="A45287" s="1" t="s">
        <v>154307</v>
      </c>
      <c r="B45287" s="1" t="s">
        <v>151900</v>
      </c>
      <c r="C45287" s="1" t="s">
        <v>55</v>
      </c>
      <c r="D45287" s="1" t="s">
        <v>55613</v>
      </c>
      <c r="E45287" s="1" t="s">
        <v>154343</v>
      </c>
      <c r="F45287" s="1" t="s">
        <v>154344</v>
      </c>
      <c r="G45287" s="1" t="s">
        <v>154311</v>
      </c>
      <c r="H45287" s="1" t="s">
        <v>154312</v>
      </c>
      <c r="I45287" s="1" t="s">
        <v>151905</v>
      </c>
      <c r="J45287" s="1" t="s">
        <v>154345</v>
      </c>
    </row>
    <row r="45288" spans="1:10" x14ac:dyDescent="0.35">
      <c r="A45288" s="1" t="s">
        <v>154307</v>
      </c>
      <c r="B45288" s="1" t="s">
        <v>151900</v>
      </c>
      <c r="C45288" s="1" t="s">
        <v>60</v>
      </c>
      <c r="D45288" s="1" t="s">
        <v>154346</v>
      </c>
      <c r="E45288" s="1" t="s">
        <v>154347</v>
      </c>
      <c r="F45288" s="1" t="s">
        <v>154348</v>
      </c>
      <c r="G45288" s="1" t="s">
        <v>154311</v>
      </c>
      <c r="H45288" s="1" t="s">
        <v>154312</v>
      </c>
      <c r="I45288" s="1" t="s">
        <v>151905</v>
      </c>
      <c r="J45288" s="1" t="s">
        <v>154349</v>
      </c>
    </row>
    <row r="45289" spans="1:10" x14ac:dyDescent="0.35">
      <c r="A45289" s="1" t="s">
        <v>154307</v>
      </c>
      <c r="B45289" s="1" t="s">
        <v>151900</v>
      </c>
      <c r="C45289" s="1" t="s">
        <v>65</v>
      </c>
      <c r="D45289" s="1" t="s">
        <v>100524</v>
      </c>
      <c r="E45289" s="1" t="s">
        <v>154350</v>
      </c>
      <c r="F45289" s="1" t="s">
        <v>154351</v>
      </c>
      <c r="G45289" s="1" t="s">
        <v>154311</v>
      </c>
      <c r="H45289" s="1" t="s">
        <v>154312</v>
      </c>
      <c r="I45289" s="1" t="s">
        <v>151905</v>
      </c>
      <c r="J45289" s="1" t="s">
        <v>154352</v>
      </c>
    </row>
    <row r="45290" spans="1:10" x14ac:dyDescent="0.35">
      <c r="A45290" s="1" t="s">
        <v>154307</v>
      </c>
      <c r="B45290" s="1" t="s">
        <v>151900</v>
      </c>
      <c r="C45290" s="1" t="s">
        <v>70</v>
      </c>
      <c r="D45290" s="1" t="s">
        <v>16965</v>
      </c>
      <c r="E45290" s="1" t="s">
        <v>154353</v>
      </c>
      <c r="F45290" s="1" t="s">
        <v>154354</v>
      </c>
      <c r="G45290" s="1" t="s">
        <v>154311</v>
      </c>
      <c r="H45290" s="1" t="s">
        <v>154312</v>
      </c>
      <c r="I45290" s="1" t="s">
        <v>151905</v>
      </c>
      <c r="J45290" s="1" t="s">
        <v>154355</v>
      </c>
    </row>
    <row r="45291" spans="1:10" x14ac:dyDescent="0.35">
      <c r="A45291" s="1" t="s">
        <v>154307</v>
      </c>
      <c r="B45291" s="1" t="s">
        <v>151900</v>
      </c>
      <c r="C45291" s="1" t="s">
        <v>75</v>
      </c>
      <c r="D45291" s="1" t="s">
        <v>154356</v>
      </c>
      <c r="E45291" s="1" t="s">
        <v>154357</v>
      </c>
      <c r="F45291" s="1" t="s">
        <v>154358</v>
      </c>
      <c r="G45291" s="1" t="s">
        <v>154311</v>
      </c>
      <c r="H45291" s="1" t="s">
        <v>154312</v>
      </c>
      <c r="I45291" s="1" t="s">
        <v>151905</v>
      </c>
      <c r="J45291" s="1" t="s">
        <v>154359</v>
      </c>
    </row>
    <row r="45292" spans="1:10" x14ac:dyDescent="0.35">
      <c r="A45292" s="1" t="s">
        <v>154307</v>
      </c>
      <c r="B45292" s="1" t="s">
        <v>151900</v>
      </c>
      <c r="C45292" s="1" t="s">
        <v>80</v>
      </c>
      <c r="D45292" s="1" t="s">
        <v>154360</v>
      </c>
      <c r="E45292" s="1" t="s">
        <v>154361</v>
      </c>
      <c r="F45292" s="1" t="s">
        <v>154362</v>
      </c>
      <c r="G45292" s="1" t="s">
        <v>154311</v>
      </c>
      <c r="H45292" s="1" t="s">
        <v>154312</v>
      </c>
      <c r="I45292" s="1" t="s">
        <v>151905</v>
      </c>
      <c r="J45292" s="1" t="s">
        <v>154363</v>
      </c>
    </row>
    <row r="45293" spans="1:10" x14ac:dyDescent="0.35">
      <c r="A45293" s="1" t="s">
        <v>154307</v>
      </c>
      <c r="B45293" s="1" t="s">
        <v>151900</v>
      </c>
      <c r="C45293" s="1" t="s">
        <v>85</v>
      </c>
      <c r="D45293" s="1" t="s">
        <v>154364</v>
      </c>
      <c r="E45293" s="1" t="s">
        <v>154365</v>
      </c>
      <c r="F45293" s="1" t="s">
        <v>154366</v>
      </c>
      <c r="G45293" s="1" t="s">
        <v>154311</v>
      </c>
      <c r="H45293" s="1" t="s">
        <v>154312</v>
      </c>
      <c r="I45293" s="1" t="s">
        <v>151905</v>
      </c>
      <c r="J45293" s="1" t="s">
        <v>154367</v>
      </c>
    </row>
    <row r="45294" spans="1:10" x14ac:dyDescent="0.35">
      <c r="A45294" s="1" t="s">
        <v>154307</v>
      </c>
      <c r="B45294" s="1" t="s">
        <v>151900</v>
      </c>
      <c r="C45294" s="1" t="s">
        <v>90</v>
      </c>
      <c r="D45294" s="1" t="s">
        <v>96766</v>
      </c>
      <c r="E45294" s="1" t="s">
        <v>154368</v>
      </c>
      <c r="F45294" s="1" t="s">
        <v>154369</v>
      </c>
      <c r="G45294" s="1" t="s">
        <v>154311</v>
      </c>
      <c r="H45294" s="1" t="s">
        <v>154312</v>
      </c>
      <c r="I45294" s="1" t="s">
        <v>151905</v>
      </c>
      <c r="J45294" s="1" t="s">
        <v>154370</v>
      </c>
    </row>
    <row r="45295" spans="1:10" x14ac:dyDescent="0.35">
      <c r="A45295" s="1" t="s">
        <v>154307</v>
      </c>
      <c r="B45295" s="1" t="s">
        <v>151900</v>
      </c>
      <c r="C45295" s="1" t="s">
        <v>95</v>
      </c>
      <c r="D45295" s="1" t="s">
        <v>66534</v>
      </c>
      <c r="E45295" s="1" t="s">
        <v>154371</v>
      </c>
      <c r="F45295" s="1" t="s">
        <v>154372</v>
      </c>
      <c r="G45295" s="1" t="s">
        <v>154311</v>
      </c>
      <c r="H45295" s="1" t="s">
        <v>154312</v>
      </c>
      <c r="I45295" s="1" t="s">
        <v>151905</v>
      </c>
      <c r="J45295" s="1" t="s">
        <v>154373</v>
      </c>
    </row>
    <row r="45296" spans="1:10" x14ac:dyDescent="0.35">
      <c r="A45296" s="1" t="s">
        <v>154307</v>
      </c>
      <c r="B45296" s="1" t="s">
        <v>151900</v>
      </c>
      <c r="C45296" s="1" t="s">
        <v>100</v>
      </c>
      <c r="D45296" s="1" t="s">
        <v>154374</v>
      </c>
      <c r="E45296" s="1" t="s">
        <v>154375</v>
      </c>
      <c r="F45296" s="1" t="s">
        <v>154376</v>
      </c>
      <c r="G45296" s="1" t="s">
        <v>154311</v>
      </c>
      <c r="H45296" s="1" t="s">
        <v>154312</v>
      </c>
      <c r="I45296" s="1" t="s">
        <v>151905</v>
      </c>
      <c r="J45296" s="1" t="s">
        <v>154377</v>
      </c>
    </row>
    <row r="45297" spans="1:10" x14ac:dyDescent="0.35">
      <c r="A45297" s="1" t="s">
        <v>154307</v>
      </c>
      <c r="B45297" s="1" t="s">
        <v>151900</v>
      </c>
      <c r="C45297" s="1" t="s">
        <v>105</v>
      </c>
      <c r="D45297" s="1" t="s">
        <v>154378</v>
      </c>
      <c r="E45297" s="1" t="s">
        <v>154379</v>
      </c>
      <c r="F45297" s="1" t="s">
        <v>154380</v>
      </c>
      <c r="G45297" s="1" t="s">
        <v>154311</v>
      </c>
      <c r="H45297" s="1" t="s">
        <v>154312</v>
      </c>
      <c r="I45297" s="1" t="s">
        <v>151905</v>
      </c>
      <c r="J45297" s="1" t="s">
        <v>154381</v>
      </c>
    </row>
    <row r="45298" spans="1:10" x14ac:dyDescent="0.35">
      <c r="A45298" s="1" t="s">
        <v>154307</v>
      </c>
      <c r="B45298" s="1" t="s">
        <v>151900</v>
      </c>
      <c r="C45298" s="1" t="s">
        <v>110</v>
      </c>
      <c r="D45298" s="1" t="s">
        <v>107265</v>
      </c>
      <c r="E45298" s="1" t="s">
        <v>154382</v>
      </c>
      <c r="F45298" s="1" t="s">
        <v>154383</v>
      </c>
      <c r="G45298" s="1" t="s">
        <v>154311</v>
      </c>
      <c r="H45298" s="1" t="s">
        <v>154312</v>
      </c>
      <c r="I45298" s="1" t="s">
        <v>151905</v>
      </c>
      <c r="J45298" s="1" t="s">
        <v>154384</v>
      </c>
    </row>
    <row r="45299" spans="1:10" x14ac:dyDescent="0.35">
      <c r="A45299" s="1" t="s">
        <v>154307</v>
      </c>
      <c r="B45299" s="1" t="s">
        <v>151900</v>
      </c>
      <c r="C45299" s="1" t="s">
        <v>115</v>
      </c>
      <c r="D45299" s="1" t="s">
        <v>154385</v>
      </c>
      <c r="E45299" s="1" t="s">
        <v>154386</v>
      </c>
      <c r="F45299" s="1" t="s">
        <v>154387</v>
      </c>
      <c r="G45299" s="1" t="s">
        <v>154311</v>
      </c>
      <c r="H45299" s="1" t="s">
        <v>154312</v>
      </c>
      <c r="I45299" s="1" t="s">
        <v>151905</v>
      </c>
      <c r="J45299" s="1" t="s">
        <v>154388</v>
      </c>
    </row>
    <row r="45300" spans="1:10" x14ac:dyDescent="0.35">
      <c r="A45300" s="1" t="s">
        <v>154307</v>
      </c>
      <c r="B45300" s="1" t="s">
        <v>151900</v>
      </c>
      <c r="C45300" s="1" t="s">
        <v>120</v>
      </c>
      <c r="D45300" s="1" t="s">
        <v>101482</v>
      </c>
      <c r="E45300" s="1" t="s">
        <v>154389</v>
      </c>
      <c r="F45300" s="1" t="s">
        <v>154390</v>
      </c>
      <c r="G45300" s="1" t="s">
        <v>154311</v>
      </c>
      <c r="H45300" s="1" t="s">
        <v>154312</v>
      </c>
      <c r="I45300" s="1" t="s">
        <v>151905</v>
      </c>
      <c r="J45300" s="1" t="s">
        <v>154391</v>
      </c>
    </row>
    <row r="45301" spans="1:10" x14ac:dyDescent="0.35">
      <c r="A45301" s="1" t="s">
        <v>154307</v>
      </c>
      <c r="B45301" s="1" t="s">
        <v>151900</v>
      </c>
      <c r="C45301" s="1" t="s">
        <v>125</v>
      </c>
      <c r="D45301" s="1" t="s">
        <v>154392</v>
      </c>
      <c r="E45301" s="1" t="s">
        <v>154393</v>
      </c>
      <c r="F45301" s="1" t="s">
        <v>154394</v>
      </c>
      <c r="G45301" s="1" t="s">
        <v>154311</v>
      </c>
      <c r="H45301" s="1" t="s">
        <v>154312</v>
      </c>
      <c r="I45301" s="1" t="s">
        <v>151905</v>
      </c>
      <c r="J45301" s="1" t="s">
        <v>154395</v>
      </c>
    </row>
    <row r="45302" spans="1:10" x14ac:dyDescent="0.35">
      <c r="A45302" s="1" t="s">
        <v>154307</v>
      </c>
      <c r="B45302" s="1" t="s">
        <v>151900</v>
      </c>
      <c r="C45302" s="1" t="s">
        <v>130</v>
      </c>
      <c r="D45302" s="1" t="s">
        <v>127873</v>
      </c>
      <c r="E45302" s="1" t="s">
        <v>154396</v>
      </c>
      <c r="F45302" s="1" t="s">
        <v>154397</v>
      </c>
      <c r="G45302" s="1" t="s">
        <v>154311</v>
      </c>
      <c r="H45302" s="1" t="s">
        <v>154312</v>
      </c>
      <c r="I45302" s="1" t="s">
        <v>151905</v>
      </c>
      <c r="J45302" s="1" t="s">
        <v>154398</v>
      </c>
    </row>
    <row r="45303" spans="1:10" x14ac:dyDescent="0.35">
      <c r="A45303" s="1" t="s">
        <v>154307</v>
      </c>
      <c r="B45303" s="1" t="s">
        <v>151900</v>
      </c>
      <c r="C45303" s="1" t="s">
        <v>135</v>
      </c>
      <c r="D45303" s="1" t="s">
        <v>138097</v>
      </c>
      <c r="E45303" s="1" t="s">
        <v>154399</v>
      </c>
      <c r="F45303" s="1" t="s">
        <v>154400</v>
      </c>
      <c r="G45303" s="1" t="s">
        <v>154311</v>
      </c>
      <c r="H45303" s="1" t="s">
        <v>154312</v>
      </c>
      <c r="I45303" s="1" t="s">
        <v>151905</v>
      </c>
      <c r="J45303" s="1" t="s">
        <v>154401</v>
      </c>
    </row>
    <row r="45304" spans="1:10" x14ac:dyDescent="0.35">
      <c r="A45304" s="1" t="s">
        <v>154307</v>
      </c>
      <c r="B45304" s="1" t="s">
        <v>151900</v>
      </c>
      <c r="C45304" s="1" t="s">
        <v>140</v>
      </c>
      <c r="D45304" s="1" t="s">
        <v>154402</v>
      </c>
      <c r="E45304" s="1" t="s">
        <v>154403</v>
      </c>
      <c r="F45304" s="1" t="s">
        <v>154404</v>
      </c>
      <c r="G45304" s="1" t="s">
        <v>154311</v>
      </c>
      <c r="H45304" s="1" t="s">
        <v>154312</v>
      </c>
      <c r="I45304" s="1" t="s">
        <v>151905</v>
      </c>
      <c r="J45304" s="1" t="s">
        <v>154405</v>
      </c>
    </row>
    <row r="45305" spans="1:10" x14ac:dyDescent="0.35">
      <c r="A45305" s="1" t="s">
        <v>154307</v>
      </c>
      <c r="B45305" s="1" t="s">
        <v>151900</v>
      </c>
      <c r="C45305" s="1" t="s">
        <v>145</v>
      </c>
      <c r="D45305" s="1" t="s">
        <v>24330</v>
      </c>
      <c r="E45305" s="1" t="s">
        <v>154406</v>
      </c>
      <c r="F45305" s="1" t="s">
        <v>154407</v>
      </c>
      <c r="G45305" s="1" t="s">
        <v>154311</v>
      </c>
      <c r="H45305" s="1" t="s">
        <v>154312</v>
      </c>
      <c r="I45305" s="1" t="s">
        <v>151905</v>
      </c>
      <c r="J45305" s="1" t="s">
        <v>154408</v>
      </c>
    </row>
    <row r="45306" spans="1:10" x14ac:dyDescent="0.35">
      <c r="A45306" s="1" t="s">
        <v>154307</v>
      </c>
      <c r="B45306" s="1" t="s">
        <v>151900</v>
      </c>
      <c r="C45306" s="1" t="s">
        <v>150</v>
      </c>
      <c r="D45306" s="1" t="s">
        <v>154409</v>
      </c>
      <c r="E45306" s="1" t="s">
        <v>154410</v>
      </c>
      <c r="F45306" s="1" t="s">
        <v>154411</v>
      </c>
      <c r="G45306" s="1" t="s">
        <v>154311</v>
      </c>
      <c r="H45306" s="1" t="s">
        <v>154312</v>
      </c>
      <c r="I45306" s="1" t="s">
        <v>151905</v>
      </c>
      <c r="J45306" s="1" t="s">
        <v>154412</v>
      </c>
    </row>
    <row r="45307" spans="1:10" x14ac:dyDescent="0.35">
      <c r="A45307" s="1" t="s">
        <v>154307</v>
      </c>
      <c r="B45307" s="1" t="s">
        <v>151900</v>
      </c>
      <c r="C45307" s="1" t="s">
        <v>155</v>
      </c>
      <c r="D45307" s="1" t="s">
        <v>66615</v>
      </c>
      <c r="E45307" s="1" t="s">
        <v>154413</v>
      </c>
      <c r="F45307" s="1" t="s">
        <v>154414</v>
      </c>
      <c r="G45307" s="1" t="s">
        <v>154311</v>
      </c>
      <c r="H45307" s="1" t="s">
        <v>154312</v>
      </c>
      <c r="I45307" s="1" t="s">
        <v>151905</v>
      </c>
      <c r="J45307" s="1" t="s">
        <v>154415</v>
      </c>
    </row>
    <row r="45308" spans="1:10" x14ac:dyDescent="0.35">
      <c r="A45308" s="1" t="s">
        <v>154307</v>
      </c>
      <c r="B45308" s="1" t="s">
        <v>151900</v>
      </c>
      <c r="C45308" s="1" t="s">
        <v>160</v>
      </c>
      <c r="D45308" s="1" t="s">
        <v>154416</v>
      </c>
      <c r="E45308" s="1" t="s">
        <v>154417</v>
      </c>
      <c r="F45308" s="1" t="s">
        <v>154418</v>
      </c>
      <c r="G45308" s="1" t="s">
        <v>154311</v>
      </c>
      <c r="H45308" s="1" t="s">
        <v>154312</v>
      </c>
      <c r="I45308" s="1" t="s">
        <v>151905</v>
      </c>
      <c r="J45308" s="1" t="s">
        <v>154419</v>
      </c>
    </row>
    <row r="45309" spans="1:10" x14ac:dyDescent="0.35">
      <c r="A45309" s="1" t="s">
        <v>154307</v>
      </c>
      <c r="B45309" s="1" t="s">
        <v>151900</v>
      </c>
      <c r="C45309" s="1" t="s">
        <v>165</v>
      </c>
      <c r="D45309" s="1" t="s">
        <v>154420</v>
      </c>
      <c r="E45309" s="1" t="s">
        <v>154421</v>
      </c>
      <c r="F45309" s="1" t="s">
        <v>154422</v>
      </c>
      <c r="G45309" s="1" t="s">
        <v>154311</v>
      </c>
      <c r="H45309" s="1" t="s">
        <v>154312</v>
      </c>
      <c r="I45309" s="1" t="s">
        <v>151905</v>
      </c>
      <c r="J45309" s="1" t="s">
        <v>154423</v>
      </c>
    </row>
    <row r="45310" spans="1:10" x14ac:dyDescent="0.35">
      <c r="A45310" s="1" t="s">
        <v>154307</v>
      </c>
      <c r="B45310" s="1" t="s">
        <v>151900</v>
      </c>
      <c r="C45310" s="1" t="s">
        <v>170</v>
      </c>
      <c r="D45310" s="1" t="s">
        <v>96895</v>
      </c>
      <c r="E45310" s="1" t="s">
        <v>154424</v>
      </c>
      <c r="F45310" s="1" t="s">
        <v>154425</v>
      </c>
      <c r="G45310" s="1" t="s">
        <v>154311</v>
      </c>
      <c r="H45310" s="1" t="s">
        <v>154312</v>
      </c>
      <c r="I45310" s="1" t="s">
        <v>151905</v>
      </c>
      <c r="J45310" s="1" t="s">
        <v>154426</v>
      </c>
    </row>
    <row r="45311" spans="1:10" x14ac:dyDescent="0.35">
      <c r="A45311" s="1" t="s">
        <v>1985</v>
      </c>
      <c r="B45311" s="1" t="s">
        <v>151900</v>
      </c>
      <c r="C45311" s="1" t="s">
        <v>8</v>
      </c>
      <c r="D45311" s="1" t="s">
        <v>89934</v>
      </c>
      <c r="E45311" s="1" t="s">
        <v>154427</v>
      </c>
      <c r="F45311" s="1" t="s">
        <v>154428</v>
      </c>
      <c r="G45311" s="1" t="s">
        <v>154429</v>
      </c>
      <c r="H45311" s="1" t="s">
        <v>154430</v>
      </c>
      <c r="I45311" s="1" t="s">
        <v>151905</v>
      </c>
      <c r="J45311" s="1" t="s">
        <v>13</v>
      </c>
    </row>
    <row r="45312" spans="1:10" x14ac:dyDescent="0.35">
      <c r="A45312" s="1" t="s">
        <v>1985</v>
      </c>
      <c r="B45312" s="1" t="s">
        <v>151900</v>
      </c>
      <c r="C45312" s="1" t="s">
        <v>15</v>
      </c>
      <c r="D45312" s="1" t="s">
        <v>65737</v>
      </c>
      <c r="E45312" s="1" t="s">
        <v>154431</v>
      </c>
      <c r="F45312" s="1" t="s">
        <v>154432</v>
      </c>
      <c r="G45312" s="1" t="s">
        <v>154429</v>
      </c>
      <c r="H45312" s="1" t="s">
        <v>154430</v>
      </c>
      <c r="I45312" s="1" t="s">
        <v>151905</v>
      </c>
      <c r="J45312" s="1" t="s">
        <v>154433</v>
      </c>
    </row>
    <row r="45313" spans="1:10" x14ac:dyDescent="0.35">
      <c r="A45313" s="1" t="s">
        <v>1985</v>
      </c>
      <c r="B45313" s="1" t="s">
        <v>151900</v>
      </c>
      <c r="C45313" s="1" t="s">
        <v>20</v>
      </c>
      <c r="D45313" s="1" t="s">
        <v>33289</v>
      </c>
      <c r="E45313" s="1" t="s">
        <v>154434</v>
      </c>
      <c r="F45313" s="1" t="s">
        <v>154435</v>
      </c>
      <c r="G45313" s="1" t="s">
        <v>154429</v>
      </c>
      <c r="H45313" s="1" t="s">
        <v>154430</v>
      </c>
      <c r="I45313" s="1" t="s">
        <v>151905</v>
      </c>
      <c r="J45313" s="1" t="s">
        <v>154436</v>
      </c>
    </row>
    <row r="45314" spans="1:10" x14ac:dyDescent="0.35">
      <c r="A45314" s="1" t="s">
        <v>1985</v>
      </c>
      <c r="B45314" s="1" t="s">
        <v>151900</v>
      </c>
      <c r="C45314" s="1" t="s">
        <v>25</v>
      </c>
      <c r="D45314" s="1" t="s">
        <v>154437</v>
      </c>
      <c r="E45314" s="1" t="s">
        <v>154438</v>
      </c>
      <c r="F45314" s="1" t="s">
        <v>154439</v>
      </c>
      <c r="G45314" s="1" t="s">
        <v>154429</v>
      </c>
      <c r="H45314" s="1" t="s">
        <v>154430</v>
      </c>
      <c r="I45314" s="1" t="s">
        <v>151905</v>
      </c>
      <c r="J45314" s="1" t="s">
        <v>154440</v>
      </c>
    </row>
    <row r="45315" spans="1:10" x14ac:dyDescent="0.35">
      <c r="A45315" s="1" t="s">
        <v>1985</v>
      </c>
      <c r="B45315" s="1" t="s">
        <v>151900</v>
      </c>
      <c r="C45315" s="1" t="s">
        <v>30</v>
      </c>
      <c r="D45315" s="1" t="s">
        <v>154441</v>
      </c>
      <c r="E45315" s="1" t="s">
        <v>154442</v>
      </c>
      <c r="F45315" s="1" t="s">
        <v>154443</v>
      </c>
      <c r="G45315" s="1" t="s">
        <v>154429</v>
      </c>
      <c r="H45315" s="1" t="s">
        <v>154430</v>
      </c>
      <c r="I45315" s="1" t="s">
        <v>151905</v>
      </c>
      <c r="J45315" s="1" t="s">
        <v>154444</v>
      </c>
    </row>
    <row r="45316" spans="1:10" x14ac:dyDescent="0.35">
      <c r="A45316" s="1" t="s">
        <v>1985</v>
      </c>
      <c r="B45316" s="1" t="s">
        <v>151900</v>
      </c>
      <c r="C45316" s="1" t="s">
        <v>35</v>
      </c>
      <c r="D45316" s="1" t="s">
        <v>62449</v>
      </c>
      <c r="E45316" s="1" t="s">
        <v>154445</v>
      </c>
      <c r="F45316" s="1" t="s">
        <v>154446</v>
      </c>
      <c r="G45316" s="1" t="s">
        <v>154429</v>
      </c>
      <c r="H45316" s="1" t="s">
        <v>154430</v>
      </c>
      <c r="I45316" s="1" t="s">
        <v>151905</v>
      </c>
      <c r="J45316" s="1" t="s">
        <v>154447</v>
      </c>
    </row>
    <row r="45317" spans="1:10" x14ac:dyDescent="0.35">
      <c r="A45317" s="1" t="s">
        <v>1985</v>
      </c>
      <c r="B45317" s="1" t="s">
        <v>151900</v>
      </c>
      <c r="C45317" s="1" t="s">
        <v>40</v>
      </c>
      <c r="D45317" s="1" t="s">
        <v>22531</v>
      </c>
      <c r="E45317" s="1" t="s">
        <v>154448</v>
      </c>
      <c r="F45317" s="1" t="s">
        <v>154449</v>
      </c>
      <c r="G45317" s="1" t="s">
        <v>154429</v>
      </c>
      <c r="H45317" s="1" t="s">
        <v>154430</v>
      </c>
      <c r="I45317" s="1" t="s">
        <v>151905</v>
      </c>
      <c r="J45317" s="1" t="s">
        <v>154450</v>
      </c>
    </row>
    <row r="45318" spans="1:10" x14ac:dyDescent="0.35">
      <c r="A45318" s="1" t="s">
        <v>1985</v>
      </c>
      <c r="B45318" s="1" t="s">
        <v>151900</v>
      </c>
      <c r="C45318" s="1" t="s">
        <v>45</v>
      </c>
      <c r="D45318" s="1" t="s">
        <v>134901</v>
      </c>
      <c r="E45318" s="1" t="s">
        <v>154451</v>
      </c>
      <c r="F45318" s="1" t="s">
        <v>154452</v>
      </c>
      <c r="G45318" s="1" t="s">
        <v>154429</v>
      </c>
      <c r="H45318" s="1" t="s">
        <v>154430</v>
      </c>
      <c r="I45318" s="1" t="s">
        <v>151905</v>
      </c>
      <c r="J45318" s="1" t="s">
        <v>154453</v>
      </c>
    </row>
    <row r="45319" spans="1:10" x14ac:dyDescent="0.35">
      <c r="A45319" s="1" t="s">
        <v>1985</v>
      </c>
      <c r="B45319" s="1" t="s">
        <v>151900</v>
      </c>
      <c r="C45319" s="1" t="s">
        <v>50</v>
      </c>
      <c r="D45319" s="1" t="s">
        <v>107193</v>
      </c>
      <c r="E45319" s="1" t="s">
        <v>154454</v>
      </c>
      <c r="F45319" s="1" t="s">
        <v>154455</v>
      </c>
      <c r="G45319" s="1" t="s">
        <v>154429</v>
      </c>
      <c r="H45319" s="1" t="s">
        <v>154430</v>
      </c>
      <c r="I45319" s="1" t="s">
        <v>151905</v>
      </c>
      <c r="J45319" s="1" t="s">
        <v>154456</v>
      </c>
    </row>
    <row r="45320" spans="1:10" x14ac:dyDescent="0.35">
      <c r="A45320" s="1" t="s">
        <v>1985</v>
      </c>
      <c r="B45320" s="1" t="s">
        <v>151900</v>
      </c>
      <c r="C45320" s="1" t="s">
        <v>55</v>
      </c>
      <c r="D45320" s="1" t="s">
        <v>59001</v>
      </c>
      <c r="E45320" s="1" t="s">
        <v>154457</v>
      </c>
      <c r="F45320" s="1" t="s">
        <v>154458</v>
      </c>
      <c r="G45320" s="1" t="s">
        <v>154429</v>
      </c>
      <c r="H45320" s="1" t="s">
        <v>154430</v>
      </c>
      <c r="I45320" s="1" t="s">
        <v>151905</v>
      </c>
      <c r="J45320" s="1" t="s">
        <v>154459</v>
      </c>
    </row>
    <row r="45321" spans="1:10" x14ac:dyDescent="0.35">
      <c r="A45321" s="1" t="s">
        <v>1985</v>
      </c>
      <c r="B45321" s="1" t="s">
        <v>151900</v>
      </c>
      <c r="C45321" s="1" t="s">
        <v>60</v>
      </c>
      <c r="D45321" s="1" t="s">
        <v>102773</v>
      </c>
      <c r="E45321" s="1" t="s">
        <v>154460</v>
      </c>
      <c r="F45321" s="1" t="s">
        <v>154461</v>
      </c>
      <c r="G45321" s="1" t="s">
        <v>154429</v>
      </c>
      <c r="H45321" s="1" t="s">
        <v>154430</v>
      </c>
      <c r="I45321" s="1" t="s">
        <v>151905</v>
      </c>
      <c r="J45321" s="1" t="s">
        <v>154462</v>
      </c>
    </row>
    <row r="45322" spans="1:10" x14ac:dyDescent="0.35">
      <c r="A45322" s="1" t="s">
        <v>1985</v>
      </c>
      <c r="B45322" s="1" t="s">
        <v>151900</v>
      </c>
      <c r="C45322" s="1" t="s">
        <v>65</v>
      </c>
      <c r="D45322" s="1" t="s">
        <v>33296</v>
      </c>
      <c r="E45322" s="1" t="s">
        <v>154463</v>
      </c>
      <c r="F45322" s="1" t="s">
        <v>154464</v>
      </c>
      <c r="G45322" s="1" t="s">
        <v>154429</v>
      </c>
      <c r="H45322" s="1" t="s">
        <v>154430</v>
      </c>
      <c r="I45322" s="1" t="s">
        <v>151905</v>
      </c>
      <c r="J45322" s="1" t="s">
        <v>154465</v>
      </c>
    </row>
    <row r="45323" spans="1:10" x14ac:dyDescent="0.35">
      <c r="A45323" s="1" t="s">
        <v>1985</v>
      </c>
      <c r="B45323" s="1" t="s">
        <v>151900</v>
      </c>
      <c r="C45323" s="1" t="s">
        <v>70</v>
      </c>
      <c r="D45323" s="1" t="s">
        <v>133120</v>
      </c>
      <c r="E45323" s="1" t="s">
        <v>154466</v>
      </c>
      <c r="F45323" s="1" t="s">
        <v>154467</v>
      </c>
      <c r="G45323" s="1" t="s">
        <v>154429</v>
      </c>
      <c r="H45323" s="1" t="s">
        <v>154430</v>
      </c>
      <c r="I45323" s="1" t="s">
        <v>151905</v>
      </c>
      <c r="J45323" s="1" t="s">
        <v>154468</v>
      </c>
    </row>
    <row r="45324" spans="1:10" x14ac:dyDescent="0.35">
      <c r="A45324" s="1" t="s">
        <v>1985</v>
      </c>
      <c r="B45324" s="1" t="s">
        <v>151900</v>
      </c>
      <c r="C45324" s="1" t="s">
        <v>75</v>
      </c>
      <c r="D45324" s="1" t="s">
        <v>103018</v>
      </c>
      <c r="E45324" s="1" t="s">
        <v>154469</v>
      </c>
      <c r="F45324" s="1" t="s">
        <v>154470</v>
      </c>
      <c r="G45324" s="1" t="s">
        <v>154429</v>
      </c>
      <c r="H45324" s="1" t="s">
        <v>154430</v>
      </c>
      <c r="I45324" s="1" t="s">
        <v>151905</v>
      </c>
      <c r="J45324" s="1" t="s">
        <v>154471</v>
      </c>
    </row>
    <row r="45325" spans="1:10" x14ac:dyDescent="0.35">
      <c r="A45325" s="1" t="s">
        <v>1985</v>
      </c>
      <c r="B45325" s="1" t="s">
        <v>151900</v>
      </c>
      <c r="C45325" s="1" t="s">
        <v>80</v>
      </c>
      <c r="D45325" s="1" t="s">
        <v>99764</v>
      </c>
      <c r="E45325" s="1" t="s">
        <v>154472</v>
      </c>
      <c r="F45325" s="1" t="s">
        <v>154473</v>
      </c>
      <c r="G45325" s="1" t="s">
        <v>154429</v>
      </c>
      <c r="H45325" s="1" t="s">
        <v>154430</v>
      </c>
      <c r="I45325" s="1" t="s">
        <v>151905</v>
      </c>
      <c r="J45325" s="1" t="s">
        <v>154474</v>
      </c>
    </row>
    <row r="45326" spans="1:10" x14ac:dyDescent="0.35">
      <c r="A45326" s="1" t="s">
        <v>1985</v>
      </c>
      <c r="B45326" s="1" t="s">
        <v>151900</v>
      </c>
      <c r="C45326" s="1" t="s">
        <v>85</v>
      </c>
      <c r="D45326" s="1" t="s">
        <v>63924</v>
      </c>
      <c r="E45326" s="1" t="s">
        <v>154475</v>
      </c>
      <c r="F45326" s="1" t="s">
        <v>154476</v>
      </c>
      <c r="G45326" s="1" t="s">
        <v>154429</v>
      </c>
      <c r="H45326" s="1" t="s">
        <v>154430</v>
      </c>
      <c r="I45326" s="1" t="s">
        <v>151905</v>
      </c>
      <c r="J45326" s="1" t="s">
        <v>154477</v>
      </c>
    </row>
    <row r="45327" spans="1:10" x14ac:dyDescent="0.35">
      <c r="A45327" s="1" t="s">
        <v>1985</v>
      </c>
      <c r="B45327" s="1" t="s">
        <v>151900</v>
      </c>
      <c r="C45327" s="1" t="s">
        <v>90</v>
      </c>
      <c r="D45327" s="1" t="s">
        <v>154478</v>
      </c>
      <c r="E45327" s="1" t="s">
        <v>154479</v>
      </c>
      <c r="F45327" s="1" t="s">
        <v>154480</v>
      </c>
      <c r="G45327" s="1" t="s">
        <v>154429</v>
      </c>
      <c r="H45327" s="1" t="s">
        <v>154430</v>
      </c>
      <c r="I45327" s="1" t="s">
        <v>151905</v>
      </c>
      <c r="J45327" s="1" t="s">
        <v>154481</v>
      </c>
    </row>
    <row r="45328" spans="1:10" x14ac:dyDescent="0.35">
      <c r="A45328" s="1" t="s">
        <v>1985</v>
      </c>
      <c r="B45328" s="1" t="s">
        <v>151900</v>
      </c>
      <c r="C45328" s="1" t="s">
        <v>95</v>
      </c>
      <c r="D45328" s="1" t="s">
        <v>154482</v>
      </c>
      <c r="E45328" s="1" t="s">
        <v>154483</v>
      </c>
      <c r="F45328" s="1" t="s">
        <v>154484</v>
      </c>
      <c r="G45328" s="1" t="s">
        <v>154429</v>
      </c>
      <c r="H45328" s="1" t="s">
        <v>154430</v>
      </c>
      <c r="I45328" s="1" t="s">
        <v>151905</v>
      </c>
      <c r="J45328" s="1" t="s">
        <v>154485</v>
      </c>
    </row>
    <row r="45329" spans="1:10" x14ac:dyDescent="0.35">
      <c r="A45329" s="1" t="s">
        <v>1985</v>
      </c>
      <c r="B45329" s="1" t="s">
        <v>151900</v>
      </c>
      <c r="C45329" s="1" t="s">
        <v>100</v>
      </c>
      <c r="D45329" s="1" t="s">
        <v>154486</v>
      </c>
      <c r="E45329" s="1" t="s">
        <v>154487</v>
      </c>
      <c r="F45329" s="1" t="s">
        <v>154488</v>
      </c>
      <c r="G45329" s="1" t="s">
        <v>154429</v>
      </c>
      <c r="H45329" s="1" t="s">
        <v>154430</v>
      </c>
      <c r="I45329" s="1" t="s">
        <v>151905</v>
      </c>
      <c r="J45329" s="1" t="s">
        <v>154489</v>
      </c>
    </row>
    <row r="45330" spans="1:10" x14ac:dyDescent="0.35">
      <c r="A45330" s="1" t="s">
        <v>1985</v>
      </c>
      <c r="B45330" s="1" t="s">
        <v>151900</v>
      </c>
      <c r="C45330" s="1" t="s">
        <v>105</v>
      </c>
      <c r="D45330" s="1" t="s">
        <v>66351</v>
      </c>
      <c r="E45330" s="1" t="s">
        <v>154490</v>
      </c>
      <c r="F45330" s="1" t="s">
        <v>154491</v>
      </c>
      <c r="G45330" s="1" t="s">
        <v>154429</v>
      </c>
      <c r="H45330" s="1" t="s">
        <v>154430</v>
      </c>
      <c r="I45330" s="1" t="s">
        <v>151905</v>
      </c>
      <c r="J45330" s="1" t="s">
        <v>154492</v>
      </c>
    </row>
    <row r="45331" spans="1:10" x14ac:dyDescent="0.35">
      <c r="A45331" s="1" t="s">
        <v>1985</v>
      </c>
      <c r="B45331" s="1" t="s">
        <v>151900</v>
      </c>
      <c r="C45331" s="1" t="s">
        <v>110</v>
      </c>
      <c r="D45331" s="1" t="s">
        <v>138978</v>
      </c>
      <c r="E45331" s="1" t="s">
        <v>154493</v>
      </c>
      <c r="F45331" s="1" t="s">
        <v>154494</v>
      </c>
      <c r="G45331" s="1" t="s">
        <v>154429</v>
      </c>
      <c r="H45331" s="1" t="s">
        <v>154430</v>
      </c>
      <c r="I45331" s="1" t="s">
        <v>151905</v>
      </c>
      <c r="J45331" s="1" t="s">
        <v>154495</v>
      </c>
    </row>
    <row r="45332" spans="1:10" x14ac:dyDescent="0.35">
      <c r="A45332" s="1" t="s">
        <v>1985</v>
      </c>
      <c r="B45332" s="1" t="s">
        <v>151900</v>
      </c>
      <c r="C45332" s="1" t="s">
        <v>115</v>
      </c>
      <c r="D45332" s="1" t="s">
        <v>39449</v>
      </c>
      <c r="E45332" s="1" t="s">
        <v>154496</v>
      </c>
      <c r="F45332" s="1" t="s">
        <v>154497</v>
      </c>
      <c r="G45332" s="1" t="s">
        <v>154429</v>
      </c>
      <c r="H45332" s="1" t="s">
        <v>154430</v>
      </c>
      <c r="I45332" s="1" t="s">
        <v>151905</v>
      </c>
      <c r="J45332" s="1" t="s">
        <v>154498</v>
      </c>
    </row>
    <row r="45333" spans="1:10" x14ac:dyDescent="0.35">
      <c r="A45333" s="1" t="s">
        <v>1985</v>
      </c>
      <c r="B45333" s="1" t="s">
        <v>151900</v>
      </c>
      <c r="C45333" s="1" t="s">
        <v>120</v>
      </c>
      <c r="D45333" s="1" t="s">
        <v>154499</v>
      </c>
      <c r="E45333" s="1" t="s">
        <v>154500</v>
      </c>
      <c r="F45333" s="1" t="s">
        <v>154501</v>
      </c>
      <c r="G45333" s="1" t="s">
        <v>154429</v>
      </c>
      <c r="H45333" s="1" t="s">
        <v>154430</v>
      </c>
      <c r="I45333" s="1" t="s">
        <v>151905</v>
      </c>
      <c r="J45333" s="1" t="s">
        <v>154502</v>
      </c>
    </row>
    <row r="45334" spans="1:10" x14ac:dyDescent="0.35">
      <c r="A45334" s="1" t="s">
        <v>1985</v>
      </c>
      <c r="B45334" s="1" t="s">
        <v>151900</v>
      </c>
      <c r="C45334" s="1" t="s">
        <v>125</v>
      </c>
      <c r="D45334" s="1" t="s">
        <v>154503</v>
      </c>
      <c r="E45334" s="1" t="s">
        <v>154504</v>
      </c>
      <c r="F45334" s="1" t="s">
        <v>154505</v>
      </c>
      <c r="G45334" s="1" t="s">
        <v>154429</v>
      </c>
      <c r="H45334" s="1" t="s">
        <v>154430</v>
      </c>
      <c r="I45334" s="1" t="s">
        <v>151905</v>
      </c>
      <c r="J45334" s="1" t="s">
        <v>154506</v>
      </c>
    </row>
    <row r="45335" spans="1:10" x14ac:dyDescent="0.35">
      <c r="A45335" s="1" t="s">
        <v>1985</v>
      </c>
      <c r="B45335" s="1" t="s">
        <v>151900</v>
      </c>
      <c r="C45335" s="1" t="s">
        <v>130</v>
      </c>
      <c r="D45335" s="1" t="s">
        <v>154507</v>
      </c>
      <c r="E45335" s="1" t="s">
        <v>154508</v>
      </c>
      <c r="F45335" s="1" t="s">
        <v>154509</v>
      </c>
      <c r="G45335" s="1" t="s">
        <v>154429</v>
      </c>
      <c r="H45335" s="1" t="s">
        <v>154430</v>
      </c>
      <c r="I45335" s="1" t="s">
        <v>151905</v>
      </c>
      <c r="J45335" s="1" t="s">
        <v>154510</v>
      </c>
    </row>
    <row r="45336" spans="1:10" x14ac:dyDescent="0.35">
      <c r="A45336" s="1" t="s">
        <v>1985</v>
      </c>
      <c r="B45336" s="1" t="s">
        <v>151900</v>
      </c>
      <c r="C45336" s="1" t="s">
        <v>135</v>
      </c>
      <c r="D45336" s="1" t="s">
        <v>154511</v>
      </c>
      <c r="E45336" s="1" t="s">
        <v>154512</v>
      </c>
      <c r="F45336" s="1" t="s">
        <v>154513</v>
      </c>
      <c r="G45336" s="1" t="s">
        <v>154429</v>
      </c>
      <c r="H45336" s="1" t="s">
        <v>154430</v>
      </c>
      <c r="I45336" s="1" t="s">
        <v>151905</v>
      </c>
      <c r="J45336" s="1" t="s">
        <v>154514</v>
      </c>
    </row>
    <row r="45337" spans="1:10" x14ac:dyDescent="0.35">
      <c r="A45337" s="1" t="s">
        <v>1985</v>
      </c>
      <c r="B45337" s="1" t="s">
        <v>151900</v>
      </c>
      <c r="C45337" s="1" t="s">
        <v>140</v>
      </c>
      <c r="D45337" s="1" t="s">
        <v>97044</v>
      </c>
      <c r="E45337" s="1" t="s">
        <v>154515</v>
      </c>
      <c r="F45337" s="1" t="s">
        <v>154516</v>
      </c>
      <c r="G45337" s="1" t="s">
        <v>154429</v>
      </c>
      <c r="H45337" s="1" t="s">
        <v>154430</v>
      </c>
      <c r="I45337" s="1" t="s">
        <v>151905</v>
      </c>
      <c r="J45337" s="1" t="s">
        <v>154517</v>
      </c>
    </row>
    <row r="45338" spans="1:10" x14ac:dyDescent="0.35">
      <c r="A45338" s="1" t="s">
        <v>1985</v>
      </c>
      <c r="B45338" s="1" t="s">
        <v>151900</v>
      </c>
      <c r="C45338" s="1" t="s">
        <v>145</v>
      </c>
      <c r="D45338" s="1" t="s">
        <v>69370</v>
      </c>
      <c r="E45338" s="1" t="s">
        <v>154518</v>
      </c>
      <c r="F45338" s="1" t="s">
        <v>154519</v>
      </c>
      <c r="G45338" s="1" t="s">
        <v>154429</v>
      </c>
      <c r="H45338" s="1" t="s">
        <v>154430</v>
      </c>
      <c r="I45338" s="1" t="s">
        <v>151905</v>
      </c>
      <c r="J45338" s="1" t="s">
        <v>154520</v>
      </c>
    </row>
    <row r="45339" spans="1:10" x14ac:dyDescent="0.35">
      <c r="A45339" s="1" t="s">
        <v>1985</v>
      </c>
      <c r="B45339" s="1" t="s">
        <v>151900</v>
      </c>
      <c r="C45339" s="1" t="s">
        <v>150</v>
      </c>
      <c r="D45339" s="1" t="s">
        <v>154521</v>
      </c>
      <c r="E45339" s="1" t="s">
        <v>154522</v>
      </c>
      <c r="F45339" s="1" t="s">
        <v>154523</v>
      </c>
      <c r="G45339" s="1" t="s">
        <v>154429</v>
      </c>
      <c r="H45339" s="1" t="s">
        <v>154430</v>
      </c>
      <c r="I45339" s="1" t="s">
        <v>151905</v>
      </c>
      <c r="J45339" s="1" t="s">
        <v>154524</v>
      </c>
    </row>
    <row r="45340" spans="1:10" x14ac:dyDescent="0.35">
      <c r="A45340" s="1" t="s">
        <v>1985</v>
      </c>
      <c r="B45340" s="1" t="s">
        <v>151900</v>
      </c>
      <c r="C45340" s="1" t="s">
        <v>155</v>
      </c>
      <c r="D45340" s="1" t="s">
        <v>78557</v>
      </c>
      <c r="E45340" s="1" t="s">
        <v>154525</v>
      </c>
      <c r="F45340" s="1" t="s">
        <v>154526</v>
      </c>
      <c r="G45340" s="1" t="s">
        <v>154429</v>
      </c>
      <c r="H45340" s="1" t="s">
        <v>154430</v>
      </c>
      <c r="I45340" s="1" t="s">
        <v>151905</v>
      </c>
      <c r="J45340" s="1" t="s">
        <v>154527</v>
      </c>
    </row>
    <row r="45341" spans="1:10" x14ac:dyDescent="0.35">
      <c r="A45341" s="1" t="s">
        <v>1985</v>
      </c>
      <c r="B45341" s="1" t="s">
        <v>151900</v>
      </c>
      <c r="C45341" s="1" t="s">
        <v>160</v>
      </c>
      <c r="D45341" s="1" t="s">
        <v>154528</v>
      </c>
      <c r="E45341" s="1" t="s">
        <v>154529</v>
      </c>
      <c r="F45341" s="1" t="s">
        <v>154530</v>
      </c>
      <c r="G45341" s="1" t="s">
        <v>154429</v>
      </c>
      <c r="H45341" s="1" t="s">
        <v>154430</v>
      </c>
      <c r="I45341" s="1" t="s">
        <v>151905</v>
      </c>
      <c r="J45341" s="1" t="s">
        <v>154531</v>
      </c>
    </row>
    <row r="45342" spans="1:10" x14ac:dyDescent="0.35">
      <c r="A45342" s="1" t="s">
        <v>1985</v>
      </c>
      <c r="B45342" s="1" t="s">
        <v>151900</v>
      </c>
      <c r="C45342" s="1" t="s">
        <v>165</v>
      </c>
      <c r="D45342" s="1" t="s">
        <v>78413</v>
      </c>
      <c r="E45342" s="1" t="s">
        <v>154532</v>
      </c>
      <c r="F45342" s="1" t="s">
        <v>154533</v>
      </c>
      <c r="G45342" s="1" t="s">
        <v>154429</v>
      </c>
      <c r="H45342" s="1" t="s">
        <v>154430</v>
      </c>
      <c r="I45342" s="1" t="s">
        <v>151905</v>
      </c>
      <c r="J45342" s="1" t="s">
        <v>154534</v>
      </c>
    </row>
    <row r="45343" spans="1:10" x14ac:dyDescent="0.35">
      <c r="A45343" s="1" t="s">
        <v>1985</v>
      </c>
      <c r="B45343" s="1" t="s">
        <v>151900</v>
      </c>
      <c r="C45343" s="1" t="s">
        <v>170</v>
      </c>
      <c r="D45343" s="1" t="s">
        <v>42718</v>
      </c>
      <c r="E45343" s="1" t="s">
        <v>154535</v>
      </c>
      <c r="F45343" s="1" t="s">
        <v>154536</v>
      </c>
      <c r="G45343" s="1" t="s">
        <v>154429</v>
      </c>
      <c r="H45343" s="1" t="s">
        <v>154430</v>
      </c>
      <c r="I45343" s="1" t="s">
        <v>151905</v>
      </c>
      <c r="J45343" s="1" t="s">
        <v>154537</v>
      </c>
    </row>
    <row r="45344" spans="1:10" x14ac:dyDescent="0.35">
      <c r="A45344" s="1" t="s">
        <v>1201</v>
      </c>
      <c r="B45344" s="1" t="s">
        <v>151900</v>
      </c>
      <c r="C45344" s="1" t="s">
        <v>8</v>
      </c>
      <c r="D45344" s="1" t="s">
        <v>154538</v>
      </c>
      <c r="E45344" s="1" t="s">
        <v>154539</v>
      </c>
      <c r="F45344" s="1" t="s">
        <v>154540</v>
      </c>
      <c r="G45344" s="1" t="s">
        <v>154541</v>
      </c>
      <c r="H45344" s="1" t="s">
        <v>154542</v>
      </c>
      <c r="I45344" s="1" t="s">
        <v>151905</v>
      </c>
      <c r="J45344" s="1" t="s">
        <v>13</v>
      </c>
    </row>
    <row r="45345" spans="1:10" x14ac:dyDescent="0.35">
      <c r="A45345" s="1" t="s">
        <v>1201</v>
      </c>
      <c r="B45345" s="1" t="s">
        <v>151900</v>
      </c>
      <c r="C45345" s="1" t="s">
        <v>15</v>
      </c>
      <c r="D45345" s="1" t="s">
        <v>113192</v>
      </c>
      <c r="E45345" s="1" t="s">
        <v>154543</v>
      </c>
      <c r="F45345" s="1" t="s">
        <v>154544</v>
      </c>
      <c r="G45345" s="1" t="s">
        <v>154541</v>
      </c>
      <c r="H45345" s="1" t="s">
        <v>154542</v>
      </c>
      <c r="I45345" s="1" t="s">
        <v>151905</v>
      </c>
      <c r="J45345" s="1" t="s">
        <v>154545</v>
      </c>
    </row>
    <row r="45346" spans="1:10" x14ac:dyDescent="0.35">
      <c r="A45346" s="1" t="s">
        <v>1201</v>
      </c>
      <c r="B45346" s="1" t="s">
        <v>151900</v>
      </c>
      <c r="C45346" s="1" t="s">
        <v>20</v>
      </c>
      <c r="D45346" s="1" t="s">
        <v>154546</v>
      </c>
      <c r="E45346" s="1" t="s">
        <v>154547</v>
      </c>
      <c r="F45346" s="1" t="s">
        <v>154548</v>
      </c>
      <c r="G45346" s="1" t="s">
        <v>154541</v>
      </c>
      <c r="H45346" s="1" t="s">
        <v>154542</v>
      </c>
      <c r="I45346" s="1" t="s">
        <v>151905</v>
      </c>
      <c r="J45346" s="1" t="s">
        <v>154549</v>
      </c>
    </row>
    <row r="45347" spans="1:10" x14ac:dyDescent="0.35">
      <c r="A45347" s="1" t="s">
        <v>1201</v>
      </c>
      <c r="B45347" s="1" t="s">
        <v>151900</v>
      </c>
      <c r="C45347" s="1" t="s">
        <v>25</v>
      </c>
      <c r="D45347" s="1" t="s">
        <v>154550</v>
      </c>
      <c r="E45347" s="1" t="s">
        <v>154551</v>
      </c>
      <c r="F45347" s="1" t="s">
        <v>154552</v>
      </c>
      <c r="G45347" s="1" t="s">
        <v>154541</v>
      </c>
      <c r="H45347" s="1" t="s">
        <v>154542</v>
      </c>
      <c r="I45347" s="1" t="s">
        <v>151905</v>
      </c>
      <c r="J45347" s="1" t="s">
        <v>154553</v>
      </c>
    </row>
    <row r="45348" spans="1:10" x14ac:dyDescent="0.35">
      <c r="A45348" s="1" t="s">
        <v>1201</v>
      </c>
      <c r="B45348" s="1" t="s">
        <v>151900</v>
      </c>
      <c r="C45348" s="1" t="s">
        <v>30</v>
      </c>
      <c r="D45348" s="1" t="s">
        <v>154554</v>
      </c>
      <c r="E45348" s="1" t="s">
        <v>154555</v>
      </c>
      <c r="F45348" s="1" t="s">
        <v>154556</v>
      </c>
      <c r="G45348" s="1" t="s">
        <v>154541</v>
      </c>
      <c r="H45348" s="1" t="s">
        <v>154542</v>
      </c>
      <c r="I45348" s="1" t="s">
        <v>151905</v>
      </c>
      <c r="J45348" s="1" t="s">
        <v>154557</v>
      </c>
    </row>
    <row r="45349" spans="1:10" x14ac:dyDescent="0.35">
      <c r="A45349" s="1" t="s">
        <v>1201</v>
      </c>
      <c r="B45349" s="1" t="s">
        <v>151900</v>
      </c>
      <c r="C45349" s="1" t="s">
        <v>35</v>
      </c>
      <c r="D45349" s="1" t="s">
        <v>154558</v>
      </c>
      <c r="E45349" s="1" t="s">
        <v>154559</v>
      </c>
      <c r="F45349" s="1" t="s">
        <v>154560</v>
      </c>
      <c r="G45349" s="1" t="s">
        <v>154541</v>
      </c>
      <c r="H45349" s="1" t="s">
        <v>154542</v>
      </c>
      <c r="I45349" s="1" t="s">
        <v>151905</v>
      </c>
      <c r="J45349" s="1" t="s">
        <v>154561</v>
      </c>
    </row>
    <row r="45350" spans="1:10" x14ac:dyDescent="0.35">
      <c r="A45350" s="1" t="s">
        <v>1201</v>
      </c>
      <c r="B45350" s="1" t="s">
        <v>151900</v>
      </c>
      <c r="C45350" s="1" t="s">
        <v>40</v>
      </c>
      <c r="D45350" s="1" t="s">
        <v>70690</v>
      </c>
      <c r="E45350" s="1" t="s">
        <v>154562</v>
      </c>
      <c r="F45350" s="1" t="s">
        <v>154563</v>
      </c>
      <c r="G45350" s="1" t="s">
        <v>154541</v>
      </c>
      <c r="H45350" s="1" t="s">
        <v>154542</v>
      </c>
      <c r="I45350" s="1" t="s">
        <v>151905</v>
      </c>
      <c r="J45350" s="1" t="s">
        <v>154564</v>
      </c>
    </row>
    <row r="45351" spans="1:10" x14ac:dyDescent="0.35">
      <c r="A45351" s="1" t="s">
        <v>1201</v>
      </c>
      <c r="B45351" s="1" t="s">
        <v>151900</v>
      </c>
      <c r="C45351" s="1" t="s">
        <v>45</v>
      </c>
      <c r="D45351" s="1" t="s">
        <v>75260</v>
      </c>
      <c r="E45351" s="1" t="s">
        <v>154565</v>
      </c>
      <c r="F45351" s="1" t="s">
        <v>154566</v>
      </c>
      <c r="G45351" s="1" t="s">
        <v>154541</v>
      </c>
      <c r="H45351" s="1" t="s">
        <v>154542</v>
      </c>
      <c r="I45351" s="1" t="s">
        <v>151905</v>
      </c>
      <c r="J45351" s="1" t="s">
        <v>154567</v>
      </c>
    </row>
    <row r="45352" spans="1:10" x14ac:dyDescent="0.35">
      <c r="A45352" s="1" t="s">
        <v>1201</v>
      </c>
      <c r="B45352" s="1" t="s">
        <v>151900</v>
      </c>
      <c r="C45352" s="1" t="s">
        <v>50</v>
      </c>
      <c r="D45352" s="1" t="s">
        <v>75168</v>
      </c>
      <c r="E45352" s="1" t="s">
        <v>154568</v>
      </c>
      <c r="F45352" s="1" t="s">
        <v>154569</v>
      </c>
      <c r="G45352" s="1" t="s">
        <v>154541</v>
      </c>
      <c r="H45352" s="1" t="s">
        <v>154542</v>
      </c>
      <c r="I45352" s="1" t="s">
        <v>151905</v>
      </c>
      <c r="J45352" s="1" t="s">
        <v>154570</v>
      </c>
    </row>
    <row r="45353" spans="1:10" x14ac:dyDescent="0.35">
      <c r="A45353" s="1" t="s">
        <v>1201</v>
      </c>
      <c r="B45353" s="1" t="s">
        <v>151900</v>
      </c>
      <c r="C45353" s="1" t="s">
        <v>55</v>
      </c>
      <c r="D45353" s="1" t="s">
        <v>154571</v>
      </c>
      <c r="E45353" s="1" t="s">
        <v>154572</v>
      </c>
      <c r="F45353" s="1" t="s">
        <v>154573</v>
      </c>
      <c r="G45353" s="1" t="s">
        <v>154541</v>
      </c>
      <c r="H45353" s="1" t="s">
        <v>154542</v>
      </c>
      <c r="I45353" s="1" t="s">
        <v>151905</v>
      </c>
      <c r="J45353" s="1" t="s">
        <v>154574</v>
      </c>
    </row>
    <row r="45354" spans="1:10" x14ac:dyDescent="0.35">
      <c r="A45354" s="1" t="s">
        <v>1201</v>
      </c>
      <c r="B45354" s="1" t="s">
        <v>151900</v>
      </c>
      <c r="C45354" s="1" t="s">
        <v>60</v>
      </c>
      <c r="D45354" s="1" t="s">
        <v>154575</v>
      </c>
      <c r="E45354" s="1" t="s">
        <v>154576</v>
      </c>
      <c r="F45354" s="1" t="s">
        <v>154577</v>
      </c>
      <c r="G45354" s="1" t="s">
        <v>154541</v>
      </c>
      <c r="H45354" s="1" t="s">
        <v>154542</v>
      </c>
      <c r="I45354" s="1" t="s">
        <v>151905</v>
      </c>
      <c r="J45354" s="1" t="s">
        <v>154578</v>
      </c>
    </row>
    <row r="45355" spans="1:10" x14ac:dyDescent="0.35">
      <c r="A45355" s="1" t="s">
        <v>1201</v>
      </c>
      <c r="B45355" s="1" t="s">
        <v>151900</v>
      </c>
      <c r="C45355" s="1" t="s">
        <v>65</v>
      </c>
      <c r="D45355" s="1" t="s">
        <v>154579</v>
      </c>
      <c r="E45355" s="1" t="s">
        <v>154580</v>
      </c>
      <c r="F45355" s="1" t="s">
        <v>154581</v>
      </c>
      <c r="G45355" s="1" t="s">
        <v>154541</v>
      </c>
      <c r="H45355" s="1" t="s">
        <v>154542</v>
      </c>
      <c r="I45355" s="1" t="s">
        <v>151905</v>
      </c>
      <c r="J45355" s="1" t="s">
        <v>154582</v>
      </c>
    </row>
    <row r="45356" spans="1:10" x14ac:dyDescent="0.35">
      <c r="A45356" s="1" t="s">
        <v>1201</v>
      </c>
      <c r="B45356" s="1" t="s">
        <v>151900</v>
      </c>
      <c r="C45356" s="1" t="s">
        <v>70</v>
      </c>
      <c r="D45356" s="1" t="s">
        <v>33234</v>
      </c>
      <c r="E45356" s="1" t="s">
        <v>154583</v>
      </c>
      <c r="F45356" s="1" t="s">
        <v>154584</v>
      </c>
      <c r="G45356" s="1" t="s">
        <v>154541</v>
      </c>
      <c r="H45356" s="1" t="s">
        <v>154542</v>
      </c>
      <c r="I45356" s="1" t="s">
        <v>151905</v>
      </c>
      <c r="J45356" s="1" t="s">
        <v>154585</v>
      </c>
    </row>
    <row r="45357" spans="1:10" x14ac:dyDescent="0.35">
      <c r="A45357" s="1" t="s">
        <v>1201</v>
      </c>
      <c r="B45357" s="1" t="s">
        <v>151900</v>
      </c>
      <c r="C45357" s="1" t="s">
        <v>75</v>
      </c>
      <c r="D45357" s="1" t="s">
        <v>34123</v>
      </c>
      <c r="E45357" s="1" t="s">
        <v>154586</v>
      </c>
      <c r="F45357" s="1" t="s">
        <v>154587</v>
      </c>
      <c r="G45357" s="1" t="s">
        <v>154541</v>
      </c>
      <c r="H45357" s="1" t="s">
        <v>154542</v>
      </c>
      <c r="I45357" s="1" t="s">
        <v>151905</v>
      </c>
      <c r="J45357" s="1" t="s">
        <v>154588</v>
      </c>
    </row>
    <row r="45358" spans="1:10" x14ac:dyDescent="0.35">
      <c r="A45358" s="1" t="s">
        <v>1201</v>
      </c>
      <c r="B45358" s="1" t="s">
        <v>151900</v>
      </c>
      <c r="C45358" s="1" t="s">
        <v>80</v>
      </c>
      <c r="D45358" s="1" t="s">
        <v>154589</v>
      </c>
      <c r="E45358" s="1" t="s">
        <v>154590</v>
      </c>
      <c r="F45358" s="1" t="s">
        <v>154591</v>
      </c>
      <c r="G45358" s="1" t="s">
        <v>154541</v>
      </c>
      <c r="H45358" s="1" t="s">
        <v>154542</v>
      </c>
      <c r="I45358" s="1" t="s">
        <v>151905</v>
      </c>
      <c r="J45358" s="1" t="s">
        <v>154592</v>
      </c>
    </row>
    <row r="45359" spans="1:10" x14ac:dyDescent="0.35">
      <c r="A45359" s="1" t="s">
        <v>1201</v>
      </c>
      <c r="B45359" s="1" t="s">
        <v>151900</v>
      </c>
      <c r="C45359" s="1" t="s">
        <v>85</v>
      </c>
      <c r="D45359" s="1" t="s">
        <v>154593</v>
      </c>
      <c r="E45359" s="1" t="s">
        <v>154594</v>
      </c>
      <c r="F45359" s="1" t="s">
        <v>154595</v>
      </c>
      <c r="G45359" s="1" t="s">
        <v>154541</v>
      </c>
      <c r="H45359" s="1" t="s">
        <v>154542</v>
      </c>
      <c r="I45359" s="1" t="s">
        <v>151905</v>
      </c>
      <c r="J45359" s="1" t="s">
        <v>154596</v>
      </c>
    </row>
    <row r="45360" spans="1:10" x14ac:dyDescent="0.35">
      <c r="A45360" s="1" t="s">
        <v>1201</v>
      </c>
      <c r="B45360" s="1" t="s">
        <v>151900</v>
      </c>
      <c r="C45360" s="1" t="s">
        <v>90</v>
      </c>
      <c r="D45360" s="1" t="s">
        <v>154597</v>
      </c>
      <c r="E45360" s="1" t="s">
        <v>154598</v>
      </c>
      <c r="F45360" s="1" t="s">
        <v>154599</v>
      </c>
      <c r="G45360" s="1" t="s">
        <v>154541</v>
      </c>
      <c r="H45360" s="1" t="s">
        <v>154542</v>
      </c>
      <c r="I45360" s="1" t="s">
        <v>151905</v>
      </c>
      <c r="J45360" s="1" t="s">
        <v>154600</v>
      </c>
    </row>
    <row r="45361" spans="1:10" x14ac:dyDescent="0.35">
      <c r="A45361" s="1" t="s">
        <v>1201</v>
      </c>
      <c r="B45361" s="1" t="s">
        <v>151900</v>
      </c>
      <c r="C45361" s="1" t="s">
        <v>95</v>
      </c>
      <c r="D45361" s="1" t="s">
        <v>154601</v>
      </c>
      <c r="E45361" s="1" t="s">
        <v>154602</v>
      </c>
      <c r="F45361" s="1" t="s">
        <v>154603</v>
      </c>
      <c r="G45361" s="1" t="s">
        <v>154541</v>
      </c>
      <c r="H45361" s="1" t="s">
        <v>154542</v>
      </c>
      <c r="I45361" s="1" t="s">
        <v>151905</v>
      </c>
      <c r="J45361" s="1" t="s">
        <v>154604</v>
      </c>
    </row>
    <row r="45362" spans="1:10" x14ac:dyDescent="0.35">
      <c r="A45362" s="1" t="s">
        <v>1201</v>
      </c>
      <c r="B45362" s="1" t="s">
        <v>151900</v>
      </c>
      <c r="C45362" s="1" t="s">
        <v>100</v>
      </c>
      <c r="D45362" s="1" t="s">
        <v>154605</v>
      </c>
      <c r="E45362" s="1" t="s">
        <v>154606</v>
      </c>
      <c r="F45362" s="1" t="s">
        <v>154607</v>
      </c>
      <c r="G45362" s="1" t="s">
        <v>154541</v>
      </c>
      <c r="H45362" s="1" t="s">
        <v>154542</v>
      </c>
      <c r="I45362" s="1" t="s">
        <v>151905</v>
      </c>
      <c r="J45362" s="1" t="s">
        <v>154608</v>
      </c>
    </row>
    <row r="45363" spans="1:10" x14ac:dyDescent="0.35">
      <c r="A45363" s="1" t="s">
        <v>1201</v>
      </c>
      <c r="B45363" s="1" t="s">
        <v>151900</v>
      </c>
      <c r="C45363" s="1" t="s">
        <v>105</v>
      </c>
      <c r="D45363" s="1" t="s">
        <v>141916</v>
      </c>
      <c r="E45363" s="1" t="s">
        <v>154609</v>
      </c>
      <c r="F45363" s="1" t="s">
        <v>154610</v>
      </c>
      <c r="G45363" s="1" t="s">
        <v>154541</v>
      </c>
      <c r="H45363" s="1" t="s">
        <v>154542</v>
      </c>
      <c r="I45363" s="1" t="s">
        <v>151905</v>
      </c>
      <c r="J45363" s="1" t="s">
        <v>154611</v>
      </c>
    </row>
    <row r="45364" spans="1:10" x14ac:dyDescent="0.35">
      <c r="A45364" s="1" t="s">
        <v>1201</v>
      </c>
      <c r="B45364" s="1" t="s">
        <v>151900</v>
      </c>
      <c r="C45364" s="1" t="s">
        <v>110</v>
      </c>
      <c r="D45364" s="1" t="s">
        <v>112830</v>
      </c>
      <c r="E45364" s="1" t="s">
        <v>154612</v>
      </c>
      <c r="F45364" s="1" t="s">
        <v>154613</v>
      </c>
      <c r="G45364" s="1" t="s">
        <v>154541</v>
      </c>
      <c r="H45364" s="1" t="s">
        <v>154542</v>
      </c>
      <c r="I45364" s="1" t="s">
        <v>151905</v>
      </c>
      <c r="J45364" s="1" t="s">
        <v>154614</v>
      </c>
    </row>
    <row r="45365" spans="1:10" x14ac:dyDescent="0.35">
      <c r="A45365" s="1" t="s">
        <v>1201</v>
      </c>
      <c r="B45365" s="1" t="s">
        <v>151900</v>
      </c>
      <c r="C45365" s="1" t="s">
        <v>115</v>
      </c>
      <c r="D45365" s="1" t="s">
        <v>154615</v>
      </c>
      <c r="E45365" s="1" t="s">
        <v>154616</v>
      </c>
      <c r="F45365" s="1" t="s">
        <v>154617</v>
      </c>
      <c r="G45365" s="1" t="s">
        <v>154541</v>
      </c>
      <c r="H45365" s="1" t="s">
        <v>154542</v>
      </c>
      <c r="I45365" s="1" t="s">
        <v>151905</v>
      </c>
      <c r="J45365" s="1" t="s">
        <v>154618</v>
      </c>
    </row>
    <row r="45366" spans="1:10" x14ac:dyDescent="0.35">
      <c r="A45366" s="1" t="s">
        <v>1201</v>
      </c>
      <c r="B45366" s="1" t="s">
        <v>151900</v>
      </c>
      <c r="C45366" s="1" t="s">
        <v>120</v>
      </c>
      <c r="D45366" s="1" t="s">
        <v>154619</v>
      </c>
      <c r="E45366" s="1" t="s">
        <v>154620</v>
      </c>
      <c r="F45366" s="1" t="s">
        <v>154621</v>
      </c>
      <c r="G45366" s="1" t="s">
        <v>154541</v>
      </c>
      <c r="H45366" s="1" t="s">
        <v>154542</v>
      </c>
      <c r="I45366" s="1" t="s">
        <v>151905</v>
      </c>
      <c r="J45366" s="1" t="s">
        <v>154622</v>
      </c>
    </row>
    <row r="45367" spans="1:10" x14ac:dyDescent="0.35">
      <c r="A45367" s="1" t="s">
        <v>1201</v>
      </c>
      <c r="B45367" s="1" t="s">
        <v>151900</v>
      </c>
      <c r="C45367" s="1" t="s">
        <v>125</v>
      </c>
      <c r="D45367" s="1" t="s">
        <v>17534</v>
      </c>
      <c r="E45367" s="1" t="s">
        <v>154623</v>
      </c>
      <c r="F45367" s="1" t="s">
        <v>154624</v>
      </c>
      <c r="G45367" s="1" t="s">
        <v>154541</v>
      </c>
      <c r="H45367" s="1" t="s">
        <v>154542</v>
      </c>
      <c r="I45367" s="1" t="s">
        <v>151905</v>
      </c>
      <c r="J45367" s="1" t="s">
        <v>154625</v>
      </c>
    </row>
    <row r="45368" spans="1:10" x14ac:dyDescent="0.35">
      <c r="A45368" s="1" t="s">
        <v>1201</v>
      </c>
      <c r="B45368" s="1" t="s">
        <v>151900</v>
      </c>
      <c r="C45368" s="1" t="s">
        <v>130</v>
      </c>
      <c r="D45368" s="1" t="s">
        <v>76077</v>
      </c>
      <c r="E45368" s="1" t="s">
        <v>154626</v>
      </c>
      <c r="F45368" s="1" t="s">
        <v>154627</v>
      </c>
      <c r="G45368" s="1" t="s">
        <v>154541</v>
      </c>
      <c r="H45368" s="1" t="s">
        <v>154542</v>
      </c>
      <c r="I45368" s="1" t="s">
        <v>151905</v>
      </c>
      <c r="J45368" s="1" t="s">
        <v>154628</v>
      </c>
    </row>
    <row r="45369" spans="1:10" x14ac:dyDescent="0.35">
      <c r="A45369" s="1" t="s">
        <v>1201</v>
      </c>
      <c r="B45369" s="1" t="s">
        <v>151900</v>
      </c>
      <c r="C45369" s="1" t="s">
        <v>135</v>
      </c>
      <c r="D45369" s="1" t="s">
        <v>38710</v>
      </c>
      <c r="E45369" s="1" t="s">
        <v>154629</v>
      </c>
      <c r="F45369" s="1" t="s">
        <v>154630</v>
      </c>
      <c r="G45369" s="1" t="s">
        <v>154541</v>
      </c>
      <c r="H45369" s="1" t="s">
        <v>154542</v>
      </c>
      <c r="I45369" s="1" t="s">
        <v>151905</v>
      </c>
      <c r="J45369" s="1" t="s">
        <v>154631</v>
      </c>
    </row>
    <row r="45370" spans="1:10" x14ac:dyDescent="0.35">
      <c r="A45370" s="1" t="s">
        <v>1201</v>
      </c>
      <c r="B45370" s="1" t="s">
        <v>151900</v>
      </c>
      <c r="C45370" s="1" t="s">
        <v>140</v>
      </c>
      <c r="D45370" s="1" t="s">
        <v>154632</v>
      </c>
      <c r="E45370" s="1" t="s">
        <v>154633</v>
      </c>
      <c r="F45370" s="1" t="s">
        <v>154634</v>
      </c>
      <c r="G45370" s="1" t="s">
        <v>154541</v>
      </c>
      <c r="H45370" s="1" t="s">
        <v>154542</v>
      </c>
      <c r="I45370" s="1" t="s">
        <v>151905</v>
      </c>
      <c r="J45370" s="1" t="s">
        <v>154635</v>
      </c>
    </row>
    <row r="45371" spans="1:10" x14ac:dyDescent="0.35">
      <c r="A45371" s="1" t="s">
        <v>1201</v>
      </c>
      <c r="B45371" s="1" t="s">
        <v>151900</v>
      </c>
      <c r="C45371" s="1" t="s">
        <v>145</v>
      </c>
      <c r="D45371" s="1" t="s">
        <v>141010</v>
      </c>
      <c r="E45371" s="1" t="s">
        <v>154636</v>
      </c>
      <c r="F45371" s="1" t="s">
        <v>154637</v>
      </c>
      <c r="G45371" s="1" t="s">
        <v>154541</v>
      </c>
      <c r="H45371" s="1" t="s">
        <v>154542</v>
      </c>
      <c r="I45371" s="1" t="s">
        <v>151905</v>
      </c>
      <c r="J45371" s="1" t="s">
        <v>154638</v>
      </c>
    </row>
    <row r="45372" spans="1:10" x14ac:dyDescent="0.35">
      <c r="A45372" s="1" t="s">
        <v>1201</v>
      </c>
      <c r="B45372" s="1" t="s">
        <v>151900</v>
      </c>
      <c r="C45372" s="1" t="s">
        <v>150</v>
      </c>
      <c r="D45372" s="1" t="s">
        <v>154639</v>
      </c>
      <c r="E45372" s="1" t="s">
        <v>154640</v>
      </c>
      <c r="F45372" s="1" t="s">
        <v>154641</v>
      </c>
      <c r="G45372" s="1" t="s">
        <v>154541</v>
      </c>
      <c r="H45372" s="1" t="s">
        <v>154542</v>
      </c>
      <c r="I45372" s="1" t="s">
        <v>151905</v>
      </c>
      <c r="J45372" s="1" t="s">
        <v>154642</v>
      </c>
    </row>
    <row r="45373" spans="1:10" x14ac:dyDescent="0.35">
      <c r="A45373" s="1" t="s">
        <v>1201</v>
      </c>
      <c r="B45373" s="1" t="s">
        <v>151900</v>
      </c>
      <c r="C45373" s="1" t="s">
        <v>155</v>
      </c>
      <c r="D45373" s="1" t="s">
        <v>65041</v>
      </c>
      <c r="E45373" s="1" t="s">
        <v>154643</v>
      </c>
      <c r="F45373" s="1" t="s">
        <v>154644</v>
      </c>
      <c r="G45373" s="1" t="s">
        <v>154541</v>
      </c>
      <c r="H45373" s="1" t="s">
        <v>154542</v>
      </c>
      <c r="I45373" s="1" t="s">
        <v>151905</v>
      </c>
      <c r="J45373" s="1" t="s">
        <v>154645</v>
      </c>
    </row>
    <row r="45374" spans="1:10" x14ac:dyDescent="0.35">
      <c r="A45374" s="1" t="s">
        <v>1201</v>
      </c>
      <c r="B45374" s="1" t="s">
        <v>151900</v>
      </c>
      <c r="C45374" s="1" t="s">
        <v>160</v>
      </c>
      <c r="D45374" s="1" t="s">
        <v>152805</v>
      </c>
      <c r="E45374" s="1" t="s">
        <v>154646</v>
      </c>
      <c r="F45374" s="1" t="s">
        <v>154647</v>
      </c>
      <c r="G45374" s="1" t="s">
        <v>154541</v>
      </c>
      <c r="H45374" s="1" t="s">
        <v>154542</v>
      </c>
      <c r="I45374" s="1" t="s">
        <v>151905</v>
      </c>
      <c r="J45374" s="1" t="s">
        <v>154648</v>
      </c>
    </row>
    <row r="45375" spans="1:10" x14ac:dyDescent="0.35">
      <c r="A45375" s="1" t="s">
        <v>1201</v>
      </c>
      <c r="B45375" s="1" t="s">
        <v>151900</v>
      </c>
      <c r="C45375" s="1" t="s">
        <v>165</v>
      </c>
      <c r="D45375" s="1" t="s">
        <v>154649</v>
      </c>
      <c r="E45375" s="1" t="s">
        <v>154650</v>
      </c>
      <c r="F45375" s="1" t="s">
        <v>154651</v>
      </c>
      <c r="G45375" s="1" t="s">
        <v>154541</v>
      </c>
      <c r="H45375" s="1" t="s">
        <v>154542</v>
      </c>
      <c r="I45375" s="1" t="s">
        <v>151905</v>
      </c>
      <c r="J45375" s="1" t="s">
        <v>154652</v>
      </c>
    </row>
    <row r="45376" spans="1:10" x14ac:dyDescent="0.35">
      <c r="A45376" s="1" t="s">
        <v>1201</v>
      </c>
      <c r="B45376" s="1" t="s">
        <v>151900</v>
      </c>
      <c r="C45376" s="1" t="s">
        <v>170</v>
      </c>
      <c r="D45376" s="1" t="s">
        <v>107255</v>
      </c>
      <c r="E45376" s="1" t="s">
        <v>154653</v>
      </c>
      <c r="F45376" s="1" t="s">
        <v>154654</v>
      </c>
      <c r="G45376" s="1" t="s">
        <v>154541</v>
      </c>
      <c r="H45376" s="1" t="s">
        <v>154542</v>
      </c>
      <c r="I45376" s="1" t="s">
        <v>151905</v>
      </c>
      <c r="J45376" s="1" t="s">
        <v>154655</v>
      </c>
    </row>
    <row r="45377" spans="1:10" x14ac:dyDescent="0.35">
      <c r="A45377" s="1" t="s">
        <v>3585</v>
      </c>
      <c r="B45377" s="1" t="s">
        <v>151900</v>
      </c>
      <c r="C45377" s="1" t="s">
        <v>8</v>
      </c>
      <c r="D45377" s="1" t="s">
        <v>154656</v>
      </c>
      <c r="E45377" s="1" t="s">
        <v>154657</v>
      </c>
      <c r="F45377" s="1" t="s">
        <v>154658</v>
      </c>
      <c r="G45377" s="1" t="s">
        <v>154659</v>
      </c>
      <c r="H45377" s="1" t="s">
        <v>154660</v>
      </c>
      <c r="I45377" s="1" t="s">
        <v>151905</v>
      </c>
      <c r="J45377" s="1" t="s">
        <v>13</v>
      </c>
    </row>
    <row r="45378" spans="1:10" x14ac:dyDescent="0.35">
      <c r="A45378" s="1" t="s">
        <v>3585</v>
      </c>
      <c r="B45378" s="1" t="s">
        <v>151900</v>
      </c>
      <c r="C45378" s="1" t="s">
        <v>15</v>
      </c>
      <c r="D45378" s="1" t="s">
        <v>154661</v>
      </c>
      <c r="E45378" s="1" t="s">
        <v>154662</v>
      </c>
      <c r="F45378" s="1" t="s">
        <v>154663</v>
      </c>
      <c r="G45378" s="1" t="s">
        <v>154659</v>
      </c>
      <c r="H45378" s="1" t="s">
        <v>154660</v>
      </c>
      <c r="I45378" s="1" t="s">
        <v>151905</v>
      </c>
      <c r="J45378" s="1" t="s">
        <v>154664</v>
      </c>
    </row>
    <row r="45379" spans="1:10" x14ac:dyDescent="0.35">
      <c r="A45379" s="1" t="s">
        <v>3585</v>
      </c>
      <c r="B45379" s="1" t="s">
        <v>151900</v>
      </c>
      <c r="C45379" s="1" t="s">
        <v>20</v>
      </c>
      <c r="D45379" s="1" t="s">
        <v>154665</v>
      </c>
      <c r="E45379" s="1" t="s">
        <v>154666</v>
      </c>
      <c r="F45379" s="1" t="s">
        <v>154667</v>
      </c>
      <c r="G45379" s="1" t="s">
        <v>154659</v>
      </c>
      <c r="H45379" s="1" t="s">
        <v>154660</v>
      </c>
      <c r="I45379" s="1" t="s">
        <v>151905</v>
      </c>
      <c r="J45379" s="1" t="s">
        <v>154668</v>
      </c>
    </row>
    <row r="45380" spans="1:10" x14ac:dyDescent="0.35">
      <c r="A45380" s="1" t="s">
        <v>3585</v>
      </c>
      <c r="B45380" s="1" t="s">
        <v>151900</v>
      </c>
      <c r="C45380" s="1" t="s">
        <v>25</v>
      </c>
      <c r="D45380" s="1" t="s">
        <v>16259</v>
      </c>
      <c r="E45380" s="1" t="s">
        <v>154669</v>
      </c>
      <c r="F45380" s="1" t="s">
        <v>154670</v>
      </c>
      <c r="G45380" s="1" t="s">
        <v>154659</v>
      </c>
      <c r="H45380" s="1" t="s">
        <v>154660</v>
      </c>
      <c r="I45380" s="1" t="s">
        <v>151905</v>
      </c>
      <c r="J45380" s="1" t="s">
        <v>154671</v>
      </c>
    </row>
    <row r="45381" spans="1:10" x14ac:dyDescent="0.35">
      <c r="A45381" s="1" t="s">
        <v>3585</v>
      </c>
      <c r="B45381" s="1" t="s">
        <v>151900</v>
      </c>
      <c r="C45381" s="1" t="s">
        <v>30</v>
      </c>
      <c r="D45381" s="1" t="s">
        <v>3818</v>
      </c>
      <c r="E45381" s="1" t="s">
        <v>154672</v>
      </c>
      <c r="F45381" s="1" t="s">
        <v>154673</v>
      </c>
      <c r="G45381" s="1" t="s">
        <v>154659</v>
      </c>
      <c r="H45381" s="1" t="s">
        <v>154660</v>
      </c>
      <c r="I45381" s="1" t="s">
        <v>151905</v>
      </c>
      <c r="J45381" s="1" t="s">
        <v>154674</v>
      </c>
    </row>
    <row r="45382" spans="1:10" x14ac:dyDescent="0.35">
      <c r="A45382" s="1" t="s">
        <v>3585</v>
      </c>
      <c r="B45382" s="1" t="s">
        <v>151900</v>
      </c>
      <c r="C45382" s="1" t="s">
        <v>35</v>
      </c>
      <c r="D45382" s="1" t="s">
        <v>154675</v>
      </c>
      <c r="E45382" s="1" t="s">
        <v>154676</v>
      </c>
      <c r="F45382" s="1" t="s">
        <v>154677</v>
      </c>
      <c r="G45382" s="1" t="s">
        <v>154659</v>
      </c>
      <c r="H45382" s="1" t="s">
        <v>154660</v>
      </c>
      <c r="I45382" s="1" t="s">
        <v>151905</v>
      </c>
      <c r="J45382" s="1" t="s">
        <v>154678</v>
      </c>
    </row>
    <row r="45383" spans="1:10" x14ac:dyDescent="0.35">
      <c r="A45383" s="1" t="s">
        <v>3585</v>
      </c>
      <c r="B45383" s="1" t="s">
        <v>151900</v>
      </c>
      <c r="C45383" s="1" t="s">
        <v>40</v>
      </c>
      <c r="D45383" s="1" t="s">
        <v>75172</v>
      </c>
      <c r="E45383" s="1" t="s">
        <v>154679</v>
      </c>
      <c r="F45383" s="1" t="s">
        <v>82862</v>
      </c>
      <c r="G45383" s="1" t="s">
        <v>154659</v>
      </c>
      <c r="H45383" s="1" t="s">
        <v>154660</v>
      </c>
      <c r="I45383" s="1" t="s">
        <v>151905</v>
      </c>
      <c r="J45383" s="1" t="s">
        <v>154680</v>
      </c>
    </row>
    <row r="45384" spans="1:10" x14ac:dyDescent="0.35">
      <c r="A45384" s="1" t="s">
        <v>3585</v>
      </c>
      <c r="B45384" s="1" t="s">
        <v>151900</v>
      </c>
      <c r="C45384" s="1" t="s">
        <v>45</v>
      </c>
      <c r="D45384" s="1" t="s">
        <v>154681</v>
      </c>
      <c r="E45384" s="1" t="s">
        <v>154682</v>
      </c>
      <c r="F45384" s="1" t="s">
        <v>154683</v>
      </c>
      <c r="G45384" s="1" t="s">
        <v>154659</v>
      </c>
      <c r="H45384" s="1" t="s">
        <v>154660</v>
      </c>
      <c r="I45384" s="1" t="s">
        <v>151905</v>
      </c>
      <c r="J45384" s="1" t="s">
        <v>154684</v>
      </c>
    </row>
    <row r="45385" spans="1:10" x14ac:dyDescent="0.35">
      <c r="A45385" s="1" t="s">
        <v>3585</v>
      </c>
      <c r="B45385" s="1" t="s">
        <v>151900</v>
      </c>
      <c r="C45385" s="1" t="s">
        <v>50</v>
      </c>
      <c r="D45385" s="1" t="s">
        <v>154685</v>
      </c>
      <c r="E45385" s="1" t="s">
        <v>154686</v>
      </c>
      <c r="F45385" s="1" t="s">
        <v>154687</v>
      </c>
      <c r="G45385" s="1" t="s">
        <v>154659</v>
      </c>
      <c r="H45385" s="1" t="s">
        <v>154660</v>
      </c>
      <c r="I45385" s="1" t="s">
        <v>151905</v>
      </c>
      <c r="J45385" s="1" t="s">
        <v>154688</v>
      </c>
    </row>
    <row r="45386" spans="1:10" x14ac:dyDescent="0.35">
      <c r="A45386" s="1" t="s">
        <v>3585</v>
      </c>
      <c r="B45386" s="1" t="s">
        <v>151900</v>
      </c>
      <c r="C45386" s="1" t="s">
        <v>55</v>
      </c>
      <c r="D45386" s="1" t="s">
        <v>46911</v>
      </c>
      <c r="E45386" s="1" t="s">
        <v>154689</v>
      </c>
      <c r="F45386" s="1" t="s">
        <v>154690</v>
      </c>
      <c r="G45386" s="1" t="s">
        <v>154659</v>
      </c>
      <c r="H45386" s="1" t="s">
        <v>154660</v>
      </c>
      <c r="I45386" s="1" t="s">
        <v>151905</v>
      </c>
      <c r="J45386" s="1" t="s">
        <v>154691</v>
      </c>
    </row>
    <row r="45387" spans="1:10" x14ac:dyDescent="0.35">
      <c r="A45387" s="1" t="s">
        <v>3585</v>
      </c>
      <c r="B45387" s="1" t="s">
        <v>151900</v>
      </c>
      <c r="C45387" s="1" t="s">
        <v>60</v>
      </c>
      <c r="D45387" s="1" t="s">
        <v>154692</v>
      </c>
      <c r="E45387" s="1" t="s">
        <v>154693</v>
      </c>
      <c r="F45387" s="1" t="s">
        <v>154694</v>
      </c>
      <c r="G45387" s="1" t="s">
        <v>154659</v>
      </c>
      <c r="H45387" s="1" t="s">
        <v>154660</v>
      </c>
      <c r="I45387" s="1" t="s">
        <v>151905</v>
      </c>
      <c r="J45387" s="1" t="s">
        <v>154695</v>
      </c>
    </row>
    <row r="45388" spans="1:10" x14ac:dyDescent="0.35">
      <c r="A45388" s="1" t="s">
        <v>3585</v>
      </c>
      <c r="B45388" s="1" t="s">
        <v>151900</v>
      </c>
      <c r="C45388" s="1" t="s">
        <v>65</v>
      </c>
      <c r="D45388" s="1" t="s">
        <v>154696</v>
      </c>
      <c r="E45388" s="1" t="s">
        <v>154697</v>
      </c>
      <c r="F45388" s="1" t="s">
        <v>154698</v>
      </c>
      <c r="G45388" s="1" t="s">
        <v>154659</v>
      </c>
      <c r="H45388" s="1" t="s">
        <v>154660</v>
      </c>
      <c r="I45388" s="1" t="s">
        <v>151905</v>
      </c>
      <c r="J45388" s="1" t="s">
        <v>154699</v>
      </c>
    </row>
    <row r="45389" spans="1:10" x14ac:dyDescent="0.35">
      <c r="A45389" s="1" t="s">
        <v>3585</v>
      </c>
      <c r="B45389" s="1" t="s">
        <v>151900</v>
      </c>
      <c r="C45389" s="1" t="s">
        <v>70</v>
      </c>
      <c r="D45389" s="1" t="s">
        <v>154700</v>
      </c>
      <c r="E45389" s="1" t="s">
        <v>154701</v>
      </c>
      <c r="F45389" s="1" t="s">
        <v>154702</v>
      </c>
      <c r="G45389" s="1" t="s">
        <v>154659</v>
      </c>
      <c r="H45389" s="1" t="s">
        <v>154660</v>
      </c>
      <c r="I45389" s="1" t="s">
        <v>151905</v>
      </c>
      <c r="J45389" s="1" t="s">
        <v>154703</v>
      </c>
    </row>
    <row r="45390" spans="1:10" x14ac:dyDescent="0.35">
      <c r="A45390" s="1" t="s">
        <v>3585</v>
      </c>
      <c r="B45390" s="1" t="s">
        <v>151900</v>
      </c>
      <c r="C45390" s="1" t="s">
        <v>75</v>
      </c>
      <c r="D45390" s="1" t="s">
        <v>154704</v>
      </c>
      <c r="E45390" s="1" t="s">
        <v>154705</v>
      </c>
      <c r="F45390" s="1" t="s">
        <v>154706</v>
      </c>
      <c r="G45390" s="1" t="s">
        <v>154659</v>
      </c>
      <c r="H45390" s="1" t="s">
        <v>154660</v>
      </c>
      <c r="I45390" s="1" t="s">
        <v>151905</v>
      </c>
      <c r="J45390" s="1" t="s">
        <v>154707</v>
      </c>
    </row>
    <row r="45391" spans="1:10" x14ac:dyDescent="0.35">
      <c r="A45391" s="1" t="s">
        <v>3585</v>
      </c>
      <c r="B45391" s="1" t="s">
        <v>151900</v>
      </c>
      <c r="C45391" s="1" t="s">
        <v>80</v>
      </c>
      <c r="D45391" s="1" t="s">
        <v>17562</v>
      </c>
      <c r="E45391" s="1" t="s">
        <v>154708</v>
      </c>
      <c r="F45391" s="1" t="s">
        <v>154709</v>
      </c>
      <c r="G45391" s="1" t="s">
        <v>154659</v>
      </c>
      <c r="H45391" s="1" t="s">
        <v>154660</v>
      </c>
      <c r="I45391" s="1" t="s">
        <v>151905</v>
      </c>
      <c r="J45391" s="1" t="s">
        <v>154710</v>
      </c>
    </row>
    <row r="45392" spans="1:10" x14ac:dyDescent="0.35">
      <c r="A45392" s="1" t="s">
        <v>3585</v>
      </c>
      <c r="B45392" s="1" t="s">
        <v>151900</v>
      </c>
      <c r="C45392" s="1" t="s">
        <v>85</v>
      </c>
      <c r="D45392" s="1" t="s">
        <v>154711</v>
      </c>
      <c r="E45392" s="1" t="s">
        <v>154712</v>
      </c>
      <c r="F45392" s="1" t="s">
        <v>154713</v>
      </c>
      <c r="G45392" s="1" t="s">
        <v>154659</v>
      </c>
      <c r="H45392" s="1" t="s">
        <v>154660</v>
      </c>
      <c r="I45392" s="1" t="s">
        <v>151905</v>
      </c>
      <c r="J45392" s="1" t="s">
        <v>154714</v>
      </c>
    </row>
    <row r="45393" spans="1:10" x14ac:dyDescent="0.35">
      <c r="A45393" s="1" t="s">
        <v>3585</v>
      </c>
      <c r="B45393" s="1" t="s">
        <v>151900</v>
      </c>
      <c r="C45393" s="1" t="s">
        <v>90</v>
      </c>
      <c r="D45393" s="1" t="s">
        <v>154715</v>
      </c>
      <c r="E45393" s="1" t="s">
        <v>154716</v>
      </c>
      <c r="F45393" s="1" t="s">
        <v>154717</v>
      </c>
      <c r="G45393" s="1" t="s">
        <v>154659</v>
      </c>
      <c r="H45393" s="1" t="s">
        <v>154660</v>
      </c>
      <c r="I45393" s="1" t="s">
        <v>151905</v>
      </c>
      <c r="J45393" s="1" t="s">
        <v>154718</v>
      </c>
    </row>
    <row r="45394" spans="1:10" x14ac:dyDescent="0.35">
      <c r="A45394" s="1" t="s">
        <v>3585</v>
      </c>
      <c r="B45394" s="1" t="s">
        <v>151900</v>
      </c>
      <c r="C45394" s="1" t="s">
        <v>95</v>
      </c>
      <c r="D45394" s="1" t="s">
        <v>154719</v>
      </c>
      <c r="E45394" s="1" t="s">
        <v>154720</v>
      </c>
      <c r="F45394" s="1" t="s">
        <v>154721</v>
      </c>
      <c r="G45394" s="1" t="s">
        <v>154659</v>
      </c>
      <c r="H45394" s="1" t="s">
        <v>154660</v>
      </c>
      <c r="I45394" s="1" t="s">
        <v>151905</v>
      </c>
      <c r="J45394" s="1" t="s">
        <v>154722</v>
      </c>
    </row>
    <row r="45395" spans="1:10" x14ac:dyDescent="0.35">
      <c r="A45395" s="1" t="s">
        <v>3585</v>
      </c>
      <c r="B45395" s="1" t="s">
        <v>151900</v>
      </c>
      <c r="C45395" s="1" t="s">
        <v>100</v>
      </c>
      <c r="D45395" s="1" t="s">
        <v>75216</v>
      </c>
      <c r="E45395" s="1" t="s">
        <v>154723</v>
      </c>
      <c r="F45395" s="1" t="s">
        <v>154724</v>
      </c>
      <c r="G45395" s="1" t="s">
        <v>154659</v>
      </c>
      <c r="H45395" s="1" t="s">
        <v>154660</v>
      </c>
      <c r="I45395" s="1" t="s">
        <v>151905</v>
      </c>
      <c r="J45395" s="1" t="s">
        <v>154725</v>
      </c>
    </row>
    <row r="45396" spans="1:10" x14ac:dyDescent="0.35">
      <c r="A45396" s="1" t="s">
        <v>3585</v>
      </c>
      <c r="B45396" s="1" t="s">
        <v>151900</v>
      </c>
      <c r="C45396" s="1" t="s">
        <v>105</v>
      </c>
      <c r="D45396" s="1" t="s">
        <v>109125</v>
      </c>
      <c r="E45396" s="1" t="s">
        <v>154726</v>
      </c>
      <c r="F45396" s="1" t="s">
        <v>154727</v>
      </c>
      <c r="G45396" s="1" t="s">
        <v>154659</v>
      </c>
      <c r="H45396" s="1" t="s">
        <v>154660</v>
      </c>
      <c r="I45396" s="1" t="s">
        <v>151905</v>
      </c>
      <c r="J45396" s="1" t="s">
        <v>154728</v>
      </c>
    </row>
    <row r="45397" spans="1:10" x14ac:dyDescent="0.35">
      <c r="A45397" s="1" t="s">
        <v>3585</v>
      </c>
      <c r="B45397" s="1" t="s">
        <v>151900</v>
      </c>
      <c r="C45397" s="1" t="s">
        <v>110</v>
      </c>
      <c r="D45397" s="1" t="s">
        <v>151090</v>
      </c>
      <c r="E45397" s="1" t="s">
        <v>154729</v>
      </c>
      <c r="F45397" s="1" t="s">
        <v>154730</v>
      </c>
      <c r="G45397" s="1" t="s">
        <v>154659</v>
      </c>
      <c r="H45397" s="1" t="s">
        <v>154660</v>
      </c>
      <c r="I45397" s="1" t="s">
        <v>151905</v>
      </c>
      <c r="J45397" s="1" t="s">
        <v>154731</v>
      </c>
    </row>
    <row r="45398" spans="1:10" x14ac:dyDescent="0.35">
      <c r="A45398" s="1" t="s">
        <v>3585</v>
      </c>
      <c r="B45398" s="1" t="s">
        <v>151900</v>
      </c>
      <c r="C45398" s="1" t="s">
        <v>115</v>
      </c>
      <c r="D45398" s="1" t="s">
        <v>154732</v>
      </c>
      <c r="E45398" s="1" t="s">
        <v>154733</v>
      </c>
      <c r="F45398" s="1" t="s">
        <v>154734</v>
      </c>
      <c r="G45398" s="1" t="s">
        <v>154659</v>
      </c>
      <c r="H45398" s="1" t="s">
        <v>154660</v>
      </c>
      <c r="I45398" s="1" t="s">
        <v>151905</v>
      </c>
      <c r="J45398" s="1" t="s">
        <v>154735</v>
      </c>
    </row>
    <row r="45399" spans="1:10" x14ac:dyDescent="0.35">
      <c r="A45399" s="1" t="s">
        <v>3585</v>
      </c>
      <c r="B45399" s="1" t="s">
        <v>151900</v>
      </c>
      <c r="C45399" s="1" t="s">
        <v>120</v>
      </c>
      <c r="D45399" s="1" t="s">
        <v>149490</v>
      </c>
      <c r="E45399" s="1" t="s">
        <v>154736</v>
      </c>
      <c r="F45399" s="1" t="s">
        <v>154737</v>
      </c>
      <c r="G45399" s="1" t="s">
        <v>154659</v>
      </c>
      <c r="H45399" s="1" t="s">
        <v>154660</v>
      </c>
      <c r="I45399" s="1" t="s">
        <v>151905</v>
      </c>
      <c r="J45399" s="1" t="s">
        <v>154738</v>
      </c>
    </row>
    <row r="45400" spans="1:10" x14ac:dyDescent="0.35">
      <c r="A45400" s="1" t="s">
        <v>3585</v>
      </c>
      <c r="B45400" s="1" t="s">
        <v>151900</v>
      </c>
      <c r="C45400" s="1" t="s">
        <v>125</v>
      </c>
      <c r="D45400" s="1" t="s">
        <v>154739</v>
      </c>
      <c r="E45400" s="1" t="s">
        <v>154740</v>
      </c>
      <c r="F45400" s="1" t="s">
        <v>154741</v>
      </c>
      <c r="G45400" s="1" t="s">
        <v>154659</v>
      </c>
      <c r="H45400" s="1" t="s">
        <v>154660</v>
      </c>
      <c r="I45400" s="1" t="s">
        <v>151905</v>
      </c>
      <c r="J45400" s="1" t="s">
        <v>154742</v>
      </c>
    </row>
    <row r="45401" spans="1:10" x14ac:dyDescent="0.35">
      <c r="A45401" s="1" t="s">
        <v>3585</v>
      </c>
      <c r="B45401" s="1" t="s">
        <v>151900</v>
      </c>
      <c r="C45401" s="1" t="s">
        <v>130</v>
      </c>
      <c r="D45401" s="1" t="s">
        <v>154743</v>
      </c>
      <c r="E45401" s="1" t="s">
        <v>154744</v>
      </c>
      <c r="F45401" s="1" t="s">
        <v>154745</v>
      </c>
      <c r="G45401" s="1" t="s">
        <v>154659</v>
      </c>
      <c r="H45401" s="1" t="s">
        <v>154660</v>
      </c>
      <c r="I45401" s="1" t="s">
        <v>151905</v>
      </c>
      <c r="J45401" s="1" t="s">
        <v>154746</v>
      </c>
    </row>
    <row r="45402" spans="1:10" x14ac:dyDescent="0.35">
      <c r="A45402" s="1" t="s">
        <v>3585</v>
      </c>
      <c r="B45402" s="1" t="s">
        <v>151900</v>
      </c>
      <c r="C45402" s="1" t="s">
        <v>135</v>
      </c>
      <c r="D45402" s="1" t="s">
        <v>154747</v>
      </c>
      <c r="E45402" s="1" t="s">
        <v>154748</v>
      </c>
      <c r="F45402" s="1" t="s">
        <v>154749</v>
      </c>
      <c r="G45402" s="1" t="s">
        <v>154659</v>
      </c>
      <c r="H45402" s="1" t="s">
        <v>154660</v>
      </c>
      <c r="I45402" s="1" t="s">
        <v>151905</v>
      </c>
      <c r="J45402" s="1" t="s">
        <v>154750</v>
      </c>
    </row>
    <row r="45403" spans="1:10" x14ac:dyDescent="0.35">
      <c r="A45403" s="1" t="s">
        <v>3585</v>
      </c>
      <c r="B45403" s="1" t="s">
        <v>151900</v>
      </c>
      <c r="C45403" s="1" t="s">
        <v>140</v>
      </c>
      <c r="D45403" s="1" t="s">
        <v>150631</v>
      </c>
      <c r="E45403" s="1" t="s">
        <v>154751</v>
      </c>
      <c r="F45403" s="1" t="s">
        <v>154752</v>
      </c>
      <c r="G45403" s="1" t="s">
        <v>154659</v>
      </c>
      <c r="H45403" s="1" t="s">
        <v>154660</v>
      </c>
      <c r="I45403" s="1" t="s">
        <v>151905</v>
      </c>
      <c r="J45403" s="1" t="s">
        <v>154753</v>
      </c>
    </row>
    <row r="45404" spans="1:10" x14ac:dyDescent="0.35">
      <c r="A45404" s="1" t="s">
        <v>3585</v>
      </c>
      <c r="B45404" s="1" t="s">
        <v>151900</v>
      </c>
      <c r="C45404" s="1" t="s">
        <v>145</v>
      </c>
      <c r="D45404" s="1" t="s">
        <v>154754</v>
      </c>
      <c r="E45404" s="1" t="s">
        <v>154755</v>
      </c>
      <c r="F45404" s="1" t="s">
        <v>154756</v>
      </c>
      <c r="G45404" s="1" t="s">
        <v>154659</v>
      </c>
      <c r="H45404" s="1" t="s">
        <v>154660</v>
      </c>
      <c r="I45404" s="1" t="s">
        <v>151905</v>
      </c>
      <c r="J45404" s="1" t="s">
        <v>154757</v>
      </c>
    </row>
    <row r="45405" spans="1:10" x14ac:dyDescent="0.35">
      <c r="A45405" s="1" t="s">
        <v>3585</v>
      </c>
      <c r="B45405" s="1" t="s">
        <v>151900</v>
      </c>
      <c r="C45405" s="1" t="s">
        <v>150</v>
      </c>
      <c r="D45405" s="1" t="s">
        <v>154758</v>
      </c>
      <c r="E45405" s="1" t="s">
        <v>154759</v>
      </c>
      <c r="F45405" s="1" t="s">
        <v>154760</v>
      </c>
      <c r="G45405" s="1" t="s">
        <v>154659</v>
      </c>
      <c r="H45405" s="1" t="s">
        <v>154660</v>
      </c>
      <c r="I45405" s="1" t="s">
        <v>151905</v>
      </c>
      <c r="J45405" s="1" t="s">
        <v>154761</v>
      </c>
    </row>
    <row r="45406" spans="1:10" x14ac:dyDescent="0.35">
      <c r="A45406" s="1" t="s">
        <v>3585</v>
      </c>
      <c r="B45406" s="1" t="s">
        <v>151900</v>
      </c>
      <c r="C45406" s="1" t="s">
        <v>155</v>
      </c>
      <c r="D45406" s="1" t="s">
        <v>154762</v>
      </c>
      <c r="E45406" s="1" t="s">
        <v>154763</v>
      </c>
      <c r="F45406" s="1" t="s">
        <v>154764</v>
      </c>
      <c r="G45406" s="1" t="s">
        <v>154659</v>
      </c>
      <c r="H45406" s="1" t="s">
        <v>154660</v>
      </c>
      <c r="I45406" s="1" t="s">
        <v>151905</v>
      </c>
      <c r="J45406" s="1" t="s">
        <v>154765</v>
      </c>
    </row>
    <row r="45407" spans="1:10" x14ac:dyDescent="0.35">
      <c r="A45407" s="1" t="s">
        <v>3585</v>
      </c>
      <c r="B45407" s="1" t="s">
        <v>151900</v>
      </c>
      <c r="C45407" s="1" t="s">
        <v>160</v>
      </c>
      <c r="D45407" s="1" t="s">
        <v>16790</v>
      </c>
      <c r="E45407" s="1" t="s">
        <v>154766</v>
      </c>
      <c r="F45407" s="1" t="s">
        <v>154767</v>
      </c>
      <c r="G45407" s="1" t="s">
        <v>154659</v>
      </c>
      <c r="H45407" s="1" t="s">
        <v>154660</v>
      </c>
      <c r="I45407" s="1" t="s">
        <v>151905</v>
      </c>
      <c r="J45407" s="1" t="s">
        <v>154768</v>
      </c>
    </row>
    <row r="45408" spans="1:10" x14ac:dyDescent="0.35">
      <c r="A45408" s="1" t="s">
        <v>3585</v>
      </c>
      <c r="B45408" s="1" t="s">
        <v>151900</v>
      </c>
      <c r="C45408" s="1" t="s">
        <v>165</v>
      </c>
      <c r="D45408" s="1" t="s">
        <v>154769</v>
      </c>
      <c r="E45408" s="1" t="s">
        <v>154770</v>
      </c>
      <c r="F45408" s="1" t="s">
        <v>154771</v>
      </c>
      <c r="G45408" s="1" t="s">
        <v>154659</v>
      </c>
      <c r="H45408" s="1" t="s">
        <v>154660</v>
      </c>
      <c r="I45408" s="1" t="s">
        <v>151905</v>
      </c>
      <c r="J45408" s="1" t="s">
        <v>154772</v>
      </c>
    </row>
    <row r="45409" spans="1:10" x14ac:dyDescent="0.35">
      <c r="A45409" s="1" t="s">
        <v>3585</v>
      </c>
      <c r="B45409" s="1" t="s">
        <v>151900</v>
      </c>
      <c r="C45409" s="1" t="s">
        <v>170</v>
      </c>
      <c r="D45409" s="1" t="s">
        <v>154773</v>
      </c>
      <c r="E45409" s="1" t="s">
        <v>154774</v>
      </c>
      <c r="F45409" s="1" t="s">
        <v>154775</v>
      </c>
      <c r="G45409" s="1" t="s">
        <v>154659</v>
      </c>
      <c r="H45409" s="1" t="s">
        <v>154660</v>
      </c>
      <c r="I45409" s="1" t="s">
        <v>151905</v>
      </c>
      <c r="J45409" s="1" t="s">
        <v>154776</v>
      </c>
    </row>
    <row r="45410" spans="1:10" x14ac:dyDescent="0.35">
      <c r="A45410" s="1" t="s">
        <v>27555</v>
      </c>
      <c r="B45410" s="1" t="s">
        <v>151900</v>
      </c>
      <c r="C45410" s="1" t="s">
        <v>8</v>
      </c>
      <c r="D45410" s="1" t="s">
        <v>154777</v>
      </c>
      <c r="E45410" s="1" t="s">
        <v>154778</v>
      </c>
      <c r="F45410" s="1" t="s">
        <v>154779</v>
      </c>
      <c r="G45410" s="1" t="s">
        <v>154780</v>
      </c>
      <c r="H45410" s="1" t="s">
        <v>154781</v>
      </c>
      <c r="I45410" s="1" t="s">
        <v>151905</v>
      </c>
      <c r="J45410" s="1" t="s">
        <v>13</v>
      </c>
    </row>
    <row r="45411" spans="1:10" x14ac:dyDescent="0.35">
      <c r="A45411" s="1" t="s">
        <v>27555</v>
      </c>
      <c r="B45411" s="1" t="s">
        <v>151900</v>
      </c>
      <c r="C45411" s="1" t="s">
        <v>15</v>
      </c>
      <c r="D45411" s="1" t="s">
        <v>154782</v>
      </c>
      <c r="E45411" s="1" t="s">
        <v>154783</v>
      </c>
      <c r="F45411" s="1" t="s">
        <v>154784</v>
      </c>
      <c r="G45411" s="1" t="s">
        <v>154780</v>
      </c>
      <c r="H45411" s="1" t="s">
        <v>154781</v>
      </c>
      <c r="I45411" s="1" t="s">
        <v>151905</v>
      </c>
      <c r="J45411" s="1" t="s">
        <v>154785</v>
      </c>
    </row>
    <row r="45412" spans="1:10" x14ac:dyDescent="0.35">
      <c r="A45412" s="1" t="s">
        <v>27555</v>
      </c>
      <c r="B45412" s="1" t="s">
        <v>151900</v>
      </c>
      <c r="C45412" s="1" t="s">
        <v>20</v>
      </c>
      <c r="D45412" s="1" t="s">
        <v>115088</v>
      </c>
      <c r="E45412" s="1" t="s">
        <v>154786</v>
      </c>
      <c r="F45412" s="1" t="s">
        <v>154787</v>
      </c>
      <c r="G45412" s="1" t="s">
        <v>154780</v>
      </c>
      <c r="H45412" s="1" t="s">
        <v>154781</v>
      </c>
      <c r="I45412" s="1" t="s">
        <v>151905</v>
      </c>
      <c r="J45412" s="1" t="s">
        <v>154788</v>
      </c>
    </row>
    <row r="45413" spans="1:10" x14ac:dyDescent="0.35">
      <c r="A45413" s="1" t="s">
        <v>27555</v>
      </c>
      <c r="B45413" s="1" t="s">
        <v>151900</v>
      </c>
      <c r="C45413" s="1" t="s">
        <v>25</v>
      </c>
      <c r="D45413" s="1" t="s">
        <v>154789</v>
      </c>
      <c r="E45413" s="1" t="s">
        <v>154790</v>
      </c>
      <c r="F45413" s="1" t="s">
        <v>154791</v>
      </c>
      <c r="G45413" s="1" t="s">
        <v>154780</v>
      </c>
      <c r="H45413" s="1" t="s">
        <v>154781</v>
      </c>
      <c r="I45413" s="1" t="s">
        <v>151905</v>
      </c>
      <c r="J45413" s="1" t="s">
        <v>154792</v>
      </c>
    </row>
    <row r="45414" spans="1:10" x14ac:dyDescent="0.35">
      <c r="A45414" s="1" t="s">
        <v>27555</v>
      </c>
      <c r="B45414" s="1" t="s">
        <v>151900</v>
      </c>
      <c r="C45414" s="1" t="s">
        <v>30</v>
      </c>
      <c r="D45414" s="1" t="s">
        <v>79740</v>
      </c>
      <c r="E45414" s="1" t="s">
        <v>154793</v>
      </c>
      <c r="F45414" s="1" t="s">
        <v>154794</v>
      </c>
      <c r="G45414" s="1" t="s">
        <v>154780</v>
      </c>
      <c r="H45414" s="1" t="s">
        <v>154781</v>
      </c>
      <c r="I45414" s="1" t="s">
        <v>151905</v>
      </c>
      <c r="J45414" s="1" t="s">
        <v>154795</v>
      </c>
    </row>
    <row r="45415" spans="1:10" x14ac:dyDescent="0.35">
      <c r="A45415" s="1" t="s">
        <v>27555</v>
      </c>
      <c r="B45415" s="1" t="s">
        <v>151900</v>
      </c>
      <c r="C45415" s="1" t="s">
        <v>35</v>
      </c>
      <c r="D45415" s="1" t="s">
        <v>67756</v>
      </c>
      <c r="E45415" s="1" t="s">
        <v>154796</v>
      </c>
      <c r="F45415" s="1" t="s">
        <v>154797</v>
      </c>
      <c r="G45415" s="1" t="s">
        <v>154780</v>
      </c>
      <c r="H45415" s="1" t="s">
        <v>154781</v>
      </c>
      <c r="I45415" s="1" t="s">
        <v>151905</v>
      </c>
      <c r="J45415" s="1" t="s">
        <v>154798</v>
      </c>
    </row>
    <row r="45416" spans="1:10" x14ac:dyDescent="0.35">
      <c r="A45416" s="1" t="s">
        <v>27555</v>
      </c>
      <c r="B45416" s="1" t="s">
        <v>151900</v>
      </c>
      <c r="C45416" s="1" t="s">
        <v>40</v>
      </c>
      <c r="D45416" s="1" t="s">
        <v>154799</v>
      </c>
      <c r="E45416" s="1" t="s">
        <v>154800</v>
      </c>
      <c r="F45416" s="1" t="s">
        <v>154801</v>
      </c>
      <c r="G45416" s="1" t="s">
        <v>154780</v>
      </c>
      <c r="H45416" s="1" t="s">
        <v>154781</v>
      </c>
      <c r="I45416" s="1" t="s">
        <v>151905</v>
      </c>
      <c r="J45416" s="1" t="s">
        <v>154802</v>
      </c>
    </row>
    <row r="45417" spans="1:10" x14ac:dyDescent="0.35">
      <c r="A45417" s="1" t="s">
        <v>27555</v>
      </c>
      <c r="B45417" s="1" t="s">
        <v>151900</v>
      </c>
      <c r="C45417" s="1" t="s">
        <v>45</v>
      </c>
      <c r="D45417" s="1" t="s">
        <v>114919</v>
      </c>
      <c r="E45417" s="1" t="s">
        <v>154803</v>
      </c>
      <c r="F45417" s="1" t="s">
        <v>154804</v>
      </c>
      <c r="G45417" s="1" t="s">
        <v>154780</v>
      </c>
      <c r="H45417" s="1" t="s">
        <v>154781</v>
      </c>
      <c r="I45417" s="1" t="s">
        <v>151905</v>
      </c>
      <c r="J45417" s="1" t="s">
        <v>154805</v>
      </c>
    </row>
    <row r="45418" spans="1:10" x14ac:dyDescent="0.35">
      <c r="A45418" s="1" t="s">
        <v>27555</v>
      </c>
      <c r="B45418" s="1" t="s">
        <v>151900</v>
      </c>
      <c r="C45418" s="1" t="s">
        <v>50</v>
      </c>
      <c r="D45418" s="1" t="s">
        <v>154806</v>
      </c>
      <c r="E45418" s="1" t="s">
        <v>154807</v>
      </c>
      <c r="F45418" s="1" t="s">
        <v>154808</v>
      </c>
      <c r="G45418" s="1" t="s">
        <v>154780</v>
      </c>
      <c r="H45418" s="1" t="s">
        <v>154781</v>
      </c>
      <c r="I45418" s="1" t="s">
        <v>151905</v>
      </c>
      <c r="J45418" s="1" t="s">
        <v>154809</v>
      </c>
    </row>
    <row r="45419" spans="1:10" x14ac:dyDescent="0.35">
      <c r="A45419" s="1" t="s">
        <v>27555</v>
      </c>
      <c r="B45419" s="1" t="s">
        <v>151900</v>
      </c>
      <c r="C45419" s="1" t="s">
        <v>55</v>
      </c>
      <c r="D45419" s="1" t="s">
        <v>154810</v>
      </c>
      <c r="E45419" s="1" t="s">
        <v>154811</v>
      </c>
      <c r="F45419" s="1" t="s">
        <v>154812</v>
      </c>
      <c r="G45419" s="1" t="s">
        <v>154780</v>
      </c>
      <c r="H45419" s="1" t="s">
        <v>154781</v>
      </c>
      <c r="I45419" s="1" t="s">
        <v>151905</v>
      </c>
      <c r="J45419" s="1" t="s">
        <v>154813</v>
      </c>
    </row>
    <row r="45420" spans="1:10" x14ac:dyDescent="0.35">
      <c r="A45420" s="1" t="s">
        <v>27555</v>
      </c>
      <c r="B45420" s="1" t="s">
        <v>151900</v>
      </c>
      <c r="C45420" s="1" t="s">
        <v>60</v>
      </c>
      <c r="D45420" s="1" t="s">
        <v>11527</v>
      </c>
      <c r="E45420" s="1" t="s">
        <v>154814</v>
      </c>
      <c r="F45420" s="1" t="s">
        <v>154815</v>
      </c>
      <c r="G45420" s="1" t="s">
        <v>154780</v>
      </c>
      <c r="H45420" s="1" t="s">
        <v>154781</v>
      </c>
      <c r="I45420" s="1" t="s">
        <v>151905</v>
      </c>
      <c r="J45420" s="1" t="s">
        <v>154816</v>
      </c>
    </row>
    <row r="45421" spans="1:10" x14ac:dyDescent="0.35">
      <c r="A45421" s="1" t="s">
        <v>27555</v>
      </c>
      <c r="B45421" s="1" t="s">
        <v>151900</v>
      </c>
      <c r="C45421" s="1" t="s">
        <v>65</v>
      </c>
      <c r="D45421" s="1" t="s">
        <v>61623</v>
      </c>
      <c r="E45421" s="1" t="s">
        <v>154817</v>
      </c>
      <c r="F45421" s="1" t="s">
        <v>154818</v>
      </c>
      <c r="G45421" s="1" t="s">
        <v>154780</v>
      </c>
      <c r="H45421" s="1" t="s">
        <v>154781</v>
      </c>
      <c r="I45421" s="1" t="s">
        <v>151905</v>
      </c>
      <c r="J45421" s="1" t="s">
        <v>154819</v>
      </c>
    </row>
    <row r="45422" spans="1:10" x14ac:dyDescent="0.35">
      <c r="A45422" s="1" t="s">
        <v>27555</v>
      </c>
      <c r="B45422" s="1" t="s">
        <v>151900</v>
      </c>
      <c r="C45422" s="1" t="s">
        <v>70</v>
      </c>
      <c r="D45422" s="1" t="s">
        <v>154820</v>
      </c>
      <c r="E45422" s="1" t="s">
        <v>154821</v>
      </c>
      <c r="F45422" s="1" t="s">
        <v>154822</v>
      </c>
      <c r="G45422" s="1" t="s">
        <v>154780</v>
      </c>
      <c r="H45422" s="1" t="s">
        <v>154781</v>
      </c>
      <c r="I45422" s="1" t="s">
        <v>151905</v>
      </c>
      <c r="J45422" s="1" t="s">
        <v>154823</v>
      </c>
    </row>
    <row r="45423" spans="1:10" x14ac:dyDescent="0.35">
      <c r="A45423" s="1" t="s">
        <v>27555</v>
      </c>
      <c r="B45423" s="1" t="s">
        <v>151900</v>
      </c>
      <c r="C45423" s="1" t="s">
        <v>75</v>
      </c>
      <c r="D45423" s="1" t="s">
        <v>66808</v>
      </c>
      <c r="E45423" s="1" t="s">
        <v>154824</v>
      </c>
      <c r="F45423" s="1" t="s">
        <v>154825</v>
      </c>
      <c r="G45423" s="1" t="s">
        <v>154780</v>
      </c>
      <c r="H45423" s="1" t="s">
        <v>154781</v>
      </c>
      <c r="I45423" s="1" t="s">
        <v>151905</v>
      </c>
      <c r="J45423" s="1" t="s">
        <v>154826</v>
      </c>
    </row>
    <row r="45424" spans="1:10" x14ac:dyDescent="0.35">
      <c r="A45424" s="1" t="s">
        <v>27555</v>
      </c>
      <c r="B45424" s="1" t="s">
        <v>151900</v>
      </c>
      <c r="C45424" s="1" t="s">
        <v>80</v>
      </c>
      <c r="D45424" s="1" t="s">
        <v>59264</v>
      </c>
      <c r="E45424" s="1" t="s">
        <v>154827</v>
      </c>
      <c r="F45424" s="1" t="s">
        <v>154828</v>
      </c>
      <c r="G45424" s="1" t="s">
        <v>154780</v>
      </c>
      <c r="H45424" s="1" t="s">
        <v>154781</v>
      </c>
      <c r="I45424" s="1" t="s">
        <v>151905</v>
      </c>
      <c r="J45424" s="1" t="s">
        <v>154829</v>
      </c>
    </row>
    <row r="45425" spans="1:10" x14ac:dyDescent="0.35">
      <c r="A45425" s="1" t="s">
        <v>27555</v>
      </c>
      <c r="B45425" s="1" t="s">
        <v>151900</v>
      </c>
      <c r="C45425" s="1" t="s">
        <v>85</v>
      </c>
      <c r="D45425" s="1" t="s">
        <v>19455</v>
      </c>
      <c r="E45425" s="1" t="s">
        <v>154830</v>
      </c>
      <c r="F45425" s="1" t="s">
        <v>154831</v>
      </c>
      <c r="G45425" s="1" t="s">
        <v>154780</v>
      </c>
      <c r="H45425" s="1" t="s">
        <v>154781</v>
      </c>
      <c r="I45425" s="1" t="s">
        <v>151905</v>
      </c>
      <c r="J45425" s="1" t="s">
        <v>154832</v>
      </c>
    </row>
    <row r="45426" spans="1:10" x14ac:dyDescent="0.35">
      <c r="A45426" s="1" t="s">
        <v>27555</v>
      </c>
      <c r="B45426" s="1" t="s">
        <v>151900</v>
      </c>
      <c r="C45426" s="1" t="s">
        <v>90</v>
      </c>
      <c r="D45426" s="1" t="s">
        <v>95826</v>
      </c>
      <c r="E45426" s="1" t="s">
        <v>154833</v>
      </c>
      <c r="F45426" s="1" t="s">
        <v>154834</v>
      </c>
      <c r="G45426" s="1" t="s">
        <v>154780</v>
      </c>
      <c r="H45426" s="1" t="s">
        <v>154781</v>
      </c>
      <c r="I45426" s="1" t="s">
        <v>151905</v>
      </c>
      <c r="J45426" s="1" t="s">
        <v>154835</v>
      </c>
    </row>
    <row r="45427" spans="1:10" x14ac:dyDescent="0.35">
      <c r="A45427" s="1" t="s">
        <v>27555</v>
      </c>
      <c r="B45427" s="1" t="s">
        <v>151900</v>
      </c>
      <c r="C45427" s="1" t="s">
        <v>95</v>
      </c>
      <c r="D45427" s="1" t="s">
        <v>130535</v>
      </c>
      <c r="E45427" s="1" t="s">
        <v>154836</v>
      </c>
      <c r="F45427" s="1" t="s">
        <v>154837</v>
      </c>
      <c r="G45427" s="1" t="s">
        <v>154780</v>
      </c>
      <c r="H45427" s="1" t="s">
        <v>154781</v>
      </c>
      <c r="I45427" s="1" t="s">
        <v>151905</v>
      </c>
      <c r="J45427" s="1" t="s">
        <v>154838</v>
      </c>
    </row>
    <row r="45428" spans="1:10" x14ac:dyDescent="0.35">
      <c r="A45428" s="1" t="s">
        <v>27555</v>
      </c>
      <c r="B45428" s="1" t="s">
        <v>151900</v>
      </c>
      <c r="C45428" s="1" t="s">
        <v>100</v>
      </c>
      <c r="D45428" s="1" t="s">
        <v>76135</v>
      </c>
      <c r="E45428" s="1" t="s">
        <v>154839</v>
      </c>
      <c r="F45428" s="1" t="s">
        <v>154840</v>
      </c>
      <c r="G45428" s="1" t="s">
        <v>154780</v>
      </c>
      <c r="H45428" s="1" t="s">
        <v>154781</v>
      </c>
      <c r="I45428" s="1" t="s">
        <v>151905</v>
      </c>
      <c r="J45428" s="1" t="s">
        <v>154841</v>
      </c>
    </row>
    <row r="45429" spans="1:10" x14ac:dyDescent="0.35">
      <c r="A45429" s="1" t="s">
        <v>27555</v>
      </c>
      <c r="B45429" s="1" t="s">
        <v>151900</v>
      </c>
      <c r="C45429" s="1" t="s">
        <v>105</v>
      </c>
      <c r="D45429" s="1" t="s">
        <v>90774</v>
      </c>
      <c r="E45429" s="1" t="s">
        <v>154842</v>
      </c>
      <c r="F45429" s="1" t="s">
        <v>154843</v>
      </c>
      <c r="G45429" s="1" t="s">
        <v>154780</v>
      </c>
      <c r="H45429" s="1" t="s">
        <v>154781</v>
      </c>
      <c r="I45429" s="1" t="s">
        <v>151905</v>
      </c>
      <c r="J45429" s="1" t="s">
        <v>154844</v>
      </c>
    </row>
    <row r="45430" spans="1:10" x14ac:dyDescent="0.35">
      <c r="A45430" s="1" t="s">
        <v>27555</v>
      </c>
      <c r="B45430" s="1" t="s">
        <v>151900</v>
      </c>
      <c r="C45430" s="1" t="s">
        <v>110</v>
      </c>
      <c r="D45430" s="1" t="s">
        <v>107932</v>
      </c>
      <c r="E45430" s="1" t="s">
        <v>154845</v>
      </c>
      <c r="F45430" s="1" t="s">
        <v>154846</v>
      </c>
      <c r="G45430" s="1" t="s">
        <v>154780</v>
      </c>
      <c r="H45430" s="1" t="s">
        <v>154781</v>
      </c>
      <c r="I45430" s="1" t="s">
        <v>151905</v>
      </c>
      <c r="J45430" s="1" t="s">
        <v>154847</v>
      </c>
    </row>
    <row r="45431" spans="1:10" x14ac:dyDescent="0.35">
      <c r="A45431" s="1" t="s">
        <v>27555</v>
      </c>
      <c r="B45431" s="1" t="s">
        <v>151900</v>
      </c>
      <c r="C45431" s="1" t="s">
        <v>115</v>
      </c>
      <c r="D45431" s="1" t="s">
        <v>79832</v>
      </c>
      <c r="E45431" s="1" t="s">
        <v>154848</v>
      </c>
      <c r="F45431" s="1" t="s">
        <v>154849</v>
      </c>
      <c r="G45431" s="1" t="s">
        <v>154780</v>
      </c>
      <c r="H45431" s="1" t="s">
        <v>154781</v>
      </c>
      <c r="I45431" s="1" t="s">
        <v>151905</v>
      </c>
      <c r="J45431" s="1" t="s">
        <v>154850</v>
      </c>
    </row>
    <row r="45432" spans="1:10" x14ac:dyDescent="0.35">
      <c r="A45432" s="1" t="s">
        <v>27555</v>
      </c>
      <c r="B45432" s="1" t="s">
        <v>151900</v>
      </c>
      <c r="C45432" s="1" t="s">
        <v>120</v>
      </c>
      <c r="D45432" s="1" t="s">
        <v>154851</v>
      </c>
      <c r="E45432" s="1" t="s">
        <v>154852</v>
      </c>
      <c r="F45432" s="1" t="s">
        <v>154853</v>
      </c>
      <c r="G45432" s="1" t="s">
        <v>154780</v>
      </c>
      <c r="H45432" s="1" t="s">
        <v>154781</v>
      </c>
      <c r="I45432" s="1" t="s">
        <v>151905</v>
      </c>
      <c r="J45432" s="1" t="s">
        <v>154854</v>
      </c>
    </row>
    <row r="45433" spans="1:10" x14ac:dyDescent="0.35">
      <c r="A45433" s="1" t="s">
        <v>27555</v>
      </c>
      <c r="B45433" s="1" t="s">
        <v>151900</v>
      </c>
      <c r="C45433" s="1" t="s">
        <v>125</v>
      </c>
      <c r="D45433" s="1" t="s">
        <v>154855</v>
      </c>
      <c r="E45433" s="1" t="s">
        <v>154856</v>
      </c>
      <c r="F45433" s="1" t="s">
        <v>154857</v>
      </c>
      <c r="G45433" s="1" t="s">
        <v>154780</v>
      </c>
      <c r="H45433" s="1" t="s">
        <v>154781</v>
      </c>
      <c r="I45433" s="1" t="s">
        <v>151905</v>
      </c>
      <c r="J45433" s="1" t="s">
        <v>154858</v>
      </c>
    </row>
    <row r="45434" spans="1:10" x14ac:dyDescent="0.35">
      <c r="A45434" s="1" t="s">
        <v>27555</v>
      </c>
      <c r="B45434" s="1" t="s">
        <v>151900</v>
      </c>
      <c r="C45434" s="1" t="s">
        <v>130</v>
      </c>
      <c r="D45434" s="1" t="s">
        <v>77795</v>
      </c>
      <c r="E45434" s="1" t="s">
        <v>154859</v>
      </c>
      <c r="F45434" s="1" t="s">
        <v>154860</v>
      </c>
      <c r="G45434" s="1" t="s">
        <v>154780</v>
      </c>
      <c r="H45434" s="1" t="s">
        <v>154781</v>
      </c>
      <c r="I45434" s="1" t="s">
        <v>151905</v>
      </c>
      <c r="J45434" s="1" t="s">
        <v>154861</v>
      </c>
    </row>
    <row r="45435" spans="1:10" x14ac:dyDescent="0.35">
      <c r="A45435" s="1" t="s">
        <v>27555</v>
      </c>
      <c r="B45435" s="1" t="s">
        <v>151900</v>
      </c>
      <c r="C45435" s="1" t="s">
        <v>135</v>
      </c>
      <c r="D45435" s="1" t="s">
        <v>78838</v>
      </c>
      <c r="E45435" s="1" t="s">
        <v>154862</v>
      </c>
      <c r="F45435" s="1" t="s">
        <v>154863</v>
      </c>
      <c r="G45435" s="1" t="s">
        <v>154780</v>
      </c>
      <c r="H45435" s="1" t="s">
        <v>154781</v>
      </c>
      <c r="I45435" s="1" t="s">
        <v>151905</v>
      </c>
      <c r="J45435" s="1" t="s">
        <v>154864</v>
      </c>
    </row>
    <row r="45436" spans="1:10" x14ac:dyDescent="0.35">
      <c r="A45436" s="1" t="s">
        <v>27555</v>
      </c>
      <c r="B45436" s="1" t="s">
        <v>151900</v>
      </c>
      <c r="C45436" s="1" t="s">
        <v>140</v>
      </c>
      <c r="D45436" s="1" t="s">
        <v>63339</v>
      </c>
      <c r="E45436" s="1" t="s">
        <v>154865</v>
      </c>
      <c r="F45436" s="1" t="s">
        <v>154866</v>
      </c>
      <c r="G45436" s="1" t="s">
        <v>154780</v>
      </c>
      <c r="H45436" s="1" t="s">
        <v>154781</v>
      </c>
      <c r="I45436" s="1" t="s">
        <v>151905</v>
      </c>
      <c r="J45436" s="1" t="s">
        <v>154867</v>
      </c>
    </row>
    <row r="45437" spans="1:10" x14ac:dyDescent="0.35">
      <c r="A45437" s="1" t="s">
        <v>27555</v>
      </c>
      <c r="B45437" s="1" t="s">
        <v>151900</v>
      </c>
      <c r="C45437" s="1" t="s">
        <v>145</v>
      </c>
      <c r="D45437" s="1" t="s">
        <v>93262</v>
      </c>
      <c r="E45437" s="1" t="s">
        <v>154868</v>
      </c>
      <c r="F45437" s="1" t="s">
        <v>154869</v>
      </c>
      <c r="G45437" s="1" t="s">
        <v>154780</v>
      </c>
      <c r="H45437" s="1" t="s">
        <v>154781</v>
      </c>
      <c r="I45437" s="1" t="s">
        <v>151905</v>
      </c>
      <c r="J45437" s="1" t="s">
        <v>154870</v>
      </c>
    </row>
    <row r="45438" spans="1:10" x14ac:dyDescent="0.35">
      <c r="A45438" s="1" t="s">
        <v>27555</v>
      </c>
      <c r="B45438" s="1" t="s">
        <v>151900</v>
      </c>
      <c r="C45438" s="1" t="s">
        <v>150</v>
      </c>
      <c r="D45438" s="1" t="s">
        <v>88971</v>
      </c>
      <c r="E45438" s="1" t="s">
        <v>154871</v>
      </c>
      <c r="F45438" s="1" t="s">
        <v>154872</v>
      </c>
      <c r="G45438" s="1" t="s">
        <v>154780</v>
      </c>
      <c r="H45438" s="1" t="s">
        <v>154781</v>
      </c>
      <c r="I45438" s="1" t="s">
        <v>151905</v>
      </c>
      <c r="J45438" s="1" t="s">
        <v>154873</v>
      </c>
    </row>
    <row r="45439" spans="1:10" x14ac:dyDescent="0.35">
      <c r="A45439" s="1" t="s">
        <v>27555</v>
      </c>
      <c r="B45439" s="1" t="s">
        <v>151900</v>
      </c>
      <c r="C45439" s="1" t="s">
        <v>155</v>
      </c>
      <c r="D45439" s="1" t="s">
        <v>68597</v>
      </c>
      <c r="E45439" s="1" t="s">
        <v>154874</v>
      </c>
      <c r="F45439" s="1" t="s">
        <v>154875</v>
      </c>
      <c r="G45439" s="1" t="s">
        <v>154780</v>
      </c>
      <c r="H45439" s="1" t="s">
        <v>154781</v>
      </c>
      <c r="I45439" s="1" t="s">
        <v>151905</v>
      </c>
      <c r="J45439" s="1" t="s">
        <v>154876</v>
      </c>
    </row>
    <row r="45440" spans="1:10" x14ac:dyDescent="0.35">
      <c r="A45440" s="1" t="s">
        <v>27555</v>
      </c>
      <c r="B45440" s="1" t="s">
        <v>151900</v>
      </c>
      <c r="C45440" s="1" t="s">
        <v>160</v>
      </c>
      <c r="D45440" s="1" t="s">
        <v>86224</v>
      </c>
      <c r="E45440" s="1" t="s">
        <v>154877</v>
      </c>
      <c r="F45440" s="1" t="s">
        <v>154878</v>
      </c>
      <c r="G45440" s="1" t="s">
        <v>154780</v>
      </c>
      <c r="H45440" s="1" t="s">
        <v>154781</v>
      </c>
      <c r="I45440" s="1" t="s">
        <v>151905</v>
      </c>
      <c r="J45440" s="1" t="s">
        <v>154879</v>
      </c>
    </row>
    <row r="45441" spans="1:10" x14ac:dyDescent="0.35">
      <c r="A45441" s="1" t="s">
        <v>27555</v>
      </c>
      <c r="B45441" s="1" t="s">
        <v>151900</v>
      </c>
      <c r="C45441" s="1" t="s">
        <v>165</v>
      </c>
      <c r="D45441" s="1" t="s">
        <v>66378</v>
      </c>
      <c r="E45441" s="1" t="s">
        <v>154880</v>
      </c>
      <c r="F45441" s="1" t="s">
        <v>154881</v>
      </c>
      <c r="G45441" s="1" t="s">
        <v>154780</v>
      </c>
      <c r="H45441" s="1" t="s">
        <v>154781</v>
      </c>
      <c r="I45441" s="1" t="s">
        <v>151905</v>
      </c>
      <c r="J45441" s="1" t="s">
        <v>154882</v>
      </c>
    </row>
    <row r="45442" spans="1:10" x14ac:dyDescent="0.35">
      <c r="A45442" s="1" t="s">
        <v>27555</v>
      </c>
      <c r="B45442" s="1" t="s">
        <v>151900</v>
      </c>
      <c r="C45442" s="1" t="s">
        <v>170</v>
      </c>
      <c r="D45442" s="1" t="s">
        <v>61327</v>
      </c>
      <c r="E45442" s="1" t="s">
        <v>154883</v>
      </c>
      <c r="F45442" s="1" t="s">
        <v>154884</v>
      </c>
      <c r="G45442" s="1" t="s">
        <v>154780</v>
      </c>
      <c r="H45442" s="1" t="s">
        <v>154781</v>
      </c>
      <c r="I45442" s="1" t="s">
        <v>151905</v>
      </c>
      <c r="J45442" s="1" t="s">
        <v>154885</v>
      </c>
    </row>
    <row r="45443" spans="1:10" x14ac:dyDescent="0.35">
      <c r="A45443" s="1" t="s">
        <v>13870</v>
      </c>
      <c r="B45443" s="1" t="s">
        <v>151900</v>
      </c>
      <c r="C45443" s="1" t="s">
        <v>8</v>
      </c>
      <c r="D45443" s="1" t="s">
        <v>135028</v>
      </c>
      <c r="E45443" s="1" t="s">
        <v>154886</v>
      </c>
      <c r="F45443" s="1" t="s">
        <v>154887</v>
      </c>
      <c r="G45443" s="1" t="s">
        <v>154888</v>
      </c>
      <c r="H45443" s="1" t="s">
        <v>154889</v>
      </c>
      <c r="I45443" s="1" t="s">
        <v>151905</v>
      </c>
      <c r="J45443" s="1" t="s">
        <v>13</v>
      </c>
    </row>
    <row r="45444" spans="1:10" x14ac:dyDescent="0.35">
      <c r="A45444" s="1" t="s">
        <v>13870</v>
      </c>
      <c r="B45444" s="1" t="s">
        <v>151900</v>
      </c>
      <c r="C45444" s="1" t="s">
        <v>15</v>
      </c>
      <c r="D45444" s="1" t="s">
        <v>31775</v>
      </c>
      <c r="E45444" s="1" t="s">
        <v>154890</v>
      </c>
      <c r="F45444" s="1" t="s">
        <v>154891</v>
      </c>
      <c r="G45444" s="1" t="s">
        <v>154888</v>
      </c>
      <c r="H45444" s="1" t="s">
        <v>154889</v>
      </c>
      <c r="I45444" s="1" t="s">
        <v>151905</v>
      </c>
      <c r="J45444" s="1" t="s">
        <v>154892</v>
      </c>
    </row>
    <row r="45445" spans="1:10" x14ac:dyDescent="0.35">
      <c r="A45445" s="1" t="s">
        <v>13870</v>
      </c>
      <c r="B45445" s="1" t="s">
        <v>151900</v>
      </c>
      <c r="C45445" s="1" t="s">
        <v>20</v>
      </c>
      <c r="D45445" s="1" t="s">
        <v>33965</v>
      </c>
      <c r="E45445" s="1" t="s">
        <v>154893</v>
      </c>
      <c r="F45445" s="1" t="s">
        <v>154894</v>
      </c>
      <c r="G45445" s="1" t="s">
        <v>154888</v>
      </c>
      <c r="H45445" s="1" t="s">
        <v>154889</v>
      </c>
      <c r="I45445" s="1" t="s">
        <v>151905</v>
      </c>
      <c r="J45445" s="1" t="s">
        <v>154895</v>
      </c>
    </row>
    <row r="45446" spans="1:10" x14ac:dyDescent="0.35">
      <c r="A45446" s="1" t="s">
        <v>13870</v>
      </c>
      <c r="B45446" s="1" t="s">
        <v>151900</v>
      </c>
      <c r="C45446" s="1" t="s">
        <v>25</v>
      </c>
      <c r="D45446" s="1" t="s">
        <v>154896</v>
      </c>
      <c r="E45446" s="1" t="s">
        <v>154897</v>
      </c>
      <c r="F45446" s="1" t="s">
        <v>154898</v>
      </c>
      <c r="G45446" s="1" t="s">
        <v>154888</v>
      </c>
      <c r="H45446" s="1" t="s">
        <v>154889</v>
      </c>
      <c r="I45446" s="1" t="s">
        <v>151905</v>
      </c>
      <c r="J45446" s="1" t="s">
        <v>154899</v>
      </c>
    </row>
    <row r="45447" spans="1:10" x14ac:dyDescent="0.35">
      <c r="A45447" s="1" t="s">
        <v>13870</v>
      </c>
      <c r="B45447" s="1" t="s">
        <v>151900</v>
      </c>
      <c r="C45447" s="1" t="s">
        <v>30</v>
      </c>
      <c r="D45447" s="1" t="s">
        <v>71717</v>
      </c>
      <c r="E45447" s="1" t="s">
        <v>154900</v>
      </c>
      <c r="F45447" s="1" t="s">
        <v>154901</v>
      </c>
      <c r="G45447" s="1" t="s">
        <v>154888</v>
      </c>
      <c r="H45447" s="1" t="s">
        <v>154889</v>
      </c>
      <c r="I45447" s="1" t="s">
        <v>151905</v>
      </c>
      <c r="J45447" s="1" t="s">
        <v>154902</v>
      </c>
    </row>
    <row r="45448" spans="1:10" x14ac:dyDescent="0.35">
      <c r="A45448" s="1" t="s">
        <v>13870</v>
      </c>
      <c r="B45448" s="1" t="s">
        <v>151900</v>
      </c>
      <c r="C45448" s="1" t="s">
        <v>35</v>
      </c>
      <c r="D45448" s="1" t="s">
        <v>154903</v>
      </c>
      <c r="E45448" s="1" t="s">
        <v>154904</v>
      </c>
      <c r="F45448" s="1" t="s">
        <v>154905</v>
      </c>
      <c r="G45448" s="1" t="s">
        <v>154888</v>
      </c>
      <c r="H45448" s="1" t="s">
        <v>154889</v>
      </c>
      <c r="I45448" s="1" t="s">
        <v>151905</v>
      </c>
      <c r="J45448" s="1" t="s">
        <v>154906</v>
      </c>
    </row>
    <row r="45449" spans="1:10" x14ac:dyDescent="0.35">
      <c r="A45449" s="1" t="s">
        <v>13870</v>
      </c>
      <c r="B45449" s="1" t="s">
        <v>151900</v>
      </c>
      <c r="C45449" s="1" t="s">
        <v>40</v>
      </c>
      <c r="D45449" s="1" t="s">
        <v>154907</v>
      </c>
      <c r="E45449" s="1" t="s">
        <v>154908</v>
      </c>
      <c r="F45449" s="1" t="s">
        <v>154909</v>
      </c>
      <c r="G45449" s="1" t="s">
        <v>154888</v>
      </c>
      <c r="H45449" s="1" t="s">
        <v>154889</v>
      </c>
      <c r="I45449" s="1" t="s">
        <v>151905</v>
      </c>
      <c r="J45449" s="1" t="s">
        <v>154910</v>
      </c>
    </row>
    <row r="45450" spans="1:10" x14ac:dyDescent="0.35">
      <c r="A45450" s="1" t="s">
        <v>13870</v>
      </c>
      <c r="B45450" s="1" t="s">
        <v>151900</v>
      </c>
      <c r="C45450" s="1" t="s">
        <v>45</v>
      </c>
      <c r="D45450" s="1" t="s">
        <v>8838</v>
      </c>
      <c r="E45450" s="1" t="s">
        <v>154911</v>
      </c>
      <c r="F45450" s="1" t="s">
        <v>154912</v>
      </c>
      <c r="G45450" s="1" t="s">
        <v>154888</v>
      </c>
      <c r="H45450" s="1" t="s">
        <v>154889</v>
      </c>
      <c r="I45450" s="1" t="s">
        <v>151905</v>
      </c>
      <c r="J45450" s="1" t="s">
        <v>154913</v>
      </c>
    </row>
    <row r="45451" spans="1:10" x14ac:dyDescent="0.35">
      <c r="A45451" s="1" t="s">
        <v>13870</v>
      </c>
      <c r="B45451" s="1" t="s">
        <v>151900</v>
      </c>
      <c r="C45451" s="1" t="s">
        <v>50</v>
      </c>
      <c r="D45451" s="1" t="s">
        <v>125171</v>
      </c>
      <c r="E45451" s="1" t="s">
        <v>154914</v>
      </c>
      <c r="F45451" s="1" t="s">
        <v>154915</v>
      </c>
      <c r="G45451" s="1" t="s">
        <v>154888</v>
      </c>
      <c r="H45451" s="1" t="s">
        <v>154889</v>
      </c>
      <c r="I45451" s="1" t="s">
        <v>151905</v>
      </c>
      <c r="J45451" s="1" t="s">
        <v>154916</v>
      </c>
    </row>
    <row r="45452" spans="1:10" x14ac:dyDescent="0.35">
      <c r="A45452" s="1" t="s">
        <v>13870</v>
      </c>
      <c r="B45452" s="1" t="s">
        <v>151900</v>
      </c>
      <c r="C45452" s="1" t="s">
        <v>55</v>
      </c>
      <c r="D45452" s="1" t="s">
        <v>46288</v>
      </c>
      <c r="E45452" s="1" t="s">
        <v>154917</v>
      </c>
      <c r="F45452" s="1" t="s">
        <v>154918</v>
      </c>
      <c r="G45452" s="1" t="s">
        <v>154888</v>
      </c>
      <c r="H45452" s="1" t="s">
        <v>154889</v>
      </c>
      <c r="I45452" s="1" t="s">
        <v>151905</v>
      </c>
      <c r="J45452" s="1" t="s">
        <v>154919</v>
      </c>
    </row>
    <row r="45453" spans="1:10" x14ac:dyDescent="0.35">
      <c r="A45453" s="1" t="s">
        <v>13870</v>
      </c>
      <c r="B45453" s="1" t="s">
        <v>151900</v>
      </c>
      <c r="C45453" s="1" t="s">
        <v>60</v>
      </c>
      <c r="D45453" s="1" t="s">
        <v>154920</v>
      </c>
      <c r="E45453" s="1" t="s">
        <v>154921</v>
      </c>
      <c r="F45453" s="1" t="s">
        <v>154922</v>
      </c>
      <c r="G45453" s="1" t="s">
        <v>154888</v>
      </c>
      <c r="H45453" s="1" t="s">
        <v>154889</v>
      </c>
      <c r="I45453" s="1" t="s">
        <v>151905</v>
      </c>
      <c r="J45453" s="1" t="s">
        <v>154923</v>
      </c>
    </row>
    <row r="45454" spans="1:10" x14ac:dyDescent="0.35">
      <c r="A45454" s="1" t="s">
        <v>13870</v>
      </c>
      <c r="B45454" s="1" t="s">
        <v>151900</v>
      </c>
      <c r="C45454" s="1" t="s">
        <v>65</v>
      </c>
      <c r="D45454" s="1" t="s">
        <v>154924</v>
      </c>
      <c r="E45454" s="1" t="s">
        <v>154925</v>
      </c>
      <c r="F45454" s="1" t="s">
        <v>154926</v>
      </c>
      <c r="G45454" s="1" t="s">
        <v>154888</v>
      </c>
      <c r="H45454" s="1" t="s">
        <v>154889</v>
      </c>
      <c r="I45454" s="1" t="s">
        <v>151905</v>
      </c>
      <c r="J45454" s="1" t="s">
        <v>154927</v>
      </c>
    </row>
    <row r="45455" spans="1:10" x14ac:dyDescent="0.35">
      <c r="A45455" s="1" t="s">
        <v>13870</v>
      </c>
      <c r="B45455" s="1" t="s">
        <v>151900</v>
      </c>
      <c r="C45455" s="1" t="s">
        <v>70</v>
      </c>
      <c r="D45455" s="1" t="s">
        <v>31323</v>
      </c>
      <c r="E45455" s="1" t="s">
        <v>154928</v>
      </c>
      <c r="F45455" s="1" t="s">
        <v>154929</v>
      </c>
      <c r="G45455" s="1" t="s">
        <v>154888</v>
      </c>
      <c r="H45455" s="1" t="s">
        <v>154889</v>
      </c>
      <c r="I45455" s="1" t="s">
        <v>151905</v>
      </c>
      <c r="J45455" s="1" t="s">
        <v>154930</v>
      </c>
    </row>
    <row r="45456" spans="1:10" x14ac:dyDescent="0.35">
      <c r="A45456" s="1" t="s">
        <v>13870</v>
      </c>
      <c r="B45456" s="1" t="s">
        <v>151900</v>
      </c>
      <c r="C45456" s="1" t="s">
        <v>75</v>
      </c>
      <c r="D45456" s="1" t="s">
        <v>59516</v>
      </c>
      <c r="E45456" s="1" t="s">
        <v>154931</v>
      </c>
      <c r="F45456" s="1" t="s">
        <v>154932</v>
      </c>
      <c r="G45456" s="1" t="s">
        <v>154888</v>
      </c>
      <c r="H45456" s="1" t="s">
        <v>154889</v>
      </c>
      <c r="I45456" s="1" t="s">
        <v>151905</v>
      </c>
      <c r="J45456" s="1" t="s">
        <v>154933</v>
      </c>
    </row>
    <row r="45457" spans="1:10" x14ac:dyDescent="0.35">
      <c r="A45457" s="1" t="s">
        <v>13870</v>
      </c>
      <c r="B45457" s="1" t="s">
        <v>151900</v>
      </c>
      <c r="C45457" s="1" t="s">
        <v>80</v>
      </c>
      <c r="D45457" s="1" t="s">
        <v>147891</v>
      </c>
      <c r="E45457" s="1" t="s">
        <v>154934</v>
      </c>
      <c r="F45457" s="1" t="s">
        <v>154935</v>
      </c>
      <c r="G45457" s="1" t="s">
        <v>154888</v>
      </c>
      <c r="H45457" s="1" t="s">
        <v>154889</v>
      </c>
      <c r="I45457" s="1" t="s">
        <v>151905</v>
      </c>
      <c r="J45457" s="1" t="s">
        <v>154936</v>
      </c>
    </row>
    <row r="45458" spans="1:10" x14ac:dyDescent="0.35">
      <c r="A45458" s="1" t="s">
        <v>13870</v>
      </c>
      <c r="B45458" s="1" t="s">
        <v>151900</v>
      </c>
      <c r="C45458" s="1" t="s">
        <v>85</v>
      </c>
      <c r="D45458" s="1" t="s">
        <v>138645</v>
      </c>
      <c r="E45458" s="1" t="s">
        <v>154937</v>
      </c>
      <c r="F45458" s="1" t="s">
        <v>154938</v>
      </c>
      <c r="G45458" s="1" t="s">
        <v>154888</v>
      </c>
      <c r="H45458" s="1" t="s">
        <v>154889</v>
      </c>
      <c r="I45458" s="1" t="s">
        <v>151905</v>
      </c>
      <c r="J45458" s="1" t="s">
        <v>154939</v>
      </c>
    </row>
    <row r="45459" spans="1:10" x14ac:dyDescent="0.35">
      <c r="A45459" s="1" t="s">
        <v>13870</v>
      </c>
      <c r="B45459" s="1" t="s">
        <v>151900</v>
      </c>
      <c r="C45459" s="1" t="s">
        <v>90</v>
      </c>
      <c r="D45459" s="1" t="s">
        <v>154940</v>
      </c>
      <c r="E45459" s="1" t="s">
        <v>154941</v>
      </c>
      <c r="F45459" s="1" t="s">
        <v>154942</v>
      </c>
      <c r="G45459" s="1" t="s">
        <v>154888</v>
      </c>
      <c r="H45459" s="1" t="s">
        <v>154889</v>
      </c>
      <c r="I45459" s="1" t="s">
        <v>151905</v>
      </c>
      <c r="J45459" s="1" t="s">
        <v>154943</v>
      </c>
    </row>
    <row r="45460" spans="1:10" x14ac:dyDescent="0.35">
      <c r="A45460" s="1" t="s">
        <v>13870</v>
      </c>
      <c r="B45460" s="1" t="s">
        <v>151900</v>
      </c>
      <c r="C45460" s="1" t="s">
        <v>95</v>
      </c>
      <c r="D45460" s="1" t="s">
        <v>154944</v>
      </c>
      <c r="E45460" s="1" t="s">
        <v>154945</v>
      </c>
      <c r="F45460" s="1" t="s">
        <v>154946</v>
      </c>
      <c r="G45460" s="1" t="s">
        <v>154888</v>
      </c>
      <c r="H45460" s="1" t="s">
        <v>154889</v>
      </c>
      <c r="I45460" s="1" t="s">
        <v>151905</v>
      </c>
      <c r="J45460" s="1" t="s">
        <v>154947</v>
      </c>
    </row>
    <row r="45461" spans="1:10" x14ac:dyDescent="0.35">
      <c r="A45461" s="1" t="s">
        <v>13870</v>
      </c>
      <c r="B45461" s="1" t="s">
        <v>151900</v>
      </c>
      <c r="C45461" s="1" t="s">
        <v>100</v>
      </c>
      <c r="D45461" s="1" t="s">
        <v>26902</v>
      </c>
      <c r="E45461" s="1" t="s">
        <v>154948</v>
      </c>
      <c r="F45461" s="1" t="s">
        <v>154949</v>
      </c>
      <c r="G45461" s="1" t="s">
        <v>154888</v>
      </c>
      <c r="H45461" s="1" t="s">
        <v>154889</v>
      </c>
      <c r="I45461" s="1" t="s">
        <v>151905</v>
      </c>
      <c r="J45461" s="1" t="s">
        <v>154950</v>
      </c>
    </row>
    <row r="45462" spans="1:10" x14ac:dyDescent="0.35">
      <c r="A45462" s="1" t="s">
        <v>13870</v>
      </c>
      <c r="B45462" s="1" t="s">
        <v>151900</v>
      </c>
      <c r="C45462" s="1" t="s">
        <v>105</v>
      </c>
      <c r="D45462" s="1" t="s">
        <v>26445</v>
      </c>
      <c r="E45462" s="1" t="s">
        <v>154951</v>
      </c>
      <c r="F45462" s="1" t="s">
        <v>154952</v>
      </c>
      <c r="G45462" s="1" t="s">
        <v>154888</v>
      </c>
      <c r="H45462" s="1" t="s">
        <v>154889</v>
      </c>
      <c r="I45462" s="1" t="s">
        <v>151905</v>
      </c>
      <c r="J45462" s="1" t="s">
        <v>154953</v>
      </c>
    </row>
    <row r="45463" spans="1:10" x14ac:dyDescent="0.35">
      <c r="A45463" s="1" t="s">
        <v>13870</v>
      </c>
      <c r="B45463" s="1" t="s">
        <v>151900</v>
      </c>
      <c r="C45463" s="1" t="s">
        <v>110</v>
      </c>
      <c r="D45463" s="1" t="s">
        <v>154954</v>
      </c>
      <c r="E45463" s="1" t="s">
        <v>154955</v>
      </c>
      <c r="F45463" s="1" t="s">
        <v>154956</v>
      </c>
      <c r="G45463" s="1" t="s">
        <v>154888</v>
      </c>
      <c r="H45463" s="1" t="s">
        <v>154889</v>
      </c>
      <c r="I45463" s="1" t="s">
        <v>151905</v>
      </c>
      <c r="J45463" s="1" t="s">
        <v>154957</v>
      </c>
    </row>
    <row r="45464" spans="1:10" x14ac:dyDescent="0.35">
      <c r="A45464" s="1" t="s">
        <v>13870</v>
      </c>
      <c r="B45464" s="1" t="s">
        <v>151900</v>
      </c>
      <c r="C45464" s="1" t="s">
        <v>115</v>
      </c>
      <c r="D45464" s="1" t="s">
        <v>154958</v>
      </c>
      <c r="E45464" s="1" t="s">
        <v>154959</v>
      </c>
      <c r="F45464" s="1" t="s">
        <v>154960</v>
      </c>
      <c r="G45464" s="1" t="s">
        <v>154888</v>
      </c>
      <c r="H45464" s="1" t="s">
        <v>154889</v>
      </c>
      <c r="I45464" s="1" t="s">
        <v>151905</v>
      </c>
      <c r="J45464" s="1" t="s">
        <v>154961</v>
      </c>
    </row>
    <row r="45465" spans="1:10" x14ac:dyDescent="0.35">
      <c r="A45465" s="1" t="s">
        <v>13870</v>
      </c>
      <c r="B45465" s="1" t="s">
        <v>151900</v>
      </c>
      <c r="C45465" s="1" t="s">
        <v>120</v>
      </c>
      <c r="D45465" s="1" t="s">
        <v>126786</v>
      </c>
      <c r="E45465" s="1" t="s">
        <v>154962</v>
      </c>
      <c r="F45465" s="1" t="s">
        <v>154963</v>
      </c>
      <c r="G45465" s="1" t="s">
        <v>154888</v>
      </c>
      <c r="H45465" s="1" t="s">
        <v>154889</v>
      </c>
      <c r="I45465" s="1" t="s">
        <v>151905</v>
      </c>
      <c r="J45465" s="1" t="s">
        <v>154964</v>
      </c>
    </row>
    <row r="45466" spans="1:10" x14ac:dyDescent="0.35">
      <c r="A45466" s="1" t="s">
        <v>13870</v>
      </c>
      <c r="B45466" s="1" t="s">
        <v>151900</v>
      </c>
      <c r="C45466" s="1" t="s">
        <v>125</v>
      </c>
      <c r="D45466" s="1" t="s">
        <v>114018</v>
      </c>
      <c r="E45466" s="1" t="s">
        <v>154965</v>
      </c>
      <c r="F45466" s="1" t="s">
        <v>154966</v>
      </c>
      <c r="G45466" s="1" t="s">
        <v>154888</v>
      </c>
      <c r="H45466" s="1" t="s">
        <v>154889</v>
      </c>
      <c r="I45466" s="1" t="s">
        <v>151905</v>
      </c>
      <c r="J45466" s="1" t="s">
        <v>154967</v>
      </c>
    </row>
    <row r="45467" spans="1:10" x14ac:dyDescent="0.35">
      <c r="A45467" s="1" t="s">
        <v>13870</v>
      </c>
      <c r="B45467" s="1" t="s">
        <v>151900</v>
      </c>
      <c r="C45467" s="1" t="s">
        <v>130</v>
      </c>
      <c r="D45467" s="1" t="s">
        <v>61882</v>
      </c>
      <c r="E45467" s="1" t="s">
        <v>154968</v>
      </c>
      <c r="F45467" s="1" t="s">
        <v>154969</v>
      </c>
      <c r="G45467" s="1" t="s">
        <v>154888</v>
      </c>
      <c r="H45467" s="1" t="s">
        <v>154889</v>
      </c>
      <c r="I45467" s="1" t="s">
        <v>151905</v>
      </c>
      <c r="J45467" s="1" t="s">
        <v>154970</v>
      </c>
    </row>
    <row r="45468" spans="1:10" x14ac:dyDescent="0.35">
      <c r="A45468" s="1" t="s">
        <v>13870</v>
      </c>
      <c r="B45468" s="1" t="s">
        <v>151900</v>
      </c>
      <c r="C45468" s="1" t="s">
        <v>135</v>
      </c>
      <c r="D45468" s="1" t="s">
        <v>154971</v>
      </c>
      <c r="E45468" s="1" t="s">
        <v>154972</v>
      </c>
      <c r="F45468" s="1" t="s">
        <v>154973</v>
      </c>
      <c r="G45468" s="1" t="s">
        <v>154888</v>
      </c>
      <c r="H45468" s="1" t="s">
        <v>154889</v>
      </c>
      <c r="I45468" s="1" t="s">
        <v>151905</v>
      </c>
      <c r="J45468" s="1" t="s">
        <v>154974</v>
      </c>
    </row>
    <row r="45469" spans="1:10" x14ac:dyDescent="0.35">
      <c r="A45469" s="1" t="s">
        <v>13870</v>
      </c>
      <c r="B45469" s="1" t="s">
        <v>151900</v>
      </c>
      <c r="C45469" s="1" t="s">
        <v>140</v>
      </c>
      <c r="D45469" s="1" t="s">
        <v>154975</v>
      </c>
      <c r="E45469" s="1" t="s">
        <v>154976</v>
      </c>
      <c r="F45469" s="1" t="s">
        <v>154977</v>
      </c>
      <c r="G45469" s="1" t="s">
        <v>154888</v>
      </c>
      <c r="H45469" s="1" t="s">
        <v>154889</v>
      </c>
      <c r="I45469" s="1" t="s">
        <v>151905</v>
      </c>
      <c r="J45469" s="1" t="s">
        <v>154978</v>
      </c>
    </row>
    <row r="45470" spans="1:10" x14ac:dyDescent="0.35">
      <c r="A45470" s="1" t="s">
        <v>13870</v>
      </c>
      <c r="B45470" s="1" t="s">
        <v>151900</v>
      </c>
      <c r="C45470" s="1" t="s">
        <v>145</v>
      </c>
      <c r="D45470" s="1" t="s">
        <v>24047</v>
      </c>
      <c r="E45470" s="1" t="s">
        <v>154979</v>
      </c>
      <c r="F45470" s="1" t="s">
        <v>154980</v>
      </c>
      <c r="G45470" s="1" t="s">
        <v>154888</v>
      </c>
      <c r="H45470" s="1" t="s">
        <v>154889</v>
      </c>
      <c r="I45470" s="1" t="s">
        <v>151905</v>
      </c>
      <c r="J45470" s="1" t="s">
        <v>154981</v>
      </c>
    </row>
    <row r="45471" spans="1:10" x14ac:dyDescent="0.35">
      <c r="A45471" s="1" t="s">
        <v>13870</v>
      </c>
      <c r="B45471" s="1" t="s">
        <v>151900</v>
      </c>
      <c r="C45471" s="1" t="s">
        <v>150</v>
      </c>
      <c r="D45471" s="1" t="s">
        <v>154982</v>
      </c>
      <c r="E45471" s="1" t="s">
        <v>154983</v>
      </c>
      <c r="F45471" s="1" t="s">
        <v>154984</v>
      </c>
      <c r="G45471" s="1" t="s">
        <v>154888</v>
      </c>
      <c r="H45471" s="1" t="s">
        <v>154889</v>
      </c>
      <c r="I45471" s="1" t="s">
        <v>151905</v>
      </c>
      <c r="J45471" s="1" t="s">
        <v>154985</v>
      </c>
    </row>
    <row r="45472" spans="1:10" x14ac:dyDescent="0.35">
      <c r="A45472" s="1" t="s">
        <v>13870</v>
      </c>
      <c r="B45472" s="1" t="s">
        <v>151900</v>
      </c>
      <c r="C45472" s="1" t="s">
        <v>155</v>
      </c>
      <c r="D45472" s="1" t="s">
        <v>116684</v>
      </c>
      <c r="E45472" s="1" t="s">
        <v>154986</v>
      </c>
      <c r="F45472" s="1" t="s">
        <v>154987</v>
      </c>
      <c r="G45472" s="1" t="s">
        <v>154888</v>
      </c>
      <c r="H45472" s="1" t="s">
        <v>154889</v>
      </c>
      <c r="I45472" s="1" t="s">
        <v>151905</v>
      </c>
      <c r="J45472" s="1" t="s">
        <v>154988</v>
      </c>
    </row>
    <row r="45473" spans="1:10" x14ac:dyDescent="0.35">
      <c r="A45473" s="1" t="s">
        <v>13870</v>
      </c>
      <c r="B45473" s="1" t="s">
        <v>151900</v>
      </c>
      <c r="C45473" s="1" t="s">
        <v>160</v>
      </c>
      <c r="D45473" s="1" t="s">
        <v>154989</v>
      </c>
      <c r="E45473" s="1" t="s">
        <v>154990</v>
      </c>
      <c r="F45473" s="1" t="s">
        <v>154991</v>
      </c>
      <c r="G45473" s="1" t="s">
        <v>154888</v>
      </c>
      <c r="H45473" s="1" t="s">
        <v>154889</v>
      </c>
      <c r="I45473" s="1" t="s">
        <v>151905</v>
      </c>
      <c r="J45473" s="1" t="s">
        <v>154992</v>
      </c>
    </row>
    <row r="45474" spans="1:10" x14ac:dyDescent="0.35">
      <c r="A45474" s="1" t="s">
        <v>13870</v>
      </c>
      <c r="B45474" s="1" t="s">
        <v>151900</v>
      </c>
      <c r="C45474" s="1" t="s">
        <v>165</v>
      </c>
      <c r="D45474" s="1" t="s">
        <v>154993</v>
      </c>
      <c r="E45474" s="1" t="s">
        <v>154994</v>
      </c>
      <c r="F45474" s="1" t="s">
        <v>154995</v>
      </c>
      <c r="G45474" s="1" t="s">
        <v>154888</v>
      </c>
      <c r="H45474" s="1" t="s">
        <v>154889</v>
      </c>
      <c r="I45474" s="1" t="s">
        <v>151905</v>
      </c>
      <c r="J45474" s="1" t="s">
        <v>154996</v>
      </c>
    </row>
    <row r="45475" spans="1:10" x14ac:dyDescent="0.35">
      <c r="A45475" s="1" t="s">
        <v>13870</v>
      </c>
      <c r="B45475" s="1" t="s">
        <v>151900</v>
      </c>
      <c r="C45475" s="1" t="s">
        <v>170</v>
      </c>
      <c r="D45475" s="1" t="s">
        <v>154997</v>
      </c>
      <c r="E45475" s="1" t="s">
        <v>154998</v>
      </c>
      <c r="F45475" s="1" t="s">
        <v>154999</v>
      </c>
      <c r="G45475" s="1" t="s">
        <v>154888</v>
      </c>
      <c r="H45475" s="1" t="s">
        <v>154889</v>
      </c>
      <c r="I45475" s="1" t="s">
        <v>151905</v>
      </c>
      <c r="J45475" s="1" t="s">
        <v>155000</v>
      </c>
    </row>
    <row r="45476" spans="1:10" x14ac:dyDescent="0.35">
      <c r="A45476" s="1" t="s">
        <v>120676</v>
      </c>
      <c r="B45476" s="1" t="s">
        <v>151900</v>
      </c>
      <c r="C45476" s="1" t="s">
        <v>8</v>
      </c>
      <c r="D45476" s="1" t="s">
        <v>155001</v>
      </c>
      <c r="E45476" s="1" t="s">
        <v>155002</v>
      </c>
      <c r="F45476" s="1" t="s">
        <v>155003</v>
      </c>
      <c r="G45476" s="1" t="s">
        <v>155004</v>
      </c>
      <c r="H45476" s="1" t="s">
        <v>155005</v>
      </c>
      <c r="I45476" s="1" t="s">
        <v>151905</v>
      </c>
      <c r="J45476" s="1" t="s">
        <v>13</v>
      </c>
    </row>
    <row r="45477" spans="1:10" x14ac:dyDescent="0.35">
      <c r="A45477" s="1" t="s">
        <v>120676</v>
      </c>
      <c r="B45477" s="1" t="s">
        <v>151900</v>
      </c>
      <c r="C45477" s="1" t="s">
        <v>15</v>
      </c>
      <c r="D45477" s="1" t="s">
        <v>155006</v>
      </c>
      <c r="E45477" s="1" t="s">
        <v>155007</v>
      </c>
      <c r="F45477" s="1" t="s">
        <v>155008</v>
      </c>
      <c r="G45477" s="1" t="s">
        <v>155004</v>
      </c>
      <c r="H45477" s="1" t="s">
        <v>155005</v>
      </c>
      <c r="I45477" s="1" t="s">
        <v>151905</v>
      </c>
      <c r="J45477" s="1" t="s">
        <v>155009</v>
      </c>
    </row>
    <row r="45478" spans="1:10" x14ac:dyDescent="0.35">
      <c r="A45478" s="1" t="s">
        <v>120676</v>
      </c>
      <c r="B45478" s="1" t="s">
        <v>151900</v>
      </c>
      <c r="C45478" s="1" t="s">
        <v>20</v>
      </c>
      <c r="D45478" s="1" t="s">
        <v>155010</v>
      </c>
      <c r="E45478" s="1" t="s">
        <v>155011</v>
      </c>
      <c r="F45478" s="1" t="s">
        <v>155012</v>
      </c>
      <c r="G45478" s="1" t="s">
        <v>155004</v>
      </c>
      <c r="H45478" s="1" t="s">
        <v>155005</v>
      </c>
      <c r="I45478" s="1" t="s">
        <v>151905</v>
      </c>
      <c r="J45478" s="1" t="s">
        <v>155013</v>
      </c>
    </row>
    <row r="45479" spans="1:10" x14ac:dyDescent="0.35">
      <c r="A45479" s="1" t="s">
        <v>120676</v>
      </c>
      <c r="B45479" s="1" t="s">
        <v>151900</v>
      </c>
      <c r="C45479" s="1" t="s">
        <v>25</v>
      </c>
      <c r="D45479" s="1" t="s">
        <v>155014</v>
      </c>
      <c r="E45479" s="1" t="s">
        <v>155015</v>
      </c>
      <c r="F45479" s="1" t="s">
        <v>155016</v>
      </c>
      <c r="G45479" s="1" t="s">
        <v>155004</v>
      </c>
      <c r="H45479" s="1" t="s">
        <v>155005</v>
      </c>
      <c r="I45479" s="1" t="s">
        <v>151905</v>
      </c>
      <c r="J45479" s="1" t="s">
        <v>155017</v>
      </c>
    </row>
    <row r="45480" spans="1:10" x14ac:dyDescent="0.35">
      <c r="A45480" s="1" t="s">
        <v>120676</v>
      </c>
      <c r="B45480" s="1" t="s">
        <v>151900</v>
      </c>
      <c r="C45480" s="1" t="s">
        <v>30</v>
      </c>
      <c r="D45480" s="1" t="s">
        <v>155018</v>
      </c>
      <c r="E45480" s="1" t="s">
        <v>155019</v>
      </c>
      <c r="F45480" s="1" t="s">
        <v>155020</v>
      </c>
      <c r="G45480" s="1" t="s">
        <v>155004</v>
      </c>
      <c r="H45480" s="1" t="s">
        <v>155005</v>
      </c>
      <c r="I45480" s="1" t="s">
        <v>151905</v>
      </c>
      <c r="J45480" s="1" t="s">
        <v>155021</v>
      </c>
    </row>
    <row r="45481" spans="1:10" x14ac:dyDescent="0.35">
      <c r="A45481" s="1" t="s">
        <v>120676</v>
      </c>
      <c r="B45481" s="1" t="s">
        <v>151900</v>
      </c>
      <c r="C45481" s="1" t="s">
        <v>35</v>
      </c>
      <c r="D45481" s="1" t="s">
        <v>155022</v>
      </c>
      <c r="E45481" s="1" t="s">
        <v>155023</v>
      </c>
      <c r="F45481" s="1" t="s">
        <v>155024</v>
      </c>
      <c r="G45481" s="1" t="s">
        <v>155004</v>
      </c>
      <c r="H45481" s="1" t="s">
        <v>155005</v>
      </c>
      <c r="I45481" s="1" t="s">
        <v>151905</v>
      </c>
      <c r="J45481" s="1" t="s">
        <v>155025</v>
      </c>
    </row>
    <row r="45482" spans="1:10" x14ac:dyDescent="0.35">
      <c r="A45482" s="1" t="s">
        <v>120676</v>
      </c>
      <c r="B45482" s="1" t="s">
        <v>151900</v>
      </c>
      <c r="C45482" s="1" t="s">
        <v>40</v>
      </c>
      <c r="D45482" s="1" t="s">
        <v>155026</v>
      </c>
      <c r="E45482" s="1" t="s">
        <v>155027</v>
      </c>
      <c r="F45482" s="1" t="s">
        <v>155028</v>
      </c>
      <c r="G45482" s="1" t="s">
        <v>155004</v>
      </c>
      <c r="H45482" s="1" t="s">
        <v>155005</v>
      </c>
      <c r="I45482" s="1" t="s">
        <v>151905</v>
      </c>
      <c r="J45482" s="1" t="s">
        <v>155029</v>
      </c>
    </row>
    <row r="45483" spans="1:10" x14ac:dyDescent="0.35">
      <c r="A45483" s="1" t="s">
        <v>120676</v>
      </c>
      <c r="B45483" s="1" t="s">
        <v>151900</v>
      </c>
      <c r="C45483" s="1" t="s">
        <v>45</v>
      </c>
      <c r="D45483" s="1" t="s">
        <v>155030</v>
      </c>
      <c r="E45483" s="1" t="s">
        <v>155031</v>
      </c>
      <c r="F45483" s="1" t="s">
        <v>155032</v>
      </c>
      <c r="G45483" s="1" t="s">
        <v>155004</v>
      </c>
      <c r="H45483" s="1" t="s">
        <v>155005</v>
      </c>
      <c r="I45483" s="1" t="s">
        <v>151905</v>
      </c>
      <c r="J45483" s="1" t="s">
        <v>155033</v>
      </c>
    </row>
    <row r="45484" spans="1:10" x14ac:dyDescent="0.35">
      <c r="A45484" s="1" t="s">
        <v>120676</v>
      </c>
      <c r="B45484" s="1" t="s">
        <v>151900</v>
      </c>
      <c r="C45484" s="1" t="s">
        <v>50</v>
      </c>
      <c r="D45484" s="1" t="s">
        <v>149947</v>
      </c>
      <c r="E45484" s="1" t="s">
        <v>155034</v>
      </c>
      <c r="F45484" s="1" t="s">
        <v>155035</v>
      </c>
      <c r="G45484" s="1" t="s">
        <v>155004</v>
      </c>
      <c r="H45484" s="1" t="s">
        <v>155005</v>
      </c>
      <c r="I45484" s="1" t="s">
        <v>151905</v>
      </c>
      <c r="J45484" s="1" t="s">
        <v>155036</v>
      </c>
    </row>
    <row r="45485" spans="1:10" x14ac:dyDescent="0.35">
      <c r="A45485" s="1" t="s">
        <v>120676</v>
      </c>
      <c r="B45485" s="1" t="s">
        <v>151900</v>
      </c>
      <c r="C45485" s="1" t="s">
        <v>55</v>
      </c>
      <c r="D45485" s="1" t="s">
        <v>155037</v>
      </c>
      <c r="E45485" s="1" t="s">
        <v>155038</v>
      </c>
      <c r="F45485" s="1" t="s">
        <v>155039</v>
      </c>
      <c r="G45485" s="1" t="s">
        <v>155004</v>
      </c>
      <c r="H45485" s="1" t="s">
        <v>155005</v>
      </c>
      <c r="I45485" s="1" t="s">
        <v>151905</v>
      </c>
      <c r="J45485" s="1" t="s">
        <v>155040</v>
      </c>
    </row>
    <row r="45486" spans="1:10" x14ac:dyDescent="0.35">
      <c r="A45486" s="1" t="s">
        <v>120676</v>
      </c>
      <c r="B45486" s="1" t="s">
        <v>151900</v>
      </c>
      <c r="C45486" s="1" t="s">
        <v>60</v>
      </c>
      <c r="D45486" s="1" t="s">
        <v>107430</v>
      </c>
      <c r="E45486" s="1" t="s">
        <v>155041</v>
      </c>
      <c r="F45486" s="1" t="s">
        <v>155042</v>
      </c>
      <c r="G45486" s="1" t="s">
        <v>155004</v>
      </c>
      <c r="H45486" s="1" t="s">
        <v>155005</v>
      </c>
      <c r="I45486" s="1" t="s">
        <v>151905</v>
      </c>
      <c r="J45486" s="1" t="s">
        <v>155043</v>
      </c>
    </row>
    <row r="45487" spans="1:10" x14ac:dyDescent="0.35">
      <c r="A45487" s="1" t="s">
        <v>120676</v>
      </c>
      <c r="B45487" s="1" t="s">
        <v>151900</v>
      </c>
      <c r="C45487" s="1" t="s">
        <v>65</v>
      </c>
      <c r="D45487" s="1" t="s">
        <v>52950</v>
      </c>
      <c r="E45487" s="1" t="s">
        <v>155044</v>
      </c>
      <c r="F45487" s="1" t="s">
        <v>155045</v>
      </c>
      <c r="G45487" s="1" t="s">
        <v>155004</v>
      </c>
      <c r="H45487" s="1" t="s">
        <v>155005</v>
      </c>
      <c r="I45487" s="1" t="s">
        <v>151905</v>
      </c>
      <c r="J45487" s="1" t="s">
        <v>155046</v>
      </c>
    </row>
    <row r="45488" spans="1:10" x14ac:dyDescent="0.35">
      <c r="A45488" s="1" t="s">
        <v>120676</v>
      </c>
      <c r="B45488" s="1" t="s">
        <v>151900</v>
      </c>
      <c r="C45488" s="1" t="s">
        <v>70</v>
      </c>
      <c r="D45488" s="1" t="s">
        <v>155047</v>
      </c>
      <c r="E45488" s="1" t="s">
        <v>155048</v>
      </c>
      <c r="F45488" s="1" t="s">
        <v>155049</v>
      </c>
      <c r="G45488" s="1" t="s">
        <v>155004</v>
      </c>
      <c r="H45488" s="1" t="s">
        <v>155005</v>
      </c>
      <c r="I45488" s="1" t="s">
        <v>151905</v>
      </c>
      <c r="J45488" s="1" t="s">
        <v>155050</v>
      </c>
    </row>
    <row r="45489" spans="1:10" x14ac:dyDescent="0.35">
      <c r="A45489" s="1" t="s">
        <v>120676</v>
      </c>
      <c r="B45489" s="1" t="s">
        <v>151900</v>
      </c>
      <c r="C45489" s="1" t="s">
        <v>75</v>
      </c>
      <c r="D45489" s="1" t="s">
        <v>155051</v>
      </c>
      <c r="E45489" s="1" t="s">
        <v>155052</v>
      </c>
      <c r="F45489" s="1" t="s">
        <v>155053</v>
      </c>
      <c r="G45489" s="1" t="s">
        <v>155004</v>
      </c>
      <c r="H45489" s="1" t="s">
        <v>155005</v>
      </c>
      <c r="I45489" s="1" t="s">
        <v>151905</v>
      </c>
      <c r="J45489" s="1" t="s">
        <v>155054</v>
      </c>
    </row>
    <row r="45490" spans="1:10" x14ac:dyDescent="0.35">
      <c r="A45490" s="1" t="s">
        <v>120676</v>
      </c>
      <c r="B45490" s="1" t="s">
        <v>151900</v>
      </c>
      <c r="C45490" s="1" t="s">
        <v>80</v>
      </c>
      <c r="D45490" s="1" t="s">
        <v>155055</v>
      </c>
      <c r="E45490" s="1" t="s">
        <v>155056</v>
      </c>
      <c r="F45490" s="1" t="s">
        <v>155057</v>
      </c>
      <c r="G45490" s="1" t="s">
        <v>155004</v>
      </c>
      <c r="H45490" s="1" t="s">
        <v>155005</v>
      </c>
      <c r="I45490" s="1" t="s">
        <v>151905</v>
      </c>
      <c r="J45490" s="1" t="s">
        <v>154092</v>
      </c>
    </row>
    <row r="45491" spans="1:10" x14ac:dyDescent="0.35">
      <c r="A45491" s="1" t="s">
        <v>120676</v>
      </c>
      <c r="B45491" s="1" t="s">
        <v>151900</v>
      </c>
      <c r="C45491" s="1" t="s">
        <v>85</v>
      </c>
      <c r="D45491" s="1" t="s">
        <v>155058</v>
      </c>
      <c r="E45491" s="1" t="s">
        <v>155059</v>
      </c>
      <c r="F45491" s="1" t="s">
        <v>155060</v>
      </c>
      <c r="G45491" s="1" t="s">
        <v>155004</v>
      </c>
      <c r="H45491" s="1" t="s">
        <v>155005</v>
      </c>
      <c r="I45491" s="1" t="s">
        <v>151905</v>
      </c>
      <c r="J45491" s="1" t="s">
        <v>155061</v>
      </c>
    </row>
    <row r="45492" spans="1:10" x14ac:dyDescent="0.35">
      <c r="A45492" s="1" t="s">
        <v>120676</v>
      </c>
      <c r="B45492" s="1" t="s">
        <v>151900</v>
      </c>
      <c r="C45492" s="1" t="s">
        <v>90</v>
      </c>
      <c r="D45492" s="1" t="s">
        <v>109347</v>
      </c>
      <c r="E45492" s="1" t="s">
        <v>155062</v>
      </c>
      <c r="F45492" s="1" t="s">
        <v>155063</v>
      </c>
      <c r="G45492" s="1" t="s">
        <v>155004</v>
      </c>
      <c r="H45492" s="1" t="s">
        <v>155005</v>
      </c>
      <c r="I45492" s="1" t="s">
        <v>151905</v>
      </c>
      <c r="J45492" s="1" t="s">
        <v>155064</v>
      </c>
    </row>
    <row r="45493" spans="1:10" x14ac:dyDescent="0.35">
      <c r="A45493" s="1" t="s">
        <v>120676</v>
      </c>
      <c r="B45493" s="1" t="s">
        <v>151900</v>
      </c>
      <c r="C45493" s="1" t="s">
        <v>95</v>
      </c>
      <c r="D45493" s="1" t="s">
        <v>65065</v>
      </c>
      <c r="E45493" s="1" t="s">
        <v>155065</v>
      </c>
      <c r="F45493" s="1" t="s">
        <v>155066</v>
      </c>
      <c r="G45493" s="1" t="s">
        <v>155004</v>
      </c>
      <c r="H45493" s="1" t="s">
        <v>155005</v>
      </c>
      <c r="I45493" s="1" t="s">
        <v>151905</v>
      </c>
      <c r="J45493" s="1" t="s">
        <v>155067</v>
      </c>
    </row>
    <row r="45494" spans="1:10" x14ac:dyDescent="0.35">
      <c r="A45494" s="1" t="s">
        <v>120676</v>
      </c>
      <c r="B45494" s="1" t="s">
        <v>151900</v>
      </c>
      <c r="C45494" s="1" t="s">
        <v>100</v>
      </c>
      <c r="D45494" s="1" t="s">
        <v>24308</v>
      </c>
      <c r="E45494" s="1" t="s">
        <v>155068</v>
      </c>
      <c r="F45494" s="1" t="s">
        <v>155069</v>
      </c>
      <c r="G45494" s="1" t="s">
        <v>155004</v>
      </c>
      <c r="H45494" s="1" t="s">
        <v>155005</v>
      </c>
      <c r="I45494" s="1" t="s">
        <v>151905</v>
      </c>
      <c r="J45494" s="1" t="s">
        <v>155070</v>
      </c>
    </row>
    <row r="45495" spans="1:10" x14ac:dyDescent="0.35">
      <c r="A45495" s="1" t="s">
        <v>120676</v>
      </c>
      <c r="B45495" s="1" t="s">
        <v>151900</v>
      </c>
      <c r="C45495" s="1" t="s">
        <v>105</v>
      </c>
      <c r="D45495" s="1" t="s">
        <v>155071</v>
      </c>
      <c r="E45495" s="1" t="s">
        <v>155072</v>
      </c>
      <c r="F45495" s="1" t="s">
        <v>155073</v>
      </c>
      <c r="G45495" s="1" t="s">
        <v>155004</v>
      </c>
      <c r="H45495" s="1" t="s">
        <v>155005</v>
      </c>
      <c r="I45495" s="1" t="s">
        <v>151905</v>
      </c>
      <c r="J45495" s="1" t="s">
        <v>155074</v>
      </c>
    </row>
    <row r="45496" spans="1:10" x14ac:dyDescent="0.35">
      <c r="A45496" s="1" t="s">
        <v>120676</v>
      </c>
      <c r="B45496" s="1" t="s">
        <v>151900</v>
      </c>
      <c r="C45496" s="1" t="s">
        <v>110</v>
      </c>
      <c r="D45496" s="1" t="s">
        <v>154639</v>
      </c>
      <c r="E45496" s="1" t="s">
        <v>155075</v>
      </c>
      <c r="F45496" s="1" t="s">
        <v>155076</v>
      </c>
      <c r="G45496" s="1" t="s">
        <v>155004</v>
      </c>
      <c r="H45496" s="1" t="s">
        <v>155005</v>
      </c>
      <c r="I45496" s="1" t="s">
        <v>151905</v>
      </c>
      <c r="J45496" s="1" t="s">
        <v>155077</v>
      </c>
    </row>
    <row r="45497" spans="1:10" x14ac:dyDescent="0.35">
      <c r="A45497" s="1" t="s">
        <v>120676</v>
      </c>
      <c r="B45497" s="1" t="s">
        <v>151900</v>
      </c>
      <c r="C45497" s="1" t="s">
        <v>115</v>
      </c>
      <c r="D45497" s="1" t="s">
        <v>155078</v>
      </c>
      <c r="E45497" s="1" t="s">
        <v>155079</v>
      </c>
      <c r="F45497" s="1" t="s">
        <v>155080</v>
      </c>
      <c r="G45497" s="1" t="s">
        <v>155004</v>
      </c>
      <c r="H45497" s="1" t="s">
        <v>155005</v>
      </c>
      <c r="I45497" s="1" t="s">
        <v>151905</v>
      </c>
      <c r="J45497" s="1" t="s">
        <v>155081</v>
      </c>
    </row>
    <row r="45498" spans="1:10" x14ac:dyDescent="0.35">
      <c r="A45498" s="1" t="s">
        <v>120676</v>
      </c>
      <c r="B45498" s="1" t="s">
        <v>151900</v>
      </c>
      <c r="C45498" s="1" t="s">
        <v>120</v>
      </c>
      <c r="D45498" s="1" t="s">
        <v>60295</v>
      </c>
      <c r="E45498" s="1" t="s">
        <v>155082</v>
      </c>
      <c r="F45498" s="1" t="s">
        <v>155083</v>
      </c>
      <c r="G45498" s="1" t="s">
        <v>155004</v>
      </c>
      <c r="H45498" s="1" t="s">
        <v>155005</v>
      </c>
      <c r="I45498" s="1" t="s">
        <v>151905</v>
      </c>
      <c r="J45498" s="1" t="s">
        <v>155084</v>
      </c>
    </row>
    <row r="45499" spans="1:10" x14ac:dyDescent="0.35">
      <c r="A45499" s="1" t="s">
        <v>120676</v>
      </c>
      <c r="B45499" s="1" t="s">
        <v>151900</v>
      </c>
      <c r="C45499" s="1" t="s">
        <v>125</v>
      </c>
      <c r="D45499" s="1" t="s">
        <v>66526</v>
      </c>
      <c r="E45499" s="1" t="s">
        <v>155085</v>
      </c>
      <c r="F45499" s="1" t="s">
        <v>155086</v>
      </c>
      <c r="G45499" s="1" t="s">
        <v>155004</v>
      </c>
      <c r="H45499" s="1" t="s">
        <v>155005</v>
      </c>
      <c r="I45499" s="1" t="s">
        <v>151905</v>
      </c>
      <c r="J45499" s="1" t="s">
        <v>155087</v>
      </c>
    </row>
    <row r="45500" spans="1:10" x14ac:dyDescent="0.35">
      <c r="A45500" s="1" t="s">
        <v>120676</v>
      </c>
      <c r="B45500" s="1" t="s">
        <v>151900</v>
      </c>
      <c r="C45500" s="1" t="s">
        <v>130</v>
      </c>
      <c r="D45500" s="1" t="s">
        <v>155088</v>
      </c>
      <c r="E45500" s="1" t="s">
        <v>155089</v>
      </c>
      <c r="F45500" s="1" t="s">
        <v>155090</v>
      </c>
      <c r="G45500" s="1" t="s">
        <v>155004</v>
      </c>
      <c r="H45500" s="1" t="s">
        <v>155005</v>
      </c>
      <c r="I45500" s="1" t="s">
        <v>151905</v>
      </c>
      <c r="J45500" s="1" t="s">
        <v>155091</v>
      </c>
    </row>
    <row r="45501" spans="1:10" x14ac:dyDescent="0.35">
      <c r="A45501" s="1" t="s">
        <v>120676</v>
      </c>
      <c r="B45501" s="1" t="s">
        <v>151900</v>
      </c>
      <c r="C45501" s="1" t="s">
        <v>135</v>
      </c>
      <c r="D45501" s="1" t="s">
        <v>59662</v>
      </c>
      <c r="E45501" s="1" t="s">
        <v>50552</v>
      </c>
      <c r="F45501" s="1" t="s">
        <v>155092</v>
      </c>
      <c r="G45501" s="1" t="s">
        <v>155004</v>
      </c>
      <c r="H45501" s="1" t="s">
        <v>155005</v>
      </c>
      <c r="I45501" s="1" t="s">
        <v>151905</v>
      </c>
      <c r="J45501" s="1" t="s">
        <v>155093</v>
      </c>
    </row>
    <row r="45502" spans="1:10" x14ac:dyDescent="0.35">
      <c r="A45502" s="1" t="s">
        <v>120676</v>
      </c>
      <c r="B45502" s="1" t="s">
        <v>151900</v>
      </c>
      <c r="C45502" s="1" t="s">
        <v>140</v>
      </c>
      <c r="D45502" s="1" t="s">
        <v>155094</v>
      </c>
      <c r="E45502" s="1" t="s">
        <v>155095</v>
      </c>
      <c r="F45502" s="1" t="s">
        <v>155096</v>
      </c>
      <c r="G45502" s="1" t="s">
        <v>155004</v>
      </c>
      <c r="H45502" s="1" t="s">
        <v>155005</v>
      </c>
      <c r="I45502" s="1" t="s">
        <v>151905</v>
      </c>
      <c r="J45502" s="1" t="s">
        <v>155097</v>
      </c>
    </row>
    <row r="45503" spans="1:10" x14ac:dyDescent="0.35">
      <c r="A45503" s="1" t="s">
        <v>120676</v>
      </c>
      <c r="B45503" s="1" t="s">
        <v>151900</v>
      </c>
      <c r="C45503" s="1" t="s">
        <v>145</v>
      </c>
      <c r="D45503" s="1" t="s">
        <v>155098</v>
      </c>
      <c r="E45503" s="1" t="s">
        <v>155099</v>
      </c>
      <c r="F45503" s="1" t="s">
        <v>155100</v>
      </c>
      <c r="G45503" s="1" t="s">
        <v>155004</v>
      </c>
      <c r="H45503" s="1" t="s">
        <v>155005</v>
      </c>
      <c r="I45503" s="1" t="s">
        <v>151905</v>
      </c>
      <c r="J45503" s="1" t="s">
        <v>155101</v>
      </c>
    </row>
    <row r="45504" spans="1:10" x14ac:dyDescent="0.35">
      <c r="A45504" s="1" t="s">
        <v>120676</v>
      </c>
      <c r="B45504" s="1" t="s">
        <v>151900</v>
      </c>
      <c r="C45504" s="1" t="s">
        <v>150</v>
      </c>
      <c r="D45504" s="1" t="s">
        <v>16965</v>
      </c>
      <c r="E45504" s="1" t="s">
        <v>155102</v>
      </c>
      <c r="F45504" s="1" t="s">
        <v>155103</v>
      </c>
      <c r="G45504" s="1" t="s">
        <v>155004</v>
      </c>
      <c r="H45504" s="1" t="s">
        <v>155005</v>
      </c>
      <c r="I45504" s="1" t="s">
        <v>151905</v>
      </c>
      <c r="J45504" s="1" t="s">
        <v>155104</v>
      </c>
    </row>
    <row r="45505" spans="1:10" x14ac:dyDescent="0.35">
      <c r="A45505" s="1" t="s">
        <v>120676</v>
      </c>
      <c r="B45505" s="1" t="s">
        <v>151900</v>
      </c>
      <c r="C45505" s="1" t="s">
        <v>155</v>
      </c>
      <c r="D45505" s="1" t="s">
        <v>107478</v>
      </c>
      <c r="E45505" s="1" t="s">
        <v>155105</v>
      </c>
      <c r="F45505" s="1" t="s">
        <v>155106</v>
      </c>
      <c r="G45505" s="1" t="s">
        <v>155004</v>
      </c>
      <c r="H45505" s="1" t="s">
        <v>155005</v>
      </c>
      <c r="I45505" s="1" t="s">
        <v>151905</v>
      </c>
      <c r="J45505" s="1" t="s">
        <v>155107</v>
      </c>
    </row>
    <row r="45506" spans="1:10" x14ac:dyDescent="0.35">
      <c r="A45506" s="1" t="s">
        <v>120676</v>
      </c>
      <c r="B45506" s="1" t="s">
        <v>151900</v>
      </c>
      <c r="C45506" s="1" t="s">
        <v>160</v>
      </c>
      <c r="D45506" s="1" t="s">
        <v>155108</v>
      </c>
      <c r="E45506" s="1" t="s">
        <v>155109</v>
      </c>
      <c r="F45506" s="1" t="s">
        <v>155110</v>
      </c>
      <c r="G45506" s="1" t="s">
        <v>155004</v>
      </c>
      <c r="H45506" s="1" t="s">
        <v>155005</v>
      </c>
      <c r="I45506" s="1" t="s">
        <v>151905</v>
      </c>
      <c r="J45506" s="1" t="s">
        <v>155111</v>
      </c>
    </row>
    <row r="45507" spans="1:10" x14ac:dyDescent="0.35">
      <c r="A45507" s="1" t="s">
        <v>120676</v>
      </c>
      <c r="B45507" s="1" t="s">
        <v>151900</v>
      </c>
      <c r="C45507" s="1" t="s">
        <v>165</v>
      </c>
      <c r="D45507" s="1" t="s">
        <v>155112</v>
      </c>
      <c r="E45507" s="1" t="s">
        <v>155113</v>
      </c>
      <c r="F45507" s="1" t="s">
        <v>155114</v>
      </c>
      <c r="G45507" s="1" t="s">
        <v>155004</v>
      </c>
      <c r="H45507" s="1" t="s">
        <v>155005</v>
      </c>
      <c r="I45507" s="1" t="s">
        <v>151905</v>
      </c>
      <c r="J45507" s="1" t="s">
        <v>155115</v>
      </c>
    </row>
    <row r="45508" spans="1:10" x14ac:dyDescent="0.35">
      <c r="A45508" s="1" t="s">
        <v>120676</v>
      </c>
      <c r="B45508" s="1" t="s">
        <v>151900</v>
      </c>
      <c r="C45508" s="1" t="s">
        <v>170</v>
      </c>
      <c r="D45508" s="1" t="s">
        <v>43064</v>
      </c>
      <c r="E45508" s="1" t="s">
        <v>155116</v>
      </c>
      <c r="F45508" s="1" t="s">
        <v>155117</v>
      </c>
      <c r="G45508" s="1" t="s">
        <v>155004</v>
      </c>
      <c r="H45508" s="1" t="s">
        <v>155005</v>
      </c>
      <c r="I45508" s="1" t="s">
        <v>151905</v>
      </c>
      <c r="J45508" s="1" t="s">
        <v>155118</v>
      </c>
    </row>
    <row r="45509" spans="1:10" x14ac:dyDescent="0.35">
      <c r="A45509" s="1" t="s">
        <v>27366</v>
      </c>
      <c r="B45509" s="1" t="s">
        <v>151900</v>
      </c>
      <c r="C45509" s="1" t="s">
        <v>8</v>
      </c>
      <c r="D45509" s="1" t="s">
        <v>155119</v>
      </c>
      <c r="E45509" s="1" t="s">
        <v>105293</v>
      </c>
      <c r="F45509" s="1" t="s">
        <v>155120</v>
      </c>
      <c r="G45509" s="1" t="s">
        <v>155121</v>
      </c>
      <c r="H45509" s="1" t="s">
        <v>155122</v>
      </c>
      <c r="I45509" s="1" t="s">
        <v>151905</v>
      </c>
      <c r="J45509" s="1" t="s">
        <v>13</v>
      </c>
    </row>
    <row r="45510" spans="1:10" x14ac:dyDescent="0.35">
      <c r="A45510" s="1" t="s">
        <v>27366</v>
      </c>
      <c r="B45510" s="1" t="s">
        <v>151900</v>
      </c>
      <c r="C45510" s="1" t="s">
        <v>15</v>
      </c>
      <c r="D45510" s="1" t="s">
        <v>155123</v>
      </c>
      <c r="E45510" s="1" t="s">
        <v>139761</v>
      </c>
      <c r="F45510" s="1" t="s">
        <v>155124</v>
      </c>
      <c r="G45510" s="1" t="s">
        <v>155121</v>
      </c>
      <c r="H45510" s="1" t="s">
        <v>155122</v>
      </c>
      <c r="I45510" s="1" t="s">
        <v>151905</v>
      </c>
      <c r="J45510" s="1" t="s">
        <v>155125</v>
      </c>
    </row>
    <row r="45511" spans="1:10" x14ac:dyDescent="0.35">
      <c r="A45511" s="1" t="s">
        <v>27366</v>
      </c>
      <c r="B45511" s="1" t="s">
        <v>151900</v>
      </c>
      <c r="C45511" s="1" t="s">
        <v>20</v>
      </c>
      <c r="D45511" s="1" t="s">
        <v>116569</v>
      </c>
      <c r="E45511" s="1" t="s">
        <v>128709</v>
      </c>
      <c r="F45511" s="1" t="s">
        <v>155126</v>
      </c>
      <c r="G45511" s="1" t="s">
        <v>155121</v>
      </c>
      <c r="H45511" s="1" t="s">
        <v>155122</v>
      </c>
      <c r="I45511" s="1" t="s">
        <v>151905</v>
      </c>
      <c r="J45511" s="1" t="s">
        <v>155127</v>
      </c>
    </row>
    <row r="45512" spans="1:10" x14ac:dyDescent="0.35">
      <c r="A45512" s="1" t="s">
        <v>27366</v>
      </c>
      <c r="B45512" s="1" t="s">
        <v>151900</v>
      </c>
      <c r="C45512" s="1" t="s">
        <v>25</v>
      </c>
      <c r="D45512" s="1" t="s">
        <v>155128</v>
      </c>
      <c r="E45512" s="1" t="s">
        <v>128796</v>
      </c>
      <c r="F45512" s="1" t="s">
        <v>58798</v>
      </c>
      <c r="G45512" s="1" t="s">
        <v>155121</v>
      </c>
      <c r="H45512" s="1" t="s">
        <v>155122</v>
      </c>
      <c r="I45512" s="1" t="s">
        <v>151905</v>
      </c>
      <c r="J45512" s="1" t="s">
        <v>155129</v>
      </c>
    </row>
    <row r="45513" spans="1:10" x14ac:dyDescent="0.35">
      <c r="A45513" s="1" t="s">
        <v>27366</v>
      </c>
      <c r="B45513" s="1" t="s">
        <v>151900</v>
      </c>
      <c r="C45513" s="1" t="s">
        <v>30</v>
      </c>
      <c r="D45513" s="1" t="s">
        <v>155130</v>
      </c>
      <c r="E45513" s="1" t="s">
        <v>129510</v>
      </c>
      <c r="F45513" s="1" t="s">
        <v>64800</v>
      </c>
      <c r="G45513" s="1" t="s">
        <v>155121</v>
      </c>
      <c r="H45513" s="1" t="s">
        <v>155122</v>
      </c>
      <c r="I45513" s="1" t="s">
        <v>151905</v>
      </c>
      <c r="J45513" s="1" t="s">
        <v>155131</v>
      </c>
    </row>
    <row r="45514" spans="1:10" x14ac:dyDescent="0.35">
      <c r="A45514" s="1" t="s">
        <v>27366</v>
      </c>
      <c r="B45514" s="1" t="s">
        <v>151900</v>
      </c>
      <c r="C45514" s="1" t="s">
        <v>35</v>
      </c>
      <c r="D45514" s="1" t="s">
        <v>50561</v>
      </c>
      <c r="E45514" s="1" t="s">
        <v>106000</v>
      </c>
      <c r="F45514" s="1" t="s">
        <v>155132</v>
      </c>
      <c r="G45514" s="1" t="s">
        <v>155121</v>
      </c>
      <c r="H45514" s="1" t="s">
        <v>155122</v>
      </c>
      <c r="I45514" s="1" t="s">
        <v>151905</v>
      </c>
      <c r="J45514" s="1" t="s">
        <v>155133</v>
      </c>
    </row>
    <row r="45515" spans="1:10" x14ac:dyDescent="0.35">
      <c r="A45515" s="1" t="s">
        <v>27366</v>
      </c>
      <c r="B45515" s="1" t="s">
        <v>151900</v>
      </c>
      <c r="C45515" s="1" t="s">
        <v>40</v>
      </c>
      <c r="D45515" s="1" t="s">
        <v>110948</v>
      </c>
      <c r="E45515" s="1" t="s">
        <v>106144</v>
      </c>
      <c r="F45515" s="1" t="s">
        <v>155134</v>
      </c>
      <c r="G45515" s="1" t="s">
        <v>155121</v>
      </c>
      <c r="H45515" s="1" t="s">
        <v>155122</v>
      </c>
      <c r="I45515" s="1" t="s">
        <v>151905</v>
      </c>
      <c r="J45515" s="1" t="s">
        <v>155135</v>
      </c>
    </row>
    <row r="45516" spans="1:10" x14ac:dyDescent="0.35">
      <c r="A45516" s="1" t="s">
        <v>27366</v>
      </c>
      <c r="B45516" s="1" t="s">
        <v>151900</v>
      </c>
      <c r="C45516" s="1" t="s">
        <v>45</v>
      </c>
      <c r="D45516" s="1" t="s">
        <v>3683</v>
      </c>
      <c r="E45516" s="1" t="s">
        <v>155136</v>
      </c>
      <c r="F45516" s="1" t="s">
        <v>155137</v>
      </c>
      <c r="G45516" s="1" t="s">
        <v>155121</v>
      </c>
      <c r="H45516" s="1" t="s">
        <v>155122</v>
      </c>
      <c r="I45516" s="1" t="s">
        <v>151905</v>
      </c>
      <c r="J45516" s="1" t="s">
        <v>155138</v>
      </c>
    </row>
    <row r="45517" spans="1:10" x14ac:dyDescent="0.35">
      <c r="A45517" s="1" t="s">
        <v>27366</v>
      </c>
      <c r="B45517" s="1" t="s">
        <v>151900</v>
      </c>
      <c r="C45517" s="1" t="s">
        <v>50</v>
      </c>
      <c r="D45517" s="1" t="s">
        <v>123333</v>
      </c>
      <c r="E45517" s="1" t="s">
        <v>16302</v>
      </c>
      <c r="F45517" s="1" t="s">
        <v>68284</v>
      </c>
      <c r="G45517" s="1" t="s">
        <v>155121</v>
      </c>
      <c r="H45517" s="1" t="s">
        <v>155122</v>
      </c>
      <c r="I45517" s="1" t="s">
        <v>151905</v>
      </c>
      <c r="J45517" s="1" t="s">
        <v>155139</v>
      </c>
    </row>
    <row r="45518" spans="1:10" x14ac:dyDescent="0.35">
      <c r="A45518" s="1" t="s">
        <v>27366</v>
      </c>
      <c r="B45518" s="1" t="s">
        <v>151900</v>
      </c>
      <c r="C45518" s="1" t="s">
        <v>55</v>
      </c>
      <c r="D45518" s="1" t="s">
        <v>17642</v>
      </c>
      <c r="E45518" s="1" t="s">
        <v>107606</v>
      </c>
      <c r="F45518" s="1" t="s">
        <v>155140</v>
      </c>
      <c r="G45518" s="1" t="s">
        <v>155121</v>
      </c>
      <c r="H45518" s="1" t="s">
        <v>155122</v>
      </c>
      <c r="I45518" s="1" t="s">
        <v>151905</v>
      </c>
      <c r="J45518" s="1" t="s">
        <v>155141</v>
      </c>
    </row>
    <row r="45519" spans="1:10" x14ac:dyDescent="0.35">
      <c r="A45519" s="1" t="s">
        <v>27366</v>
      </c>
      <c r="B45519" s="1" t="s">
        <v>151900</v>
      </c>
      <c r="C45519" s="1" t="s">
        <v>60</v>
      </c>
      <c r="D45519" s="1" t="s">
        <v>155142</v>
      </c>
      <c r="E45519" s="1" t="s">
        <v>129042</v>
      </c>
      <c r="F45519" s="1" t="s">
        <v>55876</v>
      </c>
      <c r="G45519" s="1" t="s">
        <v>155121</v>
      </c>
      <c r="H45519" s="1" t="s">
        <v>155122</v>
      </c>
      <c r="I45519" s="1" t="s">
        <v>151905</v>
      </c>
      <c r="J45519" s="1" t="s">
        <v>155143</v>
      </c>
    </row>
    <row r="45520" spans="1:10" x14ac:dyDescent="0.35">
      <c r="A45520" s="1" t="s">
        <v>27366</v>
      </c>
      <c r="B45520" s="1" t="s">
        <v>151900</v>
      </c>
      <c r="C45520" s="1" t="s">
        <v>65</v>
      </c>
      <c r="D45520" s="1" t="s">
        <v>155144</v>
      </c>
      <c r="E45520" s="1" t="s">
        <v>49788</v>
      </c>
      <c r="F45520" s="1" t="s">
        <v>60799</v>
      </c>
      <c r="G45520" s="1" t="s">
        <v>155121</v>
      </c>
      <c r="H45520" s="1" t="s">
        <v>155122</v>
      </c>
      <c r="I45520" s="1" t="s">
        <v>151905</v>
      </c>
      <c r="J45520" s="1" t="s">
        <v>155145</v>
      </c>
    </row>
    <row r="45521" spans="1:10" x14ac:dyDescent="0.35">
      <c r="A45521" s="1" t="s">
        <v>27366</v>
      </c>
      <c r="B45521" s="1" t="s">
        <v>151900</v>
      </c>
      <c r="C45521" s="1" t="s">
        <v>70</v>
      </c>
      <c r="D45521" s="1" t="s">
        <v>38222</v>
      </c>
      <c r="E45521" s="1" t="s">
        <v>155146</v>
      </c>
      <c r="F45521" s="1" t="s">
        <v>155147</v>
      </c>
      <c r="G45521" s="1" t="s">
        <v>155121</v>
      </c>
      <c r="H45521" s="1" t="s">
        <v>155122</v>
      </c>
      <c r="I45521" s="1" t="s">
        <v>151905</v>
      </c>
      <c r="J45521" s="1" t="s">
        <v>155148</v>
      </c>
    </row>
    <row r="45522" spans="1:10" x14ac:dyDescent="0.35">
      <c r="A45522" s="1" t="s">
        <v>27366</v>
      </c>
      <c r="B45522" s="1" t="s">
        <v>151900</v>
      </c>
      <c r="C45522" s="1" t="s">
        <v>75</v>
      </c>
      <c r="D45522" s="1" t="s">
        <v>135131</v>
      </c>
      <c r="E45522" s="1" t="s">
        <v>128816</v>
      </c>
      <c r="F45522" s="1" t="s">
        <v>155149</v>
      </c>
      <c r="G45522" s="1" t="s">
        <v>155121</v>
      </c>
      <c r="H45522" s="1" t="s">
        <v>155122</v>
      </c>
      <c r="I45522" s="1" t="s">
        <v>151905</v>
      </c>
      <c r="J45522" s="1" t="s">
        <v>155150</v>
      </c>
    </row>
    <row r="45523" spans="1:10" x14ac:dyDescent="0.35">
      <c r="A45523" s="1" t="s">
        <v>27366</v>
      </c>
      <c r="B45523" s="1" t="s">
        <v>151900</v>
      </c>
      <c r="C45523" s="1" t="s">
        <v>80</v>
      </c>
      <c r="D45523" s="1" t="s">
        <v>155151</v>
      </c>
      <c r="E45523" s="1" t="s">
        <v>155152</v>
      </c>
      <c r="F45523" s="1" t="s">
        <v>155153</v>
      </c>
      <c r="G45523" s="1" t="s">
        <v>155121</v>
      </c>
      <c r="H45523" s="1" t="s">
        <v>155122</v>
      </c>
      <c r="I45523" s="1" t="s">
        <v>151905</v>
      </c>
      <c r="J45523" s="1" t="s">
        <v>155154</v>
      </c>
    </row>
    <row r="45524" spans="1:10" x14ac:dyDescent="0.35">
      <c r="A45524" s="1" t="s">
        <v>27366</v>
      </c>
      <c r="B45524" s="1" t="s">
        <v>151900</v>
      </c>
      <c r="C45524" s="1" t="s">
        <v>85</v>
      </c>
      <c r="D45524" s="1" t="s">
        <v>155155</v>
      </c>
      <c r="E45524" s="1" t="s">
        <v>107253</v>
      </c>
      <c r="F45524" s="1" t="s">
        <v>155156</v>
      </c>
      <c r="G45524" s="1" t="s">
        <v>155121</v>
      </c>
      <c r="H45524" s="1" t="s">
        <v>155122</v>
      </c>
      <c r="I45524" s="1" t="s">
        <v>151905</v>
      </c>
      <c r="J45524" s="1" t="s">
        <v>155157</v>
      </c>
    </row>
    <row r="45525" spans="1:10" x14ac:dyDescent="0.35">
      <c r="A45525" s="1" t="s">
        <v>27366</v>
      </c>
      <c r="B45525" s="1" t="s">
        <v>151900</v>
      </c>
      <c r="C45525" s="1" t="s">
        <v>90</v>
      </c>
      <c r="D45525" s="1" t="s">
        <v>155158</v>
      </c>
      <c r="E45525" s="1" t="s">
        <v>155159</v>
      </c>
      <c r="F45525" s="1" t="s">
        <v>155160</v>
      </c>
      <c r="G45525" s="1" t="s">
        <v>155121</v>
      </c>
      <c r="H45525" s="1" t="s">
        <v>155122</v>
      </c>
      <c r="I45525" s="1" t="s">
        <v>151905</v>
      </c>
      <c r="J45525" s="1" t="s">
        <v>155161</v>
      </c>
    </row>
    <row r="45526" spans="1:10" x14ac:dyDescent="0.35">
      <c r="A45526" s="1" t="s">
        <v>27366</v>
      </c>
      <c r="B45526" s="1" t="s">
        <v>151900</v>
      </c>
      <c r="C45526" s="1" t="s">
        <v>95</v>
      </c>
      <c r="D45526" s="1" t="s">
        <v>155162</v>
      </c>
      <c r="E45526" s="1" t="s">
        <v>106000</v>
      </c>
      <c r="F45526" s="1" t="s">
        <v>155163</v>
      </c>
      <c r="G45526" s="1" t="s">
        <v>155121</v>
      </c>
      <c r="H45526" s="1" t="s">
        <v>155122</v>
      </c>
      <c r="I45526" s="1" t="s">
        <v>151905</v>
      </c>
      <c r="J45526" s="1" t="s">
        <v>155164</v>
      </c>
    </row>
    <row r="45527" spans="1:10" x14ac:dyDescent="0.35">
      <c r="A45527" s="1" t="s">
        <v>27366</v>
      </c>
      <c r="B45527" s="1" t="s">
        <v>151900</v>
      </c>
      <c r="C45527" s="1" t="s">
        <v>100</v>
      </c>
      <c r="D45527" s="1" t="s">
        <v>17971</v>
      </c>
      <c r="E45527" s="1" t="s">
        <v>155165</v>
      </c>
      <c r="F45527" s="1" t="s">
        <v>142850</v>
      </c>
      <c r="G45527" s="1" t="s">
        <v>155121</v>
      </c>
      <c r="H45527" s="1" t="s">
        <v>155122</v>
      </c>
      <c r="I45527" s="1" t="s">
        <v>151905</v>
      </c>
      <c r="J45527" s="1" t="s">
        <v>155166</v>
      </c>
    </row>
    <row r="45528" spans="1:10" x14ac:dyDescent="0.35">
      <c r="A45528" s="1" t="s">
        <v>27366</v>
      </c>
      <c r="B45528" s="1" t="s">
        <v>151900</v>
      </c>
      <c r="C45528" s="1" t="s">
        <v>105</v>
      </c>
      <c r="D45528" s="1" t="s">
        <v>18553</v>
      </c>
      <c r="E45528" s="1" t="s">
        <v>155167</v>
      </c>
      <c r="F45528" s="1" t="s">
        <v>155168</v>
      </c>
      <c r="G45528" s="1" t="s">
        <v>155121</v>
      </c>
      <c r="H45528" s="1" t="s">
        <v>155122</v>
      </c>
      <c r="I45528" s="1" t="s">
        <v>151905</v>
      </c>
      <c r="J45528" s="1" t="s">
        <v>155169</v>
      </c>
    </row>
    <row r="45529" spans="1:10" x14ac:dyDescent="0.35">
      <c r="A45529" s="1" t="s">
        <v>27366</v>
      </c>
      <c r="B45529" s="1" t="s">
        <v>151900</v>
      </c>
      <c r="C45529" s="1" t="s">
        <v>110</v>
      </c>
      <c r="D45529" s="1" t="s">
        <v>43167</v>
      </c>
      <c r="E45529" s="1" t="s">
        <v>16268</v>
      </c>
      <c r="F45529" s="1" t="s">
        <v>100991</v>
      </c>
      <c r="G45529" s="1" t="s">
        <v>155121</v>
      </c>
      <c r="H45529" s="1" t="s">
        <v>155122</v>
      </c>
      <c r="I45529" s="1" t="s">
        <v>151905</v>
      </c>
      <c r="J45529" s="1" t="s">
        <v>155170</v>
      </c>
    </row>
    <row r="45530" spans="1:10" x14ac:dyDescent="0.35">
      <c r="A45530" s="1" t="s">
        <v>27366</v>
      </c>
      <c r="B45530" s="1" t="s">
        <v>151900</v>
      </c>
      <c r="C45530" s="1" t="s">
        <v>115</v>
      </c>
      <c r="D45530" s="1" t="s">
        <v>50302</v>
      </c>
      <c r="E45530" s="1" t="s">
        <v>94784</v>
      </c>
      <c r="F45530" s="1" t="s">
        <v>155171</v>
      </c>
      <c r="G45530" s="1" t="s">
        <v>155121</v>
      </c>
      <c r="H45530" s="1" t="s">
        <v>155122</v>
      </c>
      <c r="I45530" s="1" t="s">
        <v>151905</v>
      </c>
      <c r="J45530" s="1" t="s">
        <v>155172</v>
      </c>
    </row>
    <row r="45531" spans="1:10" x14ac:dyDescent="0.35">
      <c r="A45531" s="1" t="s">
        <v>27366</v>
      </c>
      <c r="B45531" s="1" t="s">
        <v>151900</v>
      </c>
      <c r="C45531" s="1" t="s">
        <v>120</v>
      </c>
      <c r="D45531" s="1" t="s">
        <v>155173</v>
      </c>
      <c r="E45531" s="1" t="s">
        <v>16305</v>
      </c>
      <c r="F45531" s="1" t="s">
        <v>100820</v>
      </c>
      <c r="G45531" s="1" t="s">
        <v>155121</v>
      </c>
      <c r="H45531" s="1" t="s">
        <v>155122</v>
      </c>
      <c r="I45531" s="1" t="s">
        <v>151905</v>
      </c>
      <c r="J45531" s="1" t="s">
        <v>155174</v>
      </c>
    </row>
    <row r="45532" spans="1:10" x14ac:dyDescent="0.35">
      <c r="A45532" s="1" t="s">
        <v>27366</v>
      </c>
      <c r="B45532" s="1" t="s">
        <v>151900</v>
      </c>
      <c r="C45532" s="1" t="s">
        <v>125</v>
      </c>
      <c r="D45532" s="1" t="s">
        <v>17214</v>
      </c>
      <c r="E45532" s="1" t="s">
        <v>129510</v>
      </c>
      <c r="F45532" s="1" t="s">
        <v>155175</v>
      </c>
      <c r="G45532" s="1" t="s">
        <v>155121</v>
      </c>
      <c r="H45532" s="1" t="s">
        <v>155122</v>
      </c>
      <c r="I45532" s="1" t="s">
        <v>151905</v>
      </c>
      <c r="J45532" s="1" t="s">
        <v>155176</v>
      </c>
    </row>
    <row r="45533" spans="1:10" x14ac:dyDescent="0.35">
      <c r="A45533" s="1" t="s">
        <v>27366</v>
      </c>
      <c r="B45533" s="1" t="s">
        <v>151900</v>
      </c>
      <c r="C45533" s="1" t="s">
        <v>130</v>
      </c>
      <c r="D45533" s="1" t="s">
        <v>123863</v>
      </c>
      <c r="E45533" s="1" t="s">
        <v>155177</v>
      </c>
      <c r="F45533" s="1" t="s">
        <v>155178</v>
      </c>
      <c r="G45533" s="1" t="s">
        <v>155121</v>
      </c>
      <c r="H45533" s="1" t="s">
        <v>155122</v>
      </c>
      <c r="I45533" s="1" t="s">
        <v>151905</v>
      </c>
      <c r="J45533" s="1" t="s">
        <v>155179</v>
      </c>
    </row>
    <row r="45534" spans="1:10" x14ac:dyDescent="0.35">
      <c r="A45534" s="1" t="s">
        <v>27366</v>
      </c>
      <c r="B45534" s="1" t="s">
        <v>151900</v>
      </c>
      <c r="C45534" s="1" t="s">
        <v>135</v>
      </c>
      <c r="D45534" s="1" t="s">
        <v>155180</v>
      </c>
      <c r="E45534" s="1" t="s">
        <v>49832</v>
      </c>
      <c r="F45534" s="1" t="s">
        <v>142993</v>
      </c>
      <c r="G45534" s="1" t="s">
        <v>155121</v>
      </c>
      <c r="H45534" s="1" t="s">
        <v>155122</v>
      </c>
      <c r="I45534" s="1" t="s">
        <v>151905</v>
      </c>
      <c r="J45534" s="1" t="s">
        <v>155181</v>
      </c>
    </row>
    <row r="45535" spans="1:10" x14ac:dyDescent="0.35">
      <c r="A45535" s="1" t="s">
        <v>27366</v>
      </c>
      <c r="B45535" s="1" t="s">
        <v>151900</v>
      </c>
      <c r="C45535" s="1" t="s">
        <v>140</v>
      </c>
      <c r="D45535" s="1" t="s">
        <v>19844</v>
      </c>
      <c r="E45535" s="1" t="s">
        <v>78776</v>
      </c>
      <c r="F45535" s="1" t="s">
        <v>66048</v>
      </c>
      <c r="G45535" s="1" t="s">
        <v>155121</v>
      </c>
      <c r="H45535" s="1" t="s">
        <v>155122</v>
      </c>
      <c r="I45535" s="1" t="s">
        <v>151905</v>
      </c>
      <c r="J45535" s="1" t="s">
        <v>155182</v>
      </c>
    </row>
    <row r="45536" spans="1:10" x14ac:dyDescent="0.35">
      <c r="A45536" s="1" t="s">
        <v>27366</v>
      </c>
      <c r="B45536" s="1" t="s">
        <v>151900</v>
      </c>
      <c r="C45536" s="1" t="s">
        <v>145</v>
      </c>
      <c r="D45536" s="1" t="s">
        <v>15823</v>
      </c>
      <c r="E45536" s="1" t="s">
        <v>155183</v>
      </c>
      <c r="F45536" s="1" t="s">
        <v>155184</v>
      </c>
      <c r="G45536" s="1" t="s">
        <v>155121</v>
      </c>
      <c r="H45536" s="1" t="s">
        <v>155122</v>
      </c>
      <c r="I45536" s="1" t="s">
        <v>151905</v>
      </c>
      <c r="J45536" s="1" t="s">
        <v>155185</v>
      </c>
    </row>
    <row r="45537" spans="1:10" x14ac:dyDescent="0.35">
      <c r="A45537" s="1" t="s">
        <v>27366</v>
      </c>
      <c r="B45537" s="1" t="s">
        <v>151900</v>
      </c>
      <c r="C45537" s="1" t="s">
        <v>150</v>
      </c>
      <c r="D45537" s="1" t="s">
        <v>72997</v>
      </c>
      <c r="E45537" s="1" t="s">
        <v>81167</v>
      </c>
      <c r="F45537" s="1" t="s">
        <v>155186</v>
      </c>
      <c r="G45537" s="1" t="s">
        <v>155121</v>
      </c>
      <c r="H45537" s="1" t="s">
        <v>155122</v>
      </c>
      <c r="I45537" s="1" t="s">
        <v>151905</v>
      </c>
      <c r="J45537" s="1" t="s">
        <v>155187</v>
      </c>
    </row>
    <row r="45538" spans="1:10" x14ac:dyDescent="0.35">
      <c r="A45538" s="1" t="s">
        <v>27366</v>
      </c>
      <c r="B45538" s="1" t="s">
        <v>151900</v>
      </c>
      <c r="C45538" s="1" t="s">
        <v>155</v>
      </c>
      <c r="D45538" s="1" t="s">
        <v>148570</v>
      </c>
      <c r="E45538" s="1" t="s">
        <v>81161</v>
      </c>
      <c r="F45538" s="1" t="s">
        <v>155188</v>
      </c>
      <c r="G45538" s="1" t="s">
        <v>155121</v>
      </c>
      <c r="H45538" s="1" t="s">
        <v>155122</v>
      </c>
      <c r="I45538" s="1" t="s">
        <v>151905</v>
      </c>
      <c r="J45538" s="1" t="s">
        <v>155189</v>
      </c>
    </row>
    <row r="45539" spans="1:10" x14ac:dyDescent="0.35">
      <c r="A45539" s="1" t="s">
        <v>27366</v>
      </c>
      <c r="B45539" s="1" t="s">
        <v>151900</v>
      </c>
      <c r="C45539" s="1" t="s">
        <v>160</v>
      </c>
      <c r="D45539" s="1" t="s">
        <v>110967</v>
      </c>
      <c r="E45539" s="1" t="s">
        <v>155190</v>
      </c>
      <c r="F45539" s="1" t="s">
        <v>155191</v>
      </c>
      <c r="G45539" s="1" t="s">
        <v>155121</v>
      </c>
      <c r="H45539" s="1" t="s">
        <v>155122</v>
      </c>
      <c r="I45539" s="1" t="s">
        <v>151905</v>
      </c>
      <c r="J45539" s="1" t="s">
        <v>155192</v>
      </c>
    </row>
    <row r="45540" spans="1:10" x14ac:dyDescent="0.35">
      <c r="A45540" s="1" t="s">
        <v>27366</v>
      </c>
      <c r="B45540" s="1" t="s">
        <v>151900</v>
      </c>
      <c r="C45540" s="1" t="s">
        <v>165</v>
      </c>
      <c r="D45540" s="1" t="s">
        <v>15310</v>
      </c>
      <c r="E45540" s="1" t="s">
        <v>155193</v>
      </c>
      <c r="F45540" s="1" t="s">
        <v>155194</v>
      </c>
      <c r="G45540" s="1" t="s">
        <v>155121</v>
      </c>
      <c r="H45540" s="1" t="s">
        <v>155122</v>
      </c>
      <c r="I45540" s="1" t="s">
        <v>151905</v>
      </c>
      <c r="J45540" s="1" t="s">
        <v>155195</v>
      </c>
    </row>
    <row r="45541" spans="1:10" x14ac:dyDescent="0.35">
      <c r="A45541" s="1" t="s">
        <v>27366</v>
      </c>
      <c r="B45541" s="1" t="s">
        <v>151900</v>
      </c>
      <c r="C45541" s="1" t="s">
        <v>170</v>
      </c>
      <c r="D45541" s="1" t="s">
        <v>38255</v>
      </c>
      <c r="E45541" s="1" t="s">
        <v>81178</v>
      </c>
      <c r="F45541" s="1" t="s">
        <v>155196</v>
      </c>
      <c r="G45541" s="1" t="s">
        <v>155121</v>
      </c>
      <c r="H45541" s="1" t="s">
        <v>155122</v>
      </c>
      <c r="I45541" s="1" t="s">
        <v>151905</v>
      </c>
      <c r="J45541" s="1" t="s">
        <v>155197</v>
      </c>
    </row>
    <row r="45542" spans="1:10" x14ac:dyDescent="0.35">
      <c r="A45542" s="1" t="s">
        <v>28395</v>
      </c>
      <c r="B45542" s="1" t="s">
        <v>151900</v>
      </c>
      <c r="C45542" s="1" t="s">
        <v>8</v>
      </c>
      <c r="D45542" s="1" t="s">
        <v>19790</v>
      </c>
      <c r="E45542" s="1" t="s">
        <v>155198</v>
      </c>
      <c r="F45542" s="1" t="s">
        <v>155199</v>
      </c>
      <c r="G45542" s="1" t="s">
        <v>155200</v>
      </c>
      <c r="H45542" s="1" t="s">
        <v>155201</v>
      </c>
      <c r="I45542" s="1" t="s">
        <v>151905</v>
      </c>
      <c r="J45542" s="1" t="s">
        <v>13</v>
      </c>
    </row>
    <row r="45543" spans="1:10" x14ac:dyDescent="0.35">
      <c r="A45543" s="1" t="s">
        <v>28395</v>
      </c>
      <c r="B45543" s="1" t="s">
        <v>151900</v>
      </c>
      <c r="C45543" s="1" t="s">
        <v>15</v>
      </c>
      <c r="D45543" s="1" t="s">
        <v>155202</v>
      </c>
      <c r="E45543" s="1" t="s">
        <v>155203</v>
      </c>
      <c r="F45543" s="1" t="s">
        <v>155204</v>
      </c>
      <c r="G45543" s="1" t="s">
        <v>155200</v>
      </c>
      <c r="H45543" s="1" t="s">
        <v>155201</v>
      </c>
      <c r="I45543" s="1" t="s">
        <v>151905</v>
      </c>
      <c r="J45543" s="1" t="s">
        <v>155205</v>
      </c>
    </row>
    <row r="45544" spans="1:10" x14ac:dyDescent="0.35">
      <c r="A45544" s="1" t="s">
        <v>28395</v>
      </c>
      <c r="B45544" s="1" t="s">
        <v>151900</v>
      </c>
      <c r="C45544" s="1" t="s">
        <v>20</v>
      </c>
      <c r="D45544" s="1" t="s">
        <v>36403</v>
      </c>
      <c r="E45544" s="1" t="s">
        <v>155206</v>
      </c>
      <c r="F45544" s="1" t="s">
        <v>155207</v>
      </c>
      <c r="G45544" s="1" t="s">
        <v>155200</v>
      </c>
      <c r="H45544" s="1" t="s">
        <v>155201</v>
      </c>
      <c r="I45544" s="1" t="s">
        <v>151905</v>
      </c>
      <c r="J45544" s="1" t="s">
        <v>155208</v>
      </c>
    </row>
    <row r="45545" spans="1:10" x14ac:dyDescent="0.35">
      <c r="A45545" s="1" t="s">
        <v>28395</v>
      </c>
      <c r="B45545" s="1" t="s">
        <v>151900</v>
      </c>
      <c r="C45545" s="1" t="s">
        <v>25</v>
      </c>
      <c r="D45545" s="1" t="s">
        <v>155209</v>
      </c>
      <c r="E45545" s="1" t="s">
        <v>155210</v>
      </c>
      <c r="F45545" s="1" t="s">
        <v>155211</v>
      </c>
      <c r="G45545" s="1" t="s">
        <v>155200</v>
      </c>
      <c r="H45545" s="1" t="s">
        <v>155201</v>
      </c>
      <c r="I45545" s="1" t="s">
        <v>151905</v>
      </c>
      <c r="J45545" s="1" t="s">
        <v>155212</v>
      </c>
    </row>
    <row r="45546" spans="1:10" x14ac:dyDescent="0.35">
      <c r="A45546" s="1" t="s">
        <v>28395</v>
      </c>
      <c r="B45546" s="1" t="s">
        <v>151900</v>
      </c>
      <c r="C45546" s="1" t="s">
        <v>30</v>
      </c>
      <c r="D45546" s="1" t="s">
        <v>155213</v>
      </c>
      <c r="E45546" s="1" t="s">
        <v>155214</v>
      </c>
      <c r="F45546" s="1" t="s">
        <v>155215</v>
      </c>
      <c r="G45546" s="1" t="s">
        <v>155200</v>
      </c>
      <c r="H45546" s="1" t="s">
        <v>155201</v>
      </c>
      <c r="I45546" s="1" t="s">
        <v>151905</v>
      </c>
      <c r="J45546" s="1" t="s">
        <v>155216</v>
      </c>
    </row>
    <row r="45547" spans="1:10" x14ac:dyDescent="0.35">
      <c r="A45547" s="1" t="s">
        <v>28395</v>
      </c>
      <c r="B45547" s="1" t="s">
        <v>151900</v>
      </c>
      <c r="C45547" s="1" t="s">
        <v>35</v>
      </c>
      <c r="D45547" s="1" t="s">
        <v>114273</v>
      </c>
      <c r="E45547" s="1" t="s">
        <v>155217</v>
      </c>
      <c r="F45547" s="1" t="s">
        <v>155218</v>
      </c>
      <c r="G45547" s="1" t="s">
        <v>155200</v>
      </c>
      <c r="H45547" s="1" t="s">
        <v>155201</v>
      </c>
      <c r="I45547" s="1" t="s">
        <v>151905</v>
      </c>
      <c r="J45547" s="1" t="s">
        <v>155219</v>
      </c>
    </row>
    <row r="45548" spans="1:10" x14ac:dyDescent="0.35">
      <c r="A45548" s="1" t="s">
        <v>28395</v>
      </c>
      <c r="B45548" s="1" t="s">
        <v>151900</v>
      </c>
      <c r="C45548" s="1" t="s">
        <v>40</v>
      </c>
      <c r="D45548" s="1" t="s">
        <v>74342</v>
      </c>
      <c r="E45548" s="1" t="s">
        <v>155220</v>
      </c>
      <c r="F45548" s="1" t="s">
        <v>155221</v>
      </c>
      <c r="G45548" s="1" t="s">
        <v>155200</v>
      </c>
      <c r="H45548" s="1" t="s">
        <v>155201</v>
      </c>
      <c r="I45548" s="1" t="s">
        <v>151905</v>
      </c>
      <c r="J45548" s="1" t="s">
        <v>155222</v>
      </c>
    </row>
    <row r="45549" spans="1:10" x14ac:dyDescent="0.35">
      <c r="A45549" s="1" t="s">
        <v>28395</v>
      </c>
      <c r="B45549" s="1" t="s">
        <v>151900</v>
      </c>
      <c r="C45549" s="1" t="s">
        <v>45</v>
      </c>
      <c r="D45549" s="1" t="s">
        <v>37162</v>
      </c>
      <c r="E45549" s="1" t="s">
        <v>155223</v>
      </c>
      <c r="F45549" s="1" t="s">
        <v>155224</v>
      </c>
      <c r="G45549" s="1" t="s">
        <v>155200</v>
      </c>
      <c r="H45549" s="1" t="s">
        <v>155201</v>
      </c>
      <c r="I45549" s="1" t="s">
        <v>151905</v>
      </c>
      <c r="J45549" s="1" t="s">
        <v>155225</v>
      </c>
    </row>
    <row r="45550" spans="1:10" x14ac:dyDescent="0.35">
      <c r="A45550" s="1" t="s">
        <v>28395</v>
      </c>
      <c r="B45550" s="1" t="s">
        <v>151900</v>
      </c>
      <c r="C45550" s="1" t="s">
        <v>50</v>
      </c>
      <c r="D45550" s="1" t="s">
        <v>155226</v>
      </c>
      <c r="E45550" s="1" t="s">
        <v>155227</v>
      </c>
      <c r="F45550" s="1" t="s">
        <v>155228</v>
      </c>
      <c r="G45550" s="1" t="s">
        <v>155200</v>
      </c>
      <c r="H45550" s="1" t="s">
        <v>155201</v>
      </c>
      <c r="I45550" s="1" t="s">
        <v>151905</v>
      </c>
      <c r="J45550" s="1" t="s">
        <v>155229</v>
      </c>
    </row>
    <row r="45551" spans="1:10" x14ac:dyDescent="0.35">
      <c r="A45551" s="1" t="s">
        <v>28395</v>
      </c>
      <c r="B45551" s="1" t="s">
        <v>151900</v>
      </c>
      <c r="C45551" s="1" t="s">
        <v>55</v>
      </c>
      <c r="D45551" s="1" t="s">
        <v>155230</v>
      </c>
      <c r="E45551" s="1" t="s">
        <v>155231</v>
      </c>
      <c r="F45551" s="1" t="s">
        <v>155232</v>
      </c>
      <c r="G45551" s="1" t="s">
        <v>155200</v>
      </c>
      <c r="H45551" s="1" t="s">
        <v>155201</v>
      </c>
      <c r="I45551" s="1" t="s">
        <v>151905</v>
      </c>
      <c r="J45551" s="1" t="s">
        <v>155233</v>
      </c>
    </row>
    <row r="45552" spans="1:10" x14ac:dyDescent="0.35">
      <c r="A45552" s="1" t="s">
        <v>28395</v>
      </c>
      <c r="B45552" s="1" t="s">
        <v>151900</v>
      </c>
      <c r="C45552" s="1" t="s">
        <v>60</v>
      </c>
      <c r="D45552" s="1" t="s">
        <v>11210</v>
      </c>
      <c r="E45552" s="1" t="s">
        <v>155234</v>
      </c>
      <c r="F45552" s="1" t="s">
        <v>155235</v>
      </c>
      <c r="G45552" s="1" t="s">
        <v>155200</v>
      </c>
      <c r="H45552" s="1" t="s">
        <v>155201</v>
      </c>
      <c r="I45552" s="1" t="s">
        <v>151905</v>
      </c>
      <c r="J45552" s="1" t="s">
        <v>155236</v>
      </c>
    </row>
    <row r="45553" spans="1:10" x14ac:dyDescent="0.35">
      <c r="A45553" s="1" t="s">
        <v>28395</v>
      </c>
      <c r="B45553" s="1" t="s">
        <v>151900</v>
      </c>
      <c r="C45553" s="1" t="s">
        <v>65</v>
      </c>
      <c r="D45553" s="1" t="s">
        <v>101</v>
      </c>
      <c r="E45553" s="1" t="s">
        <v>155237</v>
      </c>
      <c r="F45553" s="1" t="s">
        <v>155238</v>
      </c>
      <c r="G45553" s="1" t="s">
        <v>155200</v>
      </c>
      <c r="H45553" s="1" t="s">
        <v>155201</v>
      </c>
      <c r="I45553" s="1" t="s">
        <v>151905</v>
      </c>
      <c r="J45553" s="1" t="s">
        <v>155239</v>
      </c>
    </row>
    <row r="45554" spans="1:10" x14ac:dyDescent="0.35">
      <c r="A45554" s="1" t="s">
        <v>28395</v>
      </c>
      <c r="B45554" s="1" t="s">
        <v>151900</v>
      </c>
      <c r="C45554" s="1" t="s">
        <v>70</v>
      </c>
      <c r="D45554" s="1" t="s">
        <v>30925</v>
      </c>
      <c r="E45554" s="1" t="s">
        <v>155240</v>
      </c>
      <c r="F45554" s="1" t="s">
        <v>155241</v>
      </c>
      <c r="G45554" s="1" t="s">
        <v>155200</v>
      </c>
      <c r="H45554" s="1" t="s">
        <v>155201</v>
      </c>
      <c r="I45554" s="1" t="s">
        <v>151905</v>
      </c>
      <c r="J45554" s="1" t="s">
        <v>155242</v>
      </c>
    </row>
    <row r="45555" spans="1:10" x14ac:dyDescent="0.35">
      <c r="A45555" s="1" t="s">
        <v>28395</v>
      </c>
      <c r="B45555" s="1" t="s">
        <v>151900</v>
      </c>
      <c r="C45555" s="1" t="s">
        <v>75</v>
      </c>
      <c r="D45555" s="1" t="s">
        <v>155243</v>
      </c>
      <c r="E45555" s="1" t="s">
        <v>155244</v>
      </c>
      <c r="F45555" s="1" t="s">
        <v>155245</v>
      </c>
      <c r="G45555" s="1" t="s">
        <v>155200</v>
      </c>
      <c r="H45555" s="1" t="s">
        <v>155201</v>
      </c>
      <c r="I45555" s="1" t="s">
        <v>151905</v>
      </c>
      <c r="J45555" s="1" t="s">
        <v>155246</v>
      </c>
    </row>
    <row r="45556" spans="1:10" x14ac:dyDescent="0.35">
      <c r="A45556" s="1" t="s">
        <v>28395</v>
      </c>
      <c r="B45556" s="1" t="s">
        <v>151900</v>
      </c>
      <c r="C45556" s="1" t="s">
        <v>80</v>
      </c>
      <c r="D45556" s="1" t="s">
        <v>123204</v>
      </c>
      <c r="E45556" s="1" t="s">
        <v>155247</v>
      </c>
      <c r="F45556" s="1" t="s">
        <v>155248</v>
      </c>
      <c r="G45556" s="1" t="s">
        <v>155200</v>
      </c>
      <c r="H45556" s="1" t="s">
        <v>155201</v>
      </c>
      <c r="I45556" s="1" t="s">
        <v>151905</v>
      </c>
      <c r="J45556" s="1" t="s">
        <v>155249</v>
      </c>
    </row>
    <row r="45557" spans="1:10" x14ac:dyDescent="0.35">
      <c r="A45557" s="1" t="s">
        <v>28395</v>
      </c>
      <c r="B45557" s="1" t="s">
        <v>151900</v>
      </c>
      <c r="C45557" s="1" t="s">
        <v>85</v>
      </c>
      <c r="D45557" s="1" t="s">
        <v>2465</v>
      </c>
      <c r="E45557" s="1" t="s">
        <v>155250</v>
      </c>
      <c r="F45557" s="1" t="s">
        <v>155251</v>
      </c>
      <c r="G45557" s="1" t="s">
        <v>155200</v>
      </c>
      <c r="H45557" s="1" t="s">
        <v>155201</v>
      </c>
      <c r="I45557" s="1" t="s">
        <v>151905</v>
      </c>
      <c r="J45557" s="1" t="s">
        <v>155252</v>
      </c>
    </row>
    <row r="45558" spans="1:10" x14ac:dyDescent="0.35">
      <c r="A45558" s="1" t="s">
        <v>28395</v>
      </c>
      <c r="B45558" s="1" t="s">
        <v>151900</v>
      </c>
      <c r="C45558" s="1" t="s">
        <v>90</v>
      </c>
      <c r="D45558" s="1" t="s">
        <v>155253</v>
      </c>
      <c r="E45558" s="1" t="s">
        <v>155254</v>
      </c>
      <c r="F45558" s="1" t="s">
        <v>155255</v>
      </c>
      <c r="G45558" s="1" t="s">
        <v>155200</v>
      </c>
      <c r="H45558" s="1" t="s">
        <v>155201</v>
      </c>
      <c r="I45558" s="1" t="s">
        <v>151905</v>
      </c>
      <c r="J45558" s="1" t="s">
        <v>155256</v>
      </c>
    </row>
    <row r="45559" spans="1:10" x14ac:dyDescent="0.35">
      <c r="A45559" s="1" t="s">
        <v>28395</v>
      </c>
      <c r="B45559" s="1" t="s">
        <v>151900</v>
      </c>
      <c r="C45559" s="1" t="s">
        <v>95</v>
      </c>
      <c r="D45559" s="1" t="s">
        <v>155257</v>
      </c>
      <c r="E45559" s="1" t="s">
        <v>155258</v>
      </c>
      <c r="F45559" s="1" t="s">
        <v>155259</v>
      </c>
      <c r="G45559" s="1" t="s">
        <v>155200</v>
      </c>
      <c r="H45559" s="1" t="s">
        <v>155201</v>
      </c>
      <c r="I45559" s="1" t="s">
        <v>151905</v>
      </c>
      <c r="J45559" s="1" t="s">
        <v>155260</v>
      </c>
    </row>
    <row r="45560" spans="1:10" x14ac:dyDescent="0.35">
      <c r="A45560" s="1" t="s">
        <v>28395</v>
      </c>
      <c r="B45560" s="1" t="s">
        <v>151900</v>
      </c>
      <c r="C45560" s="1" t="s">
        <v>100</v>
      </c>
      <c r="D45560" s="1" t="s">
        <v>16858</v>
      </c>
      <c r="E45560" s="1" t="s">
        <v>155261</v>
      </c>
      <c r="F45560" s="1" t="s">
        <v>155262</v>
      </c>
      <c r="G45560" s="1" t="s">
        <v>155200</v>
      </c>
      <c r="H45560" s="1" t="s">
        <v>155201</v>
      </c>
      <c r="I45560" s="1" t="s">
        <v>151905</v>
      </c>
      <c r="J45560" s="1" t="s">
        <v>155263</v>
      </c>
    </row>
    <row r="45561" spans="1:10" x14ac:dyDescent="0.35">
      <c r="A45561" s="1" t="s">
        <v>28395</v>
      </c>
      <c r="B45561" s="1" t="s">
        <v>151900</v>
      </c>
      <c r="C45561" s="1" t="s">
        <v>105</v>
      </c>
      <c r="D45561" s="1" t="s">
        <v>32438</v>
      </c>
      <c r="E45561" s="1" t="s">
        <v>155264</v>
      </c>
      <c r="F45561" s="1" t="s">
        <v>155265</v>
      </c>
      <c r="G45561" s="1" t="s">
        <v>155200</v>
      </c>
      <c r="H45561" s="1" t="s">
        <v>155201</v>
      </c>
      <c r="I45561" s="1" t="s">
        <v>151905</v>
      </c>
      <c r="J45561" s="1" t="s">
        <v>155266</v>
      </c>
    </row>
    <row r="45562" spans="1:10" x14ac:dyDescent="0.35">
      <c r="A45562" s="1" t="s">
        <v>28395</v>
      </c>
      <c r="B45562" s="1" t="s">
        <v>151900</v>
      </c>
      <c r="C45562" s="1" t="s">
        <v>110</v>
      </c>
      <c r="D45562" s="1" t="s">
        <v>153904</v>
      </c>
      <c r="E45562" s="1" t="s">
        <v>155267</v>
      </c>
      <c r="F45562" s="1" t="s">
        <v>155268</v>
      </c>
      <c r="G45562" s="1" t="s">
        <v>155200</v>
      </c>
      <c r="H45562" s="1" t="s">
        <v>155201</v>
      </c>
      <c r="I45562" s="1" t="s">
        <v>151905</v>
      </c>
      <c r="J45562" s="1" t="s">
        <v>155269</v>
      </c>
    </row>
    <row r="45563" spans="1:10" x14ac:dyDescent="0.35">
      <c r="A45563" s="1" t="s">
        <v>28395</v>
      </c>
      <c r="B45563" s="1" t="s">
        <v>151900</v>
      </c>
      <c r="C45563" s="1" t="s">
        <v>115</v>
      </c>
      <c r="D45563" s="1" t="s">
        <v>155270</v>
      </c>
      <c r="E45563" s="1" t="s">
        <v>155271</v>
      </c>
      <c r="F45563" s="1" t="s">
        <v>155272</v>
      </c>
      <c r="G45563" s="1" t="s">
        <v>155200</v>
      </c>
      <c r="H45563" s="1" t="s">
        <v>155201</v>
      </c>
      <c r="I45563" s="1" t="s">
        <v>151905</v>
      </c>
      <c r="J45563" s="1" t="s">
        <v>155273</v>
      </c>
    </row>
    <row r="45564" spans="1:10" x14ac:dyDescent="0.35">
      <c r="A45564" s="1" t="s">
        <v>28395</v>
      </c>
      <c r="B45564" s="1" t="s">
        <v>151900</v>
      </c>
      <c r="C45564" s="1" t="s">
        <v>120</v>
      </c>
      <c r="D45564" s="1" t="s">
        <v>155274</v>
      </c>
      <c r="E45564" s="1" t="s">
        <v>155275</v>
      </c>
      <c r="F45564" s="1" t="s">
        <v>155276</v>
      </c>
      <c r="G45564" s="1" t="s">
        <v>155200</v>
      </c>
      <c r="H45564" s="1" t="s">
        <v>155201</v>
      </c>
      <c r="I45564" s="1" t="s">
        <v>151905</v>
      </c>
      <c r="J45564" s="1" t="s">
        <v>155277</v>
      </c>
    </row>
    <row r="45565" spans="1:10" x14ac:dyDescent="0.35">
      <c r="A45565" s="1" t="s">
        <v>28395</v>
      </c>
      <c r="B45565" s="1" t="s">
        <v>151900</v>
      </c>
      <c r="C45565" s="1" t="s">
        <v>125</v>
      </c>
      <c r="D45565" s="1" t="s">
        <v>155278</v>
      </c>
      <c r="E45565" s="1" t="s">
        <v>155279</v>
      </c>
      <c r="F45565" s="1" t="s">
        <v>155280</v>
      </c>
      <c r="G45565" s="1" t="s">
        <v>155200</v>
      </c>
      <c r="H45565" s="1" t="s">
        <v>155201</v>
      </c>
      <c r="I45565" s="1" t="s">
        <v>151905</v>
      </c>
      <c r="J45565" s="1" t="s">
        <v>155281</v>
      </c>
    </row>
    <row r="45566" spans="1:10" x14ac:dyDescent="0.35">
      <c r="A45566" s="1" t="s">
        <v>28395</v>
      </c>
      <c r="B45566" s="1" t="s">
        <v>151900</v>
      </c>
      <c r="C45566" s="1" t="s">
        <v>130</v>
      </c>
      <c r="D45566" s="1" t="s">
        <v>155282</v>
      </c>
      <c r="E45566" s="1" t="s">
        <v>155283</v>
      </c>
      <c r="F45566" s="1" t="s">
        <v>155284</v>
      </c>
      <c r="G45566" s="1" t="s">
        <v>155200</v>
      </c>
      <c r="H45566" s="1" t="s">
        <v>155201</v>
      </c>
      <c r="I45566" s="1" t="s">
        <v>151905</v>
      </c>
      <c r="J45566" s="1" t="s">
        <v>155285</v>
      </c>
    </row>
    <row r="45567" spans="1:10" x14ac:dyDescent="0.35">
      <c r="A45567" s="1" t="s">
        <v>28395</v>
      </c>
      <c r="B45567" s="1" t="s">
        <v>151900</v>
      </c>
      <c r="C45567" s="1" t="s">
        <v>135</v>
      </c>
      <c r="D45567" s="1" t="s">
        <v>31815</v>
      </c>
      <c r="E45567" s="1" t="s">
        <v>155286</v>
      </c>
      <c r="F45567" s="1" t="s">
        <v>155287</v>
      </c>
      <c r="G45567" s="1" t="s">
        <v>155200</v>
      </c>
      <c r="H45567" s="1" t="s">
        <v>155201</v>
      </c>
      <c r="I45567" s="1" t="s">
        <v>151905</v>
      </c>
      <c r="J45567" s="1" t="s">
        <v>155288</v>
      </c>
    </row>
    <row r="45568" spans="1:10" x14ac:dyDescent="0.35">
      <c r="A45568" s="1" t="s">
        <v>28395</v>
      </c>
      <c r="B45568" s="1" t="s">
        <v>151900</v>
      </c>
      <c r="C45568" s="1" t="s">
        <v>140</v>
      </c>
      <c r="D45568" s="1" t="s">
        <v>115150</v>
      </c>
      <c r="E45568" s="1" t="s">
        <v>155289</v>
      </c>
      <c r="F45568" s="1" t="s">
        <v>155290</v>
      </c>
      <c r="G45568" s="1" t="s">
        <v>155200</v>
      </c>
      <c r="H45568" s="1" t="s">
        <v>155201</v>
      </c>
      <c r="I45568" s="1" t="s">
        <v>151905</v>
      </c>
      <c r="J45568" s="1" t="s">
        <v>155291</v>
      </c>
    </row>
    <row r="45569" spans="1:10" x14ac:dyDescent="0.35">
      <c r="A45569" s="1" t="s">
        <v>28395</v>
      </c>
      <c r="B45569" s="1" t="s">
        <v>151900</v>
      </c>
      <c r="C45569" s="1" t="s">
        <v>145</v>
      </c>
      <c r="D45569" s="1" t="s">
        <v>155292</v>
      </c>
      <c r="E45569" s="1" t="s">
        <v>155293</v>
      </c>
      <c r="F45569" s="1" t="s">
        <v>155294</v>
      </c>
      <c r="G45569" s="1" t="s">
        <v>155200</v>
      </c>
      <c r="H45569" s="1" t="s">
        <v>155201</v>
      </c>
      <c r="I45569" s="1" t="s">
        <v>151905</v>
      </c>
      <c r="J45569" s="1" t="s">
        <v>155295</v>
      </c>
    </row>
    <row r="45570" spans="1:10" x14ac:dyDescent="0.35">
      <c r="A45570" s="1" t="s">
        <v>28395</v>
      </c>
      <c r="B45570" s="1" t="s">
        <v>151900</v>
      </c>
      <c r="C45570" s="1" t="s">
        <v>150</v>
      </c>
      <c r="D45570" s="1" t="s">
        <v>155296</v>
      </c>
      <c r="E45570" s="1" t="s">
        <v>155297</v>
      </c>
      <c r="F45570" s="1" t="s">
        <v>155298</v>
      </c>
      <c r="G45570" s="1" t="s">
        <v>155200</v>
      </c>
      <c r="H45570" s="1" t="s">
        <v>155201</v>
      </c>
      <c r="I45570" s="1" t="s">
        <v>151905</v>
      </c>
      <c r="J45570" s="1" t="s">
        <v>155299</v>
      </c>
    </row>
    <row r="45571" spans="1:10" x14ac:dyDescent="0.35">
      <c r="A45571" s="1" t="s">
        <v>28395</v>
      </c>
      <c r="B45571" s="1" t="s">
        <v>151900</v>
      </c>
      <c r="C45571" s="1" t="s">
        <v>155</v>
      </c>
      <c r="D45571" s="1" t="s">
        <v>42674</v>
      </c>
      <c r="E45571" s="1" t="s">
        <v>155300</v>
      </c>
      <c r="F45571" s="1" t="s">
        <v>155301</v>
      </c>
      <c r="G45571" s="1" t="s">
        <v>155200</v>
      </c>
      <c r="H45571" s="1" t="s">
        <v>155201</v>
      </c>
      <c r="I45571" s="1" t="s">
        <v>151905</v>
      </c>
      <c r="J45571" s="1" t="s">
        <v>155302</v>
      </c>
    </row>
    <row r="45572" spans="1:10" x14ac:dyDescent="0.35">
      <c r="A45572" s="1" t="s">
        <v>28395</v>
      </c>
      <c r="B45572" s="1" t="s">
        <v>151900</v>
      </c>
      <c r="C45572" s="1" t="s">
        <v>160</v>
      </c>
      <c r="D45572" s="1" t="s">
        <v>114843</v>
      </c>
      <c r="E45572" s="1" t="s">
        <v>155303</v>
      </c>
      <c r="F45572" s="1" t="s">
        <v>155304</v>
      </c>
      <c r="G45572" s="1" t="s">
        <v>155200</v>
      </c>
      <c r="H45572" s="1" t="s">
        <v>155201</v>
      </c>
      <c r="I45572" s="1" t="s">
        <v>151905</v>
      </c>
      <c r="J45572" s="1" t="s">
        <v>155305</v>
      </c>
    </row>
    <row r="45573" spans="1:10" x14ac:dyDescent="0.35">
      <c r="A45573" s="1" t="s">
        <v>28395</v>
      </c>
      <c r="B45573" s="1" t="s">
        <v>151900</v>
      </c>
      <c r="C45573" s="1" t="s">
        <v>165</v>
      </c>
      <c r="D45573" s="1" t="s">
        <v>123771</v>
      </c>
      <c r="E45573" s="1" t="s">
        <v>155306</v>
      </c>
      <c r="F45573" s="1" t="s">
        <v>155307</v>
      </c>
      <c r="G45573" s="1" t="s">
        <v>155200</v>
      </c>
      <c r="H45573" s="1" t="s">
        <v>155201</v>
      </c>
      <c r="I45573" s="1" t="s">
        <v>151905</v>
      </c>
      <c r="J45573" s="1" t="s">
        <v>155308</v>
      </c>
    </row>
    <row r="45574" spans="1:10" x14ac:dyDescent="0.35">
      <c r="A45574" s="1" t="s">
        <v>28395</v>
      </c>
      <c r="B45574" s="1" t="s">
        <v>151900</v>
      </c>
      <c r="C45574" s="1" t="s">
        <v>170</v>
      </c>
      <c r="D45574" s="1" t="s">
        <v>155309</v>
      </c>
      <c r="E45574" s="1" t="s">
        <v>155310</v>
      </c>
      <c r="F45574" s="1" t="s">
        <v>155311</v>
      </c>
      <c r="G45574" s="1" t="s">
        <v>155200</v>
      </c>
      <c r="H45574" s="1" t="s">
        <v>155201</v>
      </c>
      <c r="I45574" s="1" t="s">
        <v>151905</v>
      </c>
      <c r="J45574" s="1" t="s">
        <v>155312</v>
      </c>
    </row>
    <row r="45575" spans="1:10" x14ac:dyDescent="0.35">
      <c r="A45575" s="1" t="s">
        <v>45233</v>
      </c>
      <c r="B45575" s="1" t="s">
        <v>151900</v>
      </c>
      <c r="C45575" s="1" t="s">
        <v>8</v>
      </c>
      <c r="D45575" s="1" t="s">
        <v>37915</v>
      </c>
      <c r="E45575" s="1" t="s">
        <v>155313</v>
      </c>
      <c r="F45575" s="1" t="s">
        <v>155314</v>
      </c>
      <c r="G45575" s="1" t="s">
        <v>155315</v>
      </c>
      <c r="H45575" s="1" t="s">
        <v>155316</v>
      </c>
      <c r="I45575" s="1" t="s">
        <v>151905</v>
      </c>
      <c r="J45575" s="1" t="s">
        <v>13</v>
      </c>
    </row>
    <row r="45576" spans="1:10" x14ac:dyDescent="0.35">
      <c r="A45576" s="1" t="s">
        <v>45233</v>
      </c>
      <c r="B45576" s="1" t="s">
        <v>151900</v>
      </c>
      <c r="C45576" s="1" t="s">
        <v>15</v>
      </c>
      <c r="D45576" s="1" t="s">
        <v>10590</v>
      </c>
      <c r="E45576" s="1" t="s">
        <v>155317</v>
      </c>
      <c r="F45576" s="1" t="s">
        <v>155318</v>
      </c>
      <c r="G45576" s="1" t="s">
        <v>155315</v>
      </c>
      <c r="H45576" s="1" t="s">
        <v>155316</v>
      </c>
      <c r="I45576" s="1" t="s">
        <v>151905</v>
      </c>
      <c r="J45576" s="1" t="s">
        <v>155319</v>
      </c>
    </row>
    <row r="45577" spans="1:10" x14ac:dyDescent="0.35">
      <c r="A45577" s="1" t="s">
        <v>45233</v>
      </c>
      <c r="B45577" s="1" t="s">
        <v>151900</v>
      </c>
      <c r="C45577" s="1" t="s">
        <v>20</v>
      </c>
      <c r="D45577" s="1" t="s">
        <v>38424</v>
      </c>
      <c r="E45577" s="1" t="s">
        <v>155320</v>
      </c>
      <c r="F45577" s="1" t="s">
        <v>155321</v>
      </c>
      <c r="G45577" s="1" t="s">
        <v>155315</v>
      </c>
      <c r="H45577" s="1" t="s">
        <v>155316</v>
      </c>
      <c r="I45577" s="1" t="s">
        <v>151905</v>
      </c>
      <c r="J45577" s="1" t="s">
        <v>155322</v>
      </c>
    </row>
    <row r="45578" spans="1:10" x14ac:dyDescent="0.35">
      <c r="A45578" s="1" t="s">
        <v>45233</v>
      </c>
      <c r="B45578" s="1" t="s">
        <v>151900</v>
      </c>
      <c r="C45578" s="1" t="s">
        <v>25</v>
      </c>
      <c r="D45578" s="1" t="s">
        <v>15539</v>
      </c>
      <c r="E45578" s="1" t="s">
        <v>155323</v>
      </c>
      <c r="F45578" s="1" t="s">
        <v>155324</v>
      </c>
      <c r="G45578" s="1" t="s">
        <v>155315</v>
      </c>
      <c r="H45578" s="1" t="s">
        <v>155316</v>
      </c>
      <c r="I45578" s="1" t="s">
        <v>151905</v>
      </c>
      <c r="J45578" s="1" t="s">
        <v>155325</v>
      </c>
    </row>
    <row r="45579" spans="1:10" x14ac:dyDescent="0.35">
      <c r="A45579" s="1" t="s">
        <v>45233</v>
      </c>
      <c r="B45579" s="1" t="s">
        <v>151900</v>
      </c>
      <c r="C45579" s="1" t="s">
        <v>30</v>
      </c>
      <c r="D45579" s="1" t="s">
        <v>4206</v>
      </c>
      <c r="E45579" s="1" t="s">
        <v>155326</v>
      </c>
      <c r="F45579" s="1" t="s">
        <v>155327</v>
      </c>
      <c r="G45579" s="1" t="s">
        <v>155315</v>
      </c>
      <c r="H45579" s="1" t="s">
        <v>155316</v>
      </c>
      <c r="I45579" s="1" t="s">
        <v>151905</v>
      </c>
      <c r="J45579" s="1" t="s">
        <v>155328</v>
      </c>
    </row>
    <row r="45580" spans="1:10" x14ac:dyDescent="0.35">
      <c r="A45580" s="1" t="s">
        <v>45233</v>
      </c>
      <c r="B45580" s="1" t="s">
        <v>151900</v>
      </c>
      <c r="C45580" s="1" t="s">
        <v>35</v>
      </c>
      <c r="D45580" s="1" t="s">
        <v>155329</v>
      </c>
      <c r="E45580" s="1" t="s">
        <v>155330</v>
      </c>
      <c r="F45580" s="1" t="s">
        <v>155331</v>
      </c>
      <c r="G45580" s="1" t="s">
        <v>155315</v>
      </c>
      <c r="H45580" s="1" t="s">
        <v>155316</v>
      </c>
      <c r="I45580" s="1" t="s">
        <v>151905</v>
      </c>
      <c r="J45580" s="1" t="s">
        <v>155332</v>
      </c>
    </row>
    <row r="45581" spans="1:10" x14ac:dyDescent="0.35">
      <c r="A45581" s="1" t="s">
        <v>45233</v>
      </c>
      <c r="B45581" s="1" t="s">
        <v>151900</v>
      </c>
      <c r="C45581" s="1" t="s">
        <v>40</v>
      </c>
      <c r="D45581" s="1" t="s">
        <v>155333</v>
      </c>
      <c r="E45581" s="1" t="s">
        <v>155334</v>
      </c>
      <c r="F45581" s="1" t="s">
        <v>155335</v>
      </c>
      <c r="G45581" s="1" t="s">
        <v>155315</v>
      </c>
      <c r="H45581" s="1" t="s">
        <v>155316</v>
      </c>
      <c r="I45581" s="1" t="s">
        <v>151905</v>
      </c>
      <c r="J45581" s="1" t="s">
        <v>155336</v>
      </c>
    </row>
    <row r="45582" spans="1:10" x14ac:dyDescent="0.35">
      <c r="A45582" s="1" t="s">
        <v>45233</v>
      </c>
      <c r="B45582" s="1" t="s">
        <v>151900</v>
      </c>
      <c r="C45582" s="1" t="s">
        <v>45</v>
      </c>
      <c r="D45582" s="1" t="s">
        <v>155337</v>
      </c>
      <c r="E45582" s="1" t="s">
        <v>155338</v>
      </c>
      <c r="F45582" s="1" t="s">
        <v>155339</v>
      </c>
      <c r="G45582" s="1" t="s">
        <v>155315</v>
      </c>
      <c r="H45582" s="1" t="s">
        <v>155316</v>
      </c>
      <c r="I45582" s="1" t="s">
        <v>151905</v>
      </c>
      <c r="J45582" s="1" t="s">
        <v>155340</v>
      </c>
    </row>
    <row r="45583" spans="1:10" x14ac:dyDescent="0.35">
      <c r="A45583" s="1" t="s">
        <v>45233</v>
      </c>
      <c r="B45583" s="1" t="s">
        <v>151900</v>
      </c>
      <c r="C45583" s="1" t="s">
        <v>50</v>
      </c>
      <c r="D45583" s="1" t="s">
        <v>155341</v>
      </c>
      <c r="E45583" s="1" t="s">
        <v>155342</v>
      </c>
      <c r="F45583" s="1" t="s">
        <v>155343</v>
      </c>
      <c r="G45583" s="1" t="s">
        <v>155315</v>
      </c>
      <c r="H45583" s="1" t="s">
        <v>155316</v>
      </c>
      <c r="I45583" s="1" t="s">
        <v>151905</v>
      </c>
      <c r="J45583" s="1" t="s">
        <v>155344</v>
      </c>
    </row>
    <row r="45584" spans="1:10" x14ac:dyDescent="0.35">
      <c r="A45584" s="1" t="s">
        <v>45233</v>
      </c>
      <c r="B45584" s="1" t="s">
        <v>151900</v>
      </c>
      <c r="C45584" s="1" t="s">
        <v>55</v>
      </c>
      <c r="D45584" s="1" t="s">
        <v>155345</v>
      </c>
      <c r="E45584" s="1" t="s">
        <v>155346</v>
      </c>
      <c r="F45584" s="1" t="s">
        <v>155347</v>
      </c>
      <c r="G45584" s="1" t="s">
        <v>155315</v>
      </c>
      <c r="H45584" s="1" t="s">
        <v>155316</v>
      </c>
      <c r="I45584" s="1" t="s">
        <v>151905</v>
      </c>
      <c r="J45584" s="1" t="s">
        <v>155348</v>
      </c>
    </row>
    <row r="45585" spans="1:10" x14ac:dyDescent="0.35">
      <c r="A45585" s="1" t="s">
        <v>45233</v>
      </c>
      <c r="B45585" s="1" t="s">
        <v>151900</v>
      </c>
      <c r="C45585" s="1" t="s">
        <v>60</v>
      </c>
      <c r="D45585" s="1" t="s">
        <v>142047</v>
      </c>
      <c r="E45585" s="1" t="s">
        <v>155349</v>
      </c>
      <c r="F45585" s="1" t="s">
        <v>155350</v>
      </c>
      <c r="G45585" s="1" t="s">
        <v>155315</v>
      </c>
      <c r="H45585" s="1" t="s">
        <v>155316</v>
      </c>
      <c r="I45585" s="1" t="s">
        <v>151905</v>
      </c>
      <c r="J45585" s="1" t="s">
        <v>155351</v>
      </c>
    </row>
    <row r="45586" spans="1:10" x14ac:dyDescent="0.35">
      <c r="A45586" s="1" t="s">
        <v>45233</v>
      </c>
      <c r="B45586" s="1" t="s">
        <v>151900</v>
      </c>
      <c r="C45586" s="1" t="s">
        <v>65</v>
      </c>
      <c r="D45586" s="1" t="s">
        <v>155352</v>
      </c>
      <c r="E45586" s="1" t="s">
        <v>155353</v>
      </c>
      <c r="F45586" s="1" t="s">
        <v>155354</v>
      </c>
      <c r="G45586" s="1" t="s">
        <v>155315</v>
      </c>
      <c r="H45586" s="1" t="s">
        <v>155316</v>
      </c>
      <c r="I45586" s="1" t="s">
        <v>151905</v>
      </c>
      <c r="J45586" s="1" t="s">
        <v>155355</v>
      </c>
    </row>
    <row r="45587" spans="1:10" x14ac:dyDescent="0.35">
      <c r="A45587" s="1" t="s">
        <v>45233</v>
      </c>
      <c r="B45587" s="1" t="s">
        <v>151900</v>
      </c>
      <c r="C45587" s="1" t="s">
        <v>70</v>
      </c>
      <c r="D45587" s="1" t="s">
        <v>155356</v>
      </c>
      <c r="E45587" s="1" t="s">
        <v>155357</v>
      </c>
      <c r="F45587" s="1" t="s">
        <v>155358</v>
      </c>
      <c r="G45587" s="1" t="s">
        <v>155315</v>
      </c>
      <c r="H45587" s="1" t="s">
        <v>155316</v>
      </c>
      <c r="I45587" s="1" t="s">
        <v>151905</v>
      </c>
      <c r="J45587" s="1" t="s">
        <v>155359</v>
      </c>
    </row>
    <row r="45588" spans="1:10" x14ac:dyDescent="0.35">
      <c r="A45588" s="1" t="s">
        <v>45233</v>
      </c>
      <c r="B45588" s="1" t="s">
        <v>151900</v>
      </c>
      <c r="C45588" s="1" t="s">
        <v>75</v>
      </c>
      <c r="D45588" s="1" t="s">
        <v>155360</v>
      </c>
      <c r="E45588" s="1" t="s">
        <v>155361</v>
      </c>
      <c r="F45588" s="1" t="s">
        <v>155362</v>
      </c>
      <c r="G45588" s="1" t="s">
        <v>155315</v>
      </c>
      <c r="H45588" s="1" t="s">
        <v>155316</v>
      </c>
      <c r="I45588" s="1" t="s">
        <v>151905</v>
      </c>
      <c r="J45588" s="1" t="s">
        <v>155363</v>
      </c>
    </row>
    <row r="45589" spans="1:10" x14ac:dyDescent="0.35">
      <c r="A45589" s="1" t="s">
        <v>45233</v>
      </c>
      <c r="B45589" s="1" t="s">
        <v>151900</v>
      </c>
      <c r="C45589" s="1" t="s">
        <v>80</v>
      </c>
      <c r="D45589" s="1" t="s">
        <v>940</v>
      </c>
      <c r="E45589" s="1" t="s">
        <v>155364</v>
      </c>
      <c r="F45589" s="1" t="s">
        <v>155365</v>
      </c>
      <c r="G45589" s="1" t="s">
        <v>155315</v>
      </c>
      <c r="H45589" s="1" t="s">
        <v>155316</v>
      </c>
      <c r="I45589" s="1" t="s">
        <v>151905</v>
      </c>
      <c r="J45589" s="1" t="s">
        <v>155366</v>
      </c>
    </row>
    <row r="45590" spans="1:10" x14ac:dyDescent="0.35">
      <c r="A45590" s="1" t="s">
        <v>45233</v>
      </c>
      <c r="B45590" s="1" t="s">
        <v>151900</v>
      </c>
      <c r="C45590" s="1" t="s">
        <v>85</v>
      </c>
      <c r="D45590" s="1" t="s">
        <v>155367</v>
      </c>
      <c r="E45590" s="1" t="s">
        <v>155368</v>
      </c>
      <c r="F45590" s="1" t="s">
        <v>155369</v>
      </c>
      <c r="G45590" s="1" t="s">
        <v>155315</v>
      </c>
      <c r="H45590" s="1" t="s">
        <v>155316</v>
      </c>
      <c r="I45590" s="1" t="s">
        <v>151905</v>
      </c>
      <c r="J45590" s="1" t="s">
        <v>155370</v>
      </c>
    </row>
    <row r="45591" spans="1:10" x14ac:dyDescent="0.35">
      <c r="A45591" s="1" t="s">
        <v>45233</v>
      </c>
      <c r="B45591" s="1" t="s">
        <v>151900</v>
      </c>
      <c r="C45591" s="1" t="s">
        <v>90</v>
      </c>
      <c r="D45591" s="1" t="s">
        <v>47631</v>
      </c>
      <c r="E45591" s="1" t="s">
        <v>155371</v>
      </c>
      <c r="F45591" s="1" t="s">
        <v>155372</v>
      </c>
      <c r="G45591" s="1" t="s">
        <v>155315</v>
      </c>
      <c r="H45591" s="1" t="s">
        <v>155316</v>
      </c>
      <c r="I45591" s="1" t="s">
        <v>151905</v>
      </c>
      <c r="J45591" s="1" t="s">
        <v>155373</v>
      </c>
    </row>
    <row r="45592" spans="1:10" x14ac:dyDescent="0.35">
      <c r="A45592" s="1" t="s">
        <v>45233</v>
      </c>
      <c r="B45592" s="1" t="s">
        <v>151900</v>
      </c>
      <c r="C45592" s="1" t="s">
        <v>95</v>
      </c>
      <c r="D45592" s="1" t="s">
        <v>155374</v>
      </c>
      <c r="E45592" s="1" t="s">
        <v>155375</v>
      </c>
      <c r="F45592" s="1" t="s">
        <v>155376</v>
      </c>
      <c r="G45592" s="1" t="s">
        <v>155315</v>
      </c>
      <c r="H45592" s="1" t="s">
        <v>155316</v>
      </c>
      <c r="I45592" s="1" t="s">
        <v>151905</v>
      </c>
      <c r="J45592" s="1" t="s">
        <v>155377</v>
      </c>
    </row>
    <row r="45593" spans="1:10" x14ac:dyDescent="0.35">
      <c r="A45593" s="1" t="s">
        <v>45233</v>
      </c>
      <c r="B45593" s="1" t="s">
        <v>151900</v>
      </c>
      <c r="C45593" s="1" t="s">
        <v>100</v>
      </c>
      <c r="D45593" s="1" t="s">
        <v>155378</v>
      </c>
      <c r="E45593" s="1" t="s">
        <v>155379</v>
      </c>
      <c r="F45593" s="1" t="s">
        <v>155380</v>
      </c>
      <c r="G45593" s="1" t="s">
        <v>155315</v>
      </c>
      <c r="H45593" s="1" t="s">
        <v>155316</v>
      </c>
      <c r="I45593" s="1" t="s">
        <v>151905</v>
      </c>
      <c r="J45593" s="1" t="s">
        <v>155381</v>
      </c>
    </row>
    <row r="45594" spans="1:10" x14ac:dyDescent="0.35">
      <c r="A45594" s="1" t="s">
        <v>45233</v>
      </c>
      <c r="B45594" s="1" t="s">
        <v>151900</v>
      </c>
      <c r="C45594" s="1" t="s">
        <v>105</v>
      </c>
      <c r="D45594" s="1" t="s">
        <v>155382</v>
      </c>
      <c r="E45594" s="1" t="s">
        <v>155383</v>
      </c>
      <c r="F45594" s="1" t="s">
        <v>155384</v>
      </c>
      <c r="G45594" s="1" t="s">
        <v>155315</v>
      </c>
      <c r="H45594" s="1" t="s">
        <v>155316</v>
      </c>
      <c r="I45594" s="1" t="s">
        <v>151905</v>
      </c>
      <c r="J45594" s="1" t="s">
        <v>155385</v>
      </c>
    </row>
    <row r="45595" spans="1:10" x14ac:dyDescent="0.35">
      <c r="A45595" s="1" t="s">
        <v>45233</v>
      </c>
      <c r="B45595" s="1" t="s">
        <v>151900</v>
      </c>
      <c r="C45595" s="1" t="s">
        <v>110</v>
      </c>
      <c r="D45595" s="1" t="s">
        <v>155386</v>
      </c>
      <c r="E45595" s="1" t="s">
        <v>155387</v>
      </c>
      <c r="F45595" s="1" t="s">
        <v>155388</v>
      </c>
      <c r="G45595" s="1" t="s">
        <v>155315</v>
      </c>
      <c r="H45595" s="1" t="s">
        <v>155316</v>
      </c>
      <c r="I45595" s="1" t="s">
        <v>151905</v>
      </c>
      <c r="J45595" s="1" t="s">
        <v>155389</v>
      </c>
    </row>
    <row r="45596" spans="1:10" x14ac:dyDescent="0.35">
      <c r="A45596" s="1" t="s">
        <v>45233</v>
      </c>
      <c r="B45596" s="1" t="s">
        <v>151900</v>
      </c>
      <c r="C45596" s="1" t="s">
        <v>115</v>
      </c>
      <c r="D45596" s="1" t="s">
        <v>155390</v>
      </c>
      <c r="E45596" s="1" t="s">
        <v>155391</v>
      </c>
      <c r="F45596" s="1" t="s">
        <v>155392</v>
      </c>
      <c r="G45596" s="1" t="s">
        <v>155315</v>
      </c>
      <c r="H45596" s="1" t="s">
        <v>155316</v>
      </c>
      <c r="I45596" s="1" t="s">
        <v>151905</v>
      </c>
      <c r="J45596" s="1" t="s">
        <v>155393</v>
      </c>
    </row>
    <row r="45597" spans="1:10" x14ac:dyDescent="0.35">
      <c r="A45597" s="1" t="s">
        <v>45233</v>
      </c>
      <c r="B45597" s="1" t="s">
        <v>151900</v>
      </c>
      <c r="C45597" s="1" t="s">
        <v>120</v>
      </c>
      <c r="D45597" s="1" t="s">
        <v>150788</v>
      </c>
      <c r="E45597" s="1" t="s">
        <v>155394</v>
      </c>
      <c r="F45597" s="1" t="s">
        <v>155395</v>
      </c>
      <c r="G45597" s="1" t="s">
        <v>155315</v>
      </c>
      <c r="H45597" s="1" t="s">
        <v>155316</v>
      </c>
      <c r="I45597" s="1" t="s">
        <v>151905</v>
      </c>
      <c r="J45597" s="1" t="s">
        <v>155396</v>
      </c>
    </row>
    <row r="45598" spans="1:10" x14ac:dyDescent="0.35">
      <c r="A45598" s="1" t="s">
        <v>45233</v>
      </c>
      <c r="B45598" s="1" t="s">
        <v>151900</v>
      </c>
      <c r="C45598" s="1" t="s">
        <v>125</v>
      </c>
      <c r="D45598" s="1" t="s">
        <v>82959</v>
      </c>
      <c r="E45598" s="1" t="s">
        <v>155397</v>
      </c>
      <c r="F45598" s="1" t="s">
        <v>155398</v>
      </c>
      <c r="G45598" s="1" t="s">
        <v>155315</v>
      </c>
      <c r="H45598" s="1" t="s">
        <v>155316</v>
      </c>
      <c r="I45598" s="1" t="s">
        <v>151905</v>
      </c>
      <c r="J45598" s="1" t="s">
        <v>155399</v>
      </c>
    </row>
    <row r="45599" spans="1:10" x14ac:dyDescent="0.35">
      <c r="A45599" s="1" t="s">
        <v>45233</v>
      </c>
      <c r="B45599" s="1" t="s">
        <v>151900</v>
      </c>
      <c r="C45599" s="1" t="s">
        <v>130</v>
      </c>
      <c r="D45599" s="1" t="s">
        <v>151108</v>
      </c>
      <c r="E45599" s="1" t="s">
        <v>155400</v>
      </c>
      <c r="F45599" s="1" t="s">
        <v>155401</v>
      </c>
      <c r="G45599" s="1" t="s">
        <v>155315</v>
      </c>
      <c r="H45599" s="1" t="s">
        <v>155316</v>
      </c>
      <c r="I45599" s="1" t="s">
        <v>151905</v>
      </c>
      <c r="J45599" s="1" t="s">
        <v>155402</v>
      </c>
    </row>
    <row r="45600" spans="1:10" x14ac:dyDescent="0.35">
      <c r="A45600" s="1" t="s">
        <v>45233</v>
      </c>
      <c r="B45600" s="1" t="s">
        <v>151900</v>
      </c>
      <c r="C45600" s="1" t="s">
        <v>135</v>
      </c>
      <c r="D45600" s="1" t="s">
        <v>123178</v>
      </c>
      <c r="E45600" s="1" t="s">
        <v>155403</v>
      </c>
      <c r="F45600" s="1" t="s">
        <v>155404</v>
      </c>
      <c r="G45600" s="1" t="s">
        <v>155315</v>
      </c>
      <c r="H45600" s="1" t="s">
        <v>155316</v>
      </c>
      <c r="I45600" s="1" t="s">
        <v>151905</v>
      </c>
      <c r="J45600" s="1" t="s">
        <v>155405</v>
      </c>
    </row>
    <row r="45601" spans="1:10" x14ac:dyDescent="0.35">
      <c r="A45601" s="1" t="s">
        <v>45233</v>
      </c>
      <c r="B45601" s="1" t="s">
        <v>151900</v>
      </c>
      <c r="C45601" s="1" t="s">
        <v>140</v>
      </c>
      <c r="D45601" s="1" t="s">
        <v>155406</v>
      </c>
      <c r="E45601" s="1" t="s">
        <v>155407</v>
      </c>
      <c r="F45601" s="1" t="s">
        <v>155408</v>
      </c>
      <c r="G45601" s="1" t="s">
        <v>155315</v>
      </c>
      <c r="H45601" s="1" t="s">
        <v>155316</v>
      </c>
      <c r="I45601" s="1" t="s">
        <v>151905</v>
      </c>
      <c r="J45601" s="1" t="s">
        <v>155409</v>
      </c>
    </row>
    <row r="45602" spans="1:10" x14ac:dyDescent="0.35">
      <c r="A45602" s="1" t="s">
        <v>45233</v>
      </c>
      <c r="B45602" s="1" t="s">
        <v>151900</v>
      </c>
      <c r="C45602" s="1" t="s">
        <v>145</v>
      </c>
      <c r="D45602" s="1" t="s">
        <v>115067</v>
      </c>
      <c r="E45602" s="1" t="s">
        <v>155410</v>
      </c>
      <c r="F45602" s="1" t="s">
        <v>155411</v>
      </c>
      <c r="G45602" s="1" t="s">
        <v>155315</v>
      </c>
      <c r="H45602" s="1" t="s">
        <v>155316</v>
      </c>
      <c r="I45602" s="1" t="s">
        <v>151905</v>
      </c>
      <c r="J45602" s="1" t="s">
        <v>155412</v>
      </c>
    </row>
    <row r="45603" spans="1:10" x14ac:dyDescent="0.35">
      <c r="A45603" s="1" t="s">
        <v>45233</v>
      </c>
      <c r="B45603" s="1" t="s">
        <v>151900</v>
      </c>
      <c r="C45603" s="1" t="s">
        <v>150</v>
      </c>
      <c r="D45603" s="1" t="s">
        <v>46543</v>
      </c>
      <c r="E45603" s="1" t="s">
        <v>155413</v>
      </c>
      <c r="F45603" s="1" t="s">
        <v>155414</v>
      </c>
      <c r="G45603" s="1" t="s">
        <v>155315</v>
      </c>
      <c r="H45603" s="1" t="s">
        <v>155316</v>
      </c>
      <c r="I45603" s="1" t="s">
        <v>151905</v>
      </c>
      <c r="J45603" s="1" t="s">
        <v>155415</v>
      </c>
    </row>
    <row r="45604" spans="1:10" x14ac:dyDescent="0.35">
      <c r="A45604" s="1" t="s">
        <v>45233</v>
      </c>
      <c r="B45604" s="1" t="s">
        <v>151900</v>
      </c>
      <c r="C45604" s="1" t="s">
        <v>155</v>
      </c>
      <c r="D45604" s="1" t="s">
        <v>155416</v>
      </c>
      <c r="E45604" s="1" t="s">
        <v>155417</v>
      </c>
      <c r="F45604" s="1" t="s">
        <v>155418</v>
      </c>
      <c r="G45604" s="1" t="s">
        <v>155315</v>
      </c>
      <c r="H45604" s="1" t="s">
        <v>155316</v>
      </c>
      <c r="I45604" s="1" t="s">
        <v>151905</v>
      </c>
      <c r="J45604" s="1" t="s">
        <v>155419</v>
      </c>
    </row>
    <row r="45605" spans="1:10" x14ac:dyDescent="0.35">
      <c r="A45605" s="1" t="s">
        <v>45233</v>
      </c>
      <c r="B45605" s="1" t="s">
        <v>151900</v>
      </c>
      <c r="C45605" s="1" t="s">
        <v>160</v>
      </c>
      <c r="D45605" s="1" t="s">
        <v>19359</v>
      </c>
      <c r="E45605" s="1" t="s">
        <v>155420</v>
      </c>
      <c r="F45605" s="1" t="s">
        <v>155421</v>
      </c>
      <c r="G45605" s="1" t="s">
        <v>155315</v>
      </c>
      <c r="H45605" s="1" t="s">
        <v>155316</v>
      </c>
      <c r="I45605" s="1" t="s">
        <v>151905</v>
      </c>
      <c r="J45605" s="1" t="s">
        <v>155422</v>
      </c>
    </row>
    <row r="45606" spans="1:10" x14ac:dyDescent="0.35">
      <c r="A45606" s="1" t="s">
        <v>45233</v>
      </c>
      <c r="B45606" s="1" t="s">
        <v>151900</v>
      </c>
      <c r="C45606" s="1" t="s">
        <v>165</v>
      </c>
      <c r="D45606" s="1" t="s">
        <v>113022</v>
      </c>
      <c r="E45606" s="1" t="s">
        <v>155423</v>
      </c>
      <c r="F45606" s="1" t="s">
        <v>155424</v>
      </c>
      <c r="G45606" s="1" t="s">
        <v>155315</v>
      </c>
      <c r="H45606" s="1" t="s">
        <v>155316</v>
      </c>
      <c r="I45606" s="1" t="s">
        <v>151905</v>
      </c>
      <c r="J45606" s="1" t="s">
        <v>155425</v>
      </c>
    </row>
    <row r="45607" spans="1:10" x14ac:dyDescent="0.35">
      <c r="A45607" s="1" t="s">
        <v>45233</v>
      </c>
      <c r="B45607" s="1" t="s">
        <v>151900</v>
      </c>
      <c r="C45607" s="1" t="s">
        <v>170</v>
      </c>
      <c r="D45607" s="1" t="s">
        <v>155426</v>
      </c>
      <c r="E45607" s="1" t="s">
        <v>155427</v>
      </c>
      <c r="F45607" s="1" t="s">
        <v>155428</v>
      </c>
      <c r="G45607" s="1" t="s">
        <v>155315</v>
      </c>
      <c r="H45607" s="1" t="s">
        <v>155316</v>
      </c>
      <c r="I45607" s="1" t="s">
        <v>151905</v>
      </c>
      <c r="J45607" s="1" t="s">
        <v>155429</v>
      </c>
    </row>
    <row r="45608" spans="1:10" x14ac:dyDescent="0.35">
      <c r="A45608" s="1" t="s">
        <v>119412</v>
      </c>
      <c r="B45608" s="1" t="s">
        <v>151900</v>
      </c>
      <c r="C45608" s="1" t="s">
        <v>8</v>
      </c>
      <c r="D45608" s="1" t="s">
        <v>73152</v>
      </c>
      <c r="E45608" s="1" t="s">
        <v>155430</v>
      </c>
      <c r="F45608" s="1" t="s">
        <v>155431</v>
      </c>
      <c r="G45608" s="1" t="s">
        <v>155432</v>
      </c>
      <c r="H45608" s="1" t="s">
        <v>155433</v>
      </c>
      <c r="I45608" s="1" t="s">
        <v>151905</v>
      </c>
      <c r="J45608" s="1" t="s">
        <v>13</v>
      </c>
    </row>
    <row r="45609" spans="1:10" x14ac:dyDescent="0.35">
      <c r="A45609" s="1" t="s">
        <v>119412</v>
      </c>
      <c r="B45609" s="1" t="s">
        <v>151900</v>
      </c>
      <c r="C45609" s="1" t="s">
        <v>15</v>
      </c>
      <c r="D45609" s="1" t="s">
        <v>9605</v>
      </c>
      <c r="E45609" s="1" t="s">
        <v>155434</v>
      </c>
      <c r="F45609" s="1" t="s">
        <v>155435</v>
      </c>
      <c r="G45609" s="1" t="s">
        <v>155432</v>
      </c>
      <c r="H45609" s="1" t="s">
        <v>155433</v>
      </c>
      <c r="I45609" s="1" t="s">
        <v>151905</v>
      </c>
      <c r="J45609" s="1" t="s">
        <v>155436</v>
      </c>
    </row>
    <row r="45610" spans="1:10" x14ac:dyDescent="0.35">
      <c r="A45610" s="1" t="s">
        <v>119412</v>
      </c>
      <c r="B45610" s="1" t="s">
        <v>151900</v>
      </c>
      <c r="C45610" s="1" t="s">
        <v>20</v>
      </c>
      <c r="D45610" s="1" t="s">
        <v>31851</v>
      </c>
      <c r="E45610" s="1" t="s">
        <v>155437</v>
      </c>
      <c r="F45610" s="1" t="s">
        <v>155438</v>
      </c>
      <c r="G45610" s="1" t="s">
        <v>155432</v>
      </c>
      <c r="H45610" s="1" t="s">
        <v>155433</v>
      </c>
      <c r="I45610" s="1" t="s">
        <v>151905</v>
      </c>
      <c r="J45610" s="1" t="s">
        <v>155439</v>
      </c>
    </row>
    <row r="45611" spans="1:10" x14ac:dyDescent="0.35">
      <c r="A45611" s="1" t="s">
        <v>119412</v>
      </c>
      <c r="B45611" s="1" t="s">
        <v>151900</v>
      </c>
      <c r="C45611" s="1" t="s">
        <v>25</v>
      </c>
      <c r="D45611" s="1" t="s">
        <v>380</v>
      </c>
      <c r="E45611" s="1" t="s">
        <v>155440</v>
      </c>
      <c r="F45611" s="1" t="s">
        <v>155441</v>
      </c>
      <c r="G45611" s="1" t="s">
        <v>155432</v>
      </c>
      <c r="H45611" s="1" t="s">
        <v>155433</v>
      </c>
      <c r="I45611" s="1" t="s">
        <v>151905</v>
      </c>
      <c r="J45611" s="1" t="s">
        <v>155442</v>
      </c>
    </row>
    <row r="45612" spans="1:10" x14ac:dyDescent="0.35">
      <c r="A45612" s="1" t="s">
        <v>119412</v>
      </c>
      <c r="B45612" s="1" t="s">
        <v>151900</v>
      </c>
      <c r="C45612" s="1" t="s">
        <v>30</v>
      </c>
      <c r="D45612" s="1" t="s">
        <v>155443</v>
      </c>
      <c r="E45612" s="1" t="s">
        <v>155444</v>
      </c>
      <c r="F45612" s="1" t="s">
        <v>155445</v>
      </c>
      <c r="G45612" s="1" t="s">
        <v>155432</v>
      </c>
      <c r="H45612" s="1" t="s">
        <v>155433</v>
      </c>
      <c r="I45612" s="1" t="s">
        <v>151905</v>
      </c>
      <c r="J45612" s="1" t="s">
        <v>155446</v>
      </c>
    </row>
    <row r="45613" spans="1:10" x14ac:dyDescent="0.35">
      <c r="A45613" s="1" t="s">
        <v>119412</v>
      </c>
      <c r="B45613" s="1" t="s">
        <v>151900</v>
      </c>
      <c r="C45613" s="1" t="s">
        <v>35</v>
      </c>
      <c r="D45613" s="1" t="s">
        <v>110431</v>
      </c>
      <c r="E45613" s="1" t="s">
        <v>155447</v>
      </c>
      <c r="F45613" s="1" t="s">
        <v>155448</v>
      </c>
      <c r="G45613" s="1" t="s">
        <v>155432</v>
      </c>
      <c r="H45613" s="1" t="s">
        <v>155433</v>
      </c>
      <c r="I45613" s="1" t="s">
        <v>151905</v>
      </c>
      <c r="J45613" s="1" t="s">
        <v>155449</v>
      </c>
    </row>
    <row r="45614" spans="1:10" x14ac:dyDescent="0.35">
      <c r="A45614" s="1" t="s">
        <v>119412</v>
      </c>
      <c r="B45614" s="1" t="s">
        <v>151900</v>
      </c>
      <c r="C45614" s="1" t="s">
        <v>40</v>
      </c>
      <c r="D45614" s="1" t="s">
        <v>32964</v>
      </c>
      <c r="E45614" s="1" t="s">
        <v>155450</v>
      </c>
      <c r="F45614" s="1" t="s">
        <v>155451</v>
      </c>
      <c r="G45614" s="1" t="s">
        <v>155432</v>
      </c>
      <c r="H45614" s="1" t="s">
        <v>155433</v>
      </c>
      <c r="I45614" s="1" t="s">
        <v>151905</v>
      </c>
      <c r="J45614" s="1" t="s">
        <v>155452</v>
      </c>
    </row>
    <row r="45615" spans="1:10" x14ac:dyDescent="0.35">
      <c r="A45615" s="1" t="s">
        <v>119412</v>
      </c>
      <c r="B45615" s="1" t="s">
        <v>151900</v>
      </c>
      <c r="C45615" s="1" t="s">
        <v>45</v>
      </c>
      <c r="D45615" s="1" t="s">
        <v>82997</v>
      </c>
      <c r="E45615" s="1" t="s">
        <v>155453</v>
      </c>
      <c r="F45615" s="1" t="s">
        <v>155454</v>
      </c>
      <c r="G45615" s="1" t="s">
        <v>155432</v>
      </c>
      <c r="H45615" s="1" t="s">
        <v>155433</v>
      </c>
      <c r="I45615" s="1" t="s">
        <v>151905</v>
      </c>
      <c r="J45615" s="1" t="s">
        <v>155455</v>
      </c>
    </row>
    <row r="45616" spans="1:10" x14ac:dyDescent="0.35">
      <c r="A45616" s="1" t="s">
        <v>119412</v>
      </c>
      <c r="B45616" s="1" t="s">
        <v>151900</v>
      </c>
      <c r="C45616" s="1" t="s">
        <v>50</v>
      </c>
      <c r="D45616" s="1" t="s">
        <v>72579</v>
      </c>
      <c r="E45616" s="1" t="s">
        <v>155456</v>
      </c>
      <c r="F45616" s="1" t="s">
        <v>155457</v>
      </c>
      <c r="G45616" s="1" t="s">
        <v>155432</v>
      </c>
      <c r="H45616" s="1" t="s">
        <v>155433</v>
      </c>
      <c r="I45616" s="1" t="s">
        <v>151905</v>
      </c>
      <c r="J45616" s="1" t="s">
        <v>155458</v>
      </c>
    </row>
    <row r="45617" spans="1:10" x14ac:dyDescent="0.35">
      <c r="A45617" s="1" t="s">
        <v>119412</v>
      </c>
      <c r="B45617" s="1" t="s">
        <v>151900</v>
      </c>
      <c r="C45617" s="1" t="s">
        <v>55</v>
      </c>
      <c r="D45617" s="1" t="s">
        <v>33469</v>
      </c>
      <c r="E45617" s="1" t="s">
        <v>155459</v>
      </c>
      <c r="F45617" s="1" t="s">
        <v>155460</v>
      </c>
      <c r="G45617" s="1" t="s">
        <v>155432</v>
      </c>
      <c r="H45617" s="1" t="s">
        <v>155433</v>
      </c>
      <c r="I45617" s="1" t="s">
        <v>151905</v>
      </c>
      <c r="J45617" s="1" t="s">
        <v>155461</v>
      </c>
    </row>
    <row r="45618" spans="1:10" x14ac:dyDescent="0.35">
      <c r="A45618" s="1" t="s">
        <v>119412</v>
      </c>
      <c r="B45618" s="1" t="s">
        <v>151900</v>
      </c>
      <c r="C45618" s="1" t="s">
        <v>60</v>
      </c>
      <c r="D45618" s="1" t="s">
        <v>155462</v>
      </c>
      <c r="E45618" s="1" t="s">
        <v>155463</v>
      </c>
      <c r="F45618" s="1" t="s">
        <v>155464</v>
      </c>
      <c r="G45618" s="1" t="s">
        <v>155432</v>
      </c>
      <c r="H45618" s="1" t="s">
        <v>155433</v>
      </c>
      <c r="I45618" s="1" t="s">
        <v>151905</v>
      </c>
      <c r="J45618" s="1" t="s">
        <v>155465</v>
      </c>
    </row>
    <row r="45619" spans="1:10" x14ac:dyDescent="0.35">
      <c r="A45619" s="1" t="s">
        <v>119412</v>
      </c>
      <c r="B45619" s="1" t="s">
        <v>151900</v>
      </c>
      <c r="C45619" s="1" t="s">
        <v>65</v>
      </c>
      <c r="D45619" s="1" t="s">
        <v>33710</v>
      </c>
      <c r="E45619" s="1" t="s">
        <v>155466</v>
      </c>
      <c r="F45619" s="1" t="s">
        <v>155467</v>
      </c>
      <c r="G45619" s="1" t="s">
        <v>155432</v>
      </c>
      <c r="H45619" s="1" t="s">
        <v>155433</v>
      </c>
      <c r="I45619" s="1" t="s">
        <v>151905</v>
      </c>
      <c r="J45619" s="1" t="s">
        <v>155468</v>
      </c>
    </row>
    <row r="45620" spans="1:10" x14ac:dyDescent="0.35">
      <c r="A45620" s="1" t="s">
        <v>119412</v>
      </c>
      <c r="B45620" s="1" t="s">
        <v>151900</v>
      </c>
      <c r="C45620" s="1" t="s">
        <v>70</v>
      </c>
      <c r="D45620" s="1" t="s">
        <v>48940</v>
      </c>
      <c r="E45620" s="1" t="s">
        <v>155469</v>
      </c>
      <c r="F45620" s="1" t="s">
        <v>155470</v>
      </c>
      <c r="G45620" s="1" t="s">
        <v>155432</v>
      </c>
      <c r="H45620" s="1" t="s">
        <v>155433</v>
      </c>
      <c r="I45620" s="1" t="s">
        <v>151905</v>
      </c>
      <c r="J45620" s="1" t="s">
        <v>155471</v>
      </c>
    </row>
    <row r="45621" spans="1:10" x14ac:dyDescent="0.35">
      <c r="A45621" s="1" t="s">
        <v>119412</v>
      </c>
      <c r="B45621" s="1" t="s">
        <v>151900</v>
      </c>
      <c r="C45621" s="1" t="s">
        <v>75</v>
      </c>
      <c r="D45621" s="1" t="s">
        <v>32152</v>
      </c>
      <c r="E45621" s="1" t="s">
        <v>155472</v>
      </c>
      <c r="F45621" s="1" t="s">
        <v>155473</v>
      </c>
      <c r="G45621" s="1" t="s">
        <v>155432</v>
      </c>
      <c r="H45621" s="1" t="s">
        <v>155433</v>
      </c>
      <c r="I45621" s="1" t="s">
        <v>151905</v>
      </c>
      <c r="J45621" s="1" t="s">
        <v>155474</v>
      </c>
    </row>
    <row r="45622" spans="1:10" x14ac:dyDescent="0.35">
      <c r="A45622" s="1" t="s">
        <v>119412</v>
      </c>
      <c r="B45622" s="1" t="s">
        <v>151900</v>
      </c>
      <c r="C45622" s="1" t="s">
        <v>80</v>
      </c>
      <c r="D45622" s="1" t="s">
        <v>155475</v>
      </c>
      <c r="E45622" s="1" t="s">
        <v>155476</v>
      </c>
      <c r="F45622" s="1" t="s">
        <v>155477</v>
      </c>
      <c r="G45622" s="1" t="s">
        <v>155432</v>
      </c>
      <c r="H45622" s="1" t="s">
        <v>155433</v>
      </c>
      <c r="I45622" s="1" t="s">
        <v>151905</v>
      </c>
      <c r="J45622" s="1" t="s">
        <v>155478</v>
      </c>
    </row>
    <row r="45623" spans="1:10" x14ac:dyDescent="0.35">
      <c r="A45623" s="1" t="s">
        <v>119412</v>
      </c>
      <c r="B45623" s="1" t="s">
        <v>151900</v>
      </c>
      <c r="C45623" s="1" t="s">
        <v>85</v>
      </c>
      <c r="D45623" s="1" t="s">
        <v>155479</v>
      </c>
      <c r="E45623" s="1" t="s">
        <v>155480</v>
      </c>
      <c r="F45623" s="1" t="s">
        <v>155481</v>
      </c>
      <c r="G45623" s="1" t="s">
        <v>155432</v>
      </c>
      <c r="H45623" s="1" t="s">
        <v>155433</v>
      </c>
      <c r="I45623" s="1" t="s">
        <v>151905</v>
      </c>
      <c r="J45623" s="1" t="s">
        <v>155482</v>
      </c>
    </row>
    <row r="45624" spans="1:10" x14ac:dyDescent="0.35">
      <c r="A45624" s="1" t="s">
        <v>119412</v>
      </c>
      <c r="B45624" s="1" t="s">
        <v>151900</v>
      </c>
      <c r="C45624" s="1" t="s">
        <v>90</v>
      </c>
      <c r="D45624" s="1" t="s">
        <v>155483</v>
      </c>
      <c r="E45624" s="1" t="s">
        <v>155484</v>
      </c>
      <c r="F45624" s="1" t="s">
        <v>155485</v>
      </c>
      <c r="G45624" s="1" t="s">
        <v>155432</v>
      </c>
      <c r="H45624" s="1" t="s">
        <v>155433</v>
      </c>
      <c r="I45624" s="1" t="s">
        <v>151905</v>
      </c>
      <c r="J45624" s="1" t="s">
        <v>155486</v>
      </c>
    </row>
    <row r="45625" spans="1:10" x14ac:dyDescent="0.35">
      <c r="A45625" s="1" t="s">
        <v>119412</v>
      </c>
      <c r="B45625" s="1" t="s">
        <v>151900</v>
      </c>
      <c r="C45625" s="1" t="s">
        <v>95</v>
      </c>
      <c r="D45625" s="1" t="s">
        <v>155487</v>
      </c>
      <c r="E45625" s="1" t="s">
        <v>155488</v>
      </c>
      <c r="F45625" s="1" t="s">
        <v>155489</v>
      </c>
      <c r="G45625" s="1" t="s">
        <v>155432</v>
      </c>
      <c r="H45625" s="1" t="s">
        <v>155433</v>
      </c>
      <c r="I45625" s="1" t="s">
        <v>151905</v>
      </c>
      <c r="J45625" s="1" t="s">
        <v>155490</v>
      </c>
    </row>
    <row r="45626" spans="1:10" x14ac:dyDescent="0.35">
      <c r="A45626" s="1" t="s">
        <v>119412</v>
      </c>
      <c r="B45626" s="1" t="s">
        <v>151900</v>
      </c>
      <c r="C45626" s="1" t="s">
        <v>100</v>
      </c>
      <c r="D45626" s="1" t="s">
        <v>104628</v>
      </c>
      <c r="E45626" s="1" t="s">
        <v>155491</v>
      </c>
      <c r="F45626" s="1" t="s">
        <v>155492</v>
      </c>
      <c r="G45626" s="1" t="s">
        <v>155432</v>
      </c>
      <c r="H45626" s="1" t="s">
        <v>155433</v>
      </c>
      <c r="I45626" s="1" t="s">
        <v>151905</v>
      </c>
      <c r="J45626" s="1" t="s">
        <v>155493</v>
      </c>
    </row>
    <row r="45627" spans="1:10" x14ac:dyDescent="0.35">
      <c r="A45627" s="1" t="s">
        <v>119412</v>
      </c>
      <c r="B45627" s="1" t="s">
        <v>151900</v>
      </c>
      <c r="C45627" s="1" t="s">
        <v>105</v>
      </c>
      <c r="D45627" s="1" t="s">
        <v>155494</v>
      </c>
      <c r="E45627" s="1" t="s">
        <v>155495</v>
      </c>
      <c r="F45627" s="1" t="s">
        <v>155496</v>
      </c>
      <c r="G45627" s="1" t="s">
        <v>155432</v>
      </c>
      <c r="H45627" s="1" t="s">
        <v>155433</v>
      </c>
      <c r="I45627" s="1" t="s">
        <v>151905</v>
      </c>
      <c r="J45627" s="1" t="s">
        <v>155497</v>
      </c>
    </row>
    <row r="45628" spans="1:10" x14ac:dyDescent="0.35">
      <c r="A45628" s="1" t="s">
        <v>119412</v>
      </c>
      <c r="B45628" s="1" t="s">
        <v>151900</v>
      </c>
      <c r="C45628" s="1" t="s">
        <v>110</v>
      </c>
      <c r="D45628" s="1" t="s">
        <v>155498</v>
      </c>
      <c r="E45628" s="1" t="s">
        <v>155499</v>
      </c>
      <c r="F45628" s="1" t="s">
        <v>155500</v>
      </c>
      <c r="G45628" s="1" t="s">
        <v>155432</v>
      </c>
      <c r="H45628" s="1" t="s">
        <v>155433</v>
      </c>
      <c r="I45628" s="1" t="s">
        <v>151905</v>
      </c>
      <c r="J45628" s="1" t="s">
        <v>155501</v>
      </c>
    </row>
    <row r="45629" spans="1:10" x14ac:dyDescent="0.35">
      <c r="A45629" s="1" t="s">
        <v>119412</v>
      </c>
      <c r="B45629" s="1" t="s">
        <v>151900</v>
      </c>
      <c r="C45629" s="1" t="s">
        <v>115</v>
      </c>
      <c r="D45629" s="1" t="s">
        <v>155502</v>
      </c>
      <c r="E45629" s="1" t="s">
        <v>155503</v>
      </c>
      <c r="F45629" s="1" t="s">
        <v>155504</v>
      </c>
      <c r="G45629" s="1" t="s">
        <v>155432</v>
      </c>
      <c r="H45629" s="1" t="s">
        <v>155433</v>
      </c>
      <c r="I45629" s="1" t="s">
        <v>151905</v>
      </c>
      <c r="J45629" s="1" t="s">
        <v>155505</v>
      </c>
    </row>
    <row r="45630" spans="1:10" x14ac:dyDescent="0.35">
      <c r="A45630" s="1" t="s">
        <v>119412</v>
      </c>
      <c r="B45630" s="1" t="s">
        <v>151900</v>
      </c>
      <c r="C45630" s="1" t="s">
        <v>120</v>
      </c>
      <c r="D45630" s="1" t="s">
        <v>155506</v>
      </c>
      <c r="E45630" s="1" t="s">
        <v>155507</v>
      </c>
      <c r="F45630" s="1" t="s">
        <v>155508</v>
      </c>
      <c r="G45630" s="1" t="s">
        <v>155432</v>
      </c>
      <c r="H45630" s="1" t="s">
        <v>155433</v>
      </c>
      <c r="I45630" s="1" t="s">
        <v>151905</v>
      </c>
      <c r="J45630" s="1" t="s">
        <v>155509</v>
      </c>
    </row>
    <row r="45631" spans="1:10" x14ac:dyDescent="0.35">
      <c r="A45631" s="1" t="s">
        <v>119412</v>
      </c>
      <c r="B45631" s="1" t="s">
        <v>151900</v>
      </c>
      <c r="C45631" s="1" t="s">
        <v>125</v>
      </c>
      <c r="D45631" s="1" t="s">
        <v>142229</v>
      </c>
      <c r="E45631" s="1" t="s">
        <v>155510</v>
      </c>
      <c r="F45631" s="1" t="s">
        <v>155511</v>
      </c>
      <c r="G45631" s="1" t="s">
        <v>155432</v>
      </c>
      <c r="H45631" s="1" t="s">
        <v>155433</v>
      </c>
      <c r="I45631" s="1" t="s">
        <v>151905</v>
      </c>
      <c r="J45631" s="1" t="s">
        <v>155512</v>
      </c>
    </row>
    <row r="45632" spans="1:10" x14ac:dyDescent="0.35">
      <c r="A45632" s="1" t="s">
        <v>119412</v>
      </c>
      <c r="B45632" s="1" t="s">
        <v>151900</v>
      </c>
      <c r="C45632" s="1" t="s">
        <v>130</v>
      </c>
      <c r="D45632" s="1" t="s">
        <v>155513</v>
      </c>
      <c r="E45632" s="1" t="s">
        <v>155514</v>
      </c>
      <c r="F45632" s="1" t="s">
        <v>155515</v>
      </c>
      <c r="G45632" s="1" t="s">
        <v>155432</v>
      </c>
      <c r="H45632" s="1" t="s">
        <v>155433</v>
      </c>
      <c r="I45632" s="1" t="s">
        <v>151905</v>
      </c>
      <c r="J45632" s="1" t="s">
        <v>155516</v>
      </c>
    </row>
    <row r="45633" spans="1:10" x14ac:dyDescent="0.35">
      <c r="A45633" s="1" t="s">
        <v>119412</v>
      </c>
      <c r="B45633" s="1" t="s">
        <v>151900</v>
      </c>
      <c r="C45633" s="1" t="s">
        <v>135</v>
      </c>
      <c r="D45633" s="1" t="s">
        <v>38031</v>
      </c>
      <c r="E45633" s="1" t="s">
        <v>155517</v>
      </c>
      <c r="F45633" s="1" t="s">
        <v>155518</v>
      </c>
      <c r="G45633" s="1" t="s">
        <v>155432</v>
      </c>
      <c r="H45633" s="1" t="s">
        <v>155433</v>
      </c>
      <c r="I45633" s="1" t="s">
        <v>151905</v>
      </c>
      <c r="J45633" s="1" t="s">
        <v>155519</v>
      </c>
    </row>
    <row r="45634" spans="1:10" x14ac:dyDescent="0.35">
      <c r="A45634" s="1" t="s">
        <v>119412</v>
      </c>
      <c r="B45634" s="1" t="s">
        <v>151900</v>
      </c>
      <c r="C45634" s="1" t="s">
        <v>140</v>
      </c>
      <c r="D45634" s="1" t="s">
        <v>48006</v>
      </c>
      <c r="E45634" s="1" t="s">
        <v>155520</v>
      </c>
      <c r="F45634" s="1" t="s">
        <v>155521</v>
      </c>
      <c r="G45634" s="1" t="s">
        <v>155432</v>
      </c>
      <c r="H45634" s="1" t="s">
        <v>155433</v>
      </c>
      <c r="I45634" s="1" t="s">
        <v>151905</v>
      </c>
      <c r="J45634" s="1" t="s">
        <v>155522</v>
      </c>
    </row>
    <row r="45635" spans="1:10" x14ac:dyDescent="0.35">
      <c r="A45635" s="1" t="s">
        <v>119412</v>
      </c>
      <c r="B45635" s="1" t="s">
        <v>151900</v>
      </c>
      <c r="C45635" s="1" t="s">
        <v>145</v>
      </c>
      <c r="D45635" s="1" t="s">
        <v>155523</v>
      </c>
      <c r="E45635" s="1" t="s">
        <v>155524</v>
      </c>
      <c r="F45635" s="1" t="s">
        <v>155525</v>
      </c>
      <c r="G45635" s="1" t="s">
        <v>155432</v>
      </c>
      <c r="H45635" s="1" t="s">
        <v>155433</v>
      </c>
      <c r="I45635" s="1" t="s">
        <v>151905</v>
      </c>
      <c r="J45635" s="1" t="s">
        <v>155526</v>
      </c>
    </row>
    <row r="45636" spans="1:10" x14ac:dyDescent="0.35">
      <c r="A45636" s="1" t="s">
        <v>119412</v>
      </c>
      <c r="B45636" s="1" t="s">
        <v>151900</v>
      </c>
      <c r="C45636" s="1" t="s">
        <v>150</v>
      </c>
      <c r="D45636" s="1" t="s">
        <v>74593</v>
      </c>
      <c r="E45636" s="1" t="s">
        <v>155527</v>
      </c>
      <c r="F45636" s="1" t="s">
        <v>155528</v>
      </c>
      <c r="G45636" s="1" t="s">
        <v>155432</v>
      </c>
      <c r="H45636" s="1" t="s">
        <v>155433</v>
      </c>
      <c r="I45636" s="1" t="s">
        <v>151905</v>
      </c>
      <c r="J45636" s="1" t="s">
        <v>155529</v>
      </c>
    </row>
    <row r="45637" spans="1:10" x14ac:dyDescent="0.35">
      <c r="A45637" s="1" t="s">
        <v>119412</v>
      </c>
      <c r="B45637" s="1" t="s">
        <v>151900</v>
      </c>
      <c r="C45637" s="1" t="s">
        <v>155</v>
      </c>
      <c r="D45637" s="1" t="s">
        <v>3858</v>
      </c>
      <c r="E45637" s="1" t="s">
        <v>155530</v>
      </c>
      <c r="F45637" s="1" t="s">
        <v>155531</v>
      </c>
      <c r="G45637" s="1" t="s">
        <v>155432</v>
      </c>
      <c r="H45637" s="1" t="s">
        <v>155433</v>
      </c>
      <c r="I45637" s="1" t="s">
        <v>151905</v>
      </c>
      <c r="J45637" s="1" t="s">
        <v>155532</v>
      </c>
    </row>
    <row r="45638" spans="1:10" x14ac:dyDescent="0.35">
      <c r="A45638" s="1" t="s">
        <v>119412</v>
      </c>
      <c r="B45638" s="1" t="s">
        <v>151900</v>
      </c>
      <c r="C45638" s="1" t="s">
        <v>160</v>
      </c>
      <c r="D45638" s="1" t="s">
        <v>155533</v>
      </c>
      <c r="E45638" s="1" t="s">
        <v>155534</v>
      </c>
      <c r="F45638" s="1" t="s">
        <v>155535</v>
      </c>
      <c r="G45638" s="1" t="s">
        <v>155432</v>
      </c>
      <c r="H45638" s="1" t="s">
        <v>155433</v>
      </c>
      <c r="I45638" s="1" t="s">
        <v>151905</v>
      </c>
      <c r="J45638" s="1" t="s">
        <v>155536</v>
      </c>
    </row>
    <row r="45639" spans="1:10" x14ac:dyDescent="0.35">
      <c r="A45639" s="1" t="s">
        <v>119412</v>
      </c>
      <c r="B45639" s="1" t="s">
        <v>151900</v>
      </c>
      <c r="C45639" s="1" t="s">
        <v>165</v>
      </c>
      <c r="D45639" s="1" t="s">
        <v>142047</v>
      </c>
      <c r="E45639" s="1" t="s">
        <v>155537</v>
      </c>
      <c r="F45639" s="1" t="s">
        <v>155538</v>
      </c>
      <c r="G45639" s="1" t="s">
        <v>155432</v>
      </c>
      <c r="H45639" s="1" t="s">
        <v>155433</v>
      </c>
      <c r="I45639" s="1" t="s">
        <v>151905</v>
      </c>
      <c r="J45639" s="1" t="s">
        <v>155539</v>
      </c>
    </row>
    <row r="45640" spans="1:10" x14ac:dyDescent="0.35">
      <c r="A45640" s="1" t="s">
        <v>119412</v>
      </c>
      <c r="B45640" s="1" t="s">
        <v>151900</v>
      </c>
      <c r="C45640" s="1" t="s">
        <v>170</v>
      </c>
      <c r="D45640" s="1" t="s">
        <v>155540</v>
      </c>
      <c r="E45640" s="1" t="s">
        <v>155541</v>
      </c>
      <c r="F45640" s="1" t="s">
        <v>155542</v>
      </c>
      <c r="G45640" s="1" t="s">
        <v>155432</v>
      </c>
      <c r="H45640" s="1" t="s">
        <v>155433</v>
      </c>
      <c r="I45640" s="1" t="s">
        <v>151905</v>
      </c>
      <c r="J45640" s="1" t="s">
        <v>155543</v>
      </c>
    </row>
    <row r="45641" spans="1:10" x14ac:dyDescent="0.35">
      <c r="A45641" s="1" t="s">
        <v>4512</v>
      </c>
      <c r="B45641" s="1" t="s">
        <v>155544</v>
      </c>
      <c r="C45641" s="1" t="s">
        <v>8</v>
      </c>
      <c r="D45641" s="1" t="s">
        <v>8856</v>
      </c>
      <c r="E45641" s="1" t="s">
        <v>155545</v>
      </c>
      <c r="F45641" s="1" t="s">
        <v>155546</v>
      </c>
      <c r="G45641" s="1" t="s">
        <v>155547</v>
      </c>
      <c r="H45641" s="1" t="s">
        <v>155548</v>
      </c>
      <c r="I45641" s="1" t="s">
        <v>155549</v>
      </c>
      <c r="J45641" s="1" t="s">
        <v>13</v>
      </c>
    </row>
    <row r="45642" spans="1:10" x14ac:dyDescent="0.35">
      <c r="A45642" s="1" t="s">
        <v>4512</v>
      </c>
      <c r="B45642" s="1" t="s">
        <v>155544</v>
      </c>
      <c r="C45642" s="1" t="s">
        <v>15</v>
      </c>
      <c r="D45642" s="1" t="s">
        <v>113555</v>
      </c>
      <c r="E45642" s="1" t="s">
        <v>155550</v>
      </c>
      <c r="F45642" s="1" t="s">
        <v>155551</v>
      </c>
      <c r="G45642" s="1" t="s">
        <v>155547</v>
      </c>
      <c r="H45642" s="1" t="s">
        <v>155548</v>
      </c>
      <c r="I45642" s="1" t="s">
        <v>155549</v>
      </c>
      <c r="J45642" s="1" t="s">
        <v>155552</v>
      </c>
    </row>
    <row r="45643" spans="1:10" x14ac:dyDescent="0.35">
      <c r="A45643" s="1" t="s">
        <v>4512</v>
      </c>
      <c r="B45643" s="1" t="s">
        <v>155544</v>
      </c>
      <c r="C45643" s="1" t="s">
        <v>20</v>
      </c>
      <c r="D45643" s="1" t="s">
        <v>31429</v>
      </c>
      <c r="E45643" s="1" t="s">
        <v>155553</v>
      </c>
      <c r="F45643" s="1" t="s">
        <v>155554</v>
      </c>
      <c r="G45643" s="1" t="s">
        <v>155547</v>
      </c>
      <c r="H45643" s="1" t="s">
        <v>155548</v>
      </c>
      <c r="I45643" s="1" t="s">
        <v>155549</v>
      </c>
      <c r="J45643" s="1" t="s">
        <v>155555</v>
      </c>
    </row>
    <row r="45644" spans="1:10" x14ac:dyDescent="0.35">
      <c r="A45644" s="1" t="s">
        <v>4512</v>
      </c>
      <c r="B45644" s="1" t="s">
        <v>155544</v>
      </c>
      <c r="C45644" s="1" t="s">
        <v>25</v>
      </c>
      <c r="D45644" s="1" t="s">
        <v>155556</v>
      </c>
      <c r="E45644" s="1" t="s">
        <v>155557</v>
      </c>
      <c r="F45644" s="1" t="s">
        <v>155558</v>
      </c>
      <c r="G45644" s="1" t="s">
        <v>155547</v>
      </c>
      <c r="H45644" s="1" t="s">
        <v>155548</v>
      </c>
      <c r="I45644" s="1" t="s">
        <v>155549</v>
      </c>
      <c r="J45644" s="1" t="s">
        <v>155559</v>
      </c>
    </row>
    <row r="45645" spans="1:10" x14ac:dyDescent="0.35">
      <c r="A45645" s="1" t="s">
        <v>4512</v>
      </c>
      <c r="B45645" s="1" t="s">
        <v>155544</v>
      </c>
      <c r="C45645" s="1" t="s">
        <v>30</v>
      </c>
      <c r="D45645" s="1" t="s">
        <v>155560</v>
      </c>
      <c r="E45645" s="1" t="s">
        <v>155561</v>
      </c>
      <c r="F45645" s="1" t="s">
        <v>155562</v>
      </c>
      <c r="G45645" s="1" t="s">
        <v>155547</v>
      </c>
      <c r="H45645" s="1" t="s">
        <v>155548</v>
      </c>
      <c r="I45645" s="1" t="s">
        <v>155549</v>
      </c>
      <c r="J45645" s="1" t="s">
        <v>155563</v>
      </c>
    </row>
    <row r="45646" spans="1:10" x14ac:dyDescent="0.35">
      <c r="A45646" s="1" t="s">
        <v>4512</v>
      </c>
      <c r="B45646" s="1" t="s">
        <v>155544</v>
      </c>
      <c r="C45646" s="1" t="s">
        <v>35</v>
      </c>
      <c r="D45646" s="1" t="s">
        <v>3453</v>
      </c>
      <c r="E45646" s="1" t="s">
        <v>155564</v>
      </c>
      <c r="F45646" s="1" t="s">
        <v>155565</v>
      </c>
      <c r="G45646" s="1" t="s">
        <v>155547</v>
      </c>
      <c r="H45646" s="1" t="s">
        <v>155548</v>
      </c>
      <c r="I45646" s="1" t="s">
        <v>155549</v>
      </c>
      <c r="J45646" s="1" t="s">
        <v>155566</v>
      </c>
    </row>
    <row r="45647" spans="1:10" x14ac:dyDescent="0.35">
      <c r="A45647" s="1" t="s">
        <v>4512</v>
      </c>
      <c r="B45647" s="1" t="s">
        <v>155544</v>
      </c>
      <c r="C45647" s="1" t="s">
        <v>40</v>
      </c>
      <c r="D45647" s="1" t="s">
        <v>48172</v>
      </c>
      <c r="E45647" s="1" t="s">
        <v>155567</v>
      </c>
      <c r="F45647" s="1" t="s">
        <v>155568</v>
      </c>
      <c r="G45647" s="1" t="s">
        <v>155547</v>
      </c>
      <c r="H45647" s="1" t="s">
        <v>155548</v>
      </c>
      <c r="I45647" s="1" t="s">
        <v>155549</v>
      </c>
      <c r="J45647" s="1" t="s">
        <v>155569</v>
      </c>
    </row>
    <row r="45648" spans="1:10" x14ac:dyDescent="0.35">
      <c r="A45648" s="1" t="s">
        <v>4512</v>
      </c>
      <c r="B45648" s="1" t="s">
        <v>155544</v>
      </c>
      <c r="C45648" s="1" t="s">
        <v>45</v>
      </c>
      <c r="D45648" s="1" t="s">
        <v>155570</v>
      </c>
      <c r="E45648" s="1" t="s">
        <v>155571</v>
      </c>
      <c r="F45648" s="1" t="s">
        <v>155572</v>
      </c>
      <c r="G45648" s="1" t="s">
        <v>155547</v>
      </c>
      <c r="H45648" s="1" t="s">
        <v>155548</v>
      </c>
      <c r="I45648" s="1" t="s">
        <v>155549</v>
      </c>
      <c r="J45648" s="1" t="s">
        <v>155573</v>
      </c>
    </row>
    <row r="45649" spans="1:10" x14ac:dyDescent="0.35">
      <c r="A45649" s="1" t="s">
        <v>4512</v>
      </c>
      <c r="B45649" s="1" t="s">
        <v>155544</v>
      </c>
      <c r="C45649" s="1" t="s">
        <v>50</v>
      </c>
      <c r="D45649" s="1" t="s">
        <v>155574</v>
      </c>
      <c r="E45649" s="1" t="s">
        <v>155575</v>
      </c>
      <c r="F45649" s="1" t="s">
        <v>155576</v>
      </c>
      <c r="G45649" s="1" t="s">
        <v>155547</v>
      </c>
      <c r="H45649" s="1" t="s">
        <v>155548</v>
      </c>
      <c r="I45649" s="1" t="s">
        <v>155549</v>
      </c>
      <c r="J45649" s="1" t="s">
        <v>145821</v>
      </c>
    </row>
    <row r="45650" spans="1:10" x14ac:dyDescent="0.35">
      <c r="A45650" s="1" t="s">
        <v>4512</v>
      </c>
      <c r="B45650" s="1" t="s">
        <v>155544</v>
      </c>
      <c r="C45650" s="1" t="s">
        <v>55</v>
      </c>
      <c r="D45650" s="1" t="s">
        <v>155577</v>
      </c>
      <c r="E45650" s="1" t="s">
        <v>155578</v>
      </c>
      <c r="F45650" s="1" t="s">
        <v>155579</v>
      </c>
      <c r="G45650" s="1" t="s">
        <v>155547</v>
      </c>
      <c r="H45650" s="1" t="s">
        <v>155548</v>
      </c>
      <c r="I45650" s="1" t="s">
        <v>155549</v>
      </c>
      <c r="J45650" s="1" t="s">
        <v>155580</v>
      </c>
    </row>
    <row r="45651" spans="1:10" x14ac:dyDescent="0.35">
      <c r="A45651" s="1" t="s">
        <v>4512</v>
      </c>
      <c r="B45651" s="1" t="s">
        <v>155544</v>
      </c>
      <c r="C45651" s="1" t="s">
        <v>60</v>
      </c>
      <c r="D45651" s="1" t="s">
        <v>72020</v>
      </c>
      <c r="E45651" s="1" t="s">
        <v>155581</v>
      </c>
      <c r="F45651" s="1" t="s">
        <v>155582</v>
      </c>
      <c r="G45651" s="1" t="s">
        <v>155547</v>
      </c>
      <c r="H45651" s="1" t="s">
        <v>155548</v>
      </c>
      <c r="I45651" s="1" t="s">
        <v>155549</v>
      </c>
      <c r="J45651" s="1" t="s">
        <v>155583</v>
      </c>
    </row>
    <row r="45652" spans="1:10" x14ac:dyDescent="0.35">
      <c r="A45652" s="1" t="s">
        <v>4512</v>
      </c>
      <c r="B45652" s="1" t="s">
        <v>155544</v>
      </c>
      <c r="C45652" s="1" t="s">
        <v>65</v>
      </c>
      <c r="D45652" s="1" t="s">
        <v>155584</v>
      </c>
      <c r="E45652" s="1" t="s">
        <v>155585</v>
      </c>
      <c r="F45652" s="1" t="s">
        <v>155586</v>
      </c>
      <c r="G45652" s="1" t="s">
        <v>155547</v>
      </c>
      <c r="H45652" s="1" t="s">
        <v>155548</v>
      </c>
      <c r="I45652" s="1" t="s">
        <v>155549</v>
      </c>
      <c r="J45652" s="1" t="s">
        <v>155587</v>
      </c>
    </row>
    <row r="45653" spans="1:10" x14ac:dyDescent="0.35">
      <c r="A45653" s="1" t="s">
        <v>4512</v>
      </c>
      <c r="B45653" s="1" t="s">
        <v>155544</v>
      </c>
      <c r="C45653" s="1" t="s">
        <v>70</v>
      </c>
      <c r="D45653" s="1" t="s">
        <v>51577</v>
      </c>
      <c r="E45653" s="1" t="s">
        <v>155588</v>
      </c>
      <c r="F45653" s="1" t="s">
        <v>155589</v>
      </c>
      <c r="G45653" s="1" t="s">
        <v>155547</v>
      </c>
      <c r="H45653" s="1" t="s">
        <v>155548</v>
      </c>
      <c r="I45653" s="1" t="s">
        <v>155549</v>
      </c>
      <c r="J45653" s="1" t="s">
        <v>155590</v>
      </c>
    </row>
    <row r="45654" spans="1:10" x14ac:dyDescent="0.35">
      <c r="A45654" s="1" t="s">
        <v>4512</v>
      </c>
      <c r="B45654" s="1" t="s">
        <v>155544</v>
      </c>
      <c r="C45654" s="1" t="s">
        <v>75</v>
      </c>
      <c r="D45654" s="1" t="s">
        <v>109915</v>
      </c>
      <c r="E45654" s="1" t="s">
        <v>155591</v>
      </c>
      <c r="F45654" s="1" t="s">
        <v>155592</v>
      </c>
      <c r="G45654" s="1" t="s">
        <v>155547</v>
      </c>
      <c r="H45654" s="1" t="s">
        <v>155548</v>
      </c>
      <c r="I45654" s="1" t="s">
        <v>155549</v>
      </c>
      <c r="J45654" s="1" t="s">
        <v>155593</v>
      </c>
    </row>
    <row r="45655" spans="1:10" x14ac:dyDescent="0.35">
      <c r="A45655" s="1" t="s">
        <v>4512</v>
      </c>
      <c r="B45655" s="1" t="s">
        <v>155544</v>
      </c>
      <c r="C45655" s="1" t="s">
        <v>80</v>
      </c>
      <c r="D45655" s="1" t="s">
        <v>155594</v>
      </c>
      <c r="E45655" s="1" t="s">
        <v>155595</v>
      </c>
      <c r="F45655" s="1" t="s">
        <v>155596</v>
      </c>
      <c r="G45655" s="1" t="s">
        <v>155547</v>
      </c>
      <c r="H45655" s="1" t="s">
        <v>155548</v>
      </c>
      <c r="I45655" s="1" t="s">
        <v>155549</v>
      </c>
      <c r="J45655" s="1" t="s">
        <v>155597</v>
      </c>
    </row>
    <row r="45656" spans="1:10" x14ac:dyDescent="0.35">
      <c r="A45656" s="1" t="s">
        <v>4512</v>
      </c>
      <c r="B45656" s="1" t="s">
        <v>155544</v>
      </c>
      <c r="C45656" s="1" t="s">
        <v>85</v>
      </c>
      <c r="D45656" s="1" t="s">
        <v>35790</v>
      </c>
      <c r="E45656" s="1" t="s">
        <v>155598</v>
      </c>
      <c r="F45656" s="1" t="s">
        <v>155599</v>
      </c>
      <c r="G45656" s="1" t="s">
        <v>155547</v>
      </c>
      <c r="H45656" s="1" t="s">
        <v>155548</v>
      </c>
      <c r="I45656" s="1" t="s">
        <v>155549</v>
      </c>
      <c r="J45656" s="1" t="s">
        <v>155600</v>
      </c>
    </row>
    <row r="45657" spans="1:10" x14ac:dyDescent="0.35">
      <c r="A45657" s="1" t="s">
        <v>4512</v>
      </c>
      <c r="B45657" s="1" t="s">
        <v>155544</v>
      </c>
      <c r="C45657" s="1" t="s">
        <v>90</v>
      </c>
      <c r="D45657" s="1" t="s">
        <v>155601</v>
      </c>
      <c r="E45657" s="1" t="s">
        <v>155602</v>
      </c>
      <c r="F45657" s="1" t="s">
        <v>155603</v>
      </c>
      <c r="G45657" s="1" t="s">
        <v>155547</v>
      </c>
      <c r="H45657" s="1" t="s">
        <v>155548</v>
      </c>
      <c r="I45657" s="1" t="s">
        <v>155549</v>
      </c>
      <c r="J45657" s="1" t="s">
        <v>155604</v>
      </c>
    </row>
    <row r="45658" spans="1:10" x14ac:dyDescent="0.35">
      <c r="A45658" s="1" t="s">
        <v>4512</v>
      </c>
      <c r="B45658" s="1" t="s">
        <v>155544</v>
      </c>
      <c r="C45658" s="1" t="s">
        <v>95</v>
      </c>
      <c r="D45658" s="1" t="s">
        <v>7183</v>
      </c>
      <c r="E45658" s="1" t="s">
        <v>155605</v>
      </c>
      <c r="F45658" s="1" t="s">
        <v>155606</v>
      </c>
      <c r="G45658" s="1" t="s">
        <v>155547</v>
      </c>
      <c r="H45658" s="1" t="s">
        <v>155548</v>
      </c>
      <c r="I45658" s="1" t="s">
        <v>155549</v>
      </c>
      <c r="J45658" s="1" t="s">
        <v>155607</v>
      </c>
    </row>
    <row r="45659" spans="1:10" x14ac:dyDescent="0.35">
      <c r="A45659" s="1" t="s">
        <v>4512</v>
      </c>
      <c r="B45659" s="1" t="s">
        <v>155544</v>
      </c>
      <c r="C45659" s="1" t="s">
        <v>100</v>
      </c>
      <c r="D45659" s="1" t="s">
        <v>30905</v>
      </c>
      <c r="E45659" s="1" t="s">
        <v>155608</v>
      </c>
      <c r="F45659" s="1" t="s">
        <v>155609</v>
      </c>
      <c r="G45659" s="1" t="s">
        <v>155547</v>
      </c>
      <c r="H45659" s="1" t="s">
        <v>155548</v>
      </c>
      <c r="I45659" s="1" t="s">
        <v>155549</v>
      </c>
      <c r="J45659" s="1" t="s">
        <v>155610</v>
      </c>
    </row>
    <row r="45660" spans="1:10" x14ac:dyDescent="0.35">
      <c r="A45660" s="1" t="s">
        <v>4512</v>
      </c>
      <c r="B45660" s="1" t="s">
        <v>155544</v>
      </c>
      <c r="C45660" s="1" t="s">
        <v>105</v>
      </c>
      <c r="D45660" s="1" t="s">
        <v>149002</v>
      </c>
      <c r="E45660" s="1" t="s">
        <v>155611</v>
      </c>
      <c r="F45660" s="1" t="s">
        <v>155612</v>
      </c>
      <c r="G45660" s="1" t="s">
        <v>155547</v>
      </c>
      <c r="H45660" s="1" t="s">
        <v>155548</v>
      </c>
      <c r="I45660" s="1" t="s">
        <v>155549</v>
      </c>
      <c r="J45660" s="1" t="s">
        <v>155613</v>
      </c>
    </row>
    <row r="45661" spans="1:10" x14ac:dyDescent="0.35">
      <c r="A45661" s="1" t="s">
        <v>4512</v>
      </c>
      <c r="B45661" s="1" t="s">
        <v>155544</v>
      </c>
      <c r="C45661" s="1" t="s">
        <v>110</v>
      </c>
      <c r="D45661" s="1" t="s">
        <v>74745</v>
      </c>
      <c r="E45661" s="1" t="s">
        <v>155614</v>
      </c>
      <c r="F45661" s="1" t="s">
        <v>155615</v>
      </c>
      <c r="G45661" s="1" t="s">
        <v>155547</v>
      </c>
      <c r="H45661" s="1" t="s">
        <v>155548</v>
      </c>
      <c r="I45661" s="1" t="s">
        <v>155549</v>
      </c>
      <c r="J45661" s="1" t="s">
        <v>155616</v>
      </c>
    </row>
    <row r="45662" spans="1:10" x14ac:dyDescent="0.35">
      <c r="A45662" s="1" t="s">
        <v>4512</v>
      </c>
      <c r="B45662" s="1" t="s">
        <v>155544</v>
      </c>
      <c r="C45662" s="1" t="s">
        <v>115</v>
      </c>
      <c r="D45662" s="1" t="s">
        <v>155617</v>
      </c>
      <c r="E45662" s="1" t="s">
        <v>155618</v>
      </c>
      <c r="F45662" s="1" t="s">
        <v>155619</v>
      </c>
      <c r="G45662" s="1" t="s">
        <v>155547</v>
      </c>
      <c r="H45662" s="1" t="s">
        <v>155548</v>
      </c>
      <c r="I45662" s="1" t="s">
        <v>155549</v>
      </c>
      <c r="J45662" s="1" t="s">
        <v>155620</v>
      </c>
    </row>
    <row r="45663" spans="1:10" x14ac:dyDescent="0.35">
      <c r="A45663" s="1" t="s">
        <v>4512</v>
      </c>
      <c r="B45663" s="1" t="s">
        <v>155544</v>
      </c>
      <c r="C45663" s="1" t="s">
        <v>120</v>
      </c>
      <c r="D45663" s="1" t="s">
        <v>105179</v>
      </c>
      <c r="E45663" s="1" t="s">
        <v>155621</v>
      </c>
      <c r="F45663" s="1" t="s">
        <v>155622</v>
      </c>
      <c r="G45663" s="1" t="s">
        <v>155547</v>
      </c>
      <c r="H45663" s="1" t="s">
        <v>155548</v>
      </c>
      <c r="I45663" s="1" t="s">
        <v>155549</v>
      </c>
      <c r="J45663" s="1" t="s">
        <v>155623</v>
      </c>
    </row>
    <row r="45664" spans="1:10" x14ac:dyDescent="0.35">
      <c r="A45664" s="1" t="s">
        <v>4512</v>
      </c>
      <c r="B45664" s="1" t="s">
        <v>155544</v>
      </c>
      <c r="C45664" s="1" t="s">
        <v>125</v>
      </c>
      <c r="D45664" s="1" t="s">
        <v>155624</v>
      </c>
      <c r="E45664" s="1" t="s">
        <v>155625</v>
      </c>
      <c r="F45664" s="1" t="s">
        <v>155626</v>
      </c>
      <c r="G45664" s="1" t="s">
        <v>155547</v>
      </c>
      <c r="H45664" s="1" t="s">
        <v>155548</v>
      </c>
      <c r="I45664" s="1" t="s">
        <v>155549</v>
      </c>
      <c r="J45664" s="1" t="s">
        <v>155627</v>
      </c>
    </row>
    <row r="45665" spans="1:10" x14ac:dyDescent="0.35">
      <c r="A45665" s="1" t="s">
        <v>4512</v>
      </c>
      <c r="B45665" s="1" t="s">
        <v>155544</v>
      </c>
      <c r="C45665" s="1" t="s">
        <v>130</v>
      </c>
      <c r="D45665" s="1" t="s">
        <v>15555</v>
      </c>
      <c r="E45665" s="1" t="s">
        <v>155628</v>
      </c>
      <c r="F45665" s="1" t="s">
        <v>155629</v>
      </c>
      <c r="G45665" s="1" t="s">
        <v>155547</v>
      </c>
      <c r="H45665" s="1" t="s">
        <v>155548</v>
      </c>
      <c r="I45665" s="1" t="s">
        <v>155549</v>
      </c>
      <c r="J45665" s="1" t="s">
        <v>155630</v>
      </c>
    </row>
    <row r="45666" spans="1:10" x14ac:dyDescent="0.35">
      <c r="A45666" s="1" t="s">
        <v>4512</v>
      </c>
      <c r="B45666" s="1" t="s">
        <v>155544</v>
      </c>
      <c r="C45666" s="1" t="s">
        <v>135</v>
      </c>
      <c r="D45666" s="1" t="s">
        <v>155631</v>
      </c>
      <c r="E45666" s="1" t="s">
        <v>155632</v>
      </c>
      <c r="F45666" s="1" t="s">
        <v>155633</v>
      </c>
      <c r="G45666" s="1" t="s">
        <v>155547</v>
      </c>
      <c r="H45666" s="1" t="s">
        <v>155548</v>
      </c>
      <c r="I45666" s="1" t="s">
        <v>155549</v>
      </c>
      <c r="J45666" s="1" t="s">
        <v>155634</v>
      </c>
    </row>
    <row r="45667" spans="1:10" x14ac:dyDescent="0.35">
      <c r="A45667" s="1" t="s">
        <v>4512</v>
      </c>
      <c r="B45667" s="1" t="s">
        <v>155544</v>
      </c>
      <c r="C45667" s="1" t="s">
        <v>140</v>
      </c>
      <c r="D45667" s="1" t="s">
        <v>155635</v>
      </c>
      <c r="E45667" s="1" t="s">
        <v>155636</v>
      </c>
      <c r="F45667" s="1" t="s">
        <v>155637</v>
      </c>
      <c r="G45667" s="1" t="s">
        <v>155547</v>
      </c>
      <c r="H45667" s="1" t="s">
        <v>155548</v>
      </c>
      <c r="I45667" s="1" t="s">
        <v>155549</v>
      </c>
      <c r="J45667" s="1" t="s">
        <v>155638</v>
      </c>
    </row>
    <row r="45668" spans="1:10" x14ac:dyDescent="0.35">
      <c r="A45668" s="1" t="s">
        <v>4512</v>
      </c>
      <c r="B45668" s="1" t="s">
        <v>155544</v>
      </c>
      <c r="C45668" s="1" t="s">
        <v>145</v>
      </c>
      <c r="D45668" s="1" t="s">
        <v>155639</v>
      </c>
      <c r="E45668" s="1" t="s">
        <v>155640</v>
      </c>
      <c r="F45668" s="1" t="s">
        <v>155641</v>
      </c>
      <c r="G45668" s="1" t="s">
        <v>155547</v>
      </c>
      <c r="H45668" s="1" t="s">
        <v>155548</v>
      </c>
      <c r="I45668" s="1" t="s">
        <v>155549</v>
      </c>
      <c r="J45668" s="1" t="s">
        <v>155642</v>
      </c>
    </row>
    <row r="45669" spans="1:10" x14ac:dyDescent="0.35">
      <c r="A45669" s="1" t="s">
        <v>4512</v>
      </c>
      <c r="B45669" s="1" t="s">
        <v>155544</v>
      </c>
      <c r="C45669" s="1" t="s">
        <v>150</v>
      </c>
      <c r="D45669" s="1" t="s">
        <v>155643</v>
      </c>
      <c r="E45669" s="1" t="s">
        <v>87027</v>
      </c>
      <c r="F45669" s="1" t="s">
        <v>155644</v>
      </c>
      <c r="G45669" s="1" t="s">
        <v>155547</v>
      </c>
      <c r="H45669" s="1" t="s">
        <v>155548</v>
      </c>
      <c r="I45669" s="1" t="s">
        <v>155549</v>
      </c>
      <c r="J45669" s="1" t="s">
        <v>155645</v>
      </c>
    </row>
    <row r="45670" spans="1:10" x14ac:dyDescent="0.35">
      <c r="A45670" s="1" t="s">
        <v>4512</v>
      </c>
      <c r="B45670" s="1" t="s">
        <v>155544</v>
      </c>
      <c r="C45670" s="1" t="s">
        <v>155</v>
      </c>
      <c r="D45670" s="1" t="s">
        <v>155646</v>
      </c>
      <c r="E45670" s="1" t="s">
        <v>155647</v>
      </c>
      <c r="F45670" s="1" t="s">
        <v>155648</v>
      </c>
      <c r="G45670" s="1" t="s">
        <v>155547</v>
      </c>
      <c r="H45670" s="1" t="s">
        <v>155548</v>
      </c>
      <c r="I45670" s="1" t="s">
        <v>155549</v>
      </c>
      <c r="J45670" s="1" t="s">
        <v>155649</v>
      </c>
    </row>
    <row r="45671" spans="1:10" x14ac:dyDescent="0.35">
      <c r="A45671" s="1" t="s">
        <v>4512</v>
      </c>
      <c r="B45671" s="1" t="s">
        <v>155544</v>
      </c>
      <c r="C45671" s="1" t="s">
        <v>160</v>
      </c>
      <c r="D45671" s="1" t="s">
        <v>155650</v>
      </c>
      <c r="E45671" s="1" t="s">
        <v>155651</v>
      </c>
      <c r="F45671" s="1" t="s">
        <v>155652</v>
      </c>
      <c r="G45671" s="1" t="s">
        <v>155547</v>
      </c>
      <c r="H45671" s="1" t="s">
        <v>155548</v>
      </c>
      <c r="I45671" s="1" t="s">
        <v>155549</v>
      </c>
      <c r="J45671" s="1" t="s">
        <v>155653</v>
      </c>
    </row>
    <row r="45672" spans="1:10" x14ac:dyDescent="0.35">
      <c r="A45672" s="1" t="s">
        <v>4512</v>
      </c>
      <c r="B45672" s="1" t="s">
        <v>155544</v>
      </c>
      <c r="C45672" s="1" t="s">
        <v>165</v>
      </c>
      <c r="D45672" s="1" t="s">
        <v>155654</v>
      </c>
      <c r="E45672" s="1" t="s">
        <v>155655</v>
      </c>
      <c r="F45672" s="1" t="s">
        <v>155656</v>
      </c>
      <c r="G45672" s="1" t="s">
        <v>155547</v>
      </c>
      <c r="H45672" s="1" t="s">
        <v>155548</v>
      </c>
      <c r="I45672" s="1" t="s">
        <v>155549</v>
      </c>
      <c r="J45672" s="1" t="s">
        <v>155657</v>
      </c>
    </row>
    <row r="45673" spans="1:10" x14ac:dyDescent="0.35">
      <c r="A45673" s="1" t="s">
        <v>4512</v>
      </c>
      <c r="B45673" s="1" t="s">
        <v>155544</v>
      </c>
      <c r="C45673" s="1" t="s">
        <v>170</v>
      </c>
      <c r="D45673" s="1" t="s">
        <v>106438</v>
      </c>
      <c r="E45673" s="1" t="s">
        <v>155658</v>
      </c>
      <c r="F45673" s="1" t="s">
        <v>155659</v>
      </c>
      <c r="G45673" s="1" t="s">
        <v>155547</v>
      </c>
      <c r="H45673" s="1" t="s">
        <v>155548</v>
      </c>
      <c r="I45673" s="1" t="s">
        <v>155549</v>
      </c>
      <c r="J45673" s="1" t="s">
        <v>155660</v>
      </c>
    </row>
    <row r="45674" spans="1:10" x14ac:dyDescent="0.35">
      <c r="A45674" s="1" t="s">
        <v>29542</v>
      </c>
      <c r="B45674" s="1" t="s">
        <v>155544</v>
      </c>
      <c r="C45674" s="1" t="s">
        <v>8</v>
      </c>
      <c r="D45674" s="1" t="s">
        <v>17975</v>
      </c>
      <c r="E45674" s="1" t="s">
        <v>21807</v>
      </c>
      <c r="F45674" s="1" t="s">
        <v>155661</v>
      </c>
      <c r="G45674" s="1" t="s">
        <v>155662</v>
      </c>
      <c r="H45674" s="1" t="s">
        <v>155663</v>
      </c>
      <c r="I45674" s="1" t="s">
        <v>155549</v>
      </c>
      <c r="J45674" s="1" t="s">
        <v>13</v>
      </c>
    </row>
    <row r="45675" spans="1:10" x14ac:dyDescent="0.35">
      <c r="A45675" s="1" t="s">
        <v>29542</v>
      </c>
      <c r="B45675" s="1" t="s">
        <v>155544</v>
      </c>
      <c r="C45675" s="1" t="s">
        <v>15</v>
      </c>
      <c r="D45675" s="1" t="s">
        <v>75446</v>
      </c>
      <c r="E45675" s="1" t="s">
        <v>58314</v>
      </c>
      <c r="F45675" s="1" t="s">
        <v>155664</v>
      </c>
      <c r="G45675" s="1" t="s">
        <v>155662</v>
      </c>
      <c r="H45675" s="1" t="s">
        <v>155663</v>
      </c>
      <c r="I45675" s="1" t="s">
        <v>155549</v>
      </c>
      <c r="J45675" s="1" t="s">
        <v>155665</v>
      </c>
    </row>
    <row r="45676" spans="1:10" x14ac:dyDescent="0.35">
      <c r="A45676" s="1" t="s">
        <v>29542</v>
      </c>
      <c r="B45676" s="1" t="s">
        <v>155544</v>
      </c>
      <c r="C45676" s="1" t="s">
        <v>20</v>
      </c>
      <c r="D45676" s="1" t="s">
        <v>51352</v>
      </c>
      <c r="E45676" s="1" t="s">
        <v>55344</v>
      </c>
      <c r="F45676" s="1" t="s">
        <v>68611</v>
      </c>
      <c r="G45676" s="1" t="s">
        <v>155662</v>
      </c>
      <c r="H45676" s="1" t="s">
        <v>155663</v>
      </c>
      <c r="I45676" s="1" t="s">
        <v>155549</v>
      </c>
      <c r="J45676" s="1" t="s">
        <v>155666</v>
      </c>
    </row>
    <row r="45677" spans="1:10" x14ac:dyDescent="0.35">
      <c r="A45677" s="1" t="s">
        <v>29542</v>
      </c>
      <c r="B45677" s="1" t="s">
        <v>155544</v>
      </c>
      <c r="C45677" s="1" t="s">
        <v>25</v>
      </c>
      <c r="D45677" s="1" t="s">
        <v>125142</v>
      </c>
      <c r="E45677" s="1" t="s">
        <v>60967</v>
      </c>
      <c r="F45677" s="1" t="s">
        <v>155667</v>
      </c>
      <c r="G45677" s="1" t="s">
        <v>155662</v>
      </c>
      <c r="H45677" s="1" t="s">
        <v>155663</v>
      </c>
      <c r="I45677" s="1" t="s">
        <v>155549</v>
      </c>
      <c r="J45677" s="1" t="s">
        <v>155668</v>
      </c>
    </row>
    <row r="45678" spans="1:10" x14ac:dyDescent="0.35">
      <c r="A45678" s="1" t="s">
        <v>29542</v>
      </c>
      <c r="B45678" s="1" t="s">
        <v>155544</v>
      </c>
      <c r="C45678" s="1" t="s">
        <v>30</v>
      </c>
      <c r="D45678" s="1" t="s">
        <v>72941</v>
      </c>
      <c r="E45678" s="1" t="s">
        <v>53834</v>
      </c>
      <c r="F45678" s="1" t="s">
        <v>54703</v>
      </c>
      <c r="G45678" s="1" t="s">
        <v>155662</v>
      </c>
      <c r="H45678" s="1" t="s">
        <v>155663</v>
      </c>
      <c r="I45678" s="1" t="s">
        <v>155549</v>
      </c>
      <c r="J45678" s="1" t="s">
        <v>155669</v>
      </c>
    </row>
    <row r="45679" spans="1:10" x14ac:dyDescent="0.35">
      <c r="A45679" s="1" t="s">
        <v>29542</v>
      </c>
      <c r="B45679" s="1" t="s">
        <v>155544</v>
      </c>
      <c r="C45679" s="1" t="s">
        <v>35</v>
      </c>
      <c r="D45679" s="1" t="s">
        <v>72853</v>
      </c>
      <c r="E45679" s="1" t="s">
        <v>60967</v>
      </c>
      <c r="F45679" s="1" t="s">
        <v>56203</v>
      </c>
      <c r="G45679" s="1" t="s">
        <v>155662</v>
      </c>
      <c r="H45679" s="1" t="s">
        <v>155663</v>
      </c>
      <c r="I45679" s="1" t="s">
        <v>155549</v>
      </c>
      <c r="J45679" s="1" t="s">
        <v>155670</v>
      </c>
    </row>
    <row r="45680" spans="1:10" x14ac:dyDescent="0.35">
      <c r="A45680" s="1" t="s">
        <v>29542</v>
      </c>
      <c r="B45680" s="1" t="s">
        <v>155544</v>
      </c>
      <c r="C45680" s="1" t="s">
        <v>40</v>
      </c>
      <c r="D45680" s="1" t="s">
        <v>104677</v>
      </c>
      <c r="E45680" s="1" t="s">
        <v>104680</v>
      </c>
      <c r="F45680" s="1" t="s">
        <v>155671</v>
      </c>
      <c r="G45680" s="1" t="s">
        <v>155662</v>
      </c>
      <c r="H45680" s="1" t="s">
        <v>155663</v>
      </c>
      <c r="I45680" s="1" t="s">
        <v>155549</v>
      </c>
      <c r="J45680" s="1" t="s">
        <v>155672</v>
      </c>
    </row>
    <row r="45681" spans="1:10" x14ac:dyDescent="0.35">
      <c r="A45681" s="1" t="s">
        <v>29542</v>
      </c>
      <c r="B45681" s="1" t="s">
        <v>155544</v>
      </c>
      <c r="C45681" s="1" t="s">
        <v>45</v>
      </c>
      <c r="D45681" s="1" t="s">
        <v>125637</v>
      </c>
      <c r="E45681" s="1" t="s">
        <v>22026</v>
      </c>
      <c r="F45681" s="1" t="s">
        <v>155673</v>
      </c>
      <c r="G45681" s="1" t="s">
        <v>155662</v>
      </c>
      <c r="H45681" s="1" t="s">
        <v>155663</v>
      </c>
      <c r="I45681" s="1" t="s">
        <v>155549</v>
      </c>
      <c r="J45681" s="1" t="s">
        <v>155674</v>
      </c>
    </row>
    <row r="45682" spans="1:10" x14ac:dyDescent="0.35">
      <c r="A45682" s="1" t="s">
        <v>29542</v>
      </c>
      <c r="B45682" s="1" t="s">
        <v>155544</v>
      </c>
      <c r="C45682" s="1" t="s">
        <v>50</v>
      </c>
      <c r="D45682" s="1" t="s">
        <v>155675</v>
      </c>
      <c r="E45682" s="1" t="s">
        <v>155676</v>
      </c>
      <c r="F45682" s="1" t="s">
        <v>32546</v>
      </c>
      <c r="G45682" s="1" t="s">
        <v>155662</v>
      </c>
      <c r="H45682" s="1" t="s">
        <v>155663</v>
      </c>
      <c r="I45682" s="1" t="s">
        <v>155549</v>
      </c>
      <c r="J45682" s="1" t="s">
        <v>155677</v>
      </c>
    </row>
    <row r="45683" spans="1:10" x14ac:dyDescent="0.35">
      <c r="A45683" s="1" t="s">
        <v>29542</v>
      </c>
      <c r="B45683" s="1" t="s">
        <v>155544</v>
      </c>
      <c r="C45683" s="1" t="s">
        <v>55</v>
      </c>
      <c r="D45683" s="1" t="s">
        <v>126506</v>
      </c>
      <c r="E45683" s="1" t="s">
        <v>41586</v>
      </c>
      <c r="F45683" s="1" t="s">
        <v>58225</v>
      </c>
      <c r="G45683" s="1" t="s">
        <v>155662</v>
      </c>
      <c r="H45683" s="1" t="s">
        <v>155663</v>
      </c>
      <c r="I45683" s="1" t="s">
        <v>155549</v>
      </c>
      <c r="J45683" s="1" t="s">
        <v>155678</v>
      </c>
    </row>
    <row r="45684" spans="1:10" x14ac:dyDescent="0.35">
      <c r="A45684" s="1" t="s">
        <v>29542</v>
      </c>
      <c r="B45684" s="1" t="s">
        <v>155544</v>
      </c>
      <c r="C45684" s="1" t="s">
        <v>60</v>
      </c>
      <c r="D45684" s="1" t="s">
        <v>155679</v>
      </c>
      <c r="E45684" s="1" t="s">
        <v>26614</v>
      </c>
      <c r="F45684" s="1" t="s">
        <v>155680</v>
      </c>
      <c r="G45684" s="1" t="s">
        <v>155662</v>
      </c>
      <c r="H45684" s="1" t="s">
        <v>155663</v>
      </c>
      <c r="I45684" s="1" t="s">
        <v>155549</v>
      </c>
      <c r="J45684" s="1" t="s">
        <v>155681</v>
      </c>
    </row>
    <row r="45685" spans="1:10" x14ac:dyDescent="0.35">
      <c r="A45685" s="1" t="s">
        <v>29542</v>
      </c>
      <c r="B45685" s="1" t="s">
        <v>155544</v>
      </c>
      <c r="C45685" s="1" t="s">
        <v>65</v>
      </c>
      <c r="D45685" s="1" t="s">
        <v>155682</v>
      </c>
      <c r="E45685" s="1" t="s">
        <v>59813</v>
      </c>
      <c r="F45685" s="1" t="s">
        <v>155683</v>
      </c>
      <c r="G45685" s="1" t="s">
        <v>155662</v>
      </c>
      <c r="H45685" s="1" t="s">
        <v>155663</v>
      </c>
      <c r="I45685" s="1" t="s">
        <v>155549</v>
      </c>
      <c r="J45685" s="1" t="s">
        <v>155684</v>
      </c>
    </row>
    <row r="45686" spans="1:10" x14ac:dyDescent="0.35">
      <c r="A45686" s="1" t="s">
        <v>29542</v>
      </c>
      <c r="B45686" s="1" t="s">
        <v>155544</v>
      </c>
      <c r="C45686" s="1" t="s">
        <v>70</v>
      </c>
      <c r="D45686" s="1" t="s">
        <v>29238</v>
      </c>
      <c r="E45686" s="1" t="s">
        <v>63890</v>
      </c>
      <c r="F45686" s="1" t="s">
        <v>155685</v>
      </c>
      <c r="G45686" s="1" t="s">
        <v>155662</v>
      </c>
      <c r="H45686" s="1" t="s">
        <v>155663</v>
      </c>
      <c r="I45686" s="1" t="s">
        <v>155549</v>
      </c>
      <c r="J45686" s="1" t="s">
        <v>155686</v>
      </c>
    </row>
    <row r="45687" spans="1:10" x14ac:dyDescent="0.35">
      <c r="A45687" s="1" t="s">
        <v>29542</v>
      </c>
      <c r="B45687" s="1" t="s">
        <v>155544</v>
      </c>
      <c r="C45687" s="1" t="s">
        <v>75</v>
      </c>
      <c r="D45687" s="1" t="s">
        <v>35707</v>
      </c>
      <c r="E45687" s="1" t="s">
        <v>56664</v>
      </c>
      <c r="F45687" s="1" t="s">
        <v>155687</v>
      </c>
      <c r="G45687" s="1" t="s">
        <v>155662</v>
      </c>
      <c r="H45687" s="1" t="s">
        <v>155663</v>
      </c>
      <c r="I45687" s="1" t="s">
        <v>155549</v>
      </c>
      <c r="J45687" s="1" t="s">
        <v>155688</v>
      </c>
    </row>
    <row r="45688" spans="1:10" x14ac:dyDescent="0.35">
      <c r="A45688" s="1" t="s">
        <v>29542</v>
      </c>
      <c r="B45688" s="1" t="s">
        <v>155544</v>
      </c>
      <c r="C45688" s="1" t="s">
        <v>80</v>
      </c>
      <c r="D45688" s="1" t="s">
        <v>124607</v>
      </c>
      <c r="E45688" s="1" t="s">
        <v>21894</v>
      </c>
      <c r="F45688" s="1" t="s">
        <v>30605</v>
      </c>
      <c r="G45688" s="1" t="s">
        <v>155662</v>
      </c>
      <c r="H45688" s="1" t="s">
        <v>155663</v>
      </c>
      <c r="I45688" s="1" t="s">
        <v>155549</v>
      </c>
      <c r="J45688" s="1" t="s">
        <v>155689</v>
      </c>
    </row>
    <row r="45689" spans="1:10" x14ac:dyDescent="0.35">
      <c r="A45689" s="1" t="s">
        <v>29542</v>
      </c>
      <c r="B45689" s="1" t="s">
        <v>155544</v>
      </c>
      <c r="C45689" s="1" t="s">
        <v>85</v>
      </c>
      <c r="D45689" s="1" t="s">
        <v>111759</v>
      </c>
      <c r="E45689" s="1" t="s">
        <v>23847</v>
      </c>
      <c r="F45689" s="1" t="s">
        <v>103958</v>
      </c>
      <c r="G45689" s="1" t="s">
        <v>155662</v>
      </c>
      <c r="H45689" s="1" t="s">
        <v>155663</v>
      </c>
      <c r="I45689" s="1" t="s">
        <v>155549</v>
      </c>
      <c r="J45689" s="1" t="s">
        <v>155690</v>
      </c>
    </row>
    <row r="45690" spans="1:10" x14ac:dyDescent="0.35">
      <c r="A45690" s="1" t="s">
        <v>29542</v>
      </c>
      <c r="B45690" s="1" t="s">
        <v>155544</v>
      </c>
      <c r="C45690" s="1" t="s">
        <v>90</v>
      </c>
      <c r="D45690" s="1" t="s">
        <v>70777</v>
      </c>
      <c r="E45690" s="1" t="s">
        <v>55308</v>
      </c>
      <c r="F45690" s="1" t="s">
        <v>53962</v>
      </c>
      <c r="G45690" s="1" t="s">
        <v>155662</v>
      </c>
      <c r="H45690" s="1" t="s">
        <v>155663</v>
      </c>
      <c r="I45690" s="1" t="s">
        <v>155549</v>
      </c>
      <c r="J45690" s="1" t="s">
        <v>155691</v>
      </c>
    </row>
    <row r="45691" spans="1:10" x14ac:dyDescent="0.35">
      <c r="A45691" s="1" t="s">
        <v>29542</v>
      </c>
      <c r="B45691" s="1" t="s">
        <v>155544</v>
      </c>
      <c r="C45691" s="1" t="s">
        <v>95</v>
      </c>
      <c r="D45691" s="1" t="s">
        <v>155692</v>
      </c>
      <c r="E45691" s="1" t="s">
        <v>12868</v>
      </c>
      <c r="F45691" s="1" t="s">
        <v>155693</v>
      </c>
      <c r="G45691" s="1" t="s">
        <v>155662</v>
      </c>
      <c r="H45691" s="1" t="s">
        <v>155663</v>
      </c>
      <c r="I45691" s="1" t="s">
        <v>155549</v>
      </c>
      <c r="J45691" s="1" t="s">
        <v>155694</v>
      </c>
    </row>
    <row r="45692" spans="1:10" x14ac:dyDescent="0.35">
      <c r="A45692" s="1" t="s">
        <v>29542</v>
      </c>
      <c r="B45692" s="1" t="s">
        <v>155544</v>
      </c>
      <c r="C45692" s="1" t="s">
        <v>100</v>
      </c>
      <c r="D45692" s="1" t="s">
        <v>50231</v>
      </c>
      <c r="E45692" s="1" t="s">
        <v>41202</v>
      </c>
      <c r="F45692" s="1" t="s">
        <v>99878</v>
      </c>
      <c r="G45692" s="1" t="s">
        <v>155662</v>
      </c>
      <c r="H45692" s="1" t="s">
        <v>155663</v>
      </c>
      <c r="I45692" s="1" t="s">
        <v>155549</v>
      </c>
      <c r="J45692" s="1" t="s">
        <v>155695</v>
      </c>
    </row>
    <row r="45693" spans="1:10" x14ac:dyDescent="0.35">
      <c r="A45693" s="1" t="s">
        <v>29542</v>
      </c>
      <c r="B45693" s="1" t="s">
        <v>155544</v>
      </c>
      <c r="C45693" s="1" t="s">
        <v>105</v>
      </c>
      <c r="D45693" s="1" t="s">
        <v>45664</v>
      </c>
      <c r="E45693" s="1" t="s">
        <v>56104</v>
      </c>
      <c r="F45693" s="1" t="s">
        <v>66442</v>
      </c>
      <c r="G45693" s="1" t="s">
        <v>155662</v>
      </c>
      <c r="H45693" s="1" t="s">
        <v>155663</v>
      </c>
      <c r="I45693" s="1" t="s">
        <v>155549</v>
      </c>
      <c r="J45693" s="1" t="s">
        <v>155696</v>
      </c>
    </row>
    <row r="45694" spans="1:10" x14ac:dyDescent="0.35">
      <c r="A45694" s="1" t="s">
        <v>29542</v>
      </c>
      <c r="B45694" s="1" t="s">
        <v>155544</v>
      </c>
      <c r="C45694" s="1" t="s">
        <v>110</v>
      </c>
      <c r="D45694" s="1" t="s">
        <v>155697</v>
      </c>
      <c r="E45694" s="1" t="s">
        <v>21779</v>
      </c>
      <c r="F45694" s="1" t="s">
        <v>155698</v>
      </c>
      <c r="G45694" s="1" t="s">
        <v>155662</v>
      </c>
      <c r="H45694" s="1" t="s">
        <v>155663</v>
      </c>
      <c r="I45694" s="1" t="s">
        <v>155549</v>
      </c>
      <c r="J45694" s="1" t="s">
        <v>155699</v>
      </c>
    </row>
    <row r="45695" spans="1:10" x14ac:dyDescent="0.35">
      <c r="A45695" s="1" t="s">
        <v>29542</v>
      </c>
      <c r="B45695" s="1" t="s">
        <v>155544</v>
      </c>
      <c r="C45695" s="1" t="s">
        <v>115</v>
      </c>
      <c r="D45695" s="1" t="s">
        <v>135339</v>
      </c>
      <c r="E45695" s="1" t="s">
        <v>24373</v>
      </c>
      <c r="F45695" s="1" t="s">
        <v>64825</v>
      </c>
      <c r="G45695" s="1" t="s">
        <v>155662</v>
      </c>
      <c r="H45695" s="1" t="s">
        <v>155663</v>
      </c>
      <c r="I45695" s="1" t="s">
        <v>155549</v>
      </c>
      <c r="J45695" s="1" t="s">
        <v>155700</v>
      </c>
    </row>
    <row r="45696" spans="1:10" x14ac:dyDescent="0.35">
      <c r="A45696" s="1" t="s">
        <v>29542</v>
      </c>
      <c r="B45696" s="1" t="s">
        <v>155544</v>
      </c>
      <c r="C45696" s="1" t="s">
        <v>120</v>
      </c>
      <c r="D45696" s="1" t="s">
        <v>49916</v>
      </c>
      <c r="E45696" s="1" t="s">
        <v>54059</v>
      </c>
      <c r="F45696" s="1" t="s">
        <v>58459</v>
      </c>
      <c r="G45696" s="1" t="s">
        <v>155662</v>
      </c>
      <c r="H45696" s="1" t="s">
        <v>155663</v>
      </c>
      <c r="I45696" s="1" t="s">
        <v>155549</v>
      </c>
      <c r="J45696" s="1" t="s">
        <v>155701</v>
      </c>
    </row>
    <row r="45697" spans="1:10" x14ac:dyDescent="0.35">
      <c r="A45697" s="1" t="s">
        <v>29542</v>
      </c>
      <c r="B45697" s="1" t="s">
        <v>155544</v>
      </c>
      <c r="C45697" s="1" t="s">
        <v>125</v>
      </c>
      <c r="D45697" s="1" t="s">
        <v>155702</v>
      </c>
      <c r="E45697" s="1" t="s">
        <v>56104</v>
      </c>
      <c r="F45697" s="1" t="s">
        <v>55220</v>
      </c>
      <c r="G45697" s="1" t="s">
        <v>155662</v>
      </c>
      <c r="H45697" s="1" t="s">
        <v>155663</v>
      </c>
      <c r="I45697" s="1" t="s">
        <v>155549</v>
      </c>
      <c r="J45697" s="1" t="s">
        <v>155703</v>
      </c>
    </row>
    <row r="45698" spans="1:10" x14ac:dyDescent="0.35">
      <c r="A45698" s="1" t="s">
        <v>29542</v>
      </c>
      <c r="B45698" s="1" t="s">
        <v>155544</v>
      </c>
      <c r="C45698" s="1" t="s">
        <v>130</v>
      </c>
      <c r="D45698" s="1" t="s">
        <v>15787</v>
      </c>
      <c r="E45698" s="1" t="s">
        <v>26185</v>
      </c>
      <c r="F45698" s="1" t="s">
        <v>155704</v>
      </c>
      <c r="G45698" s="1" t="s">
        <v>155662</v>
      </c>
      <c r="H45698" s="1" t="s">
        <v>155663</v>
      </c>
      <c r="I45698" s="1" t="s">
        <v>155549</v>
      </c>
      <c r="J45698" s="1" t="s">
        <v>155705</v>
      </c>
    </row>
    <row r="45699" spans="1:10" x14ac:dyDescent="0.35">
      <c r="A45699" s="1" t="s">
        <v>29542</v>
      </c>
      <c r="B45699" s="1" t="s">
        <v>155544</v>
      </c>
      <c r="C45699" s="1" t="s">
        <v>135</v>
      </c>
      <c r="D45699" s="1" t="s">
        <v>155706</v>
      </c>
      <c r="E45699" s="1" t="s">
        <v>21960</v>
      </c>
      <c r="F45699" s="1" t="s">
        <v>155707</v>
      </c>
      <c r="G45699" s="1" t="s">
        <v>155662</v>
      </c>
      <c r="H45699" s="1" t="s">
        <v>155663</v>
      </c>
      <c r="I45699" s="1" t="s">
        <v>155549</v>
      </c>
      <c r="J45699" s="1" t="s">
        <v>155708</v>
      </c>
    </row>
    <row r="45700" spans="1:10" x14ac:dyDescent="0.35">
      <c r="A45700" s="1" t="s">
        <v>29542</v>
      </c>
      <c r="B45700" s="1" t="s">
        <v>155544</v>
      </c>
      <c r="C45700" s="1" t="s">
        <v>140</v>
      </c>
      <c r="D45700" s="1" t="s">
        <v>48936</v>
      </c>
      <c r="E45700" s="1" t="s">
        <v>23016</v>
      </c>
      <c r="F45700" s="1" t="s">
        <v>155709</v>
      </c>
      <c r="G45700" s="1" t="s">
        <v>155662</v>
      </c>
      <c r="H45700" s="1" t="s">
        <v>155663</v>
      </c>
      <c r="I45700" s="1" t="s">
        <v>155549</v>
      </c>
      <c r="J45700" s="1" t="s">
        <v>155710</v>
      </c>
    </row>
    <row r="45701" spans="1:10" x14ac:dyDescent="0.35">
      <c r="A45701" s="1" t="s">
        <v>29542</v>
      </c>
      <c r="B45701" s="1" t="s">
        <v>155544</v>
      </c>
      <c r="C45701" s="1" t="s">
        <v>145</v>
      </c>
      <c r="D45701" s="1" t="s">
        <v>16049</v>
      </c>
      <c r="E45701" s="1" t="s">
        <v>41148</v>
      </c>
      <c r="F45701" s="1" t="s">
        <v>99814</v>
      </c>
      <c r="G45701" s="1" t="s">
        <v>155662</v>
      </c>
      <c r="H45701" s="1" t="s">
        <v>155663</v>
      </c>
      <c r="I45701" s="1" t="s">
        <v>155549</v>
      </c>
      <c r="J45701" s="1" t="s">
        <v>155711</v>
      </c>
    </row>
    <row r="45702" spans="1:10" x14ac:dyDescent="0.35">
      <c r="A45702" s="1" t="s">
        <v>29542</v>
      </c>
      <c r="B45702" s="1" t="s">
        <v>155544</v>
      </c>
      <c r="C45702" s="1" t="s">
        <v>150</v>
      </c>
      <c r="D45702" s="1" t="s">
        <v>155712</v>
      </c>
      <c r="E45702" s="1" t="s">
        <v>60740</v>
      </c>
      <c r="F45702" s="1" t="s">
        <v>58393</v>
      </c>
      <c r="G45702" s="1" t="s">
        <v>155662</v>
      </c>
      <c r="H45702" s="1" t="s">
        <v>155663</v>
      </c>
      <c r="I45702" s="1" t="s">
        <v>155549</v>
      </c>
      <c r="J45702" s="1" t="s">
        <v>155713</v>
      </c>
    </row>
    <row r="45703" spans="1:10" x14ac:dyDescent="0.35">
      <c r="A45703" s="1" t="s">
        <v>29542</v>
      </c>
      <c r="B45703" s="1" t="s">
        <v>155544</v>
      </c>
      <c r="C45703" s="1" t="s">
        <v>155</v>
      </c>
      <c r="D45703" s="1" t="s">
        <v>19572</v>
      </c>
      <c r="E45703" s="1" t="s">
        <v>26478</v>
      </c>
      <c r="F45703" s="1" t="s">
        <v>97641</v>
      </c>
      <c r="G45703" s="1" t="s">
        <v>155662</v>
      </c>
      <c r="H45703" s="1" t="s">
        <v>155663</v>
      </c>
      <c r="I45703" s="1" t="s">
        <v>155549</v>
      </c>
      <c r="J45703" s="1" t="s">
        <v>155714</v>
      </c>
    </row>
    <row r="45704" spans="1:10" x14ac:dyDescent="0.35">
      <c r="A45704" s="1" t="s">
        <v>29542</v>
      </c>
      <c r="B45704" s="1" t="s">
        <v>155544</v>
      </c>
      <c r="C45704" s="1" t="s">
        <v>160</v>
      </c>
      <c r="D45704" s="1" t="s">
        <v>49236</v>
      </c>
      <c r="E45704" s="1" t="s">
        <v>59640</v>
      </c>
      <c r="F45704" s="1" t="s">
        <v>64539</v>
      </c>
      <c r="G45704" s="1" t="s">
        <v>155662</v>
      </c>
      <c r="H45704" s="1" t="s">
        <v>155663</v>
      </c>
      <c r="I45704" s="1" t="s">
        <v>155549</v>
      </c>
      <c r="J45704" s="1" t="s">
        <v>155715</v>
      </c>
    </row>
    <row r="45705" spans="1:10" x14ac:dyDescent="0.35">
      <c r="A45705" s="1" t="s">
        <v>29542</v>
      </c>
      <c r="B45705" s="1" t="s">
        <v>155544</v>
      </c>
      <c r="C45705" s="1" t="s">
        <v>165</v>
      </c>
      <c r="D45705" s="1" t="s">
        <v>121805</v>
      </c>
      <c r="E45705" s="1" t="s">
        <v>21981</v>
      </c>
      <c r="F45705" s="1" t="s">
        <v>155716</v>
      </c>
      <c r="G45705" s="1" t="s">
        <v>155662</v>
      </c>
      <c r="H45705" s="1" t="s">
        <v>155663</v>
      </c>
      <c r="I45705" s="1" t="s">
        <v>155549</v>
      </c>
      <c r="J45705" s="1" t="s">
        <v>155717</v>
      </c>
    </row>
    <row r="45706" spans="1:10" x14ac:dyDescent="0.35">
      <c r="A45706" s="1" t="s">
        <v>29542</v>
      </c>
      <c r="B45706" s="1" t="s">
        <v>155544</v>
      </c>
      <c r="C45706" s="1" t="s">
        <v>170</v>
      </c>
      <c r="D45706" s="1" t="s">
        <v>10784</v>
      </c>
      <c r="E45706" s="1" t="s">
        <v>59053</v>
      </c>
      <c r="F45706" s="1" t="s">
        <v>155718</v>
      </c>
      <c r="G45706" s="1" t="s">
        <v>155662</v>
      </c>
      <c r="H45706" s="1" t="s">
        <v>155663</v>
      </c>
      <c r="I45706" s="1" t="s">
        <v>155549</v>
      </c>
      <c r="J45706" s="1" t="s">
        <v>155719</v>
      </c>
    </row>
    <row r="45707" spans="1:10" x14ac:dyDescent="0.35">
      <c r="A45707" s="1" t="s">
        <v>6384</v>
      </c>
      <c r="B45707" s="1" t="s">
        <v>155544</v>
      </c>
      <c r="C45707" s="1" t="s">
        <v>8</v>
      </c>
      <c r="D45707" s="1" t="s">
        <v>155720</v>
      </c>
      <c r="E45707" s="1" t="s">
        <v>155721</v>
      </c>
      <c r="F45707" s="1" t="s">
        <v>155722</v>
      </c>
      <c r="G45707" s="1" t="s">
        <v>155723</v>
      </c>
      <c r="H45707" s="1" t="s">
        <v>155724</v>
      </c>
      <c r="I45707" s="1" t="s">
        <v>155549</v>
      </c>
      <c r="J45707" s="1" t="s">
        <v>13</v>
      </c>
    </row>
    <row r="45708" spans="1:10" x14ac:dyDescent="0.35">
      <c r="A45708" s="1" t="s">
        <v>6384</v>
      </c>
      <c r="B45708" s="1" t="s">
        <v>155544</v>
      </c>
      <c r="C45708" s="1" t="s">
        <v>15</v>
      </c>
      <c r="D45708" s="1" t="s">
        <v>155725</v>
      </c>
      <c r="E45708" s="1" t="s">
        <v>155726</v>
      </c>
      <c r="F45708" s="1" t="s">
        <v>155727</v>
      </c>
      <c r="G45708" s="1" t="s">
        <v>155723</v>
      </c>
      <c r="H45708" s="1" t="s">
        <v>155724</v>
      </c>
      <c r="I45708" s="1" t="s">
        <v>155549</v>
      </c>
      <c r="J45708" s="1" t="s">
        <v>155728</v>
      </c>
    </row>
    <row r="45709" spans="1:10" x14ac:dyDescent="0.35">
      <c r="A45709" s="1" t="s">
        <v>6384</v>
      </c>
      <c r="B45709" s="1" t="s">
        <v>155544</v>
      </c>
      <c r="C45709" s="1" t="s">
        <v>20</v>
      </c>
      <c r="D45709" s="1" t="s">
        <v>155729</v>
      </c>
      <c r="E45709" s="1" t="s">
        <v>155730</v>
      </c>
      <c r="F45709" s="1" t="s">
        <v>155731</v>
      </c>
      <c r="G45709" s="1" t="s">
        <v>155723</v>
      </c>
      <c r="H45709" s="1" t="s">
        <v>155724</v>
      </c>
      <c r="I45709" s="1" t="s">
        <v>155549</v>
      </c>
      <c r="J45709" s="1" t="s">
        <v>155732</v>
      </c>
    </row>
    <row r="45710" spans="1:10" x14ac:dyDescent="0.35">
      <c r="A45710" s="1" t="s">
        <v>6384</v>
      </c>
      <c r="B45710" s="1" t="s">
        <v>155544</v>
      </c>
      <c r="C45710" s="1" t="s">
        <v>25</v>
      </c>
      <c r="D45710" s="1" t="s">
        <v>73466</v>
      </c>
      <c r="E45710" s="1" t="s">
        <v>155733</v>
      </c>
      <c r="F45710" s="1" t="s">
        <v>155734</v>
      </c>
      <c r="G45710" s="1" t="s">
        <v>155723</v>
      </c>
      <c r="H45710" s="1" t="s">
        <v>155724</v>
      </c>
      <c r="I45710" s="1" t="s">
        <v>155549</v>
      </c>
      <c r="J45710" s="1" t="s">
        <v>155735</v>
      </c>
    </row>
    <row r="45711" spans="1:10" x14ac:dyDescent="0.35">
      <c r="A45711" s="1" t="s">
        <v>6384</v>
      </c>
      <c r="B45711" s="1" t="s">
        <v>155544</v>
      </c>
      <c r="C45711" s="1" t="s">
        <v>30</v>
      </c>
      <c r="D45711" s="1" t="s">
        <v>30589</v>
      </c>
      <c r="E45711" s="1" t="s">
        <v>155736</v>
      </c>
      <c r="F45711" s="1" t="s">
        <v>155737</v>
      </c>
      <c r="G45711" s="1" t="s">
        <v>155723</v>
      </c>
      <c r="H45711" s="1" t="s">
        <v>155724</v>
      </c>
      <c r="I45711" s="1" t="s">
        <v>155549</v>
      </c>
      <c r="J45711" s="1" t="s">
        <v>155738</v>
      </c>
    </row>
    <row r="45712" spans="1:10" x14ac:dyDescent="0.35">
      <c r="A45712" s="1" t="s">
        <v>6384</v>
      </c>
      <c r="B45712" s="1" t="s">
        <v>155544</v>
      </c>
      <c r="C45712" s="1" t="s">
        <v>35</v>
      </c>
      <c r="D45712" s="1" t="s">
        <v>71304</v>
      </c>
      <c r="E45712" s="1" t="s">
        <v>155739</v>
      </c>
      <c r="F45712" s="1" t="s">
        <v>155740</v>
      </c>
      <c r="G45712" s="1" t="s">
        <v>155723</v>
      </c>
      <c r="H45712" s="1" t="s">
        <v>155724</v>
      </c>
      <c r="I45712" s="1" t="s">
        <v>155549</v>
      </c>
      <c r="J45712" s="1" t="s">
        <v>155741</v>
      </c>
    </row>
    <row r="45713" spans="1:10" x14ac:dyDescent="0.35">
      <c r="A45713" s="1" t="s">
        <v>6384</v>
      </c>
      <c r="B45713" s="1" t="s">
        <v>155544</v>
      </c>
      <c r="C45713" s="1" t="s">
        <v>40</v>
      </c>
      <c r="D45713" s="1" t="s">
        <v>155742</v>
      </c>
      <c r="E45713" s="1" t="s">
        <v>155743</v>
      </c>
      <c r="F45713" s="1" t="s">
        <v>155744</v>
      </c>
      <c r="G45713" s="1" t="s">
        <v>155723</v>
      </c>
      <c r="H45713" s="1" t="s">
        <v>155724</v>
      </c>
      <c r="I45713" s="1" t="s">
        <v>155549</v>
      </c>
      <c r="J45713" s="1" t="s">
        <v>155745</v>
      </c>
    </row>
    <row r="45714" spans="1:10" x14ac:dyDescent="0.35">
      <c r="A45714" s="1" t="s">
        <v>6384</v>
      </c>
      <c r="B45714" s="1" t="s">
        <v>155544</v>
      </c>
      <c r="C45714" s="1" t="s">
        <v>45</v>
      </c>
      <c r="D45714" s="1" t="s">
        <v>45427</v>
      </c>
      <c r="E45714" s="1" t="s">
        <v>155746</v>
      </c>
      <c r="F45714" s="1" t="s">
        <v>155747</v>
      </c>
      <c r="G45714" s="1" t="s">
        <v>155723</v>
      </c>
      <c r="H45714" s="1" t="s">
        <v>155724</v>
      </c>
      <c r="I45714" s="1" t="s">
        <v>155549</v>
      </c>
      <c r="J45714" s="1" t="s">
        <v>155748</v>
      </c>
    </row>
    <row r="45715" spans="1:10" x14ac:dyDescent="0.35">
      <c r="A45715" s="1" t="s">
        <v>6384</v>
      </c>
      <c r="B45715" s="1" t="s">
        <v>155544</v>
      </c>
      <c r="C45715" s="1" t="s">
        <v>50</v>
      </c>
      <c r="D45715" s="1" t="s">
        <v>155749</v>
      </c>
      <c r="E45715" s="1" t="s">
        <v>155750</v>
      </c>
      <c r="F45715" s="1" t="s">
        <v>155751</v>
      </c>
      <c r="G45715" s="1" t="s">
        <v>155723</v>
      </c>
      <c r="H45715" s="1" t="s">
        <v>155724</v>
      </c>
      <c r="I45715" s="1" t="s">
        <v>155549</v>
      </c>
      <c r="J45715" s="1" t="s">
        <v>155752</v>
      </c>
    </row>
    <row r="45716" spans="1:10" x14ac:dyDescent="0.35">
      <c r="A45716" s="1" t="s">
        <v>6384</v>
      </c>
      <c r="B45716" s="1" t="s">
        <v>155544</v>
      </c>
      <c r="C45716" s="1" t="s">
        <v>55</v>
      </c>
      <c r="D45716" s="1" t="s">
        <v>155753</v>
      </c>
      <c r="E45716" s="1" t="s">
        <v>155754</v>
      </c>
      <c r="F45716" s="1" t="s">
        <v>155755</v>
      </c>
      <c r="G45716" s="1" t="s">
        <v>155723</v>
      </c>
      <c r="H45716" s="1" t="s">
        <v>155724</v>
      </c>
      <c r="I45716" s="1" t="s">
        <v>155549</v>
      </c>
      <c r="J45716" s="1" t="s">
        <v>155756</v>
      </c>
    </row>
    <row r="45717" spans="1:10" x14ac:dyDescent="0.35">
      <c r="A45717" s="1" t="s">
        <v>6384</v>
      </c>
      <c r="B45717" s="1" t="s">
        <v>155544</v>
      </c>
      <c r="C45717" s="1" t="s">
        <v>60</v>
      </c>
      <c r="D45717" s="1" t="s">
        <v>49937</v>
      </c>
      <c r="E45717" s="1" t="s">
        <v>155757</v>
      </c>
      <c r="F45717" s="1" t="s">
        <v>155758</v>
      </c>
      <c r="G45717" s="1" t="s">
        <v>155723</v>
      </c>
      <c r="H45717" s="1" t="s">
        <v>155724</v>
      </c>
      <c r="I45717" s="1" t="s">
        <v>155549</v>
      </c>
      <c r="J45717" s="1" t="s">
        <v>155759</v>
      </c>
    </row>
    <row r="45718" spans="1:10" x14ac:dyDescent="0.35">
      <c r="A45718" s="1" t="s">
        <v>6384</v>
      </c>
      <c r="B45718" s="1" t="s">
        <v>155544</v>
      </c>
      <c r="C45718" s="1" t="s">
        <v>65</v>
      </c>
      <c r="D45718" s="1" t="s">
        <v>155760</v>
      </c>
      <c r="E45718" s="1" t="s">
        <v>155761</v>
      </c>
      <c r="F45718" s="1" t="s">
        <v>155762</v>
      </c>
      <c r="G45718" s="1" t="s">
        <v>155723</v>
      </c>
      <c r="H45718" s="1" t="s">
        <v>155724</v>
      </c>
      <c r="I45718" s="1" t="s">
        <v>155549</v>
      </c>
      <c r="J45718" s="1" t="s">
        <v>155763</v>
      </c>
    </row>
    <row r="45719" spans="1:10" x14ac:dyDescent="0.35">
      <c r="A45719" s="1" t="s">
        <v>6384</v>
      </c>
      <c r="B45719" s="1" t="s">
        <v>155544</v>
      </c>
      <c r="C45719" s="1" t="s">
        <v>70</v>
      </c>
      <c r="D45719" s="1" t="s">
        <v>155764</v>
      </c>
      <c r="E45719" s="1" t="s">
        <v>155765</v>
      </c>
      <c r="F45719" s="1" t="s">
        <v>155766</v>
      </c>
      <c r="G45719" s="1" t="s">
        <v>155723</v>
      </c>
      <c r="H45719" s="1" t="s">
        <v>155724</v>
      </c>
      <c r="I45719" s="1" t="s">
        <v>155549</v>
      </c>
      <c r="J45719" s="1" t="s">
        <v>155767</v>
      </c>
    </row>
    <row r="45720" spans="1:10" x14ac:dyDescent="0.35">
      <c r="A45720" s="1" t="s">
        <v>6384</v>
      </c>
      <c r="B45720" s="1" t="s">
        <v>155544</v>
      </c>
      <c r="C45720" s="1" t="s">
        <v>75</v>
      </c>
      <c r="D45720" s="1" t="s">
        <v>36631</v>
      </c>
      <c r="E45720" s="1" t="s">
        <v>155768</v>
      </c>
      <c r="F45720" s="1" t="s">
        <v>155769</v>
      </c>
      <c r="G45720" s="1" t="s">
        <v>155723</v>
      </c>
      <c r="H45720" s="1" t="s">
        <v>155724</v>
      </c>
      <c r="I45720" s="1" t="s">
        <v>155549</v>
      </c>
      <c r="J45720" s="1" t="s">
        <v>155770</v>
      </c>
    </row>
    <row r="45721" spans="1:10" x14ac:dyDescent="0.35">
      <c r="A45721" s="1" t="s">
        <v>6384</v>
      </c>
      <c r="B45721" s="1" t="s">
        <v>155544</v>
      </c>
      <c r="C45721" s="1" t="s">
        <v>80</v>
      </c>
      <c r="D45721" s="1" t="s">
        <v>117566</v>
      </c>
      <c r="E45721" s="1" t="s">
        <v>155771</v>
      </c>
      <c r="F45721" s="1" t="s">
        <v>155772</v>
      </c>
      <c r="G45721" s="1" t="s">
        <v>155723</v>
      </c>
      <c r="H45721" s="1" t="s">
        <v>155724</v>
      </c>
      <c r="I45721" s="1" t="s">
        <v>155549</v>
      </c>
      <c r="J45721" s="1" t="s">
        <v>155773</v>
      </c>
    </row>
    <row r="45722" spans="1:10" x14ac:dyDescent="0.35">
      <c r="A45722" s="1" t="s">
        <v>6384</v>
      </c>
      <c r="B45722" s="1" t="s">
        <v>155544</v>
      </c>
      <c r="C45722" s="1" t="s">
        <v>85</v>
      </c>
      <c r="D45722" s="1" t="s">
        <v>136</v>
      </c>
      <c r="E45722" s="1" t="s">
        <v>155774</v>
      </c>
      <c r="F45722" s="1" t="s">
        <v>155775</v>
      </c>
      <c r="G45722" s="1" t="s">
        <v>155723</v>
      </c>
      <c r="H45722" s="1" t="s">
        <v>155724</v>
      </c>
      <c r="I45722" s="1" t="s">
        <v>155549</v>
      </c>
      <c r="J45722" s="1" t="s">
        <v>155776</v>
      </c>
    </row>
    <row r="45723" spans="1:10" x14ac:dyDescent="0.35">
      <c r="A45723" s="1" t="s">
        <v>6384</v>
      </c>
      <c r="B45723" s="1" t="s">
        <v>155544</v>
      </c>
      <c r="C45723" s="1" t="s">
        <v>90</v>
      </c>
      <c r="D45723" s="1" t="s">
        <v>73824</v>
      </c>
      <c r="E45723" s="1" t="s">
        <v>155777</v>
      </c>
      <c r="F45723" s="1" t="s">
        <v>155778</v>
      </c>
      <c r="G45723" s="1" t="s">
        <v>155723</v>
      </c>
      <c r="H45723" s="1" t="s">
        <v>155724</v>
      </c>
      <c r="I45723" s="1" t="s">
        <v>155549</v>
      </c>
      <c r="J45723" s="1" t="s">
        <v>155779</v>
      </c>
    </row>
    <row r="45724" spans="1:10" x14ac:dyDescent="0.35">
      <c r="A45724" s="1" t="s">
        <v>6384</v>
      </c>
      <c r="B45724" s="1" t="s">
        <v>155544</v>
      </c>
      <c r="C45724" s="1" t="s">
        <v>95</v>
      </c>
      <c r="D45724" s="1" t="s">
        <v>153556</v>
      </c>
      <c r="E45724" s="1" t="s">
        <v>155780</v>
      </c>
      <c r="F45724" s="1" t="s">
        <v>155781</v>
      </c>
      <c r="G45724" s="1" t="s">
        <v>155723</v>
      </c>
      <c r="H45724" s="1" t="s">
        <v>155724</v>
      </c>
      <c r="I45724" s="1" t="s">
        <v>155549</v>
      </c>
      <c r="J45724" s="1" t="s">
        <v>155782</v>
      </c>
    </row>
    <row r="45725" spans="1:10" x14ac:dyDescent="0.35">
      <c r="A45725" s="1" t="s">
        <v>6384</v>
      </c>
      <c r="B45725" s="1" t="s">
        <v>155544</v>
      </c>
      <c r="C45725" s="1" t="s">
        <v>100</v>
      </c>
      <c r="D45725" s="1" t="s">
        <v>112970</v>
      </c>
      <c r="E45725" s="1" t="s">
        <v>155783</v>
      </c>
      <c r="F45725" s="1" t="s">
        <v>155784</v>
      </c>
      <c r="G45725" s="1" t="s">
        <v>155723</v>
      </c>
      <c r="H45725" s="1" t="s">
        <v>155724</v>
      </c>
      <c r="I45725" s="1" t="s">
        <v>155549</v>
      </c>
      <c r="J45725" s="1" t="s">
        <v>155785</v>
      </c>
    </row>
    <row r="45726" spans="1:10" x14ac:dyDescent="0.35">
      <c r="A45726" s="1" t="s">
        <v>6384</v>
      </c>
      <c r="B45726" s="1" t="s">
        <v>155544</v>
      </c>
      <c r="C45726" s="1" t="s">
        <v>105</v>
      </c>
      <c r="D45726" s="1" t="s">
        <v>155786</v>
      </c>
      <c r="E45726" s="1" t="s">
        <v>155787</v>
      </c>
      <c r="F45726" s="1" t="s">
        <v>155788</v>
      </c>
      <c r="G45726" s="1" t="s">
        <v>155723</v>
      </c>
      <c r="H45726" s="1" t="s">
        <v>155724</v>
      </c>
      <c r="I45726" s="1" t="s">
        <v>155549</v>
      </c>
      <c r="J45726" s="1" t="s">
        <v>155789</v>
      </c>
    </row>
    <row r="45727" spans="1:10" x14ac:dyDescent="0.35">
      <c r="A45727" s="1" t="s">
        <v>6384</v>
      </c>
      <c r="B45727" s="1" t="s">
        <v>155544</v>
      </c>
      <c r="C45727" s="1" t="s">
        <v>110</v>
      </c>
      <c r="D45727" s="1" t="s">
        <v>155790</v>
      </c>
      <c r="E45727" s="1" t="s">
        <v>155791</v>
      </c>
      <c r="F45727" s="1" t="s">
        <v>155792</v>
      </c>
      <c r="G45727" s="1" t="s">
        <v>155723</v>
      </c>
      <c r="H45727" s="1" t="s">
        <v>155724</v>
      </c>
      <c r="I45727" s="1" t="s">
        <v>155549</v>
      </c>
      <c r="J45727" s="1" t="s">
        <v>155793</v>
      </c>
    </row>
    <row r="45728" spans="1:10" x14ac:dyDescent="0.35">
      <c r="A45728" s="1" t="s">
        <v>6384</v>
      </c>
      <c r="B45728" s="1" t="s">
        <v>155544</v>
      </c>
      <c r="C45728" s="1" t="s">
        <v>115</v>
      </c>
      <c r="D45728" s="1" t="s">
        <v>155794</v>
      </c>
      <c r="E45728" s="1" t="s">
        <v>155795</v>
      </c>
      <c r="F45728" s="1" t="s">
        <v>155796</v>
      </c>
      <c r="G45728" s="1" t="s">
        <v>155723</v>
      </c>
      <c r="H45728" s="1" t="s">
        <v>155724</v>
      </c>
      <c r="I45728" s="1" t="s">
        <v>155549</v>
      </c>
      <c r="J45728" s="1" t="s">
        <v>155797</v>
      </c>
    </row>
    <row r="45729" spans="1:10" x14ac:dyDescent="0.35">
      <c r="A45729" s="1" t="s">
        <v>6384</v>
      </c>
      <c r="B45729" s="1" t="s">
        <v>155544</v>
      </c>
      <c r="C45729" s="1" t="s">
        <v>120</v>
      </c>
      <c r="D45729" s="1" t="s">
        <v>155798</v>
      </c>
      <c r="E45729" s="1" t="s">
        <v>155799</v>
      </c>
      <c r="F45729" s="1" t="s">
        <v>155800</v>
      </c>
      <c r="G45729" s="1" t="s">
        <v>155723</v>
      </c>
      <c r="H45729" s="1" t="s">
        <v>155724</v>
      </c>
      <c r="I45729" s="1" t="s">
        <v>155549</v>
      </c>
      <c r="J45729" s="1" t="s">
        <v>155801</v>
      </c>
    </row>
    <row r="45730" spans="1:10" x14ac:dyDescent="0.35">
      <c r="A45730" s="1" t="s">
        <v>6384</v>
      </c>
      <c r="B45730" s="1" t="s">
        <v>155544</v>
      </c>
      <c r="C45730" s="1" t="s">
        <v>125</v>
      </c>
      <c r="D45730" s="1" t="s">
        <v>150354</v>
      </c>
      <c r="E45730" s="1" t="s">
        <v>155802</v>
      </c>
      <c r="F45730" s="1" t="s">
        <v>155803</v>
      </c>
      <c r="G45730" s="1" t="s">
        <v>155723</v>
      </c>
      <c r="H45730" s="1" t="s">
        <v>155724</v>
      </c>
      <c r="I45730" s="1" t="s">
        <v>155549</v>
      </c>
      <c r="J45730" s="1" t="s">
        <v>155804</v>
      </c>
    </row>
    <row r="45731" spans="1:10" x14ac:dyDescent="0.35">
      <c r="A45731" s="1" t="s">
        <v>6384</v>
      </c>
      <c r="B45731" s="1" t="s">
        <v>155544</v>
      </c>
      <c r="C45731" s="1" t="s">
        <v>130</v>
      </c>
      <c r="D45731" s="1" t="s">
        <v>43190</v>
      </c>
      <c r="E45731" s="1" t="s">
        <v>155805</v>
      </c>
      <c r="F45731" s="1" t="s">
        <v>155806</v>
      </c>
      <c r="G45731" s="1" t="s">
        <v>155723</v>
      </c>
      <c r="H45731" s="1" t="s">
        <v>155724</v>
      </c>
      <c r="I45731" s="1" t="s">
        <v>155549</v>
      </c>
      <c r="J45731" s="1" t="s">
        <v>155807</v>
      </c>
    </row>
    <row r="45732" spans="1:10" x14ac:dyDescent="0.35">
      <c r="A45732" s="1" t="s">
        <v>6384</v>
      </c>
      <c r="B45732" s="1" t="s">
        <v>155544</v>
      </c>
      <c r="C45732" s="1" t="s">
        <v>135</v>
      </c>
      <c r="D45732" s="1" t="s">
        <v>82957</v>
      </c>
      <c r="E45732" s="1" t="s">
        <v>155808</v>
      </c>
      <c r="F45732" s="1" t="s">
        <v>155809</v>
      </c>
      <c r="G45732" s="1" t="s">
        <v>155723</v>
      </c>
      <c r="H45732" s="1" t="s">
        <v>155724</v>
      </c>
      <c r="I45732" s="1" t="s">
        <v>155549</v>
      </c>
      <c r="J45732" s="1" t="s">
        <v>155810</v>
      </c>
    </row>
    <row r="45733" spans="1:10" x14ac:dyDescent="0.35">
      <c r="A45733" s="1" t="s">
        <v>6384</v>
      </c>
      <c r="B45733" s="1" t="s">
        <v>155544</v>
      </c>
      <c r="C45733" s="1" t="s">
        <v>140</v>
      </c>
      <c r="D45733" s="1" t="s">
        <v>6791</v>
      </c>
      <c r="E45733" s="1" t="s">
        <v>155811</v>
      </c>
      <c r="F45733" s="1" t="s">
        <v>155812</v>
      </c>
      <c r="G45733" s="1" t="s">
        <v>155723</v>
      </c>
      <c r="H45733" s="1" t="s">
        <v>155724</v>
      </c>
      <c r="I45733" s="1" t="s">
        <v>155549</v>
      </c>
      <c r="J45733" s="1" t="s">
        <v>155813</v>
      </c>
    </row>
    <row r="45734" spans="1:10" x14ac:dyDescent="0.35">
      <c r="A45734" s="1" t="s">
        <v>6384</v>
      </c>
      <c r="B45734" s="1" t="s">
        <v>155544</v>
      </c>
      <c r="C45734" s="1" t="s">
        <v>145</v>
      </c>
      <c r="D45734" s="1" t="s">
        <v>13679</v>
      </c>
      <c r="E45734" s="1" t="s">
        <v>155814</v>
      </c>
      <c r="F45734" s="1" t="s">
        <v>155815</v>
      </c>
      <c r="G45734" s="1" t="s">
        <v>155723</v>
      </c>
      <c r="H45734" s="1" t="s">
        <v>155724</v>
      </c>
      <c r="I45734" s="1" t="s">
        <v>155549</v>
      </c>
      <c r="J45734" s="1" t="s">
        <v>155816</v>
      </c>
    </row>
    <row r="45735" spans="1:10" x14ac:dyDescent="0.35">
      <c r="A45735" s="1" t="s">
        <v>6384</v>
      </c>
      <c r="B45735" s="1" t="s">
        <v>155544</v>
      </c>
      <c r="C45735" s="1" t="s">
        <v>150</v>
      </c>
      <c r="D45735" s="1" t="s">
        <v>33888</v>
      </c>
      <c r="E45735" s="1" t="s">
        <v>155817</v>
      </c>
      <c r="F45735" s="1" t="s">
        <v>155818</v>
      </c>
      <c r="G45735" s="1" t="s">
        <v>155723</v>
      </c>
      <c r="H45735" s="1" t="s">
        <v>155724</v>
      </c>
      <c r="I45735" s="1" t="s">
        <v>155549</v>
      </c>
      <c r="J45735" s="1" t="s">
        <v>155819</v>
      </c>
    </row>
    <row r="45736" spans="1:10" x14ac:dyDescent="0.35">
      <c r="A45736" s="1" t="s">
        <v>6384</v>
      </c>
      <c r="B45736" s="1" t="s">
        <v>155544</v>
      </c>
      <c r="C45736" s="1" t="s">
        <v>155</v>
      </c>
      <c r="D45736" s="1" t="s">
        <v>155820</v>
      </c>
      <c r="E45736" s="1" t="s">
        <v>155821</v>
      </c>
      <c r="F45736" s="1" t="s">
        <v>155822</v>
      </c>
      <c r="G45736" s="1" t="s">
        <v>155723</v>
      </c>
      <c r="H45736" s="1" t="s">
        <v>155724</v>
      </c>
      <c r="I45736" s="1" t="s">
        <v>155549</v>
      </c>
      <c r="J45736" s="1" t="s">
        <v>155823</v>
      </c>
    </row>
    <row r="45737" spans="1:10" x14ac:dyDescent="0.35">
      <c r="A45737" s="1" t="s">
        <v>6384</v>
      </c>
      <c r="B45737" s="1" t="s">
        <v>155544</v>
      </c>
      <c r="C45737" s="1" t="s">
        <v>160</v>
      </c>
      <c r="D45737" s="1" t="s">
        <v>944</v>
      </c>
      <c r="E45737" s="1" t="s">
        <v>155824</v>
      </c>
      <c r="F45737" s="1" t="s">
        <v>155825</v>
      </c>
      <c r="G45737" s="1" t="s">
        <v>155723</v>
      </c>
      <c r="H45737" s="1" t="s">
        <v>155724</v>
      </c>
      <c r="I45737" s="1" t="s">
        <v>155549</v>
      </c>
      <c r="J45737" s="1" t="s">
        <v>155826</v>
      </c>
    </row>
    <row r="45738" spans="1:10" x14ac:dyDescent="0.35">
      <c r="A45738" s="1" t="s">
        <v>6384</v>
      </c>
      <c r="B45738" s="1" t="s">
        <v>155544</v>
      </c>
      <c r="C45738" s="1" t="s">
        <v>165</v>
      </c>
      <c r="D45738" s="1" t="s">
        <v>155506</v>
      </c>
      <c r="E45738" s="1" t="s">
        <v>155827</v>
      </c>
      <c r="F45738" s="1" t="s">
        <v>155828</v>
      </c>
      <c r="G45738" s="1" t="s">
        <v>155723</v>
      </c>
      <c r="H45738" s="1" t="s">
        <v>155724</v>
      </c>
      <c r="I45738" s="1" t="s">
        <v>155549</v>
      </c>
      <c r="J45738" s="1" t="s">
        <v>155829</v>
      </c>
    </row>
    <row r="45739" spans="1:10" x14ac:dyDescent="0.35">
      <c r="A45739" s="1" t="s">
        <v>6384</v>
      </c>
      <c r="B45739" s="1" t="s">
        <v>155544</v>
      </c>
      <c r="C45739" s="1" t="s">
        <v>170</v>
      </c>
      <c r="D45739" s="1" t="s">
        <v>155830</v>
      </c>
      <c r="E45739" s="1" t="s">
        <v>155831</v>
      </c>
      <c r="F45739" s="1" t="s">
        <v>155832</v>
      </c>
      <c r="G45739" s="1" t="s">
        <v>155723</v>
      </c>
      <c r="H45739" s="1" t="s">
        <v>155724</v>
      </c>
      <c r="I45739" s="1" t="s">
        <v>155549</v>
      </c>
      <c r="J45739" s="1" t="s">
        <v>155833</v>
      </c>
    </row>
    <row r="45740" spans="1:10" x14ac:dyDescent="0.35">
      <c r="A45740" s="1" t="s">
        <v>5523</v>
      </c>
      <c r="B45740" s="1" t="s">
        <v>155544</v>
      </c>
      <c r="C45740" s="1" t="s">
        <v>8</v>
      </c>
      <c r="D45740" s="1" t="s">
        <v>73737</v>
      </c>
      <c r="E45740" s="1" t="s">
        <v>155834</v>
      </c>
      <c r="F45740" s="1" t="s">
        <v>155835</v>
      </c>
      <c r="G45740" s="1" t="s">
        <v>155836</v>
      </c>
      <c r="H45740" s="1" t="s">
        <v>155837</v>
      </c>
      <c r="I45740" s="1" t="s">
        <v>155549</v>
      </c>
      <c r="J45740" s="1" t="s">
        <v>13</v>
      </c>
    </row>
    <row r="45741" spans="1:10" x14ac:dyDescent="0.35">
      <c r="A45741" s="1" t="s">
        <v>5523</v>
      </c>
      <c r="B45741" s="1" t="s">
        <v>155544</v>
      </c>
      <c r="C45741" s="1" t="s">
        <v>15</v>
      </c>
      <c r="D45741" s="1" t="s">
        <v>141195</v>
      </c>
      <c r="E45741" s="1" t="s">
        <v>155838</v>
      </c>
      <c r="F45741" s="1" t="s">
        <v>21264</v>
      </c>
      <c r="G45741" s="1" t="s">
        <v>155836</v>
      </c>
      <c r="H45741" s="1" t="s">
        <v>155837</v>
      </c>
      <c r="I45741" s="1" t="s">
        <v>155549</v>
      </c>
      <c r="J45741" s="1" t="s">
        <v>155839</v>
      </c>
    </row>
    <row r="45742" spans="1:10" x14ac:dyDescent="0.35">
      <c r="A45742" s="1" t="s">
        <v>5523</v>
      </c>
      <c r="B45742" s="1" t="s">
        <v>155544</v>
      </c>
      <c r="C45742" s="1" t="s">
        <v>20</v>
      </c>
      <c r="D45742" s="1" t="s">
        <v>27507</v>
      </c>
      <c r="E45742" s="1" t="s">
        <v>155840</v>
      </c>
      <c r="F45742" s="1" t="s">
        <v>58744</v>
      </c>
      <c r="G45742" s="1" t="s">
        <v>155836</v>
      </c>
      <c r="H45742" s="1" t="s">
        <v>155837</v>
      </c>
      <c r="I45742" s="1" t="s">
        <v>155549</v>
      </c>
      <c r="J45742" s="1" t="s">
        <v>155841</v>
      </c>
    </row>
    <row r="45743" spans="1:10" x14ac:dyDescent="0.35">
      <c r="A45743" s="1" t="s">
        <v>5523</v>
      </c>
      <c r="B45743" s="1" t="s">
        <v>155544</v>
      </c>
      <c r="C45743" s="1" t="s">
        <v>25</v>
      </c>
      <c r="D45743" s="1" t="s">
        <v>111387</v>
      </c>
      <c r="E45743" s="1" t="s">
        <v>155842</v>
      </c>
      <c r="F45743" s="1" t="s">
        <v>69148</v>
      </c>
      <c r="G45743" s="1" t="s">
        <v>155836</v>
      </c>
      <c r="H45743" s="1" t="s">
        <v>155837</v>
      </c>
      <c r="I45743" s="1" t="s">
        <v>155549</v>
      </c>
      <c r="J45743" s="1" t="s">
        <v>155843</v>
      </c>
    </row>
    <row r="45744" spans="1:10" x14ac:dyDescent="0.35">
      <c r="A45744" s="1" t="s">
        <v>5523</v>
      </c>
      <c r="B45744" s="1" t="s">
        <v>155544</v>
      </c>
      <c r="C45744" s="1" t="s">
        <v>30</v>
      </c>
      <c r="D45744" s="1" t="s">
        <v>119169</v>
      </c>
      <c r="E45744" s="1" t="s">
        <v>23053</v>
      </c>
      <c r="F45744" s="1" t="s">
        <v>155844</v>
      </c>
      <c r="G45744" s="1" t="s">
        <v>155836</v>
      </c>
      <c r="H45744" s="1" t="s">
        <v>155837</v>
      </c>
      <c r="I45744" s="1" t="s">
        <v>155549</v>
      </c>
      <c r="J45744" s="1" t="s">
        <v>155845</v>
      </c>
    </row>
    <row r="45745" spans="1:10" x14ac:dyDescent="0.35">
      <c r="A45745" s="1" t="s">
        <v>5523</v>
      </c>
      <c r="B45745" s="1" t="s">
        <v>155544</v>
      </c>
      <c r="C45745" s="1" t="s">
        <v>35</v>
      </c>
      <c r="D45745" s="1" t="s">
        <v>34424</v>
      </c>
      <c r="E45745" s="1" t="s">
        <v>155846</v>
      </c>
      <c r="F45745" s="1" t="s">
        <v>155847</v>
      </c>
      <c r="G45745" s="1" t="s">
        <v>155836</v>
      </c>
      <c r="H45745" s="1" t="s">
        <v>155837</v>
      </c>
      <c r="I45745" s="1" t="s">
        <v>155549</v>
      </c>
      <c r="J45745" s="1" t="s">
        <v>155848</v>
      </c>
    </row>
    <row r="45746" spans="1:10" x14ac:dyDescent="0.35">
      <c r="A45746" s="1" t="s">
        <v>5523</v>
      </c>
      <c r="B45746" s="1" t="s">
        <v>155544</v>
      </c>
      <c r="C45746" s="1" t="s">
        <v>40</v>
      </c>
      <c r="D45746" s="1" t="s">
        <v>109639</v>
      </c>
      <c r="E45746" s="1" t="s">
        <v>155849</v>
      </c>
      <c r="F45746" s="1" t="s">
        <v>155850</v>
      </c>
      <c r="G45746" s="1" t="s">
        <v>155836</v>
      </c>
      <c r="H45746" s="1" t="s">
        <v>155837</v>
      </c>
      <c r="I45746" s="1" t="s">
        <v>155549</v>
      </c>
      <c r="J45746" s="1" t="s">
        <v>155851</v>
      </c>
    </row>
    <row r="45747" spans="1:10" x14ac:dyDescent="0.35">
      <c r="A45747" s="1" t="s">
        <v>5523</v>
      </c>
      <c r="B45747" s="1" t="s">
        <v>155544</v>
      </c>
      <c r="C45747" s="1" t="s">
        <v>45</v>
      </c>
      <c r="D45747" s="1" t="s">
        <v>71041</v>
      </c>
      <c r="E45747" s="1" t="s">
        <v>24680</v>
      </c>
      <c r="F45747" s="1" t="s">
        <v>155852</v>
      </c>
      <c r="G45747" s="1" t="s">
        <v>155836</v>
      </c>
      <c r="H45747" s="1" t="s">
        <v>155837</v>
      </c>
      <c r="I45747" s="1" t="s">
        <v>155549</v>
      </c>
      <c r="J45747" s="1" t="s">
        <v>155853</v>
      </c>
    </row>
    <row r="45748" spans="1:10" x14ac:dyDescent="0.35">
      <c r="A45748" s="1" t="s">
        <v>5523</v>
      </c>
      <c r="B45748" s="1" t="s">
        <v>155544</v>
      </c>
      <c r="C45748" s="1" t="s">
        <v>50</v>
      </c>
      <c r="D45748" s="1" t="s">
        <v>117185</v>
      </c>
      <c r="E45748" s="1" t="s">
        <v>155854</v>
      </c>
      <c r="F45748" s="1" t="s">
        <v>155855</v>
      </c>
      <c r="G45748" s="1" t="s">
        <v>155836</v>
      </c>
      <c r="H45748" s="1" t="s">
        <v>155837</v>
      </c>
      <c r="I45748" s="1" t="s">
        <v>155549</v>
      </c>
      <c r="J45748" s="1" t="s">
        <v>155856</v>
      </c>
    </row>
    <row r="45749" spans="1:10" x14ac:dyDescent="0.35">
      <c r="A45749" s="1" t="s">
        <v>5523</v>
      </c>
      <c r="B45749" s="1" t="s">
        <v>155544</v>
      </c>
      <c r="C45749" s="1" t="s">
        <v>55</v>
      </c>
      <c r="D45749" s="1" t="s">
        <v>121305</v>
      </c>
      <c r="E45749" s="1" t="s">
        <v>22978</v>
      </c>
      <c r="F45749" s="1" t="s">
        <v>55309</v>
      </c>
      <c r="G45749" s="1" t="s">
        <v>155836</v>
      </c>
      <c r="H45749" s="1" t="s">
        <v>155837</v>
      </c>
      <c r="I45749" s="1" t="s">
        <v>155549</v>
      </c>
      <c r="J45749" s="1" t="s">
        <v>155857</v>
      </c>
    </row>
    <row r="45750" spans="1:10" x14ac:dyDescent="0.35">
      <c r="A45750" s="1" t="s">
        <v>5523</v>
      </c>
      <c r="B45750" s="1" t="s">
        <v>155544</v>
      </c>
      <c r="C45750" s="1" t="s">
        <v>60</v>
      </c>
      <c r="D45750" s="1" t="s">
        <v>144287</v>
      </c>
      <c r="E45750" s="1" t="s">
        <v>58858</v>
      </c>
      <c r="F45750" s="1" t="s">
        <v>69212</v>
      </c>
      <c r="G45750" s="1" t="s">
        <v>155836</v>
      </c>
      <c r="H45750" s="1" t="s">
        <v>155837</v>
      </c>
      <c r="I45750" s="1" t="s">
        <v>155549</v>
      </c>
      <c r="J45750" s="1" t="s">
        <v>155858</v>
      </c>
    </row>
    <row r="45751" spans="1:10" x14ac:dyDescent="0.35">
      <c r="A45751" s="1" t="s">
        <v>5523</v>
      </c>
      <c r="B45751" s="1" t="s">
        <v>155544</v>
      </c>
      <c r="C45751" s="1" t="s">
        <v>65</v>
      </c>
      <c r="D45751" s="1" t="s">
        <v>121904</v>
      </c>
      <c r="E45751" s="1" t="s">
        <v>155859</v>
      </c>
      <c r="F45751" s="1" t="s">
        <v>155860</v>
      </c>
      <c r="G45751" s="1" t="s">
        <v>155836</v>
      </c>
      <c r="H45751" s="1" t="s">
        <v>155837</v>
      </c>
      <c r="I45751" s="1" t="s">
        <v>155549</v>
      </c>
      <c r="J45751" s="1" t="s">
        <v>155861</v>
      </c>
    </row>
    <row r="45752" spans="1:10" x14ac:dyDescent="0.35">
      <c r="A45752" s="1" t="s">
        <v>5523</v>
      </c>
      <c r="B45752" s="1" t="s">
        <v>155544</v>
      </c>
      <c r="C45752" s="1" t="s">
        <v>70</v>
      </c>
      <c r="D45752" s="1" t="s">
        <v>50981</v>
      </c>
      <c r="E45752" s="1" t="s">
        <v>40659</v>
      </c>
      <c r="F45752" s="1" t="s">
        <v>155862</v>
      </c>
      <c r="G45752" s="1" t="s">
        <v>155836</v>
      </c>
      <c r="H45752" s="1" t="s">
        <v>155837</v>
      </c>
      <c r="I45752" s="1" t="s">
        <v>155549</v>
      </c>
      <c r="J45752" s="1" t="s">
        <v>155863</v>
      </c>
    </row>
    <row r="45753" spans="1:10" x14ac:dyDescent="0.35">
      <c r="A45753" s="1" t="s">
        <v>5523</v>
      </c>
      <c r="B45753" s="1" t="s">
        <v>155544</v>
      </c>
      <c r="C45753" s="1" t="s">
        <v>75</v>
      </c>
      <c r="D45753" s="1" t="s">
        <v>121476</v>
      </c>
      <c r="E45753" s="1" t="s">
        <v>23283</v>
      </c>
      <c r="F45753" s="1" t="s">
        <v>128454</v>
      </c>
      <c r="G45753" s="1" t="s">
        <v>155836</v>
      </c>
      <c r="H45753" s="1" t="s">
        <v>155837</v>
      </c>
      <c r="I45753" s="1" t="s">
        <v>155549</v>
      </c>
      <c r="J45753" s="1" t="s">
        <v>155864</v>
      </c>
    </row>
    <row r="45754" spans="1:10" x14ac:dyDescent="0.35">
      <c r="A45754" s="1" t="s">
        <v>5523</v>
      </c>
      <c r="B45754" s="1" t="s">
        <v>155544</v>
      </c>
      <c r="C45754" s="1" t="s">
        <v>80</v>
      </c>
      <c r="D45754" s="1" t="s">
        <v>155865</v>
      </c>
      <c r="E45754" s="1" t="s">
        <v>23283</v>
      </c>
      <c r="F45754" s="1" t="s">
        <v>155866</v>
      </c>
      <c r="G45754" s="1" t="s">
        <v>155836</v>
      </c>
      <c r="H45754" s="1" t="s">
        <v>155837</v>
      </c>
      <c r="I45754" s="1" t="s">
        <v>155549</v>
      </c>
      <c r="J45754" s="1" t="s">
        <v>155867</v>
      </c>
    </row>
    <row r="45755" spans="1:10" x14ac:dyDescent="0.35">
      <c r="A45755" s="1" t="s">
        <v>5523</v>
      </c>
      <c r="B45755" s="1" t="s">
        <v>155544</v>
      </c>
      <c r="C45755" s="1" t="s">
        <v>85</v>
      </c>
      <c r="D45755" s="1" t="s">
        <v>116518</v>
      </c>
      <c r="E45755" s="1" t="s">
        <v>23310</v>
      </c>
      <c r="F45755" s="1" t="s">
        <v>88215</v>
      </c>
      <c r="G45755" s="1" t="s">
        <v>155836</v>
      </c>
      <c r="H45755" s="1" t="s">
        <v>155837</v>
      </c>
      <c r="I45755" s="1" t="s">
        <v>155549</v>
      </c>
      <c r="J45755" s="1" t="s">
        <v>155868</v>
      </c>
    </row>
    <row r="45756" spans="1:10" x14ac:dyDescent="0.35">
      <c r="A45756" s="1" t="s">
        <v>5523</v>
      </c>
      <c r="B45756" s="1" t="s">
        <v>155544</v>
      </c>
      <c r="C45756" s="1" t="s">
        <v>90</v>
      </c>
      <c r="D45756" s="1" t="s">
        <v>121142</v>
      </c>
      <c r="E45756" s="1" t="s">
        <v>41506</v>
      </c>
      <c r="F45756" s="1" t="s">
        <v>71237</v>
      </c>
      <c r="G45756" s="1" t="s">
        <v>155836</v>
      </c>
      <c r="H45756" s="1" t="s">
        <v>155837</v>
      </c>
      <c r="I45756" s="1" t="s">
        <v>155549</v>
      </c>
      <c r="J45756" s="1" t="s">
        <v>155869</v>
      </c>
    </row>
    <row r="45757" spans="1:10" x14ac:dyDescent="0.35">
      <c r="A45757" s="1" t="s">
        <v>5523</v>
      </c>
      <c r="B45757" s="1" t="s">
        <v>155544</v>
      </c>
      <c r="C45757" s="1" t="s">
        <v>95</v>
      </c>
      <c r="D45757" s="1" t="s">
        <v>34508</v>
      </c>
      <c r="E45757" s="1" t="s">
        <v>62568</v>
      </c>
      <c r="F45757" s="1" t="s">
        <v>41380</v>
      </c>
      <c r="G45757" s="1" t="s">
        <v>155836</v>
      </c>
      <c r="H45757" s="1" t="s">
        <v>155837</v>
      </c>
      <c r="I45757" s="1" t="s">
        <v>155549</v>
      </c>
      <c r="J45757" s="1" t="s">
        <v>155870</v>
      </c>
    </row>
    <row r="45758" spans="1:10" x14ac:dyDescent="0.35">
      <c r="A45758" s="1" t="s">
        <v>5523</v>
      </c>
      <c r="B45758" s="1" t="s">
        <v>155544</v>
      </c>
      <c r="C45758" s="1" t="s">
        <v>100</v>
      </c>
      <c r="D45758" s="1" t="s">
        <v>37743</v>
      </c>
      <c r="E45758" s="1" t="s">
        <v>40627</v>
      </c>
      <c r="F45758" s="1" t="s">
        <v>155871</v>
      </c>
      <c r="G45758" s="1" t="s">
        <v>155836</v>
      </c>
      <c r="H45758" s="1" t="s">
        <v>155837</v>
      </c>
      <c r="I45758" s="1" t="s">
        <v>155549</v>
      </c>
      <c r="J45758" s="1" t="s">
        <v>155872</v>
      </c>
    </row>
    <row r="45759" spans="1:10" x14ac:dyDescent="0.35">
      <c r="A45759" s="1" t="s">
        <v>5523</v>
      </c>
      <c r="B45759" s="1" t="s">
        <v>155544</v>
      </c>
      <c r="C45759" s="1" t="s">
        <v>105</v>
      </c>
      <c r="D45759" s="1" t="s">
        <v>72299</v>
      </c>
      <c r="E45759" s="1" t="s">
        <v>155873</v>
      </c>
      <c r="F45759" s="1" t="s">
        <v>155874</v>
      </c>
      <c r="G45759" s="1" t="s">
        <v>155836</v>
      </c>
      <c r="H45759" s="1" t="s">
        <v>155837</v>
      </c>
      <c r="I45759" s="1" t="s">
        <v>155549</v>
      </c>
      <c r="J45759" s="1" t="s">
        <v>155875</v>
      </c>
    </row>
    <row r="45760" spans="1:10" x14ac:dyDescent="0.35">
      <c r="A45760" s="1" t="s">
        <v>5523</v>
      </c>
      <c r="B45760" s="1" t="s">
        <v>155544</v>
      </c>
      <c r="C45760" s="1" t="s">
        <v>110</v>
      </c>
      <c r="D45760" s="1" t="s">
        <v>155876</v>
      </c>
      <c r="E45760" s="1" t="s">
        <v>23832</v>
      </c>
      <c r="F45760" s="1" t="s">
        <v>155877</v>
      </c>
      <c r="G45760" s="1" t="s">
        <v>155836</v>
      </c>
      <c r="H45760" s="1" t="s">
        <v>155837</v>
      </c>
      <c r="I45760" s="1" t="s">
        <v>155549</v>
      </c>
      <c r="J45760" s="1" t="s">
        <v>155878</v>
      </c>
    </row>
    <row r="45761" spans="1:10" x14ac:dyDescent="0.35">
      <c r="A45761" s="1" t="s">
        <v>5523</v>
      </c>
      <c r="B45761" s="1" t="s">
        <v>155544</v>
      </c>
      <c r="C45761" s="1" t="s">
        <v>115</v>
      </c>
      <c r="D45761" s="1" t="s">
        <v>47654</v>
      </c>
      <c r="E45761" s="1" t="s">
        <v>155879</v>
      </c>
      <c r="F45761" s="1" t="s">
        <v>155880</v>
      </c>
      <c r="G45761" s="1" t="s">
        <v>155836</v>
      </c>
      <c r="H45761" s="1" t="s">
        <v>155837</v>
      </c>
      <c r="I45761" s="1" t="s">
        <v>155549</v>
      </c>
      <c r="J45761" s="1" t="s">
        <v>155881</v>
      </c>
    </row>
    <row r="45762" spans="1:10" x14ac:dyDescent="0.35">
      <c r="A45762" s="1" t="s">
        <v>5523</v>
      </c>
      <c r="B45762" s="1" t="s">
        <v>155544</v>
      </c>
      <c r="C45762" s="1" t="s">
        <v>120</v>
      </c>
      <c r="D45762" s="1" t="s">
        <v>120940</v>
      </c>
      <c r="E45762" s="1" t="s">
        <v>23087</v>
      </c>
      <c r="F45762" s="1" t="s">
        <v>155882</v>
      </c>
      <c r="G45762" s="1" t="s">
        <v>155836</v>
      </c>
      <c r="H45762" s="1" t="s">
        <v>155837</v>
      </c>
      <c r="I45762" s="1" t="s">
        <v>155549</v>
      </c>
      <c r="J45762" s="1" t="s">
        <v>155883</v>
      </c>
    </row>
    <row r="45763" spans="1:10" x14ac:dyDescent="0.35">
      <c r="A45763" s="1" t="s">
        <v>5523</v>
      </c>
      <c r="B45763" s="1" t="s">
        <v>155544</v>
      </c>
      <c r="C45763" s="1" t="s">
        <v>125</v>
      </c>
      <c r="D45763" s="1" t="s">
        <v>110750</v>
      </c>
      <c r="E45763" s="1" t="s">
        <v>64897</v>
      </c>
      <c r="F45763" s="1" t="s">
        <v>155884</v>
      </c>
      <c r="G45763" s="1" t="s">
        <v>155836</v>
      </c>
      <c r="H45763" s="1" t="s">
        <v>155837</v>
      </c>
      <c r="I45763" s="1" t="s">
        <v>155549</v>
      </c>
      <c r="J45763" s="1" t="s">
        <v>155885</v>
      </c>
    </row>
    <row r="45764" spans="1:10" x14ac:dyDescent="0.35">
      <c r="A45764" s="1" t="s">
        <v>5523</v>
      </c>
      <c r="B45764" s="1" t="s">
        <v>155544</v>
      </c>
      <c r="C45764" s="1" t="s">
        <v>130</v>
      </c>
      <c r="D45764" s="1" t="s">
        <v>34965</v>
      </c>
      <c r="E45764" s="1" t="s">
        <v>155886</v>
      </c>
      <c r="F45764" s="1" t="s">
        <v>155887</v>
      </c>
      <c r="G45764" s="1" t="s">
        <v>155836</v>
      </c>
      <c r="H45764" s="1" t="s">
        <v>155837</v>
      </c>
      <c r="I45764" s="1" t="s">
        <v>155549</v>
      </c>
      <c r="J45764" s="1" t="s">
        <v>155888</v>
      </c>
    </row>
    <row r="45765" spans="1:10" x14ac:dyDescent="0.35">
      <c r="A45765" s="1" t="s">
        <v>5523</v>
      </c>
      <c r="B45765" s="1" t="s">
        <v>155544</v>
      </c>
      <c r="C45765" s="1" t="s">
        <v>135</v>
      </c>
      <c r="D45765" s="1" t="s">
        <v>38545</v>
      </c>
      <c r="E45765" s="1" t="s">
        <v>101058</v>
      </c>
      <c r="F45765" s="1" t="s">
        <v>155889</v>
      </c>
      <c r="G45765" s="1" t="s">
        <v>155836</v>
      </c>
      <c r="H45765" s="1" t="s">
        <v>155837</v>
      </c>
      <c r="I45765" s="1" t="s">
        <v>155549</v>
      </c>
      <c r="J45765" s="1" t="s">
        <v>155890</v>
      </c>
    </row>
    <row r="45766" spans="1:10" x14ac:dyDescent="0.35">
      <c r="A45766" s="1" t="s">
        <v>5523</v>
      </c>
      <c r="B45766" s="1" t="s">
        <v>155544</v>
      </c>
      <c r="C45766" s="1" t="s">
        <v>140</v>
      </c>
      <c r="D45766" s="1" t="s">
        <v>51769</v>
      </c>
      <c r="E45766" s="1" t="s">
        <v>23832</v>
      </c>
      <c r="F45766" s="1" t="s">
        <v>155891</v>
      </c>
      <c r="G45766" s="1" t="s">
        <v>155836</v>
      </c>
      <c r="H45766" s="1" t="s">
        <v>155837</v>
      </c>
      <c r="I45766" s="1" t="s">
        <v>155549</v>
      </c>
      <c r="J45766" s="1" t="s">
        <v>155892</v>
      </c>
    </row>
    <row r="45767" spans="1:10" x14ac:dyDescent="0.35">
      <c r="A45767" s="1" t="s">
        <v>5523</v>
      </c>
      <c r="B45767" s="1" t="s">
        <v>155544</v>
      </c>
      <c r="C45767" s="1" t="s">
        <v>145</v>
      </c>
      <c r="D45767" s="1" t="s">
        <v>71413</v>
      </c>
      <c r="E45767" s="1" t="s">
        <v>21144</v>
      </c>
      <c r="F45767" s="1" t="s">
        <v>58305</v>
      </c>
      <c r="G45767" s="1" t="s">
        <v>155836</v>
      </c>
      <c r="H45767" s="1" t="s">
        <v>155837</v>
      </c>
      <c r="I45767" s="1" t="s">
        <v>155549</v>
      </c>
      <c r="J45767" s="1" t="s">
        <v>155893</v>
      </c>
    </row>
    <row r="45768" spans="1:10" x14ac:dyDescent="0.35">
      <c r="A45768" s="1" t="s">
        <v>5523</v>
      </c>
      <c r="B45768" s="1" t="s">
        <v>155544</v>
      </c>
      <c r="C45768" s="1" t="s">
        <v>150</v>
      </c>
      <c r="D45768" s="1" t="s">
        <v>43846</v>
      </c>
      <c r="E45768" s="1" t="s">
        <v>21883</v>
      </c>
      <c r="F45768" s="1" t="s">
        <v>155894</v>
      </c>
      <c r="G45768" s="1" t="s">
        <v>155836</v>
      </c>
      <c r="H45768" s="1" t="s">
        <v>155837</v>
      </c>
      <c r="I45768" s="1" t="s">
        <v>155549</v>
      </c>
      <c r="J45768" s="1" t="s">
        <v>155895</v>
      </c>
    </row>
    <row r="45769" spans="1:10" x14ac:dyDescent="0.35">
      <c r="A45769" s="1" t="s">
        <v>5523</v>
      </c>
      <c r="B45769" s="1" t="s">
        <v>155544</v>
      </c>
      <c r="C45769" s="1" t="s">
        <v>155</v>
      </c>
      <c r="D45769" s="1" t="s">
        <v>48085</v>
      </c>
      <c r="E45769" s="1" t="s">
        <v>22990</v>
      </c>
      <c r="F45769" s="1" t="s">
        <v>155896</v>
      </c>
      <c r="G45769" s="1" t="s">
        <v>155836</v>
      </c>
      <c r="H45769" s="1" t="s">
        <v>155837</v>
      </c>
      <c r="I45769" s="1" t="s">
        <v>155549</v>
      </c>
      <c r="J45769" s="1" t="s">
        <v>155897</v>
      </c>
    </row>
    <row r="45770" spans="1:10" x14ac:dyDescent="0.35">
      <c r="A45770" s="1" t="s">
        <v>5523</v>
      </c>
      <c r="B45770" s="1" t="s">
        <v>155544</v>
      </c>
      <c r="C45770" s="1" t="s">
        <v>160</v>
      </c>
      <c r="D45770" s="1" t="s">
        <v>155898</v>
      </c>
      <c r="E45770" s="1" t="s">
        <v>23882</v>
      </c>
      <c r="F45770" s="1" t="s">
        <v>155899</v>
      </c>
      <c r="G45770" s="1" t="s">
        <v>155836</v>
      </c>
      <c r="H45770" s="1" t="s">
        <v>155837</v>
      </c>
      <c r="I45770" s="1" t="s">
        <v>155549</v>
      </c>
      <c r="J45770" s="1" t="s">
        <v>155900</v>
      </c>
    </row>
    <row r="45771" spans="1:10" x14ac:dyDescent="0.35">
      <c r="A45771" s="1" t="s">
        <v>5523</v>
      </c>
      <c r="B45771" s="1" t="s">
        <v>155544</v>
      </c>
      <c r="C45771" s="1" t="s">
        <v>165</v>
      </c>
      <c r="D45771" s="1" t="s">
        <v>154130</v>
      </c>
      <c r="E45771" s="1" t="s">
        <v>155901</v>
      </c>
      <c r="F45771" s="1" t="s">
        <v>155902</v>
      </c>
      <c r="G45771" s="1" t="s">
        <v>155836</v>
      </c>
      <c r="H45771" s="1" t="s">
        <v>155837</v>
      </c>
      <c r="I45771" s="1" t="s">
        <v>155549</v>
      </c>
      <c r="J45771" s="1" t="s">
        <v>155903</v>
      </c>
    </row>
    <row r="45772" spans="1:10" x14ac:dyDescent="0.35">
      <c r="A45772" s="1" t="s">
        <v>5523</v>
      </c>
      <c r="B45772" s="1" t="s">
        <v>155544</v>
      </c>
      <c r="C45772" s="1" t="s">
        <v>170</v>
      </c>
      <c r="D45772" s="1" t="s">
        <v>47455</v>
      </c>
      <c r="E45772" s="1" t="s">
        <v>21890</v>
      </c>
      <c r="F45772" s="1" t="s">
        <v>55158</v>
      </c>
      <c r="G45772" s="1" t="s">
        <v>155836</v>
      </c>
      <c r="H45772" s="1" t="s">
        <v>155837</v>
      </c>
      <c r="I45772" s="1" t="s">
        <v>155549</v>
      </c>
      <c r="J45772" s="1" t="s">
        <v>155904</v>
      </c>
    </row>
    <row r="45773" spans="1:10" x14ac:dyDescent="0.35">
      <c r="A45773" s="1" t="s">
        <v>30114</v>
      </c>
      <c r="B45773" s="1" t="s">
        <v>155544</v>
      </c>
      <c r="C45773" s="1" t="s">
        <v>8</v>
      </c>
      <c r="D45773" s="1" t="s">
        <v>30768</v>
      </c>
      <c r="E45773" s="1" t="s">
        <v>95809</v>
      </c>
      <c r="F45773" s="1" t="s">
        <v>155905</v>
      </c>
      <c r="G45773" s="1" t="s">
        <v>155906</v>
      </c>
      <c r="H45773" s="1" t="s">
        <v>155907</v>
      </c>
      <c r="I45773" s="1" t="s">
        <v>155549</v>
      </c>
      <c r="J45773" s="1" t="s">
        <v>13</v>
      </c>
    </row>
    <row r="45774" spans="1:10" x14ac:dyDescent="0.35">
      <c r="A45774" s="1" t="s">
        <v>30114</v>
      </c>
      <c r="B45774" s="1" t="s">
        <v>155544</v>
      </c>
      <c r="C45774" s="1" t="s">
        <v>15</v>
      </c>
      <c r="D45774" s="1" t="s">
        <v>2416</v>
      </c>
      <c r="E45774" s="1" t="s">
        <v>73481</v>
      </c>
      <c r="F45774" s="1" t="s">
        <v>155908</v>
      </c>
      <c r="G45774" s="1" t="s">
        <v>155906</v>
      </c>
      <c r="H45774" s="1" t="s">
        <v>155907</v>
      </c>
      <c r="I45774" s="1" t="s">
        <v>155549</v>
      </c>
      <c r="J45774" s="1" t="s">
        <v>155909</v>
      </c>
    </row>
    <row r="45775" spans="1:10" x14ac:dyDescent="0.35">
      <c r="A45775" s="1" t="s">
        <v>30114</v>
      </c>
      <c r="B45775" s="1" t="s">
        <v>155544</v>
      </c>
      <c r="C45775" s="1" t="s">
        <v>20</v>
      </c>
      <c r="D45775" s="1" t="s">
        <v>155910</v>
      </c>
      <c r="E45775" s="1" t="s">
        <v>15656</v>
      </c>
      <c r="F45775" s="1" t="s">
        <v>155911</v>
      </c>
      <c r="G45775" s="1" t="s">
        <v>155906</v>
      </c>
      <c r="H45775" s="1" t="s">
        <v>155907</v>
      </c>
      <c r="I45775" s="1" t="s">
        <v>155549</v>
      </c>
      <c r="J45775" s="1" t="s">
        <v>155912</v>
      </c>
    </row>
    <row r="45776" spans="1:10" x14ac:dyDescent="0.35">
      <c r="A45776" s="1" t="s">
        <v>30114</v>
      </c>
      <c r="B45776" s="1" t="s">
        <v>155544</v>
      </c>
      <c r="C45776" s="1" t="s">
        <v>25</v>
      </c>
      <c r="D45776" s="1" t="s">
        <v>45071</v>
      </c>
      <c r="E45776" s="1" t="s">
        <v>131683</v>
      </c>
      <c r="F45776" s="1" t="s">
        <v>155913</v>
      </c>
      <c r="G45776" s="1" t="s">
        <v>155906</v>
      </c>
      <c r="H45776" s="1" t="s">
        <v>155907</v>
      </c>
      <c r="I45776" s="1" t="s">
        <v>155549</v>
      </c>
      <c r="J45776" s="1" t="s">
        <v>155914</v>
      </c>
    </row>
    <row r="45777" spans="1:10" x14ac:dyDescent="0.35">
      <c r="A45777" s="1" t="s">
        <v>30114</v>
      </c>
      <c r="B45777" s="1" t="s">
        <v>155544</v>
      </c>
      <c r="C45777" s="1" t="s">
        <v>30</v>
      </c>
      <c r="D45777" s="1" t="s">
        <v>126353</v>
      </c>
      <c r="E45777" s="1" t="s">
        <v>108589</v>
      </c>
      <c r="F45777" s="1" t="s">
        <v>155915</v>
      </c>
      <c r="G45777" s="1" t="s">
        <v>155906</v>
      </c>
      <c r="H45777" s="1" t="s">
        <v>155907</v>
      </c>
      <c r="I45777" s="1" t="s">
        <v>155549</v>
      </c>
      <c r="J45777" s="1" t="s">
        <v>155916</v>
      </c>
    </row>
    <row r="45778" spans="1:10" x14ac:dyDescent="0.35">
      <c r="A45778" s="1" t="s">
        <v>30114</v>
      </c>
      <c r="B45778" s="1" t="s">
        <v>155544</v>
      </c>
      <c r="C45778" s="1" t="s">
        <v>35</v>
      </c>
      <c r="D45778" s="1" t="s">
        <v>155917</v>
      </c>
      <c r="E45778" s="1" t="s">
        <v>129353</v>
      </c>
      <c r="F45778" s="1" t="s">
        <v>155918</v>
      </c>
      <c r="G45778" s="1" t="s">
        <v>155906</v>
      </c>
      <c r="H45778" s="1" t="s">
        <v>155907</v>
      </c>
      <c r="I45778" s="1" t="s">
        <v>155549</v>
      </c>
      <c r="J45778" s="1" t="s">
        <v>155919</v>
      </c>
    </row>
    <row r="45779" spans="1:10" x14ac:dyDescent="0.35">
      <c r="A45779" s="1" t="s">
        <v>30114</v>
      </c>
      <c r="B45779" s="1" t="s">
        <v>155544</v>
      </c>
      <c r="C45779" s="1" t="s">
        <v>40</v>
      </c>
      <c r="D45779" s="1" t="s">
        <v>30618</v>
      </c>
      <c r="E45779" s="1" t="s">
        <v>155920</v>
      </c>
      <c r="F45779" s="1" t="s">
        <v>155921</v>
      </c>
      <c r="G45779" s="1" t="s">
        <v>155906</v>
      </c>
      <c r="H45779" s="1" t="s">
        <v>155907</v>
      </c>
      <c r="I45779" s="1" t="s">
        <v>155549</v>
      </c>
      <c r="J45779" s="1" t="s">
        <v>155922</v>
      </c>
    </row>
    <row r="45780" spans="1:10" x14ac:dyDescent="0.35">
      <c r="A45780" s="1" t="s">
        <v>30114</v>
      </c>
      <c r="B45780" s="1" t="s">
        <v>155544</v>
      </c>
      <c r="C45780" s="1" t="s">
        <v>45</v>
      </c>
      <c r="D45780" s="1" t="s">
        <v>15617</v>
      </c>
      <c r="E45780" s="1" t="s">
        <v>155923</v>
      </c>
      <c r="F45780" s="1" t="s">
        <v>155924</v>
      </c>
      <c r="G45780" s="1" t="s">
        <v>155906</v>
      </c>
      <c r="H45780" s="1" t="s">
        <v>155907</v>
      </c>
      <c r="I45780" s="1" t="s">
        <v>155549</v>
      </c>
      <c r="J45780" s="1" t="s">
        <v>155925</v>
      </c>
    </row>
    <row r="45781" spans="1:10" x14ac:dyDescent="0.35">
      <c r="A45781" s="1" t="s">
        <v>30114</v>
      </c>
      <c r="B45781" s="1" t="s">
        <v>155544</v>
      </c>
      <c r="C45781" s="1" t="s">
        <v>50</v>
      </c>
      <c r="D45781" s="1" t="s">
        <v>4161</v>
      </c>
      <c r="E45781" s="1" t="s">
        <v>129399</v>
      </c>
      <c r="F45781" s="1" t="s">
        <v>155926</v>
      </c>
      <c r="G45781" s="1" t="s">
        <v>155906</v>
      </c>
      <c r="H45781" s="1" t="s">
        <v>155907</v>
      </c>
      <c r="I45781" s="1" t="s">
        <v>155549</v>
      </c>
      <c r="J45781" s="1" t="s">
        <v>155927</v>
      </c>
    </row>
    <row r="45782" spans="1:10" x14ac:dyDescent="0.35">
      <c r="A45782" s="1" t="s">
        <v>30114</v>
      </c>
      <c r="B45782" s="1" t="s">
        <v>155544</v>
      </c>
      <c r="C45782" s="1" t="s">
        <v>55</v>
      </c>
      <c r="D45782" s="1" t="s">
        <v>70896</v>
      </c>
      <c r="E45782" s="1" t="s">
        <v>90262</v>
      </c>
      <c r="F45782" s="1" t="s">
        <v>155928</v>
      </c>
      <c r="G45782" s="1" t="s">
        <v>155906</v>
      </c>
      <c r="H45782" s="1" t="s">
        <v>155907</v>
      </c>
      <c r="I45782" s="1" t="s">
        <v>155549</v>
      </c>
      <c r="J45782" s="1" t="s">
        <v>155929</v>
      </c>
    </row>
    <row r="45783" spans="1:10" x14ac:dyDescent="0.35">
      <c r="A45783" s="1" t="s">
        <v>30114</v>
      </c>
      <c r="B45783" s="1" t="s">
        <v>155544</v>
      </c>
      <c r="C45783" s="1" t="s">
        <v>60</v>
      </c>
      <c r="D45783" s="1" t="s">
        <v>4173</v>
      </c>
      <c r="E45783" s="1" t="s">
        <v>76417</v>
      </c>
      <c r="F45783" s="1" t="s">
        <v>155930</v>
      </c>
      <c r="G45783" s="1" t="s">
        <v>155906</v>
      </c>
      <c r="H45783" s="1" t="s">
        <v>155907</v>
      </c>
      <c r="I45783" s="1" t="s">
        <v>155549</v>
      </c>
      <c r="J45783" s="1" t="s">
        <v>155931</v>
      </c>
    </row>
    <row r="45784" spans="1:10" x14ac:dyDescent="0.35">
      <c r="A45784" s="1" t="s">
        <v>30114</v>
      </c>
      <c r="B45784" s="1" t="s">
        <v>155544</v>
      </c>
      <c r="C45784" s="1" t="s">
        <v>65</v>
      </c>
      <c r="D45784" s="1" t="s">
        <v>74545</v>
      </c>
      <c r="E45784" s="1" t="s">
        <v>70915</v>
      </c>
      <c r="F45784" s="1" t="s">
        <v>155932</v>
      </c>
      <c r="G45784" s="1" t="s">
        <v>155906</v>
      </c>
      <c r="H45784" s="1" t="s">
        <v>155907</v>
      </c>
      <c r="I45784" s="1" t="s">
        <v>155549</v>
      </c>
      <c r="J45784" s="1" t="s">
        <v>155933</v>
      </c>
    </row>
    <row r="45785" spans="1:10" x14ac:dyDescent="0.35">
      <c r="A45785" s="1" t="s">
        <v>30114</v>
      </c>
      <c r="B45785" s="1" t="s">
        <v>155544</v>
      </c>
      <c r="C45785" s="1" t="s">
        <v>70</v>
      </c>
      <c r="D45785" s="1" t="s">
        <v>70890</v>
      </c>
      <c r="E45785" s="1" t="s">
        <v>108698</v>
      </c>
      <c r="F45785" s="1" t="s">
        <v>155934</v>
      </c>
      <c r="G45785" s="1" t="s">
        <v>155906</v>
      </c>
      <c r="H45785" s="1" t="s">
        <v>155907</v>
      </c>
      <c r="I45785" s="1" t="s">
        <v>155549</v>
      </c>
      <c r="J45785" s="1" t="s">
        <v>155935</v>
      </c>
    </row>
    <row r="45786" spans="1:10" x14ac:dyDescent="0.35">
      <c r="A45786" s="1" t="s">
        <v>30114</v>
      </c>
      <c r="B45786" s="1" t="s">
        <v>155544</v>
      </c>
      <c r="C45786" s="1" t="s">
        <v>75</v>
      </c>
      <c r="D45786" s="1" t="s">
        <v>36529</v>
      </c>
      <c r="E45786" s="1" t="s">
        <v>130968</v>
      </c>
      <c r="F45786" s="1" t="s">
        <v>155936</v>
      </c>
      <c r="G45786" s="1" t="s">
        <v>155906</v>
      </c>
      <c r="H45786" s="1" t="s">
        <v>155907</v>
      </c>
      <c r="I45786" s="1" t="s">
        <v>155549</v>
      </c>
      <c r="J45786" s="1" t="s">
        <v>155937</v>
      </c>
    </row>
    <row r="45787" spans="1:10" x14ac:dyDescent="0.35">
      <c r="A45787" s="1" t="s">
        <v>30114</v>
      </c>
      <c r="B45787" s="1" t="s">
        <v>155544</v>
      </c>
      <c r="C45787" s="1" t="s">
        <v>80</v>
      </c>
      <c r="D45787" s="1" t="s">
        <v>124481</v>
      </c>
      <c r="E45787" s="1" t="s">
        <v>128279</v>
      </c>
      <c r="F45787" s="1" t="s">
        <v>155938</v>
      </c>
      <c r="G45787" s="1" t="s">
        <v>155906</v>
      </c>
      <c r="H45787" s="1" t="s">
        <v>155907</v>
      </c>
      <c r="I45787" s="1" t="s">
        <v>155549</v>
      </c>
      <c r="J45787" s="1" t="s">
        <v>155939</v>
      </c>
    </row>
    <row r="45788" spans="1:10" x14ac:dyDescent="0.35">
      <c r="A45788" s="1" t="s">
        <v>30114</v>
      </c>
      <c r="B45788" s="1" t="s">
        <v>155544</v>
      </c>
      <c r="C45788" s="1" t="s">
        <v>85</v>
      </c>
      <c r="D45788" s="1" t="s">
        <v>155940</v>
      </c>
      <c r="E45788" s="1" t="s">
        <v>130989</v>
      </c>
      <c r="F45788" s="1" t="s">
        <v>32973</v>
      </c>
      <c r="G45788" s="1" t="s">
        <v>155906</v>
      </c>
      <c r="H45788" s="1" t="s">
        <v>155907</v>
      </c>
      <c r="I45788" s="1" t="s">
        <v>155549</v>
      </c>
      <c r="J45788" s="1" t="s">
        <v>155941</v>
      </c>
    </row>
    <row r="45789" spans="1:10" x14ac:dyDescent="0.35">
      <c r="A45789" s="1" t="s">
        <v>30114</v>
      </c>
      <c r="B45789" s="1" t="s">
        <v>155544</v>
      </c>
      <c r="C45789" s="1" t="s">
        <v>90</v>
      </c>
      <c r="D45789" s="1" t="s">
        <v>72579</v>
      </c>
      <c r="E45789" s="1" t="s">
        <v>155942</v>
      </c>
      <c r="F45789" s="1" t="s">
        <v>155943</v>
      </c>
      <c r="G45789" s="1" t="s">
        <v>155906</v>
      </c>
      <c r="H45789" s="1" t="s">
        <v>155907</v>
      </c>
      <c r="I45789" s="1" t="s">
        <v>155549</v>
      </c>
      <c r="J45789" s="1" t="s">
        <v>155944</v>
      </c>
    </row>
    <row r="45790" spans="1:10" x14ac:dyDescent="0.35">
      <c r="A45790" s="1" t="s">
        <v>30114</v>
      </c>
      <c r="B45790" s="1" t="s">
        <v>155544</v>
      </c>
      <c r="C45790" s="1" t="s">
        <v>95</v>
      </c>
      <c r="D45790" s="1" t="s">
        <v>155945</v>
      </c>
      <c r="E45790" s="1" t="s">
        <v>128472</v>
      </c>
      <c r="F45790" s="1" t="s">
        <v>63713</v>
      </c>
      <c r="G45790" s="1" t="s">
        <v>155906</v>
      </c>
      <c r="H45790" s="1" t="s">
        <v>155907</v>
      </c>
      <c r="I45790" s="1" t="s">
        <v>155549</v>
      </c>
      <c r="J45790" s="1" t="s">
        <v>155946</v>
      </c>
    </row>
    <row r="45791" spans="1:10" x14ac:dyDescent="0.35">
      <c r="A45791" s="1" t="s">
        <v>30114</v>
      </c>
      <c r="B45791" s="1" t="s">
        <v>155544</v>
      </c>
      <c r="C45791" s="1" t="s">
        <v>100</v>
      </c>
      <c r="D45791" s="1" t="s">
        <v>37169</v>
      </c>
      <c r="E45791" s="1" t="s">
        <v>133465</v>
      </c>
      <c r="F45791" s="1" t="s">
        <v>155947</v>
      </c>
      <c r="G45791" s="1" t="s">
        <v>155906</v>
      </c>
      <c r="H45791" s="1" t="s">
        <v>155907</v>
      </c>
      <c r="I45791" s="1" t="s">
        <v>155549</v>
      </c>
      <c r="J45791" s="1" t="s">
        <v>155948</v>
      </c>
    </row>
    <row r="45792" spans="1:10" x14ac:dyDescent="0.35">
      <c r="A45792" s="1" t="s">
        <v>30114</v>
      </c>
      <c r="B45792" s="1" t="s">
        <v>155544</v>
      </c>
      <c r="C45792" s="1" t="s">
        <v>105</v>
      </c>
      <c r="D45792" s="1" t="s">
        <v>46295</v>
      </c>
      <c r="E45792" s="1" t="s">
        <v>155949</v>
      </c>
      <c r="F45792" s="1" t="s">
        <v>59842</v>
      </c>
      <c r="G45792" s="1" t="s">
        <v>155906</v>
      </c>
      <c r="H45792" s="1" t="s">
        <v>155907</v>
      </c>
      <c r="I45792" s="1" t="s">
        <v>155549</v>
      </c>
      <c r="J45792" s="1" t="s">
        <v>155950</v>
      </c>
    </row>
    <row r="45793" spans="1:10" x14ac:dyDescent="0.35">
      <c r="A45793" s="1" t="s">
        <v>30114</v>
      </c>
      <c r="B45793" s="1" t="s">
        <v>155544</v>
      </c>
      <c r="C45793" s="1" t="s">
        <v>110</v>
      </c>
      <c r="D45793" s="1" t="s">
        <v>13662</v>
      </c>
      <c r="E45793" s="1" t="s">
        <v>108576</v>
      </c>
      <c r="F45793" s="1" t="s">
        <v>61077</v>
      </c>
      <c r="G45793" s="1" t="s">
        <v>155906</v>
      </c>
      <c r="H45793" s="1" t="s">
        <v>155907</v>
      </c>
      <c r="I45793" s="1" t="s">
        <v>155549</v>
      </c>
      <c r="J45793" s="1" t="s">
        <v>155951</v>
      </c>
    </row>
    <row r="45794" spans="1:10" x14ac:dyDescent="0.35">
      <c r="A45794" s="1" t="s">
        <v>30114</v>
      </c>
      <c r="B45794" s="1" t="s">
        <v>155544</v>
      </c>
      <c r="C45794" s="1" t="s">
        <v>115</v>
      </c>
      <c r="D45794" s="1" t="s">
        <v>155952</v>
      </c>
      <c r="E45794" s="1" t="s">
        <v>19882</v>
      </c>
      <c r="F45794" s="1" t="s">
        <v>155953</v>
      </c>
      <c r="G45794" s="1" t="s">
        <v>155906</v>
      </c>
      <c r="H45794" s="1" t="s">
        <v>155907</v>
      </c>
      <c r="I45794" s="1" t="s">
        <v>155549</v>
      </c>
      <c r="J45794" s="1" t="s">
        <v>155954</v>
      </c>
    </row>
    <row r="45795" spans="1:10" x14ac:dyDescent="0.35">
      <c r="A45795" s="1" t="s">
        <v>30114</v>
      </c>
      <c r="B45795" s="1" t="s">
        <v>155544</v>
      </c>
      <c r="C45795" s="1" t="s">
        <v>120</v>
      </c>
      <c r="D45795" s="1" t="s">
        <v>38039</v>
      </c>
      <c r="E45795" s="1" t="s">
        <v>155955</v>
      </c>
      <c r="F45795" s="1" t="s">
        <v>155956</v>
      </c>
      <c r="G45795" s="1" t="s">
        <v>155906</v>
      </c>
      <c r="H45795" s="1" t="s">
        <v>155907</v>
      </c>
      <c r="I45795" s="1" t="s">
        <v>155549</v>
      </c>
      <c r="J45795" s="1" t="s">
        <v>155957</v>
      </c>
    </row>
    <row r="45796" spans="1:10" x14ac:dyDescent="0.35">
      <c r="A45796" s="1" t="s">
        <v>30114</v>
      </c>
      <c r="B45796" s="1" t="s">
        <v>155544</v>
      </c>
      <c r="C45796" s="1" t="s">
        <v>125</v>
      </c>
      <c r="D45796" s="1" t="s">
        <v>155958</v>
      </c>
      <c r="E45796" s="1" t="s">
        <v>94720</v>
      </c>
      <c r="F45796" s="1" t="s">
        <v>155959</v>
      </c>
      <c r="G45796" s="1" t="s">
        <v>155906</v>
      </c>
      <c r="H45796" s="1" t="s">
        <v>155907</v>
      </c>
      <c r="I45796" s="1" t="s">
        <v>155549</v>
      </c>
      <c r="J45796" s="1" t="s">
        <v>155960</v>
      </c>
    </row>
    <row r="45797" spans="1:10" x14ac:dyDescent="0.35">
      <c r="A45797" s="1" t="s">
        <v>30114</v>
      </c>
      <c r="B45797" s="1" t="s">
        <v>155544</v>
      </c>
      <c r="C45797" s="1" t="s">
        <v>130</v>
      </c>
      <c r="D45797" s="1" t="s">
        <v>155961</v>
      </c>
      <c r="E45797" s="1" t="s">
        <v>155962</v>
      </c>
      <c r="F45797" s="1" t="s">
        <v>155963</v>
      </c>
      <c r="G45797" s="1" t="s">
        <v>155906</v>
      </c>
      <c r="H45797" s="1" t="s">
        <v>155907</v>
      </c>
      <c r="I45797" s="1" t="s">
        <v>155549</v>
      </c>
      <c r="J45797" s="1" t="s">
        <v>155964</v>
      </c>
    </row>
    <row r="45798" spans="1:10" x14ac:dyDescent="0.35">
      <c r="A45798" s="1" t="s">
        <v>30114</v>
      </c>
      <c r="B45798" s="1" t="s">
        <v>155544</v>
      </c>
      <c r="C45798" s="1" t="s">
        <v>135</v>
      </c>
      <c r="D45798" s="1" t="s">
        <v>155965</v>
      </c>
      <c r="E45798" s="1" t="s">
        <v>155966</v>
      </c>
      <c r="F45798" s="1" t="s">
        <v>99691</v>
      </c>
      <c r="G45798" s="1" t="s">
        <v>155906</v>
      </c>
      <c r="H45798" s="1" t="s">
        <v>155907</v>
      </c>
      <c r="I45798" s="1" t="s">
        <v>155549</v>
      </c>
      <c r="J45798" s="1" t="s">
        <v>155967</v>
      </c>
    </row>
    <row r="45799" spans="1:10" x14ac:dyDescent="0.35">
      <c r="A45799" s="1" t="s">
        <v>30114</v>
      </c>
      <c r="B45799" s="1" t="s">
        <v>155544</v>
      </c>
      <c r="C45799" s="1" t="s">
        <v>140</v>
      </c>
      <c r="D45799" s="1" t="s">
        <v>155968</v>
      </c>
      <c r="E45799" s="1" t="s">
        <v>15998</v>
      </c>
      <c r="F45799" s="1" t="s">
        <v>155969</v>
      </c>
      <c r="G45799" s="1" t="s">
        <v>155906</v>
      </c>
      <c r="H45799" s="1" t="s">
        <v>155907</v>
      </c>
      <c r="I45799" s="1" t="s">
        <v>155549</v>
      </c>
      <c r="J45799" s="1" t="s">
        <v>155970</v>
      </c>
    </row>
    <row r="45800" spans="1:10" x14ac:dyDescent="0.35">
      <c r="A45800" s="1" t="s">
        <v>30114</v>
      </c>
      <c r="B45800" s="1" t="s">
        <v>155544</v>
      </c>
      <c r="C45800" s="1" t="s">
        <v>145</v>
      </c>
      <c r="D45800" s="1" t="s">
        <v>150168</v>
      </c>
      <c r="E45800" s="1" t="s">
        <v>94738</v>
      </c>
      <c r="F45800" s="1" t="s">
        <v>99744</v>
      </c>
      <c r="G45800" s="1" t="s">
        <v>155906</v>
      </c>
      <c r="H45800" s="1" t="s">
        <v>155907</v>
      </c>
      <c r="I45800" s="1" t="s">
        <v>155549</v>
      </c>
      <c r="J45800" s="1" t="s">
        <v>155971</v>
      </c>
    </row>
    <row r="45801" spans="1:10" x14ac:dyDescent="0.35">
      <c r="A45801" s="1" t="s">
        <v>30114</v>
      </c>
      <c r="B45801" s="1" t="s">
        <v>155544</v>
      </c>
      <c r="C45801" s="1" t="s">
        <v>150</v>
      </c>
      <c r="D45801" s="1" t="s">
        <v>155972</v>
      </c>
      <c r="E45801" s="1" t="s">
        <v>131305</v>
      </c>
      <c r="F45801" s="1" t="s">
        <v>155973</v>
      </c>
      <c r="G45801" s="1" t="s">
        <v>155906</v>
      </c>
      <c r="H45801" s="1" t="s">
        <v>155907</v>
      </c>
      <c r="I45801" s="1" t="s">
        <v>155549</v>
      </c>
      <c r="J45801" s="1" t="s">
        <v>155974</v>
      </c>
    </row>
    <row r="45802" spans="1:10" x14ac:dyDescent="0.35">
      <c r="A45802" s="1" t="s">
        <v>30114</v>
      </c>
      <c r="B45802" s="1" t="s">
        <v>155544</v>
      </c>
      <c r="C45802" s="1" t="s">
        <v>155</v>
      </c>
      <c r="D45802" s="1" t="s">
        <v>11668</v>
      </c>
      <c r="E45802" s="1" t="s">
        <v>131357</v>
      </c>
      <c r="F45802" s="1" t="s">
        <v>155975</v>
      </c>
      <c r="G45802" s="1" t="s">
        <v>155906</v>
      </c>
      <c r="H45802" s="1" t="s">
        <v>155907</v>
      </c>
      <c r="I45802" s="1" t="s">
        <v>155549</v>
      </c>
      <c r="J45802" s="1" t="s">
        <v>155976</v>
      </c>
    </row>
    <row r="45803" spans="1:10" x14ac:dyDescent="0.35">
      <c r="A45803" s="1" t="s">
        <v>30114</v>
      </c>
      <c r="B45803" s="1" t="s">
        <v>155544</v>
      </c>
      <c r="C45803" s="1" t="s">
        <v>160</v>
      </c>
      <c r="D45803" s="1" t="s">
        <v>155977</v>
      </c>
      <c r="E45803" s="1" t="s">
        <v>109250</v>
      </c>
      <c r="F45803" s="1" t="s">
        <v>155978</v>
      </c>
      <c r="G45803" s="1" t="s">
        <v>155906</v>
      </c>
      <c r="H45803" s="1" t="s">
        <v>155907</v>
      </c>
      <c r="I45803" s="1" t="s">
        <v>155549</v>
      </c>
      <c r="J45803" s="1" t="s">
        <v>155979</v>
      </c>
    </row>
    <row r="45804" spans="1:10" x14ac:dyDescent="0.35">
      <c r="A45804" s="1" t="s">
        <v>30114</v>
      </c>
      <c r="B45804" s="1" t="s">
        <v>155544</v>
      </c>
      <c r="C45804" s="1" t="s">
        <v>165</v>
      </c>
      <c r="D45804" s="1" t="s">
        <v>151120</v>
      </c>
      <c r="E45804" s="1" t="s">
        <v>130407</v>
      </c>
      <c r="F45804" s="1" t="s">
        <v>155980</v>
      </c>
      <c r="G45804" s="1" t="s">
        <v>155906</v>
      </c>
      <c r="H45804" s="1" t="s">
        <v>155907</v>
      </c>
      <c r="I45804" s="1" t="s">
        <v>155549</v>
      </c>
      <c r="J45804" s="1" t="s">
        <v>155981</v>
      </c>
    </row>
    <row r="45805" spans="1:10" x14ac:dyDescent="0.35">
      <c r="A45805" s="1" t="s">
        <v>30114</v>
      </c>
      <c r="B45805" s="1" t="s">
        <v>155544</v>
      </c>
      <c r="C45805" s="1" t="s">
        <v>170</v>
      </c>
      <c r="D45805" s="1" t="s">
        <v>155982</v>
      </c>
      <c r="E45805" s="1" t="s">
        <v>155983</v>
      </c>
      <c r="F45805" s="1" t="s">
        <v>155984</v>
      </c>
      <c r="G45805" s="1" t="s">
        <v>155906</v>
      </c>
      <c r="H45805" s="1" t="s">
        <v>155907</v>
      </c>
      <c r="I45805" s="1" t="s">
        <v>155549</v>
      </c>
      <c r="J45805" s="1" t="s">
        <v>23359</v>
      </c>
    </row>
    <row r="45806" spans="1:10" x14ac:dyDescent="0.35">
      <c r="A45806" s="1" t="s">
        <v>28053</v>
      </c>
      <c r="B45806" s="1" t="s">
        <v>155544</v>
      </c>
      <c r="C45806" s="1" t="s">
        <v>8</v>
      </c>
      <c r="D45806" s="1" t="s">
        <v>37825</v>
      </c>
      <c r="E45806" s="1" t="s">
        <v>155985</v>
      </c>
      <c r="F45806" s="1" t="s">
        <v>155986</v>
      </c>
      <c r="G45806" s="1" t="s">
        <v>155987</v>
      </c>
      <c r="H45806" s="1" t="s">
        <v>155988</v>
      </c>
      <c r="I45806" s="1" t="s">
        <v>155549</v>
      </c>
      <c r="J45806" s="1" t="s">
        <v>13</v>
      </c>
    </row>
    <row r="45807" spans="1:10" x14ac:dyDescent="0.35">
      <c r="A45807" s="1" t="s">
        <v>28053</v>
      </c>
      <c r="B45807" s="1" t="s">
        <v>155544</v>
      </c>
      <c r="C45807" s="1" t="s">
        <v>15</v>
      </c>
      <c r="D45807" s="1" t="s">
        <v>35330</v>
      </c>
      <c r="E45807" s="1" t="s">
        <v>155989</v>
      </c>
      <c r="F45807" s="1" t="s">
        <v>155990</v>
      </c>
      <c r="G45807" s="1" t="s">
        <v>155987</v>
      </c>
      <c r="H45807" s="1" t="s">
        <v>155988</v>
      </c>
      <c r="I45807" s="1" t="s">
        <v>155549</v>
      </c>
      <c r="J45807" s="1" t="s">
        <v>155991</v>
      </c>
    </row>
    <row r="45808" spans="1:10" x14ac:dyDescent="0.35">
      <c r="A45808" s="1" t="s">
        <v>28053</v>
      </c>
      <c r="B45808" s="1" t="s">
        <v>155544</v>
      </c>
      <c r="C45808" s="1" t="s">
        <v>20</v>
      </c>
      <c r="D45808" s="1" t="s">
        <v>33694</v>
      </c>
      <c r="E45808" s="1" t="s">
        <v>155992</v>
      </c>
      <c r="F45808" s="1" t="s">
        <v>155993</v>
      </c>
      <c r="G45808" s="1" t="s">
        <v>155987</v>
      </c>
      <c r="H45808" s="1" t="s">
        <v>155988</v>
      </c>
      <c r="I45808" s="1" t="s">
        <v>155549</v>
      </c>
      <c r="J45808" s="1" t="s">
        <v>155994</v>
      </c>
    </row>
    <row r="45809" spans="1:10" x14ac:dyDescent="0.35">
      <c r="A45809" s="1" t="s">
        <v>28053</v>
      </c>
      <c r="B45809" s="1" t="s">
        <v>155544</v>
      </c>
      <c r="C45809" s="1" t="s">
        <v>25</v>
      </c>
      <c r="D45809" s="1" t="s">
        <v>34519</v>
      </c>
      <c r="E45809" s="1" t="s">
        <v>155995</v>
      </c>
      <c r="F45809" s="1" t="s">
        <v>155996</v>
      </c>
      <c r="G45809" s="1" t="s">
        <v>155987</v>
      </c>
      <c r="H45809" s="1" t="s">
        <v>155988</v>
      </c>
      <c r="I45809" s="1" t="s">
        <v>155549</v>
      </c>
      <c r="J45809" s="1" t="s">
        <v>155997</v>
      </c>
    </row>
    <row r="45810" spans="1:10" x14ac:dyDescent="0.35">
      <c r="A45810" s="1" t="s">
        <v>28053</v>
      </c>
      <c r="B45810" s="1" t="s">
        <v>155544</v>
      </c>
      <c r="C45810" s="1" t="s">
        <v>30</v>
      </c>
      <c r="D45810" s="1" t="s">
        <v>121347</v>
      </c>
      <c r="E45810" s="1" t="s">
        <v>155998</v>
      </c>
      <c r="F45810" s="1" t="s">
        <v>155999</v>
      </c>
      <c r="G45810" s="1" t="s">
        <v>155987</v>
      </c>
      <c r="H45810" s="1" t="s">
        <v>155988</v>
      </c>
      <c r="I45810" s="1" t="s">
        <v>155549</v>
      </c>
      <c r="J45810" s="1" t="s">
        <v>156000</v>
      </c>
    </row>
    <row r="45811" spans="1:10" x14ac:dyDescent="0.35">
      <c r="A45811" s="1" t="s">
        <v>28053</v>
      </c>
      <c r="B45811" s="1" t="s">
        <v>155544</v>
      </c>
      <c r="C45811" s="1" t="s">
        <v>35</v>
      </c>
      <c r="D45811" s="1" t="s">
        <v>7112</v>
      </c>
      <c r="E45811" s="1" t="s">
        <v>156001</v>
      </c>
      <c r="F45811" s="1" t="s">
        <v>156002</v>
      </c>
      <c r="G45811" s="1" t="s">
        <v>155987</v>
      </c>
      <c r="H45811" s="1" t="s">
        <v>155988</v>
      </c>
      <c r="I45811" s="1" t="s">
        <v>155549</v>
      </c>
      <c r="J45811" s="1" t="s">
        <v>156003</v>
      </c>
    </row>
    <row r="45812" spans="1:10" x14ac:dyDescent="0.35">
      <c r="A45812" s="1" t="s">
        <v>28053</v>
      </c>
      <c r="B45812" s="1" t="s">
        <v>155544</v>
      </c>
      <c r="C45812" s="1" t="s">
        <v>40</v>
      </c>
      <c r="D45812" s="1" t="s">
        <v>9678</v>
      </c>
      <c r="E45812" s="1" t="s">
        <v>156004</v>
      </c>
      <c r="F45812" s="1" t="s">
        <v>156005</v>
      </c>
      <c r="G45812" s="1" t="s">
        <v>155987</v>
      </c>
      <c r="H45812" s="1" t="s">
        <v>155988</v>
      </c>
      <c r="I45812" s="1" t="s">
        <v>155549</v>
      </c>
      <c r="J45812" s="1" t="s">
        <v>156006</v>
      </c>
    </row>
    <row r="45813" spans="1:10" x14ac:dyDescent="0.35">
      <c r="A45813" s="1" t="s">
        <v>28053</v>
      </c>
      <c r="B45813" s="1" t="s">
        <v>155544</v>
      </c>
      <c r="C45813" s="1" t="s">
        <v>45</v>
      </c>
      <c r="D45813" s="1" t="s">
        <v>126525</v>
      </c>
      <c r="E45813" s="1" t="s">
        <v>156007</v>
      </c>
      <c r="F45813" s="1" t="s">
        <v>156008</v>
      </c>
      <c r="G45813" s="1" t="s">
        <v>155987</v>
      </c>
      <c r="H45813" s="1" t="s">
        <v>155988</v>
      </c>
      <c r="I45813" s="1" t="s">
        <v>155549</v>
      </c>
      <c r="J45813" s="1" t="s">
        <v>156009</v>
      </c>
    </row>
    <row r="45814" spans="1:10" x14ac:dyDescent="0.35">
      <c r="A45814" s="1" t="s">
        <v>28053</v>
      </c>
      <c r="B45814" s="1" t="s">
        <v>155544</v>
      </c>
      <c r="C45814" s="1" t="s">
        <v>50</v>
      </c>
      <c r="D45814" s="1" t="s">
        <v>5786</v>
      </c>
      <c r="E45814" s="1" t="s">
        <v>156010</v>
      </c>
      <c r="F45814" s="1" t="s">
        <v>156011</v>
      </c>
      <c r="G45814" s="1" t="s">
        <v>155987</v>
      </c>
      <c r="H45814" s="1" t="s">
        <v>155988</v>
      </c>
      <c r="I45814" s="1" t="s">
        <v>155549</v>
      </c>
      <c r="J45814" s="1" t="s">
        <v>156012</v>
      </c>
    </row>
    <row r="45815" spans="1:10" x14ac:dyDescent="0.35">
      <c r="A45815" s="1" t="s">
        <v>28053</v>
      </c>
      <c r="B45815" s="1" t="s">
        <v>155544</v>
      </c>
      <c r="C45815" s="1" t="s">
        <v>55</v>
      </c>
      <c r="D45815" s="1" t="s">
        <v>156013</v>
      </c>
      <c r="E45815" s="1" t="s">
        <v>156014</v>
      </c>
      <c r="F45815" s="1" t="s">
        <v>156015</v>
      </c>
      <c r="G45815" s="1" t="s">
        <v>155987</v>
      </c>
      <c r="H45815" s="1" t="s">
        <v>155988</v>
      </c>
      <c r="I45815" s="1" t="s">
        <v>155549</v>
      </c>
      <c r="J45815" s="1" t="s">
        <v>156016</v>
      </c>
    </row>
    <row r="45816" spans="1:10" x14ac:dyDescent="0.35">
      <c r="A45816" s="1" t="s">
        <v>28053</v>
      </c>
      <c r="B45816" s="1" t="s">
        <v>155544</v>
      </c>
      <c r="C45816" s="1" t="s">
        <v>60</v>
      </c>
      <c r="D45816" s="1" t="s">
        <v>50227</v>
      </c>
      <c r="E45816" s="1" t="s">
        <v>156017</v>
      </c>
      <c r="F45816" s="1" t="s">
        <v>156018</v>
      </c>
      <c r="G45816" s="1" t="s">
        <v>155987</v>
      </c>
      <c r="H45816" s="1" t="s">
        <v>155988</v>
      </c>
      <c r="I45816" s="1" t="s">
        <v>155549</v>
      </c>
      <c r="J45816" s="1" t="s">
        <v>156019</v>
      </c>
    </row>
    <row r="45817" spans="1:10" x14ac:dyDescent="0.35">
      <c r="A45817" s="1" t="s">
        <v>28053</v>
      </c>
      <c r="B45817" s="1" t="s">
        <v>155544</v>
      </c>
      <c r="C45817" s="1" t="s">
        <v>65</v>
      </c>
      <c r="D45817" s="1" t="s">
        <v>156020</v>
      </c>
      <c r="E45817" s="1" t="s">
        <v>156021</v>
      </c>
      <c r="F45817" s="1" t="s">
        <v>156022</v>
      </c>
      <c r="G45817" s="1" t="s">
        <v>155987</v>
      </c>
      <c r="H45817" s="1" t="s">
        <v>155988</v>
      </c>
      <c r="I45817" s="1" t="s">
        <v>155549</v>
      </c>
      <c r="J45817" s="1" t="s">
        <v>156023</v>
      </c>
    </row>
    <row r="45818" spans="1:10" x14ac:dyDescent="0.35">
      <c r="A45818" s="1" t="s">
        <v>28053</v>
      </c>
      <c r="B45818" s="1" t="s">
        <v>155544</v>
      </c>
      <c r="C45818" s="1" t="s">
        <v>70</v>
      </c>
      <c r="D45818" s="1" t="s">
        <v>7155</v>
      </c>
      <c r="E45818" s="1" t="s">
        <v>156024</v>
      </c>
      <c r="F45818" s="1" t="s">
        <v>156025</v>
      </c>
      <c r="G45818" s="1" t="s">
        <v>155987</v>
      </c>
      <c r="H45818" s="1" t="s">
        <v>155988</v>
      </c>
      <c r="I45818" s="1" t="s">
        <v>155549</v>
      </c>
      <c r="J45818" s="1" t="s">
        <v>156026</v>
      </c>
    </row>
    <row r="45819" spans="1:10" x14ac:dyDescent="0.35">
      <c r="A45819" s="1" t="s">
        <v>28053</v>
      </c>
      <c r="B45819" s="1" t="s">
        <v>155544</v>
      </c>
      <c r="C45819" s="1" t="s">
        <v>75</v>
      </c>
      <c r="D45819" s="1" t="s">
        <v>156027</v>
      </c>
      <c r="E45819" s="1" t="s">
        <v>156028</v>
      </c>
      <c r="F45819" s="1" t="s">
        <v>156029</v>
      </c>
      <c r="G45819" s="1" t="s">
        <v>155987</v>
      </c>
      <c r="H45819" s="1" t="s">
        <v>155988</v>
      </c>
      <c r="I45819" s="1" t="s">
        <v>155549</v>
      </c>
      <c r="J45819" s="1" t="s">
        <v>156030</v>
      </c>
    </row>
    <row r="45820" spans="1:10" x14ac:dyDescent="0.35">
      <c r="A45820" s="1" t="s">
        <v>28053</v>
      </c>
      <c r="B45820" s="1" t="s">
        <v>155544</v>
      </c>
      <c r="C45820" s="1" t="s">
        <v>80</v>
      </c>
      <c r="D45820" s="1" t="s">
        <v>51773</v>
      </c>
      <c r="E45820" s="1" t="s">
        <v>156031</v>
      </c>
      <c r="F45820" s="1" t="s">
        <v>156032</v>
      </c>
      <c r="G45820" s="1" t="s">
        <v>155987</v>
      </c>
      <c r="H45820" s="1" t="s">
        <v>155988</v>
      </c>
      <c r="I45820" s="1" t="s">
        <v>155549</v>
      </c>
      <c r="J45820" s="1" t="s">
        <v>156033</v>
      </c>
    </row>
    <row r="45821" spans="1:10" x14ac:dyDescent="0.35">
      <c r="A45821" s="1" t="s">
        <v>28053</v>
      </c>
      <c r="B45821" s="1" t="s">
        <v>155544</v>
      </c>
      <c r="C45821" s="1" t="s">
        <v>85</v>
      </c>
      <c r="D45821" s="1" t="s">
        <v>51228</v>
      </c>
      <c r="E45821" s="1" t="s">
        <v>156034</v>
      </c>
      <c r="F45821" s="1" t="s">
        <v>156035</v>
      </c>
      <c r="G45821" s="1" t="s">
        <v>155987</v>
      </c>
      <c r="H45821" s="1" t="s">
        <v>155988</v>
      </c>
      <c r="I45821" s="1" t="s">
        <v>155549</v>
      </c>
      <c r="J45821" s="1" t="s">
        <v>156036</v>
      </c>
    </row>
    <row r="45822" spans="1:10" x14ac:dyDescent="0.35">
      <c r="A45822" s="1" t="s">
        <v>28053</v>
      </c>
      <c r="B45822" s="1" t="s">
        <v>155544</v>
      </c>
      <c r="C45822" s="1" t="s">
        <v>90</v>
      </c>
      <c r="D45822" s="1" t="s">
        <v>4594</v>
      </c>
      <c r="E45822" s="1" t="s">
        <v>156037</v>
      </c>
      <c r="F45822" s="1" t="s">
        <v>156038</v>
      </c>
      <c r="G45822" s="1" t="s">
        <v>155987</v>
      </c>
      <c r="H45822" s="1" t="s">
        <v>155988</v>
      </c>
      <c r="I45822" s="1" t="s">
        <v>155549</v>
      </c>
      <c r="J45822" s="1" t="s">
        <v>156039</v>
      </c>
    </row>
    <row r="45823" spans="1:10" x14ac:dyDescent="0.35">
      <c r="A45823" s="1" t="s">
        <v>28053</v>
      </c>
      <c r="B45823" s="1" t="s">
        <v>155544</v>
      </c>
      <c r="C45823" s="1" t="s">
        <v>95</v>
      </c>
      <c r="D45823" s="1" t="s">
        <v>156040</v>
      </c>
      <c r="E45823" s="1" t="s">
        <v>156041</v>
      </c>
      <c r="F45823" s="1" t="s">
        <v>156042</v>
      </c>
      <c r="G45823" s="1" t="s">
        <v>155987</v>
      </c>
      <c r="H45823" s="1" t="s">
        <v>155988</v>
      </c>
      <c r="I45823" s="1" t="s">
        <v>155549</v>
      </c>
      <c r="J45823" s="1" t="s">
        <v>156043</v>
      </c>
    </row>
    <row r="45824" spans="1:10" x14ac:dyDescent="0.35">
      <c r="A45824" s="1" t="s">
        <v>28053</v>
      </c>
      <c r="B45824" s="1" t="s">
        <v>155544</v>
      </c>
      <c r="C45824" s="1" t="s">
        <v>100</v>
      </c>
      <c r="D45824" s="1" t="s">
        <v>38354</v>
      </c>
      <c r="E45824" s="1" t="s">
        <v>156044</v>
      </c>
      <c r="F45824" s="1" t="s">
        <v>156045</v>
      </c>
      <c r="G45824" s="1" t="s">
        <v>155987</v>
      </c>
      <c r="H45824" s="1" t="s">
        <v>155988</v>
      </c>
      <c r="I45824" s="1" t="s">
        <v>155549</v>
      </c>
      <c r="J45824" s="1" t="s">
        <v>156046</v>
      </c>
    </row>
    <row r="45825" spans="1:10" x14ac:dyDescent="0.35">
      <c r="A45825" s="1" t="s">
        <v>28053</v>
      </c>
      <c r="B45825" s="1" t="s">
        <v>155544</v>
      </c>
      <c r="C45825" s="1" t="s">
        <v>105</v>
      </c>
      <c r="D45825" s="1" t="s">
        <v>49060</v>
      </c>
      <c r="E45825" s="1" t="s">
        <v>156047</v>
      </c>
      <c r="F45825" s="1" t="s">
        <v>156048</v>
      </c>
      <c r="G45825" s="1" t="s">
        <v>155987</v>
      </c>
      <c r="H45825" s="1" t="s">
        <v>155988</v>
      </c>
      <c r="I45825" s="1" t="s">
        <v>155549</v>
      </c>
      <c r="J45825" s="1" t="s">
        <v>156049</v>
      </c>
    </row>
    <row r="45826" spans="1:10" x14ac:dyDescent="0.35">
      <c r="A45826" s="1" t="s">
        <v>28053</v>
      </c>
      <c r="B45826" s="1" t="s">
        <v>155544</v>
      </c>
      <c r="C45826" s="1" t="s">
        <v>110</v>
      </c>
      <c r="D45826" s="1" t="s">
        <v>17393</v>
      </c>
      <c r="E45826" s="1" t="s">
        <v>156050</v>
      </c>
      <c r="F45826" s="1" t="s">
        <v>156051</v>
      </c>
      <c r="G45826" s="1" t="s">
        <v>155987</v>
      </c>
      <c r="H45826" s="1" t="s">
        <v>155988</v>
      </c>
      <c r="I45826" s="1" t="s">
        <v>155549</v>
      </c>
      <c r="J45826" s="1" t="s">
        <v>156052</v>
      </c>
    </row>
    <row r="45827" spans="1:10" x14ac:dyDescent="0.35">
      <c r="A45827" s="1" t="s">
        <v>28053</v>
      </c>
      <c r="B45827" s="1" t="s">
        <v>155544</v>
      </c>
      <c r="C45827" s="1" t="s">
        <v>115</v>
      </c>
      <c r="D45827" s="1" t="s">
        <v>156053</v>
      </c>
      <c r="E45827" s="1" t="s">
        <v>156054</v>
      </c>
      <c r="F45827" s="1" t="s">
        <v>156055</v>
      </c>
      <c r="G45827" s="1" t="s">
        <v>155987</v>
      </c>
      <c r="H45827" s="1" t="s">
        <v>155988</v>
      </c>
      <c r="I45827" s="1" t="s">
        <v>155549</v>
      </c>
      <c r="J45827" s="1" t="s">
        <v>156056</v>
      </c>
    </row>
    <row r="45828" spans="1:10" x14ac:dyDescent="0.35">
      <c r="A45828" s="1" t="s">
        <v>28053</v>
      </c>
      <c r="B45828" s="1" t="s">
        <v>155544</v>
      </c>
      <c r="C45828" s="1" t="s">
        <v>120</v>
      </c>
      <c r="D45828" s="1" t="s">
        <v>156057</v>
      </c>
      <c r="E45828" s="1" t="s">
        <v>156058</v>
      </c>
      <c r="F45828" s="1" t="s">
        <v>156059</v>
      </c>
      <c r="G45828" s="1" t="s">
        <v>155987</v>
      </c>
      <c r="H45828" s="1" t="s">
        <v>155988</v>
      </c>
      <c r="I45828" s="1" t="s">
        <v>155549</v>
      </c>
      <c r="J45828" s="1" t="s">
        <v>156060</v>
      </c>
    </row>
    <row r="45829" spans="1:10" x14ac:dyDescent="0.35">
      <c r="A45829" s="1" t="s">
        <v>28053</v>
      </c>
      <c r="B45829" s="1" t="s">
        <v>155544</v>
      </c>
      <c r="C45829" s="1" t="s">
        <v>125</v>
      </c>
      <c r="D45829" s="1" t="s">
        <v>156061</v>
      </c>
      <c r="E45829" s="1" t="s">
        <v>156062</v>
      </c>
      <c r="F45829" s="1" t="s">
        <v>156063</v>
      </c>
      <c r="G45829" s="1" t="s">
        <v>155987</v>
      </c>
      <c r="H45829" s="1" t="s">
        <v>155988</v>
      </c>
      <c r="I45829" s="1" t="s">
        <v>155549</v>
      </c>
      <c r="J45829" s="1" t="s">
        <v>156064</v>
      </c>
    </row>
    <row r="45830" spans="1:10" x14ac:dyDescent="0.35">
      <c r="A45830" s="1" t="s">
        <v>28053</v>
      </c>
      <c r="B45830" s="1" t="s">
        <v>155544</v>
      </c>
      <c r="C45830" s="1" t="s">
        <v>130</v>
      </c>
      <c r="D45830" s="1" t="s">
        <v>156065</v>
      </c>
      <c r="E45830" s="1" t="s">
        <v>156066</v>
      </c>
      <c r="F45830" s="1" t="s">
        <v>156067</v>
      </c>
      <c r="G45830" s="1" t="s">
        <v>155987</v>
      </c>
      <c r="H45830" s="1" t="s">
        <v>155988</v>
      </c>
      <c r="I45830" s="1" t="s">
        <v>155549</v>
      </c>
      <c r="J45830" s="1" t="s">
        <v>156068</v>
      </c>
    </row>
    <row r="45831" spans="1:10" x14ac:dyDescent="0.35">
      <c r="A45831" s="1" t="s">
        <v>28053</v>
      </c>
      <c r="B45831" s="1" t="s">
        <v>155544</v>
      </c>
      <c r="C45831" s="1" t="s">
        <v>135</v>
      </c>
      <c r="D45831" s="1" t="s">
        <v>156069</v>
      </c>
      <c r="E45831" s="1" t="s">
        <v>156070</v>
      </c>
      <c r="F45831" s="1" t="s">
        <v>156071</v>
      </c>
      <c r="G45831" s="1" t="s">
        <v>155987</v>
      </c>
      <c r="H45831" s="1" t="s">
        <v>155988</v>
      </c>
      <c r="I45831" s="1" t="s">
        <v>155549</v>
      </c>
      <c r="J45831" s="1" t="s">
        <v>156072</v>
      </c>
    </row>
    <row r="45832" spans="1:10" x14ac:dyDescent="0.35">
      <c r="A45832" s="1" t="s">
        <v>28053</v>
      </c>
      <c r="B45832" s="1" t="s">
        <v>155544</v>
      </c>
      <c r="C45832" s="1" t="s">
        <v>140</v>
      </c>
      <c r="D45832" s="1" t="s">
        <v>156073</v>
      </c>
      <c r="E45832" s="1" t="s">
        <v>156074</v>
      </c>
      <c r="F45832" s="1" t="s">
        <v>156075</v>
      </c>
      <c r="G45832" s="1" t="s">
        <v>155987</v>
      </c>
      <c r="H45832" s="1" t="s">
        <v>155988</v>
      </c>
      <c r="I45832" s="1" t="s">
        <v>155549</v>
      </c>
      <c r="J45832" s="1" t="s">
        <v>156076</v>
      </c>
    </row>
    <row r="45833" spans="1:10" x14ac:dyDescent="0.35">
      <c r="A45833" s="1" t="s">
        <v>28053</v>
      </c>
      <c r="B45833" s="1" t="s">
        <v>155544</v>
      </c>
      <c r="C45833" s="1" t="s">
        <v>145</v>
      </c>
      <c r="D45833" s="1" t="s">
        <v>156077</v>
      </c>
      <c r="E45833" s="1" t="s">
        <v>156078</v>
      </c>
      <c r="F45833" s="1" t="s">
        <v>156079</v>
      </c>
      <c r="G45833" s="1" t="s">
        <v>155987</v>
      </c>
      <c r="H45833" s="1" t="s">
        <v>155988</v>
      </c>
      <c r="I45833" s="1" t="s">
        <v>155549</v>
      </c>
      <c r="J45833" s="1" t="s">
        <v>156080</v>
      </c>
    </row>
    <row r="45834" spans="1:10" x14ac:dyDescent="0.35">
      <c r="A45834" s="1" t="s">
        <v>28053</v>
      </c>
      <c r="B45834" s="1" t="s">
        <v>155544</v>
      </c>
      <c r="C45834" s="1" t="s">
        <v>150</v>
      </c>
      <c r="D45834" s="1" t="s">
        <v>10809</v>
      </c>
      <c r="E45834" s="1" t="s">
        <v>156081</v>
      </c>
      <c r="F45834" s="1" t="s">
        <v>156082</v>
      </c>
      <c r="G45834" s="1" t="s">
        <v>155987</v>
      </c>
      <c r="H45834" s="1" t="s">
        <v>155988</v>
      </c>
      <c r="I45834" s="1" t="s">
        <v>155549</v>
      </c>
      <c r="J45834" s="1" t="s">
        <v>156083</v>
      </c>
    </row>
    <row r="45835" spans="1:10" x14ac:dyDescent="0.35">
      <c r="A45835" s="1" t="s">
        <v>28053</v>
      </c>
      <c r="B45835" s="1" t="s">
        <v>155544</v>
      </c>
      <c r="C45835" s="1" t="s">
        <v>155</v>
      </c>
      <c r="D45835" s="1" t="s">
        <v>156084</v>
      </c>
      <c r="E45835" s="1" t="s">
        <v>156085</v>
      </c>
      <c r="F45835" s="1" t="s">
        <v>156086</v>
      </c>
      <c r="G45835" s="1" t="s">
        <v>155987</v>
      </c>
      <c r="H45835" s="1" t="s">
        <v>155988</v>
      </c>
      <c r="I45835" s="1" t="s">
        <v>155549</v>
      </c>
      <c r="J45835" s="1" t="s">
        <v>156087</v>
      </c>
    </row>
    <row r="45836" spans="1:10" x14ac:dyDescent="0.35">
      <c r="A45836" s="1" t="s">
        <v>28053</v>
      </c>
      <c r="B45836" s="1" t="s">
        <v>155544</v>
      </c>
      <c r="C45836" s="1" t="s">
        <v>160</v>
      </c>
      <c r="D45836" s="1" t="s">
        <v>31642</v>
      </c>
      <c r="E45836" s="1" t="s">
        <v>156088</v>
      </c>
      <c r="F45836" s="1" t="s">
        <v>156089</v>
      </c>
      <c r="G45836" s="1" t="s">
        <v>155987</v>
      </c>
      <c r="H45836" s="1" t="s">
        <v>155988</v>
      </c>
      <c r="I45836" s="1" t="s">
        <v>155549</v>
      </c>
      <c r="J45836" s="1" t="s">
        <v>156090</v>
      </c>
    </row>
    <row r="45837" spans="1:10" x14ac:dyDescent="0.35">
      <c r="A45837" s="1" t="s">
        <v>28053</v>
      </c>
      <c r="B45837" s="1" t="s">
        <v>155544</v>
      </c>
      <c r="C45837" s="1" t="s">
        <v>165</v>
      </c>
      <c r="D45837" s="1" t="s">
        <v>3846</v>
      </c>
      <c r="E45837" s="1" t="s">
        <v>156091</v>
      </c>
      <c r="F45837" s="1" t="s">
        <v>156092</v>
      </c>
      <c r="G45837" s="1" t="s">
        <v>155987</v>
      </c>
      <c r="H45837" s="1" t="s">
        <v>155988</v>
      </c>
      <c r="I45837" s="1" t="s">
        <v>155549</v>
      </c>
      <c r="J45837" s="1" t="s">
        <v>156093</v>
      </c>
    </row>
    <row r="45838" spans="1:10" x14ac:dyDescent="0.35">
      <c r="A45838" s="1" t="s">
        <v>28053</v>
      </c>
      <c r="B45838" s="1" t="s">
        <v>155544</v>
      </c>
      <c r="C45838" s="1" t="s">
        <v>170</v>
      </c>
      <c r="D45838" s="1" t="s">
        <v>156094</v>
      </c>
      <c r="E45838" s="1" t="s">
        <v>156095</v>
      </c>
      <c r="F45838" s="1" t="s">
        <v>156096</v>
      </c>
      <c r="G45838" s="1" t="s">
        <v>155987</v>
      </c>
      <c r="H45838" s="1" t="s">
        <v>155988</v>
      </c>
      <c r="I45838" s="1" t="s">
        <v>155549</v>
      </c>
      <c r="J45838" s="1" t="s">
        <v>156097</v>
      </c>
    </row>
    <row r="45839" spans="1:10" x14ac:dyDescent="0.35">
      <c r="A45839" s="1" t="s">
        <v>9879</v>
      </c>
      <c r="B45839" s="1" t="s">
        <v>155544</v>
      </c>
      <c r="C45839" s="1" t="s">
        <v>8</v>
      </c>
      <c r="D45839" s="1" t="s">
        <v>156098</v>
      </c>
      <c r="E45839" s="1" t="s">
        <v>156099</v>
      </c>
      <c r="F45839" s="1" t="s">
        <v>156100</v>
      </c>
      <c r="G45839" s="1" t="s">
        <v>156101</v>
      </c>
      <c r="H45839" s="1" t="s">
        <v>156102</v>
      </c>
      <c r="I45839" s="1" t="s">
        <v>155549</v>
      </c>
      <c r="J45839" s="1" t="s">
        <v>13</v>
      </c>
    </row>
    <row r="45840" spans="1:10" x14ac:dyDescent="0.35">
      <c r="A45840" s="1" t="s">
        <v>9879</v>
      </c>
      <c r="B45840" s="1" t="s">
        <v>155544</v>
      </c>
      <c r="C45840" s="1" t="s">
        <v>15</v>
      </c>
      <c r="D45840" s="1" t="s">
        <v>115550</v>
      </c>
      <c r="E45840" s="1" t="s">
        <v>156103</v>
      </c>
      <c r="F45840" s="1" t="s">
        <v>156104</v>
      </c>
      <c r="G45840" s="1" t="s">
        <v>156101</v>
      </c>
      <c r="H45840" s="1" t="s">
        <v>156102</v>
      </c>
      <c r="I45840" s="1" t="s">
        <v>155549</v>
      </c>
      <c r="J45840" s="1" t="s">
        <v>156105</v>
      </c>
    </row>
    <row r="45841" spans="1:10" x14ac:dyDescent="0.35">
      <c r="A45841" s="1" t="s">
        <v>9879</v>
      </c>
      <c r="B45841" s="1" t="s">
        <v>155544</v>
      </c>
      <c r="C45841" s="1" t="s">
        <v>20</v>
      </c>
      <c r="D45841" s="1" t="s">
        <v>135637</v>
      </c>
      <c r="E45841" s="1" t="s">
        <v>156106</v>
      </c>
      <c r="F45841" s="1" t="s">
        <v>156107</v>
      </c>
      <c r="G45841" s="1" t="s">
        <v>156101</v>
      </c>
      <c r="H45841" s="1" t="s">
        <v>156102</v>
      </c>
      <c r="I45841" s="1" t="s">
        <v>155549</v>
      </c>
      <c r="J45841" s="1" t="s">
        <v>156108</v>
      </c>
    </row>
    <row r="45842" spans="1:10" x14ac:dyDescent="0.35">
      <c r="A45842" s="1" t="s">
        <v>9879</v>
      </c>
      <c r="B45842" s="1" t="s">
        <v>155544</v>
      </c>
      <c r="C45842" s="1" t="s">
        <v>25</v>
      </c>
      <c r="D45842" s="1" t="s">
        <v>156109</v>
      </c>
      <c r="E45842" s="1" t="s">
        <v>156110</v>
      </c>
      <c r="F45842" s="1" t="s">
        <v>156111</v>
      </c>
      <c r="G45842" s="1" t="s">
        <v>156101</v>
      </c>
      <c r="H45842" s="1" t="s">
        <v>156102</v>
      </c>
      <c r="I45842" s="1" t="s">
        <v>155549</v>
      </c>
      <c r="J45842" s="1" t="s">
        <v>156112</v>
      </c>
    </row>
    <row r="45843" spans="1:10" x14ac:dyDescent="0.35">
      <c r="A45843" s="1" t="s">
        <v>9879</v>
      </c>
      <c r="B45843" s="1" t="s">
        <v>155544</v>
      </c>
      <c r="C45843" s="1" t="s">
        <v>30</v>
      </c>
      <c r="D45843" s="1" t="s">
        <v>156113</v>
      </c>
      <c r="E45843" s="1" t="s">
        <v>156114</v>
      </c>
      <c r="F45843" s="1" t="s">
        <v>156115</v>
      </c>
      <c r="G45843" s="1" t="s">
        <v>156101</v>
      </c>
      <c r="H45843" s="1" t="s">
        <v>156102</v>
      </c>
      <c r="I45843" s="1" t="s">
        <v>155549</v>
      </c>
      <c r="J45843" s="1" t="s">
        <v>156116</v>
      </c>
    </row>
    <row r="45844" spans="1:10" x14ac:dyDescent="0.35">
      <c r="A45844" s="1" t="s">
        <v>9879</v>
      </c>
      <c r="B45844" s="1" t="s">
        <v>155544</v>
      </c>
      <c r="C45844" s="1" t="s">
        <v>35</v>
      </c>
      <c r="D45844" s="1" t="s">
        <v>17840</v>
      </c>
      <c r="E45844" s="1" t="s">
        <v>156117</v>
      </c>
      <c r="F45844" s="1" t="s">
        <v>156118</v>
      </c>
      <c r="G45844" s="1" t="s">
        <v>156101</v>
      </c>
      <c r="H45844" s="1" t="s">
        <v>156102</v>
      </c>
      <c r="I45844" s="1" t="s">
        <v>155549</v>
      </c>
      <c r="J45844" s="1" t="s">
        <v>156119</v>
      </c>
    </row>
    <row r="45845" spans="1:10" x14ac:dyDescent="0.35">
      <c r="A45845" s="1" t="s">
        <v>9879</v>
      </c>
      <c r="B45845" s="1" t="s">
        <v>155544</v>
      </c>
      <c r="C45845" s="1" t="s">
        <v>40</v>
      </c>
      <c r="D45845" s="1" t="s">
        <v>124099</v>
      </c>
      <c r="E45845" s="1" t="s">
        <v>156120</v>
      </c>
      <c r="F45845" s="1" t="s">
        <v>156121</v>
      </c>
      <c r="G45845" s="1" t="s">
        <v>156101</v>
      </c>
      <c r="H45845" s="1" t="s">
        <v>156102</v>
      </c>
      <c r="I45845" s="1" t="s">
        <v>155549</v>
      </c>
      <c r="J45845" s="1" t="s">
        <v>156122</v>
      </c>
    </row>
    <row r="45846" spans="1:10" x14ac:dyDescent="0.35">
      <c r="A45846" s="1" t="s">
        <v>9879</v>
      </c>
      <c r="B45846" s="1" t="s">
        <v>155544</v>
      </c>
      <c r="C45846" s="1" t="s">
        <v>45</v>
      </c>
      <c r="D45846" s="1" t="s">
        <v>49901</v>
      </c>
      <c r="E45846" s="1" t="s">
        <v>156123</v>
      </c>
      <c r="F45846" s="1" t="s">
        <v>156124</v>
      </c>
      <c r="G45846" s="1" t="s">
        <v>156101</v>
      </c>
      <c r="H45846" s="1" t="s">
        <v>156102</v>
      </c>
      <c r="I45846" s="1" t="s">
        <v>155549</v>
      </c>
      <c r="J45846" s="1" t="s">
        <v>156125</v>
      </c>
    </row>
    <row r="45847" spans="1:10" x14ac:dyDescent="0.35">
      <c r="A45847" s="1" t="s">
        <v>9879</v>
      </c>
      <c r="B45847" s="1" t="s">
        <v>155544</v>
      </c>
      <c r="C45847" s="1" t="s">
        <v>50</v>
      </c>
      <c r="D45847" s="1" t="s">
        <v>37489</v>
      </c>
      <c r="E45847" s="1" t="s">
        <v>156126</v>
      </c>
      <c r="F45847" s="1" t="s">
        <v>156127</v>
      </c>
      <c r="G45847" s="1" t="s">
        <v>156101</v>
      </c>
      <c r="H45847" s="1" t="s">
        <v>156102</v>
      </c>
      <c r="I45847" s="1" t="s">
        <v>155549</v>
      </c>
      <c r="J45847" s="1" t="s">
        <v>156128</v>
      </c>
    </row>
    <row r="45848" spans="1:10" x14ac:dyDescent="0.35">
      <c r="A45848" s="1" t="s">
        <v>9879</v>
      </c>
      <c r="B45848" s="1" t="s">
        <v>155544</v>
      </c>
      <c r="C45848" s="1" t="s">
        <v>55</v>
      </c>
      <c r="D45848" s="1" t="s">
        <v>153617</v>
      </c>
      <c r="E45848" s="1" t="s">
        <v>156129</v>
      </c>
      <c r="F45848" s="1" t="s">
        <v>156130</v>
      </c>
      <c r="G45848" s="1" t="s">
        <v>156101</v>
      </c>
      <c r="H45848" s="1" t="s">
        <v>156102</v>
      </c>
      <c r="I45848" s="1" t="s">
        <v>155549</v>
      </c>
      <c r="J45848" s="1" t="s">
        <v>156131</v>
      </c>
    </row>
    <row r="45849" spans="1:10" x14ac:dyDescent="0.35">
      <c r="A45849" s="1" t="s">
        <v>9879</v>
      </c>
      <c r="B45849" s="1" t="s">
        <v>155544</v>
      </c>
      <c r="C45849" s="1" t="s">
        <v>60</v>
      </c>
      <c r="D45849" s="1" t="s">
        <v>49973</v>
      </c>
      <c r="E45849" s="1" t="s">
        <v>156132</v>
      </c>
      <c r="F45849" s="1" t="s">
        <v>156133</v>
      </c>
      <c r="G45849" s="1" t="s">
        <v>156101</v>
      </c>
      <c r="H45849" s="1" t="s">
        <v>156102</v>
      </c>
      <c r="I45849" s="1" t="s">
        <v>155549</v>
      </c>
      <c r="J45849" s="1" t="s">
        <v>110584</v>
      </c>
    </row>
    <row r="45850" spans="1:10" x14ac:dyDescent="0.35">
      <c r="A45850" s="1" t="s">
        <v>9879</v>
      </c>
      <c r="B45850" s="1" t="s">
        <v>155544</v>
      </c>
      <c r="C45850" s="1" t="s">
        <v>65</v>
      </c>
      <c r="D45850" s="1" t="s">
        <v>156134</v>
      </c>
      <c r="E45850" s="1" t="s">
        <v>156135</v>
      </c>
      <c r="F45850" s="1" t="s">
        <v>156136</v>
      </c>
      <c r="G45850" s="1" t="s">
        <v>156101</v>
      </c>
      <c r="H45850" s="1" t="s">
        <v>156102</v>
      </c>
      <c r="I45850" s="1" t="s">
        <v>155549</v>
      </c>
      <c r="J45850" s="1" t="s">
        <v>156137</v>
      </c>
    </row>
    <row r="45851" spans="1:10" x14ac:dyDescent="0.35">
      <c r="A45851" s="1" t="s">
        <v>9879</v>
      </c>
      <c r="B45851" s="1" t="s">
        <v>155544</v>
      </c>
      <c r="C45851" s="1" t="s">
        <v>70</v>
      </c>
      <c r="D45851" s="1" t="s">
        <v>45427</v>
      </c>
      <c r="E45851" s="1" t="s">
        <v>156138</v>
      </c>
      <c r="F45851" s="1" t="s">
        <v>156139</v>
      </c>
      <c r="G45851" s="1" t="s">
        <v>156101</v>
      </c>
      <c r="H45851" s="1" t="s">
        <v>156102</v>
      </c>
      <c r="I45851" s="1" t="s">
        <v>155549</v>
      </c>
      <c r="J45851" s="1" t="s">
        <v>156140</v>
      </c>
    </row>
    <row r="45852" spans="1:10" x14ac:dyDescent="0.35">
      <c r="A45852" s="1" t="s">
        <v>9879</v>
      </c>
      <c r="B45852" s="1" t="s">
        <v>155544</v>
      </c>
      <c r="C45852" s="1" t="s">
        <v>75</v>
      </c>
      <c r="D45852" s="1" t="s">
        <v>114287</v>
      </c>
      <c r="E45852" s="1" t="s">
        <v>156141</v>
      </c>
      <c r="F45852" s="1" t="s">
        <v>156142</v>
      </c>
      <c r="G45852" s="1" t="s">
        <v>156101</v>
      </c>
      <c r="H45852" s="1" t="s">
        <v>156102</v>
      </c>
      <c r="I45852" s="1" t="s">
        <v>155549</v>
      </c>
      <c r="J45852" s="1" t="s">
        <v>156143</v>
      </c>
    </row>
    <row r="45853" spans="1:10" x14ac:dyDescent="0.35">
      <c r="A45853" s="1" t="s">
        <v>9879</v>
      </c>
      <c r="B45853" s="1" t="s">
        <v>155544</v>
      </c>
      <c r="C45853" s="1" t="s">
        <v>80</v>
      </c>
      <c r="D45853" s="1" t="s">
        <v>25623</v>
      </c>
      <c r="E45853" s="1" t="s">
        <v>156144</v>
      </c>
      <c r="F45853" s="1" t="s">
        <v>156145</v>
      </c>
      <c r="G45853" s="1" t="s">
        <v>156101</v>
      </c>
      <c r="H45853" s="1" t="s">
        <v>156102</v>
      </c>
      <c r="I45853" s="1" t="s">
        <v>155549</v>
      </c>
      <c r="J45853" s="1" t="s">
        <v>13581</v>
      </c>
    </row>
    <row r="45854" spans="1:10" x14ac:dyDescent="0.35">
      <c r="A45854" s="1" t="s">
        <v>9879</v>
      </c>
      <c r="B45854" s="1" t="s">
        <v>155544</v>
      </c>
      <c r="C45854" s="1" t="s">
        <v>85</v>
      </c>
      <c r="D45854" s="1" t="s">
        <v>156146</v>
      </c>
      <c r="E45854" s="1" t="s">
        <v>156147</v>
      </c>
      <c r="F45854" s="1" t="s">
        <v>156148</v>
      </c>
      <c r="G45854" s="1" t="s">
        <v>156101</v>
      </c>
      <c r="H45854" s="1" t="s">
        <v>156102</v>
      </c>
      <c r="I45854" s="1" t="s">
        <v>155549</v>
      </c>
      <c r="J45854" s="1" t="s">
        <v>156149</v>
      </c>
    </row>
    <row r="45855" spans="1:10" x14ac:dyDescent="0.35">
      <c r="A45855" s="1" t="s">
        <v>9879</v>
      </c>
      <c r="B45855" s="1" t="s">
        <v>155544</v>
      </c>
      <c r="C45855" s="1" t="s">
        <v>90</v>
      </c>
      <c r="D45855" s="1" t="s">
        <v>35469</v>
      </c>
      <c r="E45855" s="1" t="s">
        <v>156150</v>
      </c>
      <c r="F45855" s="1" t="s">
        <v>156151</v>
      </c>
      <c r="G45855" s="1" t="s">
        <v>156101</v>
      </c>
      <c r="H45855" s="1" t="s">
        <v>156102</v>
      </c>
      <c r="I45855" s="1" t="s">
        <v>155549</v>
      </c>
      <c r="J45855" s="1" t="s">
        <v>156152</v>
      </c>
    </row>
    <row r="45856" spans="1:10" x14ac:dyDescent="0.35">
      <c r="A45856" s="1" t="s">
        <v>9879</v>
      </c>
      <c r="B45856" s="1" t="s">
        <v>155544</v>
      </c>
      <c r="C45856" s="1" t="s">
        <v>95</v>
      </c>
      <c r="D45856" s="1" t="s">
        <v>150257</v>
      </c>
      <c r="E45856" s="1" t="s">
        <v>156153</v>
      </c>
      <c r="F45856" s="1" t="s">
        <v>156154</v>
      </c>
      <c r="G45856" s="1" t="s">
        <v>156101</v>
      </c>
      <c r="H45856" s="1" t="s">
        <v>156102</v>
      </c>
      <c r="I45856" s="1" t="s">
        <v>155549</v>
      </c>
      <c r="J45856" s="1" t="s">
        <v>156155</v>
      </c>
    </row>
    <row r="45857" spans="1:10" x14ac:dyDescent="0.35">
      <c r="A45857" s="1" t="s">
        <v>9879</v>
      </c>
      <c r="B45857" s="1" t="s">
        <v>155544</v>
      </c>
      <c r="C45857" s="1" t="s">
        <v>100</v>
      </c>
      <c r="D45857" s="1" t="s">
        <v>156156</v>
      </c>
      <c r="E45857" s="1" t="s">
        <v>156157</v>
      </c>
      <c r="F45857" s="1" t="s">
        <v>156158</v>
      </c>
      <c r="G45857" s="1" t="s">
        <v>156101</v>
      </c>
      <c r="H45857" s="1" t="s">
        <v>156102</v>
      </c>
      <c r="I45857" s="1" t="s">
        <v>155549</v>
      </c>
      <c r="J45857" s="1" t="s">
        <v>156159</v>
      </c>
    </row>
    <row r="45858" spans="1:10" x14ac:dyDescent="0.35">
      <c r="A45858" s="1" t="s">
        <v>9879</v>
      </c>
      <c r="B45858" s="1" t="s">
        <v>155544</v>
      </c>
      <c r="C45858" s="1" t="s">
        <v>105</v>
      </c>
      <c r="D45858" s="1" t="s">
        <v>153586</v>
      </c>
      <c r="E45858" s="1" t="s">
        <v>156160</v>
      </c>
      <c r="F45858" s="1" t="s">
        <v>156161</v>
      </c>
      <c r="G45858" s="1" t="s">
        <v>156101</v>
      </c>
      <c r="H45858" s="1" t="s">
        <v>156102</v>
      </c>
      <c r="I45858" s="1" t="s">
        <v>155549</v>
      </c>
      <c r="J45858" s="1" t="s">
        <v>156162</v>
      </c>
    </row>
    <row r="45859" spans="1:10" x14ac:dyDescent="0.35">
      <c r="A45859" s="1" t="s">
        <v>9879</v>
      </c>
      <c r="B45859" s="1" t="s">
        <v>155544</v>
      </c>
      <c r="C45859" s="1" t="s">
        <v>110</v>
      </c>
      <c r="D45859" s="1" t="s">
        <v>9063</v>
      </c>
      <c r="E45859" s="1" t="s">
        <v>156163</v>
      </c>
      <c r="F45859" s="1" t="s">
        <v>156164</v>
      </c>
      <c r="G45859" s="1" t="s">
        <v>156101</v>
      </c>
      <c r="H45859" s="1" t="s">
        <v>156102</v>
      </c>
      <c r="I45859" s="1" t="s">
        <v>155549</v>
      </c>
      <c r="J45859" s="1" t="s">
        <v>156165</v>
      </c>
    </row>
    <row r="45860" spans="1:10" x14ac:dyDescent="0.35">
      <c r="A45860" s="1" t="s">
        <v>9879</v>
      </c>
      <c r="B45860" s="1" t="s">
        <v>155544</v>
      </c>
      <c r="C45860" s="1" t="s">
        <v>115</v>
      </c>
      <c r="D45860" s="1" t="s">
        <v>156166</v>
      </c>
      <c r="E45860" s="1" t="s">
        <v>156167</v>
      </c>
      <c r="F45860" s="1" t="s">
        <v>156168</v>
      </c>
      <c r="G45860" s="1" t="s">
        <v>156101</v>
      </c>
      <c r="H45860" s="1" t="s">
        <v>156102</v>
      </c>
      <c r="I45860" s="1" t="s">
        <v>155549</v>
      </c>
      <c r="J45860" s="1" t="s">
        <v>156169</v>
      </c>
    </row>
    <row r="45861" spans="1:10" x14ac:dyDescent="0.35">
      <c r="A45861" s="1" t="s">
        <v>9879</v>
      </c>
      <c r="B45861" s="1" t="s">
        <v>155544</v>
      </c>
      <c r="C45861" s="1" t="s">
        <v>120</v>
      </c>
      <c r="D45861" s="1" t="s">
        <v>156170</v>
      </c>
      <c r="E45861" s="1" t="s">
        <v>156171</v>
      </c>
      <c r="F45861" s="1" t="s">
        <v>156172</v>
      </c>
      <c r="G45861" s="1" t="s">
        <v>156101</v>
      </c>
      <c r="H45861" s="1" t="s">
        <v>156102</v>
      </c>
      <c r="I45861" s="1" t="s">
        <v>155549</v>
      </c>
      <c r="J45861" s="1" t="s">
        <v>156173</v>
      </c>
    </row>
    <row r="45862" spans="1:10" x14ac:dyDescent="0.35">
      <c r="A45862" s="1" t="s">
        <v>9879</v>
      </c>
      <c r="B45862" s="1" t="s">
        <v>155544</v>
      </c>
      <c r="C45862" s="1" t="s">
        <v>125</v>
      </c>
      <c r="D45862" s="1" t="s">
        <v>83145</v>
      </c>
      <c r="E45862" s="1" t="s">
        <v>156174</v>
      </c>
      <c r="F45862" s="1" t="s">
        <v>156175</v>
      </c>
      <c r="G45862" s="1" t="s">
        <v>156101</v>
      </c>
      <c r="H45862" s="1" t="s">
        <v>156102</v>
      </c>
      <c r="I45862" s="1" t="s">
        <v>155549</v>
      </c>
      <c r="J45862" s="1" t="s">
        <v>156176</v>
      </c>
    </row>
    <row r="45863" spans="1:10" x14ac:dyDescent="0.35">
      <c r="A45863" s="1" t="s">
        <v>9879</v>
      </c>
      <c r="B45863" s="1" t="s">
        <v>155544</v>
      </c>
      <c r="C45863" s="1" t="s">
        <v>130</v>
      </c>
      <c r="D45863" s="1" t="s">
        <v>152990</v>
      </c>
      <c r="E45863" s="1" t="s">
        <v>156177</v>
      </c>
      <c r="F45863" s="1" t="s">
        <v>156178</v>
      </c>
      <c r="G45863" s="1" t="s">
        <v>156101</v>
      </c>
      <c r="H45863" s="1" t="s">
        <v>156102</v>
      </c>
      <c r="I45863" s="1" t="s">
        <v>155549</v>
      </c>
      <c r="J45863" s="1" t="s">
        <v>156179</v>
      </c>
    </row>
    <row r="45864" spans="1:10" x14ac:dyDescent="0.35">
      <c r="A45864" s="1" t="s">
        <v>9879</v>
      </c>
      <c r="B45864" s="1" t="s">
        <v>155544</v>
      </c>
      <c r="C45864" s="1" t="s">
        <v>135</v>
      </c>
      <c r="D45864" s="1" t="s">
        <v>106573</v>
      </c>
      <c r="E45864" s="1" t="s">
        <v>156180</v>
      </c>
      <c r="F45864" s="1" t="s">
        <v>156181</v>
      </c>
      <c r="G45864" s="1" t="s">
        <v>156101</v>
      </c>
      <c r="H45864" s="1" t="s">
        <v>156102</v>
      </c>
      <c r="I45864" s="1" t="s">
        <v>155549</v>
      </c>
      <c r="J45864" s="1" t="s">
        <v>156182</v>
      </c>
    </row>
    <row r="45865" spans="1:10" x14ac:dyDescent="0.35">
      <c r="A45865" s="1" t="s">
        <v>9879</v>
      </c>
      <c r="B45865" s="1" t="s">
        <v>155544</v>
      </c>
      <c r="C45865" s="1" t="s">
        <v>140</v>
      </c>
      <c r="D45865" s="1" t="s">
        <v>156183</v>
      </c>
      <c r="E45865" s="1" t="s">
        <v>156184</v>
      </c>
      <c r="F45865" s="1" t="s">
        <v>156185</v>
      </c>
      <c r="G45865" s="1" t="s">
        <v>156101</v>
      </c>
      <c r="H45865" s="1" t="s">
        <v>156102</v>
      </c>
      <c r="I45865" s="1" t="s">
        <v>155549</v>
      </c>
      <c r="J45865" s="1" t="s">
        <v>156186</v>
      </c>
    </row>
    <row r="45866" spans="1:10" x14ac:dyDescent="0.35">
      <c r="A45866" s="1" t="s">
        <v>9879</v>
      </c>
      <c r="B45866" s="1" t="s">
        <v>155544</v>
      </c>
      <c r="C45866" s="1" t="s">
        <v>145</v>
      </c>
      <c r="D45866" s="1" t="s">
        <v>156187</v>
      </c>
      <c r="E45866" s="1" t="s">
        <v>156188</v>
      </c>
      <c r="F45866" s="1" t="s">
        <v>156189</v>
      </c>
      <c r="G45866" s="1" t="s">
        <v>156101</v>
      </c>
      <c r="H45866" s="1" t="s">
        <v>156102</v>
      </c>
      <c r="I45866" s="1" t="s">
        <v>155549</v>
      </c>
      <c r="J45866" s="1" t="s">
        <v>156190</v>
      </c>
    </row>
    <row r="45867" spans="1:10" x14ac:dyDescent="0.35">
      <c r="A45867" s="1" t="s">
        <v>9879</v>
      </c>
      <c r="B45867" s="1" t="s">
        <v>155544</v>
      </c>
      <c r="C45867" s="1" t="s">
        <v>150</v>
      </c>
      <c r="D45867" s="1" t="s">
        <v>156191</v>
      </c>
      <c r="E45867" s="1" t="s">
        <v>156192</v>
      </c>
      <c r="F45867" s="1" t="s">
        <v>156193</v>
      </c>
      <c r="G45867" s="1" t="s">
        <v>156101</v>
      </c>
      <c r="H45867" s="1" t="s">
        <v>156102</v>
      </c>
      <c r="I45867" s="1" t="s">
        <v>155549</v>
      </c>
      <c r="J45867" s="1" t="s">
        <v>156194</v>
      </c>
    </row>
    <row r="45868" spans="1:10" x14ac:dyDescent="0.35">
      <c r="A45868" s="1" t="s">
        <v>9879</v>
      </c>
      <c r="B45868" s="1" t="s">
        <v>155544</v>
      </c>
      <c r="C45868" s="1" t="s">
        <v>155</v>
      </c>
      <c r="D45868" s="1" t="s">
        <v>156195</v>
      </c>
      <c r="E45868" s="1" t="s">
        <v>156196</v>
      </c>
      <c r="F45868" s="1" t="s">
        <v>156197</v>
      </c>
      <c r="G45868" s="1" t="s">
        <v>156101</v>
      </c>
      <c r="H45868" s="1" t="s">
        <v>156102</v>
      </c>
      <c r="I45868" s="1" t="s">
        <v>155549</v>
      </c>
      <c r="J45868" s="1" t="s">
        <v>156198</v>
      </c>
    </row>
    <row r="45869" spans="1:10" x14ac:dyDescent="0.35">
      <c r="A45869" s="1" t="s">
        <v>9879</v>
      </c>
      <c r="B45869" s="1" t="s">
        <v>155544</v>
      </c>
      <c r="C45869" s="1" t="s">
        <v>160</v>
      </c>
      <c r="D45869" s="1" t="s">
        <v>18406</v>
      </c>
      <c r="E45869" s="1" t="s">
        <v>156199</v>
      </c>
      <c r="F45869" s="1" t="s">
        <v>156200</v>
      </c>
      <c r="G45869" s="1" t="s">
        <v>156101</v>
      </c>
      <c r="H45869" s="1" t="s">
        <v>156102</v>
      </c>
      <c r="I45869" s="1" t="s">
        <v>155549</v>
      </c>
      <c r="J45869" s="1" t="s">
        <v>156201</v>
      </c>
    </row>
    <row r="45870" spans="1:10" x14ac:dyDescent="0.35">
      <c r="A45870" s="1" t="s">
        <v>9879</v>
      </c>
      <c r="B45870" s="1" t="s">
        <v>155544</v>
      </c>
      <c r="C45870" s="1" t="s">
        <v>165</v>
      </c>
      <c r="D45870" s="1" t="s">
        <v>156202</v>
      </c>
      <c r="E45870" s="1" t="s">
        <v>156203</v>
      </c>
      <c r="F45870" s="1" t="s">
        <v>156204</v>
      </c>
      <c r="G45870" s="1" t="s">
        <v>156101</v>
      </c>
      <c r="H45870" s="1" t="s">
        <v>156102</v>
      </c>
      <c r="I45870" s="1" t="s">
        <v>155549</v>
      </c>
      <c r="J45870" s="1" t="s">
        <v>156205</v>
      </c>
    </row>
    <row r="45871" spans="1:10" x14ac:dyDescent="0.35">
      <c r="A45871" s="1" t="s">
        <v>9879</v>
      </c>
      <c r="B45871" s="1" t="s">
        <v>155544</v>
      </c>
      <c r="C45871" s="1" t="s">
        <v>170</v>
      </c>
      <c r="D45871" s="1" t="s">
        <v>34027</v>
      </c>
      <c r="E45871" s="1" t="s">
        <v>156206</v>
      </c>
      <c r="F45871" s="1" t="s">
        <v>156207</v>
      </c>
      <c r="G45871" s="1" t="s">
        <v>156101</v>
      </c>
      <c r="H45871" s="1" t="s">
        <v>156102</v>
      </c>
      <c r="I45871" s="1" t="s">
        <v>155549</v>
      </c>
      <c r="J45871" s="1" t="s">
        <v>156208</v>
      </c>
    </row>
    <row r="45872" spans="1:10" x14ac:dyDescent="0.35">
      <c r="A45872" s="1" t="s">
        <v>10451</v>
      </c>
      <c r="B45872" s="1" t="s">
        <v>156209</v>
      </c>
      <c r="C45872" s="1" t="s">
        <v>8</v>
      </c>
      <c r="D45872" s="1" t="s">
        <v>156210</v>
      </c>
      <c r="E45872" s="1" t="s">
        <v>156211</v>
      </c>
      <c r="F45872" s="1" t="s">
        <v>156212</v>
      </c>
      <c r="G45872" s="1" t="s">
        <v>156213</v>
      </c>
      <c r="H45872" s="1" t="s">
        <v>156214</v>
      </c>
      <c r="I45872" s="1" t="s">
        <v>156215</v>
      </c>
      <c r="J45872" s="1" t="s">
        <v>13</v>
      </c>
    </row>
    <row r="45873" spans="1:10" x14ac:dyDescent="0.35">
      <c r="A45873" s="1" t="s">
        <v>10451</v>
      </c>
      <c r="B45873" s="1" t="s">
        <v>156209</v>
      </c>
      <c r="C45873" s="1" t="s">
        <v>15</v>
      </c>
      <c r="D45873" s="1" t="s">
        <v>156216</v>
      </c>
      <c r="E45873" s="1" t="s">
        <v>156217</v>
      </c>
      <c r="F45873" s="1" t="s">
        <v>156218</v>
      </c>
      <c r="G45873" s="1" t="s">
        <v>156213</v>
      </c>
      <c r="H45873" s="1" t="s">
        <v>156214</v>
      </c>
      <c r="I45873" s="1" t="s">
        <v>156215</v>
      </c>
      <c r="J45873" s="1" t="s">
        <v>156219</v>
      </c>
    </row>
    <row r="45874" spans="1:10" x14ac:dyDescent="0.35">
      <c r="A45874" s="1" t="s">
        <v>10451</v>
      </c>
      <c r="B45874" s="1" t="s">
        <v>156209</v>
      </c>
      <c r="C45874" s="1" t="s">
        <v>20</v>
      </c>
      <c r="D45874" s="1" t="s">
        <v>6512</v>
      </c>
      <c r="E45874" s="1" t="s">
        <v>156220</v>
      </c>
      <c r="F45874" s="1" t="s">
        <v>156221</v>
      </c>
      <c r="G45874" s="1" t="s">
        <v>156213</v>
      </c>
      <c r="H45874" s="1" t="s">
        <v>156214</v>
      </c>
      <c r="I45874" s="1" t="s">
        <v>156215</v>
      </c>
      <c r="J45874" s="1" t="s">
        <v>156222</v>
      </c>
    </row>
    <row r="45875" spans="1:10" x14ac:dyDescent="0.35">
      <c r="A45875" s="1" t="s">
        <v>10451</v>
      </c>
      <c r="B45875" s="1" t="s">
        <v>156209</v>
      </c>
      <c r="C45875" s="1" t="s">
        <v>25</v>
      </c>
      <c r="D45875" s="1" t="s">
        <v>1683</v>
      </c>
      <c r="E45875" s="1" t="s">
        <v>156223</v>
      </c>
      <c r="F45875" s="1" t="s">
        <v>156224</v>
      </c>
      <c r="G45875" s="1" t="s">
        <v>156213</v>
      </c>
      <c r="H45875" s="1" t="s">
        <v>156214</v>
      </c>
      <c r="I45875" s="1" t="s">
        <v>156215</v>
      </c>
      <c r="J45875" s="1" t="s">
        <v>156225</v>
      </c>
    </row>
    <row r="45876" spans="1:10" x14ac:dyDescent="0.35">
      <c r="A45876" s="1" t="s">
        <v>10451</v>
      </c>
      <c r="B45876" s="1" t="s">
        <v>156209</v>
      </c>
      <c r="C45876" s="1" t="s">
        <v>30</v>
      </c>
      <c r="D45876" s="1" t="s">
        <v>116134</v>
      </c>
      <c r="E45876" s="1" t="s">
        <v>156226</v>
      </c>
      <c r="F45876" s="1" t="s">
        <v>156227</v>
      </c>
      <c r="G45876" s="1" t="s">
        <v>156213</v>
      </c>
      <c r="H45876" s="1" t="s">
        <v>156214</v>
      </c>
      <c r="I45876" s="1" t="s">
        <v>156215</v>
      </c>
      <c r="J45876" s="1" t="s">
        <v>156228</v>
      </c>
    </row>
    <row r="45877" spans="1:10" x14ac:dyDescent="0.35">
      <c r="A45877" s="1" t="s">
        <v>10451</v>
      </c>
      <c r="B45877" s="1" t="s">
        <v>156209</v>
      </c>
      <c r="C45877" s="1" t="s">
        <v>35</v>
      </c>
      <c r="D45877" s="1" t="s">
        <v>156229</v>
      </c>
      <c r="E45877" s="1" t="s">
        <v>156230</v>
      </c>
      <c r="F45877" s="1" t="s">
        <v>156231</v>
      </c>
      <c r="G45877" s="1" t="s">
        <v>156213</v>
      </c>
      <c r="H45877" s="1" t="s">
        <v>156214</v>
      </c>
      <c r="I45877" s="1" t="s">
        <v>156215</v>
      </c>
      <c r="J45877" s="1" t="s">
        <v>156232</v>
      </c>
    </row>
    <row r="45878" spans="1:10" x14ac:dyDescent="0.35">
      <c r="A45878" s="1" t="s">
        <v>10451</v>
      </c>
      <c r="B45878" s="1" t="s">
        <v>156209</v>
      </c>
      <c r="C45878" s="1" t="s">
        <v>40</v>
      </c>
      <c r="D45878" s="1" t="s">
        <v>118154</v>
      </c>
      <c r="E45878" s="1" t="s">
        <v>156233</v>
      </c>
      <c r="F45878" s="1" t="s">
        <v>156234</v>
      </c>
      <c r="G45878" s="1" t="s">
        <v>156213</v>
      </c>
      <c r="H45878" s="1" t="s">
        <v>156214</v>
      </c>
      <c r="I45878" s="1" t="s">
        <v>156215</v>
      </c>
      <c r="J45878" s="1" t="s">
        <v>156235</v>
      </c>
    </row>
    <row r="45879" spans="1:10" x14ac:dyDescent="0.35">
      <c r="A45879" s="1" t="s">
        <v>10451</v>
      </c>
      <c r="B45879" s="1" t="s">
        <v>156209</v>
      </c>
      <c r="C45879" s="1" t="s">
        <v>45</v>
      </c>
      <c r="D45879" s="1" t="s">
        <v>156236</v>
      </c>
      <c r="E45879" s="1" t="s">
        <v>156237</v>
      </c>
      <c r="F45879" s="1" t="s">
        <v>156238</v>
      </c>
      <c r="G45879" s="1" t="s">
        <v>156213</v>
      </c>
      <c r="H45879" s="1" t="s">
        <v>156214</v>
      </c>
      <c r="I45879" s="1" t="s">
        <v>156215</v>
      </c>
      <c r="J45879" s="1" t="s">
        <v>156239</v>
      </c>
    </row>
    <row r="45880" spans="1:10" x14ac:dyDescent="0.35">
      <c r="A45880" s="1" t="s">
        <v>10451</v>
      </c>
      <c r="B45880" s="1" t="s">
        <v>156209</v>
      </c>
      <c r="C45880" s="1" t="s">
        <v>50</v>
      </c>
      <c r="D45880" s="1" t="s">
        <v>14099</v>
      </c>
      <c r="E45880" s="1" t="s">
        <v>156240</v>
      </c>
      <c r="F45880" s="1" t="s">
        <v>156241</v>
      </c>
      <c r="G45880" s="1" t="s">
        <v>156213</v>
      </c>
      <c r="H45880" s="1" t="s">
        <v>156214</v>
      </c>
      <c r="I45880" s="1" t="s">
        <v>156215</v>
      </c>
      <c r="J45880" s="1" t="s">
        <v>156242</v>
      </c>
    </row>
    <row r="45881" spans="1:10" x14ac:dyDescent="0.35">
      <c r="A45881" s="1" t="s">
        <v>10451</v>
      </c>
      <c r="B45881" s="1" t="s">
        <v>156209</v>
      </c>
      <c r="C45881" s="1" t="s">
        <v>55</v>
      </c>
      <c r="D45881" s="1" t="s">
        <v>156243</v>
      </c>
      <c r="E45881" s="1" t="s">
        <v>156244</v>
      </c>
      <c r="F45881" s="1" t="s">
        <v>156245</v>
      </c>
      <c r="G45881" s="1" t="s">
        <v>156213</v>
      </c>
      <c r="H45881" s="1" t="s">
        <v>156214</v>
      </c>
      <c r="I45881" s="1" t="s">
        <v>156215</v>
      </c>
      <c r="J45881" s="1" t="s">
        <v>156246</v>
      </c>
    </row>
    <row r="45882" spans="1:10" x14ac:dyDescent="0.35">
      <c r="A45882" s="1" t="s">
        <v>10451</v>
      </c>
      <c r="B45882" s="1" t="s">
        <v>156209</v>
      </c>
      <c r="C45882" s="1" t="s">
        <v>60</v>
      </c>
      <c r="D45882" s="1" t="s">
        <v>118821</v>
      </c>
      <c r="E45882" s="1" t="s">
        <v>156247</v>
      </c>
      <c r="F45882" s="1" t="s">
        <v>156248</v>
      </c>
      <c r="G45882" s="1" t="s">
        <v>156213</v>
      </c>
      <c r="H45882" s="1" t="s">
        <v>156214</v>
      </c>
      <c r="I45882" s="1" t="s">
        <v>156215</v>
      </c>
      <c r="J45882" s="1" t="s">
        <v>156249</v>
      </c>
    </row>
    <row r="45883" spans="1:10" x14ac:dyDescent="0.35">
      <c r="A45883" s="1" t="s">
        <v>10451</v>
      </c>
      <c r="B45883" s="1" t="s">
        <v>156209</v>
      </c>
      <c r="C45883" s="1" t="s">
        <v>65</v>
      </c>
      <c r="D45883" s="1" t="s">
        <v>156250</v>
      </c>
      <c r="E45883" s="1" t="s">
        <v>156251</v>
      </c>
      <c r="F45883" s="1" t="s">
        <v>156252</v>
      </c>
      <c r="G45883" s="1" t="s">
        <v>156213</v>
      </c>
      <c r="H45883" s="1" t="s">
        <v>156214</v>
      </c>
      <c r="I45883" s="1" t="s">
        <v>156215</v>
      </c>
      <c r="J45883" s="1" t="s">
        <v>156253</v>
      </c>
    </row>
    <row r="45884" spans="1:10" x14ac:dyDescent="0.35">
      <c r="A45884" s="1" t="s">
        <v>10451</v>
      </c>
      <c r="B45884" s="1" t="s">
        <v>156209</v>
      </c>
      <c r="C45884" s="1" t="s">
        <v>70</v>
      </c>
      <c r="D45884" s="1" t="s">
        <v>30171</v>
      </c>
      <c r="E45884" s="1" t="s">
        <v>156254</v>
      </c>
      <c r="F45884" s="1" t="s">
        <v>156255</v>
      </c>
      <c r="G45884" s="1" t="s">
        <v>156213</v>
      </c>
      <c r="H45884" s="1" t="s">
        <v>156214</v>
      </c>
      <c r="I45884" s="1" t="s">
        <v>156215</v>
      </c>
      <c r="J45884" s="1" t="s">
        <v>156256</v>
      </c>
    </row>
    <row r="45885" spans="1:10" x14ac:dyDescent="0.35">
      <c r="A45885" s="1" t="s">
        <v>10451</v>
      </c>
      <c r="B45885" s="1" t="s">
        <v>156209</v>
      </c>
      <c r="C45885" s="1" t="s">
        <v>75</v>
      </c>
      <c r="D45885" s="1" t="s">
        <v>145700</v>
      </c>
      <c r="E45885" s="1" t="s">
        <v>156257</v>
      </c>
      <c r="F45885" s="1" t="s">
        <v>76918</v>
      </c>
      <c r="G45885" s="1" t="s">
        <v>156213</v>
      </c>
      <c r="H45885" s="1" t="s">
        <v>156214</v>
      </c>
      <c r="I45885" s="1" t="s">
        <v>156215</v>
      </c>
      <c r="J45885" s="1" t="s">
        <v>156258</v>
      </c>
    </row>
    <row r="45886" spans="1:10" x14ac:dyDescent="0.35">
      <c r="A45886" s="1" t="s">
        <v>10451</v>
      </c>
      <c r="B45886" s="1" t="s">
        <v>156209</v>
      </c>
      <c r="C45886" s="1" t="s">
        <v>80</v>
      </c>
      <c r="D45886" s="1" t="s">
        <v>33544</v>
      </c>
      <c r="E45886" s="1" t="s">
        <v>156259</v>
      </c>
      <c r="F45886" s="1" t="s">
        <v>156260</v>
      </c>
      <c r="G45886" s="1" t="s">
        <v>156213</v>
      </c>
      <c r="H45886" s="1" t="s">
        <v>156214</v>
      </c>
      <c r="I45886" s="1" t="s">
        <v>156215</v>
      </c>
      <c r="J45886" s="1" t="s">
        <v>156261</v>
      </c>
    </row>
    <row r="45887" spans="1:10" x14ac:dyDescent="0.35">
      <c r="A45887" s="1" t="s">
        <v>10451</v>
      </c>
      <c r="B45887" s="1" t="s">
        <v>156209</v>
      </c>
      <c r="C45887" s="1" t="s">
        <v>85</v>
      </c>
      <c r="D45887" s="1" t="s">
        <v>109739</v>
      </c>
      <c r="E45887" s="1" t="s">
        <v>156262</v>
      </c>
      <c r="F45887" s="1" t="s">
        <v>156263</v>
      </c>
      <c r="G45887" s="1" t="s">
        <v>156213</v>
      </c>
      <c r="H45887" s="1" t="s">
        <v>156214</v>
      </c>
      <c r="I45887" s="1" t="s">
        <v>156215</v>
      </c>
      <c r="J45887" s="1" t="s">
        <v>156264</v>
      </c>
    </row>
    <row r="45888" spans="1:10" x14ac:dyDescent="0.35">
      <c r="A45888" s="1" t="s">
        <v>10451</v>
      </c>
      <c r="B45888" s="1" t="s">
        <v>156209</v>
      </c>
      <c r="C45888" s="1" t="s">
        <v>90</v>
      </c>
      <c r="D45888" s="1" t="s">
        <v>7575</v>
      </c>
      <c r="E45888" s="1" t="s">
        <v>156265</v>
      </c>
      <c r="F45888" s="1" t="s">
        <v>156266</v>
      </c>
      <c r="G45888" s="1" t="s">
        <v>156213</v>
      </c>
      <c r="H45888" s="1" t="s">
        <v>156214</v>
      </c>
      <c r="I45888" s="1" t="s">
        <v>156215</v>
      </c>
      <c r="J45888" s="1" t="s">
        <v>156267</v>
      </c>
    </row>
    <row r="45889" spans="1:10" x14ac:dyDescent="0.35">
      <c r="A45889" s="1" t="s">
        <v>10451</v>
      </c>
      <c r="B45889" s="1" t="s">
        <v>156209</v>
      </c>
      <c r="C45889" s="1" t="s">
        <v>95</v>
      </c>
      <c r="D45889" s="1" t="s">
        <v>156268</v>
      </c>
      <c r="E45889" s="1" t="s">
        <v>156269</v>
      </c>
      <c r="F45889" s="1" t="s">
        <v>156270</v>
      </c>
      <c r="G45889" s="1" t="s">
        <v>156213</v>
      </c>
      <c r="H45889" s="1" t="s">
        <v>156214</v>
      </c>
      <c r="I45889" s="1" t="s">
        <v>156215</v>
      </c>
      <c r="J45889" s="1" t="s">
        <v>156271</v>
      </c>
    </row>
    <row r="45890" spans="1:10" x14ac:dyDescent="0.35">
      <c r="A45890" s="1" t="s">
        <v>10451</v>
      </c>
      <c r="B45890" s="1" t="s">
        <v>156209</v>
      </c>
      <c r="C45890" s="1" t="s">
        <v>100</v>
      </c>
      <c r="D45890" s="1" t="s">
        <v>35396</v>
      </c>
      <c r="E45890" s="1" t="s">
        <v>156272</v>
      </c>
      <c r="F45890" s="1" t="s">
        <v>156273</v>
      </c>
      <c r="G45890" s="1" t="s">
        <v>156213</v>
      </c>
      <c r="H45890" s="1" t="s">
        <v>156214</v>
      </c>
      <c r="I45890" s="1" t="s">
        <v>156215</v>
      </c>
      <c r="J45890" s="1" t="s">
        <v>156274</v>
      </c>
    </row>
    <row r="45891" spans="1:10" x14ac:dyDescent="0.35">
      <c r="A45891" s="1" t="s">
        <v>10451</v>
      </c>
      <c r="B45891" s="1" t="s">
        <v>156209</v>
      </c>
      <c r="C45891" s="1" t="s">
        <v>105</v>
      </c>
      <c r="D45891" s="1" t="s">
        <v>148371</v>
      </c>
      <c r="E45891" s="1" t="s">
        <v>156275</v>
      </c>
      <c r="F45891" s="1" t="s">
        <v>156276</v>
      </c>
      <c r="G45891" s="1" t="s">
        <v>156213</v>
      </c>
      <c r="H45891" s="1" t="s">
        <v>156214</v>
      </c>
      <c r="I45891" s="1" t="s">
        <v>156215</v>
      </c>
      <c r="J45891" s="1" t="s">
        <v>156277</v>
      </c>
    </row>
    <row r="45892" spans="1:10" x14ac:dyDescent="0.35">
      <c r="A45892" s="1" t="s">
        <v>10451</v>
      </c>
      <c r="B45892" s="1" t="s">
        <v>156209</v>
      </c>
      <c r="C45892" s="1" t="s">
        <v>110</v>
      </c>
      <c r="D45892" s="1" t="s">
        <v>14185</v>
      </c>
      <c r="E45892" s="1" t="s">
        <v>156278</v>
      </c>
      <c r="F45892" s="1" t="s">
        <v>156279</v>
      </c>
      <c r="G45892" s="1" t="s">
        <v>156213</v>
      </c>
      <c r="H45892" s="1" t="s">
        <v>156214</v>
      </c>
      <c r="I45892" s="1" t="s">
        <v>156215</v>
      </c>
      <c r="J45892" s="1" t="s">
        <v>156280</v>
      </c>
    </row>
    <row r="45893" spans="1:10" x14ac:dyDescent="0.35">
      <c r="A45893" s="1" t="s">
        <v>10451</v>
      </c>
      <c r="B45893" s="1" t="s">
        <v>156209</v>
      </c>
      <c r="C45893" s="1" t="s">
        <v>115</v>
      </c>
      <c r="D45893" s="1" t="s">
        <v>156281</v>
      </c>
      <c r="E45893" s="1" t="s">
        <v>156282</v>
      </c>
      <c r="F45893" s="1" t="s">
        <v>156283</v>
      </c>
      <c r="G45893" s="1" t="s">
        <v>156213</v>
      </c>
      <c r="H45893" s="1" t="s">
        <v>156214</v>
      </c>
      <c r="I45893" s="1" t="s">
        <v>156215</v>
      </c>
      <c r="J45893" s="1" t="s">
        <v>156284</v>
      </c>
    </row>
    <row r="45894" spans="1:10" x14ac:dyDescent="0.35">
      <c r="A45894" s="1" t="s">
        <v>10451</v>
      </c>
      <c r="B45894" s="1" t="s">
        <v>156209</v>
      </c>
      <c r="C45894" s="1" t="s">
        <v>120</v>
      </c>
      <c r="D45894" s="1" t="s">
        <v>10857</v>
      </c>
      <c r="E45894" s="1" t="s">
        <v>156285</v>
      </c>
      <c r="F45894" s="1" t="s">
        <v>156286</v>
      </c>
      <c r="G45894" s="1" t="s">
        <v>156213</v>
      </c>
      <c r="H45894" s="1" t="s">
        <v>156214</v>
      </c>
      <c r="I45894" s="1" t="s">
        <v>156215</v>
      </c>
      <c r="J45894" s="1" t="s">
        <v>156287</v>
      </c>
    </row>
    <row r="45895" spans="1:10" x14ac:dyDescent="0.35">
      <c r="A45895" s="1" t="s">
        <v>10451</v>
      </c>
      <c r="B45895" s="1" t="s">
        <v>156209</v>
      </c>
      <c r="C45895" s="1" t="s">
        <v>125</v>
      </c>
      <c r="D45895" s="1" t="s">
        <v>74984</v>
      </c>
      <c r="E45895" s="1" t="s">
        <v>156288</v>
      </c>
      <c r="F45895" s="1" t="s">
        <v>156289</v>
      </c>
      <c r="G45895" s="1" t="s">
        <v>156213</v>
      </c>
      <c r="H45895" s="1" t="s">
        <v>156214</v>
      </c>
      <c r="I45895" s="1" t="s">
        <v>156215</v>
      </c>
      <c r="J45895" s="1" t="s">
        <v>156290</v>
      </c>
    </row>
    <row r="45896" spans="1:10" x14ac:dyDescent="0.35">
      <c r="A45896" s="1" t="s">
        <v>10451</v>
      </c>
      <c r="B45896" s="1" t="s">
        <v>156209</v>
      </c>
      <c r="C45896" s="1" t="s">
        <v>130</v>
      </c>
      <c r="D45896" s="1" t="s">
        <v>49186</v>
      </c>
      <c r="E45896" s="1" t="s">
        <v>156291</v>
      </c>
      <c r="F45896" s="1" t="s">
        <v>156292</v>
      </c>
      <c r="G45896" s="1" t="s">
        <v>156213</v>
      </c>
      <c r="H45896" s="1" t="s">
        <v>156214</v>
      </c>
      <c r="I45896" s="1" t="s">
        <v>156215</v>
      </c>
      <c r="J45896" s="1" t="s">
        <v>156293</v>
      </c>
    </row>
    <row r="45897" spans="1:10" x14ac:dyDescent="0.35">
      <c r="A45897" s="1" t="s">
        <v>10451</v>
      </c>
      <c r="B45897" s="1" t="s">
        <v>156209</v>
      </c>
      <c r="C45897" s="1" t="s">
        <v>135</v>
      </c>
      <c r="D45897" s="1" t="s">
        <v>71936</v>
      </c>
      <c r="E45897" s="1" t="s">
        <v>156294</v>
      </c>
      <c r="F45897" s="1" t="s">
        <v>156295</v>
      </c>
      <c r="G45897" s="1" t="s">
        <v>156213</v>
      </c>
      <c r="H45897" s="1" t="s">
        <v>156214</v>
      </c>
      <c r="I45897" s="1" t="s">
        <v>156215</v>
      </c>
      <c r="J45897" s="1" t="s">
        <v>156296</v>
      </c>
    </row>
    <row r="45898" spans="1:10" x14ac:dyDescent="0.35">
      <c r="A45898" s="1" t="s">
        <v>10451</v>
      </c>
      <c r="B45898" s="1" t="s">
        <v>156209</v>
      </c>
      <c r="C45898" s="1" t="s">
        <v>140</v>
      </c>
      <c r="D45898" s="1" t="s">
        <v>74996</v>
      </c>
      <c r="E45898" s="1" t="s">
        <v>156297</v>
      </c>
      <c r="F45898" s="1" t="s">
        <v>156298</v>
      </c>
      <c r="G45898" s="1" t="s">
        <v>156213</v>
      </c>
      <c r="H45898" s="1" t="s">
        <v>156214</v>
      </c>
      <c r="I45898" s="1" t="s">
        <v>156215</v>
      </c>
      <c r="J45898" s="1" t="s">
        <v>156299</v>
      </c>
    </row>
    <row r="45899" spans="1:10" x14ac:dyDescent="0.35">
      <c r="A45899" s="1" t="s">
        <v>10451</v>
      </c>
      <c r="B45899" s="1" t="s">
        <v>156209</v>
      </c>
      <c r="C45899" s="1" t="s">
        <v>145</v>
      </c>
      <c r="D45899" s="1" t="s">
        <v>49135</v>
      </c>
      <c r="E45899" s="1" t="s">
        <v>156300</v>
      </c>
      <c r="F45899" s="1" t="s">
        <v>156301</v>
      </c>
      <c r="G45899" s="1" t="s">
        <v>156213</v>
      </c>
      <c r="H45899" s="1" t="s">
        <v>156214</v>
      </c>
      <c r="I45899" s="1" t="s">
        <v>156215</v>
      </c>
      <c r="J45899" s="1" t="s">
        <v>156302</v>
      </c>
    </row>
    <row r="45900" spans="1:10" x14ac:dyDescent="0.35">
      <c r="A45900" s="1" t="s">
        <v>10451</v>
      </c>
      <c r="B45900" s="1" t="s">
        <v>156209</v>
      </c>
      <c r="C45900" s="1" t="s">
        <v>150</v>
      </c>
      <c r="D45900" s="1" t="s">
        <v>48630</v>
      </c>
      <c r="E45900" s="1" t="s">
        <v>156303</v>
      </c>
      <c r="F45900" s="1" t="s">
        <v>156304</v>
      </c>
      <c r="G45900" s="1" t="s">
        <v>156213</v>
      </c>
      <c r="H45900" s="1" t="s">
        <v>156214</v>
      </c>
      <c r="I45900" s="1" t="s">
        <v>156215</v>
      </c>
      <c r="J45900" s="1" t="s">
        <v>156305</v>
      </c>
    </row>
    <row r="45901" spans="1:10" x14ac:dyDescent="0.35">
      <c r="A45901" s="1" t="s">
        <v>10451</v>
      </c>
      <c r="B45901" s="1" t="s">
        <v>156209</v>
      </c>
      <c r="C45901" s="1" t="s">
        <v>155</v>
      </c>
      <c r="D45901" s="1" t="s">
        <v>156306</v>
      </c>
      <c r="E45901" s="1" t="s">
        <v>156307</v>
      </c>
      <c r="F45901" s="1" t="s">
        <v>156308</v>
      </c>
      <c r="G45901" s="1" t="s">
        <v>156213</v>
      </c>
      <c r="H45901" s="1" t="s">
        <v>156214</v>
      </c>
      <c r="I45901" s="1" t="s">
        <v>156215</v>
      </c>
      <c r="J45901" s="1" t="s">
        <v>156309</v>
      </c>
    </row>
    <row r="45902" spans="1:10" x14ac:dyDescent="0.35">
      <c r="A45902" s="1" t="s">
        <v>10451</v>
      </c>
      <c r="B45902" s="1" t="s">
        <v>156209</v>
      </c>
      <c r="C45902" s="1" t="s">
        <v>160</v>
      </c>
      <c r="D45902" s="1" t="s">
        <v>47659</v>
      </c>
      <c r="E45902" s="1" t="s">
        <v>156310</v>
      </c>
      <c r="F45902" s="1" t="s">
        <v>156311</v>
      </c>
      <c r="G45902" s="1" t="s">
        <v>156213</v>
      </c>
      <c r="H45902" s="1" t="s">
        <v>156214</v>
      </c>
      <c r="I45902" s="1" t="s">
        <v>156215</v>
      </c>
      <c r="J45902" s="1" t="s">
        <v>156312</v>
      </c>
    </row>
    <row r="45903" spans="1:10" x14ac:dyDescent="0.35">
      <c r="A45903" s="1" t="s">
        <v>10451</v>
      </c>
      <c r="B45903" s="1" t="s">
        <v>156209</v>
      </c>
      <c r="C45903" s="1" t="s">
        <v>165</v>
      </c>
      <c r="D45903" s="1" t="s">
        <v>73109</v>
      </c>
      <c r="E45903" s="1" t="s">
        <v>156313</v>
      </c>
      <c r="F45903" s="1" t="s">
        <v>156314</v>
      </c>
      <c r="G45903" s="1" t="s">
        <v>156213</v>
      </c>
      <c r="H45903" s="1" t="s">
        <v>156214</v>
      </c>
      <c r="I45903" s="1" t="s">
        <v>156215</v>
      </c>
      <c r="J45903" s="1" t="s">
        <v>156315</v>
      </c>
    </row>
    <row r="45904" spans="1:10" x14ac:dyDescent="0.35">
      <c r="A45904" s="1" t="s">
        <v>10451</v>
      </c>
      <c r="B45904" s="1" t="s">
        <v>156209</v>
      </c>
      <c r="C45904" s="1" t="s">
        <v>170</v>
      </c>
      <c r="D45904" s="1" t="s">
        <v>36253</v>
      </c>
      <c r="E45904" s="1" t="s">
        <v>156316</v>
      </c>
      <c r="F45904" s="1" t="s">
        <v>156317</v>
      </c>
      <c r="G45904" s="1" t="s">
        <v>156213</v>
      </c>
      <c r="H45904" s="1" t="s">
        <v>156214</v>
      </c>
      <c r="I45904" s="1" t="s">
        <v>156215</v>
      </c>
      <c r="J45904" s="1" t="s">
        <v>156318</v>
      </c>
    </row>
    <row r="45905" spans="1:10" x14ac:dyDescent="0.35">
      <c r="A45905" s="1" t="s">
        <v>4349</v>
      </c>
      <c r="B45905" s="1" t="s">
        <v>156209</v>
      </c>
      <c r="C45905" s="1" t="s">
        <v>8</v>
      </c>
      <c r="D45905" s="1" t="s">
        <v>142651</v>
      </c>
      <c r="E45905" s="1" t="s">
        <v>156319</v>
      </c>
      <c r="F45905" s="1" t="s">
        <v>156320</v>
      </c>
      <c r="G45905" s="1" t="s">
        <v>156321</v>
      </c>
      <c r="H45905" s="1" t="s">
        <v>156322</v>
      </c>
      <c r="I45905" s="1" t="s">
        <v>156215</v>
      </c>
      <c r="J45905" s="1" t="s">
        <v>13</v>
      </c>
    </row>
    <row r="45906" spans="1:10" x14ac:dyDescent="0.35">
      <c r="A45906" s="1" t="s">
        <v>4349</v>
      </c>
      <c r="B45906" s="1" t="s">
        <v>156209</v>
      </c>
      <c r="C45906" s="1" t="s">
        <v>15</v>
      </c>
      <c r="D45906" s="1" t="s">
        <v>27693</v>
      </c>
      <c r="E45906" s="1" t="s">
        <v>156323</v>
      </c>
      <c r="F45906" s="1" t="s">
        <v>156324</v>
      </c>
      <c r="G45906" s="1" t="s">
        <v>156321</v>
      </c>
      <c r="H45906" s="1" t="s">
        <v>156322</v>
      </c>
      <c r="I45906" s="1" t="s">
        <v>156215</v>
      </c>
      <c r="J45906" s="1" t="s">
        <v>156325</v>
      </c>
    </row>
    <row r="45907" spans="1:10" x14ac:dyDescent="0.35">
      <c r="A45907" s="1" t="s">
        <v>4349</v>
      </c>
      <c r="B45907" s="1" t="s">
        <v>156209</v>
      </c>
      <c r="C45907" s="1" t="s">
        <v>20</v>
      </c>
      <c r="D45907" s="1" t="s">
        <v>9920</v>
      </c>
      <c r="E45907" s="1" t="s">
        <v>156326</v>
      </c>
      <c r="F45907" s="1" t="s">
        <v>156327</v>
      </c>
      <c r="G45907" s="1" t="s">
        <v>156321</v>
      </c>
      <c r="H45907" s="1" t="s">
        <v>156322</v>
      </c>
      <c r="I45907" s="1" t="s">
        <v>156215</v>
      </c>
      <c r="J45907" s="1" t="s">
        <v>156328</v>
      </c>
    </row>
    <row r="45908" spans="1:10" x14ac:dyDescent="0.35">
      <c r="A45908" s="1" t="s">
        <v>4349</v>
      </c>
      <c r="B45908" s="1" t="s">
        <v>156209</v>
      </c>
      <c r="C45908" s="1" t="s">
        <v>25</v>
      </c>
      <c r="D45908" s="1" t="s">
        <v>6455</v>
      </c>
      <c r="E45908" s="1" t="s">
        <v>156329</v>
      </c>
      <c r="F45908" s="1" t="s">
        <v>156330</v>
      </c>
      <c r="G45908" s="1" t="s">
        <v>156321</v>
      </c>
      <c r="H45908" s="1" t="s">
        <v>156322</v>
      </c>
      <c r="I45908" s="1" t="s">
        <v>156215</v>
      </c>
      <c r="J45908" s="1" t="s">
        <v>156331</v>
      </c>
    </row>
    <row r="45909" spans="1:10" x14ac:dyDescent="0.35">
      <c r="A45909" s="1" t="s">
        <v>4349</v>
      </c>
      <c r="B45909" s="1" t="s">
        <v>156209</v>
      </c>
      <c r="C45909" s="1" t="s">
        <v>30</v>
      </c>
      <c r="D45909" s="1" t="s">
        <v>3928</v>
      </c>
      <c r="E45909" s="1" t="s">
        <v>156332</v>
      </c>
      <c r="F45909" s="1" t="s">
        <v>156333</v>
      </c>
      <c r="G45909" s="1" t="s">
        <v>156321</v>
      </c>
      <c r="H45909" s="1" t="s">
        <v>156322</v>
      </c>
      <c r="I45909" s="1" t="s">
        <v>156215</v>
      </c>
      <c r="J45909" s="1" t="s">
        <v>156334</v>
      </c>
    </row>
    <row r="45910" spans="1:10" x14ac:dyDescent="0.35">
      <c r="A45910" s="1" t="s">
        <v>4349</v>
      </c>
      <c r="B45910" s="1" t="s">
        <v>156209</v>
      </c>
      <c r="C45910" s="1" t="s">
        <v>35</v>
      </c>
      <c r="D45910" s="1" t="s">
        <v>104307</v>
      </c>
      <c r="E45910" s="1" t="s">
        <v>156335</v>
      </c>
      <c r="F45910" s="1" t="s">
        <v>156336</v>
      </c>
      <c r="G45910" s="1" t="s">
        <v>156321</v>
      </c>
      <c r="H45910" s="1" t="s">
        <v>156322</v>
      </c>
      <c r="I45910" s="1" t="s">
        <v>156215</v>
      </c>
      <c r="J45910" s="1" t="s">
        <v>156337</v>
      </c>
    </row>
    <row r="45911" spans="1:10" x14ac:dyDescent="0.35">
      <c r="A45911" s="1" t="s">
        <v>4349</v>
      </c>
      <c r="B45911" s="1" t="s">
        <v>156209</v>
      </c>
      <c r="C45911" s="1" t="s">
        <v>40</v>
      </c>
      <c r="D45911" s="1" t="s">
        <v>143027</v>
      </c>
      <c r="E45911" s="1" t="s">
        <v>156338</v>
      </c>
      <c r="F45911" s="1" t="s">
        <v>156339</v>
      </c>
      <c r="G45911" s="1" t="s">
        <v>156321</v>
      </c>
      <c r="H45911" s="1" t="s">
        <v>156322</v>
      </c>
      <c r="I45911" s="1" t="s">
        <v>156215</v>
      </c>
      <c r="J45911" s="1" t="s">
        <v>156340</v>
      </c>
    </row>
    <row r="45912" spans="1:10" x14ac:dyDescent="0.35">
      <c r="A45912" s="1" t="s">
        <v>4349</v>
      </c>
      <c r="B45912" s="1" t="s">
        <v>156209</v>
      </c>
      <c r="C45912" s="1" t="s">
        <v>45</v>
      </c>
      <c r="D45912" s="1" t="s">
        <v>119900</v>
      </c>
      <c r="E45912" s="1" t="s">
        <v>156341</v>
      </c>
      <c r="F45912" s="1" t="s">
        <v>156342</v>
      </c>
      <c r="G45912" s="1" t="s">
        <v>156321</v>
      </c>
      <c r="H45912" s="1" t="s">
        <v>156322</v>
      </c>
      <c r="I45912" s="1" t="s">
        <v>156215</v>
      </c>
      <c r="J45912" s="1" t="s">
        <v>156343</v>
      </c>
    </row>
    <row r="45913" spans="1:10" x14ac:dyDescent="0.35">
      <c r="A45913" s="1" t="s">
        <v>4349</v>
      </c>
      <c r="B45913" s="1" t="s">
        <v>156209</v>
      </c>
      <c r="C45913" s="1" t="s">
        <v>50</v>
      </c>
      <c r="D45913" s="1" t="s">
        <v>27689</v>
      </c>
      <c r="E45913" s="1" t="s">
        <v>156344</v>
      </c>
      <c r="F45913" s="1" t="s">
        <v>156345</v>
      </c>
      <c r="G45913" s="1" t="s">
        <v>156321</v>
      </c>
      <c r="H45913" s="1" t="s">
        <v>156322</v>
      </c>
      <c r="I45913" s="1" t="s">
        <v>156215</v>
      </c>
      <c r="J45913" s="1" t="s">
        <v>156346</v>
      </c>
    </row>
    <row r="45914" spans="1:10" x14ac:dyDescent="0.35">
      <c r="A45914" s="1" t="s">
        <v>4349</v>
      </c>
      <c r="B45914" s="1" t="s">
        <v>156209</v>
      </c>
      <c r="C45914" s="1" t="s">
        <v>55</v>
      </c>
      <c r="D45914" s="1" t="s">
        <v>46341</v>
      </c>
      <c r="E45914" s="1" t="s">
        <v>156347</v>
      </c>
      <c r="F45914" s="1" t="s">
        <v>156348</v>
      </c>
      <c r="G45914" s="1" t="s">
        <v>156321</v>
      </c>
      <c r="H45914" s="1" t="s">
        <v>156322</v>
      </c>
      <c r="I45914" s="1" t="s">
        <v>156215</v>
      </c>
      <c r="J45914" s="1" t="s">
        <v>156349</v>
      </c>
    </row>
    <row r="45915" spans="1:10" x14ac:dyDescent="0.35">
      <c r="A45915" s="1" t="s">
        <v>4349</v>
      </c>
      <c r="B45915" s="1" t="s">
        <v>156209</v>
      </c>
      <c r="C45915" s="1" t="s">
        <v>60</v>
      </c>
      <c r="D45915" s="1" t="s">
        <v>4018</v>
      </c>
      <c r="E45915" s="1" t="s">
        <v>156350</v>
      </c>
      <c r="F45915" s="1" t="s">
        <v>156351</v>
      </c>
      <c r="G45915" s="1" t="s">
        <v>156321</v>
      </c>
      <c r="H45915" s="1" t="s">
        <v>156322</v>
      </c>
      <c r="I45915" s="1" t="s">
        <v>156215</v>
      </c>
      <c r="J45915" s="1" t="s">
        <v>156352</v>
      </c>
    </row>
    <row r="45916" spans="1:10" x14ac:dyDescent="0.35">
      <c r="A45916" s="1" t="s">
        <v>4349</v>
      </c>
      <c r="B45916" s="1" t="s">
        <v>156209</v>
      </c>
      <c r="C45916" s="1" t="s">
        <v>65</v>
      </c>
      <c r="D45916" s="1" t="s">
        <v>51288</v>
      </c>
      <c r="E45916" s="1" t="s">
        <v>156353</v>
      </c>
      <c r="F45916" s="1" t="s">
        <v>156354</v>
      </c>
      <c r="G45916" s="1" t="s">
        <v>156321</v>
      </c>
      <c r="H45916" s="1" t="s">
        <v>156322</v>
      </c>
      <c r="I45916" s="1" t="s">
        <v>156215</v>
      </c>
      <c r="J45916" s="1" t="s">
        <v>156355</v>
      </c>
    </row>
    <row r="45917" spans="1:10" x14ac:dyDescent="0.35">
      <c r="A45917" s="1" t="s">
        <v>4349</v>
      </c>
      <c r="B45917" s="1" t="s">
        <v>156209</v>
      </c>
      <c r="C45917" s="1" t="s">
        <v>70</v>
      </c>
      <c r="D45917" s="1" t="s">
        <v>29882</v>
      </c>
      <c r="E45917" s="1" t="s">
        <v>156356</v>
      </c>
      <c r="F45917" s="1" t="s">
        <v>156357</v>
      </c>
      <c r="G45917" s="1" t="s">
        <v>156321</v>
      </c>
      <c r="H45917" s="1" t="s">
        <v>156322</v>
      </c>
      <c r="I45917" s="1" t="s">
        <v>156215</v>
      </c>
      <c r="J45917" s="1" t="s">
        <v>156358</v>
      </c>
    </row>
    <row r="45918" spans="1:10" x14ac:dyDescent="0.35">
      <c r="A45918" s="1" t="s">
        <v>4349</v>
      </c>
      <c r="B45918" s="1" t="s">
        <v>156209</v>
      </c>
      <c r="C45918" s="1" t="s">
        <v>75</v>
      </c>
      <c r="D45918" s="1" t="s">
        <v>149221</v>
      </c>
      <c r="E45918" s="1" t="s">
        <v>156359</v>
      </c>
      <c r="F45918" s="1" t="s">
        <v>156360</v>
      </c>
      <c r="G45918" s="1" t="s">
        <v>156321</v>
      </c>
      <c r="H45918" s="1" t="s">
        <v>156322</v>
      </c>
      <c r="I45918" s="1" t="s">
        <v>156215</v>
      </c>
      <c r="J45918" s="1" t="s">
        <v>156361</v>
      </c>
    </row>
    <row r="45919" spans="1:10" x14ac:dyDescent="0.35">
      <c r="A45919" s="1" t="s">
        <v>4349</v>
      </c>
      <c r="B45919" s="1" t="s">
        <v>156209</v>
      </c>
      <c r="C45919" s="1" t="s">
        <v>80</v>
      </c>
      <c r="D45919" s="1" t="s">
        <v>110571</v>
      </c>
      <c r="E45919" s="1" t="s">
        <v>156362</v>
      </c>
      <c r="F45919" s="1" t="s">
        <v>156363</v>
      </c>
      <c r="G45919" s="1" t="s">
        <v>156321</v>
      </c>
      <c r="H45919" s="1" t="s">
        <v>156322</v>
      </c>
      <c r="I45919" s="1" t="s">
        <v>156215</v>
      </c>
      <c r="J45919" s="1" t="s">
        <v>156364</v>
      </c>
    </row>
    <row r="45920" spans="1:10" x14ac:dyDescent="0.35">
      <c r="A45920" s="1" t="s">
        <v>4349</v>
      </c>
      <c r="B45920" s="1" t="s">
        <v>156209</v>
      </c>
      <c r="C45920" s="1" t="s">
        <v>85</v>
      </c>
      <c r="D45920" s="1" t="s">
        <v>119900</v>
      </c>
      <c r="E45920" s="1" t="s">
        <v>156365</v>
      </c>
      <c r="F45920" s="1" t="s">
        <v>156366</v>
      </c>
      <c r="G45920" s="1" t="s">
        <v>156321</v>
      </c>
      <c r="H45920" s="1" t="s">
        <v>156322</v>
      </c>
      <c r="I45920" s="1" t="s">
        <v>156215</v>
      </c>
      <c r="J45920" s="1" t="s">
        <v>156367</v>
      </c>
    </row>
    <row r="45921" spans="1:10" x14ac:dyDescent="0.35">
      <c r="A45921" s="1" t="s">
        <v>4349</v>
      </c>
      <c r="B45921" s="1" t="s">
        <v>156209</v>
      </c>
      <c r="C45921" s="1" t="s">
        <v>90</v>
      </c>
      <c r="D45921" s="1" t="s">
        <v>111798</v>
      </c>
      <c r="E45921" s="1" t="s">
        <v>156368</v>
      </c>
      <c r="F45921" s="1" t="s">
        <v>156369</v>
      </c>
      <c r="G45921" s="1" t="s">
        <v>156321</v>
      </c>
      <c r="H45921" s="1" t="s">
        <v>156322</v>
      </c>
      <c r="I45921" s="1" t="s">
        <v>156215</v>
      </c>
      <c r="J45921" s="1" t="s">
        <v>156370</v>
      </c>
    </row>
    <row r="45922" spans="1:10" x14ac:dyDescent="0.35">
      <c r="A45922" s="1" t="s">
        <v>4349</v>
      </c>
      <c r="B45922" s="1" t="s">
        <v>156209</v>
      </c>
      <c r="C45922" s="1" t="s">
        <v>95</v>
      </c>
      <c r="D45922" s="1" t="s">
        <v>29564</v>
      </c>
      <c r="E45922" s="1" t="s">
        <v>156371</v>
      </c>
      <c r="F45922" s="1" t="s">
        <v>156372</v>
      </c>
      <c r="G45922" s="1" t="s">
        <v>156321</v>
      </c>
      <c r="H45922" s="1" t="s">
        <v>156322</v>
      </c>
      <c r="I45922" s="1" t="s">
        <v>156215</v>
      </c>
      <c r="J45922" s="1" t="s">
        <v>156373</v>
      </c>
    </row>
    <row r="45923" spans="1:10" x14ac:dyDescent="0.35">
      <c r="A45923" s="1" t="s">
        <v>4349</v>
      </c>
      <c r="B45923" s="1" t="s">
        <v>156209</v>
      </c>
      <c r="C45923" s="1" t="s">
        <v>100</v>
      </c>
      <c r="D45923" s="1" t="s">
        <v>7540</v>
      </c>
      <c r="E45923" s="1" t="s">
        <v>156374</v>
      </c>
      <c r="F45923" s="1" t="s">
        <v>156375</v>
      </c>
      <c r="G45923" s="1" t="s">
        <v>156321</v>
      </c>
      <c r="H45923" s="1" t="s">
        <v>156322</v>
      </c>
      <c r="I45923" s="1" t="s">
        <v>156215</v>
      </c>
      <c r="J45923" s="1" t="s">
        <v>156376</v>
      </c>
    </row>
    <row r="45924" spans="1:10" x14ac:dyDescent="0.35">
      <c r="A45924" s="1" t="s">
        <v>4349</v>
      </c>
      <c r="B45924" s="1" t="s">
        <v>156209</v>
      </c>
      <c r="C45924" s="1" t="s">
        <v>105</v>
      </c>
      <c r="D45924" s="1" t="s">
        <v>10258</v>
      </c>
      <c r="E45924" s="1" t="s">
        <v>156377</v>
      </c>
      <c r="F45924" s="1" t="s">
        <v>156378</v>
      </c>
      <c r="G45924" s="1" t="s">
        <v>156321</v>
      </c>
      <c r="H45924" s="1" t="s">
        <v>156322</v>
      </c>
      <c r="I45924" s="1" t="s">
        <v>156215</v>
      </c>
      <c r="J45924" s="1" t="s">
        <v>156379</v>
      </c>
    </row>
    <row r="45925" spans="1:10" x14ac:dyDescent="0.35">
      <c r="A45925" s="1" t="s">
        <v>4349</v>
      </c>
      <c r="B45925" s="1" t="s">
        <v>156209</v>
      </c>
      <c r="C45925" s="1" t="s">
        <v>110</v>
      </c>
      <c r="D45925" s="1" t="s">
        <v>156380</v>
      </c>
      <c r="E45925" s="1" t="s">
        <v>156381</v>
      </c>
      <c r="F45925" s="1" t="s">
        <v>156382</v>
      </c>
      <c r="G45925" s="1" t="s">
        <v>156321</v>
      </c>
      <c r="H45925" s="1" t="s">
        <v>156322</v>
      </c>
      <c r="I45925" s="1" t="s">
        <v>156215</v>
      </c>
      <c r="J45925" s="1" t="s">
        <v>156383</v>
      </c>
    </row>
    <row r="45926" spans="1:10" x14ac:dyDescent="0.35">
      <c r="A45926" s="1" t="s">
        <v>4349</v>
      </c>
      <c r="B45926" s="1" t="s">
        <v>156209</v>
      </c>
      <c r="C45926" s="1" t="s">
        <v>115</v>
      </c>
      <c r="D45926" s="1" t="s">
        <v>1635</v>
      </c>
      <c r="E45926" s="1" t="s">
        <v>156384</v>
      </c>
      <c r="F45926" s="1" t="s">
        <v>156385</v>
      </c>
      <c r="G45926" s="1" t="s">
        <v>156321</v>
      </c>
      <c r="H45926" s="1" t="s">
        <v>156322</v>
      </c>
      <c r="I45926" s="1" t="s">
        <v>156215</v>
      </c>
      <c r="J45926" s="1" t="s">
        <v>156386</v>
      </c>
    </row>
    <row r="45927" spans="1:10" x14ac:dyDescent="0.35">
      <c r="A45927" s="1" t="s">
        <v>4349</v>
      </c>
      <c r="B45927" s="1" t="s">
        <v>156209</v>
      </c>
      <c r="C45927" s="1" t="s">
        <v>120</v>
      </c>
      <c r="D45927" s="1" t="s">
        <v>46239</v>
      </c>
      <c r="E45927" s="1" t="s">
        <v>156387</v>
      </c>
      <c r="F45927" s="1" t="s">
        <v>156388</v>
      </c>
      <c r="G45927" s="1" t="s">
        <v>156321</v>
      </c>
      <c r="H45927" s="1" t="s">
        <v>156322</v>
      </c>
      <c r="I45927" s="1" t="s">
        <v>156215</v>
      </c>
      <c r="J45927" s="1" t="s">
        <v>156389</v>
      </c>
    </row>
    <row r="45928" spans="1:10" x14ac:dyDescent="0.35">
      <c r="A45928" s="1" t="s">
        <v>4349</v>
      </c>
      <c r="B45928" s="1" t="s">
        <v>156209</v>
      </c>
      <c r="C45928" s="1" t="s">
        <v>125</v>
      </c>
      <c r="D45928" s="1" t="s">
        <v>111713</v>
      </c>
      <c r="E45928" s="1" t="s">
        <v>156390</v>
      </c>
      <c r="F45928" s="1" t="s">
        <v>156391</v>
      </c>
      <c r="G45928" s="1" t="s">
        <v>156321</v>
      </c>
      <c r="H45928" s="1" t="s">
        <v>156322</v>
      </c>
      <c r="I45928" s="1" t="s">
        <v>156215</v>
      </c>
      <c r="J45928" s="1" t="s">
        <v>156392</v>
      </c>
    </row>
    <row r="45929" spans="1:10" x14ac:dyDescent="0.35">
      <c r="A45929" s="1" t="s">
        <v>4349</v>
      </c>
      <c r="B45929" s="1" t="s">
        <v>156209</v>
      </c>
      <c r="C45929" s="1" t="s">
        <v>130</v>
      </c>
      <c r="D45929" s="1" t="s">
        <v>34052</v>
      </c>
      <c r="E45929" s="1" t="s">
        <v>156393</v>
      </c>
      <c r="F45929" s="1" t="s">
        <v>156394</v>
      </c>
      <c r="G45929" s="1" t="s">
        <v>156321</v>
      </c>
      <c r="H45929" s="1" t="s">
        <v>156322</v>
      </c>
      <c r="I45929" s="1" t="s">
        <v>156215</v>
      </c>
      <c r="J45929" s="1" t="s">
        <v>156395</v>
      </c>
    </row>
    <row r="45930" spans="1:10" x14ac:dyDescent="0.35">
      <c r="A45930" s="1" t="s">
        <v>4349</v>
      </c>
      <c r="B45930" s="1" t="s">
        <v>156209</v>
      </c>
      <c r="C45930" s="1" t="s">
        <v>135</v>
      </c>
      <c r="D45930" s="1" t="s">
        <v>6669</v>
      </c>
      <c r="E45930" s="1" t="s">
        <v>156396</v>
      </c>
      <c r="F45930" s="1" t="s">
        <v>156397</v>
      </c>
      <c r="G45930" s="1" t="s">
        <v>156321</v>
      </c>
      <c r="H45930" s="1" t="s">
        <v>156322</v>
      </c>
      <c r="I45930" s="1" t="s">
        <v>156215</v>
      </c>
      <c r="J45930" s="1" t="s">
        <v>156398</v>
      </c>
    </row>
    <row r="45931" spans="1:10" x14ac:dyDescent="0.35">
      <c r="A45931" s="1" t="s">
        <v>4349</v>
      </c>
      <c r="B45931" s="1" t="s">
        <v>156209</v>
      </c>
      <c r="C45931" s="1" t="s">
        <v>140</v>
      </c>
      <c r="D45931" s="1" t="s">
        <v>25895</v>
      </c>
      <c r="E45931" s="1" t="s">
        <v>156399</v>
      </c>
      <c r="F45931" s="1" t="s">
        <v>156400</v>
      </c>
      <c r="G45931" s="1" t="s">
        <v>156321</v>
      </c>
      <c r="H45931" s="1" t="s">
        <v>156322</v>
      </c>
      <c r="I45931" s="1" t="s">
        <v>156215</v>
      </c>
      <c r="J45931" s="1" t="s">
        <v>156401</v>
      </c>
    </row>
    <row r="45932" spans="1:10" x14ac:dyDescent="0.35">
      <c r="A45932" s="1" t="s">
        <v>4349</v>
      </c>
      <c r="B45932" s="1" t="s">
        <v>156209</v>
      </c>
      <c r="C45932" s="1" t="s">
        <v>145</v>
      </c>
      <c r="D45932" s="1" t="s">
        <v>15449</v>
      </c>
      <c r="E45932" s="1" t="s">
        <v>156402</v>
      </c>
      <c r="F45932" s="1" t="s">
        <v>156403</v>
      </c>
      <c r="G45932" s="1" t="s">
        <v>156321</v>
      </c>
      <c r="H45932" s="1" t="s">
        <v>156322</v>
      </c>
      <c r="I45932" s="1" t="s">
        <v>156215</v>
      </c>
      <c r="J45932" s="1" t="s">
        <v>156404</v>
      </c>
    </row>
    <row r="45933" spans="1:10" x14ac:dyDescent="0.35">
      <c r="A45933" s="1" t="s">
        <v>4349</v>
      </c>
      <c r="B45933" s="1" t="s">
        <v>156209</v>
      </c>
      <c r="C45933" s="1" t="s">
        <v>150</v>
      </c>
      <c r="D45933" s="1" t="s">
        <v>115343</v>
      </c>
      <c r="E45933" s="1" t="s">
        <v>156405</v>
      </c>
      <c r="F45933" s="1" t="s">
        <v>156406</v>
      </c>
      <c r="G45933" s="1" t="s">
        <v>156321</v>
      </c>
      <c r="H45933" s="1" t="s">
        <v>156322</v>
      </c>
      <c r="I45933" s="1" t="s">
        <v>156215</v>
      </c>
      <c r="J45933" s="1" t="s">
        <v>156407</v>
      </c>
    </row>
    <row r="45934" spans="1:10" x14ac:dyDescent="0.35">
      <c r="A45934" s="1" t="s">
        <v>4349</v>
      </c>
      <c r="B45934" s="1" t="s">
        <v>156209</v>
      </c>
      <c r="C45934" s="1" t="s">
        <v>155</v>
      </c>
      <c r="D45934" s="1" t="s">
        <v>16100</v>
      </c>
      <c r="E45934" s="1" t="s">
        <v>156408</v>
      </c>
      <c r="F45934" s="1" t="s">
        <v>156409</v>
      </c>
      <c r="G45934" s="1" t="s">
        <v>156321</v>
      </c>
      <c r="H45934" s="1" t="s">
        <v>156322</v>
      </c>
      <c r="I45934" s="1" t="s">
        <v>156215</v>
      </c>
      <c r="J45934" s="1" t="s">
        <v>156410</v>
      </c>
    </row>
    <row r="45935" spans="1:10" x14ac:dyDescent="0.35">
      <c r="A45935" s="1" t="s">
        <v>4349</v>
      </c>
      <c r="B45935" s="1" t="s">
        <v>156209</v>
      </c>
      <c r="C45935" s="1" t="s">
        <v>160</v>
      </c>
      <c r="D45935" s="1" t="s">
        <v>11017</v>
      </c>
      <c r="E45935" s="1" t="s">
        <v>156411</v>
      </c>
      <c r="F45935" s="1" t="s">
        <v>156412</v>
      </c>
      <c r="G45935" s="1" t="s">
        <v>156321</v>
      </c>
      <c r="H45935" s="1" t="s">
        <v>156322</v>
      </c>
      <c r="I45935" s="1" t="s">
        <v>156215</v>
      </c>
      <c r="J45935" s="1" t="s">
        <v>156413</v>
      </c>
    </row>
    <row r="45936" spans="1:10" x14ac:dyDescent="0.35">
      <c r="A45936" s="1" t="s">
        <v>4349</v>
      </c>
      <c r="B45936" s="1" t="s">
        <v>156209</v>
      </c>
      <c r="C45936" s="1" t="s">
        <v>165</v>
      </c>
      <c r="D45936" s="1" t="s">
        <v>156414</v>
      </c>
      <c r="E45936" s="1" t="s">
        <v>156415</v>
      </c>
      <c r="F45936" s="1" t="s">
        <v>156416</v>
      </c>
      <c r="G45936" s="1" t="s">
        <v>156321</v>
      </c>
      <c r="H45936" s="1" t="s">
        <v>156322</v>
      </c>
      <c r="I45936" s="1" t="s">
        <v>156215</v>
      </c>
      <c r="J45936" s="1" t="s">
        <v>156417</v>
      </c>
    </row>
    <row r="45937" spans="1:10" x14ac:dyDescent="0.35">
      <c r="A45937" s="1" t="s">
        <v>4349</v>
      </c>
      <c r="B45937" s="1" t="s">
        <v>156209</v>
      </c>
      <c r="C45937" s="1" t="s">
        <v>170</v>
      </c>
      <c r="D45937" s="1" t="s">
        <v>104917</v>
      </c>
      <c r="E45937" s="1" t="s">
        <v>156418</v>
      </c>
      <c r="F45937" s="1" t="s">
        <v>156419</v>
      </c>
      <c r="G45937" s="1" t="s">
        <v>156321</v>
      </c>
      <c r="H45937" s="1" t="s">
        <v>156322</v>
      </c>
      <c r="I45937" s="1" t="s">
        <v>156215</v>
      </c>
      <c r="J45937" s="1" t="s">
        <v>156420</v>
      </c>
    </row>
    <row r="45938" spans="1:10" x14ac:dyDescent="0.35">
      <c r="A45938" s="1" t="s">
        <v>12966</v>
      </c>
      <c r="B45938" s="1" t="s">
        <v>156209</v>
      </c>
      <c r="C45938" s="1" t="s">
        <v>8</v>
      </c>
      <c r="D45938" s="1" t="s">
        <v>10952</v>
      </c>
      <c r="E45938" s="1" t="s">
        <v>156421</v>
      </c>
      <c r="F45938" s="1" t="s">
        <v>156422</v>
      </c>
      <c r="G45938" s="1" t="s">
        <v>156423</v>
      </c>
      <c r="H45938" s="1" t="s">
        <v>156424</v>
      </c>
      <c r="I45938" s="1" t="s">
        <v>156215</v>
      </c>
      <c r="J45938" s="1" t="s">
        <v>13</v>
      </c>
    </row>
    <row r="45939" spans="1:10" x14ac:dyDescent="0.35">
      <c r="A45939" s="1" t="s">
        <v>12966</v>
      </c>
      <c r="B45939" s="1" t="s">
        <v>156209</v>
      </c>
      <c r="C45939" s="1" t="s">
        <v>15</v>
      </c>
      <c r="D45939" s="1" t="s">
        <v>151792</v>
      </c>
      <c r="E45939" s="1" t="s">
        <v>156425</v>
      </c>
      <c r="F45939" s="1" t="s">
        <v>156426</v>
      </c>
      <c r="G45939" s="1" t="s">
        <v>156423</v>
      </c>
      <c r="H45939" s="1" t="s">
        <v>156424</v>
      </c>
      <c r="I45939" s="1" t="s">
        <v>156215</v>
      </c>
      <c r="J45939" s="1" t="s">
        <v>156427</v>
      </c>
    </row>
    <row r="45940" spans="1:10" x14ac:dyDescent="0.35">
      <c r="A45940" s="1" t="s">
        <v>12966</v>
      </c>
      <c r="B45940" s="1" t="s">
        <v>156209</v>
      </c>
      <c r="C45940" s="1" t="s">
        <v>20</v>
      </c>
      <c r="D45940" s="1" t="s">
        <v>142647</v>
      </c>
      <c r="E45940" s="1" t="s">
        <v>156428</v>
      </c>
      <c r="F45940" s="1" t="s">
        <v>156429</v>
      </c>
      <c r="G45940" s="1" t="s">
        <v>156423</v>
      </c>
      <c r="H45940" s="1" t="s">
        <v>156424</v>
      </c>
      <c r="I45940" s="1" t="s">
        <v>156215</v>
      </c>
      <c r="J45940" s="1" t="s">
        <v>156430</v>
      </c>
    </row>
    <row r="45941" spans="1:10" x14ac:dyDescent="0.35">
      <c r="A45941" s="1" t="s">
        <v>12966</v>
      </c>
      <c r="B45941" s="1" t="s">
        <v>156209</v>
      </c>
      <c r="C45941" s="1" t="s">
        <v>25</v>
      </c>
      <c r="D45941" s="1" t="s">
        <v>143211</v>
      </c>
      <c r="E45941" s="1" t="s">
        <v>156431</v>
      </c>
      <c r="F45941" s="1" t="s">
        <v>156432</v>
      </c>
      <c r="G45941" s="1" t="s">
        <v>156423</v>
      </c>
      <c r="H45941" s="1" t="s">
        <v>156424</v>
      </c>
      <c r="I45941" s="1" t="s">
        <v>156215</v>
      </c>
      <c r="J45941" s="1" t="s">
        <v>156433</v>
      </c>
    </row>
    <row r="45942" spans="1:10" x14ac:dyDescent="0.35">
      <c r="A45942" s="1" t="s">
        <v>12966</v>
      </c>
      <c r="B45942" s="1" t="s">
        <v>156209</v>
      </c>
      <c r="C45942" s="1" t="s">
        <v>30</v>
      </c>
      <c r="D45942" s="1" t="s">
        <v>51189</v>
      </c>
      <c r="E45942" s="1" t="s">
        <v>156434</v>
      </c>
      <c r="F45942" s="1" t="s">
        <v>156435</v>
      </c>
      <c r="G45942" s="1" t="s">
        <v>156423</v>
      </c>
      <c r="H45942" s="1" t="s">
        <v>156424</v>
      </c>
      <c r="I45942" s="1" t="s">
        <v>156215</v>
      </c>
      <c r="J45942" s="1" t="s">
        <v>156436</v>
      </c>
    </row>
    <row r="45943" spans="1:10" x14ac:dyDescent="0.35">
      <c r="A45943" s="1" t="s">
        <v>12966</v>
      </c>
      <c r="B45943" s="1" t="s">
        <v>156209</v>
      </c>
      <c r="C45943" s="1" t="s">
        <v>35</v>
      </c>
      <c r="D45943" s="1" t="s">
        <v>52111</v>
      </c>
      <c r="E45943" s="1" t="s">
        <v>156437</v>
      </c>
      <c r="F45943" s="1" t="s">
        <v>156438</v>
      </c>
      <c r="G45943" s="1" t="s">
        <v>156423</v>
      </c>
      <c r="H45943" s="1" t="s">
        <v>156424</v>
      </c>
      <c r="I45943" s="1" t="s">
        <v>156215</v>
      </c>
      <c r="J45943" s="1" t="s">
        <v>156439</v>
      </c>
    </row>
    <row r="45944" spans="1:10" x14ac:dyDescent="0.35">
      <c r="A45944" s="1" t="s">
        <v>12966</v>
      </c>
      <c r="B45944" s="1" t="s">
        <v>156209</v>
      </c>
      <c r="C45944" s="1" t="s">
        <v>40</v>
      </c>
      <c r="D45944" s="1" t="s">
        <v>29327</v>
      </c>
      <c r="E45944" s="1" t="s">
        <v>156440</v>
      </c>
      <c r="F45944" s="1" t="s">
        <v>156441</v>
      </c>
      <c r="G45944" s="1" t="s">
        <v>156423</v>
      </c>
      <c r="H45944" s="1" t="s">
        <v>156424</v>
      </c>
      <c r="I45944" s="1" t="s">
        <v>156215</v>
      </c>
      <c r="J45944" s="1" t="s">
        <v>156442</v>
      </c>
    </row>
    <row r="45945" spans="1:10" x14ac:dyDescent="0.35">
      <c r="A45945" s="1" t="s">
        <v>12966</v>
      </c>
      <c r="B45945" s="1" t="s">
        <v>156209</v>
      </c>
      <c r="C45945" s="1" t="s">
        <v>45</v>
      </c>
      <c r="D45945" s="1" t="s">
        <v>156443</v>
      </c>
      <c r="E45945" s="1" t="s">
        <v>156444</v>
      </c>
      <c r="F45945" s="1" t="s">
        <v>156445</v>
      </c>
      <c r="G45945" s="1" t="s">
        <v>156423</v>
      </c>
      <c r="H45945" s="1" t="s">
        <v>156424</v>
      </c>
      <c r="I45945" s="1" t="s">
        <v>156215</v>
      </c>
      <c r="J45945" s="1" t="s">
        <v>156446</v>
      </c>
    </row>
    <row r="45946" spans="1:10" x14ac:dyDescent="0.35">
      <c r="A45946" s="1" t="s">
        <v>12966</v>
      </c>
      <c r="B45946" s="1" t="s">
        <v>156209</v>
      </c>
      <c r="C45946" s="1" t="s">
        <v>50</v>
      </c>
      <c r="D45946" s="1" t="s">
        <v>15059</v>
      </c>
      <c r="E45946" s="1" t="s">
        <v>156447</v>
      </c>
      <c r="F45946" s="1" t="s">
        <v>156448</v>
      </c>
      <c r="G45946" s="1" t="s">
        <v>156423</v>
      </c>
      <c r="H45946" s="1" t="s">
        <v>156424</v>
      </c>
      <c r="I45946" s="1" t="s">
        <v>156215</v>
      </c>
      <c r="J45946" s="1" t="s">
        <v>156449</v>
      </c>
    </row>
    <row r="45947" spans="1:10" x14ac:dyDescent="0.35">
      <c r="A45947" s="1" t="s">
        <v>12966</v>
      </c>
      <c r="B45947" s="1" t="s">
        <v>156209</v>
      </c>
      <c r="C45947" s="1" t="s">
        <v>55</v>
      </c>
      <c r="D45947" s="1" t="s">
        <v>10172</v>
      </c>
      <c r="E45947" s="1" t="s">
        <v>156450</v>
      </c>
      <c r="F45947" s="1" t="s">
        <v>156451</v>
      </c>
      <c r="G45947" s="1" t="s">
        <v>156423</v>
      </c>
      <c r="H45947" s="1" t="s">
        <v>156424</v>
      </c>
      <c r="I45947" s="1" t="s">
        <v>156215</v>
      </c>
      <c r="J45947" s="1" t="s">
        <v>28245</v>
      </c>
    </row>
    <row r="45948" spans="1:10" x14ac:dyDescent="0.35">
      <c r="A45948" s="1" t="s">
        <v>12966</v>
      </c>
      <c r="B45948" s="1" t="s">
        <v>156209</v>
      </c>
      <c r="C45948" s="1" t="s">
        <v>60</v>
      </c>
      <c r="D45948" s="1" t="s">
        <v>2027</v>
      </c>
      <c r="E45948" s="1" t="s">
        <v>156452</v>
      </c>
      <c r="F45948" s="1" t="s">
        <v>156453</v>
      </c>
      <c r="G45948" s="1" t="s">
        <v>156423</v>
      </c>
      <c r="H45948" s="1" t="s">
        <v>156424</v>
      </c>
      <c r="I45948" s="1" t="s">
        <v>156215</v>
      </c>
      <c r="J45948" s="1" t="s">
        <v>156454</v>
      </c>
    </row>
    <row r="45949" spans="1:10" x14ac:dyDescent="0.35">
      <c r="A45949" s="1" t="s">
        <v>12966</v>
      </c>
      <c r="B45949" s="1" t="s">
        <v>156209</v>
      </c>
      <c r="C45949" s="1" t="s">
        <v>65</v>
      </c>
      <c r="D45949" s="1" t="s">
        <v>119665</v>
      </c>
      <c r="E45949" s="1" t="s">
        <v>156455</v>
      </c>
      <c r="F45949" s="1" t="s">
        <v>156456</v>
      </c>
      <c r="G45949" s="1" t="s">
        <v>156423</v>
      </c>
      <c r="H45949" s="1" t="s">
        <v>156424</v>
      </c>
      <c r="I45949" s="1" t="s">
        <v>156215</v>
      </c>
      <c r="J45949" s="1" t="s">
        <v>156457</v>
      </c>
    </row>
    <row r="45950" spans="1:10" x14ac:dyDescent="0.35">
      <c r="A45950" s="1" t="s">
        <v>12966</v>
      </c>
      <c r="B45950" s="1" t="s">
        <v>156209</v>
      </c>
      <c r="C45950" s="1" t="s">
        <v>70</v>
      </c>
      <c r="D45950" s="1" t="s">
        <v>6120</v>
      </c>
      <c r="E45950" s="1" t="s">
        <v>156458</v>
      </c>
      <c r="F45950" s="1" t="s">
        <v>156459</v>
      </c>
      <c r="G45950" s="1" t="s">
        <v>156423</v>
      </c>
      <c r="H45950" s="1" t="s">
        <v>156424</v>
      </c>
      <c r="I45950" s="1" t="s">
        <v>156215</v>
      </c>
      <c r="J45950" s="1" t="s">
        <v>156460</v>
      </c>
    </row>
    <row r="45951" spans="1:10" x14ac:dyDescent="0.35">
      <c r="A45951" s="1" t="s">
        <v>12966</v>
      </c>
      <c r="B45951" s="1" t="s">
        <v>156209</v>
      </c>
      <c r="C45951" s="1" t="s">
        <v>75</v>
      </c>
      <c r="D45951" s="1" t="s">
        <v>9290</v>
      </c>
      <c r="E45951" s="1" t="s">
        <v>156461</v>
      </c>
      <c r="F45951" s="1" t="s">
        <v>156462</v>
      </c>
      <c r="G45951" s="1" t="s">
        <v>156423</v>
      </c>
      <c r="H45951" s="1" t="s">
        <v>156424</v>
      </c>
      <c r="I45951" s="1" t="s">
        <v>156215</v>
      </c>
      <c r="J45951" s="1" t="s">
        <v>156463</v>
      </c>
    </row>
    <row r="45952" spans="1:10" x14ac:dyDescent="0.35">
      <c r="A45952" s="1" t="s">
        <v>12966</v>
      </c>
      <c r="B45952" s="1" t="s">
        <v>156209</v>
      </c>
      <c r="C45952" s="1" t="s">
        <v>80</v>
      </c>
      <c r="D45952" s="1" t="s">
        <v>8065</v>
      </c>
      <c r="E45952" s="1" t="s">
        <v>156464</v>
      </c>
      <c r="F45952" s="1" t="s">
        <v>156465</v>
      </c>
      <c r="G45952" s="1" t="s">
        <v>156423</v>
      </c>
      <c r="H45952" s="1" t="s">
        <v>156424</v>
      </c>
      <c r="I45952" s="1" t="s">
        <v>156215</v>
      </c>
      <c r="J45952" s="1" t="s">
        <v>156466</v>
      </c>
    </row>
    <row r="45953" spans="1:10" x14ac:dyDescent="0.35">
      <c r="A45953" s="1" t="s">
        <v>12966</v>
      </c>
      <c r="B45953" s="1" t="s">
        <v>156209</v>
      </c>
      <c r="C45953" s="1" t="s">
        <v>85</v>
      </c>
      <c r="D45953" s="1" t="s">
        <v>1675</v>
      </c>
      <c r="E45953" s="1" t="s">
        <v>156467</v>
      </c>
      <c r="F45953" s="1" t="s">
        <v>156468</v>
      </c>
      <c r="G45953" s="1" t="s">
        <v>156423</v>
      </c>
      <c r="H45953" s="1" t="s">
        <v>156424</v>
      </c>
      <c r="I45953" s="1" t="s">
        <v>156215</v>
      </c>
      <c r="J45953" s="1" t="s">
        <v>156469</v>
      </c>
    </row>
    <row r="45954" spans="1:10" x14ac:dyDescent="0.35">
      <c r="A45954" s="1" t="s">
        <v>12966</v>
      </c>
      <c r="B45954" s="1" t="s">
        <v>156209</v>
      </c>
      <c r="C45954" s="1" t="s">
        <v>90</v>
      </c>
      <c r="D45954" s="1" t="s">
        <v>2051</v>
      </c>
      <c r="E45954" s="1" t="s">
        <v>156470</v>
      </c>
      <c r="F45954" s="1" t="s">
        <v>156471</v>
      </c>
      <c r="G45954" s="1" t="s">
        <v>156423</v>
      </c>
      <c r="H45954" s="1" t="s">
        <v>156424</v>
      </c>
      <c r="I45954" s="1" t="s">
        <v>156215</v>
      </c>
      <c r="J45954" s="1" t="s">
        <v>156472</v>
      </c>
    </row>
    <row r="45955" spans="1:10" x14ac:dyDescent="0.35">
      <c r="A45955" s="1" t="s">
        <v>12966</v>
      </c>
      <c r="B45955" s="1" t="s">
        <v>156209</v>
      </c>
      <c r="C45955" s="1" t="s">
        <v>95</v>
      </c>
      <c r="D45955" s="1" t="s">
        <v>151809</v>
      </c>
      <c r="E45955" s="1" t="s">
        <v>156473</v>
      </c>
      <c r="F45955" s="1" t="s">
        <v>156474</v>
      </c>
      <c r="G45955" s="1" t="s">
        <v>156423</v>
      </c>
      <c r="H45955" s="1" t="s">
        <v>156424</v>
      </c>
      <c r="I45955" s="1" t="s">
        <v>156215</v>
      </c>
      <c r="J45955" s="1" t="s">
        <v>156475</v>
      </c>
    </row>
    <row r="45956" spans="1:10" x14ac:dyDescent="0.35">
      <c r="A45956" s="1" t="s">
        <v>12966</v>
      </c>
      <c r="B45956" s="1" t="s">
        <v>156209</v>
      </c>
      <c r="C45956" s="1" t="s">
        <v>100</v>
      </c>
      <c r="D45956" s="1" t="s">
        <v>156476</v>
      </c>
      <c r="E45956" s="1" t="s">
        <v>156477</v>
      </c>
      <c r="F45956" s="1" t="s">
        <v>156478</v>
      </c>
      <c r="G45956" s="1" t="s">
        <v>156423</v>
      </c>
      <c r="H45956" s="1" t="s">
        <v>156424</v>
      </c>
      <c r="I45956" s="1" t="s">
        <v>156215</v>
      </c>
      <c r="J45956" s="1" t="s">
        <v>156479</v>
      </c>
    </row>
    <row r="45957" spans="1:10" x14ac:dyDescent="0.35">
      <c r="A45957" s="1" t="s">
        <v>12966</v>
      </c>
      <c r="B45957" s="1" t="s">
        <v>156209</v>
      </c>
      <c r="C45957" s="1" t="s">
        <v>105</v>
      </c>
      <c r="D45957" s="1" t="s">
        <v>112674</v>
      </c>
      <c r="E45957" s="1" t="s">
        <v>156480</v>
      </c>
      <c r="F45957" s="1" t="s">
        <v>156481</v>
      </c>
      <c r="G45957" s="1" t="s">
        <v>156423</v>
      </c>
      <c r="H45957" s="1" t="s">
        <v>156424</v>
      </c>
      <c r="I45957" s="1" t="s">
        <v>156215</v>
      </c>
      <c r="J45957" s="1" t="s">
        <v>156482</v>
      </c>
    </row>
    <row r="45958" spans="1:10" x14ac:dyDescent="0.35">
      <c r="A45958" s="1" t="s">
        <v>12966</v>
      </c>
      <c r="B45958" s="1" t="s">
        <v>156209</v>
      </c>
      <c r="C45958" s="1" t="s">
        <v>110</v>
      </c>
      <c r="D45958" s="1" t="s">
        <v>2857</v>
      </c>
      <c r="E45958" s="1" t="s">
        <v>156483</v>
      </c>
      <c r="F45958" s="1" t="s">
        <v>156484</v>
      </c>
      <c r="G45958" s="1" t="s">
        <v>156423</v>
      </c>
      <c r="H45958" s="1" t="s">
        <v>156424</v>
      </c>
      <c r="I45958" s="1" t="s">
        <v>156215</v>
      </c>
      <c r="J45958" s="1" t="s">
        <v>156485</v>
      </c>
    </row>
    <row r="45959" spans="1:10" x14ac:dyDescent="0.35">
      <c r="A45959" s="1" t="s">
        <v>12966</v>
      </c>
      <c r="B45959" s="1" t="s">
        <v>156209</v>
      </c>
      <c r="C45959" s="1" t="s">
        <v>115</v>
      </c>
      <c r="D45959" s="1" t="s">
        <v>16328</v>
      </c>
      <c r="E45959" s="1" t="s">
        <v>156486</v>
      </c>
      <c r="F45959" s="1" t="s">
        <v>156487</v>
      </c>
      <c r="G45959" s="1" t="s">
        <v>156423</v>
      </c>
      <c r="H45959" s="1" t="s">
        <v>156424</v>
      </c>
      <c r="I45959" s="1" t="s">
        <v>156215</v>
      </c>
      <c r="J45959" s="1" t="s">
        <v>156488</v>
      </c>
    </row>
    <row r="45960" spans="1:10" x14ac:dyDescent="0.35">
      <c r="A45960" s="1" t="s">
        <v>12966</v>
      </c>
      <c r="B45960" s="1" t="s">
        <v>156209</v>
      </c>
      <c r="C45960" s="1" t="s">
        <v>120</v>
      </c>
      <c r="D45960" s="1" t="s">
        <v>148623</v>
      </c>
      <c r="E45960" s="1" t="s">
        <v>156489</v>
      </c>
      <c r="F45960" s="1" t="s">
        <v>156490</v>
      </c>
      <c r="G45960" s="1" t="s">
        <v>156423</v>
      </c>
      <c r="H45960" s="1" t="s">
        <v>156424</v>
      </c>
      <c r="I45960" s="1" t="s">
        <v>156215</v>
      </c>
      <c r="J45960" s="1" t="s">
        <v>156491</v>
      </c>
    </row>
    <row r="45961" spans="1:10" x14ac:dyDescent="0.35">
      <c r="A45961" s="1" t="s">
        <v>12966</v>
      </c>
      <c r="B45961" s="1" t="s">
        <v>156209</v>
      </c>
      <c r="C45961" s="1" t="s">
        <v>125</v>
      </c>
      <c r="D45961" s="1" t="s">
        <v>10713</v>
      </c>
      <c r="E45961" s="1" t="s">
        <v>156492</v>
      </c>
      <c r="F45961" s="1" t="s">
        <v>156493</v>
      </c>
      <c r="G45961" s="1" t="s">
        <v>156423</v>
      </c>
      <c r="H45961" s="1" t="s">
        <v>156424</v>
      </c>
      <c r="I45961" s="1" t="s">
        <v>156215</v>
      </c>
      <c r="J45961" s="1" t="s">
        <v>156494</v>
      </c>
    </row>
    <row r="45962" spans="1:10" x14ac:dyDescent="0.35">
      <c r="A45962" s="1" t="s">
        <v>12966</v>
      </c>
      <c r="B45962" s="1" t="s">
        <v>156209</v>
      </c>
      <c r="C45962" s="1" t="s">
        <v>130</v>
      </c>
      <c r="D45962" s="1" t="s">
        <v>34068</v>
      </c>
      <c r="E45962" s="1" t="s">
        <v>156495</v>
      </c>
      <c r="F45962" s="1" t="s">
        <v>156496</v>
      </c>
      <c r="G45962" s="1" t="s">
        <v>156423</v>
      </c>
      <c r="H45962" s="1" t="s">
        <v>156424</v>
      </c>
      <c r="I45962" s="1" t="s">
        <v>156215</v>
      </c>
      <c r="J45962" s="1" t="s">
        <v>156497</v>
      </c>
    </row>
    <row r="45963" spans="1:10" x14ac:dyDescent="0.35">
      <c r="A45963" s="1" t="s">
        <v>12966</v>
      </c>
      <c r="B45963" s="1" t="s">
        <v>156209</v>
      </c>
      <c r="C45963" s="1" t="s">
        <v>135</v>
      </c>
      <c r="D45963" s="1" t="s">
        <v>156498</v>
      </c>
      <c r="E45963" s="1" t="s">
        <v>156499</v>
      </c>
      <c r="F45963" s="1" t="s">
        <v>156500</v>
      </c>
      <c r="G45963" s="1" t="s">
        <v>156423</v>
      </c>
      <c r="H45963" s="1" t="s">
        <v>156424</v>
      </c>
      <c r="I45963" s="1" t="s">
        <v>156215</v>
      </c>
      <c r="J45963" s="1" t="s">
        <v>156501</v>
      </c>
    </row>
    <row r="45964" spans="1:10" x14ac:dyDescent="0.35">
      <c r="A45964" s="1" t="s">
        <v>12966</v>
      </c>
      <c r="B45964" s="1" t="s">
        <v>156209</v>
      </c>
      <c r="C45964" s="1" t="s">
        <v>140</v>
      </c>
      <c r="D45964" s="1" t="s">
        <v>49154</v>
      </c>
      <c r="E45964" s="1" t="s">
        <v>156502</v>
      </c>
      <c r="F45964" s="1" t="s">
        <v>156503</v>
      </c>
      <c r="G45964" s="1" t="s">
        <v>156423</v>
      </c>
      <c r="H45964" s="1" t="s">
        <v>156424</v>
      </c>
      <c r="I45964" s="1" t="s">
        <v>156215</v>
      </c>
      <c r="J45964" s="1" t="s">
        <v>156504</v>
      </c>
    </row>
    <row r="45965" spans="1:10" x14ac:dyDescent="0.35">
      <c r="A45965" s="1" t="s">
        <v>12966</v>
      </c>
      <c r="B45965" s="1" t="s">
        <v>156209</v>
      </c>
      <c r="C45965" s="1" t="s">
        <v>145</v>
      </c>
      <c r="D45965" s="1" t="s">
        <v>118578</v>
      </c>
      <c r="E45965" s="1" t="s">
        <v>156505</v>
      </c>
      <c r="F45965" s="1" t="s">
        <v>156506</v>
      </c>
      <c r="G45965" s="1" t="s">
        <v>156423</v>
      </c>
      <c r="H45965" s="1" t="s">
        <v>156424</v>
      </c>
      <c r="I45965" s="1" t="s">
        <v>156215</v>
      </c>
      <c r="J45965" s="1" t="s">
        <v>156507</v>
      </c>
    </row>
    <row r="45966" spans="1:10" x14ac:dyDescent="0.35">
      <c r="A45966" s="1" t="s">
        <v>12966</v>
      </c>
      <c r="B45966" s="1" t="s">
        <v>156209</v>
      </c>
      <c r="C45966" s="1" t="s">
        <v>150</v>
      </c>
      <c r="D45966" s="1" t="s">
        <v>14549</v>
      </c>
      <c r="E45966" s="1" t="s">
        <v>156508</v>
      </c>
      <c r="F45966" s="1" t="s">
        <v>156509</v>
      </c>
      <c r="G45966" s="1" t="s">
        <v>156423</v>
      </c>
      <c r="H45966" s="1" t="s">
        <v>156424</v>
      </c>
      <c r="I45966" s="1" t="s">
        <v>156215</v>
      </c>
      <c r="J45966" s="1" t="s">
        <v>156510</v>
      </c>
    </row>
    <row r="45967" spans="1:10" x14ac:dyDescent="0.35">
      <c r="A45967" s="1" t="s">
        <v>12966</v>
      </c>
      <c r="B45967" s="1" t="s">
        <v>156209</v>
      </c>
      <c r="C45967" s="1" t="s">
        <v>155</v>
      </c>
      <c r="D45967" s="1" t="s">
        <v>6701</v>
      </c>
      <c r="E45967" s="1" t="s">
        <v>156511</v>
      </c>
      <c r="F45967" s="1" t="s">
        <v>156512</v>
      </c>
      <c r="G45967" s="1" t="s">
        <v>156423</v>
      </c>
      <c r="H45967" s="1" t="s">
        <v>156424</v>
      </c>
      <c r="I45967" s="1" t="s">
        <v>156215</v>
      </c>
      <c r="J45967" s="1" t="s">
        <v>156513</v>
      </c>
    </row>
    <row r="45968" spans="1:10" x14ac:dyDescent="0.35">
      <c r="A45968" s="1" t="s">
        <v>12966</v>
      </c>
      <c r="B45968" s="1" t="s">
        <v>156209</v>
      </c>
      <c r="C45968" s="1" t="s">
        <v>160</v>
      </c>
      <c r="D45968" s="1" t="s">
        <v>16128</v>
      </c>
      <c r="E45968" s="1" t="s">
        <v>156514</v>
      </c>
      <c r="F45968" s="1" t="s">
        <v>156515</v>
      </c>
      <c r="G45968" s="1" t="s">
        <v>156423</v>
      </c>
      <c r="H45968" s="1" t="s">
        <v>156424</v>
      </c>
      <c r="I45968" s="1" t="s">
        <v>156215</v>
      </c>
      <c r="J45968" s="1" t="s">
        <v>156516</v>
      </c>
    </row>
    <row r="45969" spans="1:10" x14ac:dyDescent="0.35">
      <c r="A45969" s="1" t="s">
        <v>12966</v>
      </c>
      <c r="B45969" s="1" t="s">
        <v>156209</v>
      </c>
      <c r="C45969" s="1" t="s">
        <v>165</v>
      </c>
      <c r="D45969" s="1" t="s">
        <v>30748</v>
      </c>
      <c r="E45969" s="1" t="s">
        <v>156517</v>
      </c>
      <c r="F45969" s="1" t="s">
        <v>156518</v>
      </c>
      <c r="G45969" s="1" t="s">
        <v>156423</v>
      </c>
      <c r="H45969" s="1" t="s">
        <v>156424</v>
      </c>
      <c r="I45969" s="1" t="s">
        <v>156215</v>
      </c>
      <c r="J45969" s="1" t="s">
        <v>156519</v>
      </c>
    </row>
    <row r="45970" spans="1:10" x14ac:dyDescent="0.35">
      <c r="A45970" s="1" t="s">
        <v>12966</v>
      </c>
      <c r="B45970" s="1" t="s">
        <v>156209</v>
      </c>
      <c r="C45970" s="1" t="s">
        <v>170</v>
      </c>
      <c r="D45970" s="1" t="s">
        <v>151354</v>
      </c>
      <c r="E45970" s="1" t="s">
        <v>156520</v>
      </c>
      <c r="F45970" s="1" t="s">
        <v>156521</v>
      </c>
      <c r="G45970" s="1" t="s">
        <v>156423</v>
      </c>
      <c r="H45970" s="1" t="s">
        <v>156424</v>
      </c>
      <c r="I45970" s="1" t="s">
        <v>156215</v>
      </c>
      <c r="J45970" s="1" t="s">
        <v>156522</v>
      </c>
    </row>
    <row r="45971" spans="1:10" x14ac:dyDescent="0.35">
      <c r="A45971" s="1" t="s">
        <v>5529</v>
      </c>
      <c r="B45971" s="1" t="s">
        <v>156209</v>
      </c>
      <c r="C45971" s="1" t="s">
        <v>8</v>
      </c>
      <c r="D45971" s="1" t="s">
        <v>156523</v>
      </c>
      <c r="E45971" s="1" t="s">
        <v>156524</v>
      </c>
      <c r="F45971" s="1" t="s">
        <v>156525</v>
      </c>
      <c r="G45971" s="1" t="s">
        <v>156526</v>
      </c>
      <c r="H45971" s="1" t="s">
        <v>156527</v>
      </c>
      <c r="I45971" s="1" t="s">
        <v>156215</v>
      </c>
      <c r="J45971" s="1" t="s">
        <v>13</v>
      </c>
    </row>
    <row r="45972" spans="1:10" x14ac:dyDescent="0.35">
      <c r="A45972" s="1" t="s">
        <v>5529</v>
      </c>
      <c r="B45972" s="1" t="s">
        <v>156209</v>
      </c>
      <c r="C45972" s="1" t="s">
        <v>15</v>
      </c>
      <c r="D45972" s="1" t="s">
        <v>1419</v>
      </c>
      <c r="E45972" s="1" t="s">
        <v>156528</v>
      </c>
      <c r="F45972" s="1" t="s">
        <v>156529</v>
      </c>
      <c r="G45972" s="1" t="s">
        <v>156526</v>
      </c>
      <c r="H45972" s="1" t="s">
        <v>156527</v>
      </c>
      <c r="I45972" s="1" t="s">
        <v>156215</v>
      </c>
      <c r="J45972" s="1" t="s">
        <v>156530</v>
      </c>
    </row>
    <row r="45973" spans="1:10" x14ac:dyDescent="0.35">
      <c r="A45973" s="1" t="s">
        <v>5529</v>
      </c>
      <c r="B45973" s="1" t="s">
        <v>156209</v>
      </c>
      <c r="C45973" s="1" t="s">
        <v>20</v>
      </c>
      <c r="D45973" s="1" t="s">
        <v>156531</v>
      </c>
      <c r="E45973" s="1" t="s">
        <v>156532</v>
      </c>
      <c r="F45973" s="1" t="s">
        <v>156533</v>
      </c>
      <c r="G45973" s="1" t="s">
        <v>156526</v>
      </c>
      <c r="H45973" s="1" t="s">
        <v>156527</v>
      </c>
      <c r="I45973" s="1" t="s">
        <v>156215</v>
      </c>
      <c r="J45973" s="1" t="s">
        <v>156534</v>
      </c>
    </row>
    <row r="45974" spans="1:10" x14ac:dyDescent="0.35">
      <c r="A45974" s="1" t="s">
        <v>5529</v>
      </c>
      <c r="B45974" s="1" t="s">
        <v>156209</v>
      </c>
      <c r="C45974" s="1" t="s">
        <v>25</v>
      </c>
      <c r="D45974" s="1" t="s">
        <v>49364</v>
      </c>
      <c r="E45974" s="1" t="s">
        <v>156535</v>
      </c>
      <c r="F45974" s="1" t="s">
        <v>156536</v>
      </c>
      <c r="G45974" s="1" t="s">
        <v>156526</v>
      </c>
      <c r="H45974" s="1" t="s">
        <v>156527</v>
      </c>
      <c r="I45974" s="1" t="s">
        <v>156215</v>
      </c>
      <c r="J45974" s="1" t="s">
        <v>156537</v>
      </c>
    </row>
    <row r="45975" spans="1:10" x14ac:dyDescent="0.35">
      <c r="A45975" s="1" t="s">
        <v>5529</v>
      </c>
      <c r="B45975" s="1" t="s">
        <v>156209</v>
      </c>
      <c r="C45975" s="1" t="s">
        <v>30</v>
      </c>
      <c r="D45975" s="1" t="s">
        <v>156538</v>
      </c>
      <c r="E45975" s="1" t="s">
        <v>156539</v>
      </c>
      <c r="F45975" s="1" t="s">
        <v>156540</v>
      </c>
      <c r="G45975" s="1" t="s">
        <v>156526</v>
      </c>
      <c r="H45975" s="1" t="s">
        <v>156527</v>
      </c>
      <c r="I45975" s="1" t="s">
        <v>156215</v>
      </c>
      <c r="J45975" s="1" t="s">
        <v>156541</v>
      </c>
    </row>
    <row r="45976" spans="1:10" x14ac:dyDescent="0.35">
      <c r="A45976" s="1" t="s">
        <v>5529</v>
      </c>
      <c r="B45976" s="1" t="s">
        <v>156209</v>
      </c>
      <c r="C45976" s="1" t="s">
        <v>35</v>
      </c>
      <c r="D45976" s="1" t="s">
        <v>115924</v>
      </c>
      <c r="E45976" s="1" t="s">
        <v>156542</v>
      </c>
      <c r="F45976" s="1" t="s">
        <v>156543</v>
      </c>
      <c r="G45976" s="1" t="s">
        <v>156526</v>
      </c>
      <c r="H45976" s="1" t="s">
        <v>156527</v>
      </c>
      <c r="I45976" s="1" t="s">
        <v>156215</v>
      </c>
      <c r="J45976" s="1" t="s">
        <v>156544</v>
      </c>
    </row>
    <row r="45977" spans="1:10" x14ac:dyDescent="0.35">
      <c r="A45977" s="1" t="s">
        <v>5529</v>
      </c>
      <c r="B45977" s="1" t="s">
        <v>156209</v>
      </c>
      <c r="C45977" s="1" t="s">
        <v>40</v>
      </c>
      <c r="D45977" s="1" t="s">
        <v>125966</v>
      </c>
      <c r="E45977" s="1" t="s">
        <v>156545</v>
      </c>
      <c r="F45977" s="1" t="s">
        <v>156546</v>
      </c>
      <c r="G45977" s="1" t="s">
        <v>156526</v>
      </c>
      <c r="H45977" s="1" t="s">
        <v>156527</v>
      </c>
      <c r="I45977" s="1" t="s">
        <v>156215</v>
      </c>
      <c r="J45977" s="1" t="s">
        <v>156547</v>
      </c>
    </row>
    <row r="45978" spans="1:10" x14ac:dyDescent="0.35">
      <c r="A45978" s="1" t="s">
        <v>5529</v>
      </c>
      <c r="B45978" s="1" t="s">
        <v>156209</v>
      </c>
      <c r="C45978" s="1" t="s">
        <v>45</v>
      </c>
      <c r="D45978" s="1" t="s">
        <v>156548</v>
      </c>
      <c r="E45978" s="1" t="s">
        <v>156549</v>
      </c>
      <c r="F45978" s="1" t="s">
        <v>156550</v>
      </c>
      <c r="G45978" s="1" t="s">
        <v>156526</v>
      </c>
      <c r="H45978" s="1" t="s">
        <v>156527</v>
      </c>
      <c r="I45978" s="1" t="s">
        <v>156215</v>
      </c>
      <c r="J45978" s="1" t="s">
        <v>156551</v>
      </c>
    </row>
    <row r="45979" spans="1:10" x14ac:dyDescent="0.35">
      <c r="A45979" s="1" t="s">
        <v>5529</v>
      </c>
      <c r="B45979" s="1" t="s">
        <v>156209</v>
      </c>
      <c r="C45979" s="1" t="s">
        <v>50</v>
      </c>
      <c r="D45979" s="1" t="s">
        <v>15339</v>
      </c>
      <c r="E45979" s="1" t="s">
        <v>156552</v>
      </c>
      <c r="F45979" s="1" t="s">
        <v>156553</v>
      </c>
      <c r="G45979" s="1" t="s">
        <v>156526</v>
      </c>
      <c r="H45979" s="1" t="s">
        <v>156527</v>
      </c>
      <c r="I45979" s="1" t="s">
        <v>156215</v>
      </c>
      <c r="J45979" s="1" t="s">
        <v>156554</v>
      </c>
    </row>
    <row r="45980" spans="1:10" x14ac:dyDescent="0.35">
      <c r="A45980" s="1" t="s">
        <v>5529</v>
      </c>
      <c r="B45980" s="1" t="s">
        <v>156209</v>
      </c>
      <c r="C45980" s="1" t="s">
        <v>55</v>
      </c>
      <c r="D45980" s="1" t="s">
        <v>37714</v>
      </c>
      <c r="E45980" s="1" t="s">
        <v>156555</v>
      </c>
      <c r="F45980" s="1" t="s">
        <v>156556</v>
      </c>
      <c r="G45980" s="1" t="s">
        <v>156526</v>
      </c>
      <c r="H45980" s="1" t="s">
        <v>156527</v>
      </c>
      <c r="I45980" s="1" t="s">
        <v>156215</v>
      </c>
      <c r="J45980" s="1" t="s">
        <v>156557</v>
      </c>
    </row>
    <row r="45981" spans="1:10" x14ac:dyDescent="0.35">
      <c r="A45981" s="1" t="s">
        <v>5529</v>
      </c>
      <c r="B45981" s="1" t="s">
        <v>156209</v>
      </c>
      <c r="C45981" s="1" t="s">
        <v>60</v>
      </c>
      <c r="D45981" s="1" t="s">
        <v>11775</v>
      </c>
      <c r="E45981" s="1" t="s">
        <v>156558</v>
      </c>
      <c r="F45981" s="1" t="s">
        <v>156559</v>
      </c>
      <c r="G45981" s="1" t="s">
        <v>156526</v>
      </c>
      <c r="H45981" s="1" t="s">
        <v>156527</v>
      </c>
      <c r="I45981" s="1" t="s">
        <v>156215</v>
      </c>
      <c r="J45981" s="1" t="s">
        <v>156560</v>
      </c>
    </row>
    <row r="45982" spans="1:10" x14ac:dyDescent="0.35">
      <c r="A45982" s="1" t="s">
        <v>5529</v>
      </c>
      <c r="B45982" s="1" t="s">
        <v>156209</v>
      </c>
      <c r="C45982" s="1" t="s">
        <v>65</v>
      </c>
      <c r="D45982" s="1" t="s">
        <v>122211</v>
      </c>
      <c r="E45982" s="1" t="s">
        <v>156561</v>
      </c>
      <c r="F45982" s="1" t="s">
        <v>156562</v>
      </c>
      <c r="G45982" s="1" t="s">
        <v>156526</v>
      </c>
      <c r="H45982" s="1" t="s">
        <v>156527</v>
      </c>
      <c r="I45982" s="1" t="s">
        <v>156215</v>
      </c>
      <c r="J45982" s="1" t="s">
        <v>156563</v>
      </c>
    </row>
    <row r="45983" spans="1:10" x14ac:dyDescent="0.35">
      <c r="A45983" s="1" t="s">
        <v>5529</v>
      </c>
      <c r="B45983" s="1" t="s">
        <v>156209</v>
      </c>
      <c r="C45983" s="1" t="s">
        <v>70</v>
      </c>
      <c r="D45983" s="1" t="s">
        <v>156564</v>
      </c>
      <c r="E45983" s="1" t="s">
        <v>156565</v>
      </c>
      <c r="F45983" s="1" t="s">
        <v>156566</v>
      </c>
      <c r="G45983" s="1" t="s">
        <v>156526</v>
      </c>
      <c r="H45983" s="1" t="s">
        <v>156527</v>
      </c>
      <c r="I45983" s="1" t="s">
        <v>156215</v>
      </c>
      <c r="J45983" s="1" t="s">
        <v>156567</v>
      </c>
    </row>
    <row r="45984" spans="1:10" x14ac:dyDescent="0.35">
      <c r="A45984" s="1" t="s">
        <v>5529</v>
      </c>
      <c r="B45984" s="1" t="s">
        <v>156209</v>
      </c>
      <c r="C45984" s="1" t="s">
        <v>75</v>
      </c>
      <c r="D45984" s="1" t="s">
        <v>7044</v>
      </c>
      <c r="E45984" s="1" t="s">
        <v>156568</v>
      </c>
      <c r="F45984" s="1" t="s">
        <v>156569</v>
      </c>
      <c r="G45984" s="1" t="s">
        <v>156526</v>
      </c>
      <c r="H45984" s="1" t="s">
        <v>156527</v>
      </c>
      <c r="I45984" s="1" t="s">
        <v>156215</v>
      </c>
      <c r="J45984" s="1" t="s">
        <v>156570</v>
      </c>
    </row>
    <row r="45985" spans="1:10" x14ac:dyDescent="0.35">
      <c r="A45985" s="1" t="s">
        <v>5529</v>
      </c>
      <c r="B45985" s="1" t="s">
        <v>156209</v>
      </c>
      <c r="C45985" s="1" t="s">
        <v>80</v>
      </c>
      <c r="D45985" s="1" t="s">
        <v>104449</v>
      </c>
      <c r="E45985" s="1" t="s">
        <v>156571</v>
      </c>
      <c r="F45985" s="1" t="s">
        <v>156572</v>
      </c>
      <c r="G45985" s="1" t="s">
        <v>156526</v>
      </c>
      <c r="H45985" s="1" t="s">
        <v>156527</v>
      </c>
      <c r="I45985" s="1" t="s">
        <v>156215</v>
      </c>
      <c r="J45985" s="1" t="s">
        <v>156573</v>
      </c>
    </row>
    <row r="45986" spans="1:10" x14ac:dyDescent="0.35">
      <c r="A45986" s="1" t="s">
        <v>5529</v>
      </c>
      <c r="B45986" s="1" t="s">
        <v>156209</v>
      </c>
      <c r="C45986" s="1" t="s">
        <v>85</v>
      </c>
      <c r="D45986" s="1" t="s">
        <v>156574</v>
      </c>
      <c r="E45986" s="1" t="s">
        <v>156575</v>
      </c>
      <c r="F45986" s="1" t="s">
        <v>156576</v>
      </c>
      <c r="G45986" s="1" t="s">
        <v>156526</v>
      </c>
      <c r="H45986" s="1" t="s">
        <v>156527</v>
      </c>
      <c r="I45986" s="1" t="s">
        <v>156215</v>
      </c>
      <c r="J45986" s="1" t="s">
        <v>156577</v>
      </c>
    </row>
    <row r="45987" spans="1:10" x14ac:dyDescent="0.35">
      <c r="A45987" s="1" t="s">
        <v>5529</v>
      </c>
      <c r="B45987" s="1" t="s">
        <v>156209</v>
      </c>
      <c r="C45987" s="1" t="s">
        <v>90</v>
      </c>
      <c r="D45987" s="1" t="s">
        <v>119306</v>
      </c>
      <c r="E45987" s="1" t="s">
        <v>156578</v>
      </c>
      <c r="F45987" s="1" t="s">
        <v>156579</v>
      </c>
      <c r="G45987" s="1" t="s">
        <v>156526</v>
      </c>
      <c r="H45987" s="1" t="s">
        <v>156527</v>
      </c>
      <c r="I45987" s="1" t="s">
        <v>156215</v>
      </c>
      <c r="J45987" s="1" t="s">
        <v>156580</v>
      </c>
    </row>
    <row r="45988" spans="1:10" x14ac:dyDescent="0.35">
      <c r="A45988" s="1" t="s">
        <v>5529</v>
      </c>
      <c r="B45988" s="1" t="s">
        <v>156209</v>
      </c>
      <c r="C45988" s="1" t="s">
        <v>95</v>
      </c>
      <c r="D45988" s="1" t="s">
        <v>14053</v>
      </c>
      <c r="E45988" s="1" t="s">
        <v>156581</v>
      </c>
      <c r="F45988" s="1" t="s">
        <v>156582</v>
      </c>
      <c r="G45988" s="1" t="s">
        <v>156526</v>
      </c>
      <c r="H45988" s="1" t="s">
        <v>156527</v>
      </c>
      <c r="I45988" s="1" t="s">
        <v>156215</v>
      </c>
      <c r="J45988" s="1" t="s">
        <v>156583</v>
      </c>
    </row>
    <row r="45989" spans="1:10" x14ac:dyDescent="0.35">
      <c r="A45989" s="1" t="s">
        <v>5529</v>
      </c>
      <c r="B45989" s="1" t="s">
        <v>156209</v>
      </c>
      <c r="C45989" s="1" t="s">
        <v>100</v>
      </c>
      <c r="D45989" s="1" t="s">
        <v>151298</v>
      </c>
      <c r="E45989" s="1" t="s">
        <v>156584</v>
      </c>
      <c r="F45989" s="1" t="s">
        <v>156585</v>
      </c>
      <c r="G45989" s="1" t="s">
        <v>156526</v>
      </c>
      <c r="H45989" s="1" t="s">
        <v>156527</v>
      </c>
      <c r="I45989" s="1" t="s">
        <v>156215</v>
      </c>
      <c r="J45989" s="1" t="s">
        <v>156586</v>
      </c>
    </row>
    <row r="45990" spans="1:10" x14ac:dyDescent="0.35">
      <c r="A45990" s="1" t="s">
        <v>5529</v>
      </c>
      <c r="B45990" s="1" t="s">
        <v>156209</v>
      </c>
      <c r="C45990" s="1" t="s">
        <v>105</v>
      </c>
      <c r="D45990" s="1" t="s">
        <v>156587</v>
      </c>
      <c r="E45990" s="1" t="s">
        <v>156588</v>
      </c>
      <c r="F45990" s="1" t="s">
        <v>156589</v>
      </c>
      <c r="G45990" s="1" t="s">
        <v>156526</v>
      </c>
      <c r="H45990" s="1" t="s">
        <v>156527</v>
      </c>
      <c r="I45990" s="1" t="s">
        <v>156215</v>
      </c>
      <c r="J45990" s="1" t="s">
        <v>156590</v>
      </c>
    </row>
    <row r="45991" spans="1:10" x14ac:dyDescent="0.35">
      <c r="A45991" s="1" t="s">
        <v>5529</v>
      </c>
      <c r="B45991" s="1" t="s">
        <v>156209</v>
      </c>
      <c r="C45991" s="1" t="s">
        <v>110</v>
      </c>
      <c r="D45991" s="1" t="s">
        <v>49143</v>
      </c>
      <c r="E45991" s="1" t="s">
        <v>156591</v>
      </c>
      <c r="F45991" s="1" t="s">
        <v>156592</v>
      </c>
      <c r="G45991" s="1" t="s">
        <v>156526</v>
      </c>
      <c r="H45991" s="1" t="s">
        <v>156527</v>
      </c>
      <c r="I45991" s="1" t="s">
        <v>156215</v>
      </c>
      <c r="J45991" s="1" t="s">
        <v>156593</v>
      </c>
    </row>
    <row r="45992" spans="1:10" x14ac:dyDescent="0.35">
      <c r="A45992" s="1" t="s">
        <v>5529</v>
      </c>
      <c r="B45992" s="1" t="s">
        <v>156209</v>
      </c>
      <c r="C45992" s="1" t="s">
        <v>115</v>
      </c>
      <c r="D45992" s="1" t="s">
        <v>74428</v>
      </c>
      <c r="E45992" s="1" t="s">
        <v>156594</v>
      </c>
      <c r="F45992" s="1" t="s">
        <v>156595</v>
      </c>
      <c r="G45992" s="1" t="s">
        <v>156526</v>
      </c>
      <c r="H45992" s="1" t="s">
        <v>156527</v>
      </c>
      <c r="I45992" s="1" t="s">
        <v>156215</v>
      </c>
      <c r="J45992" s="1" t="s">
        <v>156596</v>
      </c>
    </row>
    <row r="45993" spans="1:10" x14ac:dyDescent="0.35">
      <c r="A45993" s="1" t="s">
        <v>5529</v>
      </c>
      <c r="B45993" s="1" t="s">
        <v>156209</v>
      </c>
      <c r="C45993" s="1" t="s">
        <v>120</v>
      </c>
      <c r="D45993" s="1" t="s">
        <v>34387</v>
      </c>
      <c r="E45993" s="1" t="s">
        <v>156597</v>
      </c>
      <c r="F45993" s="1" t="s">
        <v>156598</v>
      </c>
      <c r="G45993" s="1" t="s">
        <v>156526</v>
      </c>
      <c r="H45993" s="1" t="s">
        <v>156527</v>
      </c>
      <c r="I45993" s="1" t="s">
        <v>156215</v>
      </c>
      <c r="J45993" s="1" t="s">
        <v>156599</v>
      </c>
    </row>
    <row r="45994" spans="1:10" x14ac:dyDescent="0.35">
      <c r="A45994" s="1" t="s">
        <v>5529</v>
      </c>
      <c r="B45994" s="1" t="s">
        <v>156209</v>
      </c>
      <c r="C45994" s="1" t="s">
        <v>125</v>
      </c>
      <c r="D45994" s="1" t="s">
        <v>156600</v>
      </c>
      <c r="E45994" s="1" t="s">
        <v>156601</v>
      </c>
      <c r="F45994" s="1" t="s">
        <v>156602</v>
      </c>
      <c r="G45994" s="1" t="s">
        <v>156526</v>
      </c>
      <c r="H45994" s="1" t="s">
        <v>156527</v>
      </c>
      <c r="I45994" s="1" t="s">
        <v>156215</v>
      </c>
      <c r="J45994" s="1" t="s">
        <v>156603</v>
      </c>
    </row>
    <row r="45995" spans="1:10" x14ac:dyDescent="0.35">
      <c r="A45995" s="1" t="s">
        <v>5529</v>
      </c>
      <c r="B45995" s="1" t="s">
        <v>156209</v>
      </c>
      <c r="C45995" s="1" t="s">
        <v>130</v>
      </c>
      <c r="D45995" s="1" t="s">
        <v>32923</v>
      </c>
      <c r="E45995" s="1" t="s">
        <v>156604</v>
      </c>
      <c r="F45995" s="1" t="s">
        <v>156605</v>
      </c>
      <c r="G45995" s="1" t="s">
        <v>156526</v>
      </c>
      <c r="H45995" s="1" t="s">
        <v>156527</v>
      </c>
      <c r="I45995" s="1" t="s">
        <v>156215</v>
      </c>
      <c r="J45995" s="1" t="s">
        <v>156606</v>
      </c>
    </row>
    <row r="45996" spans="1:10" x14ac:dyDescent="0.35">
      <c r="A45996" s="1" t="s">
        <v>5529</v>
      </c>
      <c r="B45996" s="1" t="s">
        <v>156209</v>
      </c>
      <c r="C45996" s="1" t="s">
        <v>135</v>
      </c>
      <c r="D45996" s="1" t="s">
        <v>124162</v>
      </c>
      <c r="E45996" s="1" t="s">
        <v>156607</v>
      </c>
      <c r="F45996" s="1" t="s">
        <v>156608</v>
      </c>
      <c r="G45996" s="1" t="s">
        <v>156526</v>
      </c>
      <c r="H45996" s="1" t="s">
        <v>156527</v>
      </c>
      <c r="I45996" s="1" t="s">
        <v>156215</v>
      </c>
      <c r="J45996" s="1" t="s">
        <v>156609</v>
      </c>
    </row>
    <row r="45997" spans="1:10" x14ac:dyDescent="0.35">
      <c r="A45997" s="1" t="s">
        <v>5529</v>
      </c>
      <c r="B45997" s="1" t="s">
        <v>156209</v>
      </c>
      <c r="C45997" s="1" t="s">
        <v>140</v>
      </c>
      <c r="D45997" s="1" t="s">
        <v>30748</v>
      </c>
      <c r="E45997" s="1" t="s">
        <v>156610</v>
      </c>
      <c r="F45997" s="1" t="s">
        <v>156611</v>
      </c>
      <c r="G45997" s="1" t="s">
        <v>156526</v>
      </c>
      <c r="H45997" s="1" t="s">
        <v>156527</v>
      </c>
      <c r="I45997" s="1" t="s">
        <v>156215</v>
      </c>
      <c r="J45997" s="1" t="s">
        <v>156612</v>
      </c>
    </row>
    <row r="45998" spans="1:10" x14ac:dyDescent="0.35">
      <c r="A45998" s="1" t="s">
        <v>5529</v>
      </c>
      <c r="B45998" s="1" t="s">
        <v>156209</v>
      </c>
      <c r="C45998" s="1" t="s">
        <v>145</v>
      </c>
      <c r="D45998" s="1" t="s">
        <v>15748</v>
      </c>
      <c r="E45998" s="1" t="s">
        <v>156613</v>
      </c>
      <c r="F45998" s="1" t="s">
        <v>156614</v>
      </c>
      <c r="G45998" s="1" t="s">
        <v>156526</v>
      </c>
      <c r="H45998" s="1" t="s">
        <v>156527</v>
      </c>
      <c r="I45998" s="1" t="s">
        <v>156215</v>
      </c>
      <c r="J45998" s="1" t="s">
        <v>156615</v>
      </c>
    </row>
    <row r="45999" spans="1:10" x14ac:dyDescent="0.35">
      <c r="A45999" s="1" t="s">
        <v>5529</v>
      </c>
      <c r="B45999" s="1" t="s">
        <v>156209</v>
      </c>
      <c r="C45999" s="1" t="s">
        <v>150</v>
      </c>
      <c r="D45999" s="1" t="s">
        <v>148405</v>
      </c>
      <c r="E45999" s="1" t="s">
        <v>156616</v>
      </c>
      <c r="F45999" s="1" t="s">
        <v>156617</v>
      </c>
      <c r="G45999" s="1" t="s">
        <v>156526</v>
      </c>
      <c r="H45999" s="1" t="s">
        <v>156527</v>
      </c>
      <c r="I45999" s="1" t="s">
        <v>156215</v>
      </c>
      <c r="J45999" s="1" t="s">
        <v>156618</v>
      </c>
    </row>
    <row r="46000" spans="1:10" x14ac:dyDescent="0.35">
      <c r="A46000" s="1" t="s">
        <v>5529</v>
      </c>
      <c r="B46000" s="1" t="s">
        <v>156209</v>
      </c>
      <c r="C46000" s="1" t="s">
        <v>155</v>
      </c>
      <c r="D46000" s="1" t="s">
        <v>14603</v>
      </c>
      <c r="E46000" s="1" t="s">
        <v>156619</v>
      </c>
      <c r="F46000" s="1" t="s">
        <v>156620</v>
      </c>
      <c r="G46000" s="1" t="s">
        <v>156526</v>
      </c>
      <c r="H46000" s="1" t="s">
        <v>156527</v>
      </c>
      <c r="I46000" s="1" t="s">
        <v>156215</v>
      </c>
      <c r="J46000" s="1" t="s">
        <v>156621</v>
      </c>
    </row>
    <row r="46001" spans="1:10" x14ac:dyDescent="0.35">
      <c r="A46001" s="1" t="s">
        <v>5529</v>
      </c>
      <c r="B46001" s="1" t="s">
        <v>156209</v>
      </c>
      <c r="C46001" s="1" t="s">
        <v>160</v>
      </c>
      <c r="D46001" s="1" t="s">
        <v>51888</v>
      </c>
      <c r="E46001" s="1" t="s">
        <v>156622</v>
      </c>
      <c r="F46001" s="1" t="s">
        <v>156623</v>
      </c>
      <c r="G46001" s="1" t="s">
        <v>156526</v>
      </c>
      <c r="H46001" s="1" t="s">
        <v>156527</v>
      </c>
      <c r="I46001" s="1" t="s">
        <v>156215</v>
      </c>
      <c r="J46001" s="1" t="s">
        <v>156624</v>
      </c>
    </row>
    <row r="46002" spans="1:10" x14ac:dyDescent="0.35">
      <c r="A46002" s="1" t="s">
        <v>5529</v>
      </c>
      <c r="B46002" s="1" t="s">
        <v>156209</v>
      </c>
      <c r="C46002" s="1" t="s">
        <v>165</v>
      </c>
      <c r="D46002" s="1" t="s">
        <v>75025</v>
      </c>
      <c r="E46002" s="1" t="s">
        <v>156625</v>
      </c>
      <c r="F46002" s="1" t="s">
        <v>156626</v>
      </c>
      <c r="G46002" s="1" t="s">
        <v>156526</v>
      </c>
      <c r="H46002" s="1" t="s">
        <v>156527</v>
      </c>
      <c r="I46002" s="1" t="s">
        <v>156215</v>
      </c>
      <c r="J46002" s="1" t="s">
        <v>156627</v>
      </c>
    </row>
    <row r="46003" spans="1:10" x14ac:dyDescent="0.35">
      <c r="A46003" s="1" t="s">
        <v>5529</v>
      </c>
      <c r="B46003" s="1" t="s">
        <v>156209</v>
      </c>
      <c r="C46003" s="1" t="s">
        <v>170</v>
      </c>
      <c r="D46003" s="1" t="s">
        <v>156628</v>
      </c>
      <c r="E46003" s="1" t="s">
        <v>156629</v>
      </c>
      <c r="F46003" s="1" t="s">
        <v>156630</v>
      </c>
      <c r="G46003" s="1" t="s">
        <v>156526</v>
      </c>
      <c r="H46003" s="1" t="s">
        <v>156527</v>
      </c>
      <c r="I46003" s="1" t="s">
        <v>156215</v>
      </c>
      <c r="J46003" s="1" t="s">
        <v>156631</v>
      </c>
    </row>
    <row r="46004" spans="1:10" x14ac:dyDescent="0.35">
      <c r="A46004" s="1" t="s">
        <v>156632</v>
      </c>
      <c r="B46004" s="1" t="s">
        <v>156209</v>
      </c>
      <c r="C46004" s="1" t="s">
        <v>8</v>
      </c>
      <c r="D46004" s="1" t="s">
        <v>117960</v>
      </c>
      <c r="E46004" s="1" t="s">
        <v>156633</v>
      </c>
      <c r="F46004" s="1" t="s">
        <v>156634</v>
      </c>
      <c r="G46004" s="1" t="s">
        <v>156635</v>
      </c>
      <c r="H46004" s="1" t="s">
        <v>156636</v>
      </c>
      <c r="I46004" s="1" t="s">
        <v>156215</v>
      </c>
      <c r="J46004" s="1" t="s">
        <v>13</v>
      </c>
    </row>
    <row r="46005" spans="1:10" x14ac:dyDescent="0.35">
      <c r="A46005" s="1" t="s">
        <v>156632</v>
      </c>
      <c r="B46005" s="1" t="s">
        <v>156209</v>
      </c>
      <c r="C46005" s="1" t="s">
        <v>15</v>
      </c>
      <c r="D46005" s="1" t="s">
        <v>26004</v>
      </c>
      <c r="E46005" s="1" t="s">
        <v>156637</v>
      </c>
      <c r="F46005" s="1" t="s">
        <v>156638</v>
      </c>
      <c r="G46005" s="1" t="s">
        <v>156635</v>
      </c>
      <c r="H46005" s="1" t="s">
        <v>156636</v>
      </c>
      <c r="I46005" s="1" t="s">
        <v>156215</v>
      </c>
      <c r="J46005" s="1" t="s">
        <v>156639</v>
      </c>
    </row>
    <row r="46006" spans="1:10" x14ac:dyDescent="0.35">
      <c r="A46006" s="1" t="s">
        <v>156632</v>
      </c>
      <c r="B46006" s="1" t="s">
        <v>156209</v>
      </c>
      <c r="C46006" s="1" t="s">
        <v>20</v>
      </c>
      <c r="D46006" s="1" t="s">
        <v>8695</v>
      </c>
      <c r="E46006" s="1" t="s">
        <v>156640</v>
      </c>
      <c r="F46006" s="1" t="s">
        <v>156641</v>
      </c>
      <c r="G46006" s="1" t="s">
        <v>156635</v>
      </c>
      <c r="H46006" s="1" t="s">
        <v>156636</v>
      </c>
      <c r="I46006" s="1" t="s">
        <v>156215</v>
      </c>
      <c r="J46006" s="1" t="s">
        <v>156642</v>
      </c>
    </row>
    <row r="46007" spans="1:10" x14ac:dyDescent="0.35">
      <c r="A46007" s="1" t="s">
        <v>156632</v>
      </c>
      <c r="B46007" s="1" t="s">
        <v>156209</v>
      </c>
      <c r="C46007" s="1" t="s">
        <v>25</v>
      </c>
      <c r="D46007" s="1" t="s">
        <v>3240</v>
      </c>
      <c r="E46007" s="1" t="s">
        <v>156643</v>
      </c>
      <c r="F46007" s="1" t="s">
        <v>156644</v>
      </c>
      <c r="G46007" s="1" t="s">
        <v>156635</v>
      </c>
      <c r="H46007" s="1" t="s">
        <v>156636</v>
      </c>
      <c r="I46007" s="1" t="s">
        <v>156215</v>
      </c>
      <c r="J46007" s="1" t="s">
        <v>156645</v>
      </c>
    </row>
    <row r="46008" spans="1:10" x14ac:dyDescent="0.35">
      <c r="A46008" s="1" t="s">
        <v>156632</v>
      </c>
      <c r="B46008" s="1" t="s">
        <v>156209</v>
      </c>
      <c r="C46008" s="1" t="s">
        <v>30</v>
      </c>
      <c r="D46008" s="1" t="s">
        <v>110353</v>
      </c>
      <c r="E46008" s="1" t="s">
        <v>156646</v>
      </c>
      <c r="F46008" s="1" t="s">
        <v>156647</v>
      </c>
      <c r="G46008" s="1" t="s">
        <v>156635</v>
      </c>
      <c r="H46008" s="1" t="s">
        <v>156636</v>
      </c>
      <c r="I46008" s="1" t="s">
        <v>156215</v>
      </c>
      <c r="J46008" s="1" t="s">
        <v>156648</v>
      </c>
    </row>
    <row r="46009" spans="1:10" x14ac:dyDescent="0.35">
      <c r="A46009" s="1" t="s">
        <v>156632</v>
      </c>
      <c r="B46009" s="1" t="s">
        <v>156209</v>
      </c>
      <c r="C46009" s="1" t="s">
        <v>35</v>
      </c>
      <c r="D46009" s="1" t="s">
        <v>29087</v>
      </c>
      <c r="E46009" s="1" t="s">
        <v>156649</v>
      </c>
      <c r="F46009" s="1" t="s">
        <v>156650</v>
      </c>
      <c r="G46009" s="1" t="s">
        <v>156635</v>
      </c>
      <c r="H46009" s="1" t="s">
        <v>156636</v>
      </c>
      <c r="I46009" s="1" t="s">
        <v>156215</v>
      </c>
      <c r="J46009" s="1" t="s">
        <v>146478</v>
      </c>
    </row>
    <row r="46010" spans="1:10" x14ac:dyDescent="0.35">
      <c r="A46010" s="1" t="s">
        <v>156632</v>
      </c>
      <c r="B46010" s="1" t="s">
        <v>156209</v>
      </c>
      <c r="C46010" s="1" t="s">
        <v>40</v>
      </c>
      <c r="D46010" s="1" t="s">
        <v>15059</v>
      </c>
      <c r="E46010" s="1" t="s">
        <v>156651</v>
      </c>
      <c r="F46010" s="1" t="s">
        <v>156652</v>
      </c>
      <c r="G46010" s="1" t="s">
        <v>156635</v>
      </c>
      <c r="H46010" s="1" t="s">
        <v>156636</v>
      </c>
      <c r="I46010" s="1" t="s">
        <v>156215</v>
      </c>
      <c r="J46010" s="1" t="s">
        <v>156653</v>
      </c>
    </row>
    <row r="46011" spans="1:10" x14ac:dyDescent="0.35">
      <c r="A46011" s="1" t="s">
        <v>156632</v>
      </c>
      <c r="B46011" s="1" t="s">
        <v>156209</v>
      </c>
      <c r="C46011" s="1" t="s">
        <v>45</v>
      </c>
      <c r="D46011" s="1" t="s">
        <v>25415</v>
      </c>
      <c r="E46011" s="1" t="s">
        <v>156654</v>
      </c>
      <c r="F46011" s="1" t="s">
        <v>156655</v>
      </c>
      <c r="G46011" s="1" t="s">
        <v>156635</v>
      </c>
      <c r="H46011" s="1" t="s">
        <v>156636</v>
      </c>
      <c r="I46011" s="1" t="s">
        <v>156215</v>
      </c>
      <c r="J46011" s="1" t="s">
        <v>156656</v>
      </c>
    </row>
    <row r="46012" spans="1:10" x14ac:dyDescent="0.35">
      <c r="A46012" s="1" t="s">
        <v>156632</v>
      </c>
      <c r="B46012" s="1" t="s">
        <v>156209</v>
      </c>
      <c r="C46012" s="1" t="s">
        <v>50</v>
      </c>
      <c r="D46012" s="1" t="s">
        <v>145568</v>
      </c>
      <c r="E46012" s="1" t="s">
        <v>156657</v>
      </c>
      <c r="F46012" s="1" t="s">
        <v>135370</v>
      </c>
      <c r="G46012" s="1" t="s">
        <v>156635</v>
      </c>
      <c r="H46012" s="1" t="s">
        <v>156636</v>
      </c>
      <c r="I46012" s="1" t="s">
        <v>156215</v>
      </c>
      <c r="J46012" s="1" t="s">
        <v>156658</v>
      </c>
    </row>
    <row r="46013" spans="1:10" x14ac:dyDescent="0.35">
      <c r="A46013" s="1" t="s">
        <v>156632</v>
      </c>
      <c r="B46013" s="1" t="s">
        <v>156209</v>
      </c>
      <c r="C46013" s="1" t="s">
        <v>55</v>
      </c>
      <c r="D46013" s="1" t="s">
        <v>8349</v>
      </c>
      <c r="E46013" s="1" t="s">
        <v>156659</v>
      </c>
      <c r="F46013" s="1" t="s">
        <v>156660</v>
      </c>
      <c r="G46013" s="1" t="s">
        <v>156635</v>
      </c>
      <c r="H46013" s="1" t="s">
        <v>156636</v>
      </c>
      <c r="I46013" s="1" t="s">
        <v>156215</v>
      </c>
      <c r="J46013" s="1" t="s">
        <v>156661</v>
      </c>
    </row>
    <row r="46014" spans="1:10" x14ac:dyDescent="0.35">
      <c r="A46014" s="1" t="s">
        <v>156632</v>
      </c>
      <c r="B46014" s="1" t="s">
        <v>156209</v>
      </c>
      <c r="C46014" s="1" t="s">
        <v>60</v>
      </c>
      <c r="D46014" s="1" t="s">
        <v>8687</v>
      </c>
      <c r="E46014" s="1" t="s">
        <v>156662</v>
      </c>
      <c r="F46014" s="1" t="s">
        <v>156663</v>
      </c>
      <c r="G46014" s="1" t="s">
        <v>156635</v>
      </c>
      <c r="H46014" s="1" t="s">
        <v>156636</v>
      </c>
      <c r="I46014" s="1" t="s">
        <v>156215</v>
      </c>
      <c r="J46014" s="1" t="s">
        <v>156664</v>
      </c>
    </row>
    <row r="46015" spans="1:10" x14ac:dyDescent="0.35">
      <c r="A46015" s="1" t="s">
        <v>156632</v>
      </c>
      <c r="B46015" s="1" t="s">
        <v>156209</v>
      </c>
      <c r="C46015" s="1" t="s">
        <v>65</v>
      </c>
      <c r="D46015" s="1" t="s">
        <v>109750</v>
      </c>
      <c r="E46015" s="1" t="s">
        <v>156665</v>
      </c>
      <c r="F46015" s="1" t="s">
        <v>156666</v>
      </c>
      <c r="G46015" s="1" t="s">
        <v>156635</v>
      </c>
      <c r="H46015" s="1" t="s">
        <v>156636</v>
      </c>
      <c r="I46015" s="1" t="s">
        <v>156215</v>
      </c>
      <c r="J46015" s="1" t="s">
        <v>156667</v>
      </c>
    </row>
    <row r="46016" spans="1:10" x14ac:dyDescent="0.35">
      <c r="A46016" s="1" t="s">
        <v>156632</v>
      </c>
      <c r="B46016" s="1" t="s">
        <v>156209</v>
      </c>
      <c r="C46016" s="1" t="s">
        <v>70</v>
      </c>
      <c r="D46016" s="1" t="s">
        <v>10815</v>
      </c>
      <c r="E46016" s="1" t="s">
        <v>156668</v>
      </c>
      <c r="F46016" s="1" t="s">
        <v>156669</v>
      </c>
      <c r="G46016" s="1" t="s">
        <v>156635</v>
      </c>
      <c r="H46016" s="1" t="s">
        <v>156636</v>
      </c>
      <c r="I46016" s="1" t="s">
        <v>156215</v>
      </c>
      <c r="J46016" s="1" t="s">
        <v>156670</v>
      </c>
    </row>
    <row r="46017" spans="1:10" x14ac:dyDescent="0.35">
      <c r="A46017" s="1" t="s">
        <v>156632</v>
      </c>
      <c r="B46017" s="1" t="s">
        <v>156209</v>
      </c>
      <c r="C46017" s="1" t="s">
        <v>75</v>
      </c>
      <c r="D46017" s="1" t="s">
        <v>121640</v>
      </c>
      <c r="E46017" s="1" t="s">
        <v>156671</v>
      </c>
      <c r="F46017" s="1" t="s">
        <v>156672</v>
      </c>
      <c r="G46017" s="1" t="s">
        <v>156635</v>
      </c>
      <c r="H46017" s="1" t="s">
        <v>156636</v>
      </c>
      <c r="I46017" s="1" t="s">
        <v>156215</v>
      </c>
      <c r="J46017" s="1" t="s">
        <v>156673</v>
      </c>
    </row>
    <row r="46018" spans="1:10" x14ac:dyDescent="0.35">
      <c r="A46018" s="1" t="s">
        <v>156632</v>
      </c>
      <c r="B46018" s="1" t="s">
        <v>156209</v>
      </c>
      <c r="C46018" s="1" t="s">
        <v>80</v>
      </c>
      <c r="D46018" s="1" t="s">
        <v>156674</v>
      </c>
      <c r="E46018" s="1" t="s">
        <v>156675</v>
      </c>
      <c r="F46018" s="1" t="s">
        <v>156676</v>
      </c>
      <c r="G46018" s="1" t="s">
        <v>156635</v>
      </c>
      <c r="H46018" s="1" t="s">
        <v>156636</v>
      </c>
      <c r="I46018" s="1" t="s">
        <v>156215</v>
      </c>
      <c r="J46018" s="1" t="s">
        <v>156677</v>
      </c>
    </row>
    <row r="46019" spans="1:10" x14ac:dyDescent="0.35">
      <c r="A46019" s="1" t="s">
        <v>156632</v>
      </c>
      <c r="B46019" s="1" t="s">
        <v>156209</v>
      </c>
      <c r="C46019" s="1" t="s">
        <v>85</v>
      </c>
      <c r="D46019" s="1" t="s">
        <v>14751</v>
      </c>
      <c r="E46019" s="1" t="s">
        <v>156678</v>
      </c>
      <c r="F46019" s="1" t="s">
        <v>156679</v>
      </c>
      <c r="G46019" s="1" t="s">
        <v>156635</v>
      </c>
      <c r="H46019" s="1" t="s">
        <v>156636</v>
      </c>
      <c r="I46019" s="1" t="s">
        <v>156215</v>
      </c>
      <c r="J46019" s="1" t="s">
        <v>156680</v>
      </c>
    </row>
    <row r="46020" spans="1:10" x14ac:dyDescent="0.35">
      <c r="A46020" s="1" t="s">
        <v>156632</v>
      </c>
      <c r="B46020" s="1" t="s">
        <v>156209</v>
      </c>
      <c r="C46020" s="1" t="s">
        <v>90</v>
      </c>
      <c r="D46020" s="1" t="s">
        <v>51143</v>
      </c>
      <c r="E46020" s="1" t="s">
        <v>156681</v>
      </c>
      <c r="F46020" s="1" t="s">
        <v>156682</v>
      </c>
      <c r="G46020" s="1" t="s">
        <v>156635</v>
      </c>
      <c r="H46020" s="1" t="s">
        <v>156636</v>
      </c>
      <c r="I46020" s="1" t="s">
        <v>156215</v>
      </c>
      <c r="J46020" s="1" t="s">
        <v>156683</v>
      </c>
    </row>
    <row r="46021" spans="1:10" x14ac:dyDescent="0.35">
      <c r="A46021" s="1" t="s">
        <v>156632</v>
      </c>
      <c r="B46021" s="1" t="s">
        <v>156209</v>
      </c>
      <c r="C46021" s="1" t="s">
        <v>95</v>
      </c>
      <c r="D46021" s="1" t="s">
        <v>8138</v>
      </c>
      <c r="E46021" s="1" t="s">
        <v>156684</v>
      </c>
      <c r="F46021" s="1" t="s">
        <v>156685</v>
      </c>
      <c r="G46021" s="1" t="s">
        <v>156635</v>
      </c>
      <c r="H46021" s="1" t="s">
        <v>156636</v>
      </c>
      <c r="I46021" s="1" t="s">
        <v>156215</v>
      </c>
      <c r="J46021" s="1" t="s">
        <v>156686</v>
      </c>
    </row>
    <row r="46022" spans="1:10" x14ac:dyDescent="0.35">
      <c r="A46022" s="1" t="s">
        <v>156632</v>
      </c>
      <c r="B46022" s="1" t="s">
        <v>156209</v>
      </c>
      <c r="C46022" s="1" t="s">
        <v>100</v>
      </c>
      <c r="D46022" s="1" t="s">
        <v>10338</v>
      </c>
      <c r="E46022" s="1" t="s">
        <v>156687</v>
      </c>
      <c r="F46022" s="1" t="s">
        <v>156688</v>
      </c>
      <c r="G46022" s="1" t="s">
        <v>156635</v>
      </c>
      <c r="H46022" s="1" t="s">
        <v>156636</v>
      </c>
      <c r="I46022" s="1" t="s">
        <v>156215</v>
      </c>
      <c r="J46022" s="1" t="s">
        <v>156689</v>
      </c>
    </row>
    <row r="46023" spans="1:10" x14ac:dyDescent="0.35">
      <c r="A46023" s="1" t="s">
        <v>156632</v>
      </c>
      <c r="B46023" s="1" t="s">
        <v>156209</v>
      </c>
      <c r="C46023" s="1" t="s">
        <v>105</v>
      </c>
      <c r="D46023" s="1" t="s">
        <v>144257</v>
      </c>
      <c r="E46023" s="1" t="s">
        <v>156690</v>
      </c>
      <c r="F46023" s="1" t="s">
        <v>156691</v>
      </c>
      <c r="G46023" s="1" t="s">
        <v>156635</v>
      </c>
      <c r="H46023" s="1" t="s">
        <v>156636</v>
      </c>
      <c r="I46023" s="1" t="s">
        <v>156215</v>
      </c>
      <c r="J46023" s="1" t="s">
        <v>156692</v>
      </c>
    </row>
    <row r="46024" spans="1:10" x14ac:dyDescent="0.35">
      <c r="A46024" s="1" t="s">
        <v>156632</v>
      </c>
      <c r="B46024" s="1" t="s">
        <v>156209</v>
      </c>
      <c r="C46024" s="1" t="s">
        <v>110</v>
      </c>
      <c r="D46024" s="1" t="s">
        <v>14781</v>
      </c>
      <c r="E46024" s="1" t="s">
        <v>156693</v>
      </c>
      <c r="F46024" s="1" t="s">
        <v>156694</v>
      </c>
      <c r="G46024" s="1" t="s">
        <v>156635</v>
      </c>
      <c r="H46024" s="1" t="s">
        <v>156636</v>
      </c>
      <c r="I46024" s="1" t="s">
        <v>156215</v>
      </c>
      <c r="J46024" s="1" t="s">
        <v>156695</v>
      </c>
    </row>
    <row r="46025" spans="1:10" x14ac:dyDescent="0.35">
      <c r="A46025" s="1" t="s">
        <v>156632</v>
      </c>
      <c r="B46025" s="1" t="s">
        <v>156209</v>
      </c>
      <c r="C46025" s="1" t="s">
        <v>115</v>
      </c>
      <c r="D46025" s="1" t="s">
        <v>49378</v>
      </c>
      <c r="E46025" s="1" t="s">
        <v>156696</v>
      </c>
      <c r="F46025" s="1" t="s">
        <v>156697</v>
      </c>
      <c r="G46025" s="1" t="s">
        <v>156635</v>
      </c>
      <c r="H46025" s="1" t="s">
        <v>156636</v>
      </c>
      <c r="I46025" s="1" t="s">
        <v>156215</v>
      </c>
      <c r="J46025" s="1" t="s">
        <v>156698</v>
      </c>
    </row>
    <row r="46026" spans="1:10" x14ac:dyDescent="0.35">
      <c r="A46026" s="1" t="s">
        <v>156632</v>
      </c>
      <c r="B46026" s="1" t="s">
        <v>156209</v>
      </c>
      <c r="C46026" s="1" t="s">
        <v>120</v>
      </c>
      <c r="D46026" s="1" t="s">
        <v>115347</v>
      </c>
      <c r="E46026" s="1" t="s">
        <v>156699</v>
      </c>
      <c r="F46026" s="1" t="s">
        <v>156700</v>
      </c>
      <c r="G46026" s="1" t="s">
        <v>156635</v>
      </c>
      <c r="H46026" s="1" t="s">
        <v>156636</v>
      </c>
      <c r="I46026" s="1" t="s">
        <v>156215</v>
      </c>
      <c r="J46026" s="1" t="s">
        <v>156701</v>
      </c>
    </row>
    <row r="46027" spans="1:10" x14ac:dyDescent="0.35">
      <c r="A46027" s="1" t="s">
        <v>156632</v>
      </c>
      <c r="B46027" s="1" t="s">
        <v>156209</v>
      </c>
      <c r="C46027" s="1" t="s">
        <v>125</v>
      </c>
      <c r="D46027" s="1" t="s">
        <v>156702</v>
      </c>
      <c r="E46027" s="1" t="s">
        <v>156703</v>
      </c>
      <c r="F46027" s="1" t="s">
        <v>156704</v>
      </c>
      <c r="G46027" s="1" t="s">
        <v>156635</v>
      </c>
      <c r="H46027" s="1" t="s">
        <v>156636</v>
      </c>
      <c r="I46027" s="1" t="s">
        <v>156215</v>
      </c>
      <c r="J46027" s="1" t="s">
        <v>156705</v>
      </c>
    </row>
    <row r="46028" spans="1:10" x14ac:dyDescent="0.35">
      <c r="A46028" s="1" t="s">
        <v>156632</v>
      </c>
      <c r="B46028" s="1" t="s">
        <v>156209</v>
      </c>
      <c r="C46028" s="1" t="s">
        <v>130</v>
      </c>
      <c r="D46028" s="1" t="s">
        <v>28361</v>
      </c>
      <c r="E46028" s="1" t="s">
        <v>156706</v>
      </c>
      <c r="F46028" s="1" t="s">
        <v>156707</v>
      </c>
      <c r="G46028" s="1" t="s">
        <v>156635</v>
      </c>
      <c r="H46028" s="1" t="s">
        <v>156636</v>
      </c>
      <c r="I46028" s="1" t="s">
        <v>156215</v>
      </c>
      <c r="J46028" s="1" t="s">
        <v>156708</v>
      </c>
    </row>
    <row r="46029" spans="1:10" x14ac:dyDescent="0.35">
      <c r="A46029" s="1" t="s">
        <v>156632</v>
      </c>
      <c r="B46029" s="1" t="s">
        <v>156209</v>
      </c>
      <c r="C46029" s="1" t="s">
        <v>135</v>
      </c>
      <c r="D46029" s="1" t="s">
        <v>12996</v>
      </c>
      <c r="E46029" s="1" t="s">
        <v>156709</v>
      </c>
      <c r="F46029" s="1" t="s">
        <v>156710</v>
      </c>
      <c r="G46029" s="1" t="s">
        <v>156635</v>
      </c>
      <c r="H46029" s="1" t="s">
        <v>156636</v>
      </c>
      <c r="I46029" s="1" t="s">
        <v>156215</v>
      </c>
      <c r="J46029" s="1" t="s">
        <v>156711</v>
      </c>
    </row>
    <row r="46030" spans="1:10" x14ac:dyDescent="0.35">
      <c r="A46030" s="1" t="s">
        <v>156632</v>
      </c>
      <c r="B46030" s="1" t="s">
        <v>156209</v>
      </c>
      <c r="C46030" s="1" t="s">
        <v>140</v>
      </c>
      <c r="D46030" s="1" t="s">
        <v>16112</v>
      </c>
      <c r="E46030" s="1" t="s">
        <v>156712</v>
      </c>
      <c r="F46030" s="1" t="s">
        <v>156713</v>
      </c>
      <c r="G46030" s="1" t="s">
        <v>156635</v>
      </c>
      <c r="H46030" s="1" t="s">
        <v>156636</v>
      </c>
      <c r="I46030" s="1" t="s">
        <v>156215</v>
      </c>
      <c r="J46030" s="1" t="s">
        <v>156714</v>
      </c>
    </row>
    <row r="46031" spans="1:10" x14ac:dyDescent="0.35">
      <c r="A46031" s="1" t="s">
        <v>156632</v>
      </c>
      <c r="B46031" s="1" t="s">
        <v>156209</v>
      </c>
      <c r="C46031" s="1" t="s">
        <v>145</v>
      </c>
      <c r="D46031" s="1" t="s">
        <v>141809</v>
      </c>
      <c r="E46031" s="1" t="s">
        <v>156715</v>
      </c>
      <c r="F46031" s="1" t="s">
        <v>156716</v>
      </c>
      <c r="G46031" s="1" t="s">
        <v>156635</v>
      </c>
      <c r="H46031" s="1" t="s">
        <v>156636</v>
      </c>
      <c r="I46031" s="1" t="s">
        <v>156215</v>
      </c>
      <c r="J46031" s="1" t="s">
        <v>156717</v>
      </c>
    </row>
    <row r="46032" spans="1:10" x14ac:dyDescent="0.35">
      <c r="A46032" s="1" t="s">
        <v>156632</v>
      </c>
      <c r="B46032" s="1" t="s">
        <v>156209</v>
      </c>
      <c r="C46032" s="1" t="s">
        <v>150</v>
      </c>
      <c r="D46032" s="1" t="s">
        <v>118369</v>
      </c>
      <c r="E46032" s="1" t="s">
        <v>156718</v>
      </c>
      <c r="F46032" s="1" t="s">
        <v>156719</v>
      </c>
      <c r="G46032" s="1" t="s">
        <v>156635</v>
      </c>
      <c r="H46032" s="1" t="s">
        <v>156636</v>
      </c>
      <c r="I46032" s="1" t="s">
        <v>156215</v>
      </c>
      <c r="J46032" s="1" t="s">
        <v>156720</v>
      </c>
    </row>
    <row r="46033" spans="1:10" x14ac:dyDescent="0.35">
      <c r="A46033" s="1" t="s">
        <v>156632</v>
      </c>
      <c r="B46033" s="1" t="s">
        <v>156209</v>
      </c>
      <c r="C46033" s="1" t="s">
        <v>155</v>
      </c>
      <c r="D46033" s="1" t="s">
        <v>35419</v>
      </c>
      <c r="E46033" s="1" t="s">
        <v>156721</v>
      </c>
      <c r="F46033" s="1" t="s">
        <v>156722</v>
      </c>
      <c r="G46033" s="1" t="s">
        <v>156635</v>
      </c>
      <c r="H46033" s="1" t="s">
        <v>156636</v>
      </c>
      <c r="I46033" s="1" t="s">
        <v>156215</v>
      </c>
      <c r="J46033" s="1" t="s">
        <v>156723</v>
      </c>
    </row>
    <row r="46034" spans="1:10" x14ac:dyDescent="0.35">
      <c r="A46034" s="1" t="s">
        <v>156632</v>
      </c>
      <c r="B46034" s="1" t="s">
        <v>156209</v>
      </c>
      <c r="C46034" s="1" t="s">
        <v>160</v>
      </c>
      <c r="D46034" s="1" t="s">
        <v>70995</v>
      </c>
      <c r="E46034" s="1" t="s">
        <v>156724</v>
      </c>
      <c r="F46034" s="1" t="s">
        <v>156725</v>
      </c>
      <c r="G46034" s="1" t="s">
        <v>156635</v>
      </c>
      <c r="H46034" s="1" t="s">
        <v>156636</v>
      </c>
      <c r="I46034" s="1" t="s">
        <v>156215</v>
      </c>
      <c r="J46034" s="1" t="s">
        <v>156726</v>
      </c>
    </row>
    <row r="46035" spans="1:10" x14ac:dyDescent="0.35">
      <c r="A46035" s="1" t="s">
        <v>156632</v>
      </c>
      <c r="B46035" s="1" t="s">
        <v>156209</v>
      </c>
      <c r="C46035" s="1" t="s">
        <v>165</v>
      </c>
      <c r="D46035" s="1" t="s">
        <v>13023</v>
      </c>
      <c r="E46035" s="1" t="s">
        <v>156727</v>
      </c>
      <c r="F46035" s="1" t="s">
        <v>156728</v>
      </c>
      <c r="G46035" s="1" t="s">
        <v>156635</v>
      </c>
      <c r="H46035" s="1" t="s">
        <v>156636</v>
      </c>
      <c r="I46035" s="1" t="s">
        <v>156215</v>
      </c>
      <c r="J46035" s="1" t="s">
        <v>156729</v>
      </c>
    </row>
    <row r="46036" spans="1:10" x14ac:dyDescent="0.35">
      <c r="A46036" s="1" t="s">
        <v>156632</v>
      </c>
      <c r="B46036" s="1" t="s">
        <v>156209</v>
      </c>
      <c r="C46036" s="1" t="s">
        <v>170</v>
      </c>
      <c r="D46036" s="1" t="s">
        <v>156730</v>
      </c>
      <c r="E46036" s="1" t="s">
        <v>156731</v>
      </c>
      <c r="F46036" s="1" t="s">
        <v>156732</v>
      </c>
      <c r="G46036" s="1" t="s">
        <v>156635</v>
      </c>
      <c r="H46036" s="1" t="s">
        <v>156636</v>
      </c>
      <c r="I46036" s="1" t="s">
        <v>156215</v>
      </c>
      <c r="J46036" s="1" t="s">
        <v>156733</v>
      </c>
    </row>
    <row r="46037" spans="1:10" x14ac:dyDescent="0.35">
      <c r="A46037" s="1" t="s">
        <v>3976</v>
      </c>
      <c r="B46037" s="1" t="s">
        <v>156209</v>
      </c>
      <c r="C46037" s="1" t="s">
        <v>8</v>
      </c>
      <c r="D46037" s="1" t="s">
        <v>156734</v>
      </c>
      <c r="E46037" s="1" t="s">
        <v>156735</v>
      </c>
      <c r="F46037" s="1" t="s">
        <v>156736</v>
      </c>
      <c r="G46037" s="1" t="s">
        <v>156737</v>
      </c>
      <c r="H46037" s="1" t="s">
        <v>156738</v>
      </c>
      <c r="I46037" s="1" t="s">
        <v>156215</v>
      </c>
      <c r="J46037" s="1" t="s">
        <v>13</v>
      </c>
    </row>
    <row r="46038" spans="1:10" x14ac:dyDescent="0.35">
      <c r="A46038" s="1" t="s">
        <v>3976</v>
      </c>
      <c r="B46038" s="1" t="s">
        <v>156209</v>
      </c>
      <c r="C46038" s="1" t="s">
        <v>15</v>
      </c>
      <c r="D46038" s="1" t="s">
        <v>45240</v>
      </c>
      <c r="E46038" s="1" t="s">
        <v>156739</v>
      </c>
      <c r="F46038" s="1" t="s">
        <v>156740</v>
      </c>
      <c r="G46038" s="1" t="s">
        <v>156737</v>
      </c>
      <c r="H46038" s="1" t="s">
        <v>156738</v>
      </c>
      <c r="I46038" s="1" t="s">
        <v>156215</v>
      </c>
      <c r="J46038" s="1" t="s">
        <v>156741</v>
      </c>
    </row>
    <row r="46039" spans="1:10" x14ac:dyDescent="0.35">
      <c r="A46039" s="1" t="s">
        <v>3976</v>
      </c>
      <c r="B46039" s="1" t="s">
        <v>156209</v>
      </c>
      <c r="C46039" s="1" t="s">
        <v>20</v>
      </c>
      <c r="D46039" s="1" t="s">
        <v>3900</v>
      </c>
      <c r="E46039" s="1" t="s">
        <v>156742</v>
      </c>
      <c r="F46039" s="1" t="s">
        <v>156743</v>
      </c>
      <c r="G46039" s="1" t="s">
        <v>156737</v>
      </c>
      <c r="H46039" s="1" t="s">
        <v>156738</v>
      </c>
      <c r="I46039" s="1" t="s">
        <v>156215</v>
      </c>
      <c r="J46039" s="1" t="s">
        <v>156744</v>
      </c>
    </row>
    <row r="46040" spans="1:10" x14ac:dyDescent="0.35">
      <c r="A46040" s="1" t="s">
        <v>3976</v>
      </c>
      <c r="B46040" s="1" t="s">
        <v>156209</v>
      </c>
      <c r="C46040" s="1" t="s">
        <v>25</v>
      </c>
      <c r="D46040" s="1" t="s">
        <v>6384</v>
      </c>
      <c r="E46040" s="1" t="s">
        <v>156745</v>
      </c>
      <c r="F46040" s="1" t="s">
        <v>156746</v>
      </c>
      <c r="G46040" s="1" t="s">
        <v>156737</v>
      </c>
      <c r="H46040" s="1" t="s">
        <v>156738</v>
      </c>
      <c r="I46040" s="1" t="s">
        <v>156215</v>
      </c>
      <c r="J46040" s="1" t="s">
        <v>156747</v>
      </c>
    </row>
    <row r="46041" spans="1:10" x14ac:dyDescent="0.35">
      <c r="A46041" s="1" t="s">
        <v>3976</v>
      </c>
      <c r="B46041" s="1" t="s">
        <v>156209</v>
      </c>
      <c r="C46041" s="1" t="s">
        <v>30</v>
      </c>
      <c r="D46041" s="1" t="s">
        <v>4349</v>
      </c>
      <c r="E46041" s="1" t="s">
        <v>156748</v>
      </c>
      <c r="F46041" s="1" t="s">
        <v>156749</v>
      </c>
      <c r="G46041" s="1" t="s">
        <v>156737</v>
      </c>
      <c r="H46041" s="1" t="s">
        <v>156738</v>
      </c>
      <c r="I46041" s="1" t="s">
        <v>156215</v>
      </c>
      <c r="J46041" s="1" t="s">
        <v>156750</v>
      </c>
    </row>
    <row r="46042" spans="1:10" x14ac:dyDescent="0.35">
      <c r="A46042" s="1" t="s">
        <v>3976</v>
      </c>
      <c r="B46042" s="1" t="s">
        <v>156209</v>
      </c>
      <c r="C46042" s="1" t="s">
        <v>35</v>
      </c>
      <c r="D46042" s="1" t="s">
        <v>12108</v>
      </c>
      <c r="E46042" s="1" t="s">
        <v>156751</v>
      </c>
      <c r="F46042" s="1" t="s">
        <v>156752</v>
      </c>
      <c r="G46042" s="1" t="s">
        <v>156737</v>
      </c>
      <c r="H46042" s="1" t="s">
        <v>156738</v>
      </c>
      <c r="I46042" s="1" t="s">
        <v>156215</v>
      </c>
      <c r="J46042" s="1" t="s">
        <v>156753</v>
      </c>
    </row>
    <row r="46043" spans="1:10" x14ac:dyDescent="0.35">
      <c r="A46043" s="1" t="s">
        <v>3976</v>
      </c>
      <c r="B46043" s="1" t="s">
        <v>156209</v>
      </c>
      <c r="C46043" s="1" t="s">
        <v>40</v>
      </c>
      <c r="D46043" s="1" t="s">
        <v>5505</v>
      </c>
      <c r="E46043" s="1" t="s">
        <v>156754</v>
      </c>
      <c r="F46043" s="1" t="s">
        <v>156755</v>
      </c>
      <c r="G46043" s="1" t="s">
        <v>156737</v>
      </c>
      <c r="H46043" s="1" t="s">
        <v>156738</v>
      </c>
      <c r="I46043" s="1" t="s">
        <v>156215</v>
      </c>
      <c r="J46043" s="1" t="s">
        <v>156756</v>
      </c>
    </row>
    <row r="46044" spans="1:10" x14ac:dyDescent="0.35">
      <c r="A46044" s="1" t="s">
        <v>3976</v>
      </c>
      <c r="B46044" s="1" t="s">
        <v>156209</v>
      </c>
      <c r="C46044" s="1" t="s">
        <v>45</v>
      </c>
      <c r="D46044" s="1" t="s">
        <v>150</v>
      </c>
      <c r="E46044" s="1" t="s">
        <v>156757</v>
      </c>
      <c r="F46044" s="1" t="s">
        <v>156758</v>
      </c>
      <c r="G46044" s="1" t="s">
        <v>156737</v>
      </c>
      <c r="H46044" s="1" t="s">
        <v>156738</v>
      </c>
      <c r="I46044" s="1" t="s">
        <v>156215</v>
      </c>
      <c r="J46044" s="1" t="s">
        <v>156759</v>
      </c>
    </row>
    <row r="46045" spans="1:10" x14ac:dyDescent="0.35">
      <c r="A46045" s="1" t="s">
        <v>3976</v>
      </c>
      <c r="B46045" s="1" t="s">
        <v>156209</v>
      </c>
      <c r="C46045" s="1" t="s">
        <v>50</v>
      </c>
      <c r="D46045" s="1" t="s">
        <v>4376</v>
      </c>
      <c r="E46045" s="1" t="s">
        <v>156760</v>
      </c>
      <c r="F46045" s="1" t="s">
        <v>156761</v>
      </c>
      <c r="G46045" s="1" t="s">
        <v>156737</v>
      </c>
      <c r="H46045" s="1" t="s">
        <v>156738</v>
      </c>
      <c r="I46045" s="1" t="s">
        <v>156215</v>
      </c>
      <c r="J46045" s="1" t="s">
        <v>156762</v>
      </c>
    </row>
    <row r="46046" spans="1:10" x14ac:dyDescent="0.35">
      <c r="A46046" s="1" t="s">
        <v>3976</v>
      </c>
      <c r="B46046" s="1" t="s">
        <v>156209</v>
      </c>
      <c r="C46046" s="1" t="s">
        <v>55</v>
      </c>
      <c r="D46046" s="1" t="s">
        <v>3995</v>
      </c>
      <c r="E46046" s="1" t="s">
        <v>156763</v>
      </c>
      <c r="F46046" s="1" t="s">
        <v>156764</v>
      </c>
      <c r="G46046" s="1" t="s">
        <v>156737</v>
      </c>
      <c r="H46046" s="1" t="s">
        <v>156738</v>
      </c>
      <c r="I46046" s="1" t="s">
        <v>156215</v>
      </c>
      <c r="J46046" s="1" t="s">
        <v>156765</v>
      </c>
    </row>
    <row r="46047" spans="1:10" x14ac:dyDescent="0.35">
      <c r="A46047" s="1" t="s">
        <v>3976</v>
      </c>
      <c r="B46047" s="1" t="s">
        <v>156209</v>
      </c>
      <c r="C46047" s="1" t="s">
        <v>60</v>
      </c>
      <c r="D46047" s="1" t="s">
        <v>27345</v>
      </c>
      <c r="E46047" s="1" t="s">
        <v>156766</v>
      </c>
      <c r="F46047" s="1" t="s">
        <v>156767</v>
      </c>
      <c r="G46047" s="1" t="s">
        <v>156737</v>
      </c>
      <c r="H46047" s="1" t="s">
        <v>156738</v>
      </c>
      <c r="I46047" s="1" t="s">
        <v>156215</v>
      </c>
      <c r="J46047" s="1" t="s">
        <v>156768</v>
      </c>
    </row>
    <row r="46048" spans="1:10" x14ac:dyDescent="0.35">
      <c r="A46048" s="1" t="s">
        <v>3976</v>
      </c>
      <c r="B46048" s="1" t="s">
        <v>156209</v>
      </c>
      <c r="C46048" s="1" t="s">
        <v>65</v>
      </c>
      <c r="D46048" s="1" t="s">
        <v>4435</v>
      </c>
      <c r="E46048" s="1" t="s">
        <v>156769</v>
      </c>
      <c r="F46048" s="1" t="s">
        <v>156770</v>
      </c>
      <c r="G46048" s="1" t="s">
        <v>156737</v>
      </c>
      <c r="H46048" s="1" t="s">
        <v>156738</v>
      </c>
      <c r="I46048" s="1" t="s">
        <v>156215</v>
      </c>
      <c r="J46048" s="1" t="s">
        <v>156771</v>
      </c>
    </row>
    <row r="46049" spans="1:10" x14ac:dyDescent="0.35">
      <c r="A46049" s="1" t="s">
        <v>3976</v>
      </c>
      <c r="B46049" s="1" t="s">
        <v>156209</v>
      </c>
      <c r="C46049" s="1" t="s">
        <v>70</v>
      </c>
      <c r="D46049" s="1" t="s">
        <v>148249</v>
      </c>
      <c r="E46049" s="1" t="s">
        <v>156772</v>
      </c>
      <c r="F46049" s="1" t="s">
        <v>156773</v>
      </c>
      <c r="G46049" s="1" t="s">
        <v>156737</v>
      </c>
      <c r="H46049" s="1" t="s">
        <v>156738</v>
      </c>
      <c r="I46049" s="1" t="s">
        <v>156215</v>
      </c>
      <c r="J46049" s="1" t="s">
        <v>156774</v>
      </c>
    </row>
    <row r="46050" spans="1:10" x14ac:dyDescent="0.35">
      <c r="A46050" s="1" t="s">
        <v>3976</v>
      </c>
      <c r="B46050" s="1" t="s">
        <v>156209</v>
      </c>
      <c r="C46050" s="1" t="s">
        <v>75</v>
      </c>
      <c r="D46050" s="1" t="s">
        <v>146417</v>
      </c>
      <c r="E46050" s="1" t="s">
        <v>156775</v>
      </c>
      <c r="F46050" s="1" t="s">
        <v>156776</v>
      </c>
      <c r="G46050" s="1" t="s">
        <v>156737</v>
      </c>
      <c r="H46050" s="1" t="s">
        <v>156738</v>
      </c>
      <c r="I46050" s="1" t="s">
        <v>156215</v>
      </c>
      <c r="J46050" s="1" t="s">
        <v>156777</v>
      </c>
    </row>
    <row r="46051" spans="1:10" x14ac:dyDescent="0.35">
      <c r="A46051" s="1" t="s">
        <v>3976</v>
      </c>
      <c r="B46051" s="1" t="s">
        <v>156209</v>
      </c>
      <c r="C46051" s="1" t="s">
        <v>80</v>
      </c>
      <c r="D46051" s="1" t="s">
        <v>8369</v>
      </c>
      <c r="E46051" s="1" t="s">
        <v>156778</v>
      </c>
      <c r="F46051" s="1" t="s">
        <v>156779</v>
      </c>
      <c r="G46051" s="1" t="s">
        <v>156737</v>
      </c>
      <c r="H46051" s="1" t="s">
        <v>156738</v>
      </c>
      <c r="I46051" s="1" t="s">
        <v>156215</v>
      </c>
      <c r="J46051" s="1" t="s">
        <v>156780</v>
      </c>
    </row>
    <row r="46052" spans="1:10" x14ac:dyDescent="0.35">
      <c r="A46052" s="1" t="s">
        <v>3976</v>
      </c>
      <c r="B46052" s="1" t="s">
        <v>156209</v>
      </c>
      <c r="C46052" s="1" t="s">
        <v>85</v>
      </c>
      <c r="D46052" s="1" t="s">
        <v>149231</v>
      </c>
      <c r="E46052" s="1" t="s">
        <v>156781</v>
      </c>
      <c r="F46052" s="1" t="s">
        <v>156782</v>
      </c>
      <c r="G46052" s="1" t="s">
        <v>156737</v>
      </c>
      <c r="H46052" s="1" t="s">
        <v>156738</v>
      </c>
      <c r="I46052" s="1" t="s">
        <v>156215</v>
      </c>
      <c r="J46052" s="1" t="s">
        <v>156783</v>
      </c>
    </row>
    <row r="46053" spans="1:10" x14ac:dyDescent="0.35">
      <c r="A46053" s="1" t="s">
        <v>3976</v>
      </c>
      <c r="B46053" s="1" t="s">
        <v>156209</v>
      </c>
      <c r="C46053" s="1" t="s">
        <v>90</v>
      </c>
      <c r="D46053" s="1" t="s">
        <v>8284</v>
      </c>
      <c r="E46053" s="1" t="s">
        <v>156784</v>
      </c>
      <c r="F46053" s="1" t="s">
        <v>156785</v>
      </c>
      <c r="G46053" s="1" t="s">
        <v>156737</v>
      </c>
      <c r="H46053" s="1" t="s">
        <v>156738</v>
      </c>
      <c r="I46053" s="1" t="s">
        <v>156215</v>
      </c>
      <c r="J46053" s="1" t="s">
        <v>156786</v>
      </c>
    </row>
    <row r="46054" spans="1:10" x14ac:dyDescent="0.35">
      <c r="A46054" s="1" t="s">
        <v>3976</v>
      </c>
      <c r="B46054" s="1" t="s">
        <v>156209</v>
      </c>
      <c r="C46054" s="1" t="s">
        <v>95</v>
      </c>
      <c r="D46054" s="1" t="s">
        <v>4078</v>
      </c>
      <c r="E46054" s="1" t="s">
        <v>156787</v>
      </c>
      <c r="F46054" s="1" t="s">
        <v>156788</v>
      </c>
      <c r="G46054" s="1" t="s">
        <v>156737</v>
      </c>
      <c r="H46054" s="1" t="s">
        <v>156738</v>
      </c>
      <c r="I46054" s="1" t="s">
        <v>156215</v>
      </c>
      <c r="J46054" s="1" t="s">
        <v>156789</v>
      </c>
    </row>
    <row r="46055" spans="1:10" x14ac:dyDescent="0.35">
      <c r="A46055" s="1" t="s">
        <v>3976</v>
      </c>
      <c r="B46055" s="1" t="s">
        <v>156209</v>
      </c>
      <c r="C46055" s="1" t="s">
        <v>100</v>
      </c>
      <c r="D46055" s="1" t="s">
        <v>30053</v>
      </c>
      <c r="E46055" s="1" t="s">
        <v>156790</v>
      </c>
      <c r="F46055" s="1" t="s">
        <v>156791</v>
      </c>
      <c r="G46055" s="1" t="s">
        <v>156737</v>
      </c>
      <c r="H46055" s="1" t="s">
        <v>156738</v>
      </c>
      <c r="I46055" s="1" t="s">
        <v>156215</v>
      </c>
      <c r="J46055" s="1" t="s">
        <v>156792</v>
      </c>
    </row>
    <row r="46056" spans="1:10" x14ac:dyDescent="0.35">
      <c r="A46056" s="1" t="s">
        <v>3976</v>
      </c>
      <c r="B46056" s="1" t="s">
        <v>156209</v>
      </c>
      <c r="C46056" s="1" t="s">
        <v>105</v>
      </c>
      <c r="D46056" s="1" t="s">
        <v>43821</v>
      </c>
      <c r="E46056" s="1" t="s">
        <v>156793</v>
      </c>
      <c r="F46056" s="1" t="s">
        <v>156794</v>
      </c>
      <c r="G46056" s="1" t="s">
        <v>156737</v>
      </c>
      <c r="H46056" s="1" t="s">
        <v>156738</v>
      </c>
      <c r="I46056" s="1" t="s">
        <v>156215</v>
      </c>
      <c r="J46056" s="1" t="s">
        <v>156795</v>
      </c>
    </row>
    <row r="46057" spans="1:10" x14ac:dyDescent="0.35">
      <c r="A46057" s="1" t="s">
        <v>3976</v>
      </c>
      <c r="B46057" s="1" t="s">
        <v>156209</v>
      </c>
      <c r="C46057" s="1" t="s">
        <v>110</v>
      </c>
      <c r="D46057" s="1" t="s">
        <v>156796</v>
      </c>
      <c r="E46057" s="1" t="s">
        <v>156797</v>
      </c>
      <c r="F46057" s="1" t="s">
        <v>156798</v>
      </c>
      <c r="G46057" s="1" t="s">
        <v>156737</v>
      </c>
      <c r="H46057" s="1" t="s">
        <v>156738</v>
      </c>
      <c r="I46057" s="1" t="s">
        <v>156215</v>
      </c>
      <c r="J46057" s="1" t="s">
        <v>156799</v>
      </c>
    </row>
    <row r="46058" spans="1:10" x14ac:dyDescent="0.35">
      <c r="A46058" s="1" t="s">
        <v>3976</v>
      </c>
      <c r="B46058" s="1" t="s">
        <v>156209</v>
      </c>
      <c r="C46058" s="1" t="s">
        <v>115</v>
      </c>
      <c r="D46058" s="1" t="s">
        <v>111876</v>
      </c>
      <c r="E46058" s="1" t="s">
        <v>156800</v>
      </c>
      <c r="F46058" s="1" t="s">
        <v>156801</v>
      </c>
      <c r="G46058" s="1" t="s">
        <v>156737</v>
      </c>
      <c r="H46058" s="1" t="s">
        <v>156738</v>
      </c>
      <c r="I46058" s="1" t="s">
        <v>156215</v>
      </c>
      <c r="J46058" s="1" t="s">
        <v>156802</v>
      </c>
    </row>
    <row r="46059" spans="1:10" x14ac:dyDescent="0.35">
      <c r="A46059" s="1" t="s">
        <v>3976</v>
      </c>
      <c r="B46059" s="1" t="s">
        <v>156209</v>
      </c>
      <c r="C46059" s="1" t="s">
        <v>120</v>
      </c>
      <c r="D46059" s="1" t="s">
        <v>156803</v>
      </c>
      <c r="E46059" s="1" t="s">
        <v>156804</v>
      </c>
      <c r="F46059" s="1" t="s">
        <v>156805</v>
      </c>
      <c r="G46059" s="1" t="s">
        <v>156737</v>
      </c>
      <c r="H46059" s="1" t="s">
        <v>156738</v>
      </c>
      <c r="I46059" s="1" t="s">
        <v>156215</v>
      </c>
      <c r="J46059" s="1" t="s">
        <v>156806</v>
      </c>
    </row>
    <row r="46060" spans="1:10" x14ac:dyDescent="0.35">
      <c r="A46060" s="1" t="s">
        <v>3976</v>
      </c>
      <c r="B46060" s="1" t="s">
        <v>156209</v>
      </c>
      <c r="C46060" s="1" t="s">
        <v>125</v>
      </c>
      <c r="D46060" s="1" t="s">
        <v>156807</v>
      </c>
      <c r="E46060" s="1" t="s">
        <v>156808</v>
      </c>
      <c r="F46060" s="1" t="s">
        <v>156809</v>
      </c>
      <c r="G46060" s="1" t="s">
        <v>156737</v>
      </c>
      <c r="H46060" s="1" t="s">
        <v>156738</v>
      </c>
      <c r="I46060" s="1" t="s">
        <v>156215</v>
      </c>
      <c r="J46060" s="1" t="s">
        <v>156810</v>
      </c>
    </row>
    <row r="46061" spans="1:10" x14ac:dyDescent="0.35">
      <c r="A46061" s="1" t="s">
        <v>3976</v>
      </c>
      <c r="B46061" s="1" t="s">
        <v>156209</v>
      </c>
      <c r="C46061" s="1" t="s">
        <v>130</v>
      </c>
      <c r="D46061" s="1" t="s">
        <v>156811</v>
      </c>
      <c r="E46061" s="1" t="s">
        <v>156812</v>
      </c>
      <c r="F46061" s="1" t="s">
        <v>156813</v>
      </c>
      <c r="G46061" s="1" t="s">
        <v>156737</v>
      </c>
      <c r="H46061" s="1" t="s">
        <v>156738</v>
      </c>
      <c r="I46061" s="1" t="s">
        <v>156215</v>
      </c>
      <c r="J46061" s="1" t="s">
        <v>156814</v>
      </c>
    </row>
    <row r="46062" spans="1:10" x14ac:dyDescent="0.35">
      <c r="A46062" s="1" t="s">
        <v>3976</v>
      </c>
      <c r="B46062" s="1" t="s">
        <v>156209</v>
      </c>
      <c r="C46062" s="1" t="s">
        <v>135</v>
      </c>
      <c r="D46062" s="1" t="s">
        <v>156815</v>
      </c>
      <c r="E46062" s="1" t="s">
        <v>156816</v>
      </c>
      <c r="F46062" s="1" t="s">
        <v>156817</v>
      </c>
      <c r="G46062" s="1" t="s">
        <v>156737</v>
      </c>
      <c r="H46062" s="1" t="s">
        <v>156738</v>
      </c>
      <c r="I46062" s="1" t="s">
        <v>156215</v>
      </c>
      <c r="J46062" s="1" t="s">
        <v>156818</v>
      </c>
    </row>
    <row r="46063" spans="1:10" x14ac:dyDescent="0.35">
      <c r="A46063" s="1" t="s">
        <v>3976</v>
      </c>
      <c r="B46063" s="1" t="s">
        <v>156209</v>
      </c>
      <c r="C46063" s="1" t="s">
        <v>140</v>
      </c>
      <c r="D46063" s="1" t="s">
        <v>156819</v>
      </c>
      <c r="E46063" s="1" t="s">
        <v>156820</v>
      </c>
      <c r="F46063" s="1" t="s">
        <v>156821</v>
      </c>
      <c r="G46063" s="1" t="s">
        <v>156737</v>
      </c>
      <c r="H46063" s="1" t="s">
        <v>156738</v>
      </c>
      <c r="I46063" s="1" t="s">
        <v>156215</v>
      </c>
      <c r="J46063" s="1" t="s">
        <v>156822</v>
      </c>
    </row>
    <row r="46064" spans="1:10" x14ac:dyDescent="0.35">
      <c r="A46064" s="1" t="s">
        <v>3976</v>
      </c>
      <c r="B46064" s="1" t="s">
        <v>156209</v>
      </c>
      <c r="C46064" s="1" t="s">
        <v>145</v>
      </c>
      <c r="D46064" s="1" t="s">
        <v>156823</v>
      </c>
      <c r="E46064" s="1" t="s">
        <v>156824</v>
      </c>
      <c r="F46064" s="1" t="s">
        <v>156825</v>
      </c>
      <c r="G46064" s="1" t="s">
        <v>156737</v>
      </c>
      <c r="H46064" s="1" t="s">
        <v>156738</v>
      </c>
      <c r="I46064" s="1" t="s">
        <v>156215</v>
      </c>
      <c r="J46064" s="1" t="s">
        <v>156826</v>
      </c>
    </row>
    <row r="46065" spans="1:10" x14ac:dyDescent="0.35">
      <c r="A46065" s="1" t="s">
        <v>3976</v>
      </c>
      <c r="B46065" s="1" t="s">
        <v>156209</v>
      </c>
      <c r="C46065" s="1" t="s">
        <v>150</v>
      </c>
      <c r="D46065" s="1" t="s">
        <v>156827</v>
      </c>
      <c r="E46065" s="1" t="s">
        <v>156828</v>
      </c>
      <c r="F46065" s="1" t="s">
        <v>156829</v>
      </c>
      <c r="G46065" s="1" t="s">
        <v>156737</v>
      </c>
      <c r="H46065" s="1" t="s">
        <v>156738</v>
      </c>
      <c r="I46065" s="1" t="s">
        <v>156215</v>
      </c>
      <c r="J46065" s="1" t="s">
        <v>156830</v>
      </c>
    </row>
    <row r="46066" spans="1:10" x14ac:dyDescent="0.35">
      <c r="A46066" s="1" t="s">
        <v>3976</v>
      </c>
      <c r="B46066" s="1" t="s">
        <v>156209</v>
      </c>
      <c r="C46066" s="1" t="s">
        <v>155</v>
      </c>
      <c r="D46066" s="1" t="s">
        <v>42165</v>
      </c>
      <c r="E46066" s="1" t="s">
        <v>156831</v>
      </c>
      <c r="F46066" s="1" t="s">
        <v>156832</v>
      </c>
      <c r="G46066" s="1" t="s">
        <v>156737</v>
      </c>
      <c r="H46066" s="1" t="s">
        <v>156738</v>
      </c>
      <c r="I46066" s="1" t="s">
        <v>156215</v>
      </c>
      <c r="J46066" s="1" t="s">
        <v>156833</v>
      </c>
    </row>
    <row r="46067" spans="1:10" x14ac:dyDescent="0.35">
      <c r="A46067" s="1" t="s">
        <v>3976</v>
      </c>
      <c r="B46067" s="1" t="s">
        <v>156209</v>
      </c>
      <c r="C46067" s="1" t="s">
        <v>160</v>
      </c>
      <c r="D46067" s="1" t="s">
        <v>156834</v>
      </c>
      <c r="E46067" s="1" t="s">
        <v>156835</v>
      </c>
      <c r="F46067" s="1" t="s">
        <v>156836</v>
      </c>
      <c r="G46067" s="1" t="s">
        <v>156737</v>
      </c>
      <c r="H46067" s="1" t="s">
        <v>156738</v>
      </c>
      <c r="I46067" s="1" t="s">
        <v>156215</v>
      </c>
      <c r="J46067" s="1" t="s">
        <v>156837</v>
      </c>
    </row>
    <row r="46068" spans="1:10" x14ac:dyDescent="0.35">
      <c r="A46068" s="1" t="s">
        <v>3976</v>
      </c>
      <c r="B46068" s="1" t="s">
        <v>156209</v>
      </c>
      <c r="C46068" s="1" t="s">
        <v>165</v>
      </c>
      <c r="D46068" s="1" t="s">
        <v>43147</v>
      </c>
      <c r="E46068" s="1" t="s">
        <v>156838</v>
      </c>
      <c r="F46068" s="1" t="s">
        <v>156839</v>
      </c>
      <c r="G46068" s="1" t="s">
        <v>156737</v>
      </c>
      <c r="H46068" s="1" t="s">
        <v>156738</v>
      </c>
      <c r="I46068" s="1" t="s">
        <v>156215</v>
      </c>
      <c r="J46068" s="1" t="s">
        <v>156840</v>
      </c>
    </row>
    <row r="46069" spans="1:10" x14ac:dyDescent="0.35">
      <c r="A46069" s="1" t="s">
        <v>3976</v>
      </c>
      <c r="B46069" s="1" t="s">
        <v>156209</v>
      </c>
      <c r="C46069" s="1" t="s">
        <v>170</v>
      </c>
      <c r="D46069" s="1" t="s">
        <v>4618</v>
      </c>
      <c r="E46069" s="1" t="s">
        <v>156841</v>
      </c>
      <c r="F46069" s="1" t="s">
        <v>156842</v>
      </c>
      <c r="G46069" s="1" t="s">
        <v>156737</v>
      </c>
      <c r="H46069" s="1" t="s">
        <v>156738</v>
      </c>
      <c r="I46069" s="1" t="s">
        <v>156215</v>
      </c>
      <c r="J46069" s="1" t="s">
        <v>156843</v>
      </c>
    </row>
    <row r="46070" spans="1:10" x14ac:dyDescent="0.35">
      <c r="A46070" s="1" t="s">
        <v>30086</v>
      </c>
      <c r="B46070" s="1" t="s">
        <v>156209</v>
      </c>
      <c r="C46070" s="1" t="s">
        <v>8</v>
      </c>
      <c r="D46070" s="1" t="s">
        <v>47327</v>
      </c>
      <c r="E46070" s="1" t="s">
        <v>156844</v>
      </c>
      <c r="F46070" s="1" t="s">
        <v>156845</v>
      </c>
      <c r="G46070" s="1" t="s">
        <v>156846</v>
      </c>
      <c r="H46070" s="1" t="s">
        <v>156847</v>
      </c>
      <c r="I46070" s="1" t="s">
        <v>156215</v>
      </c>
      <c r="J46070" s="1" t="s">
        <v>13</v>
      </c>
    </row>
    <row r="46071" spans="1:10" x14ac:dyDescent="0.35">
      <c r="A46071" s="1" t="s">
        <v>30086</v>
      </c>
      <c r="B46071" s="1" t="s">
        <v>156209</v>
      </c>
      <c r="C46071" s="1" t="s">
        <v>15</v>
      </c>
      <c r="D46071" s="1" t="s">
        <v>27767</v>
      </c>
      <c r="E46071" s="1" t="s">
        <v>156848</v>
      </c>
      <c r="F46071" s="1" t="s">
        <v>156849</v>
      </c>
      <c r="G46071" s="1" t="s">
        <v>156846</v>
      </c>
      <c r="H46071" s="1" t="s">
        <v>156847</v>
      </c>
      <c r="I46071" s="1" t="s">
        <v>156215</v>
      </c>
      <c r="J46071" s="1" t="s">
        <v>156850</v>
      </c>
    </row>
    <row r="46072" spans="1:10" x14ac:dyDescent="0.35">
      <c r="A46072" s="1" t="s">
        <v>30086</v>
      </c>
      <c r="B46072" s="1" t="s">
        <v>156209</v>
      </c>
      <c r="C46072" s="1" t="s">
        <v>20</v>
      </c>
      <c r="D46072" s="1" t="s">
        <v>8738</v>
      </c>
      <c r="E46072" s="1" t="s">
        <v>156851</v>
      </c>
      <c r="F46072" s="1" t="s">
        <v>156852</v>
      </c>
      <c r="G46072" s="1" t="s">
        <v>156846</v>
      </c>
      <c r="H46072" s="1" t="s">
        <v>156847</v>
      </c>
      <c r="I46072" s="1" t="s">
        <v>156215</v>
      </c>
      <c r="J46072" s="1" t="s">
        <v>156853</v>
      </c>
    </row>
    <row r="46073" spans="1:10" x14ac:dyDescent="0.35">
      <c r="A46073" s="1" t="s">
        <v>30086</v>
      </c>
      <c r="B46073" s="1" t="s">
        <v>156209</v>
      </c>
      <c r="C46073" s="1" t="s">
        <v>25</v>
      </c>
      <c r="D46073" s="1" t="s">
        <v>9901</v>
      </c>
      <c r="E46073" s="1" t="s">
        <v>156854</v>
      </c>
      <c r="F46073" s="1" t="s">
        <v>156855</v>
      </c>
      <c r="G46073" s="1" t="s">
        <v>156846</v>
      </c>
      <c r="H46073" s="1" t="s">
        <v>156847</v>
      </c>
      <c r="I46073" s="1" t="s">
        <v>156215</v>
      </c>
      <c r="J46073" s="1" t="s">
        <v>156856</v>
      </c>
    </row>
    <row r="46074" spans="1:10" x14ac:dyDescent="0.35">
      <c r="A46074" s="1" t="s">
        <v>30086</v>
      </c>
      <c r="B46074" s="1" t="s">
        <v>156209</v>
      </c>
      <c r="C46074" s="1" t="s">
        <v>30</v>
      </c>
      <c r="D46074" s="1" t="s">
        <v>12088</v>
      </c>
      <c r="E46074" s="1" t="s">
        <v>156857</v>
      </c>
      <c r="F46074" s="1" t="s">
        <v>156858</v>
      </c>
      <c r="G46074" s="1" t="s">
        <v>156846</v>
      </c>
      <c r="H46074" s="1" t="s">
        <v>156847</v>
      </c>
      <c r="I46074" s="1" t="s">
        <v>156215</v>
      </c>
      <c r="J46074" s="1" t="s">
        <v>156859</v>
      </c>
    </row>
    <row r="46075" spans="1:10" x14ac:dyDescent="0.35">
      <c r="A46075" s="1" t="s">
        <v>30086</v>
      </c>
      <c r="B46075" s="1" t="s">
        <v>156209</v>
      </c>
      <c r="C46075" s="1" t="s">
        <v>35</v>
      </c>
      <c r="D46075" s="1" t="s">
        <v>111798</v>
      </c>
      <c r="E46075" s="1" t="s">
        <v>156860</v>
      </c>
      <c r="F46075" s="1" t="s">
        <v>156861</v>
      </c>
      <c r="G46075" s="1" t="s">
        <v>156846</v>
      </c>
      <c r="H46075" s="1" t="s">
        <v>156847</v>
      </c>
      <c r="I46075" s="1" t="s">
        <v>156215</v>
      </c>
      <c r="J46075" s="1" t="s">
        <v>156862</v>
      </c>
    </row>
    <row r="46076" spans="1:10" x14ac:dyDescent="0.35">
      <c r="A46076" s="1" t="s">
        <v>30086</v>
      </c>
      <c r="B46076" s="1" t="s">
        <v>156209</v>
      </c>
      <c r="C46076" s="1" t="s">
        <v>40</v>
      </c>
      <c r="D46076" s="1" t="s">
        <v>10094</v>
      </c>
      <c r="E46076" s="1" t="s">
        <v>156863</v>
      </c>
      <c r="F46076" s="1" t="s">
        <v>156864</v>
      </c>
      <c r="G46076" s="1" t="s">
        <v>156846</v>
      </c>
      <c r="H46076" s="1" t="s">
        <v>156847</v>
      </c>
      <c r="I46076" s="1" t="s">
        <v>156215</v>
      </c>
      <c r="J46076" s="1" t="s">
        <v>156865</v>
      </c>
    </row>
    <row r="46077" spans="1:10" x14ac:dyDescent="0.35">
      <c r="A46077" s="1" t="s">
        <v>30086</v>
      </c>
      <c r="B46077" s="1" t="s">
        <v>156209</v>
      </c>
      <c r="C46077" s="1" t="s">
        <v>45</v>
      </c>
      <c r="D46077" s="1" t="s">
        <v>111805</v>
      </c>
      <c r="E46077" s="1" t="s">
        <v>156866</v>
      </c>
      <c r="F46077" s="1" t="s">
        <v>156867</v>
      </c>
      <c r="G46077" s="1" t="s">
        <v>156846</v>
      </c>
      <c r="H46077" s="1" t="s">
        <v>156847</v>
      </c>
      <c r="I46077" s="1" t="s">
        <v>156215</v>
      </c>
      <c r="J46077" s="1" t="s">
        <v>156868</v>
      </c>
    </row>
    <row r="46078" spans="1:10" x14ac:dyDescent="0.35">
      <c r="A46078" s="1" t="s">
        <v>30086</v>
      </c>
      <c r="B46078" s="1" t="s">
        <v>156209</v>
      </c>
      <c r="C46078" s="1" t="s">
        <v>50</v>
      </c>
      <c r="D46078" s="1" t="s">
        <v>24974</v>
      </c>
      <c r="E46078" s="1" t="s">
        <v>156869</v>
      </c>
      <c r="F46078" s="1" t="s">
        <v>156870</v>
      </c>
      <c r="G46078" s="1" t="s">
        <v>156846</v>
      </c>
      <c r="H46078" s="1" t="s">
        <v>156847</v>
      </c>
      <c r="I46078" s="1" t="s">
        <v>156215</v>
      </c>
      <c r="J46078" s="1" t="s">
        <v>156871</v>
      </c>
    </row>
    <row r="46079" spans="1:10" x14ac:dyDescent="0.35">
      <c r="A46079" s="1" t="s">
        <v>30086</v>
      </c>
      <c r="B46079" s="1" t="s">
        <v>156209</v>
      </c>
      <c r="C46079" s="1" t="s">
        <v>55</v>
      </c>
      <c r="D46079" s="1" t="s">
        <v>142495</v>
      </c>
      <c r="E46079" s="1" t="s">
        <v>156872</v>
      </c>
      <c r="F46079" s="1" t="s">
        <v>156873</v>
      </c>
      <c r="G46079" s="1" t="s">
        <v>156846</v>
      </c>
      <c r="H46079" s="1" t="s">
        <v>156847</v>
      </c>
      <c r="I46079" s="1" t="s">
        <v>156215</v>
      </c>
      <c r="J46079" s="1" t="s">
        <v>156874</v>
      </c>
    </row>
    <row r="46080" spans="1:10" x14ac:dyDescent="0.35">
      <c r="A46080" s="1" t="s">
        <v>30086</v>
      </c>
      <c r="B46080" s="1" t="s">
        <v>156209</v>
      </c>
      <c r="C46080" s="1" t="s">
        <v>60</v>
      </c>
      <c r="D46080" s="1" t="s">
        <v>27981</v>
      </c>
      <c r="E46080" s="1" t="s">
        <v>156875</v>
      </c>
      <c r="F46080" s="1" t="s">
        <v>156876</v>
      </c>
      <c r="G46080" s="1" t="s">
        <v>156846</v>
      </c>
      <c r="H46080" s="1" t="s">
        <v>156847</v>
      </c>
      <c r="I46080" s="1" t="s">
        <v>156215</v>
      </c>
      <c r="J46080" s="1" t="s">
        <v>156877</v>
      </c>
    </row>
    <row r="46081" spans="1:10" x14ac:dyDescent="0.35">
      <c r="A46081" s="1" t="s">
        <v>30086</v>
      </c>
      <c r="B46081" s="1" t="s">
        <v>156209</v>
      </c>
      <c r="C46081" s="1" t="s">
        <v>65</v>
      </c>
      <c r="D46081" s="1" t="s">
        <v>14134</v>
      </c>
      <c r="E46081" s="1" t="s">
        <v>156878</v>
      </c>
      <c r="F46081" s="1" t="s">
        <v>156879</v>
      </c>
      <c r="G46081" s="1" t="s">
        <v>156846</v>
      </c>
      <c r="H46081" s="1" t="s">
        <v>156847</v>
      </c>
      <c r="I46081" s="1" t="s">
        <v>156215</v>
      </c>
      <c r="J46081" s="1" t="s">
        <v>156880</v>
      </c>
    </row>
    <row r="46082" spans="1:10" x14ac:dyDescent="0.35">
      <c r="A46082" s="1" t="s">
        <v>30086</v>
      </c>
      <c r="B46082" s="1" t="s">
        <v>156209</v>
      </c>
      <c r="C46082" s="1" t="s">
        <v>70</v>
      </c>
      <c r="D46082" s="1" t="s">
        <v>8683</v>
      </c>
      <c r="E46082" s="1" t="s">
        <v>156881</v>
      </c>
      <c r="F46082" s="1" t="s">
        <v>156882</v>
      </c>
      <c r="G46082" s="1" t="s">
        <v>156846</v>
      </c>
      <c r="H46082" s="1" t="s">
        <v>156847</v>
      </c>
      <c r="I46082" s="1" t="s">
        <v>156215</v>
      </c>
      <c r="J46082" s="1" t="s">
        <v>156883</v>
      </c>
    </row>
    <row r="46083" spans="1:10" x14ac:dyDescent="0.35">
      <c r="A46083" s="1" t="s">
        <v>30086</v>
      </c>
      <c r="B46083" s="1" t="s">
        <v>156209</v>
      </c>
      <c r="C46083" s="1" t="s">
        <v>75</v>
      </c>
      <c r="D46083" s="1" t="s">
        <v>15045</v>
      </c>
      <c r="E46083" s="1" t="s">
        <v>156884</v>
      </c>
      <c r="F46083" s="1" t="s">
        <v>156885</v>
      </c>
      <c r="G46083" s="1" t="s">
        <v>156846</v>
      </c>
      <c r="H46083" s="1" t="s">
        <v>156847</v>
      </c>
      <c r="I46083" s="1" t="s">
        <v>156215</v>
      </c>
      <c r="J46083" s="1" t="s">
        <v>156886</v>
      </c>
    </row>
    <row r="46084" spans="1:10" x14ac:dyDescent="0.35">
      <c r="A46084" s="1" t="s">
        <v>30086</v>
      </c>
      <c r="B46084" s="1" t="s">
        <v>156209</v>
      </c>
      <c r="C46084" s="1" t="s">
        <v>80</v>
      </c>
      <c r="D46084" s="1" t="s">
        <v>332</v>
      </c>
      <c r="E46084" s="1" t="s">
        <v>156887</v>
      </c>
      <c r="F46084" s="1" t="s">
        <v>156888</v>
      </c>
      <c r="G46084" s="1" t="s">
        <v>156846</v>
      </c>
      <c r="H46084" s="1" t="s">
        <v>156847</v>
      </c>
      <c r="I46084" s="1" t="s">
        <v>156215</v>
      </c>
      <c r="J46084" s="1" t="s">
        <v>156889</v>
      </c>
    </row>
    <row r="46085" spans="1:10" x14ac:dyDescent="0.35">
      <c r="A46085" s="1" t="s">
        <v>30086</v>
      </c>
      <c r="B46085" s="1" t="s">
        <v>156209</v>
      </c>
      <c r="C46085" s="1" t="s">
        <v>85</v>
      </c>
      <c r="D46085" s="1" t="s">
        <v>9987</v>
      </c>
      <c r="E46085" s="1" t="s">
        <v>156890</v>
      </c>
      <c r="F46085" s="1" t="s">
        <v>156891</v>
      </c>
      <c r="G46085" s="1" t="s">
        <v>156846</v>
      </c>
      <c r="H46085" s="1" t="s">
        <v>156847</v>
      </c>
      <c r="I46085" s="1" t="s">
        <v>156215</v>
      </c>
      <c r="J46085" s="1" t="s">
        <v>156892</v>
      </c>
    </row>
    <row r="46086" spans="1:10" x14ac:dyDescent="0.35">
      <c r="A46086" s="1" t="s">
        <v>30086</v>
      </c>
      <c r="B46086" s="1" t="s">
        <v>156209</v>
      </c>
      <c r="C46086" s="1" t="s">
        <v>90</v>
      </c>
      <c r="D46086" s="1" t="s">
        <v>13119</v>
      </c>
      <c r="E46086" s="1" t="s">
        <v>156893</v>
      </c>
      <c r="F46086" s="1" t="s">
        <v>156894</v>
      </c>
      <c r="G46086" s="1" t="s">
        <v>156846</v>
      </c>
      <c r="H46086" s="1" t="s">
        <v>156847</v>
      </c>
      <c r="I46086" s="1" t="s">
        <v>156215</v>
      </c>
      <c r="J46086" s="1" t="s">
        <v>156895</v>
      </c>
    </row>
    <row r="46087" spans="1:10" x14ac:dyDescent="0.35">
      <c r="A46087" s="1" t="s">
        <v>30086</v>
      </c>
      <c r="B46087" s="1" t="s">
        <v>156209</v>
      </c>
      <c r="C46087" s="1" t="s">
        <v>95</v>
      </c>
      <c r="D46087" s="1" t="s">
        <v>5521</v>
      </c>
      <c r="E46087" s="1" t="s">
        <v>156896</v>
      </c>
      <c r="F46087" s="1" t="s">
        <v>156897</v>
      </c>
      <c r="G46087" s="1" t="s">
        <v>156846</v>
      </c>
      <c r="H46087" s="1" t="s">
        <v>156847</v>
      </c>
      <c r="I46087" s="1" t="s">
        <v>156215</v>
      </c>
      <c r="J46087" s="1" t="s">
        <v>156898</v>
      </c>
    </row>
    <row r="46088" spans="1:10" x14ac:dyDescent="0.35">
      <c r="A46088" s="1" t="s">
        <v>30086</v>
      </c>
      <c r="B46088" s="1" t="s">
        <v>156209</v>
      </c>
      <c r="C46088" s="1" t="s">
        <v>100</v>
      </c>
      <c r="D46088" s="1" t="s">
        <v>4066</v>
      </c>
      <c r="E46088" s="1" t="s">
        <v>156899</v>
      </c>
      <c r="F46088" s="1" t="s">
        <v>156900</v>
      </c>
      <c r="G46088" s="1" t="s">
        <v>156846</v>
      </c>
      <c r="H46088" s="1" t="s">
        <v>156847</v>
      </c>
      <c r="I46088" s="1" t="s">
        <v>156215</v>
      </c>
      <c r="J46088" s="1" t="s">
        <v>156901</v>
      </c>
    </row>
    <row r="46089" spans="1:10" x14ac:dyDescent="0.35">
      <c r="A46089" s="1" t="s">
        <v>30086</v>
      </c>
      <c r="B46089" s="1" t="s">
        <v>156209</v>
      </c>
      <c r="C46089" s="1" t="s">
        <v>105</v>
      </c>
      <c r="D46089" s="1" t="s">
        <v>2075</v>
      </c>
      <c r="E46089" s="1" t="s">
        <v>156902</v>
      </c>
      <c r="F46089" s="1" t="s">
        <v>156903</v>
      </c>
      <c r="G46089" s="1" t="s">
        <v>156846</v>
      </c>
      <c r="H46089" s="1" t="s">
        <v>156847</v>
      </c>
      <c r="I46089" s="1" t="s">
        <v>156215</v>
      </c>
      <c r="J46089" s="1" t="s">
        <v>156904</v>
      </c>
    </row>
    <row r="46090" spans="1:10" x14ac:dyDescent="0.35">
      <c r="A46090" s="1" t="s">
        <v>30086</v>
      </c>
      <c r="B46090" s="1" t="s">
        <v>156209</v>
      </c>
      <c r="C46090" s="1" t="s">
        <v>110</v>
      </c>
      <c r="D46090" s="1" t="s">
        <v>2596</v>
      </c>
      <c r="E46090" s="1" t="s">
        <v>156905</v>
      </c>
      <c r="F46090" s="1" t="s">
        <v>156906</v>
      </c>
      <c r="G46090" s="1" t="s">
        <v>156846</v>
      </c>
      <c r="H46090" s="1" t="s">
        <v>156847</v>
      </c>
      <c r="I46090" s="1" t="s">
        <v>156215</v>
      </c>
      <c r="J46090" s="1" t="s">
        <v>156907</v>
      </c>
    </row>
    <row r="46091" spans="1:10" x14ac:dyDescent="0.35">
      <c r="A46091" s="1" t="s">
        <v>30086</v>
      </c>
      <c r="B46091" s="1" t="s">
        <v>156209</v>
      </c>
      <c r="C46091" s="1" t="s">
        <v>115</v>
      </c>
      <c r="D46091" s="1" t="s">
        <v>156908</v>
      </c>
      <c r="E46091" s="1" t="s">
        <v>156909</v>
      </c>
      <c r="F46091" s="1" t="s">
        <v>156910</v>
      </c>
      <c r="G46091" s="1" t="s">
        <v>156846</v>
      </c>
      <c r="H46091" s="1" t="s">
        <v>156847</v>
      </c>
      <c r="I46091" s="1" t="s">
        <v>156215</v>
      </c>
      <c r="J46091" s="1" t="s">
        <v>156911</v>
      </c>
    </row>
    <row r="46092" spans="1:10" x14ac:dyDescent="0.35">
      <c r="A46092" s="1" t="s">
        <v>30086</v>
      </c>
      <c r="B46092" s="1" t="s">
        <v>156209</v>
      </c>
      <c r="C46092" s="1" t="s">
        <v>120</v>
      </c>
      <c r="D46092" s="1" t="s">
        <v>156912</v>
      </c>
      <c r="E46092" s="1" t="s">
        <v>156913</v>
      </c>
      <c r="F46092" s="1" t="s">
        <v>156914</v>
      </c>
      <c r="G46092" s="1" t="s">
        <v>156846</v>
      </c>
      <c r="H46092" s="1" t="s">
        <v>156847</v>
      </c>
      <c r="I46092" s="1" t="s">
        <v>156215</v>
      </c>
      <c r="J46092" s="1" t="s">
        <v>156915</v>
      </c>
    </row>
    <row r="46093" spans="1:10" x14ac:dyDescent="0.35">
      <c r="A46093" s="1" t="s">
        <v>30086</v>
      </c>
      <c r="B46093" s="1" t="s">
        <v>156209</v>
      </c>
      <c r="C46093" s="1" t="s">
        <v>125</v>
      </c>
      <c r="D46093" s="1" t="s">
        <v>71199</v>
      </c>
      <c r="E46093" s="1" t="s">
        <v>156916</v>
      </c>
      <c r="F46093" s="1" t="s">
        <v>156917</v>
      </c>
      <c r="G46093" s="1" t="s">
        <v>156846</v>
      </c>
      <c r="H46093" s="1" t="s">
        <v>156847</v>
      </c>
      <c r="I46093" s="1" t="s">
        <v>156215</v>
      </c>
      <c r="J46093" s="1" t="s">
        <v>156918</v>
      </c>
    </row>
    <row r="46094" spans="1:10" x14ac:dyDescent="0.35">
      <c r="A46094" s="1" t="s">
        <v>30086</v>
      </c>
      <c r="B46094" s="1" t="s">
        <v>156209</v>
      </c>
      <c r="C46094" s="1" t="s">
        <v>130</v>
      </c>
      <c r="D46094" s="1" t="s">
        <v>126532</v>
      </c>
      <c r="E46094" s="1" t="s">
        <v>156919</v>
      </c>
      <c r="F46094" s="1" t="s">
        <v>156920</v>
      </c>
      <c r="G46094" s="1" t="s">
        <v>156846</v>
      </c>
      <c r="H46094" s="1" t="s">
        <v>156847</v>
      </c>
      <c r="I46094" s="1" t="s">
        <v>156215</v>
      </c>
      <c r="J46094" s="1" t="s">
        <v>156921</v>
      </c>
    </row>
    <row r="46095" spans="1:10" x14ac:dyDescent="0.35">
      <c r="A46095" s="1" t="s">
        <v>30086</v>
      </c>
      <c r="B46095" s="1" t="s">
        <v>156209</v>
      </c>
      <c r="C46095" s="1" t="s">
        <v>135</v>
      </c>
      <c r="D46095" s="1" t="s">
        <v>120992</v>
      </c>
      <c r="E46095" s="1" t="s">
        <v>156922</v>
      </c>
      <c r="F46095" s="1" t="s">
        <v>156923</v>
      </c>
      <c r="G46095" s="1" t="s">
        <v>156846</v>
      </c>
      <c r="H46095" s="1" t="s">
        <v>156847</v>
      </c>
      <c r="I46095" s="1" t="s">
        <v>156215</v>
      </c>
      <c r="J46095" s="1" t="s">
        <v>156924</v>
      </c>
    </row>
    <row r="46096" spans="1:10" x14ac:dyDescent="0.35">
      <c r="A46096" s="1" t="s">
        <v>30086</v>
      </c>
      <c r="B46096" s="1" t="s">
        <v>156209</v>
      </c>
      <c r="C46096" s="1" t="s">
        <v>140</v>
      </c>
      <c r="D46096" s="1" t="s">
        <v>156925</v>
      </c>
      <c r="E46096" s="1" t="s">
        <v>156926</v>
      </c>
      <c r="F46096" s="1" t="s">
        <v>156927</v>
      </c>
      <c r="G46096" s="1" t="s">
        <v>156846</v>
      </c>
      <c r="H46096" s="1" t="s">
        <v>156847</v>
      </c>
      <c r="I46096" s="1" t="s">
        <v>156215</v>
      </c>
      <c r="J46096" s="1" t="s">
        <v>156928</v>
      </c>
    </row>
    <row r="46097" spans="1:10" x14ac:dyDescent="0.35">
      <c r="A46097" s="1" t="s">
        <v>30086</v>
      </c>
      <c r="B46097" s="1" t="s">
        <v>156209</v>
      </c>
      <c r="C46097" s="1" t="s">
        <v>145</v>
      </c>
      <c r="D46097" s="1" t="s">
        <v>156929</v>
      </c>
      <c r="E46097" s="1" t="s">
        <v>156930</v>
      </c>
      <c r="F46097" s="1" t="s">
        <v>156931</v>
      </c>
      <c r="G46097" s="1" t="s">
        <v>156846</v>
      </c>
      <c r="H46097" s="1" t="s">
        <v>156847</v>
      </c>
      <c r="I46097" s="1" t="s">
        <v>156215</v>
      </c>
      <c r="J46097" s="1" t="s">
        <v>156932</v>
      </c>
    </row>
    <row r="46098" spans="1:10" x14ac:dyDescent="0.35">
      <c r="A46098" s="1" t="s">
        <v>30086</v>
      </c>
      <c r="B46098" s="1" t="s">
        <v>156209</v>
      </c>
      <c r="C46098" s="1" t="s">
        <v>150</v>
      </c>
      <c r="D46098" s="1" t="s">
        <v>31249</v>
      </c>
      <c r="E46098" s="1" t="s">
        <v>156933</v>
      </c>
      <c r="F46098" s="1" t="s">
        <v>156934</v>
      </c>
      <c r="G46098" s="1" t="s">
        <v>156846</v>
      </c>
      <c r="H46098" s="1" t="s">
        <v>156847</v>
      </c>
      <c r="I46098" s="1" t="s">
        <v>156215</v>
      </c>
      <c r="J46098" s="1" t="s">
        <v>156935</v>
      </c>
    </row>
    <row r="46099" spans="1:10" x14ac:dyDescent="0.35">
      <c r="A46099" s="1" t="s">
        <v>30086</v>
      </c>
      <c r="B46099" s="1" t="s">
        <v>156209</v>
      </c>
      <c r="C46099" s="1" t="s">
        <v>155</v>
      </c>
      <c r="D46099" s="1" t="s">
        <v>151732</v>
      </c>
      <c r="E46099" s="1" t="s">
        <v>156936</v>
      </c>
      <c r="F46099" s="1" t="s">
        <v>156937</v>
      </c>
      <c r="G46099" s="1" t="s">
        <v>156846</v>
      </c>
      <c r="H46099" s="1" t="s">
        <v>156847</v>
      </c>
      <c r="I46099" s="1" t="s">
        <v>156215</v>
      </c>
      <c r="J46099" s="1" t="s">
        <v>156938</v>
      </c>
    </row>
    <row r="46100" spans="1:10" x14ac:dyDescent="0.35">
      <c r="A46100" s="1" t="s">
        <v>30086</v>
      </c>
      <c r="B46100" s="1" t="s">
        <v>156209</v>
      </c>
      <c r="C46100" s="1" t="s">
        <v>160</v>
      </c>
      <c r="D46100" s="1" t="s">
        <v>32933</v>
      </c>
      <c r="E46100" s="1" t="s">
        <v>156939</v>
      </c>
      <c r="F46100" s="1" t="s">
        <v>156940</v>
      </c>
      <c r="G46100" s="1" t="s">
        <v>156846</v>
      </c>
      <c r="H46100" s="1" t="s">
        <v>156847</v>
      </c>
      <c r="I46100" s="1" t="s">
        <v>156215</v>
      </c>
      <c r="J46100" s="1" t="s">
        <v>156941</v>
      </c>
    </row>
    <row r="46101" spans="1:10" x14ac:dyDescent="0.35">
      <c r="A46101" s="1" t="s">
        <v>30086</v>
      </c>
      <c r="B46101" s="1" t="s">
        <v>156209</v>
      </c>
      <c r="C46101" s="1" t="s">
        <v>165</v>
      </c>
      <c r="D46101" s="1" t="s">
        <v>104850</v>
      </c>
      <c r="E46101" s="1" t="s">
        <v>156942</v>
      </c>
      <c r="F46101" s="1" t="s">
        <v>156943</v>
      </c>
      <c r="G46101" s="1" t="s">
        <v>156846</v>
      </c>
      <c r="H46101" s="1" t="s">
        <v>156847</v>
      </c>
      <c r="I46101" s="1" t="s">
        <v>156215</v>
      </c>
      <c r="J46101" s="1" t="s">
        <v>156944</v>
      </c>
    </row>
    <row r="46102" spans="1:10" x14ac:dyDescent="0.35">
      <c r="A46102" s="1" t="s">
        <v>30086</v>
      </c>
      <c r="B46102" s="1" t="s">
        <v>156209</v>
      </c>
      <c r="C46102" s="1" t="s">
        <v>170</v>
      </c>
      <c r="D46102" s="1" t="s">
        <v>15922</v>
      </c>
      <c r="E46102" s="1" t="s">
        <v>156945</v>
      </c>
      <c r="F46102" s="1" t="s">
        <v>156946</v>
      </c>
      <c r="G46102" s="1" t="s">
        <v>156846</v>
      </c>
      <c r="H46102" s="1" t="s">
        <v>156847</v>
      </c>
      <c r="I46102" s="1" t="s">
        <v>156215</v>
      </c>
      <c r="J46102" s="1" t="s">
        <v>156947</v>
      </c>
    </row>
    <row r="46103" spans="1:10" x14ac:dyDescent="0.35">
      <c r="A46103" s="1" t="s">
        <v>29743</v>
      </c>
      <c r="B46103" s="1" t="s">
        <v>156209</v>
      </c>
      <c r="C46103" s="1" t="s">
        <v>8</v>
      </c>
      <c r="D46103" s="1" t="s">
        <v>156948</v>
      </c>
      <c r="E46103" s="1" t="s">
        <v>156949</v>
      </c>
      <c r="F46103" s="1" t="s">
        <v>156950</v>
      </c>
      <c r="G46103" s="1" t="s">
        <v>156951</v>
      </c>
      <c r="H46103" s="1" t="s">
        <v>156952</v>
      </c>
      <c r="I46103" s="1" t="s">
        <v>156215</v>
      </c>
      <c r="J46103" s="1" t="s">
        <v>13</v>
      </c>
    </row>
    <row r="46104" spans="1:10" x14ac:dyDescent="0.35">
      <c r="A46104" s="1" t="s">
        <v>29743</v>
      </c>
      <c r="B46104" s="1" t="s">
        <v>156209</v>
      </c>
      <c r="C46104" s="1" t="s">
        <v>15</v>
      </c>
      <c r="D46104" s="1" t="s">
        <v>143232</v>
      </c>
      <c r="E46104" s="1" t="s">
        <v>156953</v>
      </c>
      <c r="F46104" s="1" t="s">
        <v>156954</v>
      </c>
      <c r="G46104" s="1" t="s">
        <v>156951</v>
      </c>
      <c r="H46104" s="1" t="s">
        <v>156952</v>
      </c>
      <c r="I46104" s="1" t="s">
        <v>156215</v>
      </c>
      <c r="J46104" s="1" t="s">
        <v>156955</v>
      </c>
    </row>
    <row r="46105" spans="1:10" x14ac:dyDescent="0.35">
      <c r="A46105" s="1" t="s">
        <v>29743</v>
      </c>
      <c r="B46105" s="1" t="s">
        <v>156209</v>
      </c>
      <c r="C46105" s="1" t="s">
        <v>20</v>
      </c>
      <c r="D46105" s="1" t="s">
        <v>143489</v>
      </c>
      <c r="E46105" s="1" t="s">
        <v>156956</v>
      </c>
      <c r="F46105" s="1" t="s">
        <v>156957</v>
      </c>
      <c r="G46105" s="1" t="s">
        <v>156951</v>
      </c>
      <c r="H46105" s="1" t="s">
        <v>156952</v>
      </c>
      <c r="I46105" s="1" t="s">
        <v>156215</v>
      </c>
      <c r="J46105" s="1" t="s">
        <v>156958</v>
      </c>
    </row>
    <row r="46106" spans="1:10" x14ac:dyDescent="0.35">
      <c r="A46106" s="1" t="s">
        <v>29743</v>
      </c>
      <c r="B46106" s="1" t="s">
        <v>156209</v>
      </c>
      <c r="C46106" s="1" t="s">
        <v>25</v>
      </c>
      <c r="D46106" s="1" t="s">
        <v>28175</v>
      </c>
      <c r="E46106" s="1" t="s">
        <v>156959</v>
      </c>
      <c r="F46106" s="1" t="s">
        <v>156960</v>
      </c>
      <c r="G46106" s="1" t="s">
        <v>156951</v>
      </c>
      <c r="H46106" s="1" t="s">
        <v>156952</v>
      </c>
      <c r="I46106" s="1" t="s">
        <v>156215</v>
      </c>
      <c r="J46106" s="1" t="s">
        <v>156961</v>
      </c>
    </row>
    <row r="46107" spans="1:10" x14ac:dyDescent="0.35">
      <c r="A46107" s="1" t="s">
        <v>29743</v>
      </c>
      <c r="B46107" s="1" t="s">
        <v>156209</v>
      </c>
      <c r="C46107" s="1" t="s">
        <v>30</v>
      </c>
      <c r="D46107" s="1" t="s">
        <v>145899</v>
      </c>
      <c r="E46107" s="1" t="s">
        <v>156962</v>
      </c>
      <c r="F46107" s="1" t="s">
        <v>156963</v>
      </c>
      <c r="G46107" s="1" t="s">
        <v>156951</v>
      </c>
      <c r="H46107" s="1" t="s">
        <v>156952</v>
      </c>
      <c r="I46107" s="1" t="s">
        <v>156215</v>
      </c>
      <c r="J46107" s="1" t="s">
        <v>156964</v>
      </c>
    </row>
    <row r="46108" spans="1:10" x14ac:dyDescent="0.35">
      <c r="A46108" s="1" t="s">
        <v>29743</v>
      </c>
      <c r="B46108" s="1" t="s">
        <v>156209</v>
      </c>
      <c r="C46108" s="1" t="s">
        <v>35</v>
      </c>
      <c r="D46108" s="1" t="s">
        <v>5697</v>
      </c>
      <c r="E46108" s="1" t="s">
        <v>156965</v>
      </c>
      <c r="F46108" s="1" t="s">
        <v>156966</v>
      </c>
      <c r="G46108" s="1" t="s">
        <v>156951</v>
      </c>
      <c r="H46108" s="1" t="s">
        <v>156952</v>
      </c>
      <c r="I46108" s="1" t="s">
        <v>156215</v>
      </c>
      <c r="J46108" s="1" t="s">
        <v>156967</v>
      </c>
    </row>
    <row r="46109" spans="1:10" x14ac:dyDescent="0.35">
      <c r="A46109" s="1" t="s">
        <v>29743</v>
      </c>
      <c r="B46109" s="1" t="s">
        <v>156209</v>
      </c>
      <c r="C46109" s="1" t="s">
        <v>40</v>
      </c>
      <c r="D46109" s="1" t="s">
        <v>144572</v>
      </c>
      <c r="E46109" s="1" t="s">
        <v>156968</v>
      </c>
      <c r="F46109" s="1" t="s">
        <v>156969</v>
      </c>
      <c r="G46109" s="1" t="s">
        <v>156951</v>
      </c>
      <c r="H46109" s="1" t="s">
        <v>156952</v>
      </c>
      <c r="I46109" s="1" t="s">
        <v>156215</v>
      </c>
      <c r="J46109" s="1" t="s">
        <v>156970</v>
      </c>
    </row>
    <row r="46110" spans="1:10" x14ac:dyDescent="0.35">
      <c r="A46110" s="1" t="s">
        <v>29743</v>
      </c>
      <c r="B46110" s="1" t="s">
        <v>156209</v>
      </c>
      <c r="C46110" s="1" t="s">
        <v>45</v>
      </c>
      <c r="D46110" s="1" t="s">
        <v>10094</v>
      </c>
      <c r="E46110" s="1" t="s">
        <v>156971</v>
      </c>
      <c r="F46110" s="1" t="s">
        <v>156972</v>
      </c>
      <c r="G46110" s="1" t="s">
        <v>156951</v>
      </c>
      <c r="H46110" s="1" t="s">
        <v>156952</v>
      </c>
      <c r="I46110" s="1" t="s">
        <v>156215</v>
      </c>
      <c r="J46110" s="1" t="s">
        <v>156973</v>
      </c>
    </row>
    <row r="46111" spans="1:10" x14ac:dyDescent="0.35">
      <c r="A46111" s="1" t="s">
        <v>29743</v>
      </c>
      <c r="B46111" s="1" t="s">
        <v>156209</v>
      </c>
      <c r="C46111" s="1" t="s">
        <v>50</v>
      </c>
      <c r="D46111" s="1" t="s">
        <v>10048</v>
      </c>
      <c r="E46111" s="1" t="s">
        <v>156974</v>
      </c>
      <c r="F46111" s="1" t="s">
        <v>156975</v>
      </c>
      <c r="G46111" s="1" t="s">
        <v>156951</v>
      </c>
      <c r="H46111" s="1" t="s">
        <v>156952</v>
      </c>
      <c r="I46111" s="1" t="s">
        <v>156215</v>
      </c>
      <c r="J46111" s="1" t="s">
        <v>156976</v>
      </c>
    </row>
    <row r="46112" spans="1:10" x14ac:dyDescent="0.35">
      <c r="A46112" s="1" t="s">
        <v>29743</v>
      </c>
      <c r="B46112" s="1" t="s">
        <v>156209</v>
      </c>
      <c r="C46112" s="1" t="s">
        <v>55</v>
      </c>
      <c r="D46112" s="1" t="s">
        <v>111072</v>
      </c>
      <c r="E46112" s="1" t="s">
        <v>156977</v>
      </c>
      <c r="F46112" s="1" t="s">
        <v>156978</v>
      </c>
      <c r="G46112" s="1" t="s">
        <v>156951</v>
      </c>
      <c r="H46112" s="1" t="s">
        <v>156952</v>
      </c>
      <c r="I46112" s="1" t="s">
        <v>156215</v>
      </c>
      <c r="J46112" s="1" t="s">
        <v>156979</v>
      </c>
    </row>
    <row r="46113" spans="1:10" x14ac:dyDescent="0.35">
      <c r="A46113" s="1" t="s">
        <v>29743</v>
      </c>
      <c r="B46113" s="1" t="s">
        <v>156209</v>
      </c>
      <c r="C46113" s="1" t="s">
        <v>60</v>
      </c>
      <c r="D46113" s="1" t="s">
        <v>10266</v>
      </c>
      <c r="E46113" s="1" t="s">
        <v>156980</v>
      </c>
      <c r="F46113" s="1" t="s">
        <v>156981</v>
      </c>
      <c r="G46113" s="1" t="s">
        <v>156951</v>
      </c>
      <c r="H46113" s="1" t="s">
        <v>156952</v>
      </c>
      <c r="I46113" s="1" t="s">
        <v>156215</v>
      </c>
      <c r="J46113" s="1" t="s">
        <v>156982</v>
      </c>
    </row>
    <row r="46114" spans="1:10" x14ac:dyDescent="0.35">
      <c r="A46114" s="1" t="s">
        <v>29743</v>
      </c>
      <c r="B46114" s="1" t="s">
        <v>156209</v>
      </c>
      <c r="C46114" s="1" t="s">
        <v>65</v>
      </c>
      <c r="D46114" s="1" t="s">
        <v>35167</v>
      </c>
      <c r="E46114" s="1" t="s">
        <v>156983</v>
      </c>
      <c r="F46114" s="1" t="s">
        <v>156984</v>
      </c>
      <c r="G46114" s="1" t="s">
        <v>156951</v>
      </c>
      <c r="H46114" s="1" t="s">
        <v>156952</v>
      </c>
      <c r="I46114" s="1" t="s">
        <v>156215</v>
      </c>
      <c r="J46114" s="1" t="s">
        <v>156985</v>
      </c>
    </row>
    <row r="46115" spans="1:10" x14ac:dyDescent="0.35">
      <c r="A46115" s="1" t="s">
        <v>29743</v>
      </c>
      <c r="B46115" s="1" t="s">
        <v>156209</v>
      </c>
      <c r="C46115" s="1" t="s">
        <v>70</v>
      </c>
      <c r="D46115" s="1" t="s">
        <v>8913</v>
      </c>
      <c r="E46115" s="1" t="s">
        <v>156986</v>
      </c>
      <c r="F46115" s="1" t="s">
        <v>156987</v>
      </c>
      <c r="G46115" s="1" t="s">
        <v>156951</v>
      </c>
      <c r="H46115" s="1" t="s">
        <v>156952</v>
      </c>
      <c r="I46115" s="1" t="s">
        <v>156215</v>
      </c>
      <c r="J46115" s="1" t="s">
        <v>156988</v>
      </c>
    </row>
    <row r="46116" spans="1:10" x14ac:dyDescent="0.35">
      <c r="A46116" s="1" t="s">
        <v>29743</v>
      </c>
      <c r="B46116" s="1" t="s">
        <v>156209</v>
      </c>
      <c r="C46116" s="1" t="s">
        <v>75</v>
      </c>
      <c r="D46116" s="1" t="s">
        <v>156989</v>
      </c>
      <c r="E46116" s="1" t="s">
        <v>156990</v>
      </c>
      <c r="F46116" s="1" t="s">
        <v>156991</v>
      </c>
      <c r="G46116" s="1" t="s">
        <v>156951</v>
      </c>
      <c r="H46116" s="1" t="s">
        <v>156952</v>
      </c>
      <c r="I46116" s="1" t="s">
        <v>156215</v>
      </c>
      <c r="J46116" s="1" t="s">
        <v>156992</v>
      </c>
    </row>
    <row r="46117" spans="1:10" x14ac:dyDescent="0.35">
      <c r="A46117" s="1" t="s">
        <v>29743</v>
      </c>
      <c r="B46117" s="1" t="s">
        <v>156209</v>
      </c>
      <c r="C46117" s="1" t="s">
        <v>80</v>
      </c>
      <c r="D46117" s="1" t="s">
        <v>10995</v>
      </c>
      <c r="E46117" s="1" t="s">
        <v>156993</v>
      </c>
      <c r="F46117" s="1" t="s">
        <v>156994</v>
      </c>
      <c r="G46117" s="1" t="s">
        <v>156951</v>
      </c>
      <c r="H46117" s="1" t="s">
        <v>156952</v>
      </c>
      <c r="I46117" s="1" t="s">
        <v>156215</v>
      </c>
      <c r="J46117" s="1" t="s">
        <v>156995</v>
      </c>
    </row>
    <row r="46118" spans="1:10" x14ac:dyDescent="0.35">
      <c r="A46118" s="1" t="s">
        <v>29743</v>
      </c>
      <c r="B46118" s="1" t="s">
        <v>156209</v>
      </c>
      <c r="C46118" s="1" t="s">
        <v>85</v>
      </c>
      <c r="D46118" s="1" t="s">
        <v>143429</v>
      </c>
      <c r="E46118" s="1" t="s">
        <v>156996</v>
      </c>
      <c r="F46118" s="1" t="s">
        <v>156997</v>
      </c>
      <c r="G46118" s="1" t="s">
        <v>156951</v>
      </c>
      <c r="H46118" s="1" t="s">
        <v>156952</v>
      </c>
      <c r="I46118" s="1" t="s">
        <v>156215</v>
      </c>
      <c r="J46118" s="1" t="s">
        <v>156998</v>
      </c>
    </row>
    <row r="46119" spans="1:10" x14ac:dyDescent="0.35">
      <c r="A46119" s="1" t="s">
        <v>29743</v>
      </c>
      <c r="B46119" s="1" t="s">
        <v>156209</v>
      </c>
      <c r="C46119" s="1" t="s">
        <v>90</v>
      </c>
      <c r="D46119" s="1" t="s">
        <v>45849</v>
      </c>
      <c r="E46119" s="1" t="s">
        <v>156999</v>
      </c>
      <c r="F46119" s="1" t="s">
        <v>157000</v>
      </c>
      <c r="G46119" s="1" t="s">
        <v>156951</v>
      </c>
      <c r="H46119" s="1" t="s">
        <v>156952</v>
      </c>
      <c r="I46119" s="1" t="s">
        <v>156215</v>
      </c>
      <c r="J46119" s="1" t="s">
        <v>157001</v>
      </c>
    </row>
    <row r="46120" spans="1:10" x14ac:dyDescent="0.35">
      <c r="A46120" s="1" t="s">
        <v>29743</v>
      </c>
      <c r="B46120" s="1" t="s">
        <v>156209</v>
      </c>
      <c r="C46120" s="1" t="s">
        <v>95</v>
      </c>
      <c r="D46120" s="1" t="s">
        <v>157002</v>
      </c>
      <c r="E46120" s="1" t="s">
        <v>157003</v>
      </c>
      <c r="F46120" s="1" t="s">
        <v>157004</v>
      </c>
      <c r="G46120" s="1" t="s">
        <v>156951</v>
      </c>
      <c r="H46120" s="1" t="s">
        <v>156952</v>
      </c>
      <c r="I46120" s="1" t="s">
        <v>156215</v>
      </c>
      <c r="J46120" s="1" t="s">
        <v>157005</v>
      </c>
    </row>
    <row r="46121" spans="1:10" x14ac:dyDescent="0.35">
      <c r="A46121" s="1" t="s">
        <v>29743</v>
      </c>
      <c r="B46121" s="1" t="s">
        <v>156209</v>
      </c>
      <c r="C46121" s="1" t="s">
        <v>100</v>
      </c>
      <c r="D46121" s="1" t="s">
        <v>44902</v>
      </c>
      <c r="E46121" s="1" t="s">
        <v>157006</v>
      </c>
      <c r="F46121" s="1" t="s">
        <v>157007</v>
      </c>
      <c r="G46121" s="1" t="s">
        <v>156951</v>
      </c>
      <c r="H46121" s="1" t="s">
        <v>156952</v>
      </c>
      <c r="I46121" s="1" t="s">
        <v>156215</v>
      </c>
      <c r="J46121" s="1" t="s">
        <v>157008</v>
      </c>
    </row>
    <row r="46122" spans="1:10" x14ac:dyDescent="0.35">
      <c r="A46122" s="1" t="s">
        <v>29743</v>
      </c>
      <c r="B46122" s="1" t="s">
        <v>156209</v>
      </c>
      <c r="C46122" s="1" t="s">
        <v>105</v>
      </c>
      <c r="D46122" s="1" t="s">
        <v>157009</v>
      </c>
      <c r="E46122" s="1" t="s">
        <v>157010</v>
      </c>
      <c r="F46122" s="1" t="s">
        <v>157011</v>
      </c>
      <c r="G46122" s="1" t="s">
        <v>156951</v>
      </c>
      <c r="H46122" s="1" t="s">
        <v>156952</v>
      </c>
      <c r="I46122" s="1" t="s">
        <v>156215</v>
      </c>
      <c r="J46122" s="1" t="s">
        <v>157012</v>
      </c>
    </row>
    <row r="46123" spans="1:10" x14ac:dyDescent="0.35">
      <c r="A46123" s="1" t="s">
        <v>29743</v>
      </c>
      <c r="B46123" s="1" t="s">
        <v>156209</v>
      </c>
      <c r="C46123" s="1" t="s">
        <v>110</v>
      </c>
      <c r="D46123" s="1" t="s">
        <v>14514</v>
      </c>
      <c r="E46123" s="1" t="s">
        <v>157013</v>
      </c>
      <c r="F46123" s="1" t="s">
        <v>157014</v>
      </c>
      <c r="G46123" s="1" t="s">
        <v>156951</v>
      </c>
      <c r="H46123" s="1" t="s">
        <v>156952</v>
      </c>
      <c r="I46123" s="1" t="s">
        <v>156215</v>
      </c>
      <c r="J46123" s="1" t="s">
        <v>157015</v>
      </c>
    </row>
    <row r="46124" spans="1:10" x14ac:dyDescent="0.35">
      <c r="A46124" s="1" t="s">
        <v>29743</v>
      </c>
      <c r="B46124" s="1" t="s">
        <v>156209</v>
      </c>
      <c r="C46124" s="1" t="s">
        <v>115</v>
      </c>
      <c r="D46124" s="1" t="s">
        <v>10834</v>
      </c>
      <c r="E46124" s="1" t="s">
        <v>157016</v>
      </c>
      <c r="F46124" s="1" t="s">
        <v>157017</v>
      </c>
      <c r="G46124" s="1" t="s">
        <v>156951</v>
      </c>
      <c r="H46124" s="1" t="s">
        <v>156952</v>
      </c>
      <c r="I46124" s="1" t="s">
        <v>156215</v>
      </c>
      <c r="J46124" s="1" t="s">
        <v>157018</v>
      </c>
    </row>
    <row r="46125" spans="1:10" x14ac:dyDescent="0.35">
      <c r="A46125" s="1" t="s">
        <v>29743</v>
      </c>
      <c r="B46125" s="1" t="s">
        <v>156209</v>
      </c>
      <c r="C46125" s="1" t="s">
        <v>120</v>
      </c>
      <c r="D46125" s="1" t="s">
        <v>157019</v>
      </c>
      <c r="E46125" s="1" t="s">
        <v>157020</v>
      </c>
      <c r="F46125" s="1" t="s">
        <v>157021</v>
      </c>
      <c r="G46125" s="1" t="s">
        <v>156951</v>
      </c>
      <c r="H46125" s="1" t="s">
        <v>156952</v>
      </c>
      <c r="I46125" s="1" t="s">
        <v>156215</v>
      </c>
      <c r="J46125" s="1" t="s">
        <v>157022</v>
      </c>
    </row>
    <row r="46126" spans="1:10" x14ac:dyDescent="0.35">
      <c r="A46126" s="1" t="s">
        <v>29743</v>
      </c>
      <c r="B46126" s="1" t="s">
        <v>156209</v>
      </c>
      <c r="C46126" s="1" t="s">
        <v>125</v>
      </c>
      <c r="D46126" s="1" t="s">
        <v>157023</v>
      </c>
      <c r="E46126" s="1" t="s">
        <v>157024</v>
      </c>
      <c r="F46126" s="1" t="s">
        <v>157025</v>
      </c>
      <c r="G46126" s="1" t="s">
        <v>156951</v>
      </c>
      <c r="H46126" s="1" t="s">
        <v>156952</v>
      </c>
      <c r="I46126" s="1" t="s">
        <v>156215</v>
      </c>
      <c r="J46126" s="1" t="s">
        <v>157026</v>
      </c>
    </row>
    <row r="46127" spans="1:10" x14ac:dyDescent="0.35">
      <c r="A46127" s="1" t="s">
        <v>29743</v>
      </c>
      <c r="B46127" s="1" t="s">
        <v>156209</v>
      </c>
      <c r="C46127" s="1" t="s">
        <v>130</v>
      </c>
      <c r="D46127" s="1" t="s">
        <v>48246</v>
      </c>
      <c r="E46127" s="1" t="s">
        <v>157027</v>
      </c>
      <c r="F46127" s="1" t="s">
        <v>157028</v>
      </c>
      <c r="G46127" s="1" t="s">
        <v>156951</v>
      </c>
      <c r="H46127" s="1" t="s">
        <v>156952</v>
      </c>
      <c r="I46127" s="1" t="s">
        <v>156215</v>
      </c>
      <c r="J46127" s="1" t="s">
        <v>157029</v>
      </c>
    </row>
    <row r="46128" spans="1:10" x14ac:dyDescent="0.35">
      <c r="A46128" s="1" t="s">
        <v>29743</v>
      </c>
      <c r="B46128" s="1" t="s">
        <v>156209</v>
      </c>
      <c r="C46128" s="1" t="s">
        <v>135</v>
      </c>
      <c r="D46128" s="1" t="s">
        <v>126115</v>
      </c>
      <c r="E46128" s="1" t="s">
        <v>157030</v>
      </c>
      <c r="F46128" s="1" t="s">
        <v>157031</v>
      </c>
      <c r="G46128" s="1" t="s">
        <v>156951</v>
      </c>
      <c r="H46128" s="1" t="s">
        <v>156952</v>
      </c>
      <c r="I46128" s="1" t="s">
        <v>156215</v>
      </c>
      <c r="J46128" s="1" t="s">
        <v>157032</v>
      </c>
    </row>
    <row r="46129" spans="1:10" x14ac:dyDescent="0.35">
      <c r="A46129" s="1" t="s">
        <v>29743</v>
      </c>
      <c r="B46129" s="1" t="s">
        <v>156209</v>
      </c>
      <c r="C46129" s="1" t="s">
        <v>140</v>
      </c>
      <c r="D46129" s="1" t="s">
        <v>32563</v>
      </c>
      <c r="E46129" s="1" t="s">
        <v>157033</v>
      </c>
      <c r="F46129" s="1" t="s">
        <v>157034</v>
      </c>
      <c r="G46129" s="1" t="s">
        <v>156951</v>
      </c>
      <c r="H46129" s="1" t="s">
        <v>156952</v>
      </c>
      <c r="I46129" s="1" t="s">
        <v>156215</v>
      </c>
      <c r="J46129" s="1" t="s">
        <v>157035</v>
      </c>
    </row>
    <row r="46130" spans="1:10" x14ac:dyDescent="0.35">
      <c r="A46130" s="1" t="s">
        <v>29743</v>
      </c>
      <c r="B46130" s="1" t="s">
        <v>156209</v>
      </c>
      <c r="C46130" s="1" t="s">
        <v>145</v>
      </c>
      <c r="D46130" s="1" t="s">
        <v>32563</v>
      </c>
      <c r="E46130" s="1" t="s">
        <v>157036</v>
      </c>
      <c r="F46130" s="1" t="s">
        <v>157037</v>
      </c>
      <c r="G46130" s="1" t="s">
        <v>156951</v>
      </c>
      <c r="H46130" s="1" t="s">
        <v>156952</v>
      </c>
      <c r="I46130" s="1" t="s">
        <v>156215</v>
      </c>
      <c r="J46130" s="1" t="s">
        <v>1180</v>
      </c>
    </row>
    <row r="46131" spans="1:10" x14ac:dyDescent="0.35">
      <c r="A46131" s="1" t="s">
        <v>29743</v>
      </c>
      <c r="B46131" s="1" t="s">
        <v>156209</v>
      </c>
      <c r="C46131" s="1" t="s">
        <v>150</v>
      </c>
      <c r="D46131" s="1" t="s">
        <v>48036</v>
      </c>
      <c r="E46131" s="1" t="s">
        <v>157038</v>
      </c>
      <c r="F46131" s="1" t="s">
        <v>157039</v>
      </c>
      <c r="G46131" s="1" t="s">
        <v>156951</v>
      </c>
      <c r="H46131" s="1" t="s">
        <v>156952</v>
      </c>
      <c r="I46131" s="1" t="s">
        <v>156215</v>
      </c>
      <c r="J46131" s="1" t="s">
        <v>157040</v>
      </c>
    </row>
    <row r="46132" spans="1:10" x14ac:dyDescent="0.35">
      <c r="A46132" s="1" t="s">
        <v>29743</v>
      </c>
      <c r="B46132" s="1" t="s">
        <v>156209</v>
      </c>
      <c r="C46132" s="1" t="s">
        <v>155</v>
      </c>
      <c r="D46132" s="1" t="s">
        <v>35606</v>
      </c>
      <c r="E46132" s="1" t="s">
        <v>157041</v>
      </c>
      <c r="F46132" s="1" t="s">
        <v>157042</v>
      </c>
      <c r="G46132" s="1" t="s">
        <v>156951</v>
      </c>
      <c r="H46132" s="1" t="s">
        <v>156952</v>
      </c>
      <c r="I46132" s="1" t="s">
        <v>156215</v>
      </c>
      <c r="J46132" s="1" t="s">
        <v>157043</v>
      </c>
    </row>
    <row r="46133" spans="1:10" x14ac:dyDescent="0.35">
      <c r="A46133" s="1" t="s">
        <v>29743</v>
      </c>
      <c r="B46133" s="1" t="s">
        <v>156209</v>
      </c>
      <c r="C46133" s="1" t="s">
        <v>160</v>
      </c>
      <c r="D46133" s="1" t="s">
        <v>121678</v>
      </c>
      <c r="E46133" s="1" t="s">
        <v>157044</v>
      </c>
      <c r="F46133" s="1" t="s">
        <v>157045</v>
      </c>
      <c r="G46133" s="1" t="s">
        <v>156951</v>
      </c>
      <c r="H46133" s="1" t="s">
        <v>156952</v>
      </c>
      <c r="I46133" s="1" t="s">
        <v>156215</v>
      </c>
      <c r="J46133" s="1" t="s">
        <v>157046</v>
      </c>
    </row>
    <row r="46134" spans="1:10" x14ac:dyDescent="0.35">
      <c r="A46134" s="1" t="s">
        <v>29743</v>
      </c>
      <c r="B46134" s="1" t="s">
        <v>156209</v>
      </c>
      <c r="C46134" s="1" t="s">
        <v>165</v>
      </c>
      <c r="D46134" s="1" t="s">
        <v>19521</v>
      </c>
      <c r="E46134" s="1" t="s">
        <v>157047</v>
      </c>
      <c r="F46134" s="1" t="s">
        <v>157048</v>
      </c>
      <c r="G46134" s="1" t="s">
        <v>156951</v>
      </c>
      <c r="H46134" s="1" t="s">
        <v>156952</v>
      </c>
      <c r="I46134" s="1" t="s">
        <v>156215</v>
      </c>
      <c r="J46134" s="1" t="s">
        <v>157049</v>
      </c>
    </row>
    <row r="46135" spans="1:10" x14ac:dyDescent="0.35">
      <c r="A46135" s="1" t="s">
        <v>29743</v>
      </c>
      <c r="B46135" s="1" t="s">
        <v>156209</v>
      </c>
      <c r="C46135" s="1" t="s">
        <v>170</v>
      </c>
      <c r="D46135" s="1" t="s">
        <v>33905</v>
      </c>
      <c r="E46135" s="1" t="s">
        <v>157050</v>
      </c>
      <c r="F46135" s="1" t="s">
        <v>157051</v>
      </c>
      <c r="G46135" s="1" t="s">
        <v>156951</v>
      </c>
      <c r="H46135" s="1" t="s">
        <v>156952</v>
      </c>
      <c r="I46135" s="1" t="s">
        <v>156215</v>
      </c>
      <c r="J46135" s="1" t="s">
        <v>157052</v>
      </c>
    </row>
    <row r="46136" spans="1:10" x14ac:dyDescent="0.35">
      <c r="A46136" s="1" t="s">
        <v>27559</v>
      </c>
      <c r="B46136" s="1" t="s">
        <v>156209</v>
      </c>
      <c r="C46136" s="1" t="s">
        <v>8</v>
      </c>
      <c r="D46136" s="1" t="s">
        <v>27847</v>
      </c>
      <c r="E46136" s="1" t="s">
        <v>157053</v>
      </c>
      <c r="F46136" s="1" t="s">
        <v>157054</v>
      </c>
      <c r="G46136" s="1" t="s">
        <v>157055</v>
      </c>
      <c r="H46136" s="1" t="s">
        <v>157056</v>
      </c>
      <c r="I46136" s="1" t="s">
        <v>156215</v>
      </c>
      <c r="J46136" s="1" t="s">
        <v>13</v>
      </c>
    </row>
    <row r="46137" spans="1:10" x14ac:dyDescent="0.35">
      <c r="A46137" s="1" t="s">
        <v>27559</v>
      </c>
      <c r="B46137" s="1" t="s">
        <v>156209</v>
      </c>
      <c r="C46137" s="1" t="s">
        <v>15</v>
      </c>
      <c r="D46137" s="1" t="s">
        <v>8284</v>
      </c>
      <c r="E46137" s="1" t="s">
        <v>157057</v>
      </c>
      <c r="F46137" s="1" t="s">
        <v>157058</v>
      </c>
      <c r="G46137" s="1" t="s">
        <v>157055</v>
      </c>
      <c r="H46137" s="1" t="s">
        <v>157056</v>
      </c>
      <c r="I46137" s="1" t="s">
        <v>156215</v>
      </c>
      <c r="J46137" s="1" t="s">
        <v>157059</v>
      </c>
    </row>
    <row r="46138" spans="1:10" x14ac:dyDescent="0.35">
      <c r="A46138" s="1" t="s">
        <v>27559</v>
      </c>
      <c r="B46138" s="1" t="s">
        <v>156209</v>
      </c>
      <c r="C46138" s="1" t="s">
        <v>20</v>
      </c>
      <c r="D46138" s="1" t="s">
        <v>109578</v>
      </c>
      <c r="E46138" s="1" t="s">
        <v>157060</v>
      </c>
      <c r="F46138" s="1" t="s">
        <v>157061</v>
      </c>
      <c r="G46138" s="1" t="s">
        <v>157055</v>
      </c>
      <c r="H46138" s="1" t="s">
        <v>157056</v>
      </c>
      <c r="I46138" s="1" t="s">
        <v>156215</v>
      </c>
      <c r="J46138" s="1" t="s">
        <v>157062</v>
      </c>
    </row>
    <row r="46139" spans="1:10" x14ac:dyDescent="0.35">
      <c r="A46139" s="1" t="s">
        <v>27559</v>
      </c>
      <c r="B46139" s="1" t="s">
        <v>156209</v>
      </c>
      <c r="C46139" s="1" t="s">
        <v>25</v>
      </c>
      <c r="D46139" s="1" t="s">
        <v>3883</v>
      </c>
      <c r="E46139" s="1" t="s">
        <v>157063</v>
      </c>
      <c r="F46139" s="1" t="s">
        <v>157064</v>
      </c>
      <c r="G46139" s="1" t="s">
        <v>157055</v>
      </c>
      <c r="H46139" s="1" t="s">
        <v>157056</v>
      </c>
      <c r="I46139" s="1" t="s">
        <v>156215</v>
      </c>
      <c r="J46139" s="1" t="s">
        <v>157065</v>
      </c>
    </row>
    <row r="46140" spans="1:10" x14ac:dyDescent="0.35">
      <c r="A46140" s="1" t="s">
        <v>27559</v>
      </c>
      <c r="B46140" s="1" t="s">
        <v>156209</v>
      </c>
      <c r="C46140" s="1" t="s">
        <v>30</v>
      </c>
      <c r="D46140" s="1" t="s">
        <v>8724</v>
      </c>
      <c r="E46140" s="1" t="s">
        <v>157066</v>
      </c>
      <c r="F46140" s="1" t="s">
        <v>157067</v>
      </c>
      <c r="G46140" s="1" t="s">
        <v>157055</v>
      </c>
      <c r="H46140" s="1" t="s">
        <v>157056</v>
      </c>
      <c r="I46140" s="1" t="s">
        <v>156215</v>
      </c>
      <c r="J46140" s="1" t="s">
        <v>143860</v>
      </c>
    </row>
    <row r="46141" spans="1:10" x14ac:dyDescent="0.35">
      <c r="A46141" s="1" t="s">
        <v>27559</v>
      </c>
      <c r="B46141" s="1" t="s">
        <v>156209</v>
      </c>
      <c r="C46141" s="1" t="s">
        <v>35</v>
      </c>
      <c r="D46141" s="1" t="s">
        <v>28178</v>
      </c>
      <c r="E46141" s="1" t="s">
        <v>157068</v>
      </c>
      <c r="F46141" s="1" t="s">
        <v>157069</v>
      </c>
      <c r="G46141" s="1" t="s">
        <v>157055</v>
      </c>
      <c r="H46141" s="1" t="s">
        <v>157056</v>
      </c>
      <c r="I46141" s="1" t="s">
        <v>156215</v>
      </c>
      <c r="J46141" s="1" t="s">
        <v>157070</v>
      </c>
    </row>
    <row r="46142" spans="1:10" x14ac:dyDescent="0.35">
      <c r="A46142" s="1" t="s">
        <v>27559</v>
      </c>
      <c r="B46142" s="1" t="s">
        <v>156209</v>
      </c>
      <c r="C46142" s="1" t="s">
        <v>40</v>
      </c>
      <c r="D46142" s="1" t="s">
        <v>8666</v>
      </c>
      <c r="E46142" s="1" t="s">
        <v>157071</v>
      </c>
      <c r="F46142" s="1" t="s">
        <v>157072</v>
      </c>
      <c r="G46142" s="1" t="s">
        <v>157055</v>
      </c>
      <c r="H46142" s="1" t="s">
        <v>157056</v>
      </c>
      <c r="I46142" s="1" t="s">
        <v>156215</v>
      </c>
      <c r="J46142" s="1" t="s">
        <v>157073</v>
      </c>
    </row>
    <row r="46143" spans="1:10" x14ac:dyDescent="0.35">
      <c r="A46143" s="1" t="s">
        <v>27559</v>
      </c>
      <c r="B46143" s="1" t="s">
        <v>156209</v>
      </c>
      <c r="C46143" s="1" t="s">
        <v>45</v>
      </c>
      <c r="D46143" s="1" t="s">
        <v>9916</v>
      </c>
      <c r="E46143" s="1" t="s">
        <v>157074</v>
      </c>
      <c r="F46143" s="1" t="s">
        <v>157075</v>
      </c>
      <c r="G46143" s="1" t="s">
        <v>157055</v>
      </c>
      <c r="H46143" s="1" t="s">
        <v>157056</v>
      </c>
      <c r="I46143" s="1" t="s">
        <v>156215</v>
      </c>
      <c r="J46143" s="1" t="s">
        <v>157076</v>
      </c>
    </row>
    <row r="46144" spans="1:10" x14ac:dyDescent="0.35">
      <c r="A46144" s="1" t="s">
        <v>27559</v>
      </c>
      <c r="B46144" s="1" t="s">
        <v>156209</v>
      </c>
      <c r="C46144" s="1" t="s">
        <v>50</v>
      </c>
      <c r="D46144" s="1" t="s">
        <v>25801</v>
      </c>
      <c r="E46144" s="1" t="s">
        <v>157077</v>
      </c>
      <c r="F46144" s="1" t="s">
        <v>157078</v>
      </c>
      <c r="G46144" s="1" t="s">
        <v>157055</v>
      </c>
      <c r="H46144" s="1" t="s">
        <v>157056</v>
      </c>
      <c r="I46144" s="1" t="s">
        <v>156215</v>
      </c>
      <c r="J46144" s="1" t="s">
        <v>157079</v>
      </c>
    </row>
    <row r="46145" spans="1:10" x14ac:dyDescent="0.35">
      <c r="A46145" s="1" t="s">
        <v>27559</v>
      </c>
      <c r="B46145" s="1" t="s">
        <v>156209</v>
      </c>
      <c r="C46145" s="1" t="s">
        <v>55</v>
      </c>
      <c r="D46145" s="1" t="s">
        <v>10254</v>
      </c>
      <c r="E46145" s="1" t="s">
        <v>157080</v>
      </c>
      <c r="F46145" s="1" t="s">
        <v>157081</v>
      </c>
      <c r="G46145" s="1" t="s">
        <v>157055</v>
      </c>
      <c r="H46145" s="1" t="s">
        <v>157056</v>
      </c>
      <c r="I46145" s="1" t="s">
        <v>156215</v>
      </c>
      <c r="J46145" s="1" t="s">
        <v>157082</v>
      </c>
    </row>
    <row r="46146" spans="1:10" x14ac:dyDescent="0.35">
      <c r="A46146" s="1" t="s">
        <v>27559</v>
      </c>
      <c r="B46146" s="1" t="s">
        <v>156209</v>
      </c>
      <c r="C46146" s="1" t="s">
        <v>60</v>
      </c>
      <c r="D46146" s="1" t="s">
        <v>117943</v>
      </c>
      <c r="E46146" s="1" t="s">
        <v>157083</v>
      </c>
      <c r="F46146" s="1" t="s">
        <v>157084</v>
      </c>
      <c r="G46146" s="1" t="s">
        <v>157055</v>
      </c>
      <c r="H46146" s="1" t="s">
        <v>157056</v>
      </c>
      <c r="I46146" s="1" t="s">
        <v>156215</v>
      </c>
      <c r="J46146" s="1" t="s">
        <v>157085</v>
      </c>
    </row>
    <row r="46147" spans="1:10" x14ac:dyDescent="0.35">
      <c r="A46147" s="1" t="s">
        <v>27559</v>
      </c>
      <c r="B46147" s="1" t="s">
        <v>156209</v>
      </c>
      <c r="C46147" s="1" t="s">
        <v>65</v>
      </c>
      <c r="D46147" s="1" t="s">
        <v>8065</v>
      </c>
      <c r="E46147" s="1" t="s">
        <v>157086</v>
      </c>
      <c r="F46147" s="1" t="s">
        <v>157087</v>
      </c>
      <c r="G46147" s="1" t="s">
        <v>157055</v>
      </c>
      <c r="H46147" s="1" t="s">
        <v>157056</v>
      </c>
      <c r="I46147" s="1" t="s">
        <v>156215</v>
      </c>
      <c r="J46147" s="1" t="s">
        <v>157088</v>
      </c>
    </row>
    <row r="46148" spans="1:10" x14ac:dyDescent="0.35">
      <c r="A46148" s="1" t="s">
        <v>27559</v>
      </c>
      <c r="B46148" s="1" t="s">
        <v>156209</v>
      </c>
      <c r="C46148" s="1" t="s">
        <v>70</v>
      </c>
      <c r="D46148" s="1" t="s">
        <v>7040</v>
      </c>
      <c r="E46148" s="1" t="s">
        <v>157089</v>
      </c>
      <c r="F46148" s="1" t="s">
        <v>157090</v>
      </c>
      <c r="G46148" s="1" t="s">
        <v>157055</v>
      </c>
      <c r="H46148" s="1" t="s">
        <v>157056</v>
      </c>
      <c r="I46148" s="1" t="s">
        <v>156215</v>
      </c>
      <c r="J46148" s="1" t="s">
        <v>157091</v>
      </c>
    </row>
    <row r="46149" spans="1:10" x14ac:dyDescent="0.35">
      <c r="A46149" s="1" t="s">
        <v>27559</v>
      </c>
      <c r="B46149" s="1" t="s">
        <v>156209</v>
      </c>
      <c r="C46149" s="1" t="s">
        <v>75</v>
      </c>
      <c r="D46149" s="1" t="s">
        <v>28902</v>
      </c>
      <c r="E46149" s="1" t="s">
        <v>157092</v>
      </c>
      <c r="F46149" s="1" t="s">
        <v>157093</v>
      </c>
      <c r="G46149" s="1" t="s">
        <v>157055</v>
      </c>
      <c r="H46149" s="1" t="s">
        <v>157056</v>
      </c>
      <c r="I46149" s="1" t="s">
        <v>156215</v>
      </c>
      <c r="J46149" s="1" t="s">
        <v>157094</v>
      </c>
    </row>
    <row r="46150" spans="1:10" x14ac:dyDescent="0.35">
      <c r="A46150" s="1" t="s">
        <v>27559</v>
      </c>
      <c r="B46150" s="1" t="s">
        <v>156209</v>
      </c>
      <c r="C46150" s="1" t="s">
        <v>80</v>
      </c>
      <c r="D46150" s="1" t="s">
        <v>29664</v>
      </c>
      <c r="E46150" s="1" t="s">
        <v>157095</v>
      </c>
      <c r="F46150" s="1" t="s">
        <v>157096</v>
      </c>
      <c r="G46150" s="1" t="s">
        <v>157055</v>
      </c>
      <c r="H46150" s="1" t="s">
        <v>157056</v>
      </c>
      <c r="I46150" s="1" t="s">
        <v>156215</v>
      </c>
      <c r="J46150" s="1" t="s">
        <v>157097</v>
      </c>
    </row>
    <row r="46151" spans="1:10" x14ac:dyDescent="0.35">
      <c r="A46151" s="1" t="s">
        <v>27559</v>
      </c>
      <c r="B46151" s="1" t="s">
        <v>156209</v>
      </c>
      <c r="C46151" s="1" t="s">
        <v>85</v>
      </c>
      <c r="D46151" s="1" t="s">
        <v>122031</v>
      </c>
      <c r="E46151" s="1" t="s">
        <v>157098</v>
      </c>
      <c r="F46151" s="1" t="s">
        <v>157099</v>
      </c>
      <c r="G46151" s="1" t="s">
        <v>157055</v>
      </c>
      <c r="H46151" s="1" t="s">
        <v>157056</v>
      </c>
      <c r="I46151" s="1" t="s">
        <v>156215</v>
      </c>
      <c r="J46151" s="1" t="s">
        <v>157100</v>
      </c>
    </row>
    <row r="46152" spans="1:10" x14ac:dyDescent="0.35">
      <c r="A46152" s="1" t="s">
        <v>27559</v>
      </c>
      <c r="B46152" s="1" t="s">
        <v>156209</v>
      </c>
      <c r="C46152" s="1" t="s">
        <v>90</v>
      </c>
      <c r="D46152" s="1" t="s">
        <v>27882</v>
      </c>
      <c r="E46152" s="1" t="s">
        <v>157101</v>
      </c>
      <c r="F46152" s="1" t="s">
        <v>157102</v>
      </c>
      <c r="G46152" s="1" t="s">
        <v>157055</v>
      </c>
      <c r="H46152" s="1" t="s">
        <v>157056</v>
      </c>
      <c r="I46152" s="1" t="s">
        <v>156215</v>
      </c>
      <c r="J46152" s="1" t="s">
        <v>157103</v>
      </c>
    </row>
    <row r="46153" spans="1:10" x14ac:dyDescent="0.35">
      <c r="A46153" s="1" t="s">
        <v>27559</v>
      </c>
      <c r="B46153" s="1" t="s">
        <v>156209</v>
      </c>
      <c r="C46153" s="1" t="s">
        <v>95</v>
      </c>
      <c r="D46153" s="1" t="s">
        <v>190</v>
      </c>
      <c r="E46153" s="1" t="s">
        <v>157104</v>
      </c>
      <c r="F46153" s="1" t="s">
        <v>157105</v>
      </c>
      <c r="G46153" s="1" t="s">
        <v>157055</v>
      </c>
      <c r="H46153" s="1" t="s">
        <v>157056</v>
      </c>
      <c r="I46153" s="1" t="s">
        <v>156215</v>
      </c>
      <c r="J46153" s="1" t="s">
        <v>157106</v>
      </c>
    </row>
    <row r="46154" spans="1:10" x14ac:dyDescent="0.35">
      <c r="A46154" s="1" t="s">
        <v>27559</v>
      </c>
      <c r="B46154" s="1" t="s">
        <v>156209</v>
      </c>
      <c r="C46154" s="1" t="s">
        <v>100</v>
      </c>
      <c r="D46154" s="1" t="s">
        <v>157107</v>
      </c>
      <c r="E46154" s="1" t="s">
        <v>157108</v>
      </c>
      <c r="F46154" s="1" t="s">
        <v>157109</v>
      </c>
      <c r="G46154" s="1" t="s">
        <v>157055</v>
      </c>
      <c r="H46154" s="1" t="s">
        <v>157056</v>
      </c>
      <c r="I46154" s="1" t="s">
        <v>156215</v>
      </c>
      <c r="J46154" s="1" t="s">
        <v>157110</v>
      </c>
    </row>
    <row r="46155" spans="1:10" x14ac:dyDescent="0.35">
      <c r="A46155" s="1" t="s">
        <v>27559</v>
      </c>
      <c r="B46155" s="1" t="s">
        <v>156209</v>
      </c>
      <c r="C46155" s="1" t="s">
        <v>105</v>
      </c>
      <c r="D46155" s="1" t="s">
        <v>109743</v>
      </c>
      <c r="E46155" s="1" t="s">
        <v>157111</v>
      </c>
      <c r="F46155" s="1" t="s">
        <v>157112</v>
      </c>
      <c r="G46155" s="1" t="s">
        <v>157055</v>
      </c>
      <c r="H46155" s="1" t="s">
        <v>157056</v>
      </c>
      <c r="I46155" s="1" t="s">
        <v>156215</v>
      </c>
      <c r="J46155" s="1" t="s">
        <v>157113</v>
      </c>
    </row>
    <row r="46156" spans="1:10" x14ac:dyDescent="0.35">
      <c r="A46156" s="1" t="s">
        <v>27559</v>
      </c>
      <c r="B46156" s="1" t="s">
        <v>156209</v>
      </c>
      <c r="C46156" s="1" t="s">
        <v>110</v>
      </c>
      <c r="D46156" s="1" t="s">
        <v>143392</v>
      </c>
      <c r="E46156" s="1" t="s">
        <v>157114</v>
      </c>
      <c r="F46156" s="1" t="s">
        <v>157115</v>
      </c>
      <c r="G46156" s="1" t="s">
        <v>157055</v>
      </c>
      <c r="H46156" s="1" t="s">
        <v>157056</v>
      </c>
      <c r="I46156" s="1" t="s">
        <v>156215</v>
      </c>
      <c r="J46156" s="1" t="s">
        <v>157116</v>
      </c>
    </row>
    <row r="46157" spans="1:10" x14ac:dyDescent="0.35">
      <c r="A46157" s="1" t="s">
        <v>27559</v>
      </c>
      <c r="B46157" s="1" t="s">
        <v>156209</v>
      </c>
      <c r="C46157" s="1" t="s">
        <v>115</v>
      </c>
      <c r="D46157" s="1" t="s">
        <v>142863</v>
      </c>
      <c r="E46157" s="1" t="s">
        <v>157117</v>
      </c>
      <c r="F46157" s="1" t="s">
        <v>157118</v>
      </c>
      <c r="G46157" s="1" t="s">
        <v>157055</v>
      </c>
      <c r="H46157" s="1" t="s">
        <v>157056</v>
      </c>
      <c r="I46157" s="1" t="s">
        <v>156215</v>
      </c>
      <c r="J46157" s="1" t="s">
        <v>157119</v>
      </c>
    </row>
    <row r="46158" spans="1:10" x14ac:dyDescent="0.35">
      <c r="A46158" s="1" t="s">
        <v>27559</v>
      </c>
      <c r="B46158" s="1" t="s">
        <v>156209</v>
      </c>
      <c r="C46158" s="1" t="s">
        <v>120</v>
      </c>
      <c r="D46158" s="1" t="s">
        <v>28649</v>
      </c>
      <c r="E46158" s="1" t="s">
        <v>157120</v>
      </c>
      <c r="F46158" s="1" t="s">
        <v>157121</v>
      </c>
      <c r="G46158" s="1" t="s">
        <v>157055</v>
      </c>
      <c r="H46158" s="1" t="s">
        <v>157056</v>
      </c>
      <c r="I46158" s="1" t="s">
        <v>156215</v>
      </c>
      <c r="J46158" s="1" t="s">
        <v>157122</v>
      </c>
    </row>
    <row r="46159" spans="1:10" x14ac:dyDescent="0.35">
      <c r="A46159" s="1" t="s">
        <v>27559</v>
      </c>
      <c r="B46159" s="1" t="s">
        <v>156209</v>
      </c>
      <c r="C46159" s="1" t="s">
        <v>125</v>
      </c>
      <c r="D46159" s="1" t="s">
        <v>157123</v>
      </c>
      <c r="E46159" s="1" t="s">
        <v>157124</v>
      </c>
      <c r="F46159" s="1" t="s">
        <v>157125</v>
      </c>
      <c r="G46159" s="1" t="s">
        <v>157055</v>
      </c>
      <c r="H46159" s="1" t="s">
        <v>157056</v>
      </c>
      <c r="I46159" s="1" t="s">
        <v>156215</v>
      </c>
      <c r="J46159" s="1" t="s">
        <v>157126</v>
      </c>
    </row>
    <row r="46160" spans="1:10" x14ac:dyDescent="0.35">
      <c r="A46160" s="1" t="s">
        <v>27559</v>
      </c>
      <c r="B46160" s="1" t="s">
        <v>156209</v>
      </c>
      <c r="C46160" s="1" t="s">
        <v>130</v>
      </c>
      <c r="D46160" s="1" t="s">
        <v>157127</v>
      </c>
      <c r="E46160" s="1" t="s">
        <v>157128</v>
      </c>
      <c r="F46160" s="1" t="s">
        <v>157129</v>
      </c>
      <c r="G46160" s="1" t="s">
        <v>157055</v>
      </c>
      <c r="H46160" s="1" t="s">
        <v>157056</v>
      </c>
      <c r="I46160" s="1" t="s">
        <v>156215</v>
      </c>
      <c r="J46160" s="1" t="s">
        <v>157130</v>
      </c>
    </row>
    <row r="46161" spans="1:10" x14ac:dyDescent="0.35">
      <c r="A46161" s="1" t="s">
        <v>27559</v>
      </c>
      <c r="B46161" s="1" t="s">
        <v>156209</v>
      </c>
      <c r="C46161" s="1" t="s">
        <v>135</v>
      </c>
      <c r="D46161" s="1" t="s">
        <v>35013</v>
      </c>
      <c r="E46161" s="1" t="s">
        <v>157131</v>
      </c>
      <c r="F46161" s="1" t="s">
        <v>157132</v>
      </c>
      <c r="G46161" s="1" t="s">
        <v>157055</v>
      </c>
      <c r="H46161" s="1" t="s">
        <v>157056</v>
      </c>
      <c r="I46161" s="1" t="s">
        <v>156215</v>
      </c>
      <c r="J46161" s="1" t="s">
        <v>157133</v>
      </c>
    </row>
    <row r="46162" spans="1:10" x14ac:dyDescent="0.35">
      <c r="A46162" s="1" t="s">
        <v>27559</v>
      </c>
      <c r="B46162" s="1" t="s">
        <v>156209</v>
      </c>
      <c r="C46162" s="1" t="s">
        <v>140</v>
      </c>
      <c r="D46162" s="1" t="s">
        <v>73335</v>
      </c>
      <c r="E46162" s="1" t="s">
        <v>157134</v>
      </c>
      <c r="F46162" s="1" t="s">
        <v>157135</v>
      </c>
      <c r="G46162" s="1" t="s">
        <v>157055</v>
      </c>
      <c r="H46162" s="1" t="s">
        <v>157056</v>
      </c>
      <c r="I46162" s="1" t="s">
        <v>156215</v>
      </c>
      <c r="J46162" s="1" t="s">
        <v>157136</v>
      </c>
    </row>
    <row r="46163" spans="1:10" x14ac:dyDescent="0.35">
      <c r="A46163" s="1" t="s">
        <v>27559</v>
      </c>
      <c r="B46163" s="1" t="s">
        <v>156209</v>
      </c>
      <c r="C46163" s="1" t="s">
        <v>145</v>
      </c>
      <c r="D46163" s="1" t="s">
        <v>13007</v>
      </c>
      <c r="E46163" s="1" t="s">
        <v>157137</v>
      </c>
      <c r="F46163" s="1" t="s">
        <v>157138</v>
      </c>
      <c r="G46163" s="1" t="s">
        <v>157055</v>
      </c>
      <c r="H46163" s="1" t="s">
        <v>157056</v>
      </c>
      <c r="I46163" s="1" t="s">
        <v>156215</v>
      </c>
      <c r="J46163" s="1" t="s">
        <v>157139</v>
      </c>
    </row>
    <row r="46164" spans="1:10" x14ac:dyDescent="0.35">
      <c r="A46164" s="1" t="s">
        <v>27559</v>
      </c>
      <c r="B46164" s="1" t="s">
        <v>156209</v>
      </c>
      <c r="C46164" s="1" t="s">
        <v>150</v>
      </c>
      <c r="D46164" s="1" t="s">
        <v>146384</v>
      </c>
      <c r="E46164" s="1" t="s">
        <v>157140</v>
      </c>
      <c r="F46164" s="1" t="s">
        <v>157141</v>
      </c>
      <c r="G46164" s="1" t="s">
        <v>157055</v>
      </c>
      <c r="H46164" s="1" t="s">
        <v>157056</v>
      </c>
      <c r="I46164" s="1" t="s">
        <v>156215</v>
      </c>
      <c r="J46164" s="1" t="s">
        <v>157142</v>
      </c>
    </row>
    <row r="46165" spans="1:10" x14ac:dyDescent="0.35">
      <c r="A46165" s="1" t="s">
        <v>27559</v>
      </c>
      <c r="B46165" s="1" t="s">
        <v>156209</v>
      </c>
      <c r="C46165" s="1" t="s">
        <v>155</v>
      </c>
      <c r="D46165" s="1" t="s">
        <v>72112</v>
      </c>
      <c r="E46165" s="1" t="s">
        <v>157143</v>
      </c>
      <c r="F46165" s="1" t="s">
        <v>157144</v>
      </c>
      <c r="G46165" s="1" t="s">
        <v>157055</v>
      </c>
      <c r="H46165" s="1" t="s">
        <v>157056</v>
      </c>
      <c r="I46165" s="1" t="s">
        <v>156215</v>
      </c>
      <c r="J46165" s="1" t="s">
        <v>157145</v>
      </c>
    </row>
    <row r="46166" spans="1:10" x14ac:dyDescent="0.35">
      <c r="A46166" s="1" t="s">
        <v>27559</v>
      </c>
      <c r="B46166" s="1" t="s">
        <v>156209</v>
      </c>
      <c r="C46166" s="1" t="s">
        <v>160</v>
      </c>
      <c r="D46166" s="1" t="s">
        <v>157146</v>
      </c>
      <c r="E46166" s="1" t="s">
        <v>157147</v>
      </c>
      <c r="F46166" s="1" t="s">
        <v>157148</v>
      </c>
      <c r="G46166" s="1" t="s">
        <v>157055</v>
      </c>
      <c r="H46166" s="1" t="s">
        <v>157056</v>
      </c>
      <c r="I46166" s="1" t="s">
        <v>156215</v>
      </c>
      <c r="J46166" s="1" t="s">
        <v>157149</v>
      </c>
    </row>
    <row r="46167" spans="1:10" x14ac:dyDescent="0.35">
      <c r="A46167" s="1" t="s">
        <v>27559</v>
      </c>
      <c r="B46167" s="1" t="s">
        <v>156209</v>
      </c>
      <c r="C46167" s="1" t="s">
        <v>165</v>
      </c>
      <c r="D46167" s="1" t="s">
        <v>42759</v>
      </c>
      <c r="E46167" s="1" t="s">
        <v>157150</v>
      </c>
      <c r="F46167" s="1" t="s">
        <v>157151</v>
      </c>
      <c r="G46167" s="1" t="s">
        <v>157055</v>
      </c>
      <c r="H46167" s="1" t="s">
        <v>157056</v>
      </c>
      <c r="I46167" s="1" t="s">
        <v>156215</v>
      </c>
      <c r="J46167" s="1" t="s">
        <v>157152</v>
      </c>
    </row>
    <row r="46168" spans="1:10" x14ac:dyDescent="0.35">
      <c r="A46168" s="1" t="s">
        <v>27559</v>
      </c>
      <c r="B46168" s="1" t="s">
        <v>156209</v>
      </c>
      <c r="C46168" s="1" t="s">
        <v>170</v>
      </c>
      <c r="D46168" s="1" t="s">
        <v>74299</v>
      </c>
      <c r="E46168" s="1" t="s">
        <v>157153</v>
      </c>
      <c r="F46168" s="1" t="s">
        <v>157154</v>
      </c>
      <c r="G46168" s="1" t="s">
        <v>157055</v>
      </c>
      <c r="H46168" s="1" t="s">
        <v>157056</v>
      </c>
      <c r="I46168" s="1" t="s">
        <v>156215</v>
      </c>
      <c r="J46168" s="1" t="s">
        <v>157155</v>
      </c>
    </row>
    <row r="46169" spans="1:10" x14ac:dyDescent="0.35">
      <c r="A46169" s="1" t="s">
        <v>3984</v>
      </c>
      <c r="B46169" s="1" t="s">
        <v>156209</v>
      </c>
      <c r="C46169" s="1" t="s">
        <v>8</v>
      </c>
      <c r="D46169" s="1" t="s">
        <v>157156</v>
      </c>
      <c r="E46169" s="1" t="s">
        <v>157157</v>
      </c>
      <c r="F46169" s="1" t="s">
        <v>157158</v>
      </c>
      <c r="G46169" s="1" t="s">
        <v>157159</v>
      </c>
      <c r="H46169" s="1" t="s">
        <v>157160</v>
      </c>
      <c r="I46169" s="1" t="s">
        <v>156215</v>
      </c>
      <c r="J46169" s="1" t="s">
        <v>13</v>
      </c>
    </row>
    <row r="46170" spans="1:10" x14ac:dyDescent="0.35">
      <c r="A46170" s="1" t="s">
        <v>3984</v>
      </c>
      <c r="B46170" s="1" t="s">
        <v>156209</v>
      </c>
      <c r="C46170" s="1" t="s">
        <v>15</v>
      </c>
      <c r="D46170" s="1" t="s">
        <v>28447</v>
      </c>
      <c r="E46170" s="1" t="s">
        <v>157161</v>
      </c>
      <c r="F46170" s="1" t="s">
        <v>157162</v>
      </c>
      <c r="G46170" s="1" t="s">
        <v>157159</v>
      </c>
      <c r="H46170" s="1" t="s">
        <v>157160</v>
      </c>
      <c r="I46170" s="1" t="s">
        <v>156215</v>
      </c>
      <c r="J46170" s="1" t="s">
        <v>157163</v>
      </c>
    </row>
    <row r="46171" spans="1:10" x14ac:dyDescent="0.35">
      <c r="A46171" s="1" t="s">
        <v>3984</v>
      </c>
      <c r="B46171" s="1" t="s">
        <v>156209</v>
      </c>
      <c r="C46171" s="1" t="s">
        <v>20</v>
      </c>
      <c r="D46171" s="1" t="s">
        <v>2022</v>
      </c>
      <c r="E46171" s="1" t="s">
        <v>157164</v>
      </c>
      <c r="F46171" s="1" t="s">
        <v>157165</v>
      </c>
      <c r="G46171" s="1" t="s">
        <v>157159</v>
      </c>
      <c r="H46171" s="1" t="s">
        <v>157160</v>
      </c>
      <c r="I46171" s="1" t="s">
        <v>156215</v>
      </c>
      <c r="J46171" s="1" t="s">
        <v>157166</v>
      </c>
    </row>
    <row r="46172" spans="1:10" x14ac:dyDescent="0.35">
      <c r="A46172" s="1" t="s">
        <v>3984</v>
      </c>
      <c r="B46172" s="1" t="s">
        <v>156209</v>
      </c>
      <c r="C46172" s="1" t="s">
        <v>25</v>
      </c>
      <c r="D46172" s="1" t="s">
        <v>47067</v>
      </c>
      <c r="E46172" s="1" t="s">
        <v>157167</v>
      </c>
      <c r="F46172" s="1" t="s">
        <v>157168</v>
      </c>
      <c r="G46172" s="1" t="s">
        <v>157159</v>
      </c>
      <c r="H46172" s="1" t="s">
        <v>157160</v>
      </c>
      <c r="I46172" s="1" t="s">
        <v>156215</v>
      </c>
      <c r="J46172" s="1" t="s">
        <v>157169</v>
      </c>
    </row>
    <row r="46173" spans="1:10" x14ac:dyDescent="0.35">
      <c r="A46173" s="1" t="s">
        <v>3984</v>
      </c>
      <c r="B46173" s="1" t="s">
        <v>156209</v>
      </c>
      <c r="C46173" s="1" t="s">
        <v>30</v>
      </c>
      <c r="D46173" s="1" t="s">
        <v>142699</v>
      </c>
      <c r="E46173" s="1" t="s">
        <v>157170</v>
      </c>
      <c r="F46173" s="1" t="s">
        <v>157171</v>
      </c>
      <c r="G46173" s="1" t="s">
        <v>157159</v>
      </c>
      <c r="H46173" s="1" t="s">
        <v>157160</v>
      </c>
      <c r="I46173" s="1" t="s">
        <v>156215</v>
      </c>
      <c r="J46173" s="1" t="s">
        <v>157172</v>
      </c>
    </row>
    <row r="46174" spans="1:10" x14ac:dyDescent="0.35">
      <c r="A46174" s="1" t="s">
        <v>3984</v>
      </c>
      <c r="B46174" s="1" t="s">
        <v>156209</v>
      </c>
      <c r="C46174" s="1" t="s">
        <v>35</v>
      </c>
      <c r="D46174" s="1" t="s">
        <v>144059</v>
      </c>
      <c r="E46174" s="1" t="s">
        <v>157173</v>
      </c>
      <c r="F46174" s="1" t="s">
        <v>157174</v>
      </c>
      <c r="G46174" s="1" t="s">
        <v>157159</v>
      </c>
      <c r="H46174" s="1" t="s">
        <v>157160</v>
      </c>
      <c r="I46174" s="1" t="s">
        <v>156215</v>
      </c>
      <c r="J46174" s="1" t="s">
        <v>157175</v>
      </c>
    </row>
    <row r="46175" spans="1:10" x14ac:dyDescent="0.35">
      <c r="A46175" s="1" t="s">
        <v>3984</v>
      </c>
      <c r="B46175" s="1" t="s">
        <v>156209</v>
      </c>
      <c r="C46175" s="1" t="s">
        <v>40</v>
      </c>
      <c r="D46175" s="1" t="s">
        <v>27867</v>
      </c>
      <c r="E46175" s="1" t="s">
        <v>157176</v>
      </c>
      <c r="F46175" s="1" t="s">
        <v>157177</v>
      </c>
      <c r="G46175" s="1" t="s">
        <v>157159</v>
      </c>
      <c r="H46175" s="1" t="s">
        <v>157160</v>
      </c>
      <c r="I46175" s="1" t="s">
        <v>156215</v>
      </c>
      <c r="J46175" s="1" t="s">
        <v>157178</v>
      </c>
    </row>
    <row r="46176" spans="1:10" x14ac:dyDescent="0.35">
      <c r="A46176" s="1" t="s">
        <v>3984</v>
      </c>
      <c r="B46176" s="1" t="s">
        <v>156209</v>
      </c>
      <c r="C46176" s="1" t="s">
        <v>45</v>
      </c>
      <c r="D46176" s="1" t="s">
        <v>8087</v>
      </c>
      <c r="E46176" s="1" t="s">
        <v>157179</v>
      </c>
      <c r="F46176" s="1" t="s">
        <v>157180</v>
      </c>
      <c r="G46176" s="1" t="s">
        <v>157159</v>
      </c>
      <c r="H46176" s="1" t="s">
        <v>157160</v>
      </c>
      <c r="I46176" s="1" t="s">
        <v>156215</v>
      </c>
      <c r="J46176" s="1" t="s">
        <v>157181</v>
      </c>
    </row>
    <row r="46177" spans="1:10" x14ac:dyDescent="0.35">
      <c r="A46177" s="1" t="s">
        <v>3984</v>
      </c>
      <c r="B46177" s="1" t="s">
        <v>156209</v>
      </c>
      <c r="C46177" s="1" t="s">
        <v>50</v>
      </c>
      <c r="D46177" s="1" t="s">
        <v>112275</v>
      </c>
      <c r="E46177" s="1" t="s">
        <v>157182</v>
      </c>
      <c r="F46177" s="1" t="s">
        <v>157183</v>
      </c>
      <c r="G46177" s="1" t="s">
        <v>157159</v>
      </c>
      <c r="H46177" s="1" t="s">
        <v>157160</v>
      </c>
      <c r="I46177" s="1" t="s">
        <v>156215</v>
      </c>
      <c r="J46177" s="1" t="s">
        <v>157184</v>
      </c>
    </row>
    <row r="46178" spans="1:10" x14ac:dyDescent="0.35">
      <c r="A46178" s="1" t="s">
        <v>3984</v>
      </c>
      <c r="B46178" s="1" t="s">
        <v>156209</v>
      </c>
      <c r="C46178" s="1" t="s">
        <v>55</v>
      </c>
      <c r="D46178" s="1" t="s">
        <v>7499</v>
      </c>
      <c r="E46178" s="1" t="s">
        <v>157185</v>
      </c>
      <c r="F46178" s="1" t="s">
        <v>157186</v>
      </c>
      <c r="G46178" s="1" t="s">
        <v>157159</v>
      </c>
      <c r="H46178" s="1" t="s">
        <v>157160</v>
      </c>
      <c r="I46178" s="1" t="s">
        <v>156215</v>
      </c>
      <c r="J46178" s="1" t="s">
        <v>157187</v>
      </c>
    </row>
    <row r="46179" spans="1:10" x14ac:dyDescent="0.35">
      <c r="A46179" s="1" t="s">
        <v>3984</v>
      </c>
      <c r="B46179" s="1" t="s">
        <v>156209</v>
      </c>
      <c r="C46179" s="1" t="s">
        <v>60</v>
      </c>
      <c r="D46179" s="1" t="s">
        <v>7567</v>
      </c>
      <c r="E46179" s="1" t="s">
        <v>157188</v>
      </c>
      <c r="F46179" s="1" t="s">
        <v>157189</v>
      </c>
      <c r="G46179" s="1" t="s">
        <v>157159</v>
      </c>
      <c r="H46179" s="1" t="s">
        <v>157160</v>
      </c>
      <c r="I46179" s="1" t="s">
        <v>156215</v>
      </c>
      <c r="J46179" s="1" t="s">
        <v>157190</v>
      </c>
    </row>
    <row r="46180" spans="1:10" x14ac:dyDescent="0.35">
      <c r="A46180" s="1" t="s">
        <v>3984</v>
      </c>
      <c r="B46180" s="1" t="s">
        <v>156209</v>
      </c>
      <c r="C46180" s="1" t="s">
        <v>65</v>
      </c>
      <c r="D46180" s="1" t="s">
        <v>7556</v>
      </c>
      <c r="E46180" s="1" t="s">
        <v>157191</v>
      </c>
      <c r="F46180" s="1" t="s">
        <v>157192</v>
      </c>
      <c r="G46180" s="1" t="s">
        <v>157159</v>
      </c>
      <c r="H46180" s="1" t="s">
        <v>157160</v>
      </c>
      <c r="I46180" s="1" t="s">
        <v>156215</v>
      </c>
      <c r="J46180" s="1" t="s">
        <v>157193</v>
      </c>
    </row>
    <row r="46181" spans="1:10" x14ac:dyDescent="0.35">
      <c r="A46181" s="1" t="s">
        <v>3984</v>
      </c>
      <c r="B46181" s="1" t="s">
        <v>156209</v>
      </c>
      <c r="C46181" s="1" t="s">
        <v>70</v>
      </c>
      <c r="D46181" s="1" t="s">
        <v>3924</v>
      </c>
      <c r="E46181" s="1" t="s">
        <v>157194</v>
      </c>
      <c r="F46181" s="1" t="s">
        <v>157195</v>
      </c>
      <c r="G46181" s="1" t="s">
        <v>157159</v>
      </c>
      <c r="H46181" s="1" t="s">
        <v>157160</v>
      </c>
      <c r="I46181" s="1" t="s">
        <v>156215</v>
      </c>
      <c r="J46181" s="1" t="s">
        <v>157196</v>
      </c>
    </row>
    <row r="46182" spans="1:10" x14ac:dyDescent="0.35">
      <c r="A46182" s="1" t="s">
        <v>3984</v>
      </c>
      <c r="B46182" s="1" t="s">
        <v>156209</v>
      </c>
      <c r="C46182" s="1" t="s">
        <v>75</v>
      </c>
      <c r="D46182" s="1" t="s">
        <v>160</v>
      </c>
      <c r="E46182" s="1" t="s">
        <v>157197</v>
      </c>
      <c r="F46182" s="1" t="s">
        <v>157198</v>
      </c>
      <c r="G46182" s="1" t="s">
        <v>157159</v>
      </c>
      <c r="H46182" s="1" t="s">
        <v>157160</v>
      </c>
      <c r="I46182" s="1" t="s">
        <v>156215</v>
      </c>
      <c r="J46182" s="1" t="s">
        <v>157199</v>
      </c>
    </row>
    <row r="46183" spans="1:10" x14ac:dyDescent="0.35">
      <c r="A46183" s="1" t="s">
        <v>3984</v>
      </c>
      <c r="B46183" s="1" t="s">
        <v>156209</v>
      </c>
      <c r="C46183" s="1" t="s">
        <v>80</v>
      </c>
      <c r="D46183" s="1" t="s">
        <v>145063</v>
      </c>
      <c r="E46183" s="1" t="s">
        <v>157200</v>
      </c>
      <c r="F46183" s="1" t="s">
        <v>157201</v>
      </c>
      <c r="G46183" s="1" t="s">
        <v>157159</v>
      </c>
      <c r="H46183" s="1" t="s">
        <v>157160</v>
      </c>
      <c r="I46183" s="1" t="s">
        <v>156215</v>
      </c>
      <c r="J46183" s="1" t="s">
        <v>157202</v>
      </c>
    </row>
    <row r="46184" spans="1:10" x14ac:dyDescent="0.35">
      <c r="A46184" s="1" t="s">
        <v>3984</v>
      </c>
      <c r="B46184" s="1" t="s">
        <v>156209</v>
      </c>
      <c r="C46184" s="1" t="s">
        <v>85</v>
      </c>
      <c r="D46184" s="1" t="s">
        <v>121514</v>
      </c>
      <c r="E46184" s="1" t="s">
        <v>157203</v>
      </c>
      <c r="F46184" s="1" t="s">
        <v>157204</v>
      </c>
      <c r="G46184" s="1" t="s">
        <v>157159</v>
      </c>
      <c r="H46184" s="1" t="s">
        <v>157160</v>
      </c>
      <c r="I46184" s="1" t="s">
        <v>156215</v>
      </c>
      <c r="J46184" s="1" t="s">
        <v>157205</v>
      </c>
    </row>
    <row r="46185" spans="1:10" x14ac:dyDescent="0.35">
      <c r="A46185" s="1" t="s">
        <v>3984</v>
      </c>
      <c r="B46185" s="1" t="s">
        <v>156209</v>
      </c>
      <c r="C46185" s="1" t="s">
        <v>90</v>
      </c>
      <c r="D46185" s="1" t="s">
        <v>6873</v>
      </c>
      <c r="E46185" s="1" t="s">
        <v>157206</v>
      </c>
      <c r="F46185" s="1" t="s">
        <v>157207</v>
      </c>
      <c r="G46185" s="1" t="s">
        <v>157159</v>
      </c>
      <c r="H46185" s="1" t="s">
        <v>157160</v>
      </c>
      <c r="I46185" s="1" t="s">
        <v>156215</v>
      </c>
      <c r="J46185" s="1" t="s">
        <v>157208</v>
      </c>
    </row>
    <row r="46186" spans="1:10" x14ac:dyDescent="0.35">
      <c r="A46186" s="1" t="s">
        <v>3984</v>
      </c>
      <c r="B46186" s="1" t="s">
        <v>156209</v>
      </c>
      <c r="C46186" s="1" t="s">
        <v>95</v>
      </c>
      <c r="D46186" s="1" t="s">
        <v>156574</v>
      </c>
      <c r="E46186" s="1" t="s">
        <v>157209</v>
      </c>
      <c r="F46186" s="1" t="s">
        <v>157210</v>
      </c>
      <c r="G46186" s="1" t="s">
        <v>157159</v>
      </c>
      <c r="H46186" s="1" t="s">
        <v>157160</v>
      </c>
      <c r="I46186" s="1" t="s">
        <v>156215</v>
      </c>
      <c r="J46186" s="1" t="s">
        <v>157211</v>
      </c>
    </row>
    <row r="46187" spans="1:10" x14ac:dyDescent="0.35">
      <c r="A46187" s="1" t="s">
        <v>3984</v>
      </c>
      <c r="B46187" s="1" t="s">
        <v>156209</v>
      </c>
      <c r="C46187" s="1" t="s">
        <v>100</v>
      </c>
      <c r="D46187" s="1" t="s">
        <v>111226</v>
      </c>
      <c r="E46187" s="1" t="s">
        <v>157212</v>
      </c>
      <c r="F46187" s="1" t="s">
        <v>157213</v>
      </c>
      <c r="G46187" s="1" t="s">
        <v>157159</v>
      </c>
      <c r="H46187" s="1" t="s">
        <v>157160</v>
      </c>
      <c r="I46187" s="1" t="s">
        <v>156215</v>
      </c>
      <c r="J46187" s="1" t="s">
        <v>157214</v>
      </c>
    </row>
    <row r="46188" spans="1:10" x14ac:dyDescent="0.35">
      <c r="A46188" s="1" t="s">
        <v>3984</v>
      </c>
      <c r="B46188" s="1" t="s">
        <v>156209</v>
      </c>
      <c r="C46188" s="1" t="s">
        <v>105</v>
      </c>
      <c r="D46188" s="1" t="s">
        <v>44777</v>
      </c>
      <c r="E46188" s="1" t="s">
        <v>157215</v>
      </c>
      <c r="F46188" s="1" t="s">
        <v>157216</v>
      </c>
      <c r="G46188" s="1" t="s">
        <v>157159</v>
      </c>
      <c r="H46188" s="1" t="s">
        <v>157160</v>
      </c>
      <c r="I46188" s="1" t="s">
        <v>156215</v>
      </c>
      <c r="J46188" s="1" t="s">
        <v>157217</v>
      </c>
    </row>
    <row r="46189" spans="1:10" x14ac:dyDescent="0.35">
      <c r="A46189" s="1" t="s">
        <v>3984</v>
      </c>
      <c r="B46189" s="1" t="s">
        <v>156209</v>
      </c>
      <c r="C46189" s="1" t="s">
        <v>110</v>
      </c>
      <c r="D46189" s="1" t="s">
        <v>45736</v>
      </c>
      <c r="E46189" s="1" t="s">
        <v>157218</v>
      </c>
      <c r="F46189" s="1" t="s">
        <v>157219</v>
      </c>
      <c r="G46189" s="1" t="s">
        <v>157159</v>
      </c>
      <c r="H46189" s="1" t="s">
        <v>157160</v>
      </c>
      <c r="I46189" s="1" t="s">
        <v>156215</v>
      </c>
      <c r="J46189" s="1" t="s">
        <v>157220</v>
      </c>
    </row>
    <row r="46190" spans="1:10" x14ac:dyDescent="0.35">
      <c r="A46190" s="1" t="s">
        <v>3984</v>
      </c>
      <c r="B46190" s="1" t="s">
        <v>156209</v>
      </c>
      <c r="C46190" s="1" t="s">
        <v>115</v>
      </c>
      <c r="D46190" s="1" t="s">
        <v>105036</v>
      </c>
      <c r="E46190" s="1" t="s">
        <v>157221</v>
      </c>
      <c r="F46190" s="1" t="s">
        <v>157222</v>
      </c>
      <c r="G46190" s="1" t="s">
        <v>157159</v>
      </c>
      <c r="H46190" s="1" t="s">
        <v>157160</v>
      </c>
      <c r="I46190" s="1" t="s">
        <v>156215</v>
      </c>
      <c r="J46190" s="1" t="s">
        <v>157223</v>
      </c>
    </row>
    <row r="46191" spans="1:10" x14ac:dyDescent="0.35">
      <c r="A46191" s="1" t="s">
        <v>3984</v>
      </c>
      <c r="B46191" s="1" t="s">
        <v>156209</v>
      </c>
      <c r="C46191" s="1" t="s">
        <v>120</v>
      </c>
      <c r="D46191" s="1" t="s">
        <v>157224</v>
      </c>
      <c r="E46191" s="1" t="s">
        <v>157225</v>
      </c>
      <c r="F46191" s="1" t="s">
        <v>157226</v>
      </c>
      <c r="G46191" s="1" t="s">
        <v>157159</v>
      </c>
      <c r="H46191" s="1" t="s">
        <v>157160</v>
      </c>
      <c r="I46191" s="1" t="s">
        <v>156215</v>
      </c>
      <c r="J46191" s="1" t="s">
        <v>157227</v>
      </c>
    </row>
    <row r="46192" spans="1:10" x14ac:dyDescent="0.35">
      <c r="A46192" s="1" t="s">
        <v>3984</v>
      </c>
      <c r="B46192" s="1" t="s">
        <v>156209</v>
      </c>
      <c r="C46192" s="1" t="s">
        <v>125</v>
      </c>
      <c r="D46192" s="1" t="s">
        <v>71061</v>
      </c>
      <c r="E46192" s="1" t="s">
        <v>157228</v>
      </c>
      <c r="F46192" s="1" t="s">
        <v>157229</v>
      </c>
      <c r="G46192" s="1" t="s">
        <v>157159</v>
      </c>
      <c r="H46192" s="1" t="s">
        <v>157160</v>
      </c>
      <c r="I46192" s="1" t="s">
        <v>156215</v>
      </c>
      <c r="J46192" s="1" t="s">
        <v>157230</v>
      </c>
    </row>
    <row r="46193" spans="1:10" x14ac:dyDescent="0.35">
      <c r="A46193" s="1" t="s">
        <v>3984</v>
      </c>
      <c r="B46193" s="1" t="s">
        <v>156209</v>
      </c>
      <c r="C46193" s="1" t="s">
        <v>130</v>
      </c>
      <c r="D46193" s="1" t="s">
        <v>126281</v>
      </c>
      <c r="E46193" s="1" t="s">
        <v>157231</v>
      </c>
      <c r="F46193" s="1" t="s">
        <v>157232</v>
      </c>
      <c r="G46193" s="1" t="s">
        <v>157159</v>
      </c>
      <c r="H46193" s="1" t="s">
        <v>157160</v>
      </c>
      <c r="I46193" s="1" t="s">
        <v>156215</v>
      </c>
      <c r="J46193" s="1" t="s">
        <v>157233</v>
      </c>
    </row>
    <row r="46194" spans="1:10" x14ac:dyDescent="0.35">
      <c r="A46194" s="1" t="s">
        <v>3984</v>
      </c>
      <c r="B46194" s="1" t="s">
        <v>156209</v>
      </c>
      <c r="C46194" s="1" t="s">
        <v>135</v>
      </c>
      <c r="D46194" s="1" t="s">
        <v>48610</v>
      </c>
      <c r="E46194" s="1" t="s">
        <v>157234</v>
      </c>
      <c r="F46194" s="1" t="s">
        <v>157235</v>
      </c>
      <c r="G46194" s="1" t="s">
        <v>157159</v>
      </c>
      <c r="H46194" s="1" t="s">
        <v>157160</v>
      </c>
      <c r="I46194" s="1" t="s">
        <v>156215</v>
      </c>
      <c r="J46194" s="1" t="s">
        <v>157236</v>
      </c>
    </row>
    <row r="46195" spans="1:10" x14ac:dyDescent="0.35">
      <c r="A46195" s="1" t="s">
        <v>3984</v>
      </c>
      <c r="B46195" s="1" t="s">
        <v>156209</v>
      </c>
      <c r="C46195" s="1" t="s">
        <v>140</v>
      </c>
      <c r="D46195" s="1" t="s">
        <v>74984</v>
      </c>
      <c r="E46195" s="1" t="s">
        <v>157237</v>
      </c>
      <c r="F46195" s="1" t="s">
        <v>157238</v>
      </c>
      <c r="G46195" s="1" t="s">
        <v>157159</v>
      </c>
      <c r="H46195" s="1" t="s">
        <v>157160</v>
      </c>
      <c r="I46195" s="1" t="s">
        <v>156215</v>
      </c>
      <c r="J46195" s="1" t="s">
        <v>157239</v>
      </c>
    </row>
    <row r="46196" spans="1:10" x14ac:dyDescent="0.35">
      <c r="A46196" s="1" t="s">
        <v>3984</v>
      </c>
      <c r="B46196" s="1" t="s">
        <v>156209</v>
      </c>
      <c r="C46196" s="1" t="s">
        <v>145</v>
      </c>
      <c r="D46196" s="1" t="s">
        <v>33686</v>
      </c>
      <c r="E46196" s="1" t="s">
        <v>157240</v>
      </c>
      <c r="F46196" s="1" t="s">
        <v>157241</v>
      </c>
      <c r="G46196" s="1" t="s">
        <v>157159</v>
      </c>
      <c r="H46196" s="1" t="s">
        <v>157160</v>
      </c>
      <c r="I46196" s="1" t="s">
        <v>156215</v>
      </c>
      <c r="J46196" s="1" t="s">
        <v>157242</v>
      </c>
    </row>
    <row r="46197" spans="1:10" x14ac:dyDescent="0.35">
      <c r="A46197" s="1" t="s">
        <v>3984</v>
      </c>
      <c r="B46197" s="1" t="s">
        <v>156209</v>
      </c>
      <c r="C46197" s="1" t="s">
        <v>150</v>
      </c>
      <c r="D46197" s="1" t="s">
        <v>38155</v>
      </c>
      <c r="E46197" s="1" t="s">
        <v>157243</v>
      </c>
      <c r="F46197" s="1" t="s">
        <v>157244</v>
      </c>
      <c r="G46197" s="1" t="s">
        <v>157159</v>
      </c>
      <c r="H46197" s="1" t="s">
        <v>157160</v>
      </c>
      <c r="I46197" s="1" t="s">
        <v>156215</v>
      </c>
      <c r="J46197" s="1" t="s">
        <v>157245</v>
      </c>
    </row>
    <row r="46198" spans="1:10" x14ac:dyDescent="0.35">
      <c r="A46198" s="1" t="s">
        <v>3984</v>
      </c>
      <c r="B46198" s="1" t="s">
        <v>156209</v>
      </c>
      <c r="C46198" s="1" t="s">
        <v>155</v>
      </c>
      <c r="D46198" s="1" t="s">
        <v>157246</v>
      </c>
      <c r="E46198" s="1" t="s">
        <v>157247</v>
      </c>
      <c r="F46198" s="1" t="s">
        <v>157248</v>
      </c>
      <c r="G46198" s="1" t="s">
        <v>157159</v>
      </c>
      <c r="H46198" s="1" t="s">
        <v>157160</v>
      </c>
      <c r="I46198" s="1" t="s">
        <v>156215</v>
      </c>
      <c r="J46198" s="1" t="s">
        <v>157249</v>
      </c>
    </row>
    <row r="46199" spans="1:10" x14ac:dyDescent="0.35">
      <c r="A46199" s="1" t="s">
        <v>3984</v>
      </c>
      <c r="B46199" s="1" t="s">
        <v>156209</v>
      </c>
      <c r="C46199" s="1" t="s">
        <v>160</v>
      </c>
      <c r="D46199" s="1" t="s">
        <v>110757</v>
      </c>
      <c r="E46199" s="1" t="s">
        <v>157250</v>
      </c>
      <c r="F46199" s="1" t="s">
        <v>157251</v>
      </c>
      <c r="G46199" s="1" t="s">
        <v>157159</v>
      </c>
      <c r="H46199" s="1" t="s">
        <v>157160</v>
      </c>
      <c r="I46199" s="1" t="s">
        <v>156215</v>
      </c>
      <c r="J46199" s="1" t="s">
        <v>157252</v>
      </c>
    </row>
    <row r="46200" spans="1:10" x14ac:dyDescent="0.35">
      <c r="A46200" s="1" t="s">
        <v>3984</v>
      </c>
      <c r="B46200" s="1" t="s">
        <v>156209</v>
      </c>
      <c r="C46200" s="1" t="s">
        <v>165</v>
      </c>
      <c r="D46200" s="1" t="s">
        <v>71202</v>
      </c>
      <c r="E46200" s="1" t="s">
        <v>157253</v>
      </c>
      <c r="F46200" s="1" t="s">
        <v>157254</v>
      </c>
      <c r="G46200" s="1" t="s">
        <v>157159</v>
      </c>
      <c r="H46200" s="1" t="s">
        <v>157160</v>
      </c>
      <c r="I46200" s="1" t="s">
        <v>156215</v>
      </c>
      <c r="J46200" s="1" t="s">
        <v>157255</v>
      </c>
    </row>
    <row r="46201" spans="1:10" x14ac:dyDescent="0.35">
      <c r="A46201" s="1" t="s">
        <v>3984</v>
      </c>
      <c r="B46201" s="1" t="s">
        <v>156209</v>
      </c>
      <c r="C46201" s="1" t="s">
        <v>170</v>
      </c>
      <c r="D46201" s="1" t="s">
        <v>157256</v>
      </c>
      <c r="E46201" s="1" t="s">
        <v>157257</v>
      </c>
      <c r="F46201" s="1" t="s">
        <v>157258</v>
      </c>
      <c r="G46201" s="1" t="s">
        <v>157159</v>
      </c>
      <c r="H46201" s="1" t="s">
        <v>157160</v>
      </c>
      <c r="I46201" s="1" t="s">
        <v>156215</v>
      </c>
      <c r="J46201" s="1" t="s">
        <v>157259</v>
      </c>
    </row>
    <row r="46202" spans="1:10" x14ac:dyDescent="0.35">
      <c r="A46202" s="1" t="s">
        <v>25587</v>
      </c>
      <c r="B46202" s="1" t="s">
        <v>156209</v>
      </c>
      <c r="C46202" s="1" t="s">
        <v>8</v>
      </c>
      <c r="D46202" s="1" t="s">
        <v>10149</v>
      </c>
      <c r="E46202" s="1" t="s">
        <v>157260</v>
      </c>
      <c r="F46202" s="1" t="s">
        <v>157261</v>
      </c>
      <c r="G46202" s="1" t="s">
        <v>157262</v>
      </c>
      <c r="H46202" s="1" t="s">
        <v>157263</v>
      </c>
      <c r="I46202" s="1" t="s">
        <v>156215</v>
      </c>
      <c r="J46202" s="1" t="s">
        <v>13</v>
      </c>
    </row>
    <row r="46203" spans="1:10" x14ac:dyDescent="0.35">
      <c r="A46203" s="1" t="s">
        <v>25587</v>
      </c>
      <c r="B46203" s="1" t="s">
        <v>156209</v>
      </c>
      <c r="C46203" s="1" t="s">
        <v>15</v>
      </c>
      <c r="D46203" s="1" t="s">
        <v>10029</v>
      </c>
      <c r="E46203" s="1" t="s">
        <v>157264</v>
      </c>
      <c r="F46203" s="1" t="s">
        <v>157265</v>
      </c>
      <c r="G46203" s="1" t="s">
        <v>157262</v>
      </c>
      <c r="H46203" s="1" t="s">
        <v>157263</v>
      </c>
      <c r="I46203" s="1" t="s">
        <v>156215</v>
      </c>
      <c r="J46203" s="1" t="s">
        <v>157266</v>
      </c>
    </row>
    <row r="46204" spans="1:10" x14ac:dyDescent="0.35">
      <c r="A46204" s="1" t="s">
        <v>25587</v>
      </c>
      <c r="B46204" s="1" t="s">
        <v>156209</v>
      </c>
      <c r="C46204" s="1" t="s">
        <v>20</v>
      </c>
      <c r="D46204" s="1" t="s">
        <v>27644</v>
      </c>
      <c r="E46204" s="1" t="s">
        <v>157267</v>
      </c>
      <c r="F46204" s="1" t="s">
        <v>157268</v>
      </c>
      <c r="G46204" s="1" t="s">
        <v>157262</v>
      </c>
      <c r="H46204" s="1" t="s">
        <v>157263</v>
      </c>
      <c r="I46204" s="1" t="s">
        <v>156215</v>
      </c>
      <c r="J46204" s="1" t="s">
        <v>157269</v>
      </c>
    </row>
    <row r="46205" spans="1:10" x14ac:dyDescent="0.35">
      <c r="A46205" s="1" t="s">
        <v>25587</v>
      </c>
      <c r="B46205" s="1" t="s">
        <v>156209</v>
      </c>
      <c r="C46205" s="1" t="s">
        <v>25</v>
      </c>
      <c r="D46205" s="1" t="s">
        <v>157270</v>
      </c>
      <c r="E46205" s="1" t="s">
        <v>157271</v>
      </c>
      <c r="F46205" s="1" t="s">
        <v>157272</v>
      </c>
      <c r="G46205" s="1" t="s">
        <v>157262</v>
      </c>
      <c r="H46205" s="1" t="s">
        <v>157263</v>
      </c>
      <c r="I46205" s="1" t="s">
        <v>156215</v>
      </c>
      <c r="J46205" s="1" t="s">
        <v>157273</v>
      </c>
    </row>
    <row r="46206" spans="1:10" x14ac:dyDescent="0.35">
      <c r="A46206" s="1" t="s">
        <v>25587</v>
      </c>
      <c r="B46206" s="1" t="s">
        <v>156209</v>
      </c>
      <c r="C46206" s="1" t="s">
        <v>30</v>
      </c>
      <c r="D46206" s="1" t="s">
        <v>29327</v>
      </c>
      <c r="E46206" s="1" t="s">
        <v>157274</v>
      </c>
      <c r="F46206" s="1" t="s">
        <v>157275</v>
      </c>
      <c r="G46206" s="1" t="s">
        <v>157262</v>
      </c>
      <c r="H46206" s="1" t="s">
        <v>157263</v>
      </c>
      <c r="I46206" s="1" t="s">
        <v>156215</v>
      </c>
      <c r="J46206" s="1" t="s">
        <v>157276</v>
      </c>
    </row>
    <row r="46207" spans="1:10" x14ac:dyDescent="0.35">
      <c r="A46207" s="1" t="s">
        <v>25587</v>
      </c>
      <c r="B46207" s="1" t="s">
        <v>156209</v>
      </c>
      <c r="C46207" s="1" t="s">
        <v>35</v>
      </c>
      <c r="D46207" s="1" t="s">
        <v>8329</v>
      </c>
      <c r="E46207" s="1" t="s">
        <v>157277</v>
      </c>
      <c r="F46207" s="1" t="s">
        <v>157278</v>
      </c>
      <c r="G46207" s="1" t="s">
        <v>157262</v>
      </c>
      <c r="H46207" s="1" t="s">
        <v>157263</v>
      </c>
      <c r="I46207" s="1" t="s">
        <v>156215</v>
      </c>
      <c r="J46207" s="1" t="s">
        <v>157279</v>
      </c>
    </row>
    <row r="46208" spans="1:10" x14ac:dyDescent="0.35">
      <c r="A46208" s="1" t="s">
        <v>25587</v>
      </c>
      <c r="B46208" s="1" t="s">
        <v>156209</v>
      </c>
      <c r="C46208" s="1" t="s">
        <v>40</v>
      </c>
      <c r="D46208" s="1" t="s">
        <v>110364</v>
      </c>
      <c r="E46208" s="1" t="s">
        <v>157280</v>
      </c>
      <c r="F46208" s="1" t="s">
        <v>157281</v>
      </c>
      <c r="G46208" s="1" t="s">
        <v>157262</v>
      </c>
      <c r="H46208" s="1" t="s">
        <v>157263</v>
      </c>
      <c r="I46208" s="1" t="s">
        <v>156215</v>
      </c>
      <c r="J46208" s="1" t="s">
        <v>157282</v>
      </c>
    </row>
    <row r="46209" spans="1:10" x14ac:dyDescent="0.35">
      <c r="A46209" s="1" t="s">
        <v>25587</v>
      </c>
      <c r="B46209" s="1" t="s">
        <v>156209</v>
      </c>
      <c r="C46209" s="1" t="s">
        <v>45</v>
      </c>
      <c r="D46209" s="1" t="s">
        <v>117024</v>
      </c>
      <c r="E46209" s="1" t="s">
        <v>157283</v>
      </c>
      <c r="F46209" s="1" t="s">
        <v>157284</v>
      </c>
      <c r="G46209" s="1" t="s">
        <v>157262</v>
      </c>
      <c r="H46209" s="1" t="s">
        <v>157263</v>
      </c>
      <c r="I46209" s="1" t="s">
        <v>156215</v>
      </c>
      <c r="J46209" s="1" t="s">
        <v>157285</v>
      </c>
    </row>
    <row r="46210" spans="1:10" x14ac:dyDescent="0.35">
      <c r="A46210" s="1" t="s">
        <v>25587</v>
      </c>
      <c r="B46210" s="1" t="s">
        <v>156209</v>
      </c>
      <c r="C46210" s="1" t="s">
        <v>50</v>
      </c>
      <c r="D46210" s="1" t="s">
        <v>157286</v>
      </c>
      <c r="E46210" s="1" t="s">
        <v>157287</v>
      </c>
      <c r="F46210" s="1" t="s">
        <v>157288</v>
      </c>
      <c r="G46210" s="1" t="s">
        <v>157262</v>
      </c>
      <c r="H46210" s="1" t="s">
        <v>157263</v>
      </c>
      <c r="I46210" s="1" t="s">
        <v>156215</v>
      </c>
      <c r="J46210" s="1" t="s">
        <v>157289</v>
      </c>
    </row>
    <row r="46211" spans="1:10" x14ac:dyDescent="0.35">
      <c r="A46211" s="1" t="s">
        <v>25587</v>
      </c>
      <c r="B46211" s="1" t="s">
        <v>156209</v>
      </c>
      <c r="C46211" s="1" t="s">
        <v>55</v>
      </c>
      <c r="D46211" s="1" t="s">
        <v>112522</v>
      </c>
      <c r="E46211" s="1" t="s">
        <v>157290</v>
      </c>
      <c r="F46211" s="1" t="s">
        <v>157291</v>
      </c>
      <c r="G46211" s="1" t="s">
        <v>157262</v>
      </c>
      <c r="H46211" s="1" t="s">
        <v>157263</v>
      </c>
      <c r="I46211" s="1" t="s">
        <v>156215</v>
      </c>
      <c r="J46211" s="1" t="s">
        <v>157292</v>
      </c>
    </row>
    <row r="46212" spans="1:10" x14ac:dyDescent="0.35">
      <c r="A46212" s="1" t="s">
        <v>25587</v>
      </c>
      <c r="B46212" s="1" t="s">
        <v>156209</v>
      </c>
      <c r="C46212" s="1" t="s">
        <v>60</v>
      </c>
      <c r="D46212" s="1" t="s">
        <v>143112</v>
      </c>
      <c r="E46212" s="1" t="s">
        <v>157293</v>
      </c>
      <c r="F46212" s="1" t="s">
        <v>157294</v>
      </c>
      <c r="G46212" s="1" t="s">
        <v>157262</v>
      </c>
      <c r="H46212" s="1" t="s">
        <v>157263</v>
      </c>
      <c r="I46212" s="1" t="s">
        <v>156215</v>
      </c>
      <c r="J46212" s="1" t="s">
        <v>157295</v>
      </c>
    </row>
    <row r="46213" spans="1:10" x14ac:dyDescent="0.35">
      <c r="A46213" s="1" t="s">
        <v>25587</v>
      </c>
      <c r="B46213" s="1" t="s">
        <v>156209</v>
      </c>
      <c r="C46213" s="1" t="s">
        <v>65</v>
      </c>
      <c r="D46213" s="1" t="s">
        <v>119154</v>
      </c>
      <c r="E46213" s="1" t="s">
        <v>157296</v>
      </c>
      <c r="F46213" s="1" t="s">
        <v>157297</v>
      </c>
      <c r="G46213" s="1" t="s">
        <v>157262</v>
      </c>
      <c r="H46213" s="1" t="s">
        <v>157263</v>
      </c>
      <c r="I46213" s="1" t="s">
        <v>156215</v>
      </c>
      <c r="J46213" s="1" t="s">
        <v>157298</v>
      </c>
    </row>
    <row r="46214" spans="1:10" x14ac:dyDescent="0.35">
      <c r="A46214" s="1" t="s">
        <v>25587</v>
      </c>
      <c r="B46214" s="1" t="s">
        <v>156209</v>
      </c>
      <c r="C46214" s="1" t="s">
        <v>70</v>
      </c>
      <c r="D46214" s="1" t="s">
        <v>112674</v>
      </c>
      <c r="E46214" s="1" t="s">
        <v>157299</v>
      </c>
      <c r="F46214" s="1" t="s">
        <v>157300</v>
      </c>
      <c r="G46214" s="1" t="s">
        <v>157262</v>
      </c>
      <c r="H46214" s="1" t="s">
        <v>157263</v>
      </c>
      <c r="I46214" s="1" t="s">
        <v>156215</v>
      </c>
      <c r="J46214" s="1" t="s">
        <v>157301</v>
      </c>
    </row>
    <row r="46215" spans="1:10" x14ac:dyDescent="0.35">
      <c r="A46215" s="1" t="s">
        <v>25587</v>
      </c>
      <c r="B46215" s="1" t="s">
        <v>156209</v>
      </c>
      <c r="C46215" s="1" t="s">
        <v>75</v>
      </c>
      <c r="D46215" s="1" t="s">
        <v>4781</v>
      </c>
      <c r="E46215" s="1" t="s">
        <v>157302</v>
      </c>
      <c r="F46215" s="1" t="s">
        <v>157303</v>
      </c>
      <c r="G46215" s="1" t="s">
        <v>157262</v>
      </c>
      <c r="H46215" s="1" t="s">
        <v>157263</v>
      </c>
      <c r="I46215" s="1" t="s">
        <v>156215</v>
      </c>
      <c r="J46215" s="1" t="s">
        <v>157304</v>
      </c>
    </row>
    <row r="46216" spans="1:10" x14ac:dyDescent="0.35">
      <c r="A46216" s="1" t="s">
        <v>25587</v>
      </c>
      <c r="B46216" s="1" t="s">
        <v>156209</v>
      </c>
      <c r="C46216" s="1" t="s">
        <v>80</v>
      </c>
      <c r="D46216" s="1" t="s">
        <v>120274</v>
      </c>
      <c r="E46216" s="1" t="s">
        <v>157305</v>
      </c>
      <c r="F46216" s="1" t="s">
        <v>157306</v>
      </c>
      <c r="G46216" s="1" t="s">
        <v>157262</v>
      </c>
      <c r="H46216" s="1" t="s">
        <v>157263</v>
      </c>
      <c r="I46216" s="1" t="s">
        <v>156215</v>
      </c>
      <c r="J46216" s="1" t="s">
        <v>157307</v>
      </c>
    </row>
    <row r="46217" spans="1:10" x14ac:dyDescent="0.35">
      <c r="A46217" s="1" t="s">
        <v>25587</v>
      </c>
      <c r="B46217" s="1" t="s">
        <v>156209</v>
      </c>
      <c r="C46217" s="1" t="s">
        <v>85</v>
      </c>
      <c r="D46217" s="1" t="s">
        <v>157308</v>
      </c>
      <c r="E46217" s="1" t="s">
        <v>157309</v>
      </c>
      <c r="F46217" s="1" t="s">
        <v>157310</v>
      </c>
      <c r="G46217" s="1" t="s">
        <v>157262</v>
      </c>
      <c r="H46217" s="1" t="s">
        <v>157263</v>
      </c>
      <c r="I46217" s="1" t="s">
        <v>156215</v>
      </c>
      <c r="J46217" s="1" t="s">
        <v>157311</v>
      </c>
    </row>
    <row r="46218" spans="1:10" x14ac:dyDescent="0.35">
      <c r="A46218" s="1" t="s">
        <v>25587</v>
      </c>
      <c r="B46218" s="1" t="s">
        <v>156209</v>
      </c>
      <c r="C46218" s="1" t="s">
        <v>90</v>
      </c>
      <c r="D46218" s="1" t="s">
        <v>2825</v>
      </c>
      <c r="E46218" s="1" t="s">
        <v>157312</v>
      </c>
      <c r="F46218" s="1" t="s">
        <v>157313</v>
      </c>
      <c r="G46218" s="1" t="s">
        <v>157262</v>
      </c>
      <c r="H46218" s="1" t="s">
        <v>157263</v>
      </c>
      <c r="I46218" s="1" t="s">
        <v>156215</v>
      </c>
      <c r="J46218" s="1" t="s">
        <v>157314</v>
      </c>
    </row>
    <row r="46219" spans="1:10" x14ac:dyDescent="0.35">
      <c r="A46219" s="1" t="s">
        <v>25587</v>
      </c>
      <c r="B46219" s="1" t="s">
        <v>156209</v>
      </c>
      <c r="C46219" s="1" t="s">
        <v>95</v>
      </c>
      <c r="D46219" s="1" t="s">
        <v>145643</v>
      </c>
      <c r="E46219" s="1" t="s">
        <v>157315</v>
      </c>
      <c r="F46219" s="1" t="s">
        <v>157316</v>
      </c>
      <c r="G46219" s="1" t="s">
        <v>157262</v>
      </c>
      <c r="H46219" s="1" t="s">
        <v>157263</v>
      </c>
      <c r="I46219" s="1" t="s">
        <v>156215</v>
      </c>
      <c r="J46219" s="1" t="s">
        <v>157317</v>
      </c>
    </row>
    <row r="46220" spans="1:10" x14ac:dyDescent="0.35">
      <c r="A46220" s="1" t="s">
        <v>25587</v>
      </c>
      <c r="B46220" s="1" t="s">
        <v>156209</v>
      </c>
      <c r="C46220" s="1" t="s">
        <v>100</v>
      </c>
      <c r="D46220" s="1" t="s">
        <v>3355</v>
      </c>
      <c r="E46220" s="1" t="s">
        <v>157318</v>
      </c>
      <c r="F46220" s="1" t="s">
        <v>157319</v>
      </c>
      <c r="G46220" s="1" t="s">
        <v>157262</v>
      </c>
      <c r="H46220" s="1" t="s">
        <v>157263</v>
      </c>
      <c r="I46220" s="1" t="s">
        <v>156215</v>
      </c>
      <c r="J46220" s="1" t="s">
        <v>157320</v>
      </c>
    </row>
    <row r="46221" spans="1:10" x14ac:dyDescent="0.35">
      <c r="A46221" s="1" t="s">
        <v>25587</v>
      </c>
      <c r="B46221" s="1" t="s">
        <v>156209</v>
      </c>
      <c r="C46221" s="1" t="s">
        <v>105</v>
      </c>
      <c r="D46221" s="1" t="s">
        <v>2551</v>
      </c>
      <c r="E46221" s="1" t="s">
        <v>157321</v>
      </c>
      <c r="F46221" s="1" t="s">
        <v>157322</v>
      </c>
      <c r="G46221" s="1" t="s">
        <v>157262</v>
      </c>
      <c r="H46221" s="1" t="s">
        <v>157263</v>
      </c>
      <c r="I46221" s="1" t="s">
        <v>156215</v>
      </c>
      <c r="J46221" s="1" t="s">
        <v>157323</v>
      </c>
    </row>
    <row r="46222" spans="1:10" x14ac:dyDescent="0.35">
      <c r="A46222" s="1" t="s">
        <v>25587</v>
      </c>
      <c r="B46222" s="1" t="s">
        <v>156209</v>
      </c>
      <c r="C46222" s="1" t="s">
        <v>110</v>
      </c>
      <c r="D46222" s="1" t="s">
        <v>4538</v>
      </c>
      <c r="E46222" s="1" t="s">
        <v>157324</v>
      </c>
      <c r="F46222" s="1" t="s">
        <v>157325</v>
      </c>
      <c r="G46222" s="1" t="s">
        <v>157262</v>
      </c>
      <c r="H46222" s="1" t="s">
        <v>157263</v>
      </c>
      <c r="I46222" s="1" t="s">
        <v>156215</v>
      </c>
      <c r="J46222" s="1" t="s">
        <v>157326</v>
      </c>
    </row>
    <row r="46223" spans="1:10" x14ac:dyDescent="0.35">
      <c r="A46223" s="1" t="s">
        <v>25587</v>
      </c>
      <c r="B46223" s="1" t="s">
        <v>156209</v>
      </c>
      <c r="C46223" s="1" t="s">
        <v>115</v>
      </c>
      <c r="D46223" s="1" t="s">
        <v>48278</v>
      </c>
      <c r="E46223" s="1" t="s">
        <v>157327</v>
      </c>
      <c r="F46223" s="1" t="s">
        <v>157328</v>
      </c>
      <c r="G46223" s="1" t="s">
        <v>157262</v>
      </c>
      <c r="H46223" s="1" t="s">
        <v>157263</v>
      </c>
      <c r="I46223" s="1" t="s">
        <v>156215</v>
      </c>
      <c r="J46223" s="1" t="s">
        <v>157329</v>
      </c>
    </row>
    <row r="46224" spans="1:10" x14ac:dyDescent="0.35">
      <c r="A46224" s="1" t="s">
        <v>25587</v>
      </c>
      <c r="B46224" s="1" t="s">
        <v>156209</v>
      </c>
      <c r="C46224" s="1" t="s">
        <v>120</v>
      </c>
      <c r="D46224" s="1" t="s">
        <v>157330</v>
      </c>
      <c r="E46224" s="1" t="s">
        <v>157331</v>
      </c>
      <c r="F46224" s="1" t="s">
        <v>157332</v>
      </c>
      <c r="G46224" s="1" t="s">
        <v>157262</v>
      </c>
      <c r="H46224" s="1" t="s">
        <v>157263</v>
      </c>
      <c r="I46224" s="1" t="s">
        <v>156215</v>
      </c>
      <c r="J46224" s="1" t="s">
        <v>157333</v>
      </c>
    </row>
    <row r="46225" spans="1:10" x14ac:dyDescent="0.35">
      <c r="A46225" s="1" t="s">
        <v>25587</v>
      </c>
      <c r="B46225" s="1" t="s">
        <v>156209</v>
      </c>
      <c r="C46225" s="1" t="s">
        <v>125</v>
      </c>
      <c r="D46225" s="1" t="s">
        <v>157334</v>
      </c>
      <c r="E46225" s="1" t="s">
        <v>157335</v>
      </c>
      <c r="F46225" s="1" t="s">
        <v>157336</v>
      </c>
      <c r="G46225" s="1" t="s">
        <v>157262</v>
      </c>
      <c r="H46225" s="1" t="s">
        <v>157263</v>
      </c>
      <c r="I46225" s="1" t="s">
        <v>156215</v>
      </c>
      <c r="J46225" s="1" t="s">
        <v>157337</v>
      </c>
    </row>
    <row r="46226" spans="1:10" x14ac:dyDescent="0.35">
      <c r="A46226" s="1" t="s">
        <v>25587</v>
      </c>
      <c r="B46226" s="1" t="s">
        <v>156209</v>
      </c>
      <c r="C46226" s="1" t="s">
        <v>130</v>
      </c>
      <c r="D46226" s="1" t="s">
        <v>157338</v>
      </c>
      <c r="E46226" s="1" t="s">
        <v>157339</v>
      </c>
      <c r="F46226" s="1" t="s">
        <v>157340</v>
      </c>
      <c r="G46226" s="1" t="s">
        <v>157262</v>
      </c>
      <c r="H46226" s="1" t="s">
        <v>157263</v>
      </c>
      <c r="I46226" s="1" t="s">
        <v>156215</v>
      </c>
      <c r="J46226" s="1" t="s">
        <v>157341</v>
      </c>
    </row>
    <row r="46227" spans="1:10" x14ac:dyDescent="0.35">
      <c r="A46227" s="1" t="s">
        <v>25587</v>
      </c>
      <c r="B46227" s="1" t="s">
        <v>156209</v>
      </c>
      <c r="C46227" s="1" t="s">
        <v>135</v>
      </c>
      <c r="D46227" s="1" t="s">
        <v>70921</v>
      </c>
      <c r="E46227" s="1" t="s">
        <v>157342</v>
      </c>
      <c r="F46227" s="1" t="s">
        <v>157343</v>
      </c>
      <c r="G46227" s="1" t="s">
        <v>157262</v>
      </c>
      <c r="H46227" s="1" t="s">
        <v>157263</v>
      </c>
      <c r="I46227" s="1" t="s">
        <v>156215</v>
      </c>
      <c r="J46227" s="1" t="s">
        <v>157344</v>
      </c>
    </row>
    <row r="46228" spans="1:10" x14ac:dyDescent="0.35">
      <c r="A46228" s="1" t="s">
        <v>25587</v>
      </c>
      <c r="B46228" s="1" t="s">
        <v>156209</v>
      </c>
      <c r="C46228" s="1" t="s">
        <v>140</v>
      </c>
      <c r="D46228" s="1" t="s">
        <v>157345</v>
      </c>
      <c r="E46228" s="1" t="s">
        <v>157346</v>
      </c>
      <c r="F46228" s="1" t="s">
        <v>157347</v>
      </c>
      <c r="G46228" s="1" t="s">
        <v>157262</v>
      </c>
      <c r="H46228" s="1" t="s">
        <v>157263</v>
      </c>
      <c r="I46228" s="1" t="s">
        <v>156215</v>
      </c>
      <c r="J46228" s="1" t="s">
        <v>157348</v>
      </c>
    </row>
    <row r="46229" spans="1:10" x14ac:dyDescent="0.35">
      <c r="A46229" s="1" t="s">
        <v>25587</v>
      </c>
      <c r="B46229" s="1" t="s">
        <v>156209</v>
      </c>
      <c r="C46229" s="1" t="s">
        <v>145</v>
      </c>
      <c r="D46229" s="1" t="s">
        <v>157349</v>
      </c>
      <c r="E46229" s="1" t="s">
        <v>157350</v>
      </c>
      <c r="F46229" s="1" t="s">
        <v>157351</v>
      </c>
      <c r="G46229" s="1" t="s">
        <v>157262</v>
      </c>
      <c r="H46229" s="1" t="s">
        <v>157263</v>
      </c>
      <c r="I46229" s="1" t="s">
        <v>156215</v>
      </c>
      <c r="J46229" s="1" t="s">
        <v>157352</v>
      </c>
    </row>
    <row r="46230" spans="1:10" x14ac:dyDescent="0.35">
      <c r="A46230" s="1" t="s">
        <v>25587</v>
      </c>
      <c r="B46230" s="1" t="s">
        <v>156209</v>
      </c>
      <c r="C46230" s="1" t="s">
        <v>150</v>
      </c>
      <c r="D46230" s="1" t="s">
        <v>46261</v>
      </c>
      <c r="E46230" s="1" t="s">
        <v>157353</v>
      </c>
      <c r="F46230" s="1" t="s">
        <v>157354</v>
      </c>
      <c r="G46230" s="1" t="s">
        <v>157262</v>
      </c>
      <c r="H46230" s="1" t="s">
        <v>157263</v>
      </c>
      <c r="I46230" s="1" t="s">
        <v>156215</v>
      </c>
      <c r="J46230" s="1" t="s">
        <v>157355</v>
      </c>
    </row>
    <row r="46231" spans="1:10" x14ac:dyDescent="0.35">
      <c r="A46231" s="1" t="s">
        <v>25587</v>
      </c>
      <c r="B46231" s="1" t="s">
        <v>156209</v>
      </c>
      <c r="C46231" s="1" t="s">
        <v>155</v>
      </c>
      <c r="D46231" s="1" t="s">
        <v>157356</v>
      </c>
      <c r="E46231" s="1" t="s">
        <v>157357</v>
      </c>
      <c r="F46231" s="1" t="s">
        <v>157358</v>
      </c>
      <c r="G46231" s="1" t="s">
        <v>157262</v>
      </c>
      <c r="H46231" s="1" t="s">
        <v>157263</v>
      </c>
      <c r="I46231" s="1" t="s">
        <v>156215</v>
      </c>
      <c r="J46231" s="1" t="s">
        <v>157359</v>
      </c>
    </row>
    <row r="46232" spans="1:10" x14ac:dyDescent="0.35">
      <c r="A46232" s="1" t="s">
        <v>25587</v>
      </c>
      <c r="B46232" s="1" t="s">
        <v>156209</v>
      </c>
      <c r="C46232" s="1" t="s">
        <v>160</v>
      </c>
      <c r="D46232" s="1" t="s">
        <v>72176</v>
      </c>
      <c r="E46232" s="1" t="s">
        <v>157360</v>
      </c>
      <c r="F46232" s="1" t="s">
        <v>157361</v>
      </c>
      <c r="G46232" s="1" t="s">
        <v>157262</v>
      </c>
      <c r="H46232" s="1" t="s">
        <v>157263</v>
      </c>
      <c r="I46232" s="1" t="s">
        <v>156215</v>
      </c>
      <c r="J46232" s="1" t="s">
        <v>157362</v>
      </c>
    </row>
    <row r="46233" spans="1:10" x14ac:dyDescent="0.35">
      <c r="A46233" s="1" t="s">
        <v>25587</v>
      </c>
      <c r="B46233" s="1" t="s">
        <v>156209</v>
      </c>
      <c r="C46233" s="1" t="s">
        <v>165</v>
      </c>
      <c r="D46233" s="1" t="s">
        <v>47654</v>
      </c>
      <c r="E46233" s="1" t="s">
        <v>157363</v>
      </c>
      <c r="F46233" s="1" t="s">
        <v>157364</v>
      </c>
      <c r="G46233" s="1" t="s">
        <v>157262</v>
      </c>
      <c r="H46233" s="1" t="s">
        <v>157263</v>
      </c>
      <c r="I46233" s="1" t="s">
        <v>156215</v>
      </c>
      <c r="J46233" s="1" t="s">
        <v>157365</v>
      </c>
    </row>
    <row r="46234" spans="1:10" x14ac:dyDescent="0.35">
      <c r="A46234" s="1" t="s">
        <v>25587</v>
      </c>
      <c r="B46234" s="1" t="s">
        <v>156209</v>
      </c>
      <c r="C46234" s="1" t="s">
        <v>170</v>
      </c>
      <c r="D46234" s="1" t="s">
        <v>124057</v>
      </c>
      <c r="E46234" s="1" t="s">
        <v>157366</v>
      </c>
      <c r="F46234" s="1" t="s">
        <v>157367</v>
      </c>
      <c r="G46234" s="1" t="s">
        <v>157262</v>
      </c>
      <c r="H46234" s="1" t="s">
        <v>157263</v>
      </c>
      <c r="I46234" s="1" t="s">
        <v>156215</v>
      </c>
      <c r="J46234" s="1" t="s">
        <v>157368</v>
      </c>
    </row>
    <row r="46235" spans="1:10" x14ac:dyDescent="0.35">
      <c r="A46235" s="1" t="s">
        <v>4520</v>
      </c>
      <c r="B46235" s="1" t="s">
        <v>156209</v>
      </c>
      <c r="C46235" s="1" t="s">
        <v>8</v>
      </c>
      <c r="D46235" s="1" t="s">
        <v>27472</v>
      </c>
      <c r="E46235" s="1" t="s">
        <v>157369</v>
      </c>
      <c r="F46235" s="1" t="s">
        <v>157370</v>
      </c>
      <c r="G46235" s="1" t="s">
        <v>157371</v>
      </c>
      <c r="H46235" s="1" t="s">
        <v>157372</v>
      </c>
      <c r="I46235" s="1" t="s">
        <v>156215</v>
      </c>
      <c r="J46235" s="1" t="s">
        <v>13</v>
      </c>
    </row>
    <row r="46236" spans="1:10" x14ac:dyDescent="0.35">
      <c r="A46236" s="1" t="s">
        <v>4520</v>
      </c>
      <c r="B46236" s="1" t="s">
        <v>156209</v>
      </c>
      <c r="C46236" s="1" t="s">
        <v>15</v>
      </c>
      <c r="D46236" s="1" t="s">
        <v>6466</v>
      </c>
      <c r="E46236" s="1" t="s">
        <v>157373</v>
      </c>
      <c r="F46236" s="1" t="s">
        <v>157374</v>
      </c>
      <c r="G46236" s="1" t="s">
        <v>157371</v>
      </c>
      <c r="H46236" s="1" t="s">
        <v>157372</v>
      </c>
      <c r="I46236" s="1" t="s">
        <v>156215</v>
      </c>
      <c r="J46236" s="1" t="s">
        <v>157375</v>
      </c>
    </row>
    <row r="46237" spans="1:10" x14ac:dyDescent="0.35">
      <c r="A46237" s="1" t="s">
        <v>4520</v>
      </c>
      <c r="B46237" s="1" t="s">
        <v>156209</v>
      </c>
      <c r="C46237" s="1" t="s">
        <v>20</v>
      </c>
      <c r="D46237" s="1" t="s">
        <v>117036</v>
      </c>
      <c r="E46237" s="1" t="s">
        <v>157376</v>
      </c>
      <c r="F46237" s="1" t="s">
        <v>157377</v>
      </c>
      <c r="G46237" s="1" t="s">
        <v>157371</v>
      </c>
      <c r="H46237" s="1" t="s">
        <v>157372</v>
      </c>
      <c r="I46237" s="1" t="s">
        <v>156215</v>
      </c>
      <c r="J46237" s="1" t="s">
        <v>157378</v>
      </c>
    </row>
    <row r="46238" spans="1:10" x14ac:dyDescent="0.35">
      <c r="A46238" s="1" t="s">
        <v>4520</v>
      </c>
      <c r="B46238" s="1" t="s">
        <v>156209</v>
      </c>
      <c r="C46238" s="1" t="s">
        <v>25</v>
      </c>
      <c r="D46238" s="1" t="s">
        <v>111488</v>
      </c>
      <c r="E46238" s="1" t="s">
        <v>157379</v>
      </c>
      <c r="F46238" s="1" t="s">
        <v>157380</v>
      </c>
      <c r="G46238" s="1" t="s">
        <v>157371</v>
      </c>
      <c r="H46238" s="1" t="s">
        <v>157372</v>
      </c>
      <c r="I46238" s="1" t="s">
        <v>156215</v>
      </c>
      <c r="J46238" s="1" t="s">
        <v>157381</v>
      </c>
    </row>
    <row r="46239" spans="1:10" x14ac:dyDescent="0.35">
      <c r="A46239" s="1" t="s">
        <v>4520</v>
      </c>
      <c r="B46239" s="1" t="s">
        <v>156209</v>
      </c>
      <c r="C46239" s="1" t="s">
        <v>30</v>
      </c>
      <c r="D46239" s="1" t="s">
        <v>122182</v>
      </c>
      <c r="E46239" s="1" t="s">
        <v>157382</v>
      </c>
      <c r="F46239" s="1" t="s">
        <v>157383</v>
      </c>
      <c r="G46239" s="1" t="s">
        <v>157371</v>
      </c>
      <c r="H46239" s="1" t="s">
        <v>157372</v>
      </c>
      <c r="I46239" s="1" t="s">
        <v>156215</v>
      </c>
      <c r="J46239" s="1" t="s">
        <v>157384</v>
      </c>
    </row>
    <row r="46240" spans="1:10" x14ac:dyDescent="0.35">
      <c r="A46240" s="1" t="s">
        <v>4520</v>
      </c>
      <c r="B46240" s="1" t="s">
        <v>156209</v>
      </c>
      <c r="C46240" s="1" t="s">
        <v>35</v>
      </c>
      <c r="D46240" s="1" t="s">
        <v>157385</v>
      </c>
      <c r="E46240" s="1" t="s">
        <v>157386</v>
      </c>
      <c r="F46240" s="1" t="s">
        <v>157387</v>
      </c>
      <c r="G46240" s="1" t="s">
        <v>157371</v>
      </c>
      <c r="H46240" s="1" t="s">
        <v>157372</v>
      </c>
      <c r="I46240" s="1" t="s">
        <v>156215</v>
      </c>
      <c r="J46240" s="1" t="s">
        <v>157388</v>
      </c>
    </row>
    <row r="46241" spans="1:10" x14ac:dyDescent="0.35">
      <c r="A46241" s="1" t="s">
        <v>4520</v>
      </c>
      <c r="B46241" s="1" t="s">
        <v>156209</v>
      </c>
      <c r="C46241" s="1" t="s">
        <v>40</v>
      </c>
      <c r="D46241" s="1" t="s">
        <v>28266</v>
      </c>
      <c r="E46241" s="1" t="s">
        <v>157389</v>
      </c>
      <c r="F46241" s="1" t="s">
        <v>157390</v>
      </c>
      <c r="G46241" s="1" t="s">
        <v>157371</v>
      </c>
      <c r="H46241" s="1" t="s">
        <v>157372</v>
      </c>
      <c r="I46241" s="1" t="s">
        <v>156215</v>
      </c>
      <c r="J46241" s="1" t="s">
        <v>157391</v>
      </c>
    </row>
    <row r="46242" spans="1:10" x14ac:dyDescent="0.35">
      <c r="A46242" s="1" t="s">
        <v>4520</v>
      </c>
      <c r="B46242" s="1" t="s">
        <v>156209</v>
      </c>
      <c r="C46242" s="1" t="s">
        <v>45</v>
      </c>
      <c r="D46242" s="1" t="s">
        <v>5728</v>
      </c>
      <c r="E46242" s="1" t="s">
        <v>157392</v>
      </c>
      <c r="F46242" s="1" t="s">
        <v>157393</v>
      </c>
      <c r="G46242" s="1" t="s">
        <v>157371</v>
      </c>
      <c r="H46242" s="1" t="s">
        <v>157372</v>
      </c>
      <c r="I46242" s="1" t="s">
        <v>156215</v>
      </c>
      <c r="J46242" s="1" t="s">
        <v>157394</v>
      </c>
    </row>
    <row r="46243" spans="1:10" x14ac:dyDescent="0.35">
      <c r="A46243" s="1" t="s">
        <v>4520</v>
      </c>
      <c r="B46243" s="1" t="s">
        <v>156209</v>
      </c>
      <c r="C46243" s="1" t="s">
        <v>50</v>
      </c>
      <c r="D46243" s="1" t="s">
        <v>119916</v>
      </c>
      <c r="E46243" s="1" t="s">
        <v>157395</v>
      </c>
      <c r="F46243" s="1" t="s">
        <v>157396</v>
      </c>
      <c r="G46243" s="1" t="s">
        <v>157371</v>
      </c>
      <c r="H46243" s="1" t="s">
        <v>157372</v>
      </c>
      <c r="I46243" s="1" t="s">
        <v>156215</v>
      </c>
      <c r="J46243" s="1" t="s">
        <v>157397</v>
      </c>
    </row>
    <row r="46244" spans="1:10" x14ac:dyDescent="0.35">
      <c r="A46244" s="1" t="s">
        <v>4520</v>
      </c>
      <c r="B46244" s="1" t="s">
        <v>156209</v>
      </c>
      <c r="C46244" s="1" t="s">
        <v>55</v>
      </c>
      <c r="D46244" s="1" t="s">
        <v>8913</v>
      </c>
      <c r="E46244" s="1" t="s">
        <v>157398</v>
      </c>
      <c r="F46244" s="1" t="s">
        <v>157399</v>
      </c>
      <c r="G46244" s="1" t="s">
        <v>157371</v>
      </c>
      <c r="H46244" s="1" t="s">
        <v>157372</v>
      </c>
      <c r="I46244" s="1" t="s">
        <v>156215</v>
      </c>
      <c r="J46244" s="1" t="s">
        <v>157400</v>
      </c>
    </row>
    <row r="46245" spans="1:10" x14ac:dyDescent="0.35">
      <c r="A46245" s="1" t="s">
        <v>4520</v>
      </c>
      <c r="B46245" s="1" t="s">
        <v>156209</v>
      </c>
      <c r="C46245" s="1" t="s">
        <v>60</v>
      </c>
      <c r="D46245" s="1" t="s">
        <v>144622</v>
      </c>
      <c r="E46245" s="1" t="s">
        <v>157401</v>
      </c>
      <c r="F46245" s="1" t="s">
        <v>157402</v>
      </c>
      <c r="G46245" s="1" t="s">
        <v>157371</v>
      </c>
      <c r="H46245" s="1" t="s">
        <v>157372</v>
      </c>
      <c r="I46245" s="1" t="s">
        <v>156215</v>
      </c>
      <c r="J46245" s="1" t="s">
        <v>157403</v>
      </c>
    </row>
    <row r="46246" spans="1:10" x14ac:dyDescent="0.35">
      <c r="A46246" s="1" t="s">
        <v>4520</v>
      </c>
      <c r="B46246" s="1" t="s">
        <v>156209</v>
      </c>
      <c r="C46246" s="1" t="s">
        <v>65</v>
      </c>
      <c r="D46246" s="1" t="s">
        <v>120056</v>
      </c>
      <c r="E46246" s="1" t="s">
        <v>157404</v>
      </c>
      <c r="F46246" s="1" t="s">
        <v>157405</v>
      </c>
      <c r="G46246" s="1" t="s">
        <v>157371</v>
      </c>
      <c r="H46246" s="1" t="s">
        <v>157372</v>
      </c>
      <c r="I46246" s="1" t="s">
        <v>156215</v>
      </c>
      <c r="J46246" s="1" t="s">
        <v>157406</v>
      </c>
    </row>
    <row r="46247" spans="1:10" x14ac:dyDescent="0.35">
      <c r="A46247" s="1" t="s">
        <v>4520</v>
      </c>
      <c r="B46247" s="1" t="s">
        <v>156209</v>
      </c>
      <c r="C46247" s="1" t="s">
        <v>70</v>
      </c>
      <c r="D46247" s="1" t="s">
        <v>142717</v>
      </c>
      <c r="E46247" s="1" t="s">
        <v>157407</v>
      </c>
      <c r="F46247" s="1" t="s">
        <v>157408</v>
      </c>
      <c r="G46247" s="1" t="s">
        <v>157371</v>
      </c>
      <c r="H46247" s="1" t="s">
        <v>157372</v>
      </c>
      <c r="I46247" s="1" t="s">
        <v>156215</v>
      </c>
      <c r="J46247" s="1" t="s">
        <v>157409</v>
      </c>
    </row>
    <row r="46248" spans="1:10" x14ac:dyDescent="0.35">
      <c r="A46248" s="1" t="s">
        <v>4520</v>
      </c>
      <c r="B46248" s="1" t="s">
        <v>156209</v>
      </c>
      <c r="C46248" s="1" t="s">
        <v>75</v>
      </c>
      <c r="D46248" s="1" t="s">
        <v>29344</v>
      </c>
      <c r="E46248" s="1" t="s">
        <v>157410</v>
      </c>
      <c r="F46248" s="1" t="s">
        <v>157411</v>
      </c>
      <c r="G46248" s="1" t="s">
        <v>157371</v>
      </c>
      <c r="H46248" s="1" t="s">
        <v>157372</v>
      </c>
      <c r="I46248" s="1" t="s">
        <v>156215</v>
      </c>
      <c r="J46248" s="1" t="s">
        <v>157412</v>
      </c>
    </row>
    <row r="46249" spans="1:10" x14ac:dyDescent="0.35">
      <c r="A46249" s="1" t="s">
        <v>4520</v>
      </c>
      <c r="B46249" s="1" t="s">
        <v>156209</v>
      </c>
      <c r="C46249" s="1" t="s">
        <v>80</v>
      </c>
      <c r="D46249" s="1" t="s">
        <v>28447</v>
      </c>
      <c r="E46249" s="1" t="s">
        <v>157413</v>
      </c>
      <c r="F46249" s="1" t="s">
        <v>157414</v>
      </c>
      <c r="G46249" s="1" t="s">
        <v>157371</v>
      </c>
      <c r="H46249" s="1" t="s">
        <v>157372</v>
      </c>
      <c r="I46249" s="1" t="s">
        <v>156215</v>
      </c>
      <c r="J46249" s="1" t="s">
        <v>157415</v>
      </c>
    </row>
    <row r="46250" spans="1:10" x14ac:dyDescent="0.35">
      <c r="A46250" s="1" t="s">
        <v>4520</v>
      </c>
      <c r="B46250" s="1" t="s">
        <v>156209</v>
      </c>
      <c r="C46250" s="1" t="s">
        <v>85</v>
      </c>
      <c r="D46250" s="1" t="s">
        <v>116347</v>
      </c>
      <c r="E46250" s="1" t="s">
        <v>157416</v>
      </c>
      <c r="F46250" s="1" t="s">
        <v>157417</v>
      </c>
      <c r="G46250" s="1" t="s">
        <v>157371</v>
      </c>
      <c r="H46250" s="1" t="s">
        <v>157372</v>
      </c>
      <c r="I46250" s="1" t="s">
        <v>156215</v>
      </c>
      <c r="J46250" s="1" t="s">
        <v>157418</v>
      </c>
    </row>
    <row r="46251" spans="1:10" x14ac:dyDescent="0.35">
      <c r="A46251" s="1" t="s">
        <v>4520</v>
      </c>
      <c r="B46251" s="1" t="s">
        <v>156209</v>
      </c>
      <c r="C46251" s="1" t="s">
        <v>90</v>
      </c>
      <c r="D46251" s="1" t="s">
        <v>14021</v>
      </c>
      <c r="E46251" s="1" t="s">
        <v>157419</v>
      </c>
      <c r="F46251" s="1" t="s">
        <v>157420</v>
      </c>
      <c r="G46251" s="1" t="s">
        <v>157371</v>
      </c>
      <c r="H46251" s="1" t="s">
        <v>157372</v>
      </c>
      <c r="I46251" s="1" t="s">
        <v>156215</v>
      </c>
      <c r="J46251" s="1" t="s">
        <v>157421</v>
      </c>
    </row>
    <row r="46252" spans="1:10" x14ac:dyDescent="0.35">
      <c r="A46252" s="1" t="s">
        <v>4520</v>
      </c>
      <c r="B46252" s="1" t="s">
        <v>156209</v>
      </c>
      <c r="C46252" s="1" t="s">
        <v>95</v>
      </c>
      <c r="D46252" s="1" t="s">
        <v>28281</v>
      </c>
      <c r="E46252" s="1" t="s">
        <v>157422</v>
      </c>
      <c r="F46252" s="1" t="s">
        <v>157423</v>
      </c>
      <c r="G46252" s="1" t="s">
        <v>157371</v>
      </c>
      <c r="H46252" s="1" t="s">
        <v>157372</v>
      </c>
      <c r="I46252" s="1" t="s">
        <v>156215</v>
      </c>
      <c r="J46252" s="1" t="s">
        <v>157424</v>
      </c>
    </row>
    <row r="46253" spans="1:10" x14ac:dyDescent="0.35">
      <c r="A46253" s="1" t="s">
        <v>4520</v>
      </c>
      <c r="B46253" s="1" t="s">
        <v>156209</v>
      </c>
      <c r="C46253" s="1" t="s">
        <v>100</v>
      </c>
      <c r="D46253" s="1" t="s">
        <v>157425</v>
      </c>
      <c r="E46253" s="1" t="s">
        <v>157426</v>
      </c>
      <c r="F46253" s="1" t="s">
        <v>157427</v>
      </c>
      <c r="G46253" s="1" t="s">
        <v>157371</v>
      </c>
      <c r="H46253" s="1" t="s">
        <v>157372</v>
      </c>
      <c r="I46253" s="1" t="s">
        <v>156215</v>
      </c>
      <c r="J46253" s="1" t="s">
        <v>157428</v>
      </c>
    </row>
    <row r="46254" spans="1:10" x14ac:dyDescent="0.35">
      <c r="A46254" s="1" t="s">
        <v>4520</v>
      </c>
      <c r="B46254" s="1" t="s">
        <v>156209</v>
      </c>
      <c r="C46254" s="1" t="s">
        <v>105</v>
      </c>
      <c r="D46254" s="1" t="s">
        <v>9265</v>
      </c>
      <c r="E46254" s="1" t="s">
        <v>157429</v>
      </c>
      <c r="F46254" s="1" t="s">
        <v>157430</v>
      </c>
      <c r="G46254" s="1" t="s">
        <v>157371</v>
      </c>
      <c r="H46254" s="1" t="s">
        <v>157372</v>
      </c>
      <c r="I46254" s="1" t="s">
        <v>156215</v>
      </c>
      <c r="J46254" s="1" t="s">
        <v>157431</v>
      </c>
    </row>
    <row r="46255" spans="1:10" x14ac:dyDescent="0.35">
      <c r="A46255" s="1" t="s">
        <v>4520</v>
      </c>
      <c r="B46255" s="1" t="s">
        <v>156209</v>
      </c>
      <c r="C46255" s="1" t="s">
        <v>110</v>
      </c>
      <c r="D46255" s="1" t="s">
        <v>1735</v>
      </c>
      <c r="E46255" s="1" t="s">
        <v>157432</v>
      </c>
      <c r="F46255" s="1" t="s">
        <v>157433</v>
      </c>
      <c r="G46255" s="1" t="s">
        <v>157371</v>
      </c>
      <c r="H46255" s="1" t="s">
        <v>157372</v>
      </c>
      <c r="I46255" s="1" t="s">
        <v>156215</v>
      </c>
      <c r="J46255" s="1" t="s">
        <v>157434</v>
      </c>
    </row>
    <row r="46256" spans="1:10" x14ac:dyDescent="0.35">
      <c r="A46256" s="1" t="s">
        <v>4520</v>
      </c>
      <c r="B46256" s="1" t="s">
        <v>156209</v>
      </c>
      <c r="C46256" s="1" t="s">
        <v>115</v>
      </c>
      <c r="D46256" s="1" t="s">
        <v>135475</v>
      </c>
      <c r="E46256" s="1" t="s">
        <v>157435</v>
      </c>
      <c r="F46256" s="1" t="s">
        <v>157436</v>
      </c>
      <c r="G46256" s="1" t="s">
        <v>157371</v>
      </c>
      <c r="H46256" s="1" t="s">
        <v>157372</v>
      </c>
      <c r="I46256" s="1" t="s">
        <v>156215</v>
      </c>
      <c r="J46256" s="1" t="s">
        <v>157437</v>
      </c>
    </row>
    <row r="46257" spans="1:10" x14ac:dyDescent="0.35">
      <c r="A46257" s="1" t="s">
        <v>4520</v>
      </c>
      <c r="B46257" s="1" t="s">
        <v>156209</v>
      </c>
      <c r="C46257" s="1" t="s">
        <v>120</v>
      </c>
      <c r="D46257" s="1" t="s">
        <v>49439</v>
      </c>
      <c r="E46257" s="1" t="s">
        <v>157438</v>
      </c>
      <c r="F46257" s="1" t="s">
        <v>157439</v>
      </c>
      <c r="G46257" s="1" t="s">
        <v>157371</v>
      </c>
      <c r="H46257" s="1" t="s">
        <v>157372</v>
      </c>
      <c r="I46257" s="1" t="s">
        <v>156215</v>
      </c>
      <c r="J46257" s="1" t="s">
        <v>157440</v>
      </c>
    </row>
    <row r="46258" spans="1:10" x14ac:dyDescent="0.35">
      <c r="A46258" s="1" t="s">
        <v>4520</v>
      </c>
      <c r="B46258" s="1" t="s">
        <v>156209</v>
      </c>
      <c r="C46258" s="1" t="s">
        <v>125</v>
      </c>
      <c r="D46258" s="1" t="s">
        <v>48231</v>
      </c>
      <c r="E46258" s="1" t="s">
        <v>157441</v>
      </c>
      <c r="F46258" s="1" t="s">
        <v>157442</v>
      </c>
      <c r="G46258" s="1" t="s">
        <v>157371</v>
      </c>
      <c r="H46258" s="1" t="s">
        <v>157372</v>
      </c>
      <c r="I46258" s="1" t="s">
        <v>156215</v>
      </c>
      <c r="J46258" s="1" t="s">
        <v>157443</v>
      </c>
    </row>
    <row r="46259" spans="1:10" x14ac:dyDescent="0.35">
      <c r="A46259" s="1" t="s">
        <v>4520</v>
      </c>
      <c r="B46259" s="1" t="s">
        <v>156209</v>
      </c>
      <c r="C46259" s="1" t="s">
        <v>130</v>
      </c>
      <c r="D46259" s="1" t="s">
        <v>34864</v>
      </c>
      <c r="E46259" s="1" t="s">
        <v>157444</v>
      </c>
      <c r="F46259" s="1" t="s">
        <v>157445</v>
      </c>
      <c r="G46259" s="1" t="s">
        <v>157371</v>
      </c>
      <c r="H46259" s="1" t="s">
        <v>157372</v>
      </c>
      <c r="I46259" s="1" t="s">
        <v>156215</v>
      </c>
      <c r="J46259" s="1" t="s">
        <v>157446</v>
      </c>
    </row>
    <row r="46260" spans="1:10" x14ac:dyDescent="0.35">
      <c r="A46260" s="1" t="s">
        <v>4520</v>
      </c>
      <c r="B46260" s="1" t="s">
        <v>156209</v>
      </c>
      <c r="C46260" s="1" t="s">
        <v>135</v>
      </c>
      <c r="D46260" s="1" t="s">
        <v>45512</v>
      </c>
      <c r="E46260" s="1" t="s">
        <v>157447</v>
      </c>
      <c r="F46260" s="1" t="s">
        <v>157448</v>
      </c>
      <c r="G46260" s="1" t="s">
        <v>157371</v>
      </c>
      <c r="H46260" s="1" t="s">
        <v>157372</v>
      </c>
      <c r="I46260" s="1" t="s">
        <v>156215</v>
      </c>
      <c r="J46260" s="1" t="s">
        <v>157449</v>
      </c>
    </row>
    <row r="46261" spans="1:10" x14ac:dyDescent="0.35">
      <c r="A46261" s="1" t="s">
        <v>4520</v>
      </c>
      <c r="B46261" s="1" t="s">
        <v>156209</v>
      </c>
      <c r="C46261" s="1" t="s">
        <v>140</v>
      </c>
      <c r="D46261" s="1" t="s">
        <v>17821</v>
      </c>
      <c r="E46261" s="1" t="s">
        <v>157450</v>
      </c>
      <c r="F46261" s="1" t="s">
        <v>157451</v>
      </c>
      <c r="G46261" s="1" t="s">
        <v>157371</v>
      </c>
      <c r="H46261" s="1" t="s">
        <v>157372</v>
      </c>
      <c r="I46261" s="1" t="s">
        <v>156215</v>
      </c>
      <c r="J46261" s="1" t="s">
        <v>157452</v>
      </c>
    </row>
    <row r="46262" spans="1:10" x14ac:dyDescent="0.35">
      <c r="A46262" s="1" t="s">
        <v>4520</v>
      </c>
      <c r="B46262" s="1" t="s">
        <v>156209</v>
      </c>
      <c r="C46262" s="1" t="s">
        <v>145</v>
      </c>
      <c r="D46262" s="1" t="s">
        <v>111448</v>
      </c>
      <c r="E46262" s="1" t="s">
        <v>157453</v>
      </c>
      <c r="F46262" s="1" t="s">
        <v>157454</v>
      </c>
      <c r="G46262" s="1" t="s">
        <v>157371</v>
      </c>
      <c r="H46262" s="1" t="s">
        <v>157372</v>
      </c>
      <c r="I46262" s="1" t="s">
        <v>156215</v>
      </c>
      <c r="J46262" s="1" t="s">
        <v>157455</v>
      </c>
    </row>
    <row r="46263" spans="1:10" x14ac:dyDescent="0.35">
      <c r="A46263" s="1" t="s">
        <v>4520</v>
      </c>
      <c r="B46263" s="1" t="s">
        <v>156209</v>
      </c>
      <c r="C46263" s="1" t="s">
        <v>150</v>
      </c>
      <c r="D46263" s="1" t="s">
        <v>157456</v>
      </c>
      <c r="E46263" s="1" t="s">
        <v>157457</v>
      </c>
      <c r="F46263" s="1" t="s">
        <v>157458</v>
      </c>
      <c r="G46263" s="1" t="s">
        <v>157371</v>
      </c>
      <c r="H46263" s="1" t="s">
        <v>157372</v>
      </c>
      <c r="I46263" s="1" t="s">
        <v>156215</v>
      </c>
      <c r="J46263" s="1" t="s">
        <v>157459</v>
      </c>
    </row>
    <row r="46264" spans="1:10" x14ac:dyDescent="0.35">
      <c r="A46264" s="1" t="s">
        <v>4520</v>
      </c>
      <c r="B46264" s="1" t="s">
        <v>156209</v>
      </c>
      <c r="C46264" s="1" t="s">
        <v>155</v>
      </c>
      <c r="D46264" s="1" t="s">
        <v>157460</v>
      </c>
      <c r="E46264" s="1" t="s">
        <v>157461</v>
      </c>
      <c r="F46264" s="1" t="s">
        <v>157462</v>
      </c>
      <c r="G46264" s="1" t="s">
        <v>157371</v>
      </c>
      <c r="H46264" s="1" t="s">
        <v>157372</v>
      </c>
      <c r="I46264" s="1" t="s">
        <v>156215</v>
      </c>
      <c r="J46264" s="1" t="s">
        <v>157463</v>
      </c>
    </row>
    <row r="46265" spans="1:10" x14ac:dyDescent="0.35">
      <c r="A46265" s="1" t="s">
        <v>4520</v>
      </c>
      <c r="B46265" s="1" t="s">
        <v>156209</v>
      </c>
      <c r="C46265" s="1" t="s">
        <v>160</v>
      </c>
      <c r="D46265" s="1" t="s">
        <v>118859</v>
      </c>
      <c r="E46265" s="1" t="s">
        <v>157464</v>
      </c>
      <c r="F46265" s="1" t="s">
        <v>157465</v>
      </c>
      <c r="G46265" s="1" t="s">
        <v>157371</v>
      </c>
      <c r="H46265" s="1" t="s">
        <v>157372</v>
      </c>
      <c r="I46265" s="1" t="s">
        <v>156215</v>
      </c>
      <c r="J46265" s="1" t="s">
        <v>157466</v>
      </c>
    </row>
    <row r="46266" spans="1:10" x14ac:dyDescent="0.35">
      <c r="A46266" s="1" t="s">
        <v>4520</v>
      </c>
      <c r="B46266" s="1" t="s">
        <v>156209</v>
      </c>
      <c r="C46266" s="1" t="s">
        <v>165</v>
      </c>
      <c r="D46266" s="1" t="s">
        <v>148746</v>
      </c>
      <c r="E46266" s="1" t="s">
        <v>157467</v>
      </c>
      <c r="F46266" s="1" t="s">
        <v>157468</v>
      </c>
      <c r="G46266" s="1" t="s">
        <v>157371</v>
      </c>
      <c r="H46266" s="1" t="s">
        <v>157372</v>
      </c>
      <c r="I46266" s="1" t="s">
        <v>156215</v>
      </c>
      <c r="J46266" s="1" t="s">
        <v>157469</v>
      </c>
    </row>
    <row r="46267" spans="1:10" x14ac:dyDescent="0.35">
      <c r="A46267" s="1" t="s">
        <v>4520</v>
      </c>
      <c r="B46267" s="1" t="s">
        <v>156209</v>
      </c>
      <c r="C46267" s="1" t="s">
        <v>170</v>
      </c>
      <c r="D46267" s="1" t="s">
        <v>157470</v>
      </c>
      <c r="E46267" s="1" t="s">
        <v>157471</v>
      </c>
      <c r="F46267" s="1" t="s">
        <v>157472</v>
      </c>
      <c r="G46267" s="1" t="s">
        <v>157371</v>
      </c>
      <c r="H46267" s="1" t="s">
        <v>157372</v>
      </c>
      <c r="I46267" s="1" t="s">
        <v>156215</v>
      </c>
      <c r="J46267" s="1" t="s">
        <v>157473</v>
      </c>
    </row>
    <row r="46268" spans="1:10" x14ac:dyDescent="0.35">
      <c r="A46268" s="1" t="s">
        <v>7029</v>
      </c>
      <c r="B46268" s="1" t="s">
        <v>156209</v>
      </c>
      <c r="C46268" s="1" t="s">
        <v>8</v>
      </c>
      <c r="D46268" s="1" t="s">
        <v>142732</v>
      </c>
      <c r="E46268" s="1" t="s">
        <v>157474</v>
      </c>
      <c r="F46268" s="1" t="s">
        <v>157475</v>
      </c>
      <c r="G46268" s="1" t="s">
        <v>157476</v>
      </c>
      <c r="H46268" s="1" t="s">
        <v>157477</v>
      </c>
      <c r="I46268" s="1" t="s">
        <v>156215</v>
      </c>
      <c r="J46268" s="1" t="s">
        <v>13</v>
      </c>
    </row>
    <row r="46269" spans="1:10" x14ac:dyDescent="0.35">
      <c r="A46269" s="1" t="s">
        <v>7029</v>
      </c>
      <c r="B46269" s="1" t="s">
        <v>156209</v>
      </c>
      <c r="C46269" s="1" t="s">
        <v>15</v>
      </c>
      <c r="D46269" s="1" t="s">
        <v>1635</v>
      </c>
      <c r="E46269" s="1" t="s">
        <v>157478</v>
      </c>
      <c r="F46269" s="1" t="s">
        <v>157479</v>
      </c>
      <c r="G46269" s="1" t="s">
        <v>157476</v>
      </c>
      <c r="H46269" s="1" t="s">
        <v>157477</v>
      </c>
      <c r="I46269" s="1" t="s">
        <v>156215</v>
      </c>
      <c r="J46269" s="1" t="s">
        <v>157480</v>
      </c>
    </row>
    <row r="46270" spans="1:10" x14ac:dyDescent="0.35">
      <c r="A46270" s="1" t="s">
        <v>7029</v>
      </c>
      <c r="B46270" s="1" t="s">
        <v>156209</v>
      </c>
      <c r="C46270" s="1" t="s">
        <v>20</v>
      </c>
      <c r="D46270" s="1" t="s">
        <v>15199</v>
      </c>
      <c r="E46270" s="1" t="s">
        <v>157481</v>
      </c>
      <c r="F46270" s="1" t="s">
        <v>157482</v>
      </c>
      <c r="G46270" s="1" t="s">
        <v>157476</v>
      </c>
      <c r="H46270" s="1" t="s">
        <v>157477</v>
      </c>
      <c r="I46270" s="1" t="s">
        <v>156215</v>
      </c>
      <c r="J46270" s="1" t="s">
        <v>157483</v>
      </c>
    </row>
    <row r="46271" spans="1:10" x14ac:dyDescent="0.35">
      <c r="A46271" s="1" t="s">
        <v>7029</v>
      </c>
      <c r="B46271" s="1" t="s">
        <v>156209</v>
      </c>
      <c r="C46271" s="1" t="s">
        <v>25</v>
      </c>
      <c r="D46271" s="1" t="s">
        <v>28428</v>
      </c>
      <c r="E46271" s="1" t="s">
        <v>157484</v>
      </c>
      <c r="F46271" s="1" t="s">
        <v>157485</v>
      </c>
      <c r="G46271" s="1" t="s">
        <v>157476</v>
      </c>
      <c r="H46271" s="1" t="s">
        <v>157477</v>
      </c>
      <c r="I46271" s="1" t="s">
        <v>156215</v>
      </c>
      <c r="J46271" s="1" t="s">
        <v>157486</v>
      </c>
    </row>
    <row r="46272" spans="1:10" x14ac:dyDescent="0.35">
      <c r="A46272" s="1" t="s">
        <v>7029</v>
      </c>
      <c r="B46272" s="1" t="s">
        <v>156209</v>
      </c>
      <c r="C46272" s="1" t="s">
        <v>30</v>
      </c>
      <c r="D46272" s="1" t="s">
        <v>157487</v>
      </c>
      <c r="E46272" s="1" t="s">
        <v>157488</v>
      </c>
      <c r="F46272" s="1" t="s">
        <v>157489</v>
      </c>
      <c r="G46272" s="1" t="s">
        <v>157476</v>
      </c>
      <c r="H46272" s="1" t="s">
        <v>157477</v>
      </c>
      <c r="I46272" s="1" t="s">
        <v>156215</v>
      </c>
      <c r="J46272" s="1" t="s">
        <v>157490</v>
      </c>
    </row>
    <row r="46273" spans="1:10" x14ac:dyDescent="0.35">
      <c r="A46273" s="1" t="s">
        <v>7029</v>
      </c>
      <c r="B46273" s="1" t="s">
        <v>156209</v>
      </c>
      <c r="C46273" s="1" t="s">
        <v>35</v>
      </c>
      <c r="D46273" s="1" t="s">
        <v>1647</v>
      </c>
      <c r="E46273" s="1" t="s">
        <v>157491</v>
      </c>
      <c r="F46273" s="1" t="s">
        <v>157492</v>
      </c>
      <c r="G46273" s="1" t="s">
        <v>157476</v>
      </c>
      <c r="H46273" s="1" t="s">
        <v>157477</v>
      </c>
      <c r="I46273" s="1" t="s">
        <v>156215</v>
      </c>
      <c r="J46273" s="1" t="s">
        <v>157493</v>
      </c>
    </row>
    <row r="46274" spans="1:10" x14ac:dyDescent="0.35">
      <c r="A46274" s="1" t="s">
        <v>7029</v>
      </c>
      <c r="B46274" s="1" t="s">
        <v>156209</v>
      </c>
      <c r="C46274" s="1" t="s">
        <v>40</v>
      </c>
      <c r="D46274" s="1" t="s">
        <v>4050</v>
      </c>
      <c r="E46274" s="1" t="s">
        <v>157494</v>
      </c>
      <c r="F46274" s="1" t="s">
        <v>157495</v>
      </c>
      <c r="G46274" s="1" t="s">
        <v>157476</v>
      </c>
      <c r="H46274" s="1" t="s">
        <v>157477</v>
      </c>
      <c r="I46274" s="1" t="s">
        <v>156215</v>
      </c>
      <c r="J46274" s="1" t="s">
        <v>157496</v>
      </c>
    </row>
    <row r="46275" spans="1:10" x14ac:dyDescent="0.35">
      <c r="A46275" s="1" t="s">
        <v>7029</v>
      </c>
      <c r="B46275" s="1" t="s">
        <v>156209</v>
      </c>
      <c r="C46275" s="1" t="s">
        <v>45</v>
      </c>
      <c r="D46275" s="1" t="s">
        <v>146324</v>
      </c>
      <c r="E46275" s="1" t="s">
        <v>157497</v>
      </c>
      <c r="F46275" s="1" t="s">
        <v>157498</v>
      </c>
      <c r="G46275" s="1" t="s">
        <v>157476</v>
      </c>
      <c r="H46275" s="1" t="s">
        <v>157477</v>
      </c>
      <c r="I46275" s="1" t="s">
        <v>156215</v>
      </c>
      <c r="J46275" s="1" t="s">
        <v>157499</v>
      </c>
    </row>
    <row r="46276" spans="1:10" x14ac:dyDescent="0.35">
      <c r="A46276" s="1" t="s">
        <v>7029</v>
      </c>
      <c r="B46276" s="1" t="s">
        <v>156209</v>
      </c>
      <c r="C46276" s="1" t="s">
        <v>50</v>
      </c>
      <c r="D46276" s="1" t="s">
        <v>157500</v>
      </c>
      <c r="E46276" s="1" t="s">
        <v>157501</v>
      </c>
      <c r="F46276" s="1" t="s">
        <v>157502</v>
      </c>
      <c r="G46276" s="1" t="s">
        <v>157476</v>
      </c>
      <c r="H46276" s="1" t="s">
        <v>157477</v>
      </c>
      <c r="I46276" s="1" t="s">
        <v>156215</v>
      </c>
      <c r="J46276" s="1" t="s">
        <v>157503</v>
      </c>
    </row>
    <row r="46277" spans="1:10" x14ac:dyDescent="0.35">
      <c r="A46277" s="1" t="s">
        <v>7029</v>
      </c>
      <c r="B46277" s="1" t="s">
        <v>156209</v>
      </c>
      <c r="C46277" s="1" t="s">
        <v>55</v>
      </c>
      <c r="D46277" s="1" t="s">
        <v>15848</v>
      </c>
      <c r="E46277" s="1" t="s">
        <v>157504</v>
      </c>
      <c r="F46277" s="1" t="s">
        <v>157505</v>
      </c>
      <c r="G46277" s="1" t="s">
        <v>157476</v>
      </c>
      <c r="H46277" s="1" t="s">
        <v>157477</v>
      </c>
      <c r="I46277" s="1" t="s">
        <v>156215</v>
      </c>
      <c r="J46277" s="1" t="s">
        <v>157506</v>
      </c>
    </row>
    <row r="46278" spans="1:10" x14ac:dyDescent="0.35">
      <c r="A46278" s="1" t="s">
        <v>7029</v>
      </c>
      <c r="B46278" s="1" t="s">
        <v>156209</v>
      </c>
      <c r="C46278" s="1" t="s">
        <v>60</v>
      </c>
      <c r="D46278" s="1" t="s">
        <v>9251</v>
      </c>
      <c r="E46278" s="1" t="s">
        <v>157507</v>
      </c>
      <c r="F46278" s="1" t="s">
        <v>157508</v>
      </c>
      <c r="G46278" s="1" t="s">
        <v>157476</v>
      </c>
      <c r="H46278" s="1" t="s">
        <v>157477</v>
      </c>
      <c r="I46278" s="1" t="s">
        <v>156215</v>
      </c>
      <c r="J46278" s="1" t="s">
        <v>157509</v>
      </c>
    </row>
    <row r="46279" spans="1:10" x14ac:dyDescent="0.35">
      <c r="A46279" s="1" t="s">
        <v>7029</v>
      </c>
      <c r="B46279" s="1" t="s">
        <v>156209</v>
      </c>
      <c r="C46279" s="1" t="s">
        <v>65</v>
      </c>
      <c r="D46279" s="1" t="s">
        <v>104801</v>
      </c>
      <c r="E46279" s="1" t="s">
        <v>157510</v>
      </c>
      <c r="F46279" s="1" t="s">
        <v>157511</v>
      </c>
      <c r="G46279" s="1" t="s">
        <v>157476</v>
      </c>
      <c r="H46279" s="1" t="s">
        <v>157477</v>
      </c>
      <c r="I46279" s="1" t="s">
        <v>156215</v>
      </c>
      <c r="J46279" s="1" t="s">
        <v>157512</v>
      </c>
    </row>
    <row r="46280" spans="1:10" x14ac:dyDescent="0.35">
      <c r="A46280" s="1" t="s">
        <v>7029</v>
      </c>
      <c r="B46280" s="1" t="s">
        <v>156209</v>
      </c>
      <c r="C46280" s="1" t="s">
        <v>70</v>
      </c>
      <c r="D46280" s="1" t="s">
        <v>104431</v>
      </c>
      <c r="E46280" s="1" t="s">
        <v>157513</v>
      </c>
      <c r="F46280" s="1" t="s">
        <v>157514</v>
      </c>
      <c r="G46280" s="1" t="s">
        <v>157476</v>
      </c>
      <c r="H46280" s="1" t="s">
        <v>157477</v>
      </c>
      <c r="I46280" s="1" t="s">
        <v>156215</v>
      </c>
      <c r="J46280" s="1" t="s">
        <v>157515</v>
      </c>
    </row>
    <row r="46281" spans="1:10" x14ac:dyDescent="0.35">
      <c r="A46281" s="1" t="s">
        <v>7029</v>
      </c>
      <c r="B46281" s="1" t="s">
        <v>156209</v>
      </c>
      <c r="C46281" s="1" t="s">
        <v>75</v>
      </c>
      <c r="D46281" s="1" t="s">
        <v>1576</v>
      </c>
      <c r="E46281" s="1" t="s">
        <v>157516</v>
      </c>
      <c r="F46281" s="1" t="s">
        <v>157517</v>
      </c>
      <c r="G46281" s="1" t="s">
        <v>157476</v>
      </c>
      <c r="H46281" s="1" t="s">
        <v>157477</v>
      </c>
      <c r="I46281" s="1" t="s">
        <v>156215</v>
      </c>
      <c r="J46281" s="1" t="s">
        <v>157518</v>
      </c>
    </row>
    <row r="46282" spans="1:10" x14ac:dyDescent="0.35">
      <c r="A46282" s="1" t="s">
        <v>7029</v>
      </c>
      <c r="B46282" s="1" t="s">
        <v>156209</v>
      </c>
      <c r="C46282" s="1" t="s">
        <v>80</v>
      </c>
      <c r="D46282" s="1" t="s">
        <v>8389</v>
      </c>
      <c r="E46282" s="1" t="s">
        <v>157519</v>
      </c>
      <c r="F46282" s="1" t="s">
        <v>157520</v>
      </c>
      <c r="G46282" s="1" t="s">
        <v>157476</v>
      </c>
      <c r="H46282" s="1" t="s">
        <v>157477</v>
      </c>
      <c r="I46282" s="1" t="s">
        <v>156215</v>
      </c>
      <c r="J46282" s="1" t="s">
        <v>157521</v>
      </c>
    </row>
    <row r="46283" spans="1:10" x14ac:dyDescent="0.35">
      <c r="A46283" s="1" t="s">
        <v>7029</v>
      </c>
      <c r="B46283" s="1" t="s">
        <v>156209</v>
      </c>
      <c r="C46283" s="1" t="s">
        <v>85</v>
      </c>
      <c r="D46283" s="1" t="s">
        <v>5736</v>
      </c>
      <c r="E46283" s="1" t="s">
        <v>157522</v>
      </c>
      <c r="F46283" s="1" t="s">
        <v>157523</v>
      </c>
      <c r="G46283" s="1" t="s">
        <v>157476</v>
      </c>
      <c r="H46283" s="1" t="s">
        <v>157477</v>
      </c>
      <c r="I46283" s="1" t="s">
        <v>156215</v>
      </c>
      <c r="J46283" s="1" t="s">
        <v>157524</v>
      </c>
    </row>
    <row r="46284" spans="1:10" x14ac:dyDescent="0.35">
      <c r="A46284" s="1" t="s">
        <v>7029</v>
      </c>
      <c r="B46284" s="1" t="s">
        <v>156209</v>
      </c>
      <c r="C46284" s="1" t="s">
        <v>90</v>
      </c>
      <c r="D46284" s="1" t="s">
        <v>25863</v>
      </c>
      <c r="E46284" s="1" t="s">
        <v>157525</v>
      </c>
      <c r="F46284" s="1" t="s">
        <v>157526</v>
      </c>
      <c r="G46284" s="1" t="s">
        <v>157476</v>
      </c>
      <c r="H46284" s="1" t="s">
        <v>157477</v>
      </c>
      <c r="I46284" s="1" t="s">
        <v>156215</v>
      </c>
      <c r="J46284" s="1" t="s">
        <v>157527</v>
      </c>
    </row>
    <row r="46285" spans="1:10" x14ac:dyDescent="0.35">
      <c r="A46285" s="1" t="s">
        <v>7029</v>
      </c>
      <c r="B46285" s="1" t="s">
        <v>156209</v>
      </c>
      <c r="C46285" s="1" t="s">
        <v>95</v>
      </c>
      <c r="D46285" s="1" t="s">
        <v>14491</v>
      </c>
      <c r="E46285" s="1" t="s">
        <v>157528</v>
      </c>
      <c r="F46285" s="1" t="s">
        <v>157529</v>
      </c>
      <c r="G46285" s="1" t="s">
        <v>157476</v>
      </c>
      <c r="H46285" s="1" t="s">
        <v>157477</v>
      </c>
      <c r="I46285" s="1" t="s">
        <v>156215</v>
      </c>
      <c r="J46285" s="1" t="s">
        <v>157530</v>
      </c>
    </row>
    <row r="46286" spans="1:10" x14ac:dyDescent="0.35">
      <c r="A46286" s="1" t="s">
        <v>7029</v>
      </c>
      <c r="B46286" s="1" t="s">
        <v>156209</v>
      </c>
      <c r="C46286" s="1" t="s">
        <v>100</v>
      </c>
      <c r="D46286" s="1" t="s">
        <v>157531</v>
      </c>
      <c r="E46286" s="1" t="s">
        <v>157532</v>
      </c>
      <c r="F46286" s="1" t="s">
        <v>157533</v>
      </c>
      <c r="G46286" s="1" t="s">
        <v>157476</v>
      </c>
      <c r="H46286" s="1" t="s">
        <v>157477</v>
      </c>
      <c r="I46286" s="1" t="s">
        <v>156215</v>
      </c>
      <c r="J46286" s="1" t="s">
        <v>157534</v>
      </c>
    </row>
    <row r="46287" spans="1:10" x14ac:dyDescent="0.35">
      <c r="A46287" s="1" t="s">
        <v>7029</v>
      </c>
      <c r="B46287" s="1" t="s">
        <v>156209</v>
      </c>
      <c r="C46287" s="1" t="s">
        <v>105</v>
      </c>
      <c r="D46287" s="1" t="s">
        <v>151614</v>
      </c>
      <c r="E46287" s="1" t="s">
        <v>157535</v>
      </c>
      <c r="F46287" s="1" t="s">
        <v>157536</v>
      </c>
      <c r="G46287" s="1" t="s">
        <v>157476</v>
      </c>
      <c r="H46287" s="1" t="s">
        <v>157477</v>
      </c>
      <c r="I46287" s="1" t="s">
        <v>156215</v>
      </c>
      <c r="J46287" s="1" t="s">
        <v>157537</v>
      </c>
    </row>
    <row r="46288" spans="1:10" x14ac:dyDescent="0.35">
      <c r="A46288" s="1" t="s">
        <v>7029</v>
      </c>
      <c r="B46288" s="1" t="s">
        <v>156209</v>
      </c>
      <c r="C46288" s="1" t="s">
        <v>110</v>
      </c>
      <c r="D46288" s="1" t="s">
        <v>122038</v>
      </c>
      <c r="E46288" s="1" t="s">
        <v>157538</v>
      </c>
      <c r="F46288" s="1" t="s">
        <v>157539</v>
      </c>
      <c r="G46288" s="1" t="s">
        <v>157476</v>
      </c>
      <c r="H46288" s="1" t="s">
        <v>157477</v>
      </c>
      <c r="I46288" s="1" t="s">
        <v>156215</v>
      </c>
      <c r="J46288" s="1" t="s">
        <v>157540</v>
      </c>
    </row>
    <row r="46289" spans="1:10" x14ac:dyDescent="0.35">
      <c r="A46289" s="1" t="s">
        <v>7029</v>
      </c>
      <c r="B46289" s="1" t="s">
        <v>156209</v>
      </c>
      <c r="C46289" s="1" t="s">
        <v>115</v>
      </c>
      <c r="D46289" s="1" t="s">
        <v>156989</v>
      </c>
      <c r="E46289" s="1" t="s">
        <v>157541</v>
      </c>
      <c r="F46289" s="1" t="s">
        <v>157542</v>
      </c>
      <c r="G46289" s="1" t="s">
        <v>157476</v>
      </c>
      <c r="H46289" s="1" t="s">
        <v>157477</v>
      </c>
      <c r="I46289" s="1" t="s">
        <v>156215</v>
      </c>
      <c r="J46289" s="1" t="s">
        <v>150956</v>
      </c>
    </row>
    <row r="46290" spans="1:10" x14ac:dyDescent="0.35">
      <c r="A46290" s="1" t="s">
        <v>7029</v>
      </c>
      <c r="B46290" s="1" t="s">
        <v>156209</v>
      </c>
      <c r="C46290" s="1" t="s">
        <v>120</v>
      </c>
      <c r="D46290" s="1" t="s">
        <v>157543</v>
      </c>
      <c r="E46290" s="1" t="s">
        <v>157544</v>
      </c>
      <c r="F46290" s="1" t="s">
        <v>157545</v>
      </c>
      <c r="G46290" s="1" t="s">
        <v>157476</v>
      </c>
      <c r="H46290" s="1" t="s">
        <v>157477</v>
      </c>
      <c r="I46290" s="1" t="s">
        <v>156215</v>
      </c>
      <c r="J46290" s="1" t="s">
        <v>157546</v>
      </c>
    </row>
    <row r="46291" spans="1:10" x14ac:dyDescent="0.35">
      <c r="A46291" s="1" t="s">
        <v>7029</v>
      </c>
      <c r="B46291" s="1" t="s">
        <v>156209</v>
      </c>
      <c r="C46291" s="1" t="s">
        <v>125</v>
      </c>
      <c r="D46291" s="1" t="s">
        <v>157547</v>
      </c>
      <c r="E46291" s="1" t="s">
        <v>157548</v>
      </c>
      <c r="F46291" s="1" t="s">
        <v>157549</v>
      </c>
      <c r="G46291" s="1" t="s">
        <v>157476</v>
      </c>
      <c r="H46291" s="1" t="s">
        <v>157477</v>
      </c>
      <c r="I46291" s="1" t="s">
        <v>156215</v>
      </c>
      <c r="J46291" s="1" t="s">
        <v>157550</v>
      </c>
    </row>
    <row r="46292" spans="1:10" x14ac:dyDescent="0.35">
      <c r="A46292" s="1" t="s">
        <v>7029</v>
      </c>
      <c r="B46292" s="1" t="s">
        <v>156209</v>
      </c>
      <c r="C46292" s="1" t="s">
        <v>130</v>
      </c>
      <c r="D46292" s="1" t="s">
        <v>118508</v>
      </c>
      <c r="E46292" s="1" t="s">
        <v>157551</v>
      </c>
      <c r="F46292" s="1" t="s">
        <v>157552</v>
      </c>
      <c r="G46292" s="1" t="s">
        <v>157476</v>
      </c>
      <c r="H46292" s="1" t="s">
        <v>157477</v>
      </c>
      <c r="I46292" s="1" t="s">
        <v>156215</v>
      </c>
      <c r="J46292" s="1" t="s">
        <v>157553</v>
      </c>
    </row>
    <row r="46293" spans="1:10" x14ac:dyDescent="0.35">
      <c r="A46293" s="1" t="s">
        <v>7029</v>
      </c>
      <c r="B46293" s="1" t="s">
        <v>156209</v>
      </c>
      <c r="C46293" s="1" t="s">
        <v>135</v>
      </c>
      <c r="D46293" s="1" t="s">
        <v>25016</v>
      </c>
      <c r="E46293" s="1" t="s">
        <v>157554</v>
      </c>
      <c r="F46293" s="1" t="s">
        <v>157555</v>
      </c>
      <c r="G46293" s="1" t="s">
        <v>157476</v>
      </c>
      <c r="H46293" s="1" t="s">
        <v>157477</v>
      </c>
      <c r="I46293" s="1" t="s">
        <v>156215</v>
      </c>
      <c r="J46293" s="1" t="s">
        <v>157556</v>
      </c>
    </row>
    <row r="46294" spans="1:10" x14ac:dyDescent="0.35">
      <c r="A46294" s="1" t="s">
        <v>7029</v>
      </c>
      <c r="B46294" s="1" t="s">
        <v>156209</v>
      </c>
      <c r="C46294" s="1" t="s">
        <v>140</v>
      </c>
      <c r="D46294" s="1" t="s">
        <v>157557</v>
      </c>
      <c r="E46294" s="1" t="s">
        <v>157558</v>
      </c>
      <c r="F46294" s="1" t="s">
        <v>157559</v>
      </c>
      <c r="G46294" s="1" t="s">
        <v>157476</v>
      </c>
      <c r="H46294" s="1" t="s">
        <v>157477</v>
      </c>
      <c r="I46294" s="1" t="s">
        <v>156215</v>
      </c>
      <c r="J46294" s="1" t="s">
        <v>157560</v>
      </c>
    </row>
    <row r="46295" spans="1:10" x14ac:dyDescent="0.35">
      <c r="A46295" s="1" t="s">
        <v>7029</v>
      </c>
      <c r="B46295" s="1" t="s">
        <v>156209</v>
      </c>
      <c r="C46295" s="1" t="s">
        <v>145</v>
      </c>
      <c r="D46295" s="1" t="s">
        <v>364</v>
      </c>
      <c r="E46295" s="1" t="s">
        <v>157561</v>
      </c>
      <c r="F46295" s="1" t="s">
        <v>157562</v>
      </c>
      <c r="G46295" s="1" t="s">
        <v>157476</v>
      </c>
      <c r="H46295" s="1" t="s">
        <v>157477</v>
      </c>
      <c r="I46295" s="1" t="s">
        <v>156215</v>
      </c>
      <c r="J46295" s="1" t="s">
        <v>157563</v>
      </c>
    </row>
    <row r="46296" spans="1:10" x14ac:dyDescent="0.35">
      <c r="A46296" s="1" t="s">
        <v>7029</v>
      </c>
      <c r="B46296" s="1" t="s">
        <v>156209</v>
      </c>
      <c r="C46296" s="1" t="s">
        <v>150</v>
      </c>
      <c r="D46296" s="1" t="s">
        <v>157564</v>
      </c>
      <c r="E46296" s="1" t="s">
        <v>157565</v>
      </c>
      <c r="F46296" s="1" t="s">
        <v>157566</v>
      </c>
      <c r="G46296" s="1" t="s">
        <v>157476</v>
      </c>
      <c r="H46296" s="1" t="s">
        <v>157477</v>
      </c>
      <c r="I46296" s="1" t="s">
        <v>156215</v>
      </c>
      <c r="J46296" s="1" t="s">
        <v>157567</v>
      </c>
    </row>
    <row r="46297" spans="1:10" x14ac:dyDescent="0.35">
      <c r="A46297" s="1" t="s">
        <v>7029</v>
      </c>
      <c r="B46297" s="1" t="s">
        <v>156209</v>
      </c>
      <c r="C46297" s="1" t="s">
        <v>155</v>
      </c>
      <c r="D46297" s="1" t="s">
        <v>121664</v>
      </c>
      <c r="E46297" s="1" t="s">
        <v>157568</v>
      </c>
      <c r="F46297" s="1" t="s">
        <v>157569</v>
      </c>
      <c r="G46297" s="1" t="s">
        <v>157476</v>
      </c>
      <c r="H46297" s="1" t="s">
        <v>157477</v>
      </c>
      <c r="I46297" s="1" t="s">
        <v>156215</v>
      </c>
      <c r="J46297" s="1" t="s">
        <v>157570</v>
      </c>
    </row>
    <row r="46298" spans="1:10" x14ac:dyDescent="0.35">
      <c r="A46298" s="1" t="s">
        <v>7029</v>
      </c>
      <c r="B46298" s="1" t="s">
        <v>156209</v>
      </c>
      <c r="C46298" s="1" t="s">
        <v>160</v>
      </c>
      <c r="D46298" s="1" t="s">
        <v>47912</v>
      </c>
      <c r="E46298" s="1" t="s">
        <v>157571</v>
      </c>
      <c r="F46298" s="1" t="s">
        <v>157572</v>
      </c>
      <c r="G46298" s="1" t="s">
        <v>157476</v>
      </c>
      <c r="H46298" s="1" t="s">
        <v>157477</v>
      </c>
      <c r="I46298" s="1" t="s">
        <v>156215</v>
      </c>
      <c r="J46298" s="1" t="s">
        <v>157573</v>
      </c>
    </row>
    <row r="46299" spans="1:10" x14ac:dyDescent="0.35">
      <c r="A46299" s="1" t="s">
        <v>7029</v>
      </c>
      <c r="B46299" s="1" t="s">
        <v>156209</v>
      </c>
      <c r="C46299" s="1" t="s">
        <v>165</v>
      </c>
      <c r="D46299" s="1" t="s">
        <v>25782</v>
      </c>
      <c r="E46299" s="1" t="s">
        <v>157574</v>
      </c>
      <c r="F46299" s="1" t="s">
        <v>157575</v>
      </c>
      <c r="G46299" s="1" t="s">
        <v>157476</v>
      </c>
      <c r="H46299" s="1" t="s">
        <v>157477</v>
      </c>
      <c r="I46299" s="1" t="s">
        <v>156215</v>
      </c>
      <c r="J46299" s="1" t="s">
        <v>157576</v>
      </c>
    </row>
    <row r="46300" spans="1:10" x14ac:dyDescent="0.35">
      <c r="A46300" s="1" t="s">
        <v>7029</v>
      </c>
      <c r="B46300" s="1" t="s">
        <v>156209</v>
      </c>
      <c r="C46300" s="1" t="s">
        <v>170</v>
      </c>
      <c r="D46300" s="1" t="s">
        <v>35556</v>
      </c>
      <c r="E46300" s="1" t="s">
        <v>157577</v>
      </c>
      <c r="F46300" s="1" t="s">
        <v>157578</v>
      </c>
      <c r="G46300" s="1" t="s">
        <v>157476</v>
      </c>
      <c r="H46300" s="1" t="s">
        <v>157477</v>
      </c>
      <c r="I46300" s="1" t="s">
        <v>156215</v>
      </c>
      <c r="J46300" s="1" t="s">
        <v>157579</v>
      </c>
    </row>
    <row r="46301" spans="1:10" x14ac:dyDescent="0.35">
      <c r="A46301" s="1" t="s">
        <v>13866</v>
      </c>
      <c r="B46301" s="1" t="s">
        <v>156209</v>
      </c>
      <c r="C46301" s="1" t="s">
        <v>8</v>
      </c>
      <c r="D46301" s="1" t="s">
        <v>45020</v>
      </c>
      <c r="E46301" s="1" t="s">
        <v>157580</v>
      </c>
      <c r="F46301" s="1" t="s">
        <v>157581</v>
      </c>
      <c r="G46301" s="1" t="s">
        <v>157582</v>
      </c>
      <c r="H46301" s="1" t="s">
        <v>157583</v>
      </c>
      <c r="I46301" s="1" t="s">
        <v>156215</v>
      </c>
      <c r="J46301" s="1" t="s">
        <v>13</v>
      </c>
    </row>
    <row r="46302" spans="1:10" x14ac:dyDescent="0.35">
      <c r="A46302" s="1" t="s">
        <v>13866</v>
      </c>
      <c r="B46302" s="1" t="s">
        <v>156209</v>
      </c>
      <c r="C46302" s="1" t="s">
        <v>15</v>
      </c>
      <c r="D46302" s="1" t="s">
        <v>4781</v>
      </c>
      <c r="E46302" s="1" t="s">
        <v>157584</v>
      </c>
      <c r="F46302" s="1" t="s">
        <v>157585</v>
      </c>
      <c r="G46302" s="1" t="s">
        <v>157582</v>
      </c>
      <c r="H46302" s="1" t="s">
        <v>157583</v>
      </c>
      <c r="I46302" s="1" t="s">
        <v>156215</v>
      </c>
      <c r="J46302" s="1" t="s">
        <v>157586</v>
      </c>
    </row>
    <row r="46303" spans="1:10" x14ac:dyDescent="0.35">
      <c r="A46303" s="1" t="s">
        <v>13866</v>
      </c>
      <c r="B46303" s="1" t="s">
        <v>156209</v>
      </c>
      <c r="C46303" s="1" t="s">
        <v>20</v>
      </c>
      <c r="D46303" s="1" t="s">
        <v>110012</v>
      </c>
      <c r="E46303" s="1" t="s">
        <v>157587</v>
      </c>
      <c r="F46303" s="1" t="s">
        <v>157588</v>
      </c>
      <c r="G46303" s="1" t="s">
        <v>157582</v>
      </c>
      <c r="H46303" s="1" t="s">
        <v>157583</v>
      </c>
      <c r="I46303" s="1" t="s">
        <v>156215</v>
      </c>
      <c r="J46303" s="1" t="s">
        <v>157589</v>
      </c>
    </row>
    <row r="46304" spans="1:10" x14ac:dyDescent="0.35">
      <c r="A46304" s="1" t="s">
        <v>13866</v>
      </c>
      <c r="B46304" s="1" t="s">
        <v>156209</v>
      </c>
      <c r="C46304" s="1" t="s">
        <v>25</v>
      </c>
      <c r="D46304" s="1" t="s">
        <v>111469</v>
      </c>
      <c r="E46304" s="1" t="s">
        <v>157590</v>
      </c>
      <c r="F46304" s="1" t="s">
        <v>157591</v>
      </c>
      <c r="G46304" s="1" t="s">
        <v>157582</v>
      </c>
      <c r="H46304" s="1" t="s">
        <v>157583</v>
      </c>
      <c r="I46304" s="1" t="s">
        <v>156215</v>
      </c>
      <c r="J46304" s="1" t="s">
        <v>157592</v>
      </c>
    </row>
    <row r="46305" spans="1:10" x14ac:dyDescent="0.35">
      <c r="A46305" s="1" t="s">
        <v>13866</v>
      </c>
      <c r="B46305" s="1" t="s">
        <v>156209</v>
      </c>
      <c r="C46305" s="1" t="s">
        <v>30</v>
      </c>
      <c r="D46305" s="1" t="s">
        <v>1643</v>
      </c>
      <c r="E46305" s="1" t="s">
        <v>157593</v>
      </c>
      <c r="F46305" s="1" t="s">
        <v>157594</v>
      </c>
      <c r="G46305" s="1" t="s">
        <v>157582</v>
      </c>
      <c r="H46305" s="1" t="s">
        <v>157583</v>
      </c>
      <c r="I46305" s="1" t="s">
        <v>156215</v>
      </c>
      <c r="J46305" s="1" t="s">
        <v>157595</v>
      </c>
    </row>
    <row r="46306" spans="1:10" x14ac:dyDescent="0.35">
      <c r="A46306" s="1" t="s">
        <v>13866</v>
      </c>
      <c r="B46306" s="1" t="s">
        <v>156209</v>
      </c>
      <c r="C46306" s="1" t="s">
        <v>35</v>
      </c>
      <c r="D46306" s="1" t="s">
        <v>122182</v>
      </c>
      <c r="E46306" s="1" t="s">
        <v>157596</v>
      </c>
      <c r="F46306" s="1" t="s">
        <v>157597</v>
      </c>
      <c r="G46306" s="1" t="s">
        <v>157582</v>
      </c>
      <c r="H46306" s="1" t="s">
        <v>157583</v>
      </c>
      <c r="I46306" s="1" t="s">
        <v>156215</v>
      </c>
      <c r="J46306" s="1" t="s">
        <v>157598</v>
      </c>
    </row>
    <row r="46307" spans="1:10" x14ac:dyDescent="0.35">
      <c r="A46307" s="1" t="s">
        <v>13866</v>
      </c>
      <c r="B46307" s="1" t="s">
        <v>156209</v>
      </c>
      <c r="C46307" s="1" t="s">
        <v>40</v>
      </c>
      <c r="D46307" s="1" t="s">
        <v>29672</v>
      </c>
      <c r="E46307" s="1" t="s">
        <v>157599</v>
      </c>
      <c r="F46307" s="1" t="s">
        <v>157600</v>
      </c>
      <c r="G46307" s="1" t="s">
        <v>157582</v>
      </c>
      <c r="H46307" s="1" t="s">
        <v>157583</v>
      </c>
      <c r="I46307" s="1" t="s">
        <v>156215</v>
      </c>
      <c r="J46307" s="1" t="s">
        <v>157601</v>
      </c>
    </row>
    <row r="46308" spans="1:10" x14ac:dyDescent="0.35">
      <c r="A46308" s="1" t="s">
        <v>13866</v>
      </c>
      <c r="B46308" s="1" t="s">
        <v>156209</v>
      </c>
      <c r="C46308" s="1" t="s">
        <v>45</v>
      </c>
      <c r="D46308" s="1" t="s">
        <v>4721</v>
      </c>
      <c r="E46308" s="1" t="s">
        <v>157602</v>
      </c>
      <c r="F46308" s="1" t="s">
        <v>157603</v>
      </c>
      <c r="G46308" s="1" t="s">
        <v>157582</v>
      </c>
      <c r="H46308" s="1" t="s">
        <v>157583</v>
      </c>
      <c r="I46308" s="1" t="s">
        <v>156215</v>
      </c>
      <c r="J46308" s="1" t="s">
        <v>157604</v>
      </c>
    </row>
    <row r="46309" spans="1:10" x14ac:dyDescent="0.35">
      <c r="A46309" s="1" t="s">
        <v>13866</v>
      </c>
      <c r="B46309" s="1" t="s">
        <v>156209</v>
      </c>
      <c r="C46309" s="1" t="s">
        <v>50</v>
      </c>
      <c r="D46309" s="1" t="s">
        <v>109696</v>
      </c>
      <c r="E46309" s="1" t="s">
        <v>157605</v>
      </c>
      <c r="F46309" s="1" t="s">
        <v>157606</v>
      </c>
      <c r="G46309" s="1" t="s">
        <v>157582</v>
      </c>
      <c r="H46309" s="1" t="s">
        <v>157583</v>
      </c>
      <c r="I46309" s="1" t="s">
        <v>156215</v>
      </c>
      <c r="J46309" s="1" t="s">
        <v>157607</v>
      </c>
    </row>
    <row r="46310" spans="1:10" x14ac:dyDescent="0.35">
      <c r="A46310" s="1" t="s">
        <v>13866</v>
      </c>
      <c r="B46310" s="1" t="s">
        <v>156209</v>
      </c>
      <c r="C46310" s="1" t="s">
        <v>55</v>
      </c>
      <c r="D46310" s="1" t="s">
        <v>145753</v>
      </c>
      <c r="E46310" s="1" t="s">
        <v>157608</v>
      </c>
      <c r="F46310" s="1" t="s">
        <v>157609</v>
      </c>
      <c r="G46310" s="1" t="s">
        <v>157582</v>
      </c>
      <c r="H46310" s="1" t="s">
        <v>157583</v>
      </c>
      <c r="I46310" s="1" t="s">
        <v>156215</v>
      </c>
      <c r="J46310" s="1" t="s">
        <v>157610</v>
      </c>
    </row>
    <row r="46311" spans="1:10" x14ac:dyDescent="0.35">
      <c r="A46311" s="1" t="s">
        <v>13866</v>
      </c>
      <c r="B46311" s="1" t="s">
        <v>156209</v>
      </c>
      <c r="C46311" s="1" t="s">
        <v>60</v>
      </c>
      <c r="D46311" s="1" t="s">
        <v>8087</v>
      </c>
      <c r="E46311" s="1" t="s">
        <v>157611</v>
      </c>
      <c r="F46311" s="1" t="s">
        <v>157612</v>
      </c>
      <c r="G46311" s="1" t="s">
        <v>157582</v>
      </c>
      <c r="H46311" s="1" t="s">
        <v>157583</v>
      </c>
      <c r="I46311" s="1" t="s">
        <v>156215</v>
      </c>
      <c r="J46311" s="1" t="s">
        <v>157613</v>
      </c>
    </row>
    <row r="46312" spans="1:10" x14ac:dyDescent="0.35">
      <c r="A46312" s="1" t="s">
        <v>13866</v>
      </c>
      <c r="B46312" s="1" t="s">
        <v>156209</v>
      </c>
      <c r="C46312" s="1" t="s">
        <v>65</v>
      </c>
      <c r="D46312" s="1" t="s">
        <v>44998</v>
      </c>
      <c r="E46312" s="1" t="s">
        <v>157614</v>
      </c>
      <c r="F46312" s="1" t="s">
        <v>157615</v>
      </c>
      <c r="G46312" s="1" t="s">
        <v>157582</v>
      </c>
      <c r="H46312" s="1" t="s">
        <v>157583</v>
      </c>
      <c r="I46312" s="1" t="s">
        <v>156215</v>
      </c>
      <c r="J46312" s="1" t="s">
        <v>157616</v>
      </c>
    </row>
    <row r="46313" spans="1:10" x14ac:dyDescent="0.35">
      <c r="A46313" s="1" t="s">
        <v>13866</v>
      </c>
      <c r="B46313" s="1" t="s">
        <v>156209</v>
      </c>
      <c r="C46313" s="1" t="s">
        <v>70</v>
      </c>
      <c r="D46313" s="1" t="s">
        <v>2051</v>
      </c>
      <c r="E46313" s="1" t="s">
        <v>157617</v>
      </c>
      <c r="F46313" s="1" t="s">
        <v>157618</v>
      </c>
      <c r="G46313" s="1" t="s">
        <v>157582</v>
      </c>
      <c r="H46313" s="1" t="s">
        <v>157583</v>
      </c>
      <c r="I46313" s="1" t="s">
        <v>156215</v>
      </c>
      <c r="J46313" s="1" t="s">
        <v>157619</v>
      </c>
    </row>
    <row r="46314" spans="1:10" x14ac:dyDescent="0.35">
      <c r="A46314" s="1" t="s">
        <v>13866</v>
      </c>
      <c r="B46314" s="1" t="s">
        <v>156209</v>
      </c>
      <c r="C46314" s="1" t="s">
        <v>75</v>
      </c>
      <c r="D46314" s="1" t="s">
        <v>1643</v>
      </c>
      <c r="E46314" s="1" t="s">
        <v>157620</v>
      </c>
      <c r="F46314" s="1" t="s">
        <v>157621</v>
      </c>
      <c r="G46314" s="1" t="s">
        <v>157582</v>
      </c>
      <c r="H46314" s="1" t="s">
        <v>157583</v>
      </c>
      <c r="I46314" s="1" t="s">
        <v>156215</v>
      </c>
      <c r="J46314" s="1" t="s">
        <v>157622</v>
      </c>
    </row>
    <row r="46315" spans="1:10" x14ac:dyDescent="0.35">
      <c r="A46315" s="1" t="s">
        <v>13866</v>
      </c>
      <c r="B46315" s="1" t="s">
        <v>156209</v>
      </c>
      <c r="C46315" s="1" t="s">
        <v>80</v>
      </c>
      <c r="D46315" s="1" t="s">
        <v>116347</v>
      </c>
      <c r="E46315" s="1" t="s">
        <v>157623</v>
      </c>
      <c r="F46315" s="1" t="s">
        <v>157624</v>
      </c>
      <c r="G46315" s="1" t="s">
        <v>157582</v>
      </c>
      <c r="H46315" s="1" t="s">
        <v>157583</v>
      </c>
      <c r="I46315" s="1" t="s">
        <v>156215</v>
      </c>
      <c r="J46315" s="1" t="s">
        <v>157625</v>
      </c>
    </row>
    <row r="46316" spans="1:10" x14ac:dyDescent="0.35">
      <c r="A46316" s="1" t="s">
        <v>13866</v>
      </c>
      <c r="B46316" s="1" t="s">
        <v>156209</v>
      </c>
      <c r="C46316" s="1" t="s">
        <v>85</v>
      </c>
      <c r="D46316" s="1" t="s">
        <v>119916</v>
      </c>
      <c r="E46316" s="1" t="s">
        <v>157626</v>
      </c>
      <c r="F46316" s="1" t="s">
        <v>157627</v>
      </c>
      <c r="G46316" s="1" t="s">
        <v>157582</v>
      </c>
      <c r="H46316" s="1" t="s">
        <v>157583</v>
      </c>
      <c r="I46316" s="1" t="s">
        <v>156215</v>
      </c>
      <c r="J46316" s="1" t="s">
        <v>157628</v>
      </c>
    </row>
    <row r="46317" spans="1:10" x14ac:dyDescent="0.35">
      <c r="A46317" s="1" t="s">
        <v>13866</v>
      </c>
      <c r="B46317" s="1" t="s">
        <v>156209</v>
      </c>
      <c r="C46317" s="1" t="s">
        <v>90</v>
      </c>
      <c r="D46317" s="1" t="s">
        <v>157629</v>
      </c>
      <c r="E46317" s="1" t="s">
        <v>157630</v>
      </c>
      <c r="F46317" s="1" t="s">
        <v>157631</v>
      </c>
      <c r="G46317" s="1" t="s">
        <v>157582</v>
      </c>
      <c r="H46317" s="1" t="s">
        <v>157583</v>
      </c>
      <c r="I46317" s="1" t="s">
        <v>156215</v>
      </c>
      <c r="J46317" s="1" t="s">
        <v>157632</v>
      </c>
    </row>
    <row r="46318" spans="1:10" x14ac:dyDescent="0.35">
      <c r="A46318" s="1" t="s">
        <v>13866</v>
      </c>
      <c r="B46318" s="1" t="s">
        <v>156209</v>
      </c>
      <c r="C46318" s="1" t="s">
        <v>95</v>
      </c>
      <c r="D46318" s="1" t="s">
        <v>45841</v>
      </c>
      <c r="E46318" s="1" t="s">
        <v>157633</v>
      </c>
      <c r="F46318" s="1" t="s">
        <v>157634</v>
      </c>
      <c r="G46318" s="1" t="s">
        <v>157582</v>
      </c>
      <c r="H46318" s="1" t="s">
        <v>157583</v>
      </c>
      <c r="I46318" s="1" t="s">
        <v>156215</v>
      </c>
      <c r="J46318" s="1" t="s">
        <v>157635</v>
      </c>
    </row>
    <row r="46319" spans="1:10" x14ac:dyDescent="0.35">
      <c r="A46319" s="1" t="s">
        <v>13866</v>
      </c>
      <c r="B46319" s="1" t="s">
        <v>156209</v>
      </c>
      <c r="C46319" s="1" t="s">
        <v>100</v>
      </c>
      <c r="D46319" s="1" t="s">
        <v>148364</v>
      </c>
      <c r="E46319" s="1" t="s">
        <v>157636</v>
      </c>
      <c r="F46319" s="1" t="s">
        <v>157637</v>
      </c>
      <c r="G46319" s="1" t="s">
        <v>157582</v>
      </c>
      <c r="H46319" s="1" t="s">
        <v>157583</v>
      </c>
      <c r="I46319" s="1" t="s">
        <v>156215</v>
      </c>
      <c r="J46319" s="1" t="s">
        <v>157638</v>
      </c>
    </row>
    <row r="46320" spans="1:10" x14ac:dyDescent="0.35">
      <c r="A46320" s="1" t="s">
        <v>13866</v>
      </c>
      <c r="B46320" s="1" t="s">
        <v>156209</v>
      </c>
      <c r="C46320" s="1" t="s">
        <v>105</v>
      </c>
      <c r="D46320" s="1" t="s">
        <v>48545</v>
      </c>
      <c r="E46320" s="1" t="s">
        <v>157639</v>
      </c>
      <c r="F46320" s="1" t="s">
        <v>157640</v>
      </c>
      <c r="G46320" s="1" t="s">
        <v>157582</v>
      </c>
      <c r="H46320" s="1" t="s">
        <v>157583</v>
      </c>
      <c r="I46320" s="1" t="s">
        <v>156215</v>
      </c>
      <c r="J46320" s="1" t="s">
        <v>157641</v>
      </c>
    </row>
    <row r="46321" spans="1:10" x14ac:dyDescent="0.35">
      <c r="A46321" s="1" t="s">
        <v>13866</v>
      </c>
      <c r="B46321" s="1" t="s">
        <v>156209</v>
      </c>
      <c r="C46321" s="1" t="s">
        <v>110</v>
      </c>
      <c r="D46321" s="1" t="s">
        <v>104657</v>
      </c>
      <c r="E46321" s="1" t="s">
        <v>157642</v>
      </c>
      <c r="F46321" s="1" t="s">
        <v>157643</v>
      </c>
      <c r="G46321" s="1" t="s">
        <v>157582</v>
      </c>
      <c r="H46321" s="1" t="s">
        <v>157583</v>
      </c>
      <c r="I46321" s="1" t="s">
        <v>156215</v>
      </c>
      <c r="J46321" s="1" t="s">
        <v>157644</v>
      </c>
    </row>
    <row r="46322" spans="1:10" x14ac:dyDescent="0.35">
      <c r="A46322" s="1" t="s">
        <v>13866</v>
      </c>
      <c r="B46322" s="1" t="s">
        <v>156209</v>
      </c>
      <c r="C46322" s="1" t="s">
        <v>115</v>
      </c>
      <c r="D46322" s="1" t="s">
        <v>109753</v>
      </c>
      <c r="E46322" s="1" t="s">
        <v>157645</v>
      </c>
      <c r="F46322" s="1" t="s">
        <v>157646</v>
      </c>
      <c r="G46322" s="1" t="s">
        <v>157582</v>
      </c>
      <c r="H46322" s="1" t="s">
        <v>157583</v>
      </c>
      <c r="I46322" s="1" t="s">
        <v>156215</v>
      </c>
      <c r="J46322" s="1" t="s">
        <v>157647</v>
      </c>
    </row>
    <row r="46323" spans="1:10" x14ac:dyDescent="0.35">
      <c r="A46323" s="1" t="s">
        <v>13866</v>
      </c>
      <c r="B46323" s="1" t="s">
        <v>156209</v>
      </c>
      <c r="C46323" s="1" t="s">
        <v>120</v>
      </c>
      <c r="D46323" s="1" t="s">
        <v>28578</v>
      </c>
      <c r="E46323" s="1" t="s">
        <v>157648</v>
      </c>
      <c r="F46323" s="1" t="s">
        <v>157649</v>
      </c>
      <c r="G46323" s="1" t="s">
        <v>157582</v>
      </c>
      <c r="H46323" s="1" t="s">
        <v>157583</v>
      </c>
      <c r="I46323" s="1" t="s">
        <v>156215</v>
      </c>
      <c r="J46323" s="1" t="s">
        <v>157650</v>
      </c>
    </row>
    <row r="46324" spans="1:10" x14ac:dyDescent="0.35">
      <c r="A46324" s="1" t="s">
        <v>13866</v>
      </c>
      <c r="B46324" s="1" t="s">
        <v>156209</v>
      </c>
      <c r="C46324" s="1" t="s">
        <v>125</v>
      </c>
      <c r="D46324" s="1" t="s">
        <v>10717</v>
      </c>
      <c r="E46324" s="1" t="s">
        <v>157651</v>
      </c>
      <c r="F46324" s="1" t="s">
        <v>157652</v>
      </c>
      <c r="G46324" s="1" t="s">
        <v>157582</v>
      </c>
      <c r="H46324" s="1" t="s">
        <v>157583</v>
      </c>
      <c r="I46324" s="1" t="s">
        <v>156215</v>
      </c>
      <c r="J46324" s="1" t="s">
        <v>157653</v>
      </c>
    </row>
    <row r="46325" spans="1:10" x14ac:dyDescent="0.35">
      <c r="A46325" s="1" t="s">
        <v>13866</v>
      </c>
      <c r="B46325" s="1" t="s">
        <v>156209</v>
      </c>
      <c r="C46325" s="1" t="s">
        <v>130</v>
      </c>
      <c r="D46325" s="1" t="s">
        <v>157654</v>
      </c>
      <c r="E46325" s="1" t="s">
        <v>157655</v>
      </c>
      <c r="F46325" s="1" t="s">
        <v>157656</v>
      </c>
      <c r="G46325" s="1" t="s">
        <v>157582</v>
      </c>
      <c r="H46325" s="1" t="s">
        <v>157583</v>
      </c>
      <c r="I46325" s="1" t="s">
        <v>156215</v>
      </c>
      <c r="J46325" s="1" t="s">
        <v>157657</v>
      </c>
    </row>
    <row r="46326" spans="1:10" x14ac:dyDescent="0.35">
      <c r="A46326" s="1" t="s">
        <v>13866</v>
      </c>
      <c r="B46326" s="1" t="s">
        <v>156209</v>
      </c>
      <c r="C46326" s="1" t="s">
        <v>135</v>
      </c>
      <c r="D46326" s="1" t="s">
        <v>38787</v>
      </c>
      <c r="E46326" s="1" t="s">
        <v>157658</v>
      </c>
      <c r="F46326" s="1" t="s">
        <v>157659</v>
      </c>
      <c r="G46326" s="1" t="s">
        <v>157582</v>
      </c>
      <c r="H46326" s="1" t="s">
        <v>157583</v>
      </c>
      <c r="I46326" s="1" t="s">
        <v>156215</v>
      </c>
      <c r="J46326" s="1" t="s">
        <v>157660</v>
      </c>
    </row>
    <row r="46327" spans="1:10" x14ac:dyDescent="0.35">
      <c r="A46327" s="1" t="s">
        <v>13866</v>
      </c>
      <c r="B46327" s="1" t="s">
        <v>156209</v>
      </c>
      <c r="C46327" s="1" t="s">
        <v>140</v>
      </c>
      <c r="D46327" s="1" t="s">
        <v>15463</v>
      </c>
      <c r="E46327" s="1" t="s">
        <v>157661</v>
      </c>
      <c r="F46327" s="1" t="s">
        <v>157662</v>
      </c>
      <c r="G46327" s="1" t="s">
        <v>157582</v>
      </c>
      <c r="H46327" s="1" t="s">
        <v>157583</v>
      </c>
      <c r="I46327" s="1" t="s">
        <v>156215</v>
      </c>
      <c r="J46327" s="1" t="s">
        <v>157663</v>
      </c>
    </row>
    <row r="46328" spans="1:10" x14ac:dyDescent="0.35">
      <c r="A46328" s="1" t="s">
        <v>13866</v>
      </c>
      <c r="B46328" s="1" t="s">
        <v>156209</v>
      </c>
      <c r="C46328" s="1" t="s">
        <v>145</v>
      </c>
      <c r="D46328" s="1" t="s">
        <v>157664</v>
      </c>
      <c r="E46328" s="1" t="s">
        <v>157665</v>
      </c>
      <c r="F46328" s="1" t="s">
        <v>157666</v>
      </c>
      <c r="G46328" s="1" t="s">
        <v>157582</v>
      </c>
      <c r="H46328" s="1" t="s">
        <v>157583</v>
      </c>
      <c r="I46328" s="1" t="s">
        <v>156215</v>
      </c>
      <c r="J46328" s="1" t="s">
        <v>157667</v>
      </c>
    </row>
    <row r="46329" spans="1:10" x14ac:dyDescent="0.35">
      <c r="A46329" s="1" t="s">
        <v>13866</v>
      </c>
      <c r="B46329" s="1" t="s">
        <v>156209</v>
      </c>
      <c r="C46329" s="1" t="s">
        <v>150</v>
      </c>
      <c r="D46329" s="1" t="s">
        <v>49166</v>
      </c>
      <c r="E46329" s="1" t="s">
        <v>157668</v>
      </c>
      <c r="F46329" s="1" t="s">
        <v>157669</v>
      </c>
      <c r="G46329" s="1" t="s">
        <v>157582</v>
      </c>
      <c r="H46329" s="1" t="s">
        <v>157583</v>
      </c>
      <c r="I46329" s="1" t="s">
        <v>156215</v>
      </c>
      <c r="J46329" s="1" t="s">
        <v>157670</v>
      </c>
    </row>
    <row r="46330" spans="1:10" x14ac:dyDescent="0.35">
      <c r="A46330" s="1" t="s">
        <v>13866</v>
      </c>
      <c r="B46330" s="1" t="s">
        <v>156209</v>
      </c>
      <c r="C46330" s="1" t="s">
        <v>155</v>
      </c>
      <c r="D46330" s="1" t="s">
        <v>25774</v>
      </c>
      <c r="E46330" s="1" t="s">
        <v>157671</v>
      </c>
      <c r="F46330" s="1" t="s">
        <v>157672</v>
      </c>
      <c r="G46330" s="1" t="s">
        <v>157582</v>
      </c>
      <c r="H46330" s="1" t="s">
        <v>157583</v>
      </c>
      <c r="I46330" s="1" t="s">
        <v>156215</v>
      </c>
      <c r="J46330" s="1" t="s">
        <v>157673</v>
      </c>
    </row>
    <row r="46331" spans="1:10" x14ac:dyDescent="0.35">
      <c r="A46331" s="1" t="s">
        <v>13866</v>
      </c>
      <c r="B46331" s="1" t="s">
        <v>156209</v>
      </c>
      <c r="C46331" s="1" t="s">
        <v>160</v>
      </c>
      <c r="D46331" s="1" t="s">
        <v>120092</v>
      </c>
      <c r="E46331" s="1" t="s">
        <v>157674</v>
      </c>
      <c r="F46331" s="1" t="s">
        <v>157675</v>
      </c>
      <c r="G46331" s="1" t="s">
        <v>157582</v>
      </c>
      <c r="H46331" s="1" t="s">
        <v>157583</v>
      </c>
      <c r="I46331" s="1" t="s">
        <v>156215</v>
      </c>
      <c r="J46331" s="1" t="s">
        <v>157676</v>
      </c>
    </row>
    <row r="46332" spans="1:10" x14ac:dyDescent="0.35">
      <c r="A46332" s="1" t="s">
        <v>13866</v>
      </c>
      <c r="B46332" s="1" t="s">
        <v>156209</v>
      </c>
      <c r="C46332" s="1" t="s">
        <v>165</v>
      </c>
      <c r="D46332" s="1" t="s">
        <v>157677</v>
      </c>
      <c r="E46332" s="1" t="s">
        <v>157678</v>
      </c>
      <c r="F46332" s="1" t="s">
        <v>157679</v>
      </c>
      <c r="G46332" s="1" t="s">
        <v>157582</v>
      </c>
      <c r="H46332" s="1" t="s">
        <v>157583</v>
      </c>
      <c r="I46332" s="1" t="s">
        <v>156215</v>
      </c>
      <c r="J46332" s="1" t="s">
        <v>157680</v>
      </c>
    </row>
    <row r="46333" spans="1:10" x14ac:dyDescent="0.35">
      <c r="A46333" s="1" t="s">
        <v>13866</v>
      </c>
      <c r="B46333" s="1" t="s">
        <v>156209</v>
      </c>
      <c r="C46333" s="1" t="s">
        <v>170</v>
      </c>
      <c r="D46333" s="1" t="s">
        <v>51011</v>
      </c>
      <c r="E46333" s="1" t="s">
        <v>157681</v>
      </c>
      <c r="F46333" s="1" t="s">
        <v>157682</v>
      </c>
      <c r="G46333" s="1" t="s">
        <v>157582</v>
      </c>
      <c r="H46333" s="1" t="s">
        <v>157583</v>
      </c>
      <c r="I46333" s="1" t="s">
        <v>156215</v>
      </c>
      <c r="J46333" s="1" t="s">
        <v>157683</v>
      </c>
    </row>
    <row r="46334" spans="1:10" x14ac:dyDescent="0.35">
      <c r="A46334" s="1" t="s">
        <v>29421</v>
      </c>
      <c r="B46334" s="1" t="s">
        <v>156209</v>
      </c>
      <c r="C46334" s="1" t="s">
        <v>8</v>
      </c>
      <c r="D46334" s="1" t="s">
        <v>151470</v>
      </c>
      <c r="E46334" s="1" t="s">
        <v>157684</v>
      </c>
      <c r="F46334" s="1" t="s">
        <v>157685</v>
      </c>
      <c r="G46334" s="1" t="s">
        <v>157686</v>
      </c>
      <c r="H46334" s="1" t="s">
        <v>157687</v>
      </c>
      <c r="I46334" s="1" t="s">
        <v>156215</v>
      </c>
      <c r="J46334" s="1" t="s">
        <v>13</v>
      </c>
    </row>
    <row r="46335" spans="1:10" x14ac:dyDescent="0.35">
      <c r="A46335" s="1" t="s">
        <v>29421</v>
      </c>
      <c r="B46335" s="1" t="s">
        <v>156209</v>
      </c>
      <c r="C46335" s="1" t="s">
        <v>15</v>
      </c>
      <c r="D46335" s="1" t="s">
        <v>7902</v>
      </c>
      <c r="E46335" s="1" t="s">
        <v>157688</v>
      </c>
      <c r="F46335" s="1" t="s">
        <v>157689</v>
      </c>
      <c r="G46335" s="1" t="s">
        <v>157686</v>
      </c>
      <c r="H46335" s="1" t="s">
        <v>157687</v>
      </c>
      <c r="I46335" s="1" t="s">
        <v>156215</v>
      </c>
      <c r="J46335" s="1" t="s">
        <v>157690</v>
      </c>
    </row>
    <row r="46336" spans="1:10" x14ac:dyDescent="0.35">
      <c r="A46336" s="1" t="s">
        <v>29421</v>
      </c>
      <c r="B46336" s="1" t="s">
        <v>156209</v>
      </c>
      <c r="C46336" s="1" t="s">
        <v>20</v>
      </c>
      <c r="D46336" s="1" t="s">
        <v>51259</v>
      </c>
      <c r="E46336" s="1" t="s">
        <v>157691</v>
      </c>
      <c r="F46336" s="1" t="s">
        <v>157692</v>
      </c>
      <c r="G46336" s="1" t="s">
        <v>157686</v>
      </c>
      <c r="H46336" s="1" t="s">
        <v>157687</v>
      </c>
      <c r="I46336" s="1" t="s">
        <v>156215</v>
      </c>
      <c r="J46336" s="1" t="s">
        <v>157693</v>
      </c>
    </row>
    <row r="46337" spans="1:10" x14ac:dyDescent="0.35">
      <c r="A46337" s="1" t="s">
        <v>29421</v>
      </c>
      <c r="B46337" s="1" t="s">
        <v>156209</v>
      </c>
      <c r="C46337" s="1" t="s">
        <v>25</v>
      </c>
      <c r="D46337" s="1" t="s">
        <v>119290</v>
      </c>
      <c r="E46337" s="1" t="s">
        <v>157694</v>
      </c>
      <c r="F46337" s="1" t="s">
        <v>157695</v>
      </c>
      <c r="G46337" s="1" t="s">
        <v>157686</v>
      </c>
      <c r="H46337" s="1" t="s">
        <v>157687</v>
      </c>
      <c r="I46337" s="1" t="s">
        <v>156215</v>
      </c>
      <c r="J46337" s="1" t="s">
        <v>157696</v>
      </c>
    </row>
    <row r="46338" spans="1:10" x14ac:dyDescent="0.35">
      <c r="A46338" s="1" t="s">
        <v>29421</v>
      </c>
      <c r="B46338" s="1" t="s">
        <v>156209</v>
      </c>
      <c r="C46338" s="1" t="s">
        <v>30</v>
      </c>
      <c r="D46338" s="1" t="s">
        <v>24943</v>
      </c>
      <c r="E46338" s="1" t="s">
        <v>157697</v>
      </c>
      <c r="F46338" s="1" t="s">
        <v>157698</v>
      </c>
      <c r="G46338" s="1" t="s">
        <v>157686</v>
      </c>
      <c r="H46338" s="1" t="s">
        <v>157687</v>
      </c>
      <c r="I46338" s="1" t="s">
        <v>156215</v>
      </c>
      <c r="J46338" s="1" t="s">
        <v>157699</v>
      </c>
    </row>
    <row r="46339" spans="1:10" x14ac:dyDescent="0.35">
      <c r="A46339" s="1" t="s">
        <v>29421</v>
      </c>
      <c r="B46339" s="1" t="s">
        <v>156209</v>
      </c>
      <c r="C46339" s="1" t="s">
        <v>35</v>
      </c>
      <c r="D46339" s="1" t="s">
        <v>6496</v>
      </c>
      <c r="E46339" s="1" t="s">
        <v>157700</v>
      </c>
      <c r="F46339" s="1" t="s">
        <v>157701</v>
      </c>
      <c r="G46339" s="1" t="s">
        <v>157686</v>
      </c>
      <c r="H46339" s="1" t="s">
        <v>157687</v>
      </c>
      <c r="I46339" s="1" t="s">
        <v>156215</v>
      </c>
      <c r="J46339" s="1" t="s">
        <v>157702</v>
      </c>
    </row>
    <row r="46340" spans="1:10" x14ac:dyDescent="0.35">
      <c r="A46340" s="1" t="s">
        <v>29421</v>
      </c>
      <c r="B46340" s="1" t="s">
        <v>156209</v>
      </c>
      <c r="C46340" s="1" t="s">
        <v>40</v>
      </c>
      <c r="D46340" s="1" t="s">
        <v>28271</v>
      </c>
      <c r="E46340" s="1" t="s">
        <v>157703</v>
      </c>
      <c r="F46340" s="1" t="s">
        <v>157704</v>
      </c>
      <c r="G46340" s="1" t="s">
        <v>157686</v>
      </c>
      <c r="H46340" s="1" t="s">
        <v>157687</v>
      </c>
      <c r="I46340" s="1" t="s">
        <v>156215</v>
      </c>
      <c r="J46340" s="1" t="s">
        <v>157705</v>
      </c>
    </row>
    <row r="46341" spans="1:10" x14ac:dyDescent="0.35">
      <c r="A46341" s="1" t="s">
        <v>29421</v>
      </c>
      <c r="B46341" s="1" t="s">
        <v>156209</v>
      </c>
      <c r="C46341" s="1" t="s">
        <v>45</v>
      </c>
      <c r="D46341" s="1" t="s">
        <v>4785</v>
      </c>
      <c r="E46341" s="1" t="s">
        <v>157706</v>
      </c>
      <c r="F46341" s="1" t="s">
        <v>157707</v>
      </c>
      <c r="G46341" s="1" t="s">
        <v>157686</v>
      </c>
      <c r="H46341" s="1" t="s">
        <v>157687</v>
      </c>
      <c r="I46341" s="1" t="s">
        <v>156215</v>
      </c>
      <c r="J46341" s="1" t="s">
        <v>157708</v>
      </c>
    </row>
    <row r="46342" spans="1:10" x14ac:dyDescent="0.35">
      <c r="A46342" s="1" t="s">
        <v>29421</v>
      </c>
      <c r="B46342" s="1" t="s">
        <v>156209</v>
      </c>
      <c r="C46342" s="1" t="s">
        <v>50</v>
      </c>
      <c r="D46342" s="1" t="s">
        <v>6966</v>
      </c>
      <c r="E46342" s="1" t="s">
        <v>157709</v>
      </c>
      <c r="F46342" s="1" t="s">
        <v>157710</v>
      </c>
      <c r="G46342" s="1" t="s">
        <v>157686</v>
      </c>
      <c r="H46342" s="1" t="s">
        <v>157687</v>
      </c>
      <c r="I46342" s="1" t="s">
        <v>156215</v>
      </c>
      <c r="J46342" s="1" t="s">
        <v>157711</v>
      </c>
    </row>
    <row r="46343" spans="1:10" x14ac:dyDescent="0.35">
      <c r="A46343" s="1" t="s">
        <v>29421</v>
      </c>
      <c r="B46343" s="1" t="s">
        <v>156209</v>
      </c>
      <c r="C46343" s="1" t="s">
        <v>55</v>
      </c>
      <c r="D46343" s="1" t="s">
        <v>28206</v>
      </c>
      <c r="E46343" s="1" t="s">
        <v>157712</v>
      </c>
      <c r="F46343" s="1" t="s">
        <v>157713</v>
      </c>
      <c r="G46343" s="1" t="s">
        <v>157686</v>
      </c>
      <c r="H46343" s="1" t="s">
        <v>157687</v>
      </c>
      <c r="I46343" s="1" t="s">
        <v>156215</v>
      </c>
      <c r="J46343" s="1" t="s">
        <v>157714</v>
      </c>
    </row>
    <row r="46344" spans="1:10" x14ac:dyDescent="0.35">
      <c r="A46344" s="1" t="s">
        <v>29421</v>
      </c>
      <c r="B46344" s="1" t="s">
        <v>156209</v>
      </c>
      <c r="C46344" s="1" t="s">
        <v>60</v>
      </c>
      <c r="D46344" s="1" t="s">
        <v>1707</v>
      </c>
      <c r="E46344" s="1" t="s">
        <v>157715</v>
      </c>
      <c r="F46344" s="1" t="s">
        <v>157716</v>
      </c>
      <c r="G46344" s="1" t="s">
        <v>157686</v>
      </c>
      <c r="H46344" s="1" t="s">
        <v>157687</v>
      </c>
      <c r="I46344" s="1" t="s">
        <v>156215</v>
      </c>
      <c r="J46344" s="1" t="s">
        <v>157717</v>
      </c>
    </row>
    <row r="46345" spans="1:10" x14ac:dyDescent="0.35">
      <c r="A46345" s="1" t="s">
        <v>29421</v>
      </c>
      <c r="B46345" s="1" t="s">
        <v>156209</v>
      </c>
      <c r="C46345" s="1" t="s">
        <v>65</v>
      </c>
      <c r="D46345" s="1" t="s">
        <v>109816</v>
      </c>
      <c r="E46345" s="1" t="s">
        <v>157718</v>
      </c>
      <c r="F46345" s="1" t="s">
        <v>157719</v>
      </c>
      <c r="G46345" s="1" t="s">
        <v>157686</v>
      </c>
      <c r="H46345" s="1" t="s">
        <v>157687</v>
      </c>
      <c r="I46345" s="1" t="s">
        <v>156215</v>
      </c>
      <c r="J46345" s="1" t="s">
        <v>157720</v>
      </c>
    </row>
    <row r="46346" spans="1:10" x14ac:dyDescent="0.35">
      <c r="A46346" s="1" t="s">
        <v>29421</v>
      </c>
      <c r="B46346" s="1" t="s">
        <v>156209</v>
      </c>
      <c r="C46346" s="1" t="s">
        <v>70</v>
      </c>
      <c r="D46346" s="1" t="s">
        <v>7928</v>
      </c>
      <c r="E46346" s="1" t="s">
        <v>157721</v>
      </c>
      <c r="F46346" s="1" t="s">
        <v>157722</v>
      </c>
      <c r="G46346" s="1" t="s">
        <v>157686</v>
      </c>
      <c r="H46346" s="1" t="s">
        <v>157687</v>
      </c>
      <c r="I46346" s="1" t="s">
        <v>156215</v>
      </c>
      <c r="J46346" s="1" t="s">
        <v>157723</v>
      </c>
    </row>
    <row r="46347" spans="1:10" x14ac:dyDescent="0.35">
      <c r="A46347" s="1" t="s">
        <v>29421</v>
      </c>
      <c r="B46347" s="1" t="s">
        <v>156209</v>
      </c>
      <c r="C46347" s="1" t="s">
        <v>75</v>
      </c>
      <c r="D46347" s="1" t="s">
        <v>4681</v>
      </c>
      <c r="E46347" s="1" t="s">
        <v>157724</v>
      </c>
      <c r="F46347" s="1" t="s">
        <v>157725</v>
      </c>
      <c r="G46347" s="1" t="s">
        <v>157686</v>
      </c>
      <c r="H46347" s="1" t="s">
        <v>157687</v>
      </c>
      <c r="I46347" s="1" t="s">
        <v>156215</v>
      </c>
      <c r="J46347" s="1" t="s">
        <v>157726</v>
      </c>
    </row>
    <row r="46348" spans="1:10" x14ac:dyDescent="0.35">
      <c r="A46348" s="1" t="s">
        <v>29421</v>
      </c>
      <c r="B46348" s="1" t="s">
        <v>156209</v>
      </c>
      <c r="C46348" s="1" t="s">
        <v>80</v>
      </c>
      <c r="D46348" s="1" t="s">
        <v>47408</v>
      </c>
      <c r="E46348" s="1" t="s">
        <v>157727</v>
      </c>
      <c r="F46348" s="1" t="s">
        <v>157728</v>
      </c>
      <c r="G46348" s="1" t="s">
        <v>157686</v>
      </c>
      <c r="H46348" s="1" t="s">
        <v>157687</v>
      </c>
      <c r="I46348" s="1" t="s">
        <v>156215</v>
      </c>
      <c r="J46348" s="1" t="s">
        <v>157729</v>
      </c>
    </row>
    <row r="46349" spans="1:10" x14ac:dyDescent="0.35">
      <c r="A46349" s="1" t="s">
        <v>29421</v>
      </c>
      <c r="B46349" s="1" t="s">
        <v>156209</v>
      </c>
      <c r="C46349" s="1" t="s">
        <v>85</v>
      </c>
      <c r="D46349" s="1" t="s">
        <v>27820</v>
      </c>
      <c r="E46349" s="1" t="s">
        <v>157730</v>
      </c>
      <c r="F46349" s="1" t="s">
        <v>157731</v>
      </c>
      <c r="G46349" s="1" t="s">
        <v>157686</v>
      </c>
      <c r="H46349" s="1" t="s">
        <v>157687</v>
      </c>
      <c r="I46349" s="1" t="s">
        <v>156215</v>
      </c>
      <c r="J46349" s="1" t="s">
        <v>157732</v>
      </c>
    </row>
    <row r="46350" spans="1:10" x14ac:dyDescent="0.35">
      <c r="A46350" s="1" t="s">
        <v>29421</v>
      </c>
      <c r="B46350" s="1" t="s">
        <v>156209</v>
      </c>
      <c r="C46350" s="1" t="s">
        <v>90</v>
      </c>
      <c r="D46350" s="1" t="s">
        <v>118299</v>
      </c>
      <c r="E46350" s="1" t="s">
        <v>157733</v>
      </c>
      <c r="F46350" s="1" t="s">
        <v>157734</v>
      </c>
      <c r="G46350" s="1" t="s">
        <v>157686</v>
      </c>
      <c r="H46350" s="1" t="s">
        <v>157687</v>
      </c>
      <c r="I46350" s="1" t="s">
        <v>156215</v>
      </c>
      <c r="J46350" s="1" t="s">
        <v>157735</v>
      </c>
    </row>
    <row r="46351" spans="1:10" x14ac:dyDescent="0.35">
      <c r="A46351" s="1" t="s">
        <v>29421</v>
      </c>
      <c r="B46351" s="1" t="s">
        <v>156209</v>
      </c>
      <c r="C46351" s="1" t="s">
        <v>95</v>
      </c>
      <c r="D46351" s="1" t="s">
        <v>110103</v>
      </c>
      <c r="E46351" s="1" t="s">
        <v>157736</v>
      </c>
      <c r="F46351" s="1" t="s">
        <v>157737</v>
      </c>
      <c r="G46351" s="1" t="s">
        <v>157686</v>
      </c>
      <c r="H46351" s="1" t="s">
        <v>157687</v>
      </c>
      <c r="I46351" s="1" t="s">
        <v>156215</v>
      </c>
      <c r="J46351" s="1" t="s">
        <v>157738</v>
      </c>
    </row>
    <row r="46352" spans="1:10" x14ac:dyDescent="0.35">
      <c r="A46352" s="1" t="s">
        <v>29421</v>
      </c>
      <c r="B46352" s="1" t="s">
        <v>156209</v>
      </c>
      <c r="C46352" s="1" t="s">
        <v>100</v>
      </c>
      <c r="D46352" s="1" t="s">
        <v>72791</v>
      </c>
      <c r="E46352" s="1" t="s">
        <v>157739</v>
      </c>
      <c r="F46352" s="1" t="s">
        <v>157740</v>
      </c>
      <c r="G46352" s="1" t="s">
        <v>157686</v>
      </c>
      <c r="H46352" s="1" t="s">
        <v>157687</v>
      </c>
      <c r="I46352" s="1" t="s">
        <v>156215</v>
      </c>
      <c r="J46352" s="1" t="s">
        <v>157741</v>
      </c>
    </row>
    <row r="46353" spans="1:10" x14ac:dyDescent="0.35">
      <c r="A46353" s="1" t="s">
        <v>29421</v>
      </c>
      <c r="B46353" s="1" t="s">
        <v>156209</v>
      </c>
      <c r="C46353" s="1" t="s">
        <v>105</v>
      </c>
      <c r="D46353" s="1" t="s">
        <v>157742</v>
      </c>
      <c r="E46353" s="1" t="s">
        <v>157743</v>
      </c>
      <c r="F46353" s="1" t="s">
        <v>157744</v>
      </c>
      <c r="G46353" s="1" t="s">
        <v>157686</v>
      </c>
      <c r="H46353" s="1" t="s">
        <v>157687</v>
      </c>
      <c r="I46353" s="1" t="s">
        <v>156215</v>
      </c>
      <c r="J46353" s="1" t="s">
        <v>157745</v>
      </c>
    </row>
    <row r="46354" spans="1:10" x14ac:dyDescent="0.35">
      <c r="A46354" s="1" t="s">
        <v>29421</v>
      </c>
      <c r="B46354" s="1" t="s">
        <v>156209</v>
      </c>
      <c r="C46354" s="1" t="s">
        <v>110</v>
      </c>
      <c r="D46354" s="1" t="s">
        <v>157746</v>
      </c>
      <c r="E46354" s="1" t="s">
        <v>157747</v>
      </c>
      <c r="F46354" s="1" t="s">
        <v>157748</v>
      </c>
      <c r="G46354" s="1" t="s">
        <v>157686</v>
      </c>
      <c r="H46354" s="1" t="s">
        <v>157687</v>
      </c>
      <c r="I46354" s="1" t="s">
        <v>156215</v>
      </c>
      <c r="J46354" s="1" t="s">
        <v>157749</v>
      </c>
    </row>
    <row r="46355" spans="1:10" x14ac:dyDescent="0.35">
      <c r="A46355" s="1" t="s">
        <v>29421</v>
      </c>
      <c r="B46355" s="1" t="s">
        <v>156209</v>
      </c>
      <c r="C46355" s="1" t="s">
        <v>115</v>
      </c>
      <c r="D46355" s="1" t="s">
        <v>157750</v>
      </c>
      <c r="E46355" s="1" t="s">
        <v>157751</v>
      </c>
      <c r="F46355" s="1" t="s">
        <v>157752</v>
      </c>
      <c r="G46355" s="1" t="s">
        <v>157686</v>
      </c>
      <c r="H46355" s="1" t="s">
        <v>157687</v>
      </c>
      <c r="I46355" s="1" t="s">
        <v>156215</v>
      </c>
      <c r="J46355" s="1" t="s">
        <v>157753</v>
      </c>
    </row>
    <row r="46356" spans="1:10" x14ac:dyDescent="0.35">
      <c r="A46356" s="1" t="s">
        <v>29421</v>
      </c>
      <c r="B46356" s="1" t="s">
        <v>156209</v>
      </c>
      <c r="C46356" s="1" t="s">
        <v>120</v>
      </c>
      <c r="D46356" s="1" t="s">
        <v>157754</v>
      </c>
      <c r="E46356" s="1" t="s">
        <v>157755</v>
      </c>
      <c r="F46356" s="1" t="s">
        <v>157756</v>
      </c>
      <c r="G46356" s="1" t="s">
        <v>157686</v>
      </c>
      <c r="H46356" s="1" t="s">
        <v>157687</v>
      </c>
      <c r="I46356" s="1" t="s">
        <v>156215</v>
      </c>
      <c r="J46356" s="1" t="s">
        <v>157757</v>
      </c>
    </row>
    <row r="46357" spans="1:10" x14ac:dyDescent="0.35">
      <c r="A46357" s="1" t="s">
        <v>29421</v>
      </c>
      <c r="B46357" s="1" t="s">
        <v>156209</v>
      </c>
      <c r="C46357" s="1" t="s">
        <v>125</v>
      </c>
      <c r="D46357" s="1" t="s">
        <v>9750</v>
      </c>
      <c r="E46357" s="1" t="s">
        <v>157758</v>
      </c>
      <c r="F46357" s="1" t="s">
        <v>157759</v>
      </c>
      <c r="G46357" s="1" t="s">
        <v>157686</v>
      </c>
      <c r="H46357" s="1" t="s">
        <v>157687</v>
      </c>
      <c r="I46357" s="1" t="s">
        <v>156215</v>
      </c>
      <c r="J46357" s="1" t="s">
        <v>157760</v>
      </c>
    </row>
    <row r="46358" spans="1:10" x14ac:dyDescent="0.35">
      <c r="A46358" s="1" t="s">
        <v>29421</v>
      </c>
      <c r="B46358" s="1" t="s">
        <v>156209</v>
      </c>
      <c r="C46358" s="1" t="s">
        <v>130</v>
      </c>
      <c r="D46358" s="1" t="s">
        <v>9594</v>
      </c>
      <c r="E46358" s="1" t="s">
        <v>157761</v>
      </c>
      <c r="F46358" s="1" t="s">
        <v>157762</v>
      </c>
      <c r="G46358" s="1" t="s">
        <v>157686</v>
      </c>
      <c r="H46358" s="1" t="s">
        <v>157687</v>
      </c>
      <c r="I46358" s="1" t="s">
        <v>156215</v>
      </c>
      <c r="J46358" s="1" t="s">
        <v>157763</v>
      </c>
    </row>
    <row r="46359" spans="1:10" x14ac:dyDescent="0.35">
      <c r="A46359" s="1" t="s">
        <v>29421</v>
      </c>
      <c r="B46359" s="1" t="s">
        <v>156209</v>
      </c>
      <c r="C46359" s="1" t="s">
        <v>135</v>
      </c>
      <c r="D46359" s="1" t="s">
        <v>157764</v>
      </c>
      <c r="E46359" s="1" t="s">
        <v>157765</v>
      </c>
      <c r="F46359" s="1" t="s">
        <v>157766</v>
      </c>
      <c r="G46359" s="1" t="s">
        <v>157686</v>
      </c>
      <c r="H46359" s="1" t="s">
        <v>157687</v>
      </c>
      <c r="I46359" s="1" t="s">
        <v>156215</v>
      </c>
      <c r="J46359" s="1" t="s">
        <v>157767</v>
      </c>
    </row>
    <row r="46360" spans="1:10" x14ac:dyDescent="0.35">
      <c r="A46360" s="1" t="s">
        <v>29421</v>
      </c>
      <c r="B46360" s="1" t="s">
        <v>156209</v>
      </c>
      <c r="C46360" s="1" t="s">
        <v>140</v>
      </c>
      <c r="D46360" s="1" t="s">
        <v>38545</v>
      </c>
      <c r="E46360" s="1" t="s">
        <v>157768</v>
      </c>
      <c r="F46360" s="1" t="s">
        <v>157769</v>
      </c>
      <c r="G46360" s="1" t="s">
        <v>157686</v>
      </c>
      <c r="H46360" s="1" t="s">
        <v>157687</v>
      </c>
      <c r="I46360" s="1" t="s">
        <v>156215</v>
      </c>
      <c r="J46360" s="1" t="s">
        <v>157770</v>
      </c>
    </row>
    <row r="46361" spans="1:10" x14ac:dyDescent="0.35">
      <c r="A46361" s="1" t="s">
        <v>29421</v>
      </c>
      <c r="B46361" s="1" t="s">
        <v>156209</v>
      </c>
      <c r="C46361" s="1" t="s">
        <v>145</v>
      </c>
      <c r="D46361" s="1" t="s">
        <v>7112</v>
      </c>
      <c r="E46361" s="1" t="s">
        <v>157771</v>
      </c>
      <c r="F46361" s="1" t="s">
        <v>157772</v>
      </c>
      <c r="G46361" s="1" t="s">
        <v>157686</v>
      </c>
      <c r="H46361" s="1" t="s">
        <v>157687</v>
      </c>
      <c r="I46361" s="1" t="s">
        <v>156215</v>
      </c>
      <c r="J46361" s="1" t="s">
        <v>157773</v>
      </c>
    </row>
    <row r="46362" spans="1:10" x14ac:dyDescent="0.35">
      <c r="A46362" s="1" t="s">
        <v>29421</v>
      </c>
      <c r="B46362" s="1" t="s">
        <v>156209</v>
      </c>
      <c r="C46362" s="1" t="s">
        <v>150</v>
      </c>
      <c r="D46362" s="1" t="s">
        <v>135873</v>
      </c>
      <c r="E46362" s="1" t="s">
        <v>157774</v>
      </c>
      <c r="F46362" s="1" t="s">
        <v>157775</v>
      </c>
      <c r="G46362" s="1" t="s">
        <v>157686</v>
      </c>
      <c r="H46362" s="1" t="s">
        <v>157687</v>
      </c>
      <c r="I46362" s="1" t="s">
        <v>156215</v>
      </c>
      <c r="J46362" s="1" t="s">
        <v>157776</v>
      </c>
    </row>
    <row r="46363" spans="1:10" x14ac:dyDescent="0.35">
      <c r="A46363" s="1" t="s">
        <v>29421</v>
      </c>
      <c r="B46363" s="1" t="s">
        <v>156209</v>
      </c>
      <c r="C46363" s="1" t="s">
        <v>155</v>
      </c>
      <c r="D46363" s="1" t="s">
        <v>5131</v>
      </c>
      <c r="E46363" s="1" t="s">
        <v>157777</v>
      </c>
      <c r="F46363" s="1" t="s">
        <v>157778</v>
      </c>
      <c r="G46363" s="1" t="s">
        <v>157686</v>
      </c>
      <c r="H46363" s="1" t="s">
        <v>157687</v>
      </c>
      <c r="I46363" s="1" t="s">
        <v>156215</v>
      </c>
      <c r="J46363" s="1" t="s">
        <v>157779</v>
      </c>
    </row>
    <row r="46364" spans="1:10" x14ac:dyDescent="0.35">
      <c r="A46364" s="1" t="s">
        <v>29421</v>
      </c>
      <c r="B46364" s="1" t="s">
        <v>156209</v>
      </c>
      <c r="C46364" s="1" t="s">
        <v>160</v>
      </c>
      <c r="D46364" s="1" t="s">
        <v>30618</v>
      </c>
      <c r="E46364" s="1" t="s">
        <v>157780</v>
      </c>
      <c r="F46364" s="1" t="s">
        <v>157781</v>
      </c>
      <c r="G46364" s="1" t="s">
        <v>157686</v>
      </c>
      <c r="H46364" s="1" t="s">
        <v>157687</v>
      </c>
      <c r="I46364" s="1" t="s">
        <v>156215</v>
      </c>
      <c r="J46364" s="1" t="s">
        <v>157782</v>
      </c>
    </row>
    <row r="46365" spans="1:10" x14ac:dyDescent="0.35">
      <c r="A46365" s="1" t="s">
        <v>29421</v>
      </c>
      <c r="B46365" s="1" t="s">
        <v>156209</v>
      </c>
      <c r="C46365" s="1" t="s">
        <v>165</v>
      </c>
      <c r="D46365" s="1" t="s">
        <v>265</v>
      </c>
      <c r="E46365" s="1" t="s">
        <v>157783</v>
      </c>
      <c r="F46365" s="1" t="s">
        <v>157784</v>
      </c>
      <c r="G46365" s="1" t="s">
        <v>157686</v>
      </c>
      <c r="H46365" s="1" t="s">
        <v>157687</v>
      </c>
      <c r="I46365" s="1" t="s">
        <v>156215</v>
      </c>
      <c r="J46365" s="1" t="s">
        <v>157785</v>
      </c>
    </row>
    <row r="46366" spans="1:10" x14ac:dyDescent="0.35">
      <c r="A46366" s="1" t="s">
        <v>29421</v>
      </c>
      <c r="B46366" s="1" t="s">
        <v>156209</v>
      </c>
      <c r="C46366" s="1" t="s">
        <v>170</v>
      </c>
      <c r="D46366" s="1" t="s">
        <v>141078</v>
      </c>
      <c r="E46366" s="1" t="s">
        <v>157786</v>
      </c>
      <c r="F46366" s="1" t="s">
        <v>157787</v>
      </c>
      <c r="G46366" s="1" t="s">
        <v>157686</v>
      </c>
      <c r="H46366" s="1" t="s">
        <v>157687</v>
      </c>
      <c r="I46366" s="1" t="s">
        <v>156215</v>
      </c>
      <c r="J46366" s="1" t="s">
        <v>157788</v>
      </c>
    </row>
    <row r="46367" spans="1:10" x14ac:dyDescent="0.35">
      <c r="A46367" s="1" t="s">
        <v>5521</v>
      </c>
      <c r="B46367" s="1" t="s">
        <v>156209</v>
      </c>
      <c r="C46367" s="1" t="s">
        <v>8</v>
      </c>
      <c r="D46367" s="1" t="s">
        <v>47339</v>
      </c>
      <c r="E46367" s="1" t="s">
        <v>157789</v>
      </c>
      <c r="F46367" s="1" t="s">
        <v>157790</v>
      </c>
      <c r="G46367" s="1" t="s">
        <v>157791</v>
      </c>
      <c r="H46367" s="1" t="s">
        <v>157792</v>
      </c>
      <c r="I46367" s="1" t="s">
        <v>156215</v>
      </c>
      <c r="J46367" s="1" t="s">
        <v>13</v>
      </c>
    </row>
    <row r="46368" spans="1:10" x14ac:dyDescent="0.35">
      <c r="A46368" s="1" t="s">
        <v>5521</v>
      </c>
      <c r="B46368" s="1" t="s">
        <v>156209</v>
      </c>
      <c r="C46368" s="1" t="s">
        <v>15</v>
      </c>
      <c r="D46368" s="1" t="s">
        <v>142514</v>
      </c>
      <c r="E46368" s="1" t="s">
        <v>157793</v>
      </c>
      <c r="F46368" s="1" t="s">
        <v>157794</v>
      </c>
      <c r="G46368" s="1" t="s">
        <v>157791</v>
      </c>
      <c r="H46368" s="1" t="s">
        <v>157792</v>
      </c>
      <c r="I46368" s="1" t="s">
        <v>156215</v>
      </c>
      <c r="J46368" s="1" t="s">
        <v>157795</v>
      </c>
    </row>
    <row r="46369" spans="1:10" x14ac:dyDescent="0.35">
      <c r="A46369" s="1" t="s">
        <v>5521</v>
      </c>
      <c r="B46369" s="1" t="s">
        <v>156209</v>
      </c>
      <c r="C46369" s="1" t="s">
        <v>20</v>
      </c>
      <c r="D46369" s="1" t="s">
        <v>4078</v>
      </c>
      <c r="E46369" s="1" t="s">
        <v>157796</v>
      </c>
      <c r="F46369" s="1" t="s">
        <v>157797</v>
      </c>
      <c r="G46369" s="1" t="s">
        <v>157791</v>
      </c>
      <c r="H46369" s="1" t="s">
        <v>157792</v>
      </c>
      <c r="I46369" s="1" t="s">
        <v>156215</v>
      </c>
      <c r="J46369" s="1" t="s">
        <v>157798</v>
      </c>
    </row>
    <row r="46370" spans="1:10" x14ac:dyDescent="0.35">
      <c r="A46370" s="1" t="s">
        <v>5521</v>
      </c>
      <c r="B46370" s="1" t="s">
        <v>156209</v>
      </c>
      <c r="C46370" s="1" t="s">
        <v>25</v>
      </c>
      <c r="D46370" s="1" t="s">
        <v>28912</v>
      </c>
      <c r="E46370" s="1" t="s">
        <v>157799</v>
      </c>
      <c r="F46370" s="1" t="s">
        <v>157800</v>
      </c>
      <c r="G46370" s="1" t="s">
        <v>157791</v>
      </c>
      <c r="H46370" s="1" t="s">
        <v>157792</v>
      </c>
      <c r="I46370" s="1" t="s">
        <v>156215</v>
      </c>
      <c r="J46370" s="1" t="s">
        <v>157801</v>
      </c>
    </row>
    <row r="46371" spans="1:10" x14ac:dyDescent="0.35">
      <c r="A46371" s="1" t="s">
        <v>5521</v>
      </c>
      <c r="B46371" s="1" t="s">
        <v>156209</v>
      </c>
      <c r="C46371" s="1" t="s">
        <v>30</v>
      </c>
      <c r="D46371" s="1" t="s">
        <v>2873</v>
      </c>
      <c r="E46371" s="1" t="s">
        <v>157802</v>
      </c>
      <c r="F46371" s="1" t="s">
        <v>157803</v>
      </c>
      <c r="G46371" s="1" t="s">
        <v>157791</v>
      </c>
      <c r="H46371" s="1" t="s">
        <v>157792</v>
      </c>
      <c r="I46371" s="1" t="s">
        <v>156215</v>
      </c>
      <c r="J46371" s="1" t="s">
        <v>157804</v>
      </c>
    </row>
    <row r="46372" spans="1:10" x14ac:dyDescent="0.35">
      <c r="A46372" s="1" t="s">
        <v>5521</v>
      </c>
      <c r="B46372" s="1" t="s">
        <v>156209</v>
      </c>
      <c r="C46372" s="1" t="s">
        <v>35</v>
      </c>
      <c r="D46372" s="1" t="s">
        <v>25546</v>
      </c>
      <c r="E46372" s="1" t="s">
        <v>157805</v>
      </c>
      <c r="F46372" s="1" t="s">
        <v>157806</v>
      </c>
      <c r="G46372" s="1" t="s">
        <v>157791</v>
      </c>
      <c r="H46372" s="1" t="s">
        <v>157792</v>
      </c>
      <c r="I46372" s="1" t="s">
        <v>156215</v>
      </c>
      <c r="J46372" s="1" t="s">
        <v>157807</v>
      </c>
    </row>
    <row r="46373" spans="1:10" x14ac:dyDescent="0.35">
      <c r="A46373" s="1" t="s">
        <v>5521</v>
      </c>
      <c r="B46373" s="1" t="s">
        <v>156209</v>
      </c>
      <c r="C46373" s="1" t="s">
        <v>40</v>
      </c>
      <c r="D46373" s="1" t="s">
        <v>51934</v>
      </c>
      <c r="E46373" s="1" t="s">
        <v>157808</v>
      </c>
      <c r="F46373" s="1" t="s">
        <v>157809</v>
      </c>
      <c r="G46373" s="1" t="s">
        <v>157791</v>
      </c>
      <c r="H46373" s="1" t="s">
        <v>157792</v>
      </c>
      <c r="I46373" s="1" t="s">
        <v>156215</v>
      </c>
      <c r="J46373" s="1" t="s">
        <v>157810</v>
      </c>
    </row>
    <row r="46374" spans="1:10" x14ac:dyDescent="0.35">
      <c r="A46374" s="1" t="s">
        <v>5521</v>
      </c>
      <c r="B46374" s="1" t="s">
        <v>156209</v>
      </c>
      <c r="C46374" s="1" t="s">
        <v>45</v>
      </c>
      <c r="D46374" s="1" t="s">
        <v>16078</v>
      </c>
      <c r="E46374" s="1" t="s">
        <v>157811</v>
      </c>
      <c r="F46374" s="1" t="s">
        <v>157812</v>
      </c>
      <c r="G46374" s="1" t="s">
        <v>157791</v>
      </c>
      <c r="H46374" s="1" t="s">
        <v>157792</v>
      </c>
      <c r="I46374" s="1" t="s">
        <v>156215</v>
      </c>
      <c r="J46374" s="1" t="s">
        <v>157813</v>
      </c>
    </row>
    <row r="46375" spans="1:10" x14ac:dyDescent="0.35">
      <c r="A46375" s="1" t="s">
        <v>5521</v>
      </c>
      <c r="B46375" s="1" t="s">
        <v>156209</v>
      </c>
      <c r="C46375" s="1" t="s">
        <v>50</v>
      </c>
      <c r="D46375" s="1" t="s">
        <v>111579</v>
      </c>
      <c r="E46375" s="1" t="s">
        <v>157814</v>
      </c>
      <c r="F46375" s="1" t="s">
        <v>157815</v>
      </c>
      <c r="G46375" s="1" t="s">
        <v>157791</v>
      </c>
      <c r="H46375" s="1" t="s">
        <v>157792</v>
      </c>
      <c r="I46375" s="1" t="s">
        <v>156215</v>
      </c>
      <c r="J46375" s="1" t="s">
        <v>157816</v>
      </c>
    </row>
    <row r="46376" spans="1:10" x14ac:dyDescent="0.35">
      <c r="A46376" s="1" t="s">
        <v>5521</v>
      </c>
      <c r="B46376" s="1" t="s">
        <v>156209</v>
      </c>
      <c r="C46376" s="1" t="s">
        <v>55</v>
      </c>
      <c r="D46376" s="1" t="s">
        <v>144083</v>
      </c>
      <c r="E46376" s="1" t="s">
        <v>157817</v>
      </c>
      <c r="F46376" s="1" t="s">
        <v>157818</v>
      </c>
      <c r="G46376" s="1" t="s">
        <v>157791</v>
      </c>
      <c r="H46376" s="1" t="s">
        <v>157792</v>
      </c>
      <c r="I46376" s="1" t="s">
        <v>156215</v>
      </c>
      <c r="J46376" s="1" t="s">
        <v>157819</v>
      </c>
    </row>
    <row r="46377" spans="1:10" x14ac:dyDescent="0.35">
      <c r="A46377" s="1" t="s">
        <v>5521</v>
      </c>
      <c r="B46377" s="1" t="s">
        <v>156209</v>
      </c>
      <c r="C46377" s="1" t="s">
        <v>60</v>
      </c>
      <c r="D46377" s="1" t="s">
        <v>6919</v>
      </c>
      <c r="E46377" s="1" t="s">
        <v>157820</v>
      </c>
      <c r="F46377" s="1" t="s">
        <v>157821</v>
      </c>
      <c r="G46377" s="1" t="s">
        <v>157791</v>
      </c>
      <c r="H46377" s="1" t="s">
        <v>157792</v>
      </c>
      <c r="I46377" s="1" t="s">
        <v>156215</v>
      </c>
      <c r="J46377" s="1" t="s">
        <v>157822</v>
      </c>
    </row>
    <row r="46378" spans="1:10" x14ac:dyDescent="0.35">
      <c r="A46378" s="1" t="s">
        <v>5521</v>
      </c>
      <c r="B46378" s="1" t="s">
        <v>156209</v>
      </c>
      <c r="C46378" s="1" t="s">
        <v>65</v>
      </c>
      <c r="D46378" s="1" t="s">
        <v>104318</v>
      </c>
      <c r="E46378" s="1" t="s">
        <v>157823</v>
      </c>
      <c r="F46378" s="1" t="s">
        <v>157824</v>
      </c>
      <c r="G46378" s="1" t="s">
        <v>157791</v>
      </c>
      <c r="H46378" s="1" t="s">
        <v>157792</v>
      </c>
      <c r="I46378" s="1" t="s">
        <v>156215</v>
      </c>
      <c r="J46378" s="1" t="s">
        <v>157825</v>
      </c>
    </row>
    <row r="46379" spans="1:10" x14ac:dyDescent="0.35">
      <c r="A46379" s="1" t="s">
        <v>5521</v>
      </c>
      <c r="B46379" s="1" t="s">
        <v>156209</v>
      </c>
      <c r="C46379" s="1" t="s">
        <v>70</v>
      </c>
      <c r="D46379" s="1" t="s">
        <v>45477</v>
      </c>
      <c r="E46379" s="1" t="s">
        <v>157826</v>
      </c>
      <c r="F46379" s="1" t="s">
        <v>157827</v>
      </c>
      <c r="G46379" s="1" t="s">
        <v>157791</v>
      </c>
      <c r="H46379" s="1" t="s">
        <v>157792</v>
      </c>
      <c r="I46379" s="1" t="s">
        <v>156215</v>
      </c>
      <c r="J46379" s="1" t="s">
        <v>157828</v>
      </c>
    </row>
    <row r="46380" spans="1:10" x14ac:dyDescent="0.35">
      <c r="A46380" s="1" t="s">
        <v>5521</v>
      </c>
      <c r="B46380" s="1" t="s">
        <v>156209</v>
      </c>
      <c r="C46380" s="1" t="s">
        <v>75</v>
      </c>
      <c r="D46380" s="1" t="s">
        <v>2917</v>
      </c>
      <c r="E46380" s="1" t="s">
        <v>157829</v>
      </c>
      <c r="F46380" s="1" t="s">
        <v>157830</v>
      </c>
      <c r="G46380" s="1" t="s">
        <v>157791</v>
      </c>
      <c r="H46380" s="1" t="s">
        <v>157792</v>
      </c>
      <c r="I46380" s="1" t="s">
        <v>156215</v>
      </c>
      <c r="J46380" s="1" t="s">
        <v>157831</v>
      </c>
    </row>
    <row r="46381" spans="1:10" x14ac:dyDescent="0.35">
      <c r="A46381" s="1" t="s">
        <v>5521</v>
      </c>
      <c r="B46381" s="1" t="s">
        <v>156209</v>
      </c>
      <c r="C46381" s="1" t="s">
        <v>80</v>
      </c>
      <c r="D46381" s="1" t="s">
        <v>45485</v>
      </c>
      <c r="E46381" s="1" t="s">
        <v>157832</v>
      </c>
      <c r="F46381" s="1" t="s">
        <v>157833</v>
      </c>
      <c r="G46381" s="1" t="s">
        <v>157791</v>
      </c>
      <c r="H46381" s="1" t="s">
        <v>157792</v>
      </c>
      <c r="I46381" s="1" t="s">
        <v>156215</v>
      </c>
      <c r="J46381" s="1" t="s">
        <v>157834</v>
      </c>
    </row>
    <row r="46382" spans="1:10" x14ac:dyDescent="0.35">
      <c r="A46382" s="1" t="s">
        <v>5521</v>
      </c>
      <c r="B46382" s="1" t="s">
        <v>156209</v>
      </c>
      <c r="C46382" s="1" t="s">
        <v>85</v>
      </c>
      <c r="D46382" s="1" t="s">
        <v>157835</v>
      </c>
      <c r="E46382" s="1" t="s">
        <v>157836</v>
      </c>
      <c r="F46382" s="1" t="s">
        <v>157837</v>
      </c>
      <c r="G46382" s="1" t="s">
        <v>157791</v>
      </c>
      <c r="H46382" s="1" t="s">
        <v>157792</v>
      </c>
      <c r="I46382" s="1" t="s">
        <v>156215</v>
      </c>
      <c r="J46382" s="1" t="s">
        <v>157838</v>
      </c>
    </row>
    <row r="46383" spans="1:10" x14ac:dyDescent="0.35">
      <c r="A46383" s="1" t="s">
        <v>5521</v>
      </c>
      <c r="B46383" s="1" t="s">
        <v>156209</v>
      </c>
      <c r="C46383" s="1" t="s">
        <v>90</v>
      </c>
      <c r="D46383" s="1" t="s">
        <v>104885</v>
      </c>
      <c r="E46383" s="1" t="s">
        <v>157839</v>
      </c>
      <c r="F46383" s="1" t="s">
        <v>157840</v>
      </c>
      <c r="G46383" s="1" t="s">
        <v>157791</v>
      </c>
      <c r="H46383" s="1" t="s">
        <v>157792</v>
      </c>
      <c r="I46383" s="1" t="s">
        <v>156215</v>
      </c>
      <c r="J46383" s="1" t="s">
        <v>157841</v>
      </c>
    </row>
    <row r="46384" spans="1:10" x14ac:dyDescent="0.35">
      <c r="A46384" s="1" t="s">
        <v>5521</v>
      </c>
      <c r="B46384" s="1" t="s">
        <v>156209</v>
      </c>
      <c r="C46384" s="1" t="s">
        <v>95</v>
      </c>
      <c r="D46384" s="1" t="s">
        <v>157842</v>
      </c>
      <c r="E46384" s="1" t="s">
        <v>157843</v>
      </c>
      <c r="F46384" s="1" t="s">
        <v>157844</v>
      </c>
      <c r="G46384" s="1" t="s">
        <v>157791</v>
      </c>
      <c r="H46384" s="1" t="s">
        <v>157792</v>
      </c>
      <c r="I46384" s="1" t="s">
        <v>156215</v>
      </c>
      <c r="J46384" s="1" t="s">
        <v>157845</v>
      </c>
    </row>
    <row r="46385" spans="1:10" x14ac:dyDescent="0.35">
      <c r="A46385" s="1" t="s">
        <v>5521</v>
      </c>
      <c r="B46385" s="1" t="s">
        <v>156209</v>
      </c>
      <c r="C46385" s="1" t="s">
        <v>100</v>
      </c>
      <c r="D46385" s="1" t="s">
        <v>35013</v>
      </c>
      <c r="E46385" s="1" t="s">
        <v>157846</v>
      </c>
      <c r="F46385" s="1" t="s">
        <v>157847</v>
      </c>
      <c r="G46385" s="1" t="s">
        <v>157791</v>
      </c>
      <c r="H46385" s="1" t="s">
        <v>157792</v>
      </c>
      <c r="I46385" s="1" t="s">
        <v>156215</v>
      </c>
      <c r="J46385" s="1" t="s">
        <v>157848</v>
      </c>
    </row>
    <row r="46386" spans="1:10" x14ac:dyDescent="0.35">
      <c r="A46386" s="1" t="s">
        <v>5521</v>
      </c>
      <c r="B46386" s="1" t="s">
        <v>156209</v>
      </c>
      <c r="C46386" s="1" t="s">
        <v>105</v>
      </c>
      <c r="D46386" s="1" t="s">
        <v>157849</v>
      </c>
      <c r="E46386" s="1" t="s">
        <v>157850</v>
      </c>
      <c r="F46386" s="1" t="s">
        <v>157851</v>
      </c>
      <c r="G46386" s="1" t="s">
        <v>157791</v>
      </c>
      <c r="H46386" s="1" t="s">
        <v>157792</v>
      </c>
      <c r="I46386" s="1" t="s">
        <v>156215</v>
      </c>
      <c r="J46386" s="1" t="s">
        <v>157852</v>
      </c>
    </row>
    <row r="46387" spans="1:10" x14ac:dyDescent="0.35">
      <c r="A46387" s="1" t="s">
        <v>5521</v>
      </c>
      <c r="B46387" s="1" t="s">
        <v>156209</v>
      </c>
      <c r="C46387" s="1" t="s">
        <v>110</v>
      </c>
      <c r="D46387" s="1" t="s">
        <v>9550</v>
      </c>
      <c r="E46387" s="1" t="s">
        <v>157853</v>
      </c>
      <c r="F46387" s="1" t="s">
        <v>157854</v>
      </c>
      <c r="G46387" s="1" t="s">
        <v>157791</v>
      </c>
      <c r="H46387" s="1" t="s">
        <v>157792</v>
      </c>
      <c r="I46387" s="1" t="s">
        <v>156215</v>
      </c>
      <c r="J46387" s="1" t="s">
        <v>157855</v>
      </c>
    </row>
    <row r="46388" spans="1:10" x14ac:dyDescent="0.35">
      <c r="A46388" s="1" t="s">
        <v>5521</v>
      </c>
      <c r="B46388" s="1" t="s">
        <v>156209</v>
      </c>
      <c r="C46388" s="1" t="s">
        <v>115</v>
      </c>
      <c r="D46388" s="1" t="s">
        <v>38838</v>
      </c>
      <c r="E46388" s="1" t="s">
        <v>157856</v>
      </c>
      <c r="F46388" s="1" t="s">
        <v>157857</v>
      </c>
      <c r="G46388" s="1" t="s">
        <v>157791</v>
      </c>
      <c r="H46388" s="1" t="s">
        <v>157792</v>
      </c>
      <c r="I46388" s="1" t="s">
        <v>156215</v>
      </c>
      <c r="J46388" s="1" t="s">
        <v>157858</v>
      </c>
    </row>
    <row r="46389" spans="1:10" x14ac:dyDescent="0.35">
      <c r="A46389" s="1" t="s">
        <v>5521</v>
      </c>
      <c r="B46389" s="1" t="s">
        <v>156209</v>
      </c>
      <c r="C46389" s="1" t="s">
        <v>120</v>
      </c>
      <c r="D46389" s="1" t="s">
        <v>157859</v>
      </c>
      <c r="E46389" s="1" t="s">
        <v>157860</v>
      </c>
      <c r="F46389" s="1" t="s">
        <v>157861</v>
      </c>
      <c r="G46389" s="1" t="s">
        <v>157791</v>
      </c>
      <c r="H46389" s="1" t="s">
        <v>157792</v>
      </c>
      <c r="I46389" s="1" t="s">
        <v>156215</v>
      </c>
      <c r="J46389" s="1" t="s">
        <v>157862</v>
      </c>
    </row>
    <row r="46390" spans="1:10" x14ac:dyDescent="0.35">
      <c r="A46390" s="1" t="s">
        <v>5521</v>
      </c>
      <c r="B46390" s="1" t="s">
        <v>156209</v>
      </c>
      <c r="C46390" s="1" t="s">
        <v>125</v>
      </c>
      <c r="D46390" s="1" t="s">
        <v>157863</v>
      </c>
      <c r="E46390" s="1" t="s">
        <v>157864</v>
      </c>
      <c r="F46390" s="1" t="s">
        <v>157865</v>
      </c>
      <c r="G46390" s="1" t="s">
        <v>157791</v>
      </c>
      <c r="H46390" s="1" t="s">
        <v>157792</v>
      </c>
      <c r="I46390" s="1" t="s">
        <v>156215</v>
      </c>
      <c r="J46390" s="1" t="s">
        <v>157866</v>
      </c>
    </row>
    <row r="46391" spans="1:10" x14ac:dyDescent="0.35">
      <c r="A46391" s="1" t="s">
        <v>5521</v>
      </c>
      <c r="B46391" s="1" t="s">
        <v>156209</v>
      </c>
      <c r="C46391" s="1" t="s">
        <v>130</v>
      </c>
      <c r="D46391" s="1" t="s">
        <v>157867</v>
      </c>
      <c r="E46391" s="1" t="s">
        <v>157868</v>
      </c>
      <c r="F46391" s="1" t="s">
        <v>157869</v>
      </c>
      <c r="G46391" s="1" t="s">
        <v>157791</v>
      </c>
      <c r="H46391" s="1" t="s">
        <v>157792</v>
      </c>
      <c r="I46391" s="1" t="s">
        <v>156215</v>
      </c>
      <c r="J46391" s="1" t="s">
        <v>157870</v>
      </c>
    </row>
    <row r="46392" spans="1:10" x14ac:dyDescent="0.35">
      <c r="A46392" s="1" t="s">
        <v>5521</v>
      </c>
      <c r="B46392" s="1" t="s">
        <v>156209</v>
      </c>
      <c r="C46392" s="1" t="s">
        <v>135</v>
      </c>
      <c r="D46392" s="1" t="s">
        <v>157871</v>
      </c>
      <c r="E46392" s="1" t="s">
        <v>157872</v>
      </c>
      <c r="F46392" s="1" t="s">
        <v>157873</v>
      </c>
      <c r="G46392" s="1" t="s">
        <v>157791</v>
      </c>
      <c r="H46392" s="1" t="s">
        <v>157792</v>
      </c>
      <c r="I46392" s="1" t="s">
        <v>156215</v>
      </c>
      <c r="J46392" s="1" t="s">
        <v>157874</v>
      </c>
    </row>
    <row r="46393" spans="1:10" x14ac:dyDescent="0.35">
      <c r="A46393" s="1" t="s">
        <v>5521</v>
      </c>
      <c r="B46393" s="1" t="s">
        <v>156209</v>
      </c>
      <c r="C46393" s="1" t="s">
        <v>140</v>
      </c>
      <c r="D46393" s="1" t="s">
        <v>30233</v>
      </c>
      <c r="E46393" s="1" t="s">
        <v>157875</v>
      </c>
      <c r="F46393" s="1" t="s">
        <v>157876</v>
      </c>
      <c r="G46393" s="1" t="s">
        <v>157791</v>
      </c>
      <c r="H46393" s="1" t="s">
        <v>157792</v>
      </c>
      <c r="I46393" s="1" t="s">
        <v>156215</v>
      </c>
      <c r="J46393" s="1" t="s">
        <v>157877</v>
      </c>
    </row>
    <row r="46394" spans="1:10" x14ac:dyDescent="0.35">
      <c r="A46394" s="1" t="s">
        <v>5521</v>
      </c>
      <c r="B46394" s="1" t="s">
        <v>156209</v>
      </c>
      <c r="C46394" s="1" t="s">
        <v>145</v>
      </c>
      <c r="D46394" s="1" t="s">
        <v>157878</v>
      </c>
      <c r="E46394" s="1" t="s">
        <v>157879</v>
      </c>
      <c r="F46394" s="1" t="s">
        <v>157880</v>
      </c>
      <c r="G46394" s="1" t="s">
        <v>157791</v>
      </c>
      <c r="H46394" s="1" t="s">
        <v>157792</v>
      </c>
      <c r="I46394" s="1" t="s">
        <v>156215</v>
      </c>
      <c r="J46394" s="1" t="s">
        <v>157881</v>
      </c>
    </row>
    <row r="46395" spans="1:10" x14ac:dyDescent="0.35">
      <c r="A46395" s="1" t="s">
        <v>5521</v>
      </c>
      <c r="B46395" s="1" t="s">
        <v>156209</v>
      </c>
      <c r="C46395" s="1" t="s">
        <v>150</v>
      </c>
      <c r="D46395" s="1" t="s">
        <v>157882</v>
      </c>
      <c r="E46395" s="1" t="s">
        <v>157883</v>
      </c>
      <c r="F46395" s="1" t="s">
        <v>157884</v>
      </c>
      <c r="G46395" s="1" t="s">
        <v>157791</v>
      </c>
      <c r="H46395" s="1" t="s">
        <v>157792</v>
      </c>
      <c r="I46395" s="1" t="s">
        <v>156215</v>
      </c>
      <c r="J46395" s="1" t="s">
        <v>157885</v>
      </c>
    </row>
    <row r="46396" spans="1:10" x14ac:dyDescent="0.35">
      <c r="A46396" s="1" t="s">
        <v>5521</v>
      </c>
      <c r="B46396" s="1" t="s">
        <v>156209</v>
      </c>
      <c r="C46396" s="1" t="s">
        <v>155</v>
      </c>
      <c r="D46396" s="1" t="s">
        <v>32560</v>
      </c>
      <c r="E46396" s="1" t="s">
        <v>157886</v>
      </c>
      <c r="F46396" s="1" t="s">
        <v>157887</v>
      </c>
      <c r="G46396" s="1" t="s">
        <v>157791</v>
      </c>
      <c r="H46396" s="1" t="s">
        <v>157792</v>
      </c>
      <c r="I46396" s="1" t="s">
        <v>156215</v>
      </c>
      <c r="J46396" s="1" t="s">
        <v>157888</v>
      </c>
    </row>
    <row r="46397" spans="1:10" x14ac:dyDescent="0.35">
      <c r="A46397" s="1" t="s">
        <v>5521</v>
      </c>
      <c r="B46397" s="1" t="s">
        <v>156209</v>
      </c>
      <c r="C46397" s="1" t="s">
        <v>160</v>
      </c>
      <c r="D46397" s="1" t="s">
        <v>157889</v>
      </c>
      <c r="E46397" s="1" t="s">
        <v>157890</v>
      </c>
      <c r="F46397" s="1" t="s">
        <v>157891</v>
      </c>
      <c r="G46397" s="1" t="s">
        <v>157791</v>
      </c>
      <c r="H46397" s="1" t="s">
        <v>157792</v>
      </c>
      <c r="I46397" s="1" t="s">
        <v>156215</v>
      </c>
      <c r="J46397" s="1" t="s">
        <v>157892</v>
      </c>
    </row>
    <row r="46398" spans="1:10" x14ac:dyDescent="0.35">
      <c r="A46398" s="1" t="s">
        <v>5521</v>
      </c>
      <c r="B46398" s="1" t="s">
        <v>156209</v>
      </c>
      <c r="C46398" s="1" t="s">
        <v>165</v>
      </c>
      <c r="D46398" s="1" t="s">
        <v>5074</v>
      </c>
      <c r="E46398" s="1" t="s">
        <v>157893</v>
      </c>
      <c r="F46398" s="1" t="s">
        <v>157894</v>
      </c>
      <c r="G46398" s="1" t="s">
        <v>157791</v>
      </c>
      <c r="H46398" s="1" t="s">
        <v>157792</v>
      </c>
      <c r="I46398" s="1" t="s">
        <v>156215</v>
      </c>
      <c r="J46398" s="1" t="s">
        <v>157895</v>
      </c>
    </row>
    <row r="46399" spans="1:10" x14ac:dyDescent="0.35">
      <c r="A46399" s="1" t="s">
        <v>5521</v>
      </c>
      <c r="B46399" s="1" t="s">
        <v>156209</v>
      </c>
      <c r="C46399" s="1" t="s">
        <v>170</v>
      </c>
      <c r="D46399" s="1" t="s">
        <v>104861</v>
      </c>
      <c r="E46399" s="1" t="s">
        <v>157896</v>
      </c>
      <c r="F46399" s="1" t="s">
        <v>157897</v>
      </c>
      <c r="G46399" s="1" t="s">
        <v>157791</v>
      </c>
      <c r="H46399" s="1" t="s">
        <v>157792</v>
      </c>
      <c r="I46399" s="1" t="s">
        <v>156215</v>
      </c>
      <c r="J46399" s="1" t="s">
        <v>157898</v>
      </c>
    </row>
    <row r="46400" spans="1:10" x14ac:dyDescent="0.35">
      <c r="A46400" s="1" t="s">
        <v>5540</v>
      </c>
      <c r="B46400" s="1" t="s">
        <v>156209</v>
      </c>
      <c r="C46400" s="1" t="s">
        <v>8</v>
      </c>
      <c r="D46400" s="1" t="s">
        <v>9025</v>
      </c>
      <c r="E46400" s="1" t="s">
        <v>157899</v>
      </c>
      <c r="F46400" s="1" t="s">
        <v>157900</v>
      </c>
      <c r="G46400" s="1" t="s">
        <v>157901</v>
      </c>
      <c r="H46400" s="1" t="s">
        <v>157902</v>
      </c>
      <c r="I46400" s="1" t="s">
        <v>156215</v>
      </c>
      <c r="J46400" s="1" t="s">
        <v>13</v>
      </c>
    </row>
    <row r="46401" spans="1:10" x14ac:dyDescent="0.35">
      <c r="A46401" s="1" t="s">
        <v>5540</v>
      </c>
      <c r="B46401" s="1" t="s">
        <v>156209</v>
      </c>
      <c r="C46401" s="1" t="s">
        <v>15</v>
      </c>
      <c r="D46401" s="1" t="s">
        <v>4078</v>
      </c>
      <c r="E46401" s="1" t="s">
        <v>157903</v>
      </c>
      <c r="F46401" s="1" t="s">
        <v>157904</v>
      </c>
      <c r="G46401" s="1" t="s">
        <v>157901</v>
      </c>
      <c r="H46401" s="1" t="s">
        <v>157902</v>
      </c>
      <c r="I46401" s="1" t="s">
        <v>156215</v>
      </c>
      <c r="J46401" s="1" t="s">
        <v>157905</v>
      </c>
    </row>
    <row r="46402" spans="1:10" x14ac:dyDescent="0.35">
      <c r="A46402" s="1" t="s">
        <v>5540</v>
      </c>
      <c r="B46402" s="1" t="s">
        <v>156209</v>
      </c>
      <c r="C46402" s="1" t="s">
        <v>20</v>
      </c>
      <c r="D46402" s="1" t="s">
        <v>25506</v>
      </c>
      <c r="E46402" s="1" t="s">
        <v>157906</v>
      </c>
      <c r="F46402" s="1" t="s">
        <v>157907</v>
      </c>
      <c r="G46402" s="1" t="s">
        <v>157901</v>
      </c>
      <c r="H46402" s="1" t="s">
        <v>157902</v>
      </c>
      <c r="I46402" s="1" t="s">
        <v>156215</v>
      </c>
      <c r="J46402" s="1" t="s">
        <v>157908</v>
      </c>
    </row>
    <row r="46403" spans="1:10" x14ac:dyDescent="0.35">
      <c r="A46403" s="1" t="s">
        <v>5540</v>
      </c>
      <c r="B46403" s="1" t="s">
        <v>156209</v>
      </c>
      <c r="C46403" s="1" t="s">
        <v>25</v>
      </c>
      <c r="D46403" s="1" t="s">
        <v>144044</v>
      </c>
      <c r="E46403" s="1" t="s">
        <v>157909</v>
      </c>
      <c r="F46403" s="1" t="s">
        <v>157910</v>
      </c>
      <c r="G46403" s="1" t="s">
        <v>157901</v>
      </c>
      <c r="H46403" s="1" t="s">
        <v>157902</v>
      </c>
      <c r="I46403" s="1" t="s">
        <v>156215</v>
      </c>
      <c r="J46403" s="1" t="s">
        <v>157911</v>
      </c>
    </row>
    <row r="46404" spans="1:10" x14ac:dyDescent="0.35">
      <c r="A46404" s="1" t="s">
        <v>5540</v>
      </c>
      <c r="B46404" s="1" t="s">
        <v>156209</v>
      </c>
      <c r="C46404" s="1" t="s">
        <v>30</v>
      </c>
      <c r="D46404" s="1" t="s">
        <v>111469</v>
      </c>
      <c r="E46404" s="1" t="s">
        <v>157912</v>
      </c>
      <c r="F46404" s="1" t="s">
        <v>157913</v>
      </c>
      <c r="G46404" s="1" t="s">
        <v>157901</v>
      </c>
      <c r="H46404" s="1" t="s">
        <v>157902</v>
      </c>
      <c r="I46404" s="1" t="s">
        <v>156215</v>
      </c>
      <c r="J46404" s="1" t="s">
        <v>157914</v>
      </c>
    </row>
    <row r="46405" spans="1:10" x14ac:dyDescent="0.35">
      <c r="A46405" s="1" t="s">
        <v>5540</v>
      </c>
      <c r="B46405" s="1" t="s">
        <v>156209</v>
      </c>
      <c r="C46405" s="1" t="s">
        <v>35</v>
      </c>
      <c r="D46405" s="1" t="s">
        <v>8365</v>
      </c>
      <c r="E46405" s="1" t="s">
        <v>157915</v>
      </c>
      <c r="F46405" s="1" t="s">
        <v>157916</v>
      </c>
      <c r="G46405" s="1" t="s">
        <v>157901</v>
      </c>
      <c r="H46405" s="1" t="s">
        <v>157902</v>
      </c>
      <c r="I46405" s="1" t="s">
        <v>156215</v>
      </c>
      <c r="J46405" s="1" t="s">
        <v>157917</v>
      </c>
    </row>
    <row r="46406" spans="1:10" x14ac:dyDescent="0.35">
      <c r="A46406" s="1" t="s">
        <v>5540</v>
      </c>
      <c r="B46406" s="1" t="s">
        <v>156209</v>
      </c>
      <c r="C46406" s="1" t="s">
        <v>40</v>
      </c>
      <c r="D46406" s="1" t="s">
        <v>47327</v>
      </c>
      <c r="E46406" s="1" t="s">
        <v>157918</v>
      </c>
      <c r="F46406" s="1" t="s">
        <v>157919</v>
      </c>
      <c r="G46406" s="1" t="s">
        <v>157901</v>
      </c>
      <c r="H46406" s="1" t="s">
        <v>157902</v>
      </c>
      <c r="I46406" s="1" t="s">
        <v>156215</v>
      </c>
      <c r="J46406" s="1" t="s">
        <v>157920</v>
      </c>
    </row>
    <row r="46407" spans="1:10" x14ac:dyDescent="0.35">
      <c r="A46407" s="1" t="s">
        <v>5540</v>
      </c>
      <c r="B46407" s="1" t="s">
        <v>156209</v>
      </c>
      <c r="C46407" s="1" t="s">
        <v>45</v>
      </c>
      <c r="D46407" s="1" t="s">
        <v>157921</v>
      </c>
      <c r="E46407" s="1" t="s">
        <v>157922</v>
      </c>
      <c r="F46407" s="1" t="s">
        <v>157923</v>
      </c>
      <c r="G46407" s="1" t="s">
        <v>157901</v>
      </c>
      <c r="H46407" s="1" t="s">
        <v>157902</v>
      </c>
      <c r="I46407" s="1" t="s">
        <v>156215</v>
      </c>
      <c r="J46407" s="1" t="s">
        <v>157924</v>
      </c>
    </row>
    <row r="46408" spans="1:10" x14ac:dyDescent="0.35">
      <c r="A46408" s="1" t="s">
        <v>5540</v>
      </c>
      <c r="B46408" s="1" t="s">
        <v>156209</v>
      </c>
      <c r="C46408" s="1" t="s">
        <v>50</v>
      </c>
      <c r="D46408" s="1" t="s">
        <v>112649</v>
      </c>
      <c r="E46408" s="1" t="s">
        <v>157925</v>
      </c>
      <c r="F46408" s="1" t="s">
        <v>157926</v>
      </c>
      <c r="G46408" s="1" t="s">
        <v>157901</v>
      </c>
      <c r="H46408" s="1" t="s">
        <v>157902</v>
      </c>
      <c r="I46408" s="1" t="s">
        <v>156215</v>
      </c>
      <c r="J46408" s="1" t="s">
        <v>157927</v>
      </c>
    </row>
    <row r="46409" spans="1:10" x14ac:dyDescent="0.35">
      <c r="A46409" s="1" t="s">
        <v>5540</v>
      </c>
      <c r="B46409" s="1" t="s">
        <v>156209</v>
      </c>
      <c r="C46409" s="1" t="s">
        <v>55</v>
      </c>
      <c r="D46409" s="1" t="s">
        <v>8087</v>
      </c>
      <c r="E46409" s="1" t="s">
        <v>157928</v>
      </c>
      <c r="F46409" s="1" t="s">
        <v>157929</v>
      </c>
      <c r="G46409" s="1" t="s">
        <v>157901</v>
      </c>
      <c r="H46409" s="1" t="s">
        <v>157902</v>
      </c>
      <c r="I46409" s="1" t="s">
        <v>156215</v>
      </c>
      <c r="J46409" s="1" t="s">
        <v>157930</v>
      </c>
    </row>
    <row r="46410" spans="1:10" x14ac:dyDescent="0.35">
      <c r="A46410" s="1" t="s">
        <v>5540</v>
      </c>
      <c r="B46410" s="1" t="s">
        <v>156209</v>
      </c>
      <c r="C46410" s="1" t="s">
        <v>60</v>
      </c>
      <c r="D46410" s="1" t="s">
        <v>45143</v>
      </c>
      <c r="E46410" s="1" t="s">
        <v>157931</v>
      </c>
      <c r="F46410" s="1" t="s">
        <v>157932</v>
      </c>
      <c r="G46410" s="1" t="s">
        <v>157901</v>
      </c>
      <c r="H46410" s="1" t="s">
        <v>157902</v>
      </c>
      <c r="I46410" s="1" t="s">
        <v>156215</v>
      </c>
      <c r="J46410" s="1" t="s">
        <v>157933</v>
      </c>
    </row>
    <row r="46411" spans="1:10" x14ac:dyDescent="0.35">
      <c r="A46411" s="1" t="s">
        <v>5540</v>
      </c>
      <c r="B46411" s="1" t="s">
        <v>156209</v>
      </c>
      <c r="C46411" s="1" t="s">
        <v>65</v>
      </c>
      <c r="D46411" s="1" t="s">
        <v>157934</v>
      </c>
      <c r="E46411" s="1" t="s">
        <v>157935</v>
      </c>
      <c r="F46411" s="1" t="s">
        <v>157936</v>
      </c>
      <c r="G46411" s="1" t="s">
        <v>157901</v>
      </c>
      <c r="H46411" s="1" t="s">
        <v>157902</v>
      </c>
      <c r="I46411" s="1" t="s">
        <v>156215</v>
      </c>
      <c r="J46411" s="1" t="s">
        <v>157937</v>
      </c>
    </row>
    <row r="46412" spans="1:10" x14ac:dyDescent="0.35">
      <c r="A46412" s="1" t="s">
        <v>5540</v>
      </c>
      <c r="B46412" s="1" t="s">
        <v>156209</v>
      </c>
      <c r="C46412" s="1" t="s">
        <v>70</v>
      </c>
      <c r="D46412" s="1" t="s">
        <v>8377</v>
      </c>
      <c r="E46412" s="1" t="s">
        <v>157938</v>
      </c>
      <c r="F46412" s="1" t="s">
        <v>157939</v>
      </c>
      <c r="G46412" s="1" t="s">
        <v>157901</v>
      </c>
      <c r="H46412" s="1" t="s">
        <v>157902</v>
      </c>
      <c r="I46412" s="1" t="s">
        <v>156215</v>
      </c>
      <c r="J46412" s="1" t="s">
        <v>157940</v>
      </c>
    </row>
    <row r="46413" spans="1:10" x14ac:dyDescent="0.35">
      <c r="A46413" s="1" t="s">
        <v>5540</v>
      </c>
      <c r="B46413" s="1" t="s">
        <v>156209</v>
      </c>
      <c r="C46413" s="1" t="s">
        <v>75</v>
      </c>
      <c r="D46413" s="1" t="s">
        <v>1675</v>
      </c>
      <c r="E46413" s="1" t="s">
        <v>157941</v>
      </c>
      <c r="F46413" s="1" t="s">
        <v>157942</v>
      </c>
      <c r="G46413" s="1" t="s">
        <v>157901</v>
      </c>
      <c r="H46413" s="1" t="s">
        <v>157902</v>
      </c>
      <c r="I46413" s="1" t="s">
        <v>156215</v>
      </c>
      <c r="J46413" s="1" t="s">
        <v>157943</v>
      </c>
    </row>
    <row r="46414" spans="1:10" x14ac:dyDescent="0.35">
      <c r="A46414" s="1" t="s">
        <v>5540</v>
      </c>
      <c r="B46414" s="1" t="s">
        <v>156209</v>
      </c>
      <c r="C46414" s="1" t="s">
        <v>80</v>
      </c>
      <c r="D46414" s="1" t="s">
        <v>47412</v>
      </c>
      <c r="E46414" s="1" t="s">
        <v>157944</v>
      </c>
      <c r="F46414" s="1" t="s">
        <v>157945</v>
      </c>
      <c r="G46414" s="1" t="s">
        <v>157901</v>
      </c>
      <c r="H46414" s="1" t="s">
        <v>157902</v>
      </c>
      <c r="I46414" s="1" t="s">
        <v>156215</v>
      </c>
      <c r="J46414" s="1" t="s">
        <v>157946</v>
      </c>
    </row>
    <row r="46415" spans="1:10" x14ac:dyDescent="0.35">
      <c r="A46415" s="1" t="s">
        <v>5540</v>
      </c>
      <c r="B46415" s="1" t="s">
        <v>156209</v>
      </c>
      <c r="C46415" s="1" t="s">
        <v>85</v>
      </c>
      <c r="D46415" s="1" t="s">
        <v>344</v>
      </c>
      <c r="E46415" s="1" t="s">
        <v>157947</v>
      </c>
      <c r="F46415" s="1" t="s">
        <v>157948</v>
      </c>
      <c r="G46415" s="1" t="s">
        <v>157901</v>
      </c>
      <c r="H46415" s="1" t="s">
        <v>157902</v>
      </c>
      <c r="I46415" s="1" t="s">
        <v>156215</v>
      </c>
      <c r="J46415" s="1" t="s">
        <v>157949</v>
      </c>
    </row>
    <row r="46416" spans="1:10" x14ac:dyDescent="0.35">
      <c r="A46416" s="1" t="s">
        <v>5540</v>
      </c>
      <c r="B46416" s="1" t="s">
        <v>156209</v>
      </c>
      <c r="C46416" s="1" t="s">
        <v>90</v>
      </c>
      <c r="D46416" s="1" t="s">
        <v>112746</v>
      </c>
      <c r="E46416" s="1" t="s">
        <v>157950</v>
      </c>
      <c r="F46416" s="1" t="s">
        <v>157951</v>
      </c>
      <c r="G46416" s="1" t="s">
        <v>157901</v>
      </c>
      <c r="H46416" s="1" t="s">
        <v>157902</v>
      </c>
      <c r="I46416" s="1" t="s">
        <v>156215</v>
      </c>
      <c r="J46416" s="1" t="s">
        <v>157952</v>
      </c>
    </row>
    <row r="46417" spans="1:10" x14ac:dyDescent="0.35">
      <c r="A46417" s="1" t="s">
        <v>5540</v>
      </c>
      <c r="B46417" s="1" t="s">
        <v>156209</v>
      </c>
      <c r="C46417" s="1" t="s">
        <v>95</v>
      </c>
      <c r="D46417" s="1" t="s">
        <v>157953</v>
      </c>
      <c r="E46417" s="1" t="s">
        <v>157954</v>
      </c>
      <c r="F46417" s="1" t="s">
        <v>157955</v>
      </c>
      <c r="G46417" s="1" t="s">
        <v>157901</v>
      </c>
      <c r="H46417" s="1" t="s">
        <v>157902</v>
      </c>
      <c r="I46417" s="1" t="s">
        <v>156215</v>
      </c>
      <c r="J46417" s="1" t="s">
        <v>157956</v>
      </c>
    </row>
    <row r="46418" spans="1:10" x14ac:dyDescent="0.35">
      <c r="A46418" s="1" t="s">
        <v>5540</v>
      </c>
      <c r="B46418" s="1" t="s">
        <v>156209</v>
      </c>
      <c r="C46418" s="1" t="s">
        <v>100</v>
      </c>
      <c r="D46418" s="1" t="s">
        <v>157957</v>
      </c>
      <c r="E46418" s="1" t="s">
        <v>157958</v>
      </c>
      <c r="F46418" s="1" t="s">
        <v>157959</v>
      </c>
      <c r="G46418" s="1" t="s">
        <v>157901</v>
      </c>
      <c r="H46418" s="1" t="s">
        <v>157902</v>
      </c>
      <c r="I46418" s="1" t="s">
        <v>156215</v>
      </c>
      <c r="J46418" s="1" t="s">
        <v>157960</v>
      </c>
    </row>
    <row r="46419" spans="1:10" x14ac:dyDescent="0.35">
      <c r="A46419" s="1" t="s">
        <v>5540</v>
      </c>
      <c r="B46419" s="1" t="s">
        <v>156209</v>
      </c>
      <c r="C46419" s="1" t="s">
        <v>105</v>
      </c>
      <c r="D46419" s="1" t="s">
        <v>3387</v>
      </c>
      <c r="E46419" s="1" t="s">
        <v>157961</v>
      </c>
      <c r="F46419" s="1" t="s">
        <v>157962</v>
      </c>
      <c r="G46419" s="1" t="s">
        <v>157901</v>
      </c>
      <c r="H46419" s="1" t="s">
        <v>157902</v>
      </c>
      <c r="I46419" s="1" t="s">
        <v>156215</v>
      </c>
      <c r="J46419" s="1" t="s">
        <v>157963</v>
      </c>
    </row>
    <row r="46420" spans="1:10" x14ac:dyDescent="0.35">
      <c r="A46420" s="1" t="s">
        <v>5540</v>
      </c>
      <c r="B46420" s="1" t="s">
        <v>156209</v>
      </c>
      <c r="C46420" s="1" t="s">
        <v>110</v>
      </c>
      <c r="D46420" s="1" t="s">
        <v>29708</v>
      </c>
      <c r="E46420" s="1" t="s">
        <v>157964</v>
      </c>
      <c r="F46420" s="1" t="s">
        <v>157965</v>
      </c>
      <c r="G46420" s="1" t="s">
        <v>157901</v>
      </c>
      <c r="H46420" s="1" t="s">
        <v>157902</v>
      </c>
      <c r="I46420" s="1" t="s">
        <v>156215</v>
      </c>
      <c r="J46420" s="1" t="s">
        <v>157966</v>
      </c>
    </row>
    <row r="46421" spans="1:10" x14ac:dyDescent="0.35">
      <c r="A46421" s="1" t="s">
        <v>5540</v>
      </c>
      <c r="B46421" s="1" t="s">
        <v>156209</v>
      </c>
      <c r="C46421" s="1" t="s">
        <v>115</v>
      </c>
      <c r="D46421" s="1" t="s">
        <v>50773</v>
      </c>
      <c r="E46421" s="1" t="s">
        <v>157967</v>
      </c>
      <c r="F46421" s="1" t="s">
        <v>157968</v>
      </c>
      <c r="G46421" s="1" t="s">
        <v>157901</v>
      </c>
      <c r="H46421" s="1" t="s">
        <v>157902</v>
      </c>
      <c r="I46421" s="1" t="s">
        <v>156215</v>
      </c>
      <c r="J46421" s="1" t="s">
        <v>157969</v>
      </c>
    </row>
    <row r="46422" spans="1:10" x14ac:dyDescent="0.35">
      <c r="A46422" s="1" t="s">
        <v>5540</v>
      </c>
      <c r="B46422" s="1" t="s">
        <v>156209</v>
      </c>
      <c r="C46422" s="1" t="s">
        <v>120</v>
      </c>
      <c r="D46422" s="1" t="s">
        <v>120102</v>
      </c>
      <c r="E46422" s="1" t="s">
        <v>157970</v>
      </c>
      <c r="F46422" s="1" t="s">
        <v>157971</v>
      </c>
      <c r="G46422" s="1" t="s">
        <v>157901</v>
      </c>
      <c r="H46422" s="1" t="s">
        <v>157902</v>
      </c>
      <c r="I46422" s="1" t="s">
        <v>156215</v>
      </c>
      <c r="J46422" s="1" t="s">
        <v>157972</v>
      </c>
    </row>
    <row r="46423" spans="1:10" x14ac:dyDescent="0.35">
      <c r="A46423" s="1" t="s">
        <v>5540</v>
      </c>
      <c r="B46423" s="1" t="s">
        <v>156209</v>
      </c>
      <c r="C46423" s="1" t="s">
        <v>125</v>
      </c>
      <c r="D46423" s="1" t="s">
        <v>157973</v>
      </c>
      <c r="E46423" s="1" t="s">
        <v>157974</v>
      </c>
      <c r="F46423" s="1" t="s">
        <v>157975</v>
      </c>
      <c r="G46423" s="1" t="s">
        <v>157901</v>
      </c>
      <c r="H46423" s="1" t="s">
        <v>157902</v>
      </c>
      <c r="I46423" s="1" t="s">
        <v>156215</v>
      </c>
      <c r="J46423" s="1" t="s">
        <v>157976</v>
      </c>
    </row>
    <row r="46424" spans="1:10" x14ac:dyDescent="0.35">
      <c r="A46424" s="1" t="s">
        <v>5540</v>
      </c>
      <c r="B46424" s="1" t="s">
        <v>156209</v>
      </c>
      <c r="C46424" s="1" t="s">
        <v>130</v>
      </c>
      <c r="D46424" s="1" t="s">
        <v>157977</v>
      </c>
      <c r="E46424" s="1" t="s">
        <v>157978</v>
      </c>
      <c r="F46424" s="1" t="s">
        <v>157979</v>
      </c>
      <c r="G46424" s="1" t="s">
        <v>157901</v>
      </c>
      <c r="H46424" s="1" t="s">
        <v>157902</v>
      </c>
      <c r="I46424" s="1" t="s">
        <v>156215</v>
      </c>
      <c r="J46424" s="1" t="s">
        <v>157980</v>
      </c>
    </row>
    <row r="46425" spans="1:10" x14ac:dyDescent="0.35">
      <c r="A46425" s="1" t="s">
        <v>5540</v>
      </c>
      <c r="B46425" s="1" t="s">
        <v>156209</v>
      </c>
      <c r="C46425" s="1" t="s">
        <v>135</v>
      </c>
      <c r="D46425" s="1" t="s">
        <v>31960</v>
      </c>
      <c r="E46425" s="1" t="s">
        <v>157981</v>
      </c>
      <c r="F46425" s="1" t="s">
        <v>157982</v>
      </c>
      <c r="G46425" s="1" t="s">
        <v>157901</v>
      </c>
      <c r="H46425" s="1" t="s">
        <v>157902</v>
      </c>
      <c r="I46425" s="1" t="s">
        <v>156215</v>
      </c>
      <c r="J46425" s="1" t="s">
        <v>157983</v>
      </c>
    </row>
    <row r="46426" spans="1:10" x14ac:dyDescent="0.35">
      <c r="A46426" s="1" t="s">
        <v>5540</v>
      </c>
      <c r="B46426" s="1" t="s">
        <v>156209</v>
      </c>
      <c r="C46426" s="1" t="s">
        <v>140</v>
      </c>
      <c r="D46426" s="1" t="s">
        <v>49592</v>
      </c>
      <c r="E46426" s="1" t="s">
        <v>157984</v>
      </c>
      <c r="F46426" s="1" t="s">
        <v>157985</v>
      </c>
      <c r="G46426" s="1" t="s">
        <v>157901</v>
      </c>
      <c r="H46426" s="1" t="s">
        <v>157902</v>
      </c>
      <c r="I46426" s="1" t="s">
        <v>156215</v>
      </c>
      <c r="J46426" s="1" t="s">
        <v>157986</v>
      </c>
    </row>
    <row r="46427" spans="1:10" x14ac:dyDescent="0.35">
      <c r="A46427" s="1" t="s">
        <v>5540</v>
      </c>
      <c r="B46427" s="1" t="s">
        <v>156209</v>
      </c>
      <c r="C46427" s="1" t="s">
        <v>145</v>
      </c>
      <c r="D46427" s="1" t="s">
        <v>46134</v>
      </c>
      <c r="E46427" s="1" t="s">
        <v>157987</v>
      </c>
      <c r="F46427" s="1" t="s">
        <v>157988</v>
      </c>
      <c r="G46427" s="1" t="s">
        <v>157901</v>
      </c>
      <c r="H46427" s="1" t="s">
        <v>157902</v>
      </c>
      <c r="I46427" s="1" t="s">
        <v>156215</v>
      </c>
      <c r="J46427" s="1" t="s">
        <v>157989</v>
      </c>
    </row>
    <row r="46428" spans="1:10" x14ac:dyDescent="0.35">
      <c r="A46428" s="1" t="s">
        <v>5540</v>
      </c>
      <c r="B46428" s="1" t="s">
        <v>156209</v>
      </c>
      <c r="C46428" s="1" t="s">
        <v>150</v>
      </c>
      <c r="D46428" s="1" t="s">
        <v>37481</v>
      </c>
      <c r="E46428" s="1" t="s">
        <v>157990</v>
      </c>
      <c r="F46428" s="1" t="s">
        <v>157991</v>
      </c>
      <c r="G46428" s="1" t="s">
        <v>157901</v>
      </c>
      <c r="H46428" s="1" t="s">
        <v>157902</v>
      </c>
      <c r="I46428" s="1" t="s">
        <v>156215</v>
      </c>
      <c r="J46428" s="1" t="s">
        <v>157992</v>
      </c>
    </row>
    <row r="46429" spans="1:10" x14ac:dyDescent="0.35">
      <c r="A46429" s="1" t="s">
        <v>5540</v>
      </c>
      <c r="B46429" s="1" t="s">
        <v>156209</v>
      </c>
      <c r="C46429" s="1" t="s">
        <v>155</v>
      </c>
      <c r="D46429" s="1" t="s">
        <v>71936</v>
      </c>
      <c r="E46429" s="1" t="s">
        <v>157993</v>
      </c>
      <c r="F46429" s="1" t="s">
        <v>157994</v>
      </c>
      <c r="G46429" s="1" t="s">
        <v>157901</v>
      </c>
      <c r="H46429" s="1" t="s">
        <v>157902</v>
      </c>
      <c r="I46429" s="1" t="s">
        <v>156215</v>
      </c>
      <c r="J46429" s="1" t="s">
        <v>157995</v>
      </c>
    </row>
    <row r="46430" spans="1:10" x14ac:dyDescent="0.35">
      <c r="A46430" s="1" t="s">
        <v>5540</v>
      </c>
      <c r="B46430" s="1" t="s">
        <v>156209</v>
      </c>
      <c r="C46430" s="1" t="s">
        <v>160</v>
      </c>
      <c r="D46430" s="1" t="s">
        <v>156013</v>
      </c>
      <c r="E46430" s="1" t="s">
        <v>157996</v>
      </c>
      <c r="F46430" s="1" t="s">
        <v>157997</v>
      </c>
      <c r="G46430" s="1" t="s">
        <v>157901</v>
      </c>
      <c r="H46430" s="1" t="s">
        <v>157902</v>
      </c>
      <c r="I46430" s="1" t="s">
        <v>156215</v>
      </c>
      <c r="J46430" s="1" t="s">
        <v>157998</v>
      </c>
    </row>
    <row r="46431" spans="1:10" x14ac:dyDescent="0.35">
      <c r="A46431" s="1" t="s">
        <v>5540</v>
      </c>
      <c r="B46431" s="1" t="s">
        <v>156209</v>
      </c>
      <c r="C46431" s="1" t="s">
        <v>165</v>
      </c>
      <c r="D46431" s="1" t="s">
        <v>50651</v>
      </c>
      <c r="E46431" s="1" t="s">
        <v>157999</v>
      </c>
      <c r="F46431" s="1" t="s">
        <v>158000</v>
      </c>
      <c r="G46431" s="1" t="s">
        <v>157901</v>
      </c>
      <c r="H46431" s="1" t="s">
        <v>157902</v>
      </c>
      <c r="I46431" s="1" t="s">
        <v>156215</v>
      </c>
      <c r="J46431" s="1" t="s">
        <v>158001</v>
      </c>
    </row>
    <row r="46432" spans="1:10" x14ac:dyDescent="0.35">
      <c r="A46432" s="1" t="s">
        <v>5540</v>
      </c>
      <c r="B46432" s="1" t="s">
        <v>156209</v>
      </c>
      <c r="C46432" s="1" t="s">
        <v>170</v>
      </c>
      <c r="D46432" s="1" t="s">
        <v>72396</v>
      </c>
      <c r="E46432" s="1" t="s">
        <v>158002</v>
      </c>
      <c r="F46432" s="1" t="s">
        <v>158003</v>
      </c>
      <c r="G46432" s="1" t="s">
        <v>157901</v>
      </c>
      <c r="H46432" s="1" t="s">
        <v>157902</v>
      </c>
      <c r="I46432" s="1" t="s">
        <v>156215</v>
      </c>
      <c r="J46432" s="1" t="s">
        <v>158004</v>
      </c>
    </row>
    <row r="46433" spans="1:10" x14ac:dyDescent="0.35">
      <c r="A46433" s="1" t="s">
        <v>119006</v>
      </c>
      <c r="B46433" s="1" t="s">
        <v>156209</v>
      </c>
      <c r="C46433" s="1" t="s">
        <v>8</v>
      </c>
      <c r="D46433" s="1" t="s">
        <v>158005</v>
      </c>
      <c r="E46433" s="1" t="s">
        <v>158006</v>
      </c>
      <c r="F46433" s="1" t="s">
        <v>158007</v>
      </c>
      <c r="G46433" s="1" t="s">
        <v>158008</v>
      </c>
      <c r="H46433" s="1" t="s">
        <v>158009</v>
      </c>
      <c r="I46433" s="1" t="s">
        <v>156215</v>
      </c>
      <c r="J46433" s="1" t="s">
        <v>13</v>
      </c>
    </row>
    <row r="46434" spans="1:10" x14ac:dyDescent="0.35">
      <c r="A46434" s="1" t="s">
        <v>119006</v>
      </c>
      <c r="B46434" s="1" t="s">
        <v>156209</v>
      </c>
      <c r="C46434" s="1" t="s">
        <v>15</v>
      </c>
      <c r="D46434" s="1" t="s">
        <v>14813</v>
      </c>
      <c r="E46434" s="1" t="s">
        <v>158010</v>
      </c>
      <c r="F46434" s="1" t="s">
        <v>158011</v>
      </c>
      <c r="G46434" s="1" t="s">
        <v>158008</v>
      </c>
      <c r="H46434" s="1" t="s">
        <v>158009</v>
      </c>
      <c r="I46434" s="1" t="s">
        <v>156215</v>
      </c>
      <c r="J46434" s="1" t="s">
        <v>158012</v>
      </c>
    </row>
    <row r="46435" spans="1:10" x14ac:dyDescent="0.35">
      <c r="A46435" s="1" t="s">
        <v>119006</v>
      </c>
      <c r="B46435" s="1" t="s">
        <v>156209</v>
      </c>
      <c r="C46435" s="1" t="s">
        <v>20</v>
      </c>
      <c r="D46435" s="1" t="s">
        <v>158013</v>
      </c>
      <c r="E46435" s="1" t="s">
        <v>158014</v>
      </c>
      <c r="F46435" s="1" t="s">
        <v>158015</v>
      </c>
      <c r="G46435" s="1" t="s">
        <v>158008</v>
      </c>
      <c r="H46435" s="1" t="s">
        <v>158009</v>
      </c>
      <c r="I46435" s="1" t="s">
        <v>156215</v>
      </c>
      <c r="J46435" s="1" t="s">
        <v>158016</v>
      </c>
    </row>
    <row r="46436" spans="1:10" x14ac:dyDescent="0.35">
      <c r="A46436" s="1" t="s">
        <v>119006</v>
      </c>
      <c r="B46436" s="1" t="s">
        <v>156209</v>
      </c>
      <c r="C46436" s="1" t="s">
        <v>25</v>
      </c>
      <c r="D46436" s="1" t="s">
        <v>368</v>
      </c>
      <c r="E46436" s="1" t="s">
        <v>158017</v>
      </c>
      <c r="F46436" s="1" t="s">
        <v>158018</v>
      </c>
      <c r="G46436" s="1" t="s">
        <v>158008</v>
      </c>
      <c r="H46436" s="1" t="s">
        <v>158009</v>
      </c>
      <c r="I46436" s="1" t="s">
        <v>156215</v>
      </c>
      <c r="J46436" s="1" t="s">
        <v>158019</v>
      </c>
    </row>
    <row r="46437" spans="1:10" x14ac:dyDescent="0.35">
      <c r="A46437" s="1" t="s">
        <v>119006</v>
      </c>
      <c r="B46437" s="1" t="s">
        <v>156209</v>
      </c>
      <c r="C46437" s="1" t="s">
        <v>30</v>
      </c>
      <c r="D46437" s="1" t="s">
        <v>158020</v>
      </c>
      <c r="E46437" s="1" t="s">
        <v>158021</v>
      </c>
      <c r="F46437" s="1" t="s">
        <v>158022</v>
      </c>
      <c r="G46437" s="1" t="s">
        <v>158008</v>
      </c>
      <c r="H46437" s="1" t="s">
        <v>158009</v>
      </c>
      <c r="I46437" s="1" t="s">
        <v>156215</v>
      </c>
      <c r="J46437" s="1" t="s">
        <v>158023</v>
      </c>
    </row>
    <row r="46438" spans="1:10" x14ac:dyDescent="0.35">
      <c r="A46438" s="1" t="s">
        <v>119006</v>
      </c>
      <c r="B46438" s="1" t="s">
        <v>156209</v>
      </c>
      <c r="C46438" s="1" t="s">
        <v>35</v>
      </c>
      <c r="D46438" s="1" t="s">
        <v>34927</v>
      </c>
      <c r="E46438" s="1" t="s">
        <v>158024</v>
      </c>
      <c r="F46438" s="1" t="s">
        <v>158025</v>
      </c>
      <c r="G46438" s="1" t="s">
        <v>158008</v>
      </c>
      <c r="H46438" s="1" t="s">
        <v>158009</v>
      </c>
      <c r="I46438" s="1" t="s">
        <v>156215</v>
      </c>
      <c r="J46438" s="1" t="s">
        <v>158026</v>
      </c>
    </row>
    <row r="46439" spans="1:10" x14ac:dyDescent="0.35">
      <c r="A46439" s="1" t="s">
        <v>119006</v>
      </c>
      <c r="B46439" s="1" t="s">
        <v>156209</v>
      </c>
      <c r="C46439" s="1" t="s">
        <v>40</v>
      </c>
      <c r="D46439" s="1" t="s">
        <v>118961</v>
      </c>
      <c r="E46439" s="1" t="s">
        <v>158027</v>
      </c>
      <c r="F46439" s="1" t="s">
        <v>158028</v>
      </c>
      <c r="G46439" s="1" t="s">
        <v>158008</v>
      </c>
      <c r="H46439" s="1" t="s">
        <v>158009</v>
      </c>
      <c r="I46439" s="1" t="s">
        <v>156215</v>
      </c>
      <c r="J46439" s="1" t="s">
        <v>158029</v>
      </c>
    </row>
    <row r="46440" spans="1:10" x14ac:dyDescent="0.35">
      <c r="A46440" s="1" t="s">
        <v>119006</v>
      </c>
      <c r="B46440" s="1" t="s">
        <v>156209</v>
      </c>
      <c r="C46440" s="1" t="s">
        <v>45</v>
      </c>
      <c r="D46440" s="1" t="s">
        <v>118740</v>
      </c>
      <c r="E46440" s="1" t="s">
        <v>158030</v>
      </c>
      <c r="F46440" s="1" t="s">
        <v>158031</v>
      </c>
      <c r="G46440" s="1" t="s">
        <v>158008</v>
      </c>
      <c r="H46440" s="1" t="s">
        <v>158009</v>
      </c>
      <c r="I46440" s="1" t="s">
        <v>156215</v>
      </c>
      <c r="J46440" s="1" t="s">
        <v>158032</v>
      </c>
    </row>
    <row r="46441" spans="1:10" x14ac:dyDescent="0.35">
      <c r="A46441" s="1" t="s">
        <v>119006</v>
      </c>
      <c r="B46441" s="1" t="s">
        <v>156209</v>
      </c>
      <c r="C46441" s="1" t="s">
        <v>50</v>
      </c>
      <c r="D46441" s="1" t="s">
        <v>73954</v>
      </c>
      <c r="E46441" s="1" t="s">
        <v>158033</v>
      </c>
      <c r="F46441" s="1" t="s">
        <v>158034</v>
      </c>
      <c r="G46441" s="1" t="s">
        <v>158008</v>
      </c>
      <c r="H46441" s="1" t="s">
        <v>158009</v>
      </c>
      <c r="I46441" s="1" t="s">
        <v>156215</v>
      </c>
      <c r="J46441" s="1" t="s">
        <v>158035</v>
      </c>
    </row>
    <row r="46442" spans="1:10" x14ac:dyDescent="0.35">
      <c r="A46442" s="1" t="s">
        <v>119006</v>
      </c>
      <c r="B46442" s="1" t="s">
        <v>156209</v>
      </c>
      <c r="C46442" s="1" t="s">
        <v>55</v>
      </c>
      <c r="D46442" s="1" t="s">
        <v>49580</v>
      </c>
      <c r="E46442" s="1" t="s">
        <v>158036</v>
      </c>
      <c r="F46442" s="1" t="s">
        <v>158037</v>
      </c>
      <c r="G46442" s="1" t="s">
        <v>158008</v>
      </c>
      <c r="H46442" s="1" t="s">
        <v>158009</v>
      </c>
      <c r="I46442" s="1" t="s">
        <v>156215</v>
      </c>
      <c r="J46442" s="1" t="s">
        <v>158038</v>
      </c>
    </row>
    <row r="46443" spans="1:10" x14ac:dyDescent="0.35">
      <c r="A46443" s="1" t="s">
        <v>119006</v>
      </c>
      <c r="B46443" s="1" t="s">
        <v>156209</v>
      </c>
      <c r="C46443" s="1" t="s">
        <v>60</v>
      </c>
      <c r="D46443" s="1" t="s">
        <v>125430</v>
      </c>
      <c r="E46443" s="1" t="s">
        <v>158039</v>
      </c>
      <c r="F46443" s="1" t="s">
        <v>158040</v>
      </c>
      <c r="G46443" s="1" t="s">
        <v>158008</v>
      </c>
      <c r="H46443" s="1" t="s">
        <v>158009</v>
      </c>
      <c r="I46443" s="1" t="s">
        <v>156215</v>
      </c>
      <c r="J46443" s="1" t="s">
        <v>158041</v>
      </c>
    </row>
    <row r="46444" spans="1:10" x14ac:dyDescent="0.35">
      <c r="A46444" s="1" t="s">
        <v>119006</v>
      </c>
      <c r="B46444" s="1" t="s">
        <v>156209</v>
      </c>
      <c r="C46444" s="1" t="s">
        <v>65</v>
      </c>
      <c r="D46444" s="1" t="s">
        <v>34181</v>
      </c>
      <c r="E46444" s="1" t="s">
        <v>158042</v>
      </c>
      <c r="F46444" s="1" t="s">
        <v>158043</v>
      </c>
      <c r="G46444" s="1" t="s">
        <v>158008</v>
      </c>
      <c r="H46444" s="1" t="s">
        <v>158009</v>
      </c>
      <c r="I46444" s="1" t="s">
        <v>156215</v>
      </c>
      <c r="J46444" s="1" t="s">
        <v>158044</v>
      </c>
    </row>
    <row r="46445" spans="1:10" x14ac:dyDescent="0.35">
      <c r="A46445" s="1" t="s">
        <v>119006</v>
      </c>
      <c r="B46445" s="1" t="s">
        <v>156209</v>
      </c>
      <c r="C46445" s="1" t="s">
        <v>70</v>
      </c>
      <c r="D46445" s="1" t="s">
        <v>74452</v>
      </c>
      <c r="E46445" s="1" t="s">
        <v>158045</v>
      </c>
      <c r="F46445" s="1" t="s">
        <v>158046</v>
      </c>
      <c r="G46445" s="1" t="s">
        <v>158008</v>
      </c>
      <c r="H46445" s="1" t="s">
        <v>158009</v>
      </c>
      <c r="I46445" s="1" t="s">
        <v>156215</v>
      </c>
      <c r="J46445" s="1" t="s">
        <v>158047</v>
      </c>
    </row>
    <row r="46446" spans="1:10" x14ac:dyDescent="0.35">
      <c r="A46446" s="1" t="s">
        <v>119006</v>
      </c>
      <c r="B46446" s="1" t="s">
        <v>156209</v>
      </c>
      <c r="C46446" s="1" t="s">
        <v>75</v>
      </c>
      <c r="D46446" s="1" t="s">
        <v>31960</v>
      </c>
      <c r="E46446" s="1" t="s">
        <v>158048</v>
      </c>
      <c r="F46446" s="1" t="s">
        <v>158049</v>
      </c>
      <c r="G46446" s="1" t="s">
        <v>158008</v>
      </c>
      <c r="H46446" s="1" t="s">
        <v>158009</v>
      </c>
      <c r="I46446" s="1" t="s">
        <v>156215</v>
      </c>
      <c r="J46446" s="1" t="s">
        <v>158050</v>
      </c>
    </row>
    <row r="46447" spans="1:10" x14ac:dyDescent="0.35">
      <c r="A46447" s="1" t="s">
        <v>119006</v>
      </c>
      <c r="B46447" s="1" t="s">
        <v>156209</v>
      </c>
      <c r="C46447" s="1" t="s">
        <v>80</v>
      </c>
      <c r="D46447" s="1" t="s">
        <v>158051</v>
      </c>
      <c r="E46447" s="1" t="s">
        <v>158052</v>
      </c>
      <c r="F46447" s="1" t="s">
        <v>158053</v>
      </c>
      <c r="G46447" s="1" t="s">
        <v>158008</v>
      </c>
      <c r="H46447" s="1" t="s">
        <v>158009</v>
      </c>
      <c r="I46447" s="1" t="s">
        <v>156215</v>
      </c>
      <c r="J46447" s="1" t="s">
        <v>158054</v>
      </c>
    </row>
    <row r="46448" spans="1:10" x14ac:dyDescent="0.35">
      <c r="A46448" s="1" t="s">
        <v>119006</v>
      </c>
      <c r="B46448" s="1" t="s">
        <v>156209</v>
      </c>
      <c r="C46448" s="1" t="s">
        <v>85</v>
      </c>
      <c r="D46448" s="1" t="s">
        <v>135633</v>
      </c>
      <c r="E46448" s="1" t="s">
        <v>158055</v>
      </c>
      <c r="F46448" s="1" t="s">
        <v>158056</v>
      </c>
      <c r="G46448" s="1" t="s">
        <v>158008</v>
      </c>
      <c r="H46448" s="1" t="s">
        <v>158009</v>
      </c>
      <c r="I46448" s="1" t="s">
        <v>156215</v>
      </c>
      <c r="J46448" s="1" t="s">
        <v>158057</v>
      </c>
    </row>
    <row r="46449" spans="1:10" x14ac:dyDescent="0.35">
      <c r="A46449" s="1" t="s">
        <v>119006</v>
      </c>
      <c r="B46449" s="1" t="s">
        <v>156209</v>
      </c>
      <c r="C46449" s="1" t="s">
        <v>90</v>
      </c>
      <c r="D46449" s="1" t="s">
        <v>7175</v>
      </c>
      <c r="E46449" s="1" t="s">
        <v>158058</v>
      </c>
      <c r="F46449" s="1" t="s">
        <v>158059</v>
      </c>
      <c r="G46449" s="1" t="s">
        <v>158008</v>
      </c>
      <c r="H46449" s="1" t="s">
        <v>158009</v>
      </c>
      <c r="I46449" s="1" t="s">
        <v>156215</v>
      </c>
      <c r="J46449" s="1" t="s">
        <v>158060</v>
      </c>
    </row>
    <row r="46450" spans="1:10" x14ac:dyDescent="0.35">
      <c r="A46450" s="1" t="s">
        <v>119006</v>
      </c>
      <c r="B46450" s="1" t="s">
        <v>156209</v>
      </c>
      <c r="C46450" s="1" t="s">
        <v>95</v>
      </c>
      <c r="D46450" s="1" t="s">
        <v>38622</v>
      </c>
      <c r="E46450" s="1" t="s">
        <v>158061</v>
      </c>
      <c r="F46450" s="1" t="s">
        <v>158062</v>
      </c>
      <c r="G46450" s="1" t="s">
        <v>158008</v>
      </c>
      <c r="H46450" s="1" t="s">
        <v>158009</v>
      </c>
      <c r="I46450" s="1" t="s">
        <v>156215</v>
      </c>
      <c r="J46450" s="1" t="s">
        <v>158063</v>
      </c>
    </row>
    <row r="46451" spans="1:10" x14ac:dyDescent="0.35">
      <c r="A46451" s="1" t="s">
        <v>119006</v>
      </c>
      <c r="B46451" s="1" t="s">
        <v>156209</v>
      </c>
      <c r="C46451" s="1" t="s">
        <v>100</v>
      </c>
      <c r="D46451" s="1" t="s">
        <v>36562</v>
      </c>
      <c r="E46451" s="1" t="s">
        <v>158064</v>
      </c>
      <c r="F46451" s="1" t="s">
        <v>158065</v>
      </c>
      <c r="G46451" s="1" t="s">
        <v>158008</v>
      </c>
      <c r="H46451" s="1" t="s">
        <v>158009</v>
      </c>
      <c r="I46451" s="1" t="s">
        <v>156215</v>
      </c>
      <c r="J46451" s="1" t="s">
        <v>158066</v>
      </c>
    </row>
    <row r="46452" spans="1:10" x14ac:dyDescent="0.35">
      <c r="A46452" s="1" t="s">
        <v>119006</v>
      </c>
      <c r="B46452" s="1" t="s">
        <v>156209</v>
      </c>
      <c r="C46452" s="1" t="s">
        <v>105</v>
      </c>
      <c r="D46452" s="1" t="s">
        <v>113064</v>
      </c>
      <c r="E46452" s="1" t="s">
        <v>158067</v>
      </c>
      <c r="F46452" s="1" t="s">
        <v>158068</v>
      </c>
      <c r="G46452" s="1" t="s">
        <v>158008</v>
      </c>
      <c r="H46452" s="1" t="s">
        <v>158009</v>
      </c>
      <c r="I46452" s="1" t="s">
        <v>156215</v>
      </c>
      <c r="J46452" s="1" t="s">
        <v>158069</v>
      </c>
    </row>
    <row r="46453" spans="1:10" x14ac:dyDescent="0.35">
      <c r="A46453" s="1" t="s">
        <v>119006</v>
      </c>
      <c r="B46453" s="1" t="s">
        <v>156209</v>
      </c>
      <c r="C46453" s="1" t="s">
        <v>110</v>
      </c>
      <c r="D46453" s="1" t="s">
        <v>8835</v>
      </c>
      <c r="E46453" s="1" t="s">
        <v>158070</v>
      </c>
      <c r="F46453" s="1" t="s">
        <v>158071</v>
      </c>
      <c r="G46453" s="1" t="s">
        <v>158008</v>
      </c>
      <c r="H46453" s="1" t="s">
        <v>158009</v>
      </c>
      <c r="I46453" s="1" t="s">
        <v>156215</v>
      </c>
      <c r="J46453" s="1" t="s">
        <v>158072</v>
      </c>
    </row>
    <row r="46454" spans="1:10" x14ac:dyDescent="0.35">
      <c r="A46454" s="1" t="s">
        <v>119006</v>
      </c>
      <c r="B46454" s="1" t="s">
        <v>156209</v>
      </c>
      <c r="C46454" s="1" t="s">
        <v>115</v>
      </c>
      <c r="D46454" s="1" t="s">
        <v>31411</v>
      </c>
      <c r="E46454" s="1" t="s">
        <v>158073</v>
      </c>
      <c r="F46454" s="1" t="s">
        <v>158074</v>
      </c>
      <c r="G46454" s="1" t="s">
        <v>158008</v>
      </c>
      <c r="H46454" s="1" t="s">
        <v>158009</v>
      </c>
      <c r="I46454" s="1" t="s">
        <v>156215</v>
      </c>
      <c r="J46454" s="1" t="s">
        <v>158075</v>
      </c>
    </row>
    <row r="46455" spans="1:10" x14ac:dyDescent="0.35">
      <c r="A46455" s="1" t="s">
        <v>119006</v>
      </c>
      <c r="B46455" s="1" t="s">
        <v>156209</v>
      </c>
      <c r="C46455" s="1" t="s">
        <v>120</v>
      </c>
      <c r="D46455" s="1" t="s">
        <v>158076</v>
      </c>
      <c r="E46455" s="1" t="s">
        <v>158077</v>
      </c>
      <c r="F46455" s="1" t="s">
        <v>158078</v>
      </c>
      <c r="G46455" s="1" t="s">
        <v>158008</v>
      </c>
      <c r="H46455" s="1" t="s">
        <v>158009</v>
      </c>
      <c r="I46455" s="1" t="s">
        <v>156215</v>
      </c>
      <c r="J46455" s="1" t="s">
        <v>158079</v>
      </c>
    </row>
    <row r="46456" spans="1:10" x14ac:dyDescent="0.35">
      <c r="A46456" s="1" t="s">
        <v>119006</v>
      </c>
      <c r="B46456" s="1" t="s">
        <v>156209</v>
      </c>
      <c r="C46456" s="1" t="s">
        <v>125</v>
      </c>
      <c r="D46456" s="1" t="s">
        <v>158080</v>
      </c>
      <c r="E46456" s="1" t="s">
        <v>158081</v>
      </c>
      <c r="F46456" s="1" t="s">
        <v>158082</v>
      </c>
      <c r="G46456" s="1" t="s">
        <v>158008</v>
      </c>
      <c r="H46456" s="1" t="s">
        <v>158009</v>
      </c>
      <c r="I46456" s="1" t="s">
        <v>156215</v>
      </c>
      <c r="J46456" s="1" t="s">
        <v>158083</v>
      </c>
    </row>
    <row r="46457" spans="1:10" x14ac:dyDescent="0.35">
      <c r="A46457" s="1" t="s">
        <v>119006</v>
      </c>
      <c r="B46457" s="1" t="s">
        <v>156209</v>
      </c>
      <c r="C46457" s="1" t="s">
        <v>130</v>
      </c>
      <c r="D46457" s="1" t="s">
        <v>38039</v>
      </c>
      <c r="E46457" s="1" t="s">
        <v>158084</v>
      </c>
      <c r="F46457" s="1" t="s">
        <v>158085</v>
      </c>
      <c r="G46457" s="1" t="s">
        <v>158008</v>
      </c>
      <c r="H46457" s="1" t="s">
        <v>158009</v>
      </c>
      <c r="I46457" s="1" t="s">
        <v>156215</v>
      </c>
      <c r="J46457" s="1" t="s">
        <v>158086</v>
      </c>
    </row>
    <row r="46458" spans="1:10" x14ac:dyDescent="0.35">
      <c r="A46458" s="1" t="s">
        <v>119006</v>
      </c>
      <c r="B46458" s="1" t="s">
        <v>156209</v>
      </c>
      <c r="C46458" s="1" t="s">
        <v>135</v>
      </c>
      <c r="D46458" s="1" t="s">
        <v>141310</v>
      </c>
      <c r="E46458" s="1" t="s">
        <v>158087</v>
      </c>
      <c r="F46458" s="1" t="s">
        <v>158088</v>
      </c>
      <c r="G46458" s="1" t="s">
        <v>158008</v>
      </c>
      <c r="H46458" s="1" t="s">
        <v>158009</v>
      </c>
      <c r="I46458" s="1" t="s">
        <v>156215</v>
      </c>
      <c r="J46458" s="1" t="s">
        <v>158089</v>
      </c>
    </row>
    <row r="46459" spans="1:10" x14ac:dyDescent="0.35">
      <c r="A46459" s="1" t="s">
        <v>119006</v>
      </c>
      <c r="B46459" s="1" t="s">
        <v>156209</v>
      </c>
      <c r="C46459" s="1" t="s">
        <v>140</v>
      </c>
      <c r="D46459" s="1" t="s">
        <v>82469</v>
      </c>
      <c r="E46459" s="1" t="s">
        <v>158090</v>
      </c>
      <c r="F46459" s="1" t="s">
        <v>158091</v>
      </c>
      <c r="G46459" s="1" t="s">
        <v>158008</v>
      </c>
      <c r="H46459" s="1" t="s">
        <v>158009</v>
      </c>
      <c r="I46459" s="1" t="s">
        <v>156215</v>
      </c>
      <c r="J46459" s="1" t="s">
        <v>158092</v>
      </c>
    </row>
    <row r="46460" spans="1:10" x14ac:dyDescent="0.35">
      <c r="A46460" s="1" t="s">
        <v>119006</v>
      </c>
      <c r="B46460" s="1" t="s">
        <v>156209</v>
      </c>
      <c r="C46460" s="1" t="s">
        <v>145</v>
      </c>
      <c r="D46460" s="1" t="s">
        <v>82571</v>
      </c>
      <c r="E46460" s="1" t="s">
        <v>158093</v>
      </c>
      <c r="F46460" s="1" t="s">
        <v>158094</v>
      </c>
      <c r="G46460" s="1" t="s">
        <v>158008</v>
      </c>
      <c r="H46460" s="1" t="s">
        <v>158009</v>
      </c>
      <c r="I46460" s="1" t="s">
        <v>156215</v>
      </c>
      <c r="J46460" s="1" t="s">
        <v>158095</v>
      </c>
    </row>
    <row r="46461" spans="1:10" x14ac:dyDescent="0.35">
      <c r="A46461" s="1" t="s">
        <v>119006</v>
      </c>
      <c r="B46461" s="1" t="s">
        <v>156209</v>
      </c>
      <c r="C46461" s="1" t="s">
        <v>150</v>
      </c>
      <c r="D46461" s="1" t="s">
        <v>158096</v>
      </c>
      <c r="E46461" s="1" t="s">
        <v>158097</v>
      </c>
      <c r="F46461" s="1" t="s">
        <v>158098</v>
      </c>
      <c r="G46461" s="1" t="s">
        <v>158008</v>
      </c>
      <c r="H46461" s="1" t="s">
        <v>158009</v>
      </c>
      <c r="I46461" s="1" t="s">
        <v>156215</v>
      </c>
      <c r="J46461" s="1" t="s">
        <v>158099</v>
      </c>
    </row>
    <row r="46462" spans="1:10" x14ac:dyDescent="0.35">
      <c r="A46462" s="1" t="s">
        <v>119006</v>
      </c>
      <c r="B46462" s="1" t="s">
        <v>156209</v>
      </c>
      <c r="C46462" s="1" t="s">
        <v>155</v>
      </c>
      <c r="D46462" s="1" t="s">
        <v>158100</v>
      </c>
      <c r="E46462" s="1" t="s">
        <v>158101</v>
      </c>
      <c r="F46462" s="1" t="s">
        <v>158102</v>
      </c>
      <c r="G46462" s="1" t="s">
        <v>158008</v>
      </c>
      <c r="H46462" s="1" t="s">
        <v>158009</v>
      </c>
      <c r="I46462" s="1" t="s">
        <v>156215</v>
      </c>
      <c r="J46462" s="1" t="s">
        <v>158103</v>
      </c>
    </row>
    <row r="46463" spans="1:10" x14ac:dyDescent="0.35">
      <c r="A46463" s="1" t="s">
        <v>119006</v>
      </c>
      <c r="B46463" s="1" t="s">
        <v>156209</v>
      </c>
      <c r="C46463" s="1" t="s">
        <v>160</v>
      </c>
      <c r="D46463" s="1" t="s">
        <v>9149</v>
      </c>
      <c r="E46463" s="1" t="s">
        <v>158104</v>
      </c>
      <c r="F46463" s="1" t="s">
        <v>158105</v>
      </c>
      <c r="G46463" s="1" t="s">
        <v>158008</v>
      </c>
      <c r="H46463" s="1" t="s">
        <v>158009</v>
      </c>
      <c r="I46463" s="1" t="s">
        <v>156215</v>
      </c>
      <c r="J46463" s="1" t="s">
        <v>158106</v>
      </c>
    </row>
    <row r="46464" spans="1:10" x14ac:dyDescent="0.35">
      <c r="A46464" s="1" t="s">
        <v>119006</v>
      </c>
      <c r="B46464" s="1" t="s">
        <v>156209</v>
      </c>
      <c r="C46464" s="1" t="s">
        <v>165</v>
      </c>
      <c r="D46464" s="1" t="s">
        <v>19203</v>
      </c>
      <c r="E46464" s="1" t="s">
        <v>158107</v>
      </c>
      <c r="F46464" s="1" t="s">
        <v>158108</v>
      </c>
      <c r="G46464" s="1" t="s">
        <v>158008</v>
      </c>
      <c r="H46464" s="1" t="s">
        <v>158009</v>
      </c>
      <c r="I46464" s="1" t="s">
        <v>156215</v>
      </c>
      <c r="J46464" s="1" t="s">
        <v>158109</v>
      </c>
    </row>
    <row r="46465" spans="1:10" x14ac:dyDescent="0.35">
      <c r="A46465" s="1" t="s">
        <v>119006</v>
      </c>
      <c r="B46465" s="1" t="s">
        <v>156209</v>
      </c>
      <c r="C46465" s="1" t="s">
        <v>170</v>
      </c>
      <c r="D46465" s="1" t="s">
        <v>158110</v>
      </c>
      <c r="E46465" s="1" t="s">
        <v>158111</v>
      </c>
      <c r="F46465" s="1" t="s">
        <v>158112</v>
      </c>
      <c r="G46465" s="1" t="s">
        <v>158008</v>
      </c>
      <c r="H46465" s="1" t="s">
        <v>158009</v>
      </c>
      <c r="I46465" s="1" t="s">
        <v>156215</v>
      </c>
      <c r="J46465" s="1" t="s">
        <v>158113</v>
      </c>
    </row>
    <row r="46466" spans="1:10" x14ac:dyDescent="0.35">
      <c r="A46466" s="1" t="s">
        <v>6392</v>
      </c>
      <c r="B46466" s="1" t="s">
        <v>156209</v>
      </c>
      <c r="C46466" s="1" t="s">
        <v>8</v>
      </c>
      <c r="D46466" s="1" t="s">
        <v>104441</v>
      </c>
      <c r="E46466" s="1" t="s">
        <v>158114</v>
      </c>
      <c r="F46466" s="1" t="s">
        <v>158115</v>
      </c>
      <c r="G46466" s="1" t="s">
        <v>158116</v>
      </c>
      <c r="H46466" s="1" t="s">
        <v>158117</v>
      </c>
      <c r="I46466" s="1" t="s">
        <v>156215</v>
      </c>
      <c r="J46466" s="1" t="s">
        <v>13</v>
      </c>
    </row>
    <row r="46467" spans="1:10" x14ac:dyDescent="0.35">
      <c r="A46467" s="1" t="s">
        <v>6392</v>
      </c>
      <c r="B46467" s="1" t="s">
        <v>156209</v>
      </c>
      <c r="C46467" s="1" t="s">
        <v>15</v>
      </c>
      <c r="D46467" s="1" t="s">
        <v>14126</v>
      </c>
      <c r="E46467" s="1" t="s">
        <v>158118</v>
      </c>
      <c r="F46467" s="1" t="s">
        <v>158119</v>
      </c>
      <c r="G46467" s="1" t="s">
        <v>158116</v>
      </c>
      <c r="H46467" s="1" t="s">
        <v>158117</v>
      </c>
      <c r="I46467" s="1" t="s">
        <v>156215</v>
      </c>
      <c r="J46467" s="1" t="s">
        <v>158120</v>
      </c>
    </row>
    <row r="46468" spans="1:10" x14ac:dyDescent="0.35">
      <c r="A46468" s="1" t="s">
        <v>6392</v>
      </c>
      <c r="B46468" s="1" t="s">
        <v>156209</v>
      </c>
      <c r="C46468" s="1" t="s">
        <v>20</v>
      </c>
      <c r="D46468" s="1" t="s">
        <v>110554</v>
      </c>
      <c r="E46468" s="1" t="s">
        <v>158121</v>
      </c>
      <c r="F46468" s="1" t="s">
        <v>158122</v>
      </c>
      <c r="G46468" s="1" t="s">
        <v>158116</v>
      </c>
      <c r="H46468" s="1" t="s">
        <v>158117</v>
      </c>
      <c r="I46468" s="1" t="s">
        <v>156215</v>
      </c>
      <c r="J46468" s="1" t="s">
        <v>158123</v>
      </c>
    </row>
    <row r="46469" spans="1:10" x14ac:dyDescent="0.35">
      <c r="A46469" s="1" t="s">
        <v>6392</v>
      </c>
      <c r="B46469" s="1" t="s">
        <v>156209</v>
      </c>
      <c r="C46469" s="1" t="s">
        <v>25</v>
      </c>
      <c r="D46469" s="1" t="s">
        <v>44306</v>
      </c>
      <c r="E46469" s="1" t="s">
        <v>158124</v>
      </c>
      <c r="F46469" s="1" t="s">
        <v>158125</v>
      </c>
      <c r="G46469" s="1" t="s">
        <v>158116</v>
      </c>
      <c r="H46469" s="1" t="s">
        <v>158117</v>
      </c>
      <c r="I46469" s="1" t="s">
        <v>156215</v>
      </c>
      <c r="J46469" s="1" t="s">
        <v>158126</v>
      </c>
    </row>
    <row r="46470" spans="1:10" x14ac:dyDescent="0.35">
      <c r="A46470" s="1" t="s">
        <v>6392</v>
      </c>
      <c r="B46470" s="1" t="s">
        <v>156209</v>
      </c>
      <c r="C46470" s="1" t="s">
        <v>30</v>
      </c>
      <c r="D46470" s="1" t="s">
        <v>104307</v>
      </c>
      <c r="E46470" s="1" t="s">
        <v>158127</v>
      </c>
      <c r="F46470" s="1" t="s">
        <v>158128</v>
      </c>
      <c r="G46470" s="1" t="s">
        <v>158116</v>
      </c>
      <c r="H46470" s="1" t="s">
        <v>158117</v>
      </c>
      <c r="I46470" s="1" t="s">
        <v>156215</v>
      </c>
      <c r="J46470" s="1" t="s">
        <v>158129</v>
      </c>
    </row>
    <row r="46471" spans="1:10" x14ac:dyDescent="0.35">
      <c r="A46471" s="1" t="s">
        <v>6392</v>
      </c>
      <c r="B46471" s="1" t="s">
        <v>156209</v>
      </c>
      <c r="C46471" s="1" t="s">
        <v>35</v>
      </c>
      <c r="D46471" s="1" t="s">
        <v>44542</v>
      </c>
      <c r="E46471" s="1" t="s">
        <v>158130</v>
      </c>
      <c r="F46471" s="1" t="s">
        <v>158131</v>
      </c>
      <c r="G46471" s="1" t="s">
        <v>158116</v>
      </c>
      <c r="H46471" s="1" t="s">
        <v>158117</v>
      </c>
      <c r="I46471" s="1" t="s">
        <v>156215</v>
      </c>
      <c r="J46471" s="1" t="s">
        <v>158132</v>
      </c>
    </row>
    <row r="46472" spans="1:10" x14ac:dyDescent="0.35">
      <c r="A46472" s="1" t="s">
        <v>6392</v>
      </c>
      <c r="B46472" s="1" t="s">
        <v>156209</v>
      </c>
      <c r="C46472" s="1" t="s">
        <v>40</v>
      </c>
      <c r="D46472" s="1" t="s">
        <v>158133</v>
      </c>
      <c r="E46472" s="1" t="s">
        <v>158134</v>
      </c>
      <c r="F46472" s="1" t="s">
        <v>158135</v>
      </c>
      <c r="G46472" s="1" t="s">
        <v>158116</v>
      </c>
      <c r="H46472" s="1" t="s">
        <v>158117</v>
      </c>
      <c r="I46472" s="1" t="s">
        <v>156215</v>
      </c>
      <c r="J46472" s="1" t="s">
        <v>158136</v>
      </c>
    </row>
    <row r="46473" spans="1:10" x14ac:dyDescent="0.35">
      <c r="A46473" s="1" t="s">
        <v>6392</v>
      </c>
      <c r="B46473" s="1" t="s">
        <v>156209</v>
      </c>
      <c r="C46473" s="1" t="s">
        <v>45</v>
      </c>
      <c r="D46473" s="1" t="s">
        <v>30024</v>
      </c>
      <c r="E46473" s="1" t="s">
        <v>158137</v>
      </c>
      <c r="F46473" s="1" t="s">
        <v>158138</v>
      </c>
      <c r="G46473" s="1" t="s">
        <v>158116</v>
      </c>
      <c r="H46473" s="1" t="s">
        <v>158117</v>
      </c>
      <c r="I46473" s="1" t="s">
        <v>156215</v>
      </c>
      <c r="J46473" s="1" t="s">
        <v>158139</v>
      </c>
    </row>
    <row r="46474" spans="1:10" x14ac:dyDescent="0.35">
      <c r="A46474" s="1" t="s">
        <v>6392</v>
      </c>
      <c r="B46474" s="1" t="s">
        <v>156209</v>
      </c>
      <c r="C46474" s="1" t="s">
        <v>50</v>
      </c>
      <c r="D46474" s="1" t="s">
        <v>51189</v>
      </c>
      <c r="E46474" s="1" t="s">
        <v>158140</v>
      </c>
      <c r="F46474" s="1" t="s">
        <v>158141</v>
      </c>
      <c r="G46474" s="1" t="s">
        <v>158116</v>
      </c>
      <c r="H46474" s="1" t="s">
        <v>158117</v>
      </c>
      <c r="I46474" s="1" t="s">
        <v>156215</v>
      </c>
      <c r="J46474" s="1" t="s">
        <v>158142</v>
      </c>
    </row>
    <row r="46475" spans="1:10" x14ac:dyDescent="0.35">
      <c r="A46475" s="1" t="s">
        <v>6392</v>
      </c>
      <c r="B46475" s="1" t="s">
        <v>156209</v>
      </c>
      <c r="C46475" s="1" t="s">
        <v>55</v>
      </c>
      <c r="D46475" s="1" t="s">
        <v>117950</v>
      </c>
      <c r="E46475" s="1" t="s">
        <v>158143</v>
      </c>
      <c r="F46475" s="1" t="s">
        <v>158144</v>
      </c>
      <c r="G46475" s="1" t="s">
        <v>158116</v>
      </c>
      <c r="H46475" s="1" t="s">
        <v>158117</v>
      </c>
      <c r="I46475" s="1" t="s">
        <v>156215</v>
      </c>
      <c r="J46475" s="1" t="s">
        <v>158145</v>
      </c>
    </row>
    <row r="46476" spans="1:10" x14ac:dyDescent="0.35">
      <c r="A46476" s="1" t="s">
        <v>6392</v>
      </c>
      <c r="B46476" s="1" t="s">
        <v>156209</v>
      </c>
      <c r="C46476" s="1" t="s">
        <v>60</v>
      </c>
      <c r="D46476" s="1" t="s">
        <v>8279</v>
      </c>
      <c r="E46476" s="1" t="s">
        <v>158146</v>
      </c>
      <c r="F46476" s="1" t="s">
        <v>158147</v>
      </c>
      <c r="G46476" s="1" t="s">
        <v>158116</v>
      </c>
      <c r="H46476" s="1" t="s">
        <v>158117</v>
      </c>
      <c r="I46476" s="1" t="s">
        <v>156215</v>
      </c>
      <c r="J46476" s="1" t="s">
        <v>158148</v>
      </c>
    </row>
    <row r="46477" spans="1:10" x14ac:dyDescent="0.35">
      <c r="A46477" s="1" t="s">
        <v>6392</v>
      </c>
      <c r="B46477" s="1" t="s">
        <v>156209</v>
      </c>
      <c r="C46477" s="1" t="s">
        <v>65</v>
      </c>
      <c r="D46477" s="1" t="s">
        <v>46442</v>
      </c>
      <c r="E46477" s="1" t="s">
        <v>158149</v>
      </c>
      <c r="F46477" s="1" t="s">
        <v>158150</v>
      </c>
      <c r="G46477" s="1" t="s">
        <v>158116</v>
      </c>
      <c r="H46477" s="1" t="s">
        <v>158117</v>
      </c>
      <c r="I46477" s="1" t="s">
        <v>156215</v>
      </c>
      <c r="J46477" s="1" t="s">
        <v>158151</v>
      </c>
    </row>
    <row r="46478" spans="1:10" x14ac:dyDescent="0.35">
      <c r="A46478" s="1" t="s">
        <v>6392</v>
      </c>
      <c r="B46478" s="1" t="s">
        <v>156209</v>
      </c>
      <c r="C46478" s="1" t="s">
        <v>70</v>
      </c>
      <c r="D46478" s="1" t="s">
        <v>158152</v>
      </c>
      <c r="E46478" s="1" t="s">
        <v>158153</v>
      </c>
      <c r="F46478" s="1" t="s">
        <v>158154</v>
      </c>
      <c r="G46478" s="1" t="s">
        <v>158116</v>
      </c>
      <c r="H46478" s="1" t="s">
        <v>158117</v>
      </c>
      <c r="I46478" s="1" t="s">
        <v>156215</v>
      </c>
      <c r="J46478" s="1" t="s">
        <v>158155</v>
      </c>
    </row>
    <row r="46479" spans="1:10" x14ac:dyDescent="0.35">
      <c r="A46479" s="1" t="s">
        <v>6392</v>
      </c>
      <c r="B46479" s="1" t="s">
        <v>156209</v>
      </c>
      <c r="C46479" s="1" t="s">
        <v>75</v>
      </c>
      <c r="D46479" s="1" t="s">
        <v>143095</v>
      </c>
      <c r="E46479" s="1" t="s">
        <v>158156</v>
      </c>
      <c r="F46479" s="1" t="s">
        <v>158157</v>
      </c>
      <c r="G46479" s="1" t="s">
        <v>158116</v>
      </c>
      <c r="H46479" s="1" t="s">
        <v>158117</v>
      </c>
      <c r="I46479" s="1" t="s">
        <v>156215</v>
      </c>
      <c r="J46479" s="1" t="s">
        <v>158158</v>
      </c>
    </row>
    <row r="46480" spans="1:10" x14ac:dyDescent="0.35">
      <c r="A46480" s="1" t="s">
        <v>6392</v>
      </c>
      <c r="B46480" s="1" t="s">
        <v>156209</v>
      </c>
      <c r="C46480" s="1" t="s">
        <v>80</v>
      </c>
      <c r="D46480" s="1" t="s">
        <v>6862</v>
      </c>
      <c r="E46480" s="1" t="s">
        <v>158159</v>
      </c>
      <c r="F46480" s="1" t="s">
        <v>158160</v>
      </c>
      <c r="G46480" s="1" t="s">
        <v>158116</v>
      </c>
      <c r="H46480" s="1" t="s">
        <v>158117</v>
      </c>
      <c r="I46480" s="1" t="s">
        <v>156215</v>
      </c>
      <c r="J46480" s="1" t="s">
        <v>158161</v>
      </c>
    </row>
    <row r="46481" spans="1:10" x14ac:dyDescent="0.35">
      <c r="A46481" s="1" t="s">
        <v>6392</v>
      </c>
      <c r="B46481" s="1" t="s">
        <v>156209</v>
      </c>
      <c r="C46481" s="1" t="s">
        <v>85</v>
      </c>
      <c r="D46481" s="1" t="s">
        <v>158162</v>
      </c>
      <c r="E46481" s="1" t="s">
        <v>158163</v>
      </c>
      <c r="F46481" s="1" t="s">
        <v>158164</v>
      </c>
      <c r="G46481" s="1" t="s">
        <v>158116</v>
      </c>
      <c r="H46481" s="1" t="s">
        <v>158117</v>
      </c>
      <c r="I46481" s="1" t="s">
        <v>156215</v>
      </c>
      <c r="J46481" s="1" t="s">
        <v>158165</v>
      </c>
    </row>
    <row r="46482" spans="1:10" x14ac:dyDescent="0.35">
      <c r="A46482" s="1" t="s">
        <v>6392</v>
      </c>
      <c r="B46482" s="1" t="s">
        <v>156209</v>
      </c>
      <c r="C46482" s="1" t="s">
        <v>90</v>
      </c>
      <c r="D46482" s="1" t="s">
        <v>112649</v>
      </c>
      <c r="E46482" s="1" t="s">
        <v>158166</v>
      </c>
      <c r="F46482" s="1" t="s">
        <v>158167</v>
      </c>
      <c r="G46482" s="1" t="s">
        <v>158116</v>
      </c>
      <c r="H46482" s="1" t="s">
        <v>158117</v>
      </c>
      <c r="I46482" s="1" t="s">
        <v>156215</v>
      </c>
      <c r="J46482" s="1" t="s">
        <v>158168</v>
      </c>
    </row>
    <row r="46483" spans="1:10" x14ac:dyDescent="0.35">
      <c r="A46483" s="1" t="s">
        <v>6392</v>
      </c>
      <c r="B46483" s="1" t="s">
        <v>156209</v>
      </c>
      <c r="C46483" s="1" t="s">
        <v>95</v>
      </c>
      <c r="D46483" s="1" t="s">
        <v>28794</v>
      </c>
      <c r="E46483" s="1" t="s">
        <v>158169</v>
      </c>
      <c r="F46483" s="1" t="s">
        <v>158170</v>
      </c>
      <c r="G46483" s="1" t="s">
        <v>158116</v>
      </c>
      <c r="H46483" s="1" t="s">
        <v>158117</v>
      </c>
      <c r="I46483" s="1" t="s">
        <v>156215</v>
      </c>
      <c r="J46483" s="1" t="s">
        <v>158171</v>
      </c>
    </row>
    <row r="46484" spans="1:10" x14ac:dyDescent="0.35">
      <c r="A46484" s="1" t="s">
        <v>6392</v>
      </c>
      <c r="B46484" s="1" t="s">
        <v>156209</v>
      </c>
      <c r="C46484" s="1" t="s">
        <v>100</v>
      </c>
      <c r="D46484" s="1" t="s">
        <v>28288</v>
      </c>
      <c r="E46484" s="1" t="s">
        <v>158172</v>
      </c>
      <c r="F46484" s="1" t="s">
        <v>158173</v>
      </c>
      <c r="G46484" s="1" t="s">
        <v>158116</v>
      </c>
      <c r="H46484" s="1" t="s">
        <v>158117</v>
      </c>
      <c r="I46484" s="1" t="s">
        <v>156215</v>
      </c>
      <c r="J46484" s="1" t="s">
        <v>158174</v>
      </c>
    </row>
    <row r="46485" spans="1:10" x14ac:dyDescent="0.35">
      <c r="A46485" s="1" t="s">
        <v>6392</v>
      </c>
      <c r="B46485" s="1" t="s">
        <v>156209</v>
      </c>
      <c r="C46485" s="1" t="s">
        <v>105</v>
      </c>
      <c r="D46485" s="1" t="s">
        <v>4745</v>
      </c>
      <c r="E46485" s="1" t="s">
        <v>158175</v>
      </c>
      <c r="F46485" s="1" t="s">
        <v>158176</v>
      </c>
      <c r="G46485" s="1" t="s">
        <v>158116</v>
      </c>
      <c r="H46485" s="1" t="s">
        <v>158117</v>
      </c>
      <c r="I46485" s="1" t="s">
        <v>156215</v>
      </c>
      <c r="J46485" s="1" t="s">
        <v>158177</v>
      </c>
    </row>
    <row r="46486" spans="1:10" x14ac:dyDescent="0.35">
      <c r="A46486" s="1" t="s">
        <v>6392</v>
      </c>
      <c r="B46486" s="1" t="s">
        <v>156209</v>
      </c>
      <c r="C46486" s="1" t="s">
        <v>110</v>
      </c>
      <c r="D46486" s="1" t="s">
        <v>112358</v>
      </c>
      <c r="E46486" s="1" t="s">
        <v>158178</v>
      </c>
      <c r="F46486" s="1" t="s">
        <v>158179</v>
      </c>
      <c r="G46486" s="1" t="s">
        <v>158116</v>
      </c>
      <c r="H46486" s="1" t="s">
        <v>158117</v>
      </c>
      <c r="I46486" s="1" t="s">
        <v>156215</v>
      </c>
      <c r="J46486" s="1" t="s">
        <v>158180</v>
      </c>
    </row>
    <row r="46487" spans="1:10" x14ac:dyDescent="0.35">
      <c r="A46487" s="1" t="s">
        <v>6392</v>
      </c>
      <c r="B46487" s="1" t="s">
        <v>156209</v>
      </c>
      <c r="C46487" s="1" t="s">
        <v>115</v>
      </c>
      <c r="D46487" s="1" t="s">
        <v>14541</v>
      </c>
      <c r="E46487" s="1" t="s">
        <v>158181</v>
      </c>
      <c r="F46487" s="1" t="s">
        <v>158182</v>
      </c>
      <c r="G46487" s="1" t="s">
        <v>158116</v>
      </c>
      <c r="H46487" s="1" t="s">
        <v>158117</v>
      </c>
      <c r="I46487" s="1" t="s">
        <v>156215</v>
      </c>
      <c r="J46487" s="1" t="s">
        <v>158183</v>
      </c>
    </row>
    <row r="46488" spans="1:10" x14ac:dyDescent="0.35">
      <c r="A46488" s="1" t="s">
        <v>6392</v>
      </c>
      <c r="B46488" s="1" t="s">
        <v>156209</v>
      </c>
      <c r="C46488" s="1" t="s">
        <v>120</v>
      </c>
      <c r="D46488" s="1" t="s">
        <v>2394</v>
      </c>
      <c r="E46488" s="1" t="s">
        <v>158184</v>
      </c>
      <c r="F46488" s="1" t="s">
        <v>158185</v>
      </c>
      <c r="G46488" s="1" t="s">
        <v>158116</v>
      </c>
      <c r="H46488" s="1" t="s">
        <v>158117</v>
      </c>
      <c r="I46488" s="1" t="s">
        <v>156215</v>
      </c>
      <c r="J46488" s="1" t="s">
        <v>158186</v>
      </c>
    </row>
    <row r="46489" spans="1:10" x14ac:dyDescent="0.35">
      <c r="A46489" s="1" t="s">
        <v>6392</v>
      </c>
      <c r="B46489" s="1" t="s">
        <v>156209</v>
      </c>
      <c r="C46489" s="1" t="s">
        <v>125</v>
      </c>
      <c r="D46489" s="1" t="s">
        <v>50998</v>
      </c>
      <c r="E46489" s="1" t="s">
        <v>158187</v>
      </c>
      <c r="F46489" s="1" t="s">
        <v>158188</v>
      </c>
      <c r="G46489" s="1" t="s">
        <v>158116</v>
      </c>
      <c r="H46489" s="1" t="s">
        <v>158117</v>
      </c>
      <c r="I46489" s="1" t="s">
        <v>156215</v>
      </c>
      <c r="J46489" s="1" t="s">
        <v>158189</v>
      </c>
    </row>
    <row r="46490" spans="1:10" x14ac:dyDescent="0.35">
      <c r="A46490" s="1" t="s">
        <v>6392</v>
      </c>
      <c r="B46490" s="1" t="s">
        <v>156209</v>
      </c>
      <c r="C46490" s="1" t="s">
        <v>130</v>
      </c>
      <c r="D46490" s="1" t="s">
        <v>148200</v>
      </c>
      <c r="E46490" s="1" t="s">
        <v>158190</v>
      </c>
      <c r="F46490" s="1" t="s">
        <v>158191</v>
      </c>
      <c r="G46490" s="1" t="s">
        <v>158116</v>
      </c>
      <c r="H46490" s="1" t="s">
        <v>158117</v>
      </c>
      <c r="I46490" s="1" t="s">
        <v>156215</v>
      </c>
      <c r="J46490" s="1" t="s">
        <v>158192</v>
      </c>
    </row>
    <row r="46491" spans="1:10" x14ac:dyDescent="0.35">
      <c r="A46491" s="1" t="s">
        <v>6392</v>
      </c>
      <c r="B46491" s="1" t="s">
        <v>156209</v>
      </c>
      <c r="C46491" s="1" t="s">
        <v>135</v>
      </c>
      <c r="D46491" s="1" t="s">
        <v>14798</v>
      </c>
      <c r="E46491" s="1" t="s">
        <v>158193</v>
      </c>
      <c r="F46491" s="1" t="s">
        <v>158194</v>
      </c>
      <c r="G46491" s="1" t="s">
        <v>158116</v>
      </c>
      <c r="H46491" s="1" t="s">
        <v>158117</v>
      </c>
      <c r="I46491" s="1" t="s">
        <v>156215</v>
      </c>
      <c r="J46491" s="1" t="s">
        <v>158195</v>
      </c>
    </row>
    <row r="46492" spans="1:10" x14ac:dyDescent="0.35">
      <c r="A46492" s="1" t="s">
        <v>6392</v>
      </c>
      <c r="B46492" s="1" t="s">
        <v>156209</v>
      </c>
      <c r="C46492" s="1" t="s">
        <v>140</v>
      </c>
      <c r="D46492" s="1" t="s">
        <v>4122</v>
      </c>
      <c r="E46492" s="1" t="s">
        <v>158196</v>
      </c>
      <c r="F46492" s="1" t="s">
        <v>158197</v>
      </c>
      <c r="G46492" s="1" t="s">
        <v>158116</v>
      </c>
      <c r="H46492" s="1" t="s">
        <v>158117</v>
      </c>
      <c r="I46492" s="1" t="s">
        <v>156215</v>
      </c>
      <c r="J46492" s="1" t="s">
        <v>158198</v>
      </c>
    </row>
    <row r="46493" spans="1:10" x14ac:dyDescent="0.35">
      <c r="A46493" s="1" t="s">
        <v>6392</v>
      </c>
      <c r="B46493" s="1" t="s">
        <v>156209</v>
      </c>
      <c r="C46493" s="1" t="s">
        <v>145</v>
      </c>
      <c r="D46493" s="1" t="s">
        <v>10838</v>
      </c>
      <c r="E46493" s="1" t="s">
        <v>158199</v>
      </c>
      <c r="F46493" s="1" t="s">
        <v>158200</v>
      </c>
      <c r="G46493" s="1" t="s">
        <v>158116</v>
      </c>
      <c r="H46493" s="1" t="s">
        <v>158117</v>
      </c>
      <c r="I46493" s="1" t="s">
        <v>156215</v>
      </c>
      <c r="J46493" s="1" t="s">
        <v>158201</v>
      </c>
    </row>
    <row r="46494" spans="1:10" x14ac:dyDescent="0.35">
      <c r="A46494" s="1" t="s">
        <v>6392</v>
      </c>
      <c r="B46494" s="1" t="s">
        <v>156209</v>
      </c>
      <c r="C46494" s="1" t="s">
        <v>150</v>
      </c>
      <c r="D46494" s="1" t="s">
        <v>2366</v>
      </c>
      <c r="E46494" s="1" t="s">
        <v>158202</v>
      </c>
      <c r="F46494" s="1" t="s">
        <v>158203</v>
      </c>
      <c r="G46494" s="1" t="s">
        <v>158116</v>
      </c>
      <c r="H46494" s="1" t="s">
        <v>158117</v>
      </c>
      <c r="I46494" s="1" t="s">
        <v>156215</v>
      </c>
      <c r="J46494" s="1" t="s">
        <v>158204</v>
      </c>
    </row>
    <row r="46495" spans="1:10" x14ac:dyDescent="0.35">
      <c r="A46495" s="1" t="s">
        <v>6392</v>
      </c>
      <c r="B46495" s="1" t="s">
        <v>156209</v>
      </c>
      <c r="C46495" s="1" t="s">
        <v>155</v>
      </c>
      <c r="D46495" s="1" t="s">
        <v>8971</v>
      </c>
      <c r="E46495" s="1" t="s">
        <v>158205</v>
      </c>
      <c r="F46495" s="1" t="s">
        <v>158206</v>
      </c>
      <c r="G46495" s="1" t="s">
        <v>158116</v>
      </c>
      <c r="H46495" s="1" t="s">
        <v>158117</v>
      </c>
      <c r="I46495" s="1" t="s">
        <v>156215</v>
      </c>
      <c r="J46495" s="1" t="s">
        <v>158207</v>
      </c>
    </row>
    <row r="46496" spans="1:10" x14ac:dyDescent="0.35">
      <c r="A46496" s="1" t="s">
        <v>6392</v>
      </c>
      <c r="B46496" s="1" t="s">
        <v>156209</v>
      </c>
      <c r="C46496" s="1" t="s">
        <v>160</v>
      </c>
      <c r="D46496" s="1" t="s">
        <v>15748</v>
      </c>
      <c r="E46496" s="1" t="s">
        <v>158208</v>
      </c>
      <c r="F46496" s="1" t="s">
        <v>158209</v>
      </c>
      <c r="G46496" s="1" t="s">
        <v>158116</v>
      </c>
      <c r="H46496" s="1" t="s">
        <v>158117</v>
      </c>
      <c r="I46496" s="1" t="s">
        <v>156215</v>
      </c>
      <c r="J46496" s="1" t="s">
        <v>158210</v>
      </c>
    </row>
    <row r="46497" spans="1:10" x14ac:dyDescent="0.35">
      <c r="A46497" s="1" t="s">
        <v>6392</v>
      </c>
      <c r="B46497" s="1" t="s">
        <v>156209</v>
      </c>
      <c r="C46497" s="1" t="s">
        <v>165</v>
      </c>
      <c r="D46497" s="1" t="s">
        <v>158211</v>
      </c>
      <c r="E46497" s="1" t="s">
        <v>158212</v>
      </c>
      <c r="F46497" s="1" t="s">
        <v>158213</v>
      </c>
      <c r="G46497" s="1" t="s">
        <v>158116</v>
      </c>
      <c r="H46497" s="1" t="s">
        <v>158117</v>
      </c>
      <c r="I46497" s="1" t="s">
        <v>156215</v>
      </c>
      <c r="J46497" s="1" t="s">
        <v>158214</v>
      </c>
    </row>
    <row r="46498" spans="1:10" x14ac:dyDescent="0.35">
      <c r="A46498" s="1" t="s">
        <v>6392</v>
      </c>
      <c r="B46498" s="1" t="s">
        <v>156209</v>
      </c>
      <c r="C46498" s="1" t="s">
        <v>170</v>
      </c>
      <c r="D46498" s="1" t="s">
        <v>7988</v>
      </c>
      <c r="E46498" s="1" t="s">
        <v>158215</v>
      </c>
      <c r="F46498" s="1" t="s">
        <v>158216</v>
      </c>
      <c r="G46498" s="1" t="s">
        <v>158116</v>
      </c>
      <c r="H46498" s="1" t="s">
        <v>158117</v>
      </c>
      <c r="I46498" s="1" t="s">
        <v>156215</v>
      </c>
      <c r="J46498" s="1" t="s">
        <v>158217</v>
      </c>
    </row>
    <row r="46499" spans="1:10" x14ac:dyDescent="0.35">
      <c r="A46499" s="1" t="s">
        <v>28879</v>
      </c>
      <c r="B46499" s="1" t="s">
        <v>156209</v>
      </c>
      <c r="C46499" s="1" t="s">
        <v>8</v>
      </c>
      <c r="D46499" s="1" t="s">
        <v>158218</v>
      </c>
      <c r="E46499" s="1" t="s">
        <v>158219</v>
      </c>
      <c r="F46499" s="1" t="s">
        <v>158220</v>
      </c>
      <c r="G46499" s="1" t="s">
        <v>158221</v>
      </c>
      <c r="H46499" s="1" t="s">
        <v>158222</v>
      </c>
      <c r="I46499" s="1" t="s">
        <v>156215</v>
      </c>
      <c r="J46499" s="1" t="s">
        <v>13</v>
      </c>
    </row>
    <row r="46500" spans="1:10" x14ac:dyDescent="0.35">
      <c r="A46500" s="1" t="s">
        <v>28879</v>
      </c>
      <c r="B46500" s="1" t="s">
        <v>156209</v>
      </c>
      <c r="C46500" s="1" t="s">
        <v>15</v>
      </c>
      <c r="D46500" s="1" t="s">
        <v>25546</v>
      </c>
      <c r="E46500" s="1" t="s">
        <v>158223</v>
      </c>
      <c r="F46500" s="1" t="s">
        <v>158224</v>
      </c>
      <c r="G46500" s="1" t="s">
        <v>158221</v>
      </c>
      <c r="H46500" s="1" t="s">
        <v>158222</v>
      </c>
      <c r="I46500" s="1" t="s">
        <v>156215</v>
      </c>
      <c r="J46500" s="1" t="s">
        <v>158225</v>
      </c>
    </row>
    <row r="46501" spans="1:10" x14ac:dyDescent="0.35">
      <c r="A46501" s="1" t="s">
        <v>28879</v>
      </c>
      <c r="B46501" s="1" t="s">
        <v>156209</v>
      </c>
      <c r="C46501" s="1" t="s">
        <v>20</v>
      </c>
      <c r="D46501" s="1" t="s">
        <v>27433</v>
      </c>
      <c r="E46501" s="1" t="s">
        <v>158226</v>
      </c>
      <c r="F46501" s="1" t="s">
        <v>158227</v>
      </c>
      <c r="G46501" s="1" t="s">
        <v>158221</v>
      </c>
      <c r="H46501" s="1" t="s">
        <v>158222</v>
      </c>
      <c r="I46501" s="1" t="s">
        <v>156215</v>
      </c>
      <c r="J46501" s="1" t="s">
        <v>158228</v>
      </c>
    </row>
    <row r="46502" spans="1:10" x14ac:dyDescent="0.35">
      <c r="A46502" s="1" t="s">
        <v>28879</v>
      </c>
      <c r="B46502" s="1" t="s">
        <v>156209</v>
      </c>
      <c r="C46502" s="1" t="s">
        <v>25</v>
      </c>
      <c r="D46502" s="1" t="s">
        <v>47323</v>
      </c>
      <c r="E46502" s="1" t="s">
        <v>158229</v>
      </c>
      <c r="F46502" s="1" t="s">
        <v>158230</v>
      </c>
      <c r="G46502" s="1" t="s">
        <v>158221</v>
      </c>
      <c r="H46502" s="1" t="s">
        <v>158222</v>
      </c>
      <c r="I46502" s="1" t="s">
        <v>156215</v>
      </c>
      <c r="J46502" s="1" t="s">
        <v>158231</v>
      </c>
    </row>
    <row r="46503" spans="1:10" x14ac:dyDescent="0.35">
      <c r="A46503" s="1" t="s">
        <v>28879</v>
      </c>
      <c r="B46503" s="1" t="s">
        <v>156209</v>
      </c>
      <c r="C46503" s="1" t="s">
        <v>30</v>
      </c>
      <c r="D46503" s="1" t="s">
        <v>144044</v>
      </c>
      <c r="E46503" s="1" t="s">
        <v>158232</v>
      </c>
      <c r="F46503" s="1" t="s">
        <v>158233</v>
      </c>
      <c r="G46503" s="1" t="s">
        <v>158221</v>
      </c>
      <c r="H46503" s="1" t="s">
        <v>158222</v>
      </c>
      <c r="I46503" s="1" t="s">
        <v>156215</v>
      </c>
      <c r="J46503" s="1" t="s">
        <v>157699</v>
      </c>
    </row>
    <row r="46504" spans="1:10" x14ac:dyDescent="0.35">
      <c r="A46504" s="1" t="s">
        <v>28879</v>
      </c>
      <c r="B46504" s="1" t="s">
        <v>156209</v>
      </c>
      <c r="C46504" s="1" t="s">
        <v>35</v>
      </c>
      <c r="D46504" s="1" t="s">
        <v>142658</v>
      </c>
      <c r="E46504" s="1" t="s">
        <v>158234</v>
      </c>
      <c r="F46504" s="1" t="s">
        <v>158235</v>
      </c>
      <c r="G46504" s="1" t="s">
        <v>158221</v>
      </c>
      <c r="H46504" s="1" t="s">
        <v>158222</v>
      </c>
      <c r="I46504" s="1" t="s">
        <v>156215</v>
      </c>
      <c r="J46504" s="1" t="s">
        <v>158236</v>
      </c>
    </row>
    <row r="46505" spans="1:10" x14ac:dyDescent="0.35">
      <c r="A46505" s="1" t="s">
        <v>28879</v>
      </c>
      <c r="B46505" s="1" t="s">
        <v>156209</v>
      </c>
      <c r="C46505" s="1" t="s">
        <v>40</v>
      </c>
      <c r="D46505" s="1" t="s">
        <v>43814</v>
      </c>
      <c r="E46505" s="1" t="s">
        <v>158237</v>
      </c>
      <c r="F46505" s="1" t="s">
        <v>158238</v>
      </c>
      <c r="G46505" s="1" t="s">
        <v>158221</v>
      </c>
      <c r="H46505" s="1" t="s">
        <v>158222</v>
      </c>
      <c r="I46505" s="1" t="s">
        <v>156215</v>
      </c>
      <c r="J46505" s="1" t="s">
        <v>158239</v>
      </c>
    </row>
    <row r="46506" spans="1:10" x14ac:dyDescent="0.35">
      <c r="A46506" s="1" t="s">
        <v>28879</v>
      </c>
      <c r="B46506" s="1" t="s">
        <v>156209</v>
      </c>
      <c r="C46506" s="1" t="s">
        <v>45</v>
      </c>
      <c r="D46506" s="1" t="s">
        <v>2089</v>
      </c>
      <c r="E46506" s="1" t="s">
        <v>158240</v>
      </c>
      <c r="F46506" s="1" t="s">
        <v>158241</v>
      </c>
      <c r="G46506" s="1" t="s">
        <v>158221</v>
      </c>
      <c r="H46506" s="1" t="s">
        <v>158222</v>
      </c>
      <c r="I46506" s="1" t="s">
        <v>156215</v>
      </c>
      <c r="J46506" s="1" t="s">
        <v>158242</v>
      </c>
    </row>
    <row r="46507" spans="1:10" x14ac:dyDescent="0.35">
      <c r="A46507" s="1" t="s">
        <v>28879</v>
      </c>
      <c r="B46507" s="1" t="s">
        <v>156209</v>
      </c>
      <c r="C46507" s="1" t="s">
        <v>50</v>
      </c>
      <c r="D46507" s="1" t="s">
        <v>158243</v>
      </c>
      <c r="E46507" s="1" t="s">
        <v>158244</v>
      </c>
      <c r="F46507" s="1" t="s">
        <v>158245</v>
      </c>
      <c r="G46507" s="1" t="s">
        <v>158221</v>
      </c>
      <c r="H46507" s="1" t="s">
        <v>158222</v>
      </c>
      <c r="I46507" s="1" t="s">
        <v>156215</v>
      </c>
      <c r="J46507" s="1" t="s">
        <v>158246</v>
      </c>
    </row>
    <row r="46508" spans="1:10" x14ac:dyDescent="0.35">
      <c r="A46508" s="1" t="s">
        <v>28879</v>
      </c>
      <c r="B46508" s="1" t="s">
        <v>156209</v>
      </c>
      <c r="C46508" s="1" t="s">
        <v>55</v>
      </c>
      <c r="D46508" s="1" t="s">
        <v>119290</v>
      </c>
      <c r="E46508" s="1" t="s">
        <v>158247</v>
      </c>
      <c r="F46508" s="1" t="s">
        <v>158248</v>
      </c>
      <c r="G46508" s="1" t="s">
        <v>158221</v>
      </c>
      <c r="H46508" s="1" t="s">
        <v>158222</v>
      </c>
      <c r="I46508" s="1" t="s">
        <v>156215</v>
      </c>
      <c r="J46508" s="1" t="s">
        <v>158249</v>
      </c>
    </row>
    <row r="46509" spans="1:10" x14ac:dyDescent="0.35">
      <c r="A46509" s="1" t="s">
        <v>28879</v>
      </c>
      <c r="B46509" s="1" t="s">
        <v>156209</v>
      </c>
      <c r="C46509" s="1" t="s">
        <v>60</v>
      </c>
      <c r="D46509" s="1" t="s">
        <v>44769</v>
      </c>
      <c r="E46509" s="1" t="s">
        <v>158250</v>
      </c>
      <c r="F46509" s="1" t="s">
        <v>158251</v>
      </c>
      <c r="G46509" s="1" t="s">
        <v>158221</v>
      </c>
      <c r="H46509" s="1" t="s">
        <v>158222</v>
      </c>
      <c r="I46509" s="1" t="s">
        <v>156215</v>
      </c>
      <c r="J46509" s="1" t="s">
        <v>158252</v>
      </c>
    </row>
    <row r="46510" spans="1:10" x14ac:dyDescent="0.35">
      <c r="A46510" s="1" t="s">
        <v>28879</v>
      </c>
      <c r="B46510" s="1" t="s">
        <v>156209</v>
      </c>
      <c r="C46510" s="1" t="s">
        <v>65</v>
      </c>
      <c r="D46510" s="1" t="s">
        <v>15224</v>
      </c>
      <c r="E46510" s="1" t="s">
        <v>158253</v>
      </c>
      <c r="F46510" s="1" t="s">
        <v>158254</v>
      </c>
      <c r="G46510" s="1" t="s">
        <v>158221</v>
      </c>
      <c r="H46510" s="1" t="s">
        <v>158222</v>
      </c>
      <c r="I46510" s="1" t="s">
        <v>156215</v>
      </c>
      <c r="J46510" s="1" t="s">
        <v>158255</v>
      </c>
    </row>
    <row r="46511" spans="1:10" x14ac:dyDescent="0.35">
      <c r="A46511" s="1" t="s">
        <v>28879</v>
      </c>
      <c r="B46511" s="1" t="s">
        <v>156209</v>
      </c>
      <c r="C46511" s="1" t="s">
        <v>70</v>
      </c>
      <c r="D46511" s="1" t="s">
        <v>4026</v>
      </c>
      <c r="E46511" s="1" t="s">
        <v>158256</v>
      </c>
      <c r="F46511" s="1" t="s">
        <v>158257</v>
      </c>
      <c r="G46511" s="1" t="s">
        <v>158221</v>
      </c>
      <c r="H46511" s="1" t="s">
        <v>158222</v>
      </c>
      <c r="I46511" s="1" t="s">
        <v>156215</v>
      </c>
      <c r="J46511" s="1" t="s">
        <v>158258</v>
      </c>
    </row>
    <row r="46512" spans="1:10" x14ac:dyDescent="0.35">
      <c r="A46512" s="1" t="s">
        <v>28879</v>
      </c>
      <c r="B46512" s="1" t="s">
        <v>156209</v>
      </c>
      <c r="C46512" s="1" t="s">
        <v>75</v>
      </c>
      <c r="D46512" s="1" t="s">
        <v>25849</v>
      </c>
      <c r="E46512" s="1" t="s">
        <v>158259</v>
      </c>
      <c r="F46512" s="1" t="s">
        <v>158260</v>
      </c>
      <c r="G46512" s="1" t="s">
        <v>158221</v>
      </c>
      <c r="H46512" s="1" t="s">
        <v>158222</v>
      </c>
      <c r="I46512" s="1" t="s">
        <v>156215</v>
      </c>
      <c r="J46512" s="1" t="s">
        <v>158261</v>
      </c>
    </row>
    <row r="46513" spans="1:10" x14ac:dyDescent="0.35">
      <c r="A46513" s="1" t="s">
        <v>28879</v>
      </c>
      <c r="B46513" s="1" t="s">
        <v>156209</v>
      </c>
      <c r="C46513" s="1" t="s">
        <v>80</v>
      </c>
      <c r="D46513" s="1" t="s">
        <v>157543</v>
      </c>
      <c r="E46513" s="1" t="s">
        <v>158262</v>
      </c>
      <c r="F46513" s="1" t="s">
        <v>158263</v>
      </c>
      <c r="G46513" s="1" t="s">
        <v>158221</v>
      </c>
      <c r="H46513" s="1" t="s">
        <v>158222</v>
      </c>
      <c r="I46513" s="1" t="s">
        <v>156215</v>
      </c>
      <c r="J46513" s="1" t="s">
        <v>158264</v>
      </c>
    </row>
    <row r="46514" spans="1:10" x14ac:dyDescent="0.35">
      <c r="A46514" s="1" t="s">
        <v>28879</v>
      </c>
      <c r="B46514" s="1" t="s">
        <v>156209</v>
      </c>
      <c r="C46514" s="1" t="s">
        <v>85</v>
      </c>
      <c r="D46514" s="1" t="s">
        <v>110721</v>
      </c>
      <c r="E46514" s="1" t="s">
        <v>158265</v>
      </c>
      <c r="F46514" s="1" t="s">
        <v>158266</v>
      </c>
      <c r="G46514" s="1" t="s">
        <v>158221</v>
      </c>
      <c r="H46514" s="1" t="s">
        <v>158222</v>
      </c>
      <c r="I46514" s="1" t="s">
        <v>156215</v>
      </c>
      <c r="J46514" s="1" t="s">
        <v>158267</v>
      </c>
    </row>
    <row r="46515" spans="1:10" x14ac:dyDescent="0.35">
      <c r="A46515" s="1" t="s">
        <v>28879</v>
      </c>
      <c r="B46515" s="1" t="s">
        <v>156209</v>
      </c>
      <c r="C46515" s="1" t="s">
        <v>90</v>
      </c>
      <c r="D46515" s="1" t="s">
        <v>2358</v>
      </c>
      <c r="E46515" s="1" t="s">
        <v>158268</v>
      </c>
      <c r="F46515" s="1" t="s">
        <v>158269</v>
      </c>
      <c r="G46515" s="1" t="s">
        <v>158221</v>
      </c>
      <c r="H46515" s="1" t="s">
        <v>158222</v>
      </c>
      <c r="I46515" s="1" t="s">
        <v>156215</v>
      </c>
      <c r="J46515" s="1" t="s">
        <v>158270</v>
      </c>
    </row>
    <row r="46516" spans="1:10" x14ac:dyDescent="0.35">
      <c r="A46516" s="1" t="s">
        <v>28879</v>
      </c>
      <c r="B46516" s="1" t="s">
        <v>156209</v>
      </c>
      <c r="C46516" s="1" t="s">
        <v>95</v>
      </c>
      <c r="D46516" s="1" t="s">
        <v>150925</v>
      </c>
      <c r="E46516" s="1" t="s">
        <v>158271</v>
      </c>
      <c r="F46516" s="1" t="s">
        <v>158272</v>
      </c>
      <c r="G46516" s="1" t="s">
        <v>158221</v>
      </c>
      <c r="H46516" s="1" t="s">
        <v>158222</v>
      </c>
      <c r="I46516" s="1" t="s">
        <v>156215</v>
      </c>
      <c r="J46516" s="1" t="s">
        <v>158273</v>
      </c>
    </row>
    <row r="46517" spans="1:10" x14ac:dyDescent="0.35">
      <c r="A46517" s="1" t="s">
        <v>28879</v>
      </c>
      <c r="B46517" s="1" t="s">
        <v>156209</v>
      </c>
      <c r="C46517" s="1" t="s">
        <v>100</v>
      </c>
      <c r="D46517" s="1" t="s">
        <v>158274</v>
      </c>
      <c r="E46517" s="1" t="s">
        <v>158275</v>
      </c>
      <c r="F46517" s="1" t="s">
        <v>158276</v>
      </c>
      <c r="G46517" s="1" t="s">
        <v>158221</v>
      </c>
      <c r="H46517" s="1" t="s">
        <v>158222</v>
      </c>
      <c r="I46517" s="1" t="s">
        <v>156215</v>
      </c>
      <c r="J46517" s="1" t="s">
        <v>158277</v>
      </c>
    </row>
    <row r="46518" spans="1:10" x14ac:dyDescent="0.35">
      <c r="A46518" s="1" t="s">
        <v>28879</v>
      </c>
      <c r="B46518" s="1" t="s">
        <v>156209</v>
      </c>
      <c r="C46518" s="1" t="s">
        <v>105</v>
      </c>
      <c r="D46518" s="1" t="s">
        <v>158278</v>
      </c>
      <c r="E46518" s="1" t="s">
        <v>158279</v>
      </c>
      <c r="F46518" s="1" t="s">
        <v>158280</v>
      </c>
      <c r="G46518" s="1" t="s">
        <v>158221</v>
      </c>
      <c r="H46518" s="1" t="s">
        <v>158222</v>
      </c>
      <c r="I46518" s="1" t="s">
        <v>156215</v>
      </c>
      <c r="J46518" s="1" t="s">
        <v>158281</v>
      </c>
    </row>
    <row r="46519" spans="1:10" x14ac:dyDescent="0.35">
      <c r="A46519" s="1" t="s">
        <v>28879</v>
      </c>
      <c r="B46519" s="1" t="s">
        <v>156209</v>
      </c>
      <c r="C46519" s="1" t="s">
        <v>110</v>
      </c>
      <c r="D46519" s="1" t="s">
        <v>158282</v>
      </c>
      <c r="E46519" s="1" t="s">
        <v>158283</v>
      </c>
      <c r="F46519" s="1" t="s">
        <v>158284</v>
      </c>
      <c r="G46519" s="1" t="s">
        <v>158221</v>
      </c>
      <c r="H46519" s="1" t="s">
        <v>158222</v>
      </c>
      <c r="I46519" s="1" t="s">
        <v>156215</v>
      </c>
      <c r="J46519" s="1" t="s">
        <v>158285</v>
      </c>
    </row>
    <row r="46520" spans="1:10" x14ac:dyDescent="0.35">
      <c r="A46520" s="1" t="s">
        <v>28879</v>
      </c>
      <c r="B46520" s="1" t="s">
        <v>156209</v>
      </c>
      <c r="C46520" s="1" t="s">
        <v>115</v>
      </c>
      <c r="D46520" s="1" t="s">
        <v>158286</v>
      </c>
      <c r="E46520" s="1" t="s">
        <v>158287</v>
      </c>
      <c r="F46520" s="1" t="s">
        <v>158288</v>
      </c>
      <c r="G46520" s="1" t="s">
        <v>158221</v>
      </c>
      <c r="H46520" s="1" t="s">
        <v>158222</v>
      </c>
      <c r="I46520" s="1" t="s">
        <v>156215</v>
      </c>
      <c r="J46520" s="1" t="s">
        <v>158289</v>
      </c>
    </row>
    <row r="46521" spans="1:10" x14ac:dyDescent="0.35">
      <c r="A46521" s="1" t="s">
        <v>28879</v>
      </c>
      <c r="B46521" s="1" t="s">
        <v>156209</v>
      </c>
      <c r="C46521" s="1" t="s">
        <v>120</v>
      </c>
      <c r="D46521" s="1" t="s">
        <v>158290</v>
      </c>
      <c r="E46521" s="1" t="s">
        <v>158291</v>
      </c>
      <c r="F46521" s="1" t="s">
        <v>158292</v>
      </c>
      <c r="G46521" s="1" t="s">
        <v>158221</v>
      </c>
      <c r="H46521" s="1" t="s">
        <v>158222</v>
      </c>
      <c r="I46521" s="1" t="s">
        <v>156215</v>
      </c>
      <c r="J46521" s="1" t="s">
        <v>158293</v>
      </c>
    </row>
    <row r="46522" spans="1:10" x14ac:dyDescent="0.35">
      <c r="A46522" s="1" t="s">
        <v>28879</v>
      </c>
      <c r="B46522" s="1" t="s">
        <v>156209</v>
      </c>
      <c r="C46522" s="1" t="s">
        <v>125</v>
      </c>
      <c r="D46522" s="1" t="s">
        <v>44963</v>
      </c>
      <c r="E46522" s="1" t="s">
        <v>158294</v>
      </c>
      <c r="F46522" s="1" t="s">
        <v>158295</v>
      </c>
      <c r="G46522" s="1" t="s">
        <v>158221</v>
      </c>
      <c r="H46522" s="1" t="s">
        <v>158222</v>
      </c>
      <c r="I46522" s="1" t="s">
        <v>156215</v>
      </c>
      <c r="J46522" s="1" t="s">
        <v>158296</v>
      </c>
    </row>
    <row r="46523" spans="1:10" x14ac:dyDescent="0.35">
      <c r="A46523" s="1" t="s">
        <v>28879</v>
      </c>
      <c r="B46523" s="1" t="s">
        <v>156209</v>
      </c>
      <c r="C46523" s="1" t="s">
        <v>130</v>
      </c>
      <c r="D46523" s="1" t="s">
        <v>17171</v>
      </c>
      <c r="E46523" s="1" t="s">
        <v>158297</v>
      </c>
      <c r="F46523" s="1" t="s">
        <v>158298</v>
      </c>
      <c r="G46523" s="1" t="s">
        <v>158221</v>
      </c>
      <c r="H46523" s="1" t="s">
        <v>158222</v>
      </c>
      <c r="I46523" s="1" t="s">
        <v>156215</v>
      </c>
      <c r="J46523" s="1" t="s">
        <v>158299</v>
      </c>
    </row>
    <row r="46524" spans="1:10" x14ac:dyDescent="0.35">
      <c r="A46524" s="1" t="s">
        <v>28879</v>
      </c>
      <c r="B46524" s="1" t="s">
        <v>156209</v>
      </c>
      <c r="C46524" s="1" t="s">
        <v>135</v>
      </c>
      <c r="D46524" s="1" t="s">
        <v>158300</v>
      </c>
      <c r="E46524" s="1" t="s">
        <v>158301</v>
      </c>
      <c r="F46524" s="1" t="s">
        <v>158302</v>
      </c>
      <c r="G46524" s="1" t="s">
        <v>158221</v>
      </c>
      <c r="H46524" s="1" t="s">
        <v>158222</v>
      </c>
      <c r="I46524" s="1" t="s">
        <v>156215</v>
      </c>
      <c r="J46524" s="1" t="s">
        <v>158303</v>
      </c>
    </row>
    <row r="46525" spans="1:10" x14ac:dyDescent="0.35">
      <c r="A46525" s="1" t="s">
        <v>28879</v>
      </c>
      <c r="B46525" s="1" t="s">
        <v>156209</v>
      </c>
      <c r="C46525" s="1" t="s">
        <v>140</v>
      </c>
      <c r="D46525" s="1" t="s">
        <v>18451</v>
      </c>
      <c r="E46525" s="1" t="s">
        <v>158304</v>
      </c>
      <c r="F46525" s="1" t="s">
        <v>158305</v>
      </c>
      <c r="G46525" s="1" t="s">
        <v>158221</v>
      </c>
      <c r="H46525" s="1" t="s">
        <v>158222</v>
      </c>
      <c r="I46525" s="1" t="s">
        <v>156215</v>
      </c>
      <c r="J46525" s="1" t="s">
        <v>158306</v>
      </c>
    </row>
    <row r="46526" spans="1:10" x14ac:dyDescent="0.35">
      <c r="A46526" s="1" t="s">
        <v>28879</v>
      </c>
      <c r="B46526" s="1" t="s">
        <v>156209</v>
      </c>
      <c r="C46526" s="1" t="s">
        <v>145</v>
      </c>
      <c r="D46526" s="1" t="s">
        <v>119610</v>
      </c>
      <c r="E46526" s="1" t="s">
        <v>158307</v>
      </c>
      <c r="F46526" s="1" t="s">
        <v>158308</v>
      </c>
      <c r="G46526" s="1" t="s">
        <v>158221</v>
      </c>
      <c r="H46526" s="1" t="s">
        <v>158222</v>
      </c>
      <c r="I46526" s="1" t="s">
        <v>156215</v>
      </c>
      <c r="J46526" s="1" t="s">
        <v>158309</v>
      </c>
    </row>
    <row r="46527" spans="1:10" x14ac:dyDescent="0.35">
      <c r="A46527" s="1" t="s">
        <v>28879</v>
      </c>
      <c r="B46527" s="1" t="s">
        <v>156209</v>
      </c>
      <c r="C46527" s="1" t="s">
        <v>150</v>
      </c>
      <c r="D46527" s="1" t="s">
        <v>72594</v>
      </c>
      <c r="E46527" s="1" t="s">
        <v>158310</v>
      </c>
      <c r="F46527" s="1" t="s">
        <v>158311</v>
      </c>
      <c r="G46527" s="1" t="s">
        <v>158221</v>
      </c>
      <c r="H46527" s="1" t="s">
        <v>158222</v>
      </c>
      <c r="I46527" s="1" t="s">
        <v>156215</v>
      </c>
      <c r="J46527" s="1" t="s">
        <v>158312</v>
      </c>
    </row>
    <row r="46528" spans="1:10" x14ac:dyDescent="0.35">
      <c r="A46528" s="1" t="s">
        <v>28879</v>
      </c>
      <c r="B46528" s="1" t="s">
        <v>156209</v>
      </c>
      <c r="C46528" s="1" t="s">
        <v>155</v>
      </c>
      <c r="D46528" s="1" t="s">
        <v>158313</v>
      </c>
      <c r="E46528" s="1" t="s">
        <v>158314</v>
      </c>
      <c r="F46528" s="1" t="s">
        <v>158315</v>
      </c>
      <c r="G46528" s="1" t="s">
        <v>158221</v>
      </c>
      <c r="H46528" s="1" t="s">
        <v>158222</v>
      </c>
      <c r="I46528" s="1" t="s">
        <v>156215</v>
      </c>
      <c r="J46528" s="1" t="s">
        <v>158316</v>
      </c>
    </row>
    <row r="46529" spans="1:10" x14ac:dyDescent="0.35">
      <c r="A46529" s="1" t="s">
        <v>28879</v>
      </c>
      <c r="B46529" s="1" t="s">
        <v>156209</v>
      </c>
      <c r="C46529" s="1" t="s">
        <v>160</v>
      </c>
      <c r="D46529" s="1" t="s">
        <v>158317</v>
      </c>
      <c r="E46529" s="1" t="s">
        <v>158318</v>
      </c>
      <c r="F46529" s="1" t="s">
        <v>158319</v>
      </c>
      <c r="G46529" s="1" t="s">
        <v>158221</v>
      </c>
      <c r="H46529" s="1" t="s">
        <v>158222</v>
      </c>
      <c r="I46529" s="1" t="s">
        <v>156215</v>
      </c>
      <c r="J46529" s="1" t="s">
        <v>158320</v>
      </c>
    </row>
    <row r="46530" spans="1:10" x14ac:dyDescent="0.35">
      <c r="A46530" s="1" t="s">
        <v>28879</v>
      </c>
      <c r="B46530" s="1" t="s">
        <v>156209</v>
      </c>
      <c r="C46530" s="1" t="s">
        <v>165</v>
      </c>
      <c r="D46530" s="1" t="s">
        <v>158321</v>
      </c>
      <c r="E46530" s="1" t="s">
        <v>158322</v>
      </c>
      <c r="F46530" s="1" t="s">
        <v>158323</v>
      </c>
      <c r="G46530" s="1" t="s">
        <v>158221</v>
      </c>
      <c r="H46530" s="1" t="s">
        <v>158222</v>
      </c>
      <c r="I46530" s="1" t="s">
        <v>156215</v>
      </c>
      <c r="J46530" s="1" t="s">
        <v>158324</v>
      </c>
    </row>
    <row r="46531" spans="1:10" x14ac:dyDescent="0.35">
      <c r="A46531" s="1" t="s">
        <v>28879</v>
      </c>
      <c r="B46531" s="1" t="s">
        <v>156209</v>
      </c>
      <c r="C46531" s="1" t="s">
        <v>170</v>
      </c>
      <c r="D46531" s="1" t="s">
        <v>153796</v>
      </c>
      <c r="E46531" s="1" t="s">
        <v>158325</v>
      </c>
      <c r="F46531" s="1" t="s">
        <v>158326</v>
      </c>
      <c r="G46531" s="1" t="s">
        <v>158221</v>
      </c>
      <c r="H46531" s="1" t="s">
        <v>158222</v>
      </c>
      <c r="I46531" s="1" t="s">
        <v>156215</v>
      </c>
      <c r="J46531" s="1" t="s">
        <v>158327</v>
      </c>
    </row>
    <row r="46532" spans="1:10" x14ac:dyDescent="0.35">
      <c r="A46532" s="1" t="s">
        <v>158328</v>
      </c>
      <c r="B46532" s="1" t="s">
        <v>156209</v>
      </c>
      <c r="C46532" s="1" t="s">
        <v>8</v>
      </c>
      <c r="D46532" s="1" t="s">
        <v>10016</v>
      </c>
      <c r="E46532" s="1" t="s">
        <v>158329</v>
      </c>
      <c r="F46532" s="1" t="s">
        <v>158330</v>
      </c>
      <c r="G46532" s="1" t="s">
        <v>158331</v>
      </c>
      <c r="H46532" s="1" t="s">
        <v>158332</v>
      </c>
      <c r="I46532" s="1" t="s">
        <v>156215</v>
      </c>
      <c r="J46532" s="1" t="s">
        <v>13</v>
      </c>
    </row>
    <row r="46533" spans="1:10" x14ac:dyDescent="0.35">
      <c r="A46533" s="1" t="s">
        <v>158328</v>
      </c>
      <c r="B46533" s="1" t="s">
        <v>156209</v>
      </c>
      <c r="C46533" s="1" t="s">
        <v>15</v>
      </c>
      <c r="D46533" s="1" t="s">
        <v>143509</v>
      </c>
      <c r="E46533" s="1" t="s">
        <v>158333</v>
      </c>
      <c r="F46533" s="1" t="s">
        <v>158334</v>
      </c>
      <c r="G46533" s="1" t="s">
        <v>158331</v>
      </c>
      <c r="H46533" s="1" t="s">
        <v>158332</v>
      </c>
      <c r="I46533" s="1" t="s">
        <v>156215</v>
      </c>
      <c r="J46533" s="1" t="s">
        <v>158335</v>
      </c>
    </row>
    <row r="46534" spans="1:10" x14ac:dyDescent="0.35">
      <c r="A46534" s="1" t="s">
        <v>158328</v>
      </c>
      <c r="B46534" s="1" t="s">
        <v>156209</v>
      </c>
      <c r="C46534" s="1" t="s">
        <v>20</v>
      </c>
      <c r="D46534" s="1" t="s">
        <v>4013</v>
      </c>
      <c r="E46534" s="1" t="s">
        <v>158336</v>
      </c>
      <c r="F46534" s="1" t="s">
        <v>158337</v>
      </c>
      <c r="G46534" s="1" t="s">
        <v>158331</v>
      </c>
      <c r="H46534" s="1" t="s">
        <v>158332</v>
      </c>
      <c r="I46534" s="1" t="s">
        <v>156215</v>
      </c>
      <c r="J46534" s="1" t="s">
        <v>158338</v>
      </c>
    </row>
    <row r="46535" spans="1:10" x14ac:dyDescent="0.35">
      <c r="A46535" s="1" t="s">
        <v>158328</v>
      </c>
      <c r="B46535" s="1" t="s">
        <v>156209</v>
      </c>
      <c r="C46535" s="1" t="s">
        <v>25</v>
      </c>
      <c r="D46535" s="1" t="s">
        <v>143046</v>
      </c>
      <c r="E46535" s="1" t="s">
        <v>158339</v>
      </c>
      <c r="F46535" s="1" t="s">
        <v>158340</v>
      </c>
      <c r="G46535" s="1" t="s">
        <v>158331</v>
      </c>
      <c r="H46535" s="1" t="s">
        <v>158332</v>
      </c>
      <c r="I46535" s="1" t="s">
        <v>156215</v>
      </c>
      <c r="J46535" s="1" t="s">
        <v>158341</v>
      </c>
    </row>
    <row r="46536" spans="1:10" x14ac:dyDescent="0.35">
      <c r="A46536" s="1" t="s">
        <v>158328</v>
      </c>
      <c r="B46536" s="1" t="s">
        <v>156209</v>
      </c>
      <c r="C46536" s="1" t="s">
        <v>30</v>
      </c>
      <c r="D46536" s="1" t="s">
        <v>14240</v>
      </c>
      <c r="E46536" s="1" t="s">
        <v>158342</v>
      </c>
      <c r="F46536" s="1" t="s">
        <v>158343</v>
      </c>
      <c r="G46536" s="1" t="s">
        <v>158331</v>
      </c>
      <c r="H46536" s="1" t="s">
        <v>158332</v>
      </c>
      <c r="I46536" s="1" t="s">
        <v>156215</v>
      </c>
      <c r="J46536" s="1" t="s">
        <v>158344</v>
      </c>
    </row>
    <row r="46537" spans="1:10" x14ac:dyDescent="0.35">
      <c r="A46537" s="1" t="s">
        <v>158328</v>
      </c>
      <c r="B46537" s="1" t="s">
        <v>156209</v>
      </c>
      <c r="C46537" s="1" t="s">
        <v>35</v>
      </c>
      <c r="D46537" s="1" t="s">
        <v>146288</v>
      </c>
      <c r="E46537" s="1" t="s">
        <v>158345</v>
      </c>
      <c r="F46537" s="1" t="s">
        <v>158346</v>
      </c>
      <c r="G46537" s="1" t="s">
        <v>158331</v>
      </c>
      <c r="H46537" s="1" t="s">
        <v>158332</v>
      </c>
      <c r="I46537" s="1" t="s">
        <v>156215</v>
      </c>
      <c r="J46537" s="1" t="s">
        <v>158347</v>
      </c>
    </row>
    <row r="46538" spans="1:10" x14ac:dyDescent="0.35">
      <c r="A46538" s="1" t="s">
        <v>158328</v>
      </c>
      <c r="B46538" s="1" t="s">
        <v>156209</v>
      </c>
      <c r="C46538" s="1" t="s">
        <v>40</v>
      </c>
      <c r="D46538" s="1" t="s">
        <v>117943</v>
      </c>
      <c r="E46538" s="1" t="s">
        <v>158348</v>
      </c>
      <c r="F46538" s="1" t="s">
        <v>158349</v>
      </c>
      <c r="G46538" s="1" t="s">
        <v>158331</v>
      </c>
      <c r="H46538" s="1" t="s">
        <v>158332</v>
      </c>
      <c r="I46538" s="1" t="s">
        <v>156215</v>
      </c>
      <c r="J46538" s="1" t="s">
        <v>158350</v>
      </c>
    </row>
    <row r="46539" spans="1:10" x14ac:dyDescent="0.35">
      <c r="A46539" s="1" t="s">
        <v>158328</v>
      </c>
      <c r="B46539" s="1" t="s">
        <v>156209</v>
      </c>
      <c r="C46539" s="1" t="s">
        <v>45</v>
      </c>
      <c r="D46539" s="1" t="s">
        <v>158133</v>
      </c>
      <c r="E46539" s="1" t="s">
        <v>158351</v>
      </c>
      <c r="F46539" s="1" t="s">
        <v>158352</v>
      </c>
      <c r="G46539" s="1" t="s">
        <v>158331</v>
      </c>
      <c r="H46539" s="1" t="s">
        <v>158332</v>
      </c>
      <c r="I46539" s="1" t="s">
        <v>156215</v>
      </c>
      <c r="J46539" s="1" t="s">
        <v>158353</v>
      </c>
    </row>
    <row r="46540" spans="1:10" x14ac:dyDescent="0.35">
      <c r="A46540" s="1" t="s">
        <v>158328</v>
      </c>
      <c r="B46540" s="1" t="s">
        <v>156209</v>
      </c>
      <c r="C46540" s="1" t="s">
        <v>50</v>
      </c>
      <c r="D46540" s="1" t="s">
        <v>4022</v>
      </c>
      <c r="E46540" s="1" t="s">
        <v>158354</v>
      </c>
      <c r="F46540" s="1" t="s">
        <v>158355</v>
      </c>
      <c r="G46540" s="1" t="s">
        <v>158331</v>
      </c>
      <c r="H46540" s="1" t="s">
        <v>158332</v>
      </c>
      <c r="I46540" s="1" t="s">
        <v>156215</v>
      </c>
      <c r="J46540" s="1" t="s">
        <v>158356</v>
      </c>
    </row>
    <row r="46541" spans="1:10" x14ac:dyDescent="0.35">
      <c r="A46541" s="1" t="s">
        <v>158328</v>
      </c>
      <c r="B46541" s="1" t="s">
        <v>156209</v>
      </c>
      <c r="C46541" s="1" t="s">
        <v>55</v>
      </c>
      <c r="D46541" s="1" t="s">
        <v>28184</v>
      </c>
      <c r="E46541" s="1" t="s">
        <v>158357</v>
      </c>
      <c r="F46541" s="1" t="s">
        <v>158358</v>
      </c>
      <c r="G46541" s="1" t="s">
        <v>158331</v>
      </c>
      <c r="H46541" s="1" t="s">
        <v>158332</v>
      </c>
      <c r="I46541" s="1" t="s">
        <v>156215</v>
      </c>
      <c r="J46541" s="1" t="s">
        <v>158359</v>
      </c>
    </row>
    <row r="46542" spans="1:10" x14ac:dyDescent="0.35">
      <c r="A46542" s="1" t="s">
        <v>158328</v>
      </c>
      <c r="B46542" s="1" t="s">
        <v>156209</v>
      </c>
      <c r="C46542" s="1" t="s">
        <v>60</v>
      </c>
      <c r="D46542" s="1" t="s">
        <v>25060</v>
      </c>
      <c r="E46542" s="1" t="s">
        <v>158360</v>
      </c>
      <c r="F46542" s="1" t="s">
        <v>158361</v>
      </c>
      <c r="G46542" s="1" t="s">
        <v>158331</v>
      </c>
      <c r="H46542" s="1" t="s">
        <v>158332</v>
      </c>
      <c r="I46542" s="1" t="s">
        <v>156215</v>
      </c>
      <c r="J46542" s="1" t="s">
        <v>158362</v>
      </c>
    </row>
    <row r="46543" spans="1:10" x14ac:dyDescent="0.35">
      <c r="A46543" s="1" t="s">
        <v>158328</v>
      </c>
      <c r="B46543" s="1" t="s">
        <v>156209</v>
      </c>
      <c r="C46543" s="1" t="s">
        <v>65</v>
      </c>
      <c r="D46543" s="1" t="s">
        <v>47054</v>
      </c>
      <c r="E46543" s="1" t="s">
        <v>158363</v>
      </c>
      <c r="F46543" s="1" t="s">
        <v>158364</v>
      </c>
      <c r="G46543" s="1" t="s">
        <v>158331</v>
      </c>
      <c r="H46543" s="1" t="s">
        <v>158332</v>
      </c>
      <c r="I46543" s="1" t="s">
        <v>156215</v>
      </c>
      <c r="J46543" s="1" t="s">
        <v>158365</v>
      </c>
    </row>
    <row r="46544" spans="1:10" x14ac:dyDescent="0.35">
      <c r="A46544" s="1" t="s">
        <v>158328</v>
      </c>
      <c r="B46544" s="1" t="s">
        <v>156209</v>
      </c>
      <c r="C46544" s="1" t="s">
        <v>70</v>
      </c>
      <c r="D46544" s="1" t="s">
        <v>14995</v>
      </c>
      <c r="E46544" s="1" t="s">
        <v>158366</v>
      </c>
      <c r="F46544" s="1" t="s">
        <v>158367</v>
      </c>
      <c r="G46544" s="1" t="s">
        <v>158331</v>
      </c>
      <c r="H46544" s="1" t="s">
        <v>158332</v>
      </c>
      <c r="I46544" s="1" t="s">
        <v>156215</v>
      </c>
      <c r="J46544" s="1" t="s">
        <v>158368</v>
      </c>
    </row>
    <row r="46545" spans="1:10" x14ac:dyDescent="0.35">
      <c r="A46545" s="1" t="s">
        <v>158328</v>
      </c>
      <c r="B46545" s="1" t="s">
        <v>156209</v>
      </c>
      <c r="C46545" s="1" t="s">
        <v>75</v>
      </c>
      <c r="D46545" s="1" t="s">
        <v>14165</v>
      </c>
      <c r="E46545" s="1" t="s">
        <v>158369</v>
      </c>
      <c r="F46545" s="1" t="s">
        <v>158370</v>
      </c>
      <c r="G46545" s="1" t="s">
        <v>158331</v>
      </c>
      <c r="H46545" s="1" t="s">
        <v>158332</v>
      </c>
      <c r="I46545" s="1" t="s">
        <v>156215</v>
      </c>
      <c r="J46545" s="1" t="s">
        <v>158371</v>
      </c>
    </row>
    <row r="46546" spans="1:10" x14ac:dyDescent="0.35">
      <c r="A46546" s="1" t="s">
        <v>158328</v>
      </c>
      <c r="B46546" s="1" t="s">
        <v>156209</v>
      </c>
      <c r="C46546" s="1" t="s">
        <v>80</v>
      </c>
      <c r="D46546" s="1" t="s">
        <v>1639</v>
      </c>
      <c r="E46546" s="1" t="s">
        <v>158372</v>
      </c>
      <c r="F46546" s="1" t="s">
        <v>158373</v>
      </c>
      <c r="G46546" s="1" t="s">
        <v>158331</v>
      </c>
      <c r="H46546" s="1" t="s">
        <v>158332</v>
      </c>
      <c r="I46546" s="1" t="s">
        <v>156215</v>
      </c>
      <c r="J46546" s="1" t="s">
        <v>158374</v>
      </c>
    </row>
    <row r="46547" spans="1:10" x14ac:dyDescent="0.35">
      <c r="A46547" s="1" t="s">
        <v>158328</v>
      </c>
      <c r="B46547" s="1" t="s">
        <v>156209</v>
      </c>
      <c r="C46547" s="1" t="s">
        <v>85</v>
      </c>
      <c r="D46547" s="1" t="s">
        <v>145555</v>
      </c>
      <c r="E46547" s="1" t="s">
        <v>158375</v>
      </c>
      <c r="F46547" s="1" t="s">
        <v>158376</v>
      </c>
      <c r="G46547" s="1" t="s">
        <v>158331</v>
      </c>
      <c r="H46547" s="1" t="s">
        <v>158332</v>
      </c>
      <c r="I46547" s="1" t="s">
        <v>156215</v>
      </c>
      <c r="J46547" s="1" t="s">
        <v>158377</v>
      </c>
    </row>
    <row r="46548" spans="1:10" x14ac:dyDescent="0.35">
      <c r="A46548" s="1" t="s">
        <v>158328</v>
      </c>
      <c r="B46548" s="1" t="s">
        <v>156209</v>
      </c>
      <c r="C46548" s="1" t="s">
        <v>90</v>
      </c>
      <c r="D46548" s="1" t="s">
        <v>119665</v>
      </c>
      <c r="E46548" s="1" t="s">
        <v>158378</v>
      </c>
      <c r="F46548" s="1" t="s">
        <v>158379</v>
      </c>
      <c r="G46548" s="1" t="s">
        <v>158331</v>
      </c>
      <c r="H46548" s="1" t="s">
        <v>158332</v>
      </c>
      <c r="I46548" s="1" t="s">
        <v>156215</v>
      </c>
      <c r="J46548" s="1" t="s">
        <v>158380</v>
      </c>
    </row>
    <row r="46549" spans="1:10" x14ac:dyDescent="0.35">
      <c r="A46549" s="1" t="s">
        <v>158328</v>
      </c>
      <c r="B46549" s="1" t="s">
        <v>156209</v>
      </c>
      <c r="C46549" s="1" t="s">
        <v>95</v>
      </c>
      <c r="D46549" s="1" t="s">
        <v>30156</v>
      </c>
      <c r="E46549" s="1" t="s">
        <v>158381</v>
      </c>
      <c r="F46549" s="1" t="s">
        <v>158382</v>
      </c>
      <c r="G46549" s="1" t="s">
        <v>158331</v>
      </c>
      <c r="H46549" s="1" t="s">
        <v>158332</v>
      </c>
      <c r="I46549" s="1" t="s">
        <v>156215</v>
      </c>
      <c r="J46549" s="1" t="s">
        <v>158383</v>
      </c>
    </row>
    <row r="46550" spans="1:10" x14ac:dyDescent="0.35">
      <c r="A46550" s="1" t="s">
        <v>158328</v>
      </c>
      <c r="B46550" s="1" t="s">
        <v>156209</v>
      </c>
      <c r="C46550" s="1" t="s">
        <v>100</v>
      </c>
      <c r="D46550" s="1" t="s">
        <v>142732</v>
      </c>
      <c r="E46550" s="1" t="s">
        <v>158384</v>
      </c>
      <c r="F46550" s="1" t="s">
        <v>158385</v>
      </c>
      <c r="G46550" s="1" t="s">
        <v>158331</v>
      </c>
      <c r="H46550" s="1" t="s">
        <v>158332</v>
      </c>
      <c r="I46550" s="1" t="s">
        <v>156215</v>
      </c>
      <c r="J46550" s="1" t="s">
        <v>158386</v>
      </c>
    </row>
    <row r="46551" spans="1:10" x14ac:dyDescent="0.35">
      <c r="A46551" s="1" t="s">
        <v>158328</v>
      </c>
      <c r="B46551" s="1" t="s">
        <v>156209</v>
      </c>
      <c r="C46551" s="1" t="s">
        <v>105</v>
      </c>
      <c r="D46551" s="1" t="s">
        <v>158387</v>
      </c>
      <c r="E46551" s="1" t="s">
        <v>158388</v>
      </c>
      <c r="F46551" s="1" t="s">
        <v>158389</v>
      </c>
      <c r="G46551" s="1" t="s">
        <v>158331</v>
      </c>
      <c r="H46551" s="1" t="s">
        <v>158332</v>
      </c>
      <c r="I46551" s="1" t="s">
        <v>156215</v>
      </c>
      <c r="J46551" s="1" t="s">
        <v>158390</v>
      </c>
    </row>
    <row r="46552" spans="1:10" x14ac:dyDescent="0.35">
      <c r="A46552" s="1" t="s">
        <v>158328</v>
      </c>
      <c r="B46552" s="1" t="s">
        <v>156209</v>
      </c>
      <c r="C46552" s="1" t="s">
        <v>110</v>
      </c>
      <c r="D46552" s="1" t="s">
        <v>52107</v>
      </c>
      <c r="E46552" s="1" t="s">
        <v>158391</v>
      </c>
      <c r="F46552" s="1" t="s">
        <v>158392</v>
      </c>
      <c r="G46552" s="1" t="s">
        <v>158331</v>
      </c>
      <c r="H46552" s="1" t="s">
        <v>158332</v>
      </c>
      <c r="I46552" s="1" t="s">
        <v>156215</v>
      </c>
      <c r="J46552" s="1" t="s">
        <v>158393</v>
      </c>
    </row>
    <row r="46553" spans="1:10" x14ac:dyDescent="0.35">
      <c r="A46553" s="1" t="s">
        <v>158328</v>
      </c>
      <c r="B46553" s="1" t="s">
        <v>156209</v>
      </c>
      <c r="C46553" s="1" t="s">
        <v>115</v>
      </c>
      <c r="D46553" s="1" t="s">
        <v>146324</v>
      </c>
      <c r="E46553" s="1" t="s">
        <v>158394</v>
      </c>
      <c r="F46553" s="1" t="s">
        <v>158395</v>
      </c>
      <c r="G46553" s="1" t="s">
        <v>158331</v>
      </c>
      <c r="H46553" s="1" t="s">
        <v>158332</v>
      </c>
      <c r="I46553" s="1" t="s">
        <v>156215</v>
      </c>
      <c r="J46553" s="1" t="s">
        <v>158396</v>
      </c>
    </row>
    <row r="46554" spans="1:10" x14ac:dyDescent="0.35">
      <c r="A46554" s="1" t="s">
        <v>158328</v>
      </c>
      <c r="B46554" s="1" t="s">
        <v>156209</v>
      </c>
      <c r="C46554" s="1" t="s">
        <v>120</v>
      </c>
      <c r="D46554" s="1" t="s">
        <v>44777</v>
      </c>
      <c r="E46554" s="1" t="s">
        <v>158397</v>
      </c>
      <c r="F46554" s="1" t="s">
        <v>158398</v>
      </c>
      <c r="G46554" s="1" t="s">
        <v>158331</v>
      </c>
      <c r="H46554" s="1" t="s">
        <v>158332</v>
      </c>
      <c r="I46554" s="1" t="s">
        <v>156215</v>
      </c>
      <c r="J46554" s="1" t="s">
        <v>158399</v>
      </c>
    </row>
    <row r="46555" spans="1:10" x14ac:dyDescent="0.35">
      <c r="A46555" s="1" t="s">
        <v>158328</v>
      </c>
      <c r="B46555" s="1" t="s">
        <v>156209</v>
      </c>
      <c r="C46555" s="1" t="s">
        <v>125</v>
      </c>
      <c r="D46555" s="1" t="s">
        <v>124957</v>
      </c>
      <c r="E46555" s="1" t="s">
        <v>158400</v>
      </c>
      <c r="F46555" s="1" t="s">
        <v>158401</v>
      </c>
      <c r="G46555" s="1" t="s">
        <v>158331</v>
      </c>
      <c r="H46555" s="1" t="s">
        <v>158332</v>
      </c>
      <c r="I46555" s="1" t="s">
        <v>156215</v>
      </c>
      <c r="J46555" s="1" t="s">
        <v>158402</v>
      </c>
    </row>
    <row r="46556" spans="1:10" x14ac:dyDescent="0.35">
      <c r="A46556" s="1" t="s">
        <v>158328</v>
      </c>
      <c r="B46556" s="1" t="s">
        <v>156209</v>
      </c>
      <c r="C46556" s="1" t="s">
        <v>130</v>
      </c>
      <c r="D46556" s="1" t="s">
        <v>7946</v>
      </c>
      <c r="E46556" s="1" t="s">
        <v>158403</v>
      </c>
      <c r="F46556" s="1" t="s">
        <v>158404</v>
      </c>
      <c r="G46556" s="1" t="s">
        <v>158331</v>
      </c>
      <c r="H46556" s="1" t="s">
        <v>158332</v>
      </c>
      <c r="I46556" s="1" t="s">
        <v>156215</v>
      </c>
      <c r="J46556" s="1" t="s">
        <v>158405</v>
      </c>
    </row>
    <row r="46557" spans="1:10" x14ac:dyDescent="0.35">
      <c r="A46557" s="1" t="s">
        <v>158328</v>
      </c>
      <c r="B46557" s="1" t="s">
        <v>156209</v>
      </c>
      <c r="C46557" s="1" t="s">
        <v>135</v>
      </c>
      <c r="D46557" s="1" t="s">
        <v>158406</v>
      </c>
      <c r="E46557" s="1" t="s">
        <v>158407</v>
      </c>
      <c r="F46557" s="1" t="s">
        <v>158408</v>
      </c>
      <c r="G46557" s="1" t="s">
        <v>158331</v>
      </c>
      <c r="H46557" s="1" t="s">
        <v>158332</v>
      </c>
      <c r="I46557" s="1" t="s">
        <v>156215</v>
      </c>
      <c r="J46557" s="1" t="s">
        <v>158409</v>
      </c>
    </row>
    <row r="46558" spans="1:10" x14ac:dyDescent="0.35">
      <c r="A46558" s="1" t="s">
        <v>158328</v>
      </c>
      <c r="B46558" s="1" t="s">
        <v>156209</v>
      </c>
      <c r="C46558" s="1" t="s">
        <v>140</v>
      </c>
      <c r="D46558" s="1" t="s">
        <v>104560</v>
      </c>
      <c r="E46558" s="1" t="s">
        <v>158410</v>
      </c>
      <c r="F46558" s="1" t="s">
        <v>158411</v>
      </c>
      <c r="G46558" s="1" t="s">
        <v>158331</v>
      </c>
      <c r="H46558" s="1" t="s">
        <v>158332</v>
      </c>
      <c r="I46558" s="1" t="s">
        <v>156215</v>
      </c>
      <c r="J46558" s="1" t="s">
        <v>158412</v>
      </c>
    </row>
    <row r="46559" spans="1:10" x14ac:dyDescent="0.35">
      <c r="A46559" s="1" t="s">
        <v>158328</v>
      </c>
      <c r="B46559" s="1" t="s">
        <v>156209</v>
      </c>
      <c r="C46559" s="1" t="s">
        <v>145</v>
      </c>
      <c r="D46559" s="1" t="s">
        <v>2374</v>
      </c>
      <c r="E46559" s="1" t="s">
        <v>158413</v>
      </c>
      <c r="F46559" s="1" t="s">
        <v>158414</v>
      </c>
      <c r="G46559" s="1" t="s">
        <v>158331</v>
      </c>
      <c r="H46559" s="1" t="s">
        <v>158332</v>
      </c>
      <c r="I46559" s="1" t="s">
        <v>156215</v>
      </c>
      <c r="J46559" s="1" t="s">
        <v>158415</v>
      </c>
    </row>
    <row r="46560" spans="1:10" x14ac:dyDescent="0.35">
      <c r="A46560" s="1" t="s">
        <v>158328</v>
      </c>
      <c r="B46560" s="1" t="s">
        <v>156209</v>
      </c>
      <c r="C46560" s="1" t="s">
        <v>150</v>
      </c>
      <c r="D46560" s="1" t="s">
        <v>70765</v>
      </c>
      <c r="E46560" s="1" t="s">
        <v>158416</v>
      </c>
      <c r="F46560" s="1" t="s">
        <v>158417</v>
      </c>
      <c r="G46560" s="1" t="s">
        <v>158331</v>
      </c>
      <c r="H46560" s="1" t="s">
        <v>158332</v>
      </c>
      <c r="I46560" s="1" t="s">
        <v>156215</v>
      </c>
      <c r="J46560" s="1" t="s">
        <v>158418</v>
      </c>
    </row>
    <row r="46561" spans="1:10" x14ac:dyDescent="0.35">
      <c r="A46561" s="1" t="s">
        <v>158328</v>
      </c>
      <c r="B46561" s="1" t="s">
        <v>156209</v>
      </c>
      <c r="C46561" s="1" t="s">
        <v>155</v>
      </c>
      <c r="D46561" s="1" t="s">
        <v>37784</v>
      </c>
      <c r="E46561" s="1" t="s">
        <v>158419</v>
      </c>
      <c r="F46561" s="1" t="s">
        <v>158420</v>
      </c>
      <c r="G46561" s="1" t="s">
        <v>158331</v>
      </c>
      <c r="H46561" s="1" t="s">
        <v>158332</v>
      </c>
      <c r="I46561" s="1" t="s">
        <v>156215</v>
      </c>
      <c r="J46561" s="1" t="s">
        <v>158421</v>
      </c>
    </row>
    <row r="46562" spans="1:10" x14ac:dyDescent="0.35">
      <c r="A46562" s="1" t="s">
        <v>158328</v>
      </c>
      <c r="B46562" s="1" t="s">
        <v>156209</v>
      </c>
      <c r="C46562" s="1" t="s">
        <v>160</v>
      </c>
      <c r="D46562" s="1" t="s">
        <v>158422</v>
      </c>
      <c r="E46562" s="1" t="s">
        <v>158423</v>
      </c>
      <c r="F46562" s="1" t="s">
        <v>158424</v>
      </c>
      <c r="G46562" s="1" t="s">
        <v>158331</v>
      </c>
      <c r="H46562" s="1" t="s">
        <v>158332</v>
      </c>
      <c r="I46562" s="1" t="s">
        <v>156215</v>
      </c>
      <c r="J46562" s="1" t="s">
        <v>158425</v>
      </c>
    </row>
    <row r="46563" spans="1:10" x14ac:dyDescent="0.35">
      <c r="A46563" s="1" t="s">
        <v>158328</v>
      </c>
      <c r="B46563" s="1" t="s">
        <v>156209</v>
      </c>
      <c r="C46563" s="1" t="s">
        <v>165</v>
      </c>
      <c r="D46563" s="1" t="s">
        <v>45046</v>
      </c>
      <c r="E46563" s="1" t="s">
        <v>158426</v>
      </c>
      <c r="F46563" s="1" t="s">
        <v>158427</v>
      </c>
      <c r="G46563" s="1" t="s">
        <v>158331</v>
      </c>
      <c r="H46563" s="1" t="s">
        <v>158332</v>
      </c>
      <c r="I46563" s="1" t="s">
        <v>156215</v>
      </c>
      <c r="J46563" s="1" t="s">
        <v>158428</v>
      </c>
    </row>
    <row r="46564" spans="1:10" x14ac:dyDescent="0.35">
      <c r="A46564" s="1" t="s">
        <v>158328</v>
      </c>
      <c r="B46564" s="1" t="s">
        <v>156209</v>
      </c>
      <c r="C46564" s="1" t="s">
        <v>170</v>
      </c>
      <c r="D46564" s="1" t="s">
        <v>37565</v>
      </c>
      <c r="E46564" s="1" t="s">
        <v>158429</v>
      </c>
      <c r="F46564" s="1" t="s">
        <v>158430</v>
      </c>
      <c r="G46564" s="1" t="s">
        <v>158331</v>
      </c>
      <c r="H46564" s="1" t="s">
        <v>158332</v>
      </c>
      <c r="I46564" s="1" t="s">
        <v>156215</v>
      </c>
      <c r="J46564" s="1" t="s">
        <v>158431</v>
      </c>
    </row>
    <row r="46565" spans="1:10" x14ac:dyDescent="0.35">
      <c r="A46565" s="1" t="s">
        <v>143839</v>
      </c>
      <c r="B46565" s="1" t="s">
        <v>158432</v>
      </c>
      <c r="C46565" s="1" t="s">
        <v>8</v>
      </c>
      <c r="D46565" s="1" t="s">
        <v>31351</v>
      </c>
      <c r="E46565" s="1" t="s">
        <v>158433</v>
      </c>
      <c r="F46565" s="1" t="s">
        <v>158434</v>
      </c>
      <c r="G46565" s="1" t="s">
        <v>158435</v>
      </c>
      <c r="H46565" s="1" t="s">
        <v>158436</v>
      </c>
      <c r="I46565" s="1" t="s">
        <v>158437</v>
      </c>
      <c r="J46565" s="1" t="s">
        <v>13</v>
      </c>
    </row>
    <row r="46566" spans="1:10" x14ac:dyDescent="0.35">
      <c r="A46566" s="1" t="s">
        <v>143839</v>
      </c>
      <c r="B46566" s="1" t="s">
        <v>158432</v>
      </c>
      <c r="C46566" s="1" t="s">
        <v>15</v>
      </c>
      <c r="D46566" s="1" t="s">
        <v>158438</v>
      </c>
      <c r="E46566" s="1" t="s">
        <v>158439</v>
      </c>
      <c r="F46566" s="1" t="s">
        <v>158440</v>
      </c>
      <c r="G46566" s="1" t="s">
        <v>158435</v>
      </c>
      <c r="H46566" s="1" t="s">
        <v>158436</v>
      </c>
      <c r="I46566" s="1" t="s">
        <v>158437</v>
      </c>
      <c r="J46566" s="1" t="s">
        <v>158441</v>
      </c>
    </row>
    <row r="46567" spans="1:10" x14ac:dyDescent="0.35">
      <c r="A46567" s="1" t="s">
        <v>143839</v>
      </c>
      <c r="B46567" s="1" t="s">
        <v>158432</v>
      </c>
      <c r="C46567" s="1" t="s">
        <v>20</v>
      </c>
      <c r="D46567" s="1" t="s">
        <v>29141</v>
      </c>
      <c r="E46567" s="1" t="s">
        <v>158442</v>
      </c>
      <c r="F46567" s="1" t="s">
        <v>158443</v>
      </c>
      <c r="G46567" s="1" t="s">
        <v>158435</v>
      </c>
      <c r="H46567" s="1" t="s">
        <v>158436</v>
      </c>
      <c r="I46567" s="1" t="s">
        <v>158437</v>
      </c>
      <c r="J46567" s="1" t="s">
        <v>158444</v>
      </c>
    </row>
    <row r="46568" spans="1:10" x14ac:dyDescent="0.35">
      <c r="A46568" s="1" t="s">
        <v>143839</v>
      </c>
      <c r="B46568" s="1" t="s">
        <v>158432</v>
      </c>
      <c r="C46568" s="1" t="s">
        <v>25</v>
      </c>
      <c r="D46568" s="1" t="s">
        <v>31462</v>
      </c>
      <c r="E46568" s="1" t="s">
        <v>158445</v>
      </c>
      <c r="F46568" s="1" t="s">
        <v>158446</v>
      </c>
      <c r="G46568" s="1" t="s">
        <v>158435</v>
      </c>
      <c r="H46568" s="1" t="s">
        <v>158436</v>
      </c>
      <c r="I46568" s="1" t="s">
        <v>158437</v>
      </c>
      <c r="J46568" s="1" t="s">
        <v>158447</v>
      </c>
    </row>
    <row r="46569" spans="1:10" x14ac:dyDescent="0.35">
      <c r="A46569" s="1" t="s">
        <v>143839</v>
      </c>
      <c r="B46569" s="1" t="s">
        <v>158432</v>
      </c>
      <c r="C46569" s="1" t="s">
        <v>30</v>
      </c>
      <c r="D46569" s="1" t="s">
        <v>31822</v>
      </c>
      <c r="E46569" s="1" t="s">
        <v>158448</v>
      </c>
      <c r="F46569" s="1" t="s">
        <v>158449</v>
      </c>
      <c r="G46569" s="1" t="s">
        <v>158435</v>
      </c>
      <c r="H46569" s="1" t="s">
        <v>158436</v>
      </c>
      <c r="I46569" s="1" t="s">
        <v>158437</v>
      </c>
      <c r="J46569" s="1" t="s">
        <v>158450</v>
      </c>
    </row>
    <row r="46570" spans="1:10" x14ac:dyDescent="0.35">
      <c r="A46570" s="1" t="s">
        <v>143839</v>
      </c>
      <c r="B46570" s="1" t="s">
        <v>158432</v>
      </c>
      <c r="C46570" s="1" t="s">
        <v>35</v>
      </c>
      <c r="D46570" s="1" t="s">
        <v>30964</v>
      </c>
      <c r="E46570" s="1" t="s">
        <v>158451</v>
      </c>
      <c r="F46570" s="1" t="s">
        <v>158452</v>
      </c>
      <c r="G46570" s="1" t="s">
        <v>158435</v>
      </c>
      <c r="H46570" s="1" t="s">
        <v>158436</v>
      </c>
      <c r="I46570" s="1" t="s">
        <v>158437</v>
      </c>
      <c r="J46570" s="1" t="s">
        <v>158453</v>
      </c>
    </row>
    <row r="46571" spans="1:10" x14ac:dyDescent="0.35">
      <c r="A46571" s="1" t="s">
        <v>143839</v>
      </c>
      <c r="B46571" s="1" t="s">
        <v>158432</v>
      </c>
      <c r="C46571" s="1" t="s">
        <v>40</v>
      </c>
      <c r="D46571" s="1" t="s">
        <v>33265</v>
      </c>
      <c r="E46571" s="1" t="s">
        <v>158454</v>
      </c>
      <c r="F46571" s="1" t="s">
        <v>158455</v>
      </c>
      <c r="G46571" s="1" t="s">
        <v>158435</v>
      </c>
      <c r="H46571" s="1" t="s">
        <v>158436</v>
      </c>
      <c r="I46571" s="1" t="s">
        <v>158437</v>
      </c>
      <c r="J46571" s="1" t="s">
        <v>43661</v>
      </c>
    </row>
    <row r="46572" spans="1:10" x14ac:dyDescent="0.35">
      <c r="A46572" s="1" t="s">
        <v>143839</v>
      </c>
      <c r="B46572" s="1" t="s">
        <v>158432</v>
      </c>
      <c r="C46572" s="1" t="s">
        <v>45</v>
      </c>
      <c r="D46572" s="1" t="s">
        <v>33011</v>
      </c>
      <c r="E46572" s="1" t="s">
        <v>158456</v>
      </c>
      <c r="F46572" s="1" t="s">
        <v>158457</v>
      </c>
      <c r="G46572" s="1" t="s">
        <v>158435</v>
      </c>
      <c r="H46572" s="1" t="s">
        <v>158436</v>
      </c>
      <c r="I46572" s="1" t="s">
        <v>158437</v>
      </c>
      <c r="J46572" s="1" t="s">
        <v>158458</v>
      </c>
    </row>
    <row r="46573" spans="1:10" x14ac:dyDescent="0.35">
      <c r="A46573" s="1" t="s">
        <v>143839</v>
      </c>
      <c r="B46573" s="1" t="s">
        <v>158432</v>
      </c>
      <c r="C46573" s="1" t="s">
        <v>50</v>
      </c>
      <c r="D46573" s="1" t="s">
        <v>39704</v>
      </c>
      <c r="E46573" s="1" t="s">
        <v>158459</v>
      </c>
      <c r="F46573" s="1" t="s">
        <v>158460</v>
      </c>
      <c r="G46573" s="1" t="s">
        <v>158435</v>
      </c>
      <c r="H46573" s="1" t="s">
        <v>158436</v>
      </c>
      <c r="I46573" s="1" t="s">
        <v>158437</v>
      </c>
      <c r="J46573" s="1" t="s">
        <v>158461</v>
      </c>
    </row>
    <row r="46574" spans="1:10" x14ac:dyDescent="0.35">
      <c r="A46574" s="1" t="s">
        <v>143839</v>
      </c>
      <c r="B46574" s="1" t="s">
        <v>158432</v>
      </c>
      <c r="C46574" s="1" t="s">
        <v>55</v>
      </c>
      <c r="D46574" s="1" t="s">
        <v>41369</v>
      </c>
      <c r="E46574" s="1" t="s">
        <v>158462</v>
      </c>
      <c r="F46574" s="1" t="s">
        <v>24796</v>
      </c>
      <c r="G46574" s="1" t="s">
        <v>158435</v>
      </c>
      <c r="H46574" s="1" t="s">
        <v>158436</v>
      </c>
      <c r="I46574" s="1" t="s">
        <v>158437</v>
      </c>
      <c r="J46574" s="1" t="s">
        <v>158463</v>
      </c>
    </row>
    <row r="46575" spans="1:10" x14ac:dyDescent="0.35">
      <c r="A46575" s="1" t="s">
        <v>143839</v>
      </c>
      <c r="B46575" s="1" t="s">
        <v>158432</v>
      </c>
      <c r="C46575" s="1" t="s">
        <v>60</v>
      </c>
      <c r="D46575" s="1" t="s">
        <v>37653</v>
      </c>
      <c r="E46575" s="1" t="s">
        <v>158464</v>
      </c>
      <c r="F46575" s="1" t="s">
        <v>158465</v>
      </c>
      <c r="G46575" s="1" t="s">
        <v>158435</v>
      </c>
      <c r="H46575" s="1" t="s">
        <v>158436</v>
      </c>
      <c r="I46575" s="1" t="s">
        <v>158437</v>
      </c>
      <c r="J46575" s="1" t="s">
        <v>158466</v>
      </c>
    </row>
    <row r="46576" spans="1:10" x14ac:dyDescent="0.35">
      <c r="A46576" s="1" t="s">
        <v>143839</v>
      </c>
      <c r="B46576" s="1" t="s">
        <v>158432</v>
      </c>
      <c r="C46576" s="1" t="s">
        <v>65</v>
      </c>
      <c r="D46576" s="1" t="s">
        <v>158467</v>
      </c>
      <c r="E46576" s="1" t="s">
        <v>158468</v>
      </c>
      <c r="F46576" s="1" t="s">
        <v>158469</v>
      </c>
      <c r="G46576" s="1" t="s">
        <v>158435</v>
      </c>
      <c r="H46576" s="1" t="s">
        <v>158436</v>
      </c>
      <c r="I46576" s="1" t="s">
        <v>158437</v>
      </c>
      <c r="J46576" s="1" t="s">
        <v>46351</v>
      </c>
    </row>
    <row r="46577" spans="1:10" x14ac:dyDescent="0.35">
      <c r="A46577" s="1" t="s">
        <v>143839</v>
      </c>
      <c r="B46577" s="1" t="s">
        <v>158432</v>
      </c>
      <c r="C46577" s="1" t="s">
        <v>70</v>
      </c>
      <c r="D46577" s="1" t="s">
        <v>46551</v>
      </c>
      <c r="E46577" s="1" t="s">
        <v>158470</v>
      </c>
      <c r="F46577" s="1" t="s">
        <v>158471</v>
      </c>
      <c r="G46577" s="1" t="s">
        <v>158435</v>
      </c>
      <c r="H46577" s="1" t="s">
        <v>158436</v>
      </c>
      <c r="I46577" s="1" t="s">
        <v>158437</v>
      </c>
      <c r="J46577" s="1" t="s">
        <v>158472</v>
      </c>
    </row>
    <row r="46578" spans="1:10" x14ac:dyDescent="0.35">
      <c r="A46578" s="1" t="s">
        <v>143839</v>
      </c>
      <c r="B46578" s="1" t="s">
        <v>158432</v>
      </c>
      <c r="C46578" s="1" t="s">
        <v>75</v>
      </c>
      <c r="D46578" s="1" t="s">
        <v>51133</v>
      </c>
      <c r="E46578" s="1" t="s">
        <v>158473</v>
      </c>
      <c r="F46578" s="1" t="s">
        <v>158474</v>
      </c>
      <c r="G46578" s="1" t="s">
        <v>158435</v>
      </c>
      <c r="H46578" s="1" t="s">
        <v>158436</v>
      </c>
      <c r="I46578" s="1" t="s">
        <v>158437</v>
      </c>
      <c r="J46578" s="1" t="s">
        <v>158475</v>
      </c>
    </row>
    <row r="46579" spans="1:10" x14ac:dyDescent="0.35">
      <c r="A46579" s="1" t="s">
        <v>143839</v>
      </c>
      <c r="B46579" s="1" t="s">
        <v>158432</v>
      </c>
      <c r="C46579" s="1" t="s">
        <v>80</v>
      </c>
      <c r="D46579" s="1" t="s">
        <v>158476</v>
      </c>
      <c r="E46579" s="1" t="s">
        <v>158477</v>
      </c>
      <c r="F46579" s="1" t="s">
        <v>158478</v>
      </c>
      <c r="G46579" s="1" t="s">
        <v>158435</v>
      </c>
      <c r="H46579" s="1" t="s">
        <v>158436</v>
      </c>
      <c r="I46579" s="1" t="s">
        <v>158437</v>
      </c>
      <c r="J46579" s="1" t="s">
        <v>158479</v>
      </c>
    </row>
    <row r="46580" spans="1:10" x14ac:dyDescent="0.35">
      <c r="A46580" s="1" t="s">
        <v>143839</v>
      </c>
      <c r="B46580" s="1" t="s">
        <v>158432</v>
      </c>
      <c r="C46580" s="1" t="s">
        <v>85</v>
      </c>
      <c r="D46580" s="1" t="s">
        <v>54723</v>
      </c>
      <c r="E46580" s="1" t="s">
        <v>158480</v>
      </c>
      <c r="F46580" s="1" t="s">
        <v>158481</v>
      </c>
      <c r="G46580" s="1" t="s">
        <v>158435</v>
      </c>
      <c r="H46580" s="1" t="s">
        <v>158436</v>
      </c>
      <c r="I46580" s="1" t="s">
        <v>158437</v>
      </c>
      <c r="J46580" s="1" t="s">
        <v>158482</v>
      </c>
    </row>
    <row r="46581" spans="1:10" x14ac:dyDescent="0.35">
      <c r="A46581" s="1" t="s">
        <v>143839</v>
      </c>
      <c r="B46581" s="1" t="s">
        <v>158432</v>
      </c>
      <c r="C46581" s="1" t="s">
        <v>90</v>
      </c>
      <c r="D46581" s="1" t="s">
        <v>57093</v>
      </c>
      <c r="E46581" s="1" t="s">
        <v>158483</v>
      </c>
      <c r="F46581" s="1" t="s">
        <v>158484</v>
      </c>
      <c r="G46581" s="1" t="s">
        <v>158435</v>
      </c>
      <c r="H46581" s="1" t="s">
        <v>158436</v>
      </c>
      <c r="I46581" s="1" t="s">
        <v>158437</v>
      </c>
      <c r="J46581" s="1" t="s">
        <v>158485</v>
      </c>
    </row>
    <row r="46582" spans="1:10" x14ac:dyDescent="0.35">
      <c r="A46582" s="1" t="s">
        <v>143839</v>
      </c>
      <c r="B46582" s="1" t="s">
        <v>158432</v>
      </c>
      <c r="C46582" s="1" t="s">
        <v>95</v>
      </c>
      <c r="D46582" s="1" t="s">
        <v>158486</v>
      </c>
      <c r="E46582" s="1" t="s">
        <v>158487</v>
      </c>
      <c r="F46582" s="1" t="s">
        <v>158488</v>
      </c>
      <c r="G46582" s="1" t="s">
        <v>158435</v>
      </c>
      <c r="H46582" s="1" t="s">
        <v>158436</v>
      </c>
      <c r="I46582" s="1" t="s">
        <v>158437</v>
      </c>
      <c r="J46582" s="1" t="s">
        <v>158489</v>
      </c>
    </row>
    <row r="46583" spans="1:10" x14ac:dyDescent="0.35">
      <c r="A46583" s="1" t="s">
        <v>143839</v>
      </c>
      <c r="B46583" s="1" t="s">
        <v>158432</v>
      </c>
      <c r="C46583" s="1" t="s">
        <v>100</v>
      </c>
      <c r="D46583" s="1" t="s">
        <v>6972</v>
      </c>
      <c r="E46583" s="1" t="s">
        <v>158490</v>
      </c>
      <c r="F46583" s="1" t="s">
        <v>158491</v>
      </c>
      <c r="G46583" s="1" t="s">
        <v>158435</v>
      </c>
      <c r="H46583" s="1" t="s">
        <v>158436</v>
      </c>
      <c r="I46583" s="1" t="s">
        <v>158437</v>
      </c>
      <c r="J46583" s="1" t="s">
        <v>158492</v>
      </c>
    </row>
    <row r="46584" spans="1:10" x14ac:dyDescent="0.35">
      <c r="A46584" s="1" t="s">
        <v>143839</v>
      </c>
      <c r="B46584" s="1" t="s">
        <v>158432</v>
      </c>
      <c r="C46584" s="1" t="s">
        <v>105</v>
      </c>
      <c r="D46584" s="1" t="s">
        <v>158493</v>
      </c>
      <c r="E46584" s="1" t="s">
        <v>158494</v>
      </c>
      <c r="F46584" s="1" t="s">
        <v>158495</v>
      </c>
      <c r="G46584" s="1" t="s">
        <v>158435</v>
      </c>
      <c r="H46584" s="1" t="s">
        <v>158436</v>
      </c>
      <c r="I46584" s="1" t="s">
        <v>158437</v>
      </c>
      <c r="J46584" s="1" t="s">
        <v>119233</v>
      </c>
    </row>
    <row r="46585" spans="1:10" x14ac:dyDescent="0.35">
      <c r="A46585" s="1" t="s">
        <v>143839</v>
      </c>
      <c r="B46585" s="1" t="s">
        <v>158432</v>
      </c>
      <c r="C46585" s="1" t="s">
        <v>110</v>
      </c>
      <c r="D46585" s="1" t="s">
        <v>3518</v>
      </c>
      <c r="E46585" s="1" t="s">
        <v>158496</v>
      </c>
      <c r="F46585" s="1" t="s">
        <v>158497</v>
      </c>
      <c r="G46585" s="1" t="s">
        <v>158435</v>
      </c>
      <c r="H46585" s="1" t="s">
        <v>158436</v>
      </c>
      <c r="I46585" s="1" t="s">
        <v>158437</v>
      </c>
      <c r="J46585" s="1" t="s">
        <v>158498</v>
      </c>
    </row>
    <row r="46586" spans="1:10" x14ac:dyDescent="0.35">
      <c r="A46586" s="1" t="s">
        <v>143839</v>
      </c>
      <c r="B46586" s="1" t="s">
        <v>158432</v>
      </c>
      <c r="C46586" s="1" t="s">
        <v>115</v>
      </c>
      <c r="D46586" s="1" t="s">
        <v>3530</v>
      </c>
      <c r="E46586" s="1" t="s">
        <v>158499</v>
      </c>
      <c r="F46586" s="1" t="s">
        <v>158500</v>
      </c>
      <c r="G46586" s="1" t="s">
        <v>158435</v>
      </c>
      <c r="H46586" s="1" t="s">
        <v>158436</v>
      </c>
      <c r="I46586" s="1" t="s">
        <v>158437</v>
      </c>
      <c r="J46586" s="1" t="s">
        <v>158501</v>
      </c>
    </row>
    <row r="46587" spans="1:10" x14ac:dyDescent="0.35">
      <c r="A46587" s="1" t="s">
        <v>143839</v>
      </c>
      <c r="B46587" s="1" t="s">
        <v>158432</v>
      </c>
      <c r="C46587" s="1" t="s">
        <v>120</v>
      </c>
      <c r="D46587" s="1" t="s">
        <v>158502</v>
      </c>
      <c r="E46587" s="1" t="s">
        <v>158503</v>
      </c>
      <c r="F46587" s="1" t="s">
        <v>158504</v>
      </c>
      <c r="G46587" s="1" t="s">
        <v>158435</v>
      </c>
      <c r="H46587" s="1" t="s">
        <v>158436</v>
      </c>
      <c r="I46587" s="1" t="s">
        <v>158437</v>
      </c>
      <c r="J46587" s="1" t="s">
        <v>158505</v>
      </c>
    </row>
    <row r="46588" spans="1:10" x14ac:dyDescent="0.35">
      <c r="A46588" s="1" t="s">
        <v>143839</v>
      </c>
      <c r="B46588" s="1" t="s">
        <v>158432</v>
      </c>
      <c r="C46588" s="1" t="s">
        <v>125</v>
      </c>
      <c r="D46588" s="1" t="s">
        <v>111983</v>
      </c>
      <c r="E46588" s="1" t="s">
        <v>158506</v>
      </c>
      <c r="F46588" s="1" t="s">
        <v>158507</v>
      </c>
      <c r="G46588" s="1" t="s">
        <v>158435</v>
      </c>
      <c r="H46588" s="1" t="s">
        <v>158436</v>
      </c>
      <c r="I46588" s="1" t="s">
        <v>158437</v>
      </c>
      <c r="J46588" s="1" t="s">
        <v>158508</v>
      </c>
    </row>
    <row r="46589" spans="1:10" x14ac:dyDescent="0.35">
      <c r="A46589" s="1" t="s">
        <v>143839</v>
      </c>
      <c r="B46589" s="1" t="s">
        <v>158432</v>
      </c>
      <c r="C46589" s="1" t="s">
        <v>130</v>
      </c>
      <c r="D46589" s="1" t="s">
        <v>158509</v>
      </c>
      <c r="E46589" s="1" t="s">
        <v>158510</v>
      </c>
      <c r="F46589" s="1" t="s">
        <v>158511</v>
      </c>
      <c r="G46589" s="1" t="s">
        <v>158435</v>
      </c>
      <c r="H46589" s="1" t="s">
        <v>158436</v>
      </c>
      <c r="I46589" s="1" t="s">
        <v>158437</v>
      </c>
      <c r="J46589" s="1" t="s">
        <v>158512</v>
      </c>
    </row>
    <row r="46590" spans="1:10" x14ac:dyDescent="0.35">
      <c r="A46590" s="1" t="s">
        <v>143839</v>
      </c>
      <c r="B46590" s="1" t="s">
        <v>158432</v>
      </c>
      <c r="C46590" s="1" t="s">
        <v>135</v>
      </c>
      <c r="D46590" s="1" t="s">
        <v>73953</v>
      </c>
      <c r="E46590" s="1" t="s">
        <v>158513</v>
      </c>
      <c r="F46590" s="1" t="s">
        <v>158514</v>
      </c>
      <c r="G46590" s="1" t="s">
        <v>158435</v>
      </c>
      <c r="H46590" s="1" t="s">
        <v>158436</v>
      </c>
      <c r="I46590" s="1" t="s">
        <v>158437</v>
      </c>
      <c r="J46590" s="1" t="s">
        <v>158515</v>
      </c>
    </row>
    <row r="46591" spans="1:10" x14ac:dyDescent="0.35">
      <c r="A46591" s="1" t="s">
        <v>143839</v>
      </c>
      <c r="B46591" s="1" t="s">
        <v>158432</v>
      </c>
      <c r="C46591" s="1" t="s">
        <v>140</v>
      </c>
      <c r="D46591" s="1" t="s">
        <v>7293</v>
      </c>
      <c r="E46591" s="1" t="s">
        <v>158516</v>
      </c>
      <c r="F46591" s="1" t="s">
        <v>158517</v>
      </c>
      <c r="G46591" s="1" t="s">
        <v>158435</v>
      </c>
      <c r="H46591" s="1" t="s">
        <v>158436</v>
      </c>
      <c r="I46591" s="1" t="s">
        <v>158437</v>
      </c>
      <c r="J46591" s="1" t="s">
        <v>158518</v>
      </c>
    </row>
    <row r="46592" spans="1:10" x14ac:dyDescent="0.35">
      <c r="A46592" s="1" t="s">
        <v>143839</v>
      </c>
      <c r="B46592" s="1" t="s">
        <v>158432</v>
      </c>
      <c r="C46592" s="1" t="s">
        <v>145</v>
      </c>
      <c r="D46592" s="1" t="s">
        <v>25819</v>
      </c>
      <c r="E46592" s="1" t="s">
        <v>158519</v>
      </c>
      <c r="F46592" s="1" t="s">
        <v>158520</v>
      </c>
      <c r="G46592" s="1" t="s">
        <v>158435</v>
      </c>
      <c r="H46592" s="1" t="s">
        <v>158436</v>
      </c>
      <c r="I46592" s="1" t="s">
        <v>158437</v>
      </c>
      <c r="J46592" s="1" t="s">
        <v>158521</v>
      </c>
    </row>
    <row r="46593" spans="1:10" x14ac:dyDescent="0.35">
      <c r="A46593" s="1" t="s">
        <v>143839</v>
      </c>
      <c r="B46593" s="1" t="s">
        <v>158432</v>
      </c>
      <c r="C46593" s="1" t="s">
        <v>150</v>
      </c>
      <c r="D46593" s="1" t="s">
        <v>158522</v>
      </c>
      <c r="E46593" s="1" t="s">
        <v>158523</v>
      </c>
      <c r="F46593" s="1" t="s">
        <v>158524</v>
      </c>
      <c r="G46593" s="1" t="s">
        <v>158435</v>
      </c>
      <c r="H46593" s="1" t="s">
        <v>158436</v>
      </c>
      <c r="I46593" s="1" t="s">
        <v>158437</v>
      </c>
      <c r="J46593" s="1" t="s">
        <v>158525</v>
      </c>
    </row>
    <row r="46594" spans="1:10" x14ac:dyDescent="0.35">
      <c r="A46594" s="1" t="s">
        <v>143839</v>
      </c>
      <c r="B46594" s="1" t="s">
        <v>158432</v>
      </c>
      <c r="C46594" s="1" t="s">
        <v>155</v>
      </c>
      <c r="D46594" s="1" t="s">
        <v>158526</v>
      </c>
      <c r="E46594" s="1" t="s">
        <v>158527</v>
      </c>
      <c r="F46594" s="1" t="s">
        <v>158528</v>
      </c>
      <c r="G46594" s="1" t="s">
        <v>158435</v>
      </c>
      <c r="H46594" s="1" t="s">
        <v>158436</v>
      </c>
      <c r="I46594" s="1" t="s">
        <v>158437</v>
      </c>
      <c r="J46594" s="1" t="s">
        <v>158529</v>
      </c>
    </row>
    <row r="46595" spans="1:10" x14ac:dyDescent="0.35">
      <c r="A46595" s="1" t="s">
        <v>143839</v>
      </c>
      <c r="B46595" s="1" t="s">
        <v>158432</v>
      </c>
      <c r="C46595" s="1" t="s">
        <v>160</v>
      </c>
      <c r="D46595" s="1" t="s">
        <v>3522</v>
      </c>
      <c r="E46595" s="1" t="s">
        <v>158530</v>
      </c>
      <c r="F46595" s="1" t="s">
        <v>158531</v>
      </c>
      <c r="G46595" s="1" t="s">
        <v>158435</v>
      </c>
      <c r="H46595" s="1" t="s">
        <v>158436</v>
      </c>
      <c r="I46595" s="1" t="s">
        <v>158437</v>
      </c>
      <c r="J46595" s="1" t="s">
        <v>158532</v>
      </c>
    </row>
    <row r="46596" spans="1:10" x14ac:dyDescent="0.35">
      <c r="A46596" s="1" t="s">
        <v>143839</v>
      </c>
      <c r="B46596" s="1" t="s">
        <v>158432</v>
      </c>
      <c r="C46596" s="1" t="s">
        <v>165</v>
      </c>
      <c r="D46596" s="1" t="s">
        <v>158533</v>
      </c>
      <c r="E46596" s="1" t="s">
        <v>158534</v>
      </c>
      <c r="F46596" s="1" t="s">
        <v>158535</v>
      </c>
      <c r="G46596" s="1" t="s">
        <v>158435</v>
      </c>
      <c r="H46596" s="1" t="s">
        <v>158436</v>
      </c>
      <c r="I46596" s="1" t="s">
        <v>158437</v>
      </c>
      <c r="J46596" s="1" t="s">
        <v>158536</v>
      </c>
    </row>
    <row r="46597" spans="1:10" x14ac:dyDescent="0.35">
      <c r="A46597" s="1" t="s">
        <v>143839</v>
      </c>
      <c r="B46597" s="1" t="s">
        <v>158432</v>
      </c>
      <c r="C46597" s="1" t="s">
        <v>170</v>
      </c>
      <c r="D46597" s="1" t="s">
        <v>158537</v>
      </c>
      <c r="E46597" s="1" t="s">
        <v>158538</v>
      </c>
      <c r="F46597" s="1" t="s">
        <v>158539</v>
      </c>
      <c r="G46597" s="1" t="s">
        <v>158435</v>
      </c>
      <c r="H46597" s="1" t="s">
        <v>158436</v>
      </c>
      <c r="I46597" s="1" t="s">
        <v>158437</v>
      </c>
      <c r="J46597" s="1" t="s">
        <v>8470</v>
      </c>
    </row>
    <row r="46598" spans="1:10" x14ac:dyDescent="0.35">
      <c r="A46598" s="1" t="s">
        <v>25685</v>
      </c>
      <c r="B46598" s="1" t="s">
        <v>158432</v>
      </c>
      <c r="C46598" s="1" t="s">
        <v>8</v>
      </c>
      <c r="D46598" s="1" t="s">
        <v>31351</v>
      </c>
      <c r="E46598" s="1" t="s">
        <v>158540</v>
      </c>
      <c r="F46598" s="1" t="s">
        <v>158541</v>
      </c>
      <c r="G46598" s="1" t="s">
        <v>158542</v>
      </c>
      <c r="H46598" s="1" t="s">
        <v>158543</v>
      </c>
      <c r="I46598" s="1" t="s">
        <v>158437</v>
      </c>
      <c r="J46598" s="1" t="s">
        <v>13</v>
      </c>
    </row>
    <row r="46599" spans="1:10" x14ac:dyDescent="0.35">
      <c r="A46599" s="1" t="s">
        <v>25685</v>
      </c>
      <c r="B46599" s="1" t="s">
        <v>158432</v>
      </c>
      <c r="C46599" s="1" t="s">
        <v>15</v>
      </c>
      <c r="D46599" s="1" t="s">
        <v>158438</v>
      </c>
      <c r="E46599" s="1" t="s">
        <v>158544</v>
      </c>
      <c r="F46599" s="1" t="s">
        <v>158545</v>
      </c>
      <c r="G46599" s="1" t="s">
        <v>158542</v>
      </c>
      <c r="H46599" s="1" t="s">
        <v>158543</v>
      </c>
      <c r="I46599" s="1" t="s">
        <v>158437</v>
      </c>
      <c r="J46599" s="1" t="s">
        <v>158441</v>
      </c>
    </row>
    <row r="46600" spans="1:10" x14ac:dyDescent="0.35">
      <c r="A46600" s="1" t="s">
        <v>25685</v>
      </c>
      <c r="B46600" s="1" t="s">
        <v>158432</v>
      </c>
      <c r="C46600" s="1" t="s">
        <v>20</v>
      </c>
      <c r="D46600" s="1" t="s">
        <v>29141</v>
      </c>
      <c r="E46600" s="1" t="s">
        <v>158546</v>
      </c>
      <c r="F46600" s="1" t="s">
        <v>158547</v>
      </c>
      <c r="G46600" s="1" t="s">
        <v>158542</v>
      </c>
      <c r="H46600" s="1" t="s">
        <v>158543</v>
      </c>
      <c r="I46600" s="1" t="s">
        <v>158437</v>
      </c>
      <c r="J46600" s="1" t="s">
        <v>158444</v>
      </c>
    </row>
    <row r="46601" spans="1:10" x14ac:dyDescent="0.35">
      <c r="A46601" s="1" t="s">
        <v>25685</v>
      </c>
      <c r="B46601" s="1" t="s">
        <v>158432</v>
      </c>
      <c r="C46601" s="1" t="s">
        <v>25</v>
      </c>
      <c r="D46601" s="1" t="s">
        <v>31351</v>
      </c>
      <c r="E46601" s="1" t="s">
        <v>158548</v>
      </c>
      <c r="F46601" s="1" t="s">
        <v>158549</v>
      </c>
      <c r="G46601" s="1" t="s">
        <v>158542</v>
      </c>
      <c r="H46601" s="1" t="s">
        <v>158543</v>
      </c>
      <c r="I46601" s="1" t="s">
        <v>158437</v>
      </c>
      <c r="J46601" s="1" t="s">
        <v>158550</v>
      </c>
    </row>
    <row r="46602" spans="1:10" x14ac:dyDescent="0.35">
      <c r="A46602" s="1" t="s">
        <v>25685</v>
      </c>
      <c r="B46602" s="1" t="s">
        <v>158432</v>
      </c>
      <c r="C46602" s="1" t="s">
        <v>30</v>
      </c>
      <c r="D46602" s="1" t="s">
        <v>31822</v>
      </c>
      <c r="E46602" s="1" t="s">
        <v>158551</v>
      </c>
      <c r="F46602" s="1" t="s">
        <v>158552</v>
      </c>
      <c r="G46602" s="1" t="s">
        <v>158542</v>
      </c>
      <c r="H46602" s="1" t="s">
        <v>158543</v>
      </c>
      <c r="I46602" s="1" t="s">
        <v>158437</v>
      </c>
      <c r="J46602" s="1" t="s">
        <v>158553</v>
      </c>
    </row>
    <row r="46603" spans="1:10" x14ac:dyDescent="0.35">
      <c r="A46603" s="1" t="s">
        <v>25685</v>
      </c>
      <c r="B46603" s="1" t="s">
        <v>158432</v>
      </c>
      <c r="C46603" s="1" t="s">
        <v>35</v>
      </c>
      <c r="D46603" s="1" t="s">
        <v>30964</v>
      </c>
      <c r="E46603" s="1" t="s">
        <v>158554</v>
      </c>
      <c r="F46603" s="1" t="s">
        <v>158555</v>
      </c>
      <c r="G46603" s="1" t="s">
        <v>158542</v>
      </c>
      <c r="H46603" s="1" t="s">
        <v>158543</v>
      </c>
      <c r="I46603" s="1" t="s">
        <v>158437</v>
      </c>
      <c r="J46603" s="1" t="s">
        <v>158453</v>
      </c>
    </row>
    <row r="46604" spans="1:10" x14ac:dyDescent="0.35">
      <c r="A46604" s="1" t="s">
        <v>25685</v>
      </c>
      <c r="B46604" s="1" t="s">
        <v>158432</v>
      </c>
      <c r="C46604" s="1" t="s">
        <v>40</v>
      </c>
      <c r="D46604" s="1" t="s">
        <v>33265</v>
      </c>
      <c r="E46604" s="1" t="s">
        <v>158556</v>
      </c>
      <c r="F46604" s="1" t="s">
        <v>158557</v>
      </c>
      <c r="G46604" s="1" t="s">
        <v>158542</v>
      </c>
      <c r="H46604" s="1" t="s">
        <v>158543</v>
      </c>
      <c r="I46604" s="1" t="s">
        <v>158437</v>
      </c>
      <c r="J46604" s="1" t="s">
        <v>43661</v>
      </c>
    </row>
    <row r="46605" spans="1:10" x14ac:dyDescent="0.35">
      <c r="A46605" s="1" t="s">
        <v>25685</v>
      </c>
      <c r="B46605" s="1" t="s">
        <v>158432</v>
      </c>
      <c r="C46605" s="1" t="s">
        <v>45</v>
      </c>
      <c r="D46605" s="1" t="s">
        <v>39175</v>
      </c>
      <c r="E46605" s="1" t="s">
        <v>158558</v>
      </c>
      <c r="F46605" s="1" t="s">
        <v>158559</v>
      </c>
      <c r="G46605" s="1" t="s">
        <v>158542</v>
      </c>
      <c r="H46605" s="1" t="s">
        <v>158543</v>
      </c>
      <c r="I46605" s="1" t="s">
        <v>158437</v>
      </c>
      <c r="J46605" s="1" t="s">
        <v>158560</v>
      </c>
    </row>
    <row r="46606" spans="1:10" x14ac:dyDescent="0.35">
      <c r="A46606" s="1" t="s">
        <v>25685</v>
      </c>
      <c r="B46606" s="1" t="s">
        <v>158432</v>
      </c>
      <c r="C46606" s="1" t="s">
        <v>50</v>
      </c>
      <c r="D46606" s="1" t="s">
        <v>158561</v>
      </c>
      <c r="E46606" s="1" t="s">
        <v>158562</v>
      </c>
      <c r="F46606" s="1" t="s">
        <v>158563</v>
      </c>
      <c r="G46606" s="1" t="s">
        <v>158542</v>
      </c>
      <c r="H46606" s="1" t="s">
        <v>158543</v>
      </c>
      <c r="I46606" s="1" t="s">
        <v>158437</v>
      </c>
      <c r="J46606" s="1" t="s">
        <v>158564</v>
      </c>
    </row>
    <row r="46607" spans="1:10" x14ac:dyDescent="0.35">
      <c r="A46607" s="1" t="s">
        <v>25685</v>
      </c>
      <c r="B46607" s="1" t="s">
        <v>158432</v>
      </c>
      <c r="C46607" s="1" t="s">
        <v>55</v>
      </c>
      <c r="D46607" s="1" t="s">
        <v>47040</v>
      </c>
      <c r="E46607" s="1" t="s">
        <v>158565</v>
      </c>
      <c r="F46607" s="1" t="s">
        <v>158566</v>
      </c>
      <c r="G46607" s="1" t="s">
        <v>158542</v>
      </c>
      <c r="H46607" s="1" t="s">
        <v>158543</v>
      </c>
      <c r="I46607" s="1" t="s">
        <v>158437</v>
      </c>
      <c r="J46607" s="1" t="s">
        <v>158567</v>
      </c>
    </row>
    <row r="46608" spans="1:10" x14ac:dyDescent="0.35">
      <c r="A46608" s="1" t="s">
        <v>25685</v>
      </c>
      <c r="B46608" s="1" t="s">
        <v>158432</v>
      </c>
      <c r="C46608" s="1" t="s">
        <v>60</v>
      </c>
      <c r="D46608" s="1" t="s">
        <v>13938</v>
      </c>
      <c r="E46608" s="1" t="s">
        <v>158568</v>
      </c>
      <c r="F46608" s="1" t="s">
        <v>158569</v>
      </c>
      <c r="G46608" s="1" t="s">
        <v>158542</v>
      </c>
      <c r="H46608" s="1" t="s">
        <v>158543</v>
      </c>
      <c r="I46608" s="1" t="s">
        <v>158437</v>
      </c>
      <c r="J46608" s="1" t="s">
        <v>158570</v>
      </c>
    </row>
    <row r="46609" spans="1:10" x14ac:dyDescent="0.35">
      <c r="A46609" s="1" t="s">
        <v>25685</v>
      </c>
      <c r="B46609" s="1" t="s">
        <v>158432</v>
      </c>
      <c r="C46609" s="1" t="s">
        <v>65</v>
      </c>
      <c r="D46609" s="1" t="s">
        <v>56877</v>
      </c>
      <c r="E46609" s="1" t="s">
        <v>158571</v>
      </c>
      <c r="F46609" s="1" t="s">
        <v>158572</v>
      </c>
      <c r="G46609" s="1" t="s">
        <v>158542</v>
      </c>
      <c r="H46609" s="1" t="s">
        <v>158543</v>
      </c>
      <c r="I46609" s="1" t="s">
        <v>158437</v>
      </c>
      <c r="J46609" s="1" t="s">
        <v>158573</v>
      </c>
    </row>
    <row r="46610" spans="1:10" x14ac:dyDescent="0.35">
      <c r="A46610" s="1" t="s">
        <v>25685</v>
      </c>
      <c r="B46610" s="1" t="s">
        <v>158432</v>
      </c>
      <c r="C46610" s="1" t="s">
        <v>70</v>
      </c>
      <c r="D46610" s="1" t="s">
        <v>158574</v>
      </c>
      <c r="E46610" s="1" t="s">
        <v>158575</v>
      </c>
      <c r="F46610" s="1" t="s">
        <v>158576</v>
      </c>
      <c r="G46610" s="1" t="s">
        <v>158542</v>
      </c>
      <c r="H46610" s="1" t="s">
        <v>158543</v>
      </c>
      <c r="I46610" s="1" t="s">
        <v>158437</v>
      </c>
      <c r="J46610" s="1" t="s">
        <v>158577</v>
      </c>
    </row>
    <row r="46611" spans="1:10" x14ac:dyDescent="0.35">
      <c r="A46611" s="1" t="s">
        <v>25685</v>
      </c>
      <c r="B46611" s="1" t="s">
        <v>158432</v>
      </c>
      <c r="C46611" s="1" t="s">
        <v>75</v>
      </c>
      <c r="D46611" s="1" t="s">
        <v>59850</v>
      </c>
      <c r="E46611" s="1" t="s">
        <v>158578</v>
      </c>
      <c r="F46611" s="1" t="s">
        <v>158579</v>
      </c>
      <c r="G46611" s="1" t="s">
        <v>158542</v>
      </c>
      <c r="H46611" s="1" t="s">
        <v>158543</v>
      </c>
      <c r="I46611" s="1" t="s">
        <v>158437</v>
      </c>
      <c r="J46611" s="1" t="s">
        <v>158580</v>
      </c>
    </row>
    <row r="46612" spans="1:10" x14ac:dyDescent="0.35">
      <c r="A46612" s="1" t="s">
        <v>25685</v>
      </c>
      <c r="B46612" s="1" t="s">
        <v>158432</v>
      </c>
      <c r="C46612" s="1" t="s">
        <v>80</v>
      </c>
      <c r="D46612" s="1" t="s">
        <v>61582</v>
      </c>
      <c r="E46612" s="1" t="s">
        <v>158581</v>
      </c>
      <c r="F46612" s="1" t="s">
        <v>158582</v>
      </c>
      <c r="G46612" s="1" t="s">
        <v>158542</v>
      </c>
      <c r="H46612" s="1" t="s">
        <v>158543</v>
      </c>
      <c r="I46612" s="1" t="s">
        <v>158437</v>
      </c>
      <c r="J46612" s="1" t="s">
        <v>158583</v>
      </c>
    </row>
    <row r="46613" spans="1:10" x14ac:dyDescent="0.35">
      <c r="A46613" s="1" t="s">
        <v>25685</v>
      </c>
      <c r="B46613" s="1" t="s">
        <v>158432</v>
      </c>
      <c r="C46613" s="1" t="s">
        <v>85</v>
      </c>
      <c r="D46613" s="1" t="s">
        <v>25324</v>
      </c>
      <c r="E46613" s="1" t="s">
        <v>158584</v>
      </c>
      <c r="F46613" s="1" t="s">
        <v>158585</v>
      </c>
      <c r="G46613" s="1" t="s">
        <v>158542</v>
      </c>
      <c r="H46613" s="1" t="s">
        <v>158543</v>
      </c>
      <c r="I46613" s="1" t="s">
        <v>158437</v>
      </c>
      <c r="J46613" s="1" t="s">
        <v>158586</v>
      </c>
    </row>
    <row r="46614" spans="1:10" x14ac:dyDescent="0.35">
      <c r="A46614" s="1" t="s">
        <v>25685</v>
      </c>
      <c r="B46614" s="1" t="s">
        <v>158432</v>
      </c>
      <c r="C46614" s="1" t="s">
        <v>90</v>
      </c>
      <c r="D46614" s="1" t="s">
        <v>158502</v>
      </c>
      <c r="E46614" s="1" t="s">
        <v>158587</v>
      </c>
      <c r="F46614" s="1" t="s">
        <v>158588</v>
      </c>
      <c r="G46614" s="1" t="s">
        <v>158542</v>
      </c>
      <c r="H46614" s="1" t="s">
        <v>158543</v>
      </c>
      <c r="I46614" s="1" t="s">
        <v>158437</v>
      </c>
      <c r="J46614" s="1" t="s">
        <v>158589</v>
      </c>
    </row>
    <row r="46615" spans="1:10" x14ac:dyDescent="0.35">
      <c r="A46615" s="1" t="s">
        <v>25685</v>
      </c>
      <c r="B46615" s="1" t="s">
        <v>158432</v>
      </c>
      <c r="C46615" s="1" t="s">
        <v>95</v>
      </c>
      <c r="D46615" s="1" t="s">
        <v>158590</v>
      </c>
      <c r="E46615" s="1" t="s">
        <v>158591</v>
      </c>
      <c r="F46615" s="1" t="s">
        <v>158592</v>
      </c>
      <c r="G46615" s="1" t="s">
        <v>158542</v>
      </c>
      <c r="H46615" s="1" t="s">
        <v>158543</v>
      </c>
      <c r="I46615" s="1" t="s">
        <v>158437</v>
      </c>
      <c r="J46615" s="1" t="s">
        <v>158593</v>
      </c>
    </row>
    <row r="46616" spans="1:10" x14ac:dyDescent="0.35">
      <c r="A46616" s="1" t="s">
        <v>25685</v>
      </c>
      <c r="B46616" s="1" t="s">
        <v>158432</v>
      </c>
      <c r="C46616" s="1" t="s">
        <v>100</v>
      </c>
      <c r="D46616" s="1" t="s">
        <v>158594</v>
      </c>
      <c r="E46616" s="1" t="s">
        <v>158595</v>
      </c>
      <c r="F46616" s="1" t="s">
        <v>158596</v>
      </c>
      <c r="G46616" s="1" t="s">
        <v>158542</v>
      </c>
      <c r="H46616" s="1" t="s">
        <v>158543</v>
      </c>
      <c r="I46616" s="1" t="s">
        <v>158437</v>
      </c>
      <c r="J46616" s="1" t="s">
        <v>158597</v>
      </c>
    </row>
    <row r="46617" spans="1:10" x14ac:dyDescent="0.35">
      <c r="A46617" s="1" t="s">
        <v>25685</v>
      </c>
      <c r="B46617" s="1" t="s">
        <v>158432</v>
      </c>
      <c r="C46617" s="1" t="s">
        <v>105</v>
      </c>
      <c r="D46617" s="1" t="s">
        <v>25950</v>
      </c>
      <c r="E46617" s="1" t="s">
        <v>158598</v>
      </c>
      <c r="F46617" s="1" t="s">
        <v>158599</v>
      </c>
      <c r="G46617" s="1" t="s">
        <v>158542</v>
      </c>
      <c r="H46617" s="1" t="s">
        <v>158543</v>
      </c>
      <c r="I46617" s="1" t="s">
        <v>158437</v>
      </c>
      <c r="J46617" s="1" t="s">
        <v>158600</v>
      </c>
    </row>
    <row r="46618" spans="1:10" x14ac:dyDescent="0.35">
      <c r="A46618" s="1" t="s">
        <v>25685</v>
      </c>
      <c r="B46618" s="1" t="s">
        <v>158432</v>
      </c>
      <c r="C46618" s="1" t="s">
        <v>110</v>
      </c>
      <c r="D46618" s="1" t="s">
        <v>75955</v>
      </c>
      <c r="E46618" s="1" t="s">
        <v>158601</v>
      </c>
      <c r="F46618" s="1" t="s">
        <v>158602</v>
      </c>
      <c r="G46618" s="1" t="s">
        <v>158542</v>
      </c>
      <c r="H46618" s="1" t="s">
        <v>158543</v>
      </c>
      <c r="I46618" s="1" t="s">
        <v>158437</v>
      </c>
      <c r="J46618" s="1" t="s">
        <v>158603</v>
      </c>
    </row>
    <row r="46619" spans="1:10" x14ac:dyDescent="0.35">
      <c r="A46619" s="1" t="s">
        <v>25685</v>
      </c>
      <c r="B46619" s="1" t="s">
        <v>158432</v>
      </c>
      <c r="C46619" s="1" t="s">
        <v>115</v>
      </c>
      <c r="D46619" s="1" t="s">
        <v>82537</v>
      </c>
      <c r="E46619" s="1" t="s">
        <v>158604</v>
      </c>
      <c r="F46619" s="1" t="s">
        <v>158605</v>
      </c>
      <c r="G46619" s="1" t="s">
        <v>158542</v>
      </c>
      <c r="H46619" s="1" t="s">
        <v>158543</v>
      </c>
      <c r="I46619" s="1" t="s">
        <v>158437</v>
      </c>
      <c r="J46619" s="1" t="s">
        <v>158606</v>
      </c>
    </row>
    <row r="46620" spans="1:10" x14ac:dyDescent="0.35">
      <c r="A46620" s="1" t="s">
        <v>25685</v>
      </c>
      <c r="B46620" s="1" t="s">
        <v>158432</v>
      </c>
      <c r="C46620" s="1" t="s">
        <v>120</v>
      </c>
      <c r="D46620" s="1" t="s">
        <v>7237</v>
      </c>
      <c r="E46620" s="1" t="s">
        <v>158607</v>
      </c>
      <c r="F46620" s="1" t="s">
        <v>158608</v>
      </c>
      <c r="G46620" s="1" t="s">
        <v>158542</v>
      </c>
      <c r="H46620" s="1" t="s">
        <v>158543</v>
      </c>
      <c r="I46620" s="1" t="s">
        <v>158437</v>
      </c>
      <c r="J46620" s="1" t="s">
        <v>158609</v>
      </c>
    </row>
    <row r="46621" spans="1:10" x14ac:dyDescent="0.35">
      <c r="A46621" s="1" t="s">
        <v>25685</v>
      </c>
      <c r="B46621" s="1" t="s">
        <v>158432</v>
      </c>
      <c r="C46621" s="1" t="s">
        <v>125</v>
      </c>
      <c r="D46621" s="1" t="s">
        <v>110785</v>
      </c>
      <c r="E46621" s="1" t="s">
        <v>158610</v>
      </c>
      <c r="F46621" s="1" t="s">
        <v>158611</v>
      </c>
      <c r="G46621" s="1" t="s">
        <v>158542</v>
      </c>
      <c r="H46621" s="1" t="s">
        <v>158543</v>
      </c>
      <c r="I46621" s="1" t="s">
        <v>158437</v>
      </c>
      <c r="J46621" s="1" t="s">
        <v>158612</v>
      </c>
    </row>
    <row r="46622" spans="1:10" x14ac:dyDescent="0.35">
      <c r="A46622" s="1" t="s">
        <v>25685</v>
      </c>
      <c r="B46622" s="1" t="s">
        <v>158432</v>
      </c>
      <c r="C46622" s="1" t="s">
        <v>130</v>
      </c>
      <c r="D46622" s="1" t="s">
        <v>44646</v>
      </c>
      <c r="E46622" s="1" t="s">
        <v>158613</v>
      </c>
      <c r="F46622" s="1" t="s">
        <v>158614</v>
      </c>
      <c r="G46622" s="1" t="s">
        <v>158542</v>
      </c>
      <c r="H46622" s="1" t="s">
        <v>158543</v>
      </c>
      <c r="I46622" s="1" t="s">
        <v>158437</v>
      </c>
      <c r="J46622" s="1" t="s">
        <v>158615</v>
      </c>
    </row>
    <row r="46623" spans="1:10" x14ac:dyDescent="0.35">
      <c r="A46623" s="1" t="s">
        <v>25685</v>
      </c>
      <c r="B46623" s="1" t="s">
        <v>158432</v>
      </c>
      <c r="C46623" s="1" t="s">
        <v>135</v>
      </c>
      <c r="D46623" s="1" t="s">
        <v>45105</v>
      </c>
      <c r="E46623" s="1" t="s">
        <v>158616</v>
      </c>
      <c r="F46623" s="1" t="s">
        <v>158617</v>
      </c>
      <c r="G46623" s="1" t="s">
        <v>158542</v>
      </c>
      <c r="H46623" s="1" t="s">
        <v>158543</v>
      </c>
      <c r="I46623" s="1" t="s">
        <v>158437</v>
      </c>
      <c r="J46623" s="1" t="s">
        <v>158618</v>
      </c>
    </row>
    <row r="46624" spans="1:10" x14ac:dyDescent="0.35">
      <c r="A46624" s="1" t="s">
        <v>25685</v>
      </c>
      <c r="B46624" s="1" t="s">
        <v>158432</v>
      </c>
      <c r="C46624" s="1" t="s">
        <v>140</v>
      </c>
      <c r="D46624" s="1" t="s">
        <v>158619</v>
      </c>
      <c r="E46624" s="1" t="s">
        <v>158620</v>
      </c>
      <c r="F46624" s="1" t="s">
        <v>158621</v>
      </c>
      <c r="G46624" s="1" t="s">
        <v>158542</v>
      </c>
      <c r="H46624" s="1" t="s">
        <v>158543</v>
      </c>
      <c r="I46624" s="1" t="s">
        <v>158437</v>
      </c>
      <c r="J46624" s="1" t="s">
        <v>158622</v>
      </c>
    </row>
    <row r="46625" spans="1:10" x14ac:dyDescent="0.35">
      <c r="A46625" s="1" t="s">
        <v>25685</v>
      </c>
      <c r="B46625" s="1" t="s">
        <v>158432</v>
      </c>
      <c r="C46625" s="1" t="s">
        <v>145</v>
      </c>
      <c r="D46625" s="1" t="s">
        <v>47281</v>
      </c>
      <c r="E46625" s="1" t="s">
        <v>158623</v>
      </c>
      <c r="F46625" s="1" t="s">
        <v>158624</v>
      </c>
      <c r="G46625" s="1" t="s">
        <v>158542</v>
      </c>
      <c r="H46625" s="1" t="s">
        <v>158543</v>
      </c>
      <c r="I46625" s="1" t="s">
        <v>158437</v>
      </c>
      <c r="J46625" s="1" t="s">
        <v>158625</v>
      </c>
    </row>
    <row r="46626" spans="1:10" x14ac:dyDescent="0.35">
      <c r="A46626" s="1" t="s">
        <v>25685</v>
      </c>
      <c r="B46626" s="1" t="s">
        <v>158432</v>
      </c>
      <c r="C46626" s="1" t="s">
        <v>150</v>
      </c>
      <c r="D46626" s="1" t="s">
        <v>158626</v>
      </c>
      <c r="E46626" s="1" t="s">
        <v>158627</v>
      </c>
      <c r="F46626" s="1" t="s">
        <v>158628</v>
      </c>
      <c r="G46626" s="1" t="s">
        <v>158542</v>
      </c>
      <c r="H46626" s="1" t="s">
        <v>158543</v>
      </c>
      <c r="I46626" s="1" t="s">
        <v>158437</v>
      </c>
      <c r="J46626" s="1" t="s">
        <v>158629</v>
      </c>
    </row>
    <row r="46627" spans="1:10" x14ac:dyDescent="0.35">
      <c r="A46627" s="1" t="s">
        <v>25685</v>
      </c>
      <c r="B46627" s="1" t="s">
        <v>158432</v>
      </c>
      <c r="C46627" s="1" t="s">
        <v>155</v>
      </c>
      <c r="D46627" s="1" t="s">
        <v>105443</v>
      </c>
      <c r="E46627" s="1" t="s">
        <v>158630</v>
      </c>
      <c r="F46627" s="1" t="s">
        <v>158631</v>
      </c>
      <c r="G46627" s="1" t="s">
        <v>158542</v>
      </c>
      <c r="H46627" s="1" t="s">
        <v>158543</v>
      </c>
      <c r="I46627" s="1" t="s">
        <v>158437</v>
      </c>
      <c r="J46627" s="1" t="s">
        <v>158632</v>
      </c>
    </row>
    <row r="46628" spans="1:10" x14ac:dyDescent="0.35">
      <c r="A46628" s="1" t="s">
        <v>25685</v>
      </c>
      <c r="B46628" s="1" t="s">
        <v>158432</v>
      </c>
      <c r="C46628" s="1" t="s">
        <v>160</v>
      </c>
      <c r="D46628" s="1" t="s">
        <v>52092</v>
      </c>
      <c r="E46628" s="1" t="s">
        <v>158633</v>
      </c>
      <c r="F46628" s="1" t="s">
        <v>158634</v>
      </c>
      <c r="G46628" s="1" t="s">
        <v>158542</v>
      </c>
      <c r="H46628" s="1" t="s">
        <v>158543</v>
      </c>
      <c r="I46628" s="1" t="s">
        <v>158437</v>
      </c>
      <c r="J46628" s="1" t="s">
        <v>158635</v>
      </c>
    </row>
    <row r="46629" spans="1:10" x14ac:dyDescent="0.35">
      <c r="A46629" s="1" t="s">
        <v>25685</v>
      </c>
      <c r="B46629" s="1" t="s">
        <v>158432</v>
      </c>
      <c r="C46629" s="1" t="s">
        <v>165</v>
      </c>
      <c r="D46629" s="1" t="s">
        <v>47178</v>
      </c>
      <c r="E46629" s="1" t="s">
        <v>158636</v>
      </c>
      <c r="F46629" s="1" t="s">
        <v>158637</v>
      </c>
      <c r="G46629" s="1" t="s">
        <v>158542</v>
      </c>
      <c r="H46629" s="1" t="s">
        <v>158543</v>
      </c>
      <c r="I46629" s="1" t="s">
        <v>158437</v>
      </c>
      <c r="J46629" s="1" t="s">
        <v>158638</v>
      </c>
    </row>
    <row r="46630" spans="1:10" x14ac:dyDescent="0.35">
      <c r="A46630" s="1" t="s">
        <v>25685</v>
      </c>
      <c r="B46630" s="1" t="s">
        <v>158432</v>
      </c>
      <c r="C46630" s="1" t="s">
        <v>170</v>
      </c>
      <c r="D46630" s="1" t="s">
        <v>25365</v>
      </c>
      <c r="E46630" s="1" t="s">
        <v>158639</v>
      </c>
      <c r="F46630" s="1" t="s">
        <v>158640</v>
      </c>
      <c r="G46630" s="1" t="s">
        <v>158542</v>
      </c>
      <c r="H46630" s="1" t="s">
        <v>158543</v>
      </c>
      <c r="I46630" s="1" t="s">
        <v>158437</v>
      </c>
      <c r="J46630" s="1" t="s">
        <v>158641</v>
      </c>
    </row>
    <row r="46631" spans="1:10" x14ac:dyDescent="0.35">
      <c r="A46631" s="1" t="s">
        <v>120864</v>
      </c>
      <c r="B46631" s="1" t="s">
        <v>158432</v>
      </c>
      <c r="C46631" s="1" t="s">
        <v>8</v>
      </c>
      <c r="D46631" s="1" t="s">
        <v>37893</v>
      </c>
      <c r="E46631" s="1" t="s">
        <v>158642</v>
      </c>
      <c r="F46631" s="1" t="s">
        <v>158643</v>
      </c>
      <c r="G46631" s="1" t="s">
        <v>158644</v>
      </c>
      <c r="H46631" s="1" t="s">
        <v>158645</v>
      </c>
      <c r="I46631" s="1" t="s">
        <v>158437</v>
      </c>
      <c r="J46631" s="1" t="s">
        <v>13</v>
      </c>
    </row>
    <row r="46632" spans="1:10" x14ac:dyDescent="0.35">
      <c r="A46632" s="1" t="s">
        <v>120864</v>
      </c>
      <c r="B46632" s="1" t="s">
        <v>158432</v>
      </c>
      <c r="C46632" s="1" t="s">
        <v>15</v>
      </c>
      <c r="D46632" s="1" t="s">
        <v>39044</v>
      </c>
      <c r="E46632" s="1" t="s">
        <v>158646</v>
      </c>
      <c r="F46632" s="1" t="s">
        <v>158647</v>
      </c>
      <c r="G46632" s="1" t="s">
        <v>158644</v>
      </c>
      <c r="H46632" s="1" t="s">
        <v>158645</v>
      </c>
      <c r="I46632" s="1" t="s">
        <v>158437</v>
      </c>
      <c r="J46632" s="1" t="s">
        <v>158648</v>
      </c>
    </row>
    <row r="46633" spans="1:10" x14ac:dyDescent="0.35">
      <c r="A46633" s="1" t="s">
        <v>120864</v>
      </c>
      <c r="B46633" s="1" t="s">
        <v>158432</v>
      </c>
      <c r="C46633" s="1" t="s">
        <v>20</v>
      </c>
      <c r="D46633" s="1" t="s">
        <v>34899</v>
      </c>
      <c r="E46633" s="1" t="s">
        <v>158649</v>
      </c>
      <c r="F46633" s="1" t="s">
        <v>158650</v>
      </c>
      <c r="G46633" s="1" t="s">
        <v>158644</v>
      </c>
      <c r="H46633" s="1" t="s">
        <v>158645</v>
      </c>
      <c r="I46633" s="1" t="s">
        <v>158437</v>
      </c>
      <c r="J46633" s="1" t="s">
        <v>158651</v>
      </c>
    </row>
    <row r="46634" spans="1:10" x14ac:dyDescent="0.35">
      <c r="A46634" s="1" t="s">
        <v>120864</v>
      </c>
      <c r="B46634" s="1" t="s">
        <v>158432</v>
      </c>
      <c r="C46634" s="1" t="s">
        <v>25</v>
      </c>
      <c r="D46634" s="1" t="s">
        <v>38025</v>
      </c>
      <c r="E46634" s="1" t="s">
        <v>158652</v>
      </c>
      <c r="F46634" s="1" t="s">
        <v>158653</v>
      </c>
      <c r="G46634" s="1" t="s">
        <v>158644</v>
      </c>
      <c r="H46634" s="1" t="s">
        <v>158645</v>
      </c>
      <c r="I46634" s="1" t="s">
        <v>158437</v>
      </c>
      <c r="J46634" s="1" t="s">
        <v>158654</v>
      </c>
    </row>
    <row r="46635" spans="1:10" x14ac:dyDescent="0.35">
      <c r="A46635" s="1" t="s">
        <v>120864</v>
      </c>
      <c r="B46635" s="1" t="s">
        <v>158432</v>
      </c>
      <c r="C46635" s="1" t="s">
        <v>30</v>
      </c>
      <c r="D46635" s="1" t="s">
        <v>38532</v>
      </c>
      <c r="E46635" s="1" t="s">
        <v>158655</v>
      </c>
      <c r="F46635" s="1" t="s">
        <v>158656</v>
      </c>
      <c r="G46635" s="1" t="s">
        <v>158644</v>
      </c>
      <c r="H46635" s="1" t="s">
        <v>158645</v>
      </c>
      <c r="I46635" s="1" t="s">
        <v>158437</v>
      </c>
      <c r="J46635" s="1" t="s">
        <v>158657</v>
      </c>
    </row>
    <row r="46636" spans="1:10" x14ac:dyDescent="0.35">
      <c r="A46636" s="1" t="s">
        <v>120864</v>
      </c>
      <c r="B46636" s="1" t="s">
        <v>158432</v>
      </c>
      <c r="C46636" s="1" t="s">
        <v>35</v>
      </c>
      <c r="D46636" s="1" t="s">
        <v>37405</v>
      </c>
      <c r="E46636" s="1" t="s">
        <v>158658</v>
      </c>
      <c r="F46636" s="1" t="s">
        <v>158659</v>
      </c>
      <c r="G46636" s="1" t="s">
        <v>158644</v>
      </c>
      <c r="H46636" s="1" t="s">
        <v>158645</v>
      </c>
      <c r="I46636" s="1" t="s">
        <v>158437</v>
      </c>
      <c r="J46636" s="1" t="s">
        <v>158660</v>
      </c>
    </row>
    <row r="46637" spans="1:10" x14ac:dyDescent="0.35">
      <c r="A46637" s="1" t="s">
        <v>120864</v>
      </c>
      <c r="B46637" s="1" t="s">
        <v>158432</v>
      </c>
      <c r="C46637" s="1" t="s">
        <v>40</v>
      </c>
      <c r="D46637" s="1" t="s">
        <v>158661</v>
      </c>
      <c r="E46637" s="1" t="s">
        <v>158662</v>
      </c>
      <c r="F46637" s="1" t="s">
        <v>158663</v>
      </c>
      <c r="G46637" s="1" t="s">
        <v>158644</v>
      </c>
      <c r="H46637" s="1" t="s">
        <v>158645</v>
      </c>
      <c r="I46637" s="1" t="s">
        <v>158437</v>
      </c>
      <c r="J46637" s="1" t="s">
        <v>158664</v>
      </c>
    </row>
    <row r="46638" spans="1:10" x14ac:dyDescent="0.35">
      <c r="A46638" s="1" t="s">
        <v>120864</v>
      </c>
      <c r="B46638" s="1" t="s">
        <v>158432</v>
      </c>
      <c r="C46638" s="1" t="s">
        <v>45</v>
      </c>
      <c r="D46638" s="1" t="s">
        <v>158561</v>
      </c>
      <c r="E46638" s="1" t="s">
        <v>158665</v>
      </c>
      <c r="F46638" s="1" t="s">
        <v>158666</v>
      </c>
      <c r="G46638" s="1" t="s">
        <v>158644</v>
      </c>
      <c r="H46638" s="1" t="s">
        <v>158645</v>
      </c>
      <c r="I46638" s="1" t="s">
        <v>158437</v>
      </c>
      <c r="J46638" s="1" t="s">
        <v>158667</v>
      </c>
    </row>
    <row r="46639" spans="1:10" x14ac:dyDescent="0.35">
      <c r="A46639" s="1" t="s">
        <v>120864</v>
      </c>
      <c r="B46639" s="1" t="s">
        <v>158432</v>
      </c>
      <c r="C46639" s="1" t="s">
        <v>50</v>
      </c>
      <c r="D46639" s="1" t="s">
        <v>43378</v>
      </c>
      <c r="E46639" s="1" t="s">
        <v>158668</v>
      </c>
      <c r="F46639" s="1" t="s">
        <v>158669</v>
      </c>
      <c r="G46639" s="1" t="s">
        <v>158644</v>
      </c>
      <c r="H46639" s="1" t="s">
        <v>158645</v>
      </c>
      <c r="I46639" s="1" t="s">
        <v>158437</v>
      </c>
      <c r="J46639" s="1" t="s">
        <v>158670</v>
      </c>
    </row>
    <row r="46640" spans="1:10" x14ac:dyDescent="0.35">
      <c r="A46640" s="1" t="s">
        <v>120864</v>
      </c>
      <c r="B46640" s="1" t="s">
        <v>158432</v>
      </c>
      <c r="C46640" s="1" t="s">
        <v>55</v>
      </c>
      <c r="D46640" s="1" t="s">
        <v>48861</v>
      </c>
      <c r="E46640" s="1" t="s">
        <v>158671</v>
      </c>
      <c r="F46640" s="1" t="s">
        <v>158672</v>
      </c>
      <c r="G46640" s="1" t="s">
        <v>158644</v>
      </c>
      <c r="H46640" s="1" t="s">
        <v>158645</v>
      </c>
      <c r="I46640" s="1" t="s">
        <v>158437</v>
      </c>
      <c r="J46640" s="1" t="s">
        <v>158673</v>
      </c>
    </row>
    <row r="46641" spans="1:10" x14ac:dyDescent="0.35">
      <c r="A46641" s="1" t="s">
        <v>120864</v>
      </c>
      <c r="B46641" s="1" t="s">
        <v>158432</v>
      </c>
      <c r="C46641" s="1" t="s">
        <v>60</v>
      </c>
      <c r="D46641" s="1" t="s">
        <v>57530</v>
      </c>
      <c r="E46641" s="1" t="s">
        <v>158674</v>
      </c>
      <c r="F46641" s="1" t="s">
        <v>158675</v>
      </c>
      <c r="G46641" s="1" t="s">
        <v>158644</v>
      </c>
      <c r="H46641" s="1" t="s">
        <v>158645</v>
      </c>
      <c r="I46641" s="1" t="s">
        <v>158437</v>
      </c>
      <c r="J46641" s="1" t="s">
        <v>158676</v>
      </c>
    </row>
    <row r="46642" spans="1:10" x14ac:dyDescent="0.35">
      <c r="A46642" s="1" t="s">
        <v>120864</v>
      </c>
      <c r="B46642" s="1" t="s">
        <v>158432</v>
      </c>
      <c r="C46642" s="1" t="s">
        <v>65</v>
      </c>
      <c r="D46642" s="1" t="s">
        <v>158493</v>
      </c>
      <c r="E46642" s="1" t="s">
        <v>158677</v>
      </c>
      <c r="F46642" s="1" t="s">
        <v>158678</v>
      </c>
      <c r="G46642" s="1" t="s">
        <v>158644</v>
      </c>
      <c r="H46642" s="1" t="s">
        <v>158645</v>
      </c>
      <c r="I46642" s="1" t="s">
        <v>158437</v>
      </c>
      <c r="J46642" s="1" t="s">
        <v>158679</v>
      </c>
    </row>
    <row r="46643" spans="1:10" x14ac:dyDescent="0.35">
      <c r="A46643" s="1" t="s">
        <v>120864</v>
      </c>
      <c r="B46643" s="1" t="s">
        <v>158432</v>
      </c>
      <c r="C46643" s="1" t="s">
        <v>70</v>
      </c>
      <c r="D46643" s="1" t="s">
        <v>158680</v>
      </c>
      <c r="E46643" s="1" t="s">
        <v>158681</v>
      </c>
      <c r="F46643" s="1" t="s">
        <v>158682</v>
      </c>
      <c r="G46643" s="1" t="s">
        <v>158644</v>
      </c>
      <c r="H46643" s="1" t="s">
        <v>158645</v>
      </c>
      <c r="I46643" s="1" t="s">
        <v>158437</v>
      </c>
      <c r="J46643" s="1" t="s">
        <v>158683</v>
      </c>
    </row>
    <row r="46644" spans="1:10" x14ac:dyDescent="0.35">
      <c r="A46644" s="1" t="s">
        <v>120864</v>
      </c>
      <c r="B46644" s="1" t="s">
        <v>158432</v>
      </c>
      <c r="C46644" s="1" t="s">
        <v>75</v>
      </c>
      <c r="D46644" s="1" t="s">
        <v>158684</v>
      </c>
      <c r="E46644" s="1" t="s">
        <v>158685</v>
      </c>
      <c r="F46644" s="1" t="s">
        <v>158686</v>
      </c>
      <c r="G46644" s="1" t="s">
        <v>158644</v>
      </c>
      <c r="H46644" s="1" t="s">
        <v>158645</v>
      </c>
      <c r="I46644" s="1" t="s">
        <v>158437</v>
      </c>
      <c r="J46644" s="1" t="s">
        <v>158687</v>
      </c>
    </row>
    <row r="46645" spans="1:10" x14ac:dyDescent="0.35">
      <c r="A46645" s="1" t="s">
        <v>120864</v>
      </c>
      <c r="B46645" s="1" t="s">
        <v>158432</v>
      </c>
      <c r="C46645" s="1" t="s">
        <v>80</v>
      </c>
      <c r="D46645" s="1" t="s">
        <v>67329</v>
      </c>
      <c r="E46645" s="1" t="s">
        <v>158688</v>
      </c>
      <c r="F46645" s="1" t="s">
        <v>158689</v>
      </c>
      <c r="G46645" s="1" t="s">
        <v>158644</v>
      </c>
      <c r="H46645" s="1" t="s">
        <v>158645</v>
      </c>
      <c r="I46645" s="1" t="s">
        <v>158437</v>
      </c>
      <c r="J46645" s="1" t="s">
        <v>158690</v>
      </c>
    </row>
    <row r="46646" spans="1:10" x14ac:dyDescent="0.35">
      <c r="A46646" s="1" t="s">
        <v>120864</v>
      </c>
      <c r="B46646" s="1" t="s">
        <v>158432</v>
      </c>
      <c r="C46646" s="1" t="s">
        <v>85</v>
      </c>
      <c r="D46646" s="1" t="s">
        <v>158691</v>
      </c>
      <c r="E46646" s="1" t="s">
        <v>158692</v>
      </c>
      <c r="F46646" s="1" t="s">
        <v>158693</v>
      </c>
      <c r="G46646" s="1" t="s">
        <v>158644</v>
      </c>
      <c r="H46646" s="1" t="s">
        <v>158645</v>
      </c>
      <c r="I46646" s="1" t="s">
        <v>158437</v>
      </c>
      <c r="J46646" s="1" t="s">
        <v>158694</v>
      </c>
    </row>
    <row r="46647" spans="1:10" x14ac:dyDescent="0.35">
      <c r="A46647" s="1" t="s">
        <v>120864</v>
      </c>
      <c r="B46647" s="1" t="s">
        <v>158432</v>
      </c>
      <c r="C46647" s="1" t="s">
        <v>90</v>
      </c>
      <c r="D46647" s="1" t="s">
        <v>79866</v>
      </c>
      <c r="E46647" s="1" t="s">
        <v>158695</v>
      </c>
      <c r="F46647" s="1" t="s">
        <v>158696</v>
      </c>
      <c r="G46647" s="1" t="s">
        <v>158644</v>
      </c>
      <c r="H46647" s="1" t="s">
        <v>158645</v>
      </c>
      <c r="I46647" s="1" t="s">
        <v>158437</v>
      </c>
      <c r="J46647" s="1" t="s">
        <v>158697</v>
      </c>
    </row>
    <row r="46648" spans="1:10" x14ac:dyDescent="0.35">
      <c r="A46648" s="1" t="s">
        <v>120864</v>
      </c>
      <c r="B46648" s="1" t="s">
        <v>158432</v>
      </c>
      <c r="C46648" s="1" t="s">
        <v>95</v>
      </c>
      <c r="D46648" s="1" t="s">
        <v>88412</v>
      </c>
      <c r="E46648" s="1" t="s">
        <v>158698</v>
      </c>
      <c r="F46648" s="1" t="s">
        <v>158699</v>
      </c>
      <c r="G46648" s="1" t="s">
        <v>158644</v>
      </c>
      <c r="H46648" s="1" t="s">
        <v>158645</v>
      </c>
      <c r="I46648" s="1" t="s">
        <v>158437</v>
      </c>
      <c r="J46648" s="1" t="s">
        <v>158700</v>
      </c>
    </row>
    <row r="46649" spans="1:10" x14ac:dyDescent="0.35">
      <c r="A46649" s="1" t="s">
        <v>120864</v>
      </c>
      <c r="B46649" s="1" t="s">
        <v>158432</v>
      </c>
      <c r="C46649" s="1" t="s">
        <v>100</v>
      </c>
      <c r="D46649" s="1" t="s">
        <v>95000</v>
      </c>
      <c r="E46649" s="1" t="s">
        <v>158701</v>
      </c>
      <c r="F46649" s="1" t="s">
        <v>158702</v>
      </c>
      <c r="G46649" s="1" t="s">
        <v>158644</v>
      </c>
      <c r="H46649" s="1" t="s">
        <v>158645</v>
      </c>
      <c r="I46649" s="1" t="s">
        <v>158437</v>
      </c>
      <c r="J46649" s="1" t="s">
        <v>158703</v>
      </c>
    </row>
    <row r="46650" spans="1:10" x14ac:dyDescent="0.35">
      <c r="A46650" s="1" t="s">
        <v>120864</v>
      </c>
      <c r="B46650" s="1" t="s">
        <v>158432</v>
      </c>
      <c r="C46650" s="1" t="s">
        <v>105</v>
      </c>
      <c r="D46650" s="1" t="s">
        <v>45598</v>
      </c>
      <c r="E46650" s="1" t="s">
        <v>158704</v>
      </c>
      <c r="F46650" s="1" t="s">
        <v>158705</v>
      </c>
      <c r="G46650" s="1" t="s">
        <v>158644</v>
      </c>
      <c r="H46650" s="1" t="s">
        <v>158645</v>
      </c>
      <c r="I46650" s="1" t="s">
        <v>158437</v>
      </c>
      <c r="J46650" s="1" t="s">
        <v>158706</v>
      </c>
    </row>
    <row r="46651" spans="1:10" x14ac:dyDescent="0.35">
      <c r="A46651" s="1" t="s">
        <v>120864</v>
      </c>
      <c r="B46651" s="1" t="s">
        <v>158432</v>
      </c>
      <c r="C46651" s="1" t="s">
        <v>110</v>
      </c>
      <c r="D46651" s="1" t="s">
        <v>118122</v>
      </c>
      <c r="E46651" s="1" t="s">
        <v>158707</v>
      </c>
      <c r="F46651" s="1" t="s">
        <v>158708</v>
      </c>
      <c r="G46651" s="1" t="s">
        <v>158644</v>
      </c>
      <c r="H46651" s="1" t="s">
        <v>158645</v>
      </c>
      <c r="I46651" s="1" t="s">
        <v>158437</v>
      </c>
      <c r="J46651" s="1" t="s">
        <v>158709</v>
      </c>
    </row>
    <row r="46652" spans="1:10" x14ac:dyDescent="0.35">
      <c r="A46652" s="1" t="s">
        <v>120864</v>
      </c>
      <c r="B46652" s="1" t="s">
        <v>158432</v>
      </c>
      <c r="C46652" s="1" t="s">
        <v>115</v>
      </c>
      <c r="D46652" s="1" t="s">
        <v>44976</v>
      </c>
      <c r="E46652" s="1" t="s">
        <v>158710</v>
      </c>
      <c r="F46652" s="1" t="s">
        <v>158711</v>
      </c>
      <c r="G46652" s="1" t="s">
        <v>158644</v>
      </c>
      <c r="H46652" s="1" t="s">
        <v>158645</v>
      </c>
      <c r="I46652" s="1" t="s">
        <v>158437</v>
      </c>
      <c r="J46652" s="1" t="s">
        <v>158712</v>
      </c>
    </row>
    <row r="46653" spans="1:10" x14ac:dyDescent="0.35">
      <c r="A46653" s="1" t="s">
        <v>120864</v>
      </c>
      <c r="B46653" s="1" t="s">
        <v>158432</v>
      </c>
      <c r="C46653" s="1" t="s">
        <v>120</v>
      </c>
      <c r="D46653" s="1" t="s">
        <v>28148</v>
      </c>
      <c r="E46653" s="1" t="s">
        <v>158713</v>
      </c>
      <c r="F46653" s="1" t="s">
        <v>158714</v>
      </c>
      <c r="G46653" s="1" t="s">
        <v>158644</v>
      </c>
      <c r="H46653" s="1" t="s">
        <v>158645</v>
      </c>
      <c r="I46653" s="1" t="s">
        <v>158437</v>
      </c>
      <c r="J46653" s="1" t="s">
        <v>158715</v>
      </c>
    </row>
    <row r="46654" spans="1:10" x14ac:dyDescent="0.35">
      <c r="A46654" s="1" t="s">
        <v>120864</v>
      </c>
      <c r="B46654" s="1" t="s">
        <v>158432</v>
      </c>
      <c r="C46654" s="1" t="s">
        <v>125</v>
      </c>
      <c r="D46654" s="1" t="s">
        <v>101963</v>
      </c>
      <c r="E46654" s="1" t="s">
        <v>158716</v>
      </c>
      <c r="F46654" s="1" t="s">
        <v>158717</v>
      </c>
      <c r="G46654" s="1" t="s">
        <v>158644</v>
      </c>
      <c r="H46654" s="1" t="s">
        <v>158645</v>
      </c>
      <c r="I46654" s="1" t="s">
        <v>158437</v>
      </c>
      <c r="J46654" s="1" t="s">
        <v>158718</v>
      </c>
    </row>
    <row r="46655" spans="1:10" x14ac:dyDescent="0.35">
      <c r="A46655" s="1" t="s">
        <v>120864</v>
      </c>
      <c r="B46655" s="1" t="s">
        <v>158432</v>
      </c>
      <c r="C46655" s="1" t="s">
        <v>130</v>
      </c>
      <c r="D46655" s="1" t="s">
        <v>1375</v>
      </c>
      <c r="E46655" s="1" t="s">
        <v>158719</v>
      </c>
      <c r="F46655" s="1" t="s">
        <v>158720</v>
      </c>
      <c r="G46655" s="1" t="s">
        <v>158644</v>
      </c>
      <c r="H46655" s="1" t="s">
        <v>158645</v>
      </c>
      <c r="I46655" s="1" t="s">
        <v>158437</v>
      </c>
      <c r="J46655" s="1" t="s">
        <v>158721</v>
      </c>
    </row>
    <row r="46656" spans="1:10" x14ac:dyDescent="0.35">
      <c r="A46656" s="1" t="s">
        <v>120864</v>
      </c>
      <c r="B46656" s="1" t="s">
        <v>158432</v>
      </c>
      <c r="C46656" s="1" t="s">
        <v>135</v>
      </c>
      <c r="D46656" s="1" t="s">
        <v>13862</v>
      </c>
      <c r="E46656" s="1" t="s">
        <v>158722</v>
      </c>
      <c r="F46656" s="1" t="s">
        <v>158723</v>
      </c>
      <c r="G46656" s="1" t="s">
        <v>158644</v>
      </c>
      <c r="H46656" s="1" t="s">
        <v>158645</v>
      </c>
      <c r="I46656" s="1" t="s">
        <v>158437</v>
      </c>
      <c r="J46656" s="1" t="s">
        <v>158724</v>
      </c>
    </row>
    <row r="46657" spans="1:10" x14ac:dyDescent="0.35">
      <c r="A46657" s="1" t="s">
        <v>120864</v>
      </c>
      <c r="B46657" s="1" t="s">
        <v>158432</v>
      </c>
      <c r="C46657" s="1" t="s">
        <v>140</v>
      </c>
      <c r="D46657" s="1" t="s">
        <v>29301</v>
      </c>
      <c r="E46657" s="1" t="s">
        <v>158725</v>
      </c>
      <c r="F46657" s="1" t="s">
        <v>158726</v>
      </c>
      <c r="G46657" s="1" t="s">
        <v>158644</v>
      </c>
      <c r="H46657" s="1" t="s">
        <v>158645</v>
      </c>
      <c r="I46657" s="1" t="s">
        <v>158437</v>
      </c>
      <c r="J46657" s="1" t="s">
        <v>158727</v>
      </c>
    </row>
    <row r="46658" spans="1:10" x14ac:dyDescent="0.35">
      <c r="A46658" s="1" t="s">
        <v>120864</v>
      </c>
      <c r="B46658" s="1" t="s">
        <v>158432</v>
      </c>
      <c r="C46658" s="1" t="s">
        <v>145</v>
      </c>
      <c r="D46658" s="1" t="s">
        <v>111269</v>
      </c>
      <c r="E46658" s="1" t="s">
        <v>158728</v>
      </c>
      <c r="F46658" s="1" t="s">
        <v>158729</v>
      </c>
      <c r="G46658" s="1" t="s">
        <v>158644</v>
      </c>
      <c r="H46658" s="1" t="s">
        <v>158645</v>
      </c>
      <c r="I46658" s="1" t="s">
        <v>158437</v>
      </c>
      <c r="J46658" s="1" t="s">
        <v>158730</v>
      </c>
    </row>
    <row r="46659" spans="1:10" x14ac:dyDescent="0.35">
      <c r="A46659" s="1" t="s">
        <v>120864</v>
      </c>
      <c r="B46659" s="1" t="s">
        <v>158432</v>
      </c>
      <c r="C46659" s="1" t="s">
        <v>150</v>
      </c>
      <c r="D46659" s="1" t="s">
        <v>146087</v>
      </c>
      <c r="E46659" s="1" t="s">
        <v>158731</v>
      </c>
      <c r="F46659" s="1" t="s">
        <v>158732</v>
      </c>
      <c r="G46659" s="1" t="s">
        <v>158644</v>
      </c>
      <c r="H46659" s="1" t="s">
        <v>158645</v>
      </c>
      <c r="I46659" s="1" t="s">
        <v>158437</v>
      </c>
      <c r="J46659" s="1" t="s">
        <v>158733</v>
      </c>
    </row>
    <row r="46660" spans="1:10" x14ac:dyDescent="0.35">
      <c r="A46660" s="1" t="s">
        <v>120864</v>
      </c>
      <c r="B46660" s="1" t="s">
        <v>158432</v>
      </c>
      <c r="C46660" s="1" t="s">
        <v>155</v>
      </c>
      <c r="D46660" s="1" t="s">
        <v>10142</v>
      </c>
      <c r="E46660" s="1" t="s">
        <v>158734</v>
      </c>
      <c r="F46660" s="1" t="s">
        <v>158735</v>
      </c>
      <c r="G46660" s="1" t="s">
        <v>158644</v>
      </c>
      <c r="H46660" s="1" t="s">
        <v>158645</v>
      </c>
      <c r="I46660" s="1" t="s">
        <v>158437</v>
      </c>
      <c r="J46660" s="1" t="s">
        <v>158736</v>
      </c>
    </row>
    <row r="46661" spans="1:10" x14ac:dyDescent="0.35">
      <c r="A46661" s="1" t="s">
        <v>120864</v>
      </c>
      <c r="B46661" s="1" t="s">
        <v>158432</v>
      </c>
      <c r="C46661" s="1" t="s">
        <v>160</v>
      </c>
      <c r="D46661" s="1" t="s">
        <v>14196</v>
      </c>
      <c r="E46661" s="1" t="s">
        <v>158737</v>
      </c>
      <c r="F46661" s="1" t="s">
        <v>158738</v>
      </c>
      <c r="G46661" s="1" t="s">
        <v>158644</v>
      </c>
      <c r="H46661" s="1" t="s">
        <v>158645</v>
      </c>
      <c r="I46661" s="1" t="s">
        <v>158437</v>
      </c>
      <c r="J46661" s="1" t="s">
        <v>158739</v>
      </c>
    </row>
    <row r="46662" spans="1:10" x14ac:dyDescent="0.35">
      <c r="A46662" s="1" t="s">
        <v>120864</v>
      </c>
      <c r="B46662" s="1" t="s">
        <v>158432</v>
      </c>
      <c r="C46662" s="1" t="s">
        <v>165</v>
      </c>
      <c r="D46662" s="1" t="s">
        <v>2885</v>
      </c>
      <c r="E46662" s="1" t="s">
        <v>158740</v>
      </c>
      <c r="F46662" s="1" t="s">
        <v>158741</v>
      </c>
      <c r="G46662" s="1" t="s">
        <v>158644</v>
      </c>
      <c r="H46662" s="1" t="s">
        <v>158645</v>
      </c>
      <c r="I46662" s="1" t="s">
        <v>158437</v>
      </c>
      <c r="J46662" s="1" t="s">
        <v>158742</v>
      </c>
    </row>
    <row r="46663" spans="1:10" x14ac:dyDescent="0.35">
      <c r="A46663" s="1" t="s">
        <v>120864</v>
      </c>
      <c r="B46663" s="1" t="s">
        <v>158432</v>
      </c>
      <c r="C46663" s="1" t="s">
        <v>170</v>
      </c>
      <c r="D46663" s="1" t="s">
        <v>7579</v>
      </c>
      <c r="E46663" s="1" t="s">
        <v>158743</v>
      </c>
      <c r="F46663" s="1" t="s">
        <v>158744</v>
      </c>
      <c r="G46663" s="1" t="s">
        <v>158644</v>
      </c>
      <c r="H46663" s="1" t="s">
        <v>158645</v>
      </c>
      <c r="I46663" s="1" t="s">
        <v>158437</v>
      </c>
      <c r="J46663" s="1" t="s">
        <v>158745</v>
      </c>
    </row>
    <row r="46664" spans="1:10" x14ac:dyDescent="0.35">
      <c r="A46664" s="1" t="s">
        <v>143182</v>
      </c>
      <c r="B46664" s="1" t="s">
        <v>158432</v>
      </c>
      <c r="C46664" s="1" t="s">
        <v>8</v>
      </c>
      <c r="D46664" s="1" t="s">
        <v>33647</v>
      </c>
      <c r="E46664" s="1" t="s">
        <v>158746</v>
      </c>
      <c r="F46664" s="1" t="s">
        <v>158747</v>
      </c>
      <c r="G46664" s="1" t="s">
        <v>158748</v>
      </c>
      <c r="H46664" s="1" t="s">
        <v>158749</v>
      </c>
      <c r="I46664" s="1" t="s">
        <v>158437</v>
      </c>
      <c r="J46664" s="1" t="s">
        <v>13</v>
      </c>
    </row>
    <row r="46665" spans="1:10" x14ac:dyDescent="0.35">
      <c r="A46665" s="1" t="s">
        <v>143182</v>
      </c>
      <c r="B46665" s="1" t="s">
        <v>158432</v>
      </c>
      <c r="C46665" s="1" t="s">
        <v>15</v>
      </c>
      <c r="D46665" s="1" t="s">
        <v>34651</v>
      </c>
      <c r="E46665" s="1" t="s">
        <v>158750</v>
      </c>
      <c r="F46665" s="1" t="s">
        <v>158751</v>
      </c>
      <c r="G46665" s="1" t="s">
        <v>158748</v>
      </c>
      <c r="H46665" s="1" t="s">
        <v>158749</v>
      </c>
      <c r="I46665" s="1" t="s">
        <v>158437</v>
      </c>
      <c r="J46665" s="1" t="s">
        <v>158752</v>
      </c>
    </row>
    <row r="46666" spans="1:10" x14ac:dyDescent="0.35">
      <c r="A46666" s="1" t="s">
        <v>143182</v>
      </c>
      <c r="B46666" s="1" t="s">
        <v>158432</v>
      </c>
      <c r="C46666" s="1" t="s">
        <v>20</v>
      </c>
      <c r="D46666" s="1" t="s">
        <v>31574</v>
      </c>
      <c r="E46666" s="1" t="s">
        <v>158753</v>
      </c>
      <c r="F46666" s="1" t="s">
        <v>158754</v>
      </c>
      <c r="G46666" s="1" t="s">
        <v>158748</v>
      </c>
      <c r="H46666" s="1" t="s">
        <v>158749</v>
      </c>
      <c r="I46666" s="1" t="s">
        <v>158437</v>
      </c>
      <c r="J46666" s="1" t="s">
        <v>158755</v>
      </c>
    </row>
    <row r="46667" spans="1:10" x14ac:dyDescent="0.35">
      <c r="A46667" s="1" t="s">
        <v>143182</v>
      </c>
      <c r="B46667" s="1" t="s">
        <v>158432</v>
      </c>
      <c r="C46667" s="1" t="s">
        <v>25</v>
      </c>
      <c r="D46667" s="1" t="s">
        <v>33773</v>
      </c>
      <c r="E46667" s="1" t="s">
        <v>158756</v>
      </c>
      <c r="F46667" s="1" t="s">
        <v>158757</v>
      </c>
      <c r="G46667" s="1" t="s">
        <v>158748</v>
      </c>
      <c r="H46667" s="1" t="s">
        <v>158749</v>
      </c>
      <c r="I46667" s="1" t="s">
        <v>158437</v>
      </c>
      <c r="J46667" s="1" t="s">
        <v>158758</v>
      </c>
    </row>
    <row r="46668" spans="1:10" x14ac:dyDescent="0.35">
      <c r="A46668" s="1" t="s">
        <v>143182</v>
      </c>
      <c r="B46668" s="1" t="s">
        <v>158432</v>
      </c>
      <c r="C46668" s="1" t="s">
        <v>30</v>
      </c>
      <c r="D46668" s="1" t="s">
        <v>34157</v>
      </c>
      <c r="E46668" s="1" t="s">
        <v>158759</v>
      </c>
      <c r="F46668" s="1" t="s">
        <v>158760</v>
      </c>
      <c r="G46668" s="1" t="s">
        <v>158748</v>
      </c>
      <c r="H46668" s="1" t="s">
        <v>158749</v>
      </c>
      <c r="I46668" s="1" t="s">
        <v>158437</v>
      </c>
      <c r="J46668" s="1" t="s">
        <v>158761</v>
      </c>
    </row>
    <row r="46669" spans="1:10" x14ac:dyDescent="0.35">
      <c r="A46669" s="1" t="s">
        <v>143182</v>
      </c>
      <c r="B46669" s="1" t="s">
        <v>158432</v>
      </c>
      <c r="C46669" s="1" t="s">
        <v>35</v>
      </c>
      <c r="D46669" s="1" t="s">
        <v>50703</v>
      </c>
      <c r="E46669" s="1" t="s">
        <v>158762</v>
      </c>
      <c r="F46669" s="1" t="s">
        <v>158763</v>
      </c>
      <c r="G46669" s="1" t="s">
        <v>158748</v>
      </c>
      <c r="H46669" s="1" t="s">
        <v>158749</v>
      </c>
      <c r="I46669" s="1" t="s">
        <v>158437</v>
      </c>
      <c r="J46669" s="1" t="s">
        <v>158764</v>
      </c>
    </row>
    <row r="46670" spans="1:10" x14ac:dyDescent="0.35">
      <c r="A46670" s="1" t="s">
        <v>143182</v>
      </c>
      <c r="B46670" s="1" t="s">
        <v>158432</v>
      </c>
      <c r="C46670" s="1" t="s">
        <v>40</v>
      </c>
      <c r="D46670" s="1" t="s">
        <v>36019</v>
      </c>
      <c r="E46670" s="1" t="s">
        <v>158765</v>
      </c>
      <c r="F46670" s="1" t="s">
        <v>158766</v>
      </c>
      <c r="G46670" s="1" t="s">
        <v>158748</v>
      </c>
      <c r="H46670" s="1" t="s">
        <v>158749</v>
      </c>
      <c r="I46670" s="1" t="s">
        <v>158437</v>
      </c>
      <c r="J46670" s="1" t="s">
        <v>158767</v>
      </c>
    </row>
    <row r="46671" spans="1:10" x14ac:dyDescent="0.35">
      <c r="A46671" s="1" t="s">
        <v>143182</v>
      </c>
      <c r="B46671" s="1" t="s">
        <v>158432</v>
      </c>
      <c r="C46671" s="1" t="s">
        <v>45</v>
      </c>
      <c r="D46671" s="1" t="s">
        <v>42493</v>
      </c>
      <c r="E46671" s="1" t="s">
        <v>158768</v>
      </c>
      <c r="F46671" s="1" t="s">
        <v>158769</v>
      </c>
      <c r="G46671" s="1" t="s">
        <v>158748</v>
      </c>
      <c r="H46671" s="1" t="s">
        <v>158749</v>
      </c>
      <c r="I46671" s="1" t="s">
        <v>158437</v>
      </c>
      <c r="J46671" s="1" t="s">
        <v>158770</v>
      </c>
    </row>
    <row r="46672" spans="1:10" x14ac:dyDescent="0.35">
      <c r="A46672" s="1" t="s">
        <v>143182</v>
      </c>
      <c r="B46672" s="1" t="s">
        <v>158432</v>
      </c>
      <c r="C46672" s="1" t="s">
        <v>50</v>
      </c>
      <c r="D46672" s="1" t="s">
        <v>52796</v>
      </c>
      <c r="E46672" s="1" t="s">
        <v>158771</v>
      </c>
      <c r="F46672" s="1" t="s">
        <v>158772</v>
      </c>
      <c r="G46672" s="1" t="s">
        <v>158748</v>
      </c>
      <c r="H46672" s="1" t="s">
        <v>158749</v>
      </c>
      <c r="I46672" s="1" t="s">
        <v>158437</v>
      </c>
      <c r="J46672" s="1" t="s">
        <v>158773</v>
      </c>
    </row>
    <row r="46673" spans="1:10" x14ac:dyDescent="0.35">
      <c r="A46673" s="1" t="s">
        <v>143182</v>
      </c>
      <c r="B46673" s="1" t="s">
        <v>158432</v>
      </c>
      <c r="C46673" s="1" t="s">
        <v>55</v>
      </c>
      <c r="D46673" s="1" t="s">
        <v>51456</v>
      </c>
      <c r="E46673" s="1" t="s">
        <v>158774</v>
      </c>
      <c r="F46673" s="1" t="s">
        <v>154200</v>
      </c>
      <c r="G46673" s="1" t="s">
        <v>158748</v>
      </c>
      <c r="H46673" s="1" t="s">
        <v>158749</v>
      </c>
      <c r="I46673" s="1" t="s">
        <v>158437</v>
      </c>
      <c r="J46673" s="1" t="s">
        <v>158775</v>
      </c>
    </row>
    <row r="46674" spans="1:10" x14ac:dyDescent="0.35">
      <c r="A46674" s="1" t="s">
        <v>143182</v>
      </c>
      <c r="B46674" s="1" t="s">
        <v>158432</v>
      </c>
      <c r="C46674" s="1" t="s">
        <v>60</v>
      </c>
      <c r="D46674" s="1" t="s">
        <v>158776</v>
      </c>
      <c r="E46674" s="1" t="s">
        <v>158777</v>
      </c>
      <c r="F46674" s="1" t="s">
        <v>158778</v>
      </c>
      <c r="G46674" s="1" t="s">
        <v>158748</v>
      </c>
      <c r="H46674" s="1" t="s">
        <v>158749</v>
      </c>
      <c r="I46674" s="1" t="s">
        <v>158437</v>
      </c>
      <c r="J46674" s="1" t="s">
        <v>158779</v>
      </c>
    </row>
    <row r="46675" spans="1:10" x14ac:dyDescent="0.35">
      <c r="A46675" s="1" t="s">
        <v>143182</v>
      </c>
      <c r="B46675" s="1" t="s">
        <v>158432</v>
      </c>
      <c r="C46675" s="1" t="s">
        <v>65</v>
      </c>
      <c r="D46675" s="1" t="s">
        <v>56064</v>
      </c>
      <c r="E46675" s="1" t="s">
        <v>158780</v>
      </c>
      <c r="F46675" s="1" t="s">
        <v>158781</v>
      </c>
      <c r="G46675" s="1" t="s">
        <v>158748</v>
      </c>
      <c r="H46675" s="1" t="s">
        <v>158749</v>
      </c>
      <c r="I46675" s="1" t="s">
        <v>158437</v>
      </c>
      <c r="J46675" s="1" t="s">
        <v>158782</v>
      </c>
    </row>
    <row r="46676" spans="1:10" x14ac:dyDescent="0.35">
      <c r="A46676" s="1" t="s">
        <v>143182</v>
      </c>
      <c r="B46676" s="1" t="s">
        <v>158432</v>
      </c>
      <c r="C46676" s="1" t="s">
        <v>70</v>
      </c>
      <c r="D46676" s="1" t="s">
        <v>158783</v>
      </c>
      <c r="E46676" s="1" t="s">
        <v>158784</v>
      </c>
      <c r="F46676" s="1" t="s">
        <v>158785</v>
      </c>
      <c r="G46676" s="1" t="s">
        <v>158748</v>
      </c>
      <c r="H46676" s="1" t="s">
        <v>158749</v>
      </c>
      <c r="I46676" s="1" t="s">
        <v>158437</v>
      </c>
      <c r="J46676" s="1" t="s">
        <v>158786</v>
      </c>
    </row>
    <row r="46677" spans="1:10" x14ac:dyDescent="0.35">
      <c r="A46677" s="1" t="s">
        <v>143182</v>
      </c>
      <c r="B46677" s="1" t="s">
        <v>158432</v>
      </c>
      <c r="C46677" s="1" t="s">
        <v>75</v>
      </c>
      <c r="D46677" s="1" t="s">
        <v>158787</v>
      </c>
      <c r="E46677" s="1" t="s">
        <v>158788</v>
      </c>
      <c r="F46677" s="1" t="s">
        <v>158789</v>
      </c>
      <c r="G46677" s="1" t="s">
        <v>158748</v>
      </c>
      <c r="H46677" s="1" t="s">
        <v>158749</v>
      </c>
      <c r="I46677" s="1" t="s">
        <v>158437</v>
      </c>
      <c r="J46677" s="1" t="s">
        <v>158790</v>
      </c>
    </row>
    <row r="46678" spans="1:10" x14ac:dyDescent="0.35">
      <c r="A46678" s="1" t="s">
        <v>143182</v>
      </c>
      <c r="B46678" s="1" t="s">
        <v>158432</v>
      </c>
      <c r="C46678" s="1" t="s">
        <v>80</v>
      </c>
      <c r="D46678" s="1" t="s">
        <v>158791</v>
      </c>
      <c r="E46678" s="1" t="s">
        <v>158792</v>
      </c>
      <c r="F46678" s="1" t="s">
        <v>158793</v>
      </c>
      <c r="G46678" s="1" t="s">
        <v>158748</v>
      </c>
      <c r="H46678" s="1" t="s">
        <v>158749</v>
      </c>
      <c r="I46678" s="1" t="s">
        <v>158437</v>
      </c>
      <c r="J46678" s="1" t="s">
        <v>158794</v>
      </c>
    </row>
    <row r="46679" spans="1:10" x14ac:dyDescent="0.35">
      <c r="A46679" s="1" t="s">
        <v>143182</v>
      </c>
      <c r="B46679" s="1" t="s">
        <v>158432</v>
      </c>
      <c r="C46679" s="1" t="s">
        <v>85</v>
      </c>
      <c r="D46679" s="1" t="s">
        <v>158795</v>
      </c>
      <c r="E46679" s="1" t="s">
        <v>158796</v>
      </c>
      <c r="F46679" s="1" t="s">
        <v>158797</v>
      </c>
      <c r="G46679" s="1" t="s">
        <v>158748</v>
      </c>
      <c r="H46679" s="1" t="s">
        <v>158749</v>
      </c>
      <c r="I46679" s="1" t="s">
        <v>158437</v>
      </c>
      <c r="J46679" s="1" t="s">
        <v>158798</v>
      </c>
    </row>
    <row r="46680" spans="1:10" x14ac:dyDescent="0.35">
      <c r="A46680" s="1" t="s">
        <v>143182</v>
      </c>
      <c r="B46680" s="1" t="s">
        <v>158432</v>
      </c>
      <c r="C46680" s="1" t="s">
        <v>90</v>
      </c>
      <c r="D46680" s="1" t="s">
        <v>158799</v>
      </c>
      <c r="E46680" s="1" t="s">
        <v>158800</v>
      </c>
      <c r="F46680" s="1" t="s">
        <v>158801</v>
      </c>
      <c r="G46680" s="1" t="s">
        <v>158748</v>
      </c>
      <c r="H46680" s="1" t="s">
        <v>158749</v>
      </c>
      <c r="I46680" s="1" t="s">
        <v>158437</v>
      </c>
      <c r="J46680" s="1" t="s">
        <v>158802</v>
      </c>
    </row>
    <row r="46681" spans="1:10" x14ac:dyDescent="0.35">
      <c r="A46681" s="1" t="s">
        <v>143182</v>
      </c>
      <c r="B46681" s="1" t="s">
        <v>158432</v>
      </c>
      <c r="C46681" s="1" t="s">
        <v>95</v>
      </c>
      <c r="D46681" s="1" t="s">
        <v>119344</v>
      </c>
      <c r="E46681" s="1" t="s">
        <v>158803</v>
      </c>
      <c r="F46681" s="1" t="s">
        <v>158804</v>
      </c>
      <c r="G46681" s="1" t="s">
        <v>158748</v>
      </c>
      <c r="H46681" s="1" t="s">
        <v>158749</v>
      </c>
      <c r="I46681" s="1" t="s">
        <v>158437</v>
      </c>
      <c r="J46681" s="1" t="s">
        <v>158805</v>
      </c>
    </row>
    <row r="46682" spans="1:10" x14ac:dyDescent="0.35">
      <c r="A46682" s="1" t="s">
        <v>143182</v>
      </c>
      <c r="B46682" s="1" t="s">
        <v>158432</v>
      </c>
      <c r="C46682" s="1" t="s">
        <v>100</v>
      </c>
      <c r="D46682" s="1" t="s">
        <v>2214</v>
      </c>
      <c r="E46682" s="1" t="s">
        <v>158806</v>
      </c>
      <c r="F46682" s="1" t="s">
        <v>158807</v>
      </c>
      <c r="G46682" s="1" t="s">
        <v>158748</v>
      </c>
      <c r="H46682" s="1" t="s">
        <v>158749</v>
      </c>
      <c r="I46682" s="1" t="s">
        <v>158437</v>
      </c>
      <c r="J46682" s="1" t="s">
        <v>158808</v>
      </c>
    </row>
    <row r="46683" spans="1:10" x14ac:dyDescent="0.35">
      <c r="A46683" s="1" t="s">
        <v>143182</v>
      </c>
      <c r="B46683" s="1" t="s">
        <v>158432</v>
      </c>
      <c r="C46683" s="1" t="s">
        <v>105</v>
      </c>
      <c r="D46683" s="1" t="s">
        <v>158809</v>
      </c>
      <c r="E46683" s="1" t="s">
        <v>158810</v>
      </c>
      <c r="F46683" s="1" t="s">
        <v>158811</v>
      </c>
      <c r="G46683" s="1" t="s">
        <v>158748</v>
      </c>
      <c r="H46683" s="1" t="s">
        <v>158749</v>
      </c>
      <c r="I46683" s="1" t="s">
        <v>158437</v>
      </c>
      <c r="J46683" s="1" t="s">
        <v>158812</v>
      </c>
    </row>
    <row r="46684" spans="1:10" x14ac:dyDescent="0.35">
      <c r="A46684" s="1" t="s">
        <v>143182</v>
      </c>
      <c r="B46684" s="1" t="s">
        <v>158432</v>
      </c>
      <c r="C46684" s="1" t="s">
        <v>110</v>
      </c>
      <c r="D46684" s="1" t="s">
        <v>158813</v>
      </c>
      <c r="E46684" s="1" t="s">
        <v>158814</v>
      </c>
      <c r="F46684" s="1" t="s">
        <v>158815</v>
      </c>
      <c r="G46684" s="1" t="s">
        <v>158748</v>
      </c>
      <c r="H46684" s="1" t="s">
        <v>158749</v>
      </c>
      <c r="I46684" s="1" t="s">
        <v>158437</v>
      </c>
      <c r="J46684" s="1" t="s">
        <v>158816</v>
      </c>
    </row>
    <row r="46685" spans="1:10" x14ac:dyDescent="0.35">
      <c r="A46685" s="1" t="s">
        <v>143182</v>
      </c>
      <c r="B46685" s="1" t="s">
        <v>158432</v>
      </c>
      <c r="C46685" s="1" t="s">
        <v>115</v>
      </c>
      <c r="D46685" s="1" t="s">
        <v>25328</v>
      </c>
      <c r="E46685" s="1" t="s">
        <v>158817</v>
      </c>
      <c r="F46685" s="1" t="s">
        <v>158818</v>
      </c>
      <c r="G46685" s="1" t="s">
        <v>158748</v>
      </c>
      <c r="H46685" s="1" t="s">
        <v>158749</v>
      </c>
      <c r="I46685" s="1" t="s">
        <v>158437</v>
      </c>
      <c r="J46685" s="1" t="s">
        <v>158819</v>
      </c>
    </row>
    <row r="46686" spans="1:10" x14ac:dyDescent="0.35">
      <c r="A46686" s="1" t="s">
        <v>143182</v>
      </c>
      <c r="B46686" s="1" t="s">
        <v>158432</v>
      </c>
      <c r="C46686" s="1" t="s">
        <v>120</v>
      </c>
      <c r="D46686" s="1" t="s">
        <v>59148</v>
      </c>
      <c r="E46686" s="1" t="s">
        <v>158820</v>
      </c>
      <c r="F46686" s="1" t="s">
        <v>158821</v>
      </c>
      <c r="G46686" s="1" t="s">
        <v>158748</v>
      </c>
      <c r="H46686" s="1" t="s">
        <v>158749</v>
      </c>
      <c r="I46686" s="1" t="s">
        <v>158437</v>
      </c>
      <c r="J46686" s="1" t="s">
        <v>158822</v>
      </c>
    </row>
    <row r="46687" spans="1:10" x14ac:dyDescent="0.35">
      <c r="A46687" s="1" t="s">
        <v>143182</v>
      </c>
      <c r="B46687" s="1" t="s">
        <v>158432</v>
      </c>
      <c r="C46687" s="1" t="s">
        <v>125</v>
      </c>
      <c r="D46687" s="1" t="s">
        <v>13751</v>
      </c>
      <c r="E46687" s="1" t="s">
        <v>158823</v>
      </c>
      <c r="F46687" s="1" t="s">
        <v>158824</v>
      </c>
      <c r="G46687" s="1" t="s">
        <v>158748</v>
      </c>
      <c r="H46687" s="1" t="s">
        <v>158749</v>
      </c>
      <c r="I46687" s="1" t="s">
        <v>158437</v>
      </c>
      <c r="J46687" s="1" t="s">
        <v>158825</v>
      </c>
    </row>
    <row r="46688" spans="1:10" x14ac:dyDescent="0.35">
      <c r="A46688" s="1" t="s">
        <v>143182</v>
      </c>
      <c r="B46688" s="1" t="s">
        <v>158432</v>
      </c>
      <c r="C46688" s="1" t="s">
        <v>130</v>
      </c>
      <c r="D46688" s="1" t="s">
        <v>59757</v>
      </c>
      <c r="E46688" s="1" t="s">
        <v>158826</v>
      </c>
      <c r="F46688" s="1" t="s">
        <v>158827</v>
      </c>
      <c r="G46688" s="1" t="s">
        <v>158748</v>
      </c>
      <c r="H46688" s="1" t="s">
        <v>158749</v>
      </c>
      <c r="I46688" s="1" t="s">
        <v>158437</v>
      </c>
      <c r="J46688" s="1" t="s">
        <v>158828</v>
      </c>
    </row>
    <row r="46689" spans="1:10" x14ac:dyDescent="0.35">
      <c r="A46689" s="1" t="s">
        <v>143182</v>
      </c>
      <c r="B46689" s="1" t="s">
        <v>158432</v>
      </c>
      <c r="C46689" s="1" t="s">
        <v>135</v>
      </c>
      <c r="D46689" s="1" t="s">
        <v>158829</v>
      </c>
      <c r="E46689" s="1" t="s">
        <v>158830</v>
      </c>
      <c r="F46689" s="1" t="s">
        <v>158831</v>
      </c>
      <c r="G46689" s="1" t="s">
        <v>158748</v>
      </c>
      <c r="H46689" s="1" t="s">
        <v>158749</v>
      </c>
      <c r="I46689" s="1" t="s">
        <v>158437</v>
      </c>
      <c r="J46689" s="1" t="s">
        <v>158832</v>
      </c>
    </row>
    <row r="46690" spans="1:10" x14ac:dyDescent="0.35">
      <c r="A46690" s="1" t="s">
        <v>143182</v>
      </c>
      <c r="B46690" s="1" t="s">
        <v>158432</v>
      </c>
      <c r="C46690" s="1" t="s">
        <v>140</v>
      </c>
      <c r="D46690" s="1" t="s">
        <v>60858</v>
      </c>
      <c r="E46690" s="1" t="s">
        <v>158833</v>
      </c>
      <c r="F46690" s="1" t="s">
        <v>158834</v>
      </c>
      <c r="G46690" s="1" t="s">
        <v>158748</v>
      </c>
      <c r="H46690" s="1" t="s">
        <v>158749</v>
      </c>
      <c r="I46690" s="1" t="s">
        <v>158437</v>
      </c>
      <c r="J46690" s="1" t="s">
        <v>158835</v>
      </c>
    </row>
    <row r="46691" spans="1:10" x14ac:dyDescent="0.35">
      <c r="A46691" s="1" t="s">
        <v>143182</v>
      </c>
      <c r="B46691" s="1" t="s">
        <v>158432</v>
      </c>
      <c r="C46691" s="1" t="s">
        <v>145</v>
      </c>
      <c r="D46691" s="1" t="s">
        <v>158836</v>
      </c>
      <c r="E46691" s="1" t="s">
        <v>158837</v>
      </c>
      <c r="F46691" s="1" t="s">
        <v>158838</v>
      </c>
      <c r="G46691" s="1" t="s">
        <v>158748</v>
      </c>
      <c r="H46691" s="1" t="s">
        <v>158749</v>
      </c>
      <c r="I46691" s="1" t="s">
        <v>158437</v>
      </c>
      <c r="J46691" s="1" t="s">
        <v>158839</v>
      </c>
    </row>
    <row r="46692" spans="1:10" x14ac:dyDescent="0.35">
      <c r="A46692" s="1" t="s">
        <v>143182</v>
      </c>
      <c r="B46692" s="1" t="s">
        <v>158432</v>
      </c>
      <c r="C46692" s="1" t="s">
        <v>150</v>
      </c>
      <c r="D46692" s="1" t="s">
        <v>158840</v>
      </c>
      <c r="E46692" s="1" t="s">
        <v>158841</v>
      </c>
      <c r="F46692" s="1" t="s">
        <v>158842</v>
      </c>
      <c r="G46692" s="1" t="s">
        <v>158748</v>
      </c>
      <c r="H46692" s="1" t="s">
        <v>158749</v>
      </c>
      <c r="I46692" s="1" t="s">
        <v>158437</v>
      </c>
      <c r="J46692" s="1" t="s">
        <v>158843</v>
      </c>
    </row>
    <row r="46693" spans="1:10" x14ac:dyDescent="0.35">
      <c r="A46693" s="1" t="s">
        <v>143182</v>
      </c>
      <c r="B46693" s="1" t="s">
        <v>158432</v>
      </c>
      <c r="C46693" s="1" t="s">
        <v>155</v>
      </c>
      <c r="D46693" s="1" t="s">
        <v>59241</v>
      </c>
      <c r="E46693" s="1" t="s">
        <v>158844</v>
      </c>
      <c r="F46693" s="1" t="s">
        <v>158845</v>
      </c>
      <c r="G46693" s="1" t="s">
        <v>158748</v>
      </c>
      <c r="H46693" s="1" t="s">
        <v>158749</v>
      </c>
      <c r="I46693" s="1" t="s">
        <v>158437</v>
      </c>
      <c r="J46693" s="1" t="s">
        <v>158846</v>
      </c>
    </row>
    <row r="46694" spans="1:10" x14ac:dyDescent="0.35">
      <c r="A46694" s="1" t="s">
        <v>143182</v>
      </c>
      <c r="B46694" s="1" t="s">
        <v>158432</v>
      </c>
      <c r="C46694" s="1" t="s">
        <v>160</v>
      </c>
      <c r="D46694" s="1" t="s">
        <v>158847</v>
      </c>
      <c r="E46694" s="1" t="s">
        <v>158848</v>
      </c>
      <c r="F46694" s="1" t="s">
        <v>158849</v>
      </c>
      <c r="G46694" s="1" t="s">
        <v>158748</v>
      </c>
      <c r="H46694" s="1" t="s">
        <v>158749</v>
      </c>
      <c r="I46694" s="1" t="s">
        <v>158437</v>
      </c>
      <c r="J46694" s="1" t="s">
        <v>158850</v>
      </c>
    </row>
    <row r="46695" spans="1:10" x14ac:dyDescent="0.35">
      <c r="A46695" s="1" t="s">
        <v>143182</v>
      </c>
      <c r="B46695" s="1" t="s">
        <v>158432</v>
      </c>
      <c r="C46695" s="1" t="s">
        <v>165</v>
      </c>
      <c r="D46695" s="1" t="s">
        <v>58362</v>
      </c>
      <c r="E46695" s="1" t="s">
        <v>158851</v>
      </c>
      <c r="F46695" s="1" t="s">
        <v>158852</v>
      </c>
      <c r="G46695" s="1" t="s">
        <v>158748</v>
      </c>
      <c r="H46695" s="1" t="s">
        <v>158749</v>
      </c>
      <c r="I46695" s="1" t="s">
        <v>158437</v>
      </c>
      <c r="J46695" s="1" t="s">
        <v>158853</v>
      </c>
    </row>
    <row r="46696" spans="1:10" x14ac:dyDescent="0.35">
      <c r="A46696" s="1" t="s">
        <v>143182</v>
      </c>
      <c r="B46696" s="1" t="s">
        <v>158432</v>
      </c>
      <c r="C46696" s="1" t="s">
        <v>170</v>
      </c>
      <c r="D46696" s="1" t="s">
        <v>13766</v>
      </c>
      <c r="E46696" s="1" t="s">
        <v>158854</v>
      </c>
      <c r="F46696" s="1" t="s">
        <v>158855</v>
      </c>
      <c r="G46696" s="1" t="s">
        <v>158748</v>
      </c>
      <c r="H46696" s="1" t="s">
        <v>158749</v>
      </c>
      <c r="I46696" s="1" t="s">
        <v>158437</v>
      </c>
      <c r="J46696" s="1" t="s">
        <v>158856</v>
      </c>
    </row>
    <row r="46697" spans="1:10" x14ac:dyDescent="0.35">
      <c r="A46697" s="1" t="s">
        <v>3980</v>
      </c>
      <c r="B46697" s="1" t="s">
        <v>158432</v>
      </c>
      <c r="C46697" s="1" t="s">
        <v>8</v>
      </c>
      <c r="D46697" s="1" t="s">
        <v>1181</v>
      </c>
      <c r="E46697" s="1" t="s">
        <v>158857</v>
      </c>
      <c r="F46697" s="1" t="s">
        <v>158858</v>
      </c>
      <c r="G46697" s="1" t="s">
        <v>158859</v>
      </c>
      <c r="H46697" s="1" t="s">
        <v>158860</v>
      </c>
      <c r="I46697" s="1" t="s">
        <v>158437</v>
      </c>
      <c r="J46697" s="1" t="s">
        <v>13</v>
      </c>
    </row>
    <row r="46698" spans="1:10" x14ac:dyDescent="0.35">
      <c r="A46698" s="1" t="s">
        <v>3980</v>
      </c>
      <c r="B46698" s="1" t="s">
        <v>158432</v>
      </c>
      <c r="C46698" s="1" t="s">
        <v>15</v>
      </c>
      <c r="D46698" s="1" t="s">
        <v>13119</v>
      </c>
      <c r="E46698" s="1" t="s">
        <v>158861</v>
      </c>
      <c r="F46698" s="1" t="s">
        <v>158862</v>
      </c>
      <c r="G46698" s="1" t="s">
        <v>158859</v>
      </c>
      <c r="H46698" s="1" t="s">
        <v>158860</v>
      </c>
      <c r="I46698" s="1" t="s">
        <v>158437</v>
      </c>
      <c r="J46698" s="1" t="s">
        <v>145680</v>
      </c>
    </row>
    <row r="46699" spans="1:10" x14ac:dyDescent="0.35">
      <c r="A46699" s="1" t="s">
        <v>3980</v>
      </c>
      <c r="B46699" s="1" t="s">
        <v>158432</v>
      </c>
      <c r="C46699" s="1" t="s">
        <v>20</v>
      </c>
      <c r="D46699" s="1" t="s">
        <v>13840</v>
      </c>
      <c r="E46699" s="1" t="s">
        <v>158863</v>
      </c>
      <c r="F46699" s="1" t="s">
        <v>158864</v>
      </c>
      <c r="G46699" s="1" t="s">
        <v>158859</v>
      </c>
      <c r="H46699" s="1" t="s">
        <v>158860</v>
      </c>
      <c r="I46699" s="1" t="s">
        <v>158437</v>
      </c>
      <c r="J46699" s="1" t="s">
        <v>158865</v>
      </c>
    </row>
    <row r="46700" spans="1:10" x14ac:dyDescent="0.35">
      <c r="A46700" s="1" t="s">
        <v>3980</v>
      </c>
      <c r="B46700" s="1" t="s">
        <v>158432</v>
      </c>
      <c r="C46700" s="1" t="s">
        <v>25</v>
      </c>
      <c r="D46700" s="1" t="s">
        <v>10444</v>
      </c>
      <c r="E46700" s="1" t="s">
        <v>158866</v>
      </c>
      <c r="F46700" s="1" t="s">
        <v>158867</v>
      </c>
      <c r="G46700" s="1" t="s">
        <v>158859</v>
      </c>
      <c r="H46700" s="1" t="s">
        <v>158860</v>
      </c>
      <c r="I46700" s="1" t="s">
        <v>158437</v>
      </c>
      <c r="J46700" s="1" t="s">
        <v>158868</v>
      </c>
    </row>
    <row r="46701" spans="1:10" x14ac:dyDescent="0.35">
      <c r="A46701" s="1" t="s">
        <v>3980</v>
      </c>
      <c r="B46701" s="1" t="s">
        <v>158432</v>
      </c>
      <c r="C46701" s="1" t="s">
        <v>30</v>
      </c>
      <c r="D46701" s="1" t="s">
        <v>9364</v>
      </c>
      <c r="E46701" s="1" t="s">
        <v>158869</v>
      </c>
      <c r="F46701" s="1" t="s">
        <v>158870</v>
      </c>
      <c r="G46701" s="1" t="s">
        <v>158859</v>
      </c>
      <c r="H46701" s="1" t="s">
        <v>158860</v>
      </c>
      <c r="I46701" s="1" t="s">
        <v>158437</v>
      </c>
      <c r="J46701" s="1" t="s">
        <v>158871</v>
      </c>
    </row>
    <row r="46702" spans="1:10" x14ac:dyDescent="0.35">
      <c r="A46702" s="1" t="s">
        <v>3980</v>
      </c>
      <c r="B46702" s="1" t="s">
        <v>158432</v>
      </c>
      <c r="C46702" s="1" t="s">
        <v>35</v>
      </c>
      <c r="D46702" s="1" t="s">
        <v>110080</v>
      </c>
      <c r="E46702" s="1" t="s">
        <v>158872</v>
      </c>
      <c r="F46702" s="1" t="s">
        <v>158873</v>
      </c>
      <c r="G46702" s="1" t="s">
        <v>158859</v>
      </c>
      <c r="H46702" s="1" t="s">
        <v>158860</v>
      </c>
      <c r="I46702" s="1" t="s">
        <v>158437</v>
      </c>
      <c r="J46702" s="1" t="s">
        <v>158874</v>
      </c>
    </row>
    <row r="46703" spans="1:10" x14ac:dyDescent="0.35">
      <c r="A46703" s="1" t="s">
        <v>3980</v>
      </c>
      <c r="B46703" s="1" t="s">
        <v>158432</v>
      </c>
      <c r="C46703" s="1" t="s">
        <v>40</v>
      </c>
      <c r="D46703" s="1" t="s">
        <v>44863</v>
      </c>
      <c r="E46703" s="1" t="s">
        <v>158875</v>
      </c>
      <c r="F46703" s="1" t="s">
        <v>158876</v>
      </c>
      <c r="G46703" s="1" t="s">
        <v>158859</v>
      </c>
      <c r="H46703" s="1" t="s">
        <v>158860</v>
      </c>
      <c r="I46703" s="1" t="s">
        <v>158437</v>
      </c>
      <c r="J46703" s="1" t="s">
        <v>158877</v>
      </c>
    </row>
    <row r="46704" spans="1:10" x14ac:dyDescent="0.35">
      <c r="A46704" s="1" t="s">
        <v>3980</v>
      </c>
      <c r="B46704" s="1" t="s">
        <v>158432</v>
      </c>
      <c r="C46704" s="1" t="s">
        <v>45</v>
      </c>
      <c r="D46704" s="1" t="s">
        <v>6388</v>
      </c>
      <c r="E46704" s="1" t="s">
        <v>158878</v>
      </c>
      <c r="F46704" s="1" t="s">
        <v>158879</v>
      </c>
      <c r="G46704" s="1" t="s">
        <v>158859</v>
      </c>
      <c r="H46704" s="1" t="s">
        <v>158860</v>
      </c>
      <c r="I46704" s="1" t="s">
        <v>158437</v>
      </c>
      <c r="J46704" s="1" t="s">
        <v>158880</v>
      </c>
    </row>
    <row r="46705" spans="1:10" x14ac:dyDescent="0.35">
      <c r="A46705" s="1" t="s">
        <v>3980</v>
      </c>
      <c r="B46705" s="1" t="s">
        <v>158432</v>
      </c>
      <c r="C46705" s="1" t="s">
        <v>50</v>
      </c>
      <c r="D46705" s="1" t="s">
        <v>28175</v>
      </c>
      <c r="E46705" s="1" t="s">
        <v>158881</v>
      </c>
      <c r="F46705" s="1" t="s">
        <v>158882</v>
      </c>
      <c r="G46705" s="1" t="s">
        <v>158859</v>
      </c>
      <c r="H46705" s="1" t="s">
        <v>158860</v>
      </c>
      <c r="I46705" s="1" t="s">
        <v>158437</v>
      </c>
      <c r="J46705" s="1" t="s">
        <v>158883</v>
      </c>
    </row>
    <row r="46706" spans="1:10" x14ac:dyDescent="0.35">
      <c r="A46706" s="1" t="s">
        <v>3980</v>
      </c>
      <c r="B46706" s="1" t="s">
        <v>158432</v>
      </c>
      <c r="C46706" s="1" t="s">
        <v>55</v>
      </c>
      <c r="D46706" s="1" t="s">
        <v>145396</v>
      </c>
      <c r="E46706" s="1" t="s">
        <v>158884</v>
      </c>
      <c r="F46706" s="1" t="s">
        <v>158885</v>
      </c>
      <c r="G46706" s="1" t="s">
        <v>158859</v>
      </c>
      <c r="H46706" s="1" t="s">
        <v>158860</v>
      </c>
      <c r="I46706" s="1" t="s">
        <v>158437</v>
      </c>
      <c r="J46706" s="1" t="s">
        <v>158886</v>
      </c>
    </row>
    <row r="46707" spans="1:10" x14ac:dyDescent="0.35">
      <c r="A46707" s="1" t="s">
        <v>3980</v>
      </c>
      <c r="B46707" s="1" t="s">
        <v>158432</v>
      </c>
      <c r="C46707" s="1" t="s">
        <v>60</v>
      </c>
      <c r="D46707" s="1" t="s">
        <v>4516</v>
      </c>
      <c r="E46707" s="1" t="s">
        <v>158887</v>
      </c>
      <c r="F46707" s="1" t="s">
        <v>158888</v>
      </c>
      <c r="G46707" s="1" t="s">
        <v>158859</v>
      </c>
      <c r="H46707" s="1" t="s">
        <v>158860</v>
      </c>
      <c r="I46707" s="1" t="s">
        <v>158437</v>
      </c>
      <c r="J46707" s="1" t="s">
        <v>158889</v>
      </c>
    </row>
    <row r="46708" spans="1:10" x14ac:dyDescent="0.35">
      <c r="A46708" s="1" t="s">
        <v>3980</v>
      </c>
      <c r="B46708" s="1" t="s">
        <v>158432</v>
      </c>
      <c r="C46708" s="1" t="s">
        <v>65</v>
      </c>
      <c r="D46708" s="1" t="s">
        <v>146421</v>
      </c>
      <c r="E46708" s="1" t="s">
        <v>158890</v>
      </c>
      <c r="F46708" s="1" t="s">
        <v>158891</v>
      </c>
      <c r="G46708" s="1" t="s">
        <v>158859</v>
      </c>
      <c r="H46708" s="1" t="s">
        <v>158860</v>
      </c>
      <c r="I46708" s="1" t="s">
        <v>158437</v>
      </c>
      <c r="J46708" s="1" t="s">
        <v>158892</v>
      </c>
    </row>
    <row r="46709" spans="1:10" x14ac:dyDescent="0.35">
      <c r="A46709" s="1" t="s">
        <v>3980</v>
      </c>
      <c r="B46709" s="1" t="s">
        <v>158432</v>
      </c>
      <c r="C46709" s="1" t="s">
        <v>70</v>
      </c>
      <c r="D46709" s="1" t="s">
        <v>29553</v>
      </c>
      <c r="E46709" s="1" t="s">
        <v>158893</v>
      </c>
      <c r="F46709" s="1" t="s">
        <v>158894</v>
      </c>
      <c r="G46709" s="1" t="s">
        <v>158859</v>
      </c>
      <c r="H46709" s="1" t="s">
        <v>158860</v>
      </c>
      <c r="I46709" s="1" t="s">
        <v>158437</v>
      </c>
      <c r="J46709" s="1" t="s">
        <v>158895</v>
      </c>
    </row>
    <row r="46710" spans="1:10" x14ac:dyDescent="0.35">
      <c r="A46710" s="1" t="s">
        <v>3980</v>
      </c>
      <c r="B46710" s="1" t="s">
        <v>158432</v>
      </c>
      <c r="C46710" s="1" t="s">
        <v>75</v>
      </c>
      <c r="D46710" s="1" t="s">
        <v>111798</v>
      </c>
      <c r="E46710" s="1" t="s">
        <v>158896</v>
      </c>
      <c r="F46710" s="1" t="s">
        <v>158897</v>
      </c>
      <c r="G46710" s="1" t="s">
        <v>158859</v>
      </c>
      <c r="H46710" s="1" t="s">
        <v>158860</v>
      </c>
      <c r="I46710" s="1" t="s">
        <v>158437</v>
      </c>
      <c r="J46710" s="1" t="s">
        <v>158898</v>
      </c>
    </row>
    <row r="46711" spans="1:10" x14ac:dyDescent="0.35">
      <c r="A46711" s="1" t="s">
        <v>3980</v>
      </c>
      <c r="B46711" s="1" t="s">
        <v>158432</v>
      </c>
      <c r="C46711" s="1" t="s">
        <v>80</v>
      </c>
      <c r="D46711" s="1" t="s">
        <v>146463</v>
      </c>
      <c r="E46711" s="1" t="s">
        <v>158899</v>
      </c>
      <c r="F46711" s="1" t="s">
        <v>158900</v>
      </c>
      <c r="G46711" s="1" t="s">
        <v>158859</v>
      </c>
      <c r="H46711" s="1" t="s">
        <v>158860</v>
      </c>
      <c r="I46711" s="1" t="s">
        <v>158437</v>
      </c>
      <c r="J46711" s="1" t="s">
        <v>158901</v>
      </c>
    </row>
    <row r="46712" spans="1:10" x14ac:dyDescent="0.35">
      <c r="A46712" s="1" t="s">
        <v>3980</v>
      </c>
      <c r="B46712" s="1" t="s">
        <v>158432</v>
      </c>
      <c r="C46712" s="1" t="s">
        <v>85</v>
      </c>
      <c r="D46712" s="1" t="s">
        <v>8065</v>
      </c>
      <c r="E46712" s="1" t="s">
        <v>158902</v>
      </c>
      <c r="F46712" s="1" t="s">
        <v>158903</v>
      </c>
      <c r="G46712" s="1" t="s">
        <v>158859</v>
      </c>
      <c r="H46712" s="1" t="s">
        <v>158860</v>
      </c>
      <c r="I46712" s="1" t="s">
        <v>158437</v>
      </c>
      <c r="J46712" s="1" t="s">
        <v>158904</v>
      </c>
    </row>
    <row r="46713" spans="1:10" x14ac:dyDescent="0.35">
      <c r="A46713" s="1" t="s">
        <v>3980</v>
      </c>
      <c r="B46713" s="1" t="s">
        <v>158432</v>
      </c>
      <c r="C46713" s="1" t="s">
        <v>90</v>
      </c>
      <c r="D46713" s="1" t="s">
        <v>27693</v>
      </c>
      <c r="E46713" s="1" t="s">
        <v>158905</v>
      </c>
      <c r="F46713" s="1" t="s">
        <v>158906</v>
      </c>
      <c r="G46713" s="1" t="s">
        <v>158859</v>
      </c>
      <c r="H46713" s="1" t="s">
        <v>158860</v>
      </c>
      <c r="I46713" s="1" t="s">
        <v>158437</v>
      </c>
      <c r="J46713" s="1" t="s">
        <v>158907</v>
      </c>
    </row>
    <row r="46714" spans="1:10" x14ac:dyDescent="0.35">
      <c r="A46714" s="1" t="s">
        <v>3980</v>
      </c>
      <c r="B46714" s="1" t="s">
        <v>158432</v>
      </c>
      <c r="C46714" s="1" t="s">
        <v>95</v>
      </c>
      <c r="D46714" s="1" t="s">
        <v>27771</v>
      </c>
      <c r="E46714" s="1" t="s">
        <v>158908</v>
      </c>
      <c r="F46714" s="1" t="s">
        <v>158909</v>
      </c>
      <c r="G46714" s="1" t="s">
        <v>158859</v>
      </c>
      <c r="H46714" s="1" t="s">
        <v>158860</v>
      </c>
      <c r="I46714" s="1" t="s">
        <v>158437</v>
      </c>
      <c r="J46714" s="1" t="s">
        <v>158910</v>
      </c>
    </row>
    <row r="46715" spans="1:10" x14ac:dyDescent="0.35">
      <c r="A46715" s="1" t="s">
        <v>3980</v>
      </c>
      <c r="B46715" s="1" t="s">
        <v>158432</v>
      </c>
      <c r="C46715" s="1" t="s">
        <v>100</v>
      </c>
      <c r="D46715" s="1" t="s">
        <v>1647</v>
      </c>
      <c r="E46715" s="1" t="s">
        <v>158911</v>
      </c>
      <c r="F46715" s="1" t="s">
        <v>158912</v>
      </c>
      <c r="G46715" s="1" t="s">
        <v>158859</v>
      </c>
      <c r="H46715" s="1" t="s">
        <v>158860</v>
      </c>
      <c r="I46715" s="1" t="s">
        <v>158437</v>
      </c>
      <c r="J46715" s="1" t="s">
        <v>158913</v>
      </c>
    </row>
    <row r="46716" spans="1:10" x14ac:dyDescent="0.35">
      <c r="A46716" s="1" t="s">
        <v>3980</v>
      </c>
      <c r="B46716" s="1" t="s">
        <v>158432</v>
      </c>
      <c r="C46716" s="1" t="s">
        <v>105</v>
      </c>
      <c r="D46716" s="1" t="s">
        <v>27847</v>
      </c>
      <c r="E46716" s="1" t="s">
        <v>158914</v>
      </c>
      <c r="F46716" s="1" t="s">
        <v>158915</v>
      </c>
      <c r="G46716" s="1" t="s">
        <v>158859</v>
      </c>
      <c r="H46716" s="1" t="s">
        <v>158860</v>
      </c>
      <c r="I46716" s="1" t="s">
        <v>158437</v>
      </c>
      <c r="J46716" s="1" t="s">
        <v>158916</v>
      </c>
    </row>
    <row r="46717" spans="1:10" x14ac:dyDescent="0.35">
      <c r="A46717" s="1" t="s">
        <v>3980</v>
      </c>
      <c r="B46717" s="1" t="s">
        <v>158432</v>
      </c>
      <c r="C46717" s="1" t="s">
        <v>110</v>
      </c>
      <c r="D46717" s="1" t="s">
        <v>2085</v>
      </c>
      <c r="E46717" s="1" t="s">
        <v>158917</v>
      </c>
      <c r="F46717" s="1" t="s">
        <v>158918</v>
      </c>
      <c r="G46717" s="1" t="s">
        <v>158859</v>
      </c>
      <c r="H46717" s="1" t="s">
        <v>158860</v>
      </c>
      <c r="I46717" s="1" t="s">
        <v>158437</v>
      </c>
      <c r="J46717" s="1" t="s">
        <v>158919</v>
      </c>
    </row>
    <row r="46718" spans="1:10" x14ac:dyDescent="0.35">
      <c r="A46718" s="1" t="s">
        <v>3980</v>
      </c>
      <c r="B46718" s="1" t="s">
        <v>158432</v>
      </c>
      <c r="C46718" s="1" t="s">
        <v>115</v>
      </c>
      <c r="D46718" s="1" t="s">
        <v>26004</v>
      </c>
      <c r="E46718" s="1" t="s">
        <v>158920</v>
      </c>
      <c r="F46718" s="1" t="s">
        <v>158921</v>
      </c>
      <c r="G46718" s="1" t="s">
        <v>158859</v>
      </c>
      <c r="H46718" s="1" t="s">
        <v>158860</v>
      </c>
      <c r="I46718" s="1" t="s">
        <v>158437</v>
      </c>
      <c r="J46718" s="1" t="s">
        <v>158922</v>
      </c>
    </row>
    <row r="46719" spans="1:10" x14ac:dyDescent="0.35">
      <c r="A46719" s="1" t="s">
        <v>3980</v>
      </c>
      <c r="B46719" s="1" t="s">
        <v>158432</v>
      </c>
      <c r="C46719" s="1" t="s">
        <v>120</v>
      </c>
      <c r="D46719" s="1" t="s">
        <v>44769</v>
      </c>
      <c r="E46719" s="1" t="s">
        <v>158923</v>
      </c>
      <c r="F46719" s="1" t="s">
        <v>158924</v>
      </c>
      <c r="G46719" s="1" t="s">
        <v>158859</v>
      </c>
      <c r="H46719" s="1" t="s">
        <v>158860</v>
      </c>
      <c r="I46719" s="1" t="s">
        <v>158437</v>
      </c>
      <c r="J46719" s="1" t="s">
        <v>158925</v>
      </c>
    </row>
    <row r="46720" spans="1:10" x14ac:dyDescent="0.35">
      <c r="A46720" s="1" t="s">
        <v>3980</v>
      </c>
      <c r="B46720" s="1" t="s">
        <v>158432</v>
      </c>
      <c r="C46720" s="1" t="s">
        <v>125</v>
      </c>
      <c r="D46720" s="1" t="s">
        <v>8769</v>
      </c>
      <c r="E46720" s="1" t="s">
        <v>158926</v>
      </c>
      <c r="F46720" s="1" t="s">
        <v>158927</v>
      </c>
      <c r="G46720" s="1" t="s">
        <v>158859</v>
      </c>
      <c r="H46720" s="1" t="s">
        <v>158860</v>
      </c>
      <c r="I46720" s="1" t="s">
        <v>158437</v>
      </c>
      <c r="J46720" s="1" t="s">
        <v>158928</v>
      </c>
    </row>
    <row r="46721" spans="1:10" x14ac:dyDescent="0.35">
      <c r="A46721" s="1" t="s">
        <v>3980</v>
      </c>
      <c r="B46721" s="1" t="s">
        <v>158432</v>
      </c>
      <c r="C46721" s="1" t="s">
        <v>130</v>
      </c>
      <c r="D46721" s="1" t="s">
        <v>27889</v>
      </c>
      <c r="E46721" s="1" t="s">
        <v>158929</v>
      </c>
      <c r="F46721" s="1" t="s">
        <v>158930</v>
      </c>
      <c r="G46721" s="1" t="s">
        <v>158859</v>
      </c>
      <c r="H46721" s="1" t="s">
        <v>158860</v>
      </c>
      <c r="I46721" s="1" t="s">
        <v>158437</v>
      </c>
      <c r="J46721" s="1" t="s">
        <v>158931</v>
      </c>
    </row>
    <row r="46722" spans="1:10" x14ac:dyDescent="0.35">
      <c r="A46722" s="1" t="s">
        <v>3980</v>
      </c>
      <c r="B46722" s="1" t="s">
        <v>158432</v>
      </c>
      <c r="C46722" s="1" t="s">
        <v>135</v>
      </c>
      <c r="D46722" s="1" t="s">
        <v>10149</v>
      </c>
      <c r="E46722" s="1" t="s">
        <v>158932</v>
      </c>
      <c r="F46722" s="1" t="s">
        <v>158933</v>
      </c>
      <c r="G46722" s="1" t="s">
        <v>158859</v>
      </c>
      <c r="H46722" s="1" t="s">
        <v>158860</v>
      </c>
      <c r="I46722" s="1" t="s">
        <v>158437</v>
      </c>
      <c r="J46722" s="1" t="s">
        <v>158934</v>
      </c>
    </row>
    <row r="46723" spans="1:10" x14ac:dyDescent="0.35">
      <c r="A46723" s="1" t="s">
        <v>3980</v>
      </c>
      <c r="B46723" s="1" t="s">
        <v>158432</v>
      </c>
      <c r="C46723" s="1" t="s">
        <v>140</v>
      </c>
      <c r="D46723" s="1" t="s">
        <v>8389</v>
      </c>
      <c r="E46723" s="1" t="s">
        <v>158935</v>
      </c>
      <c r="F46723" s="1" t="s">
        <v>158936</v>
      </c>
      <c r="G46723" s="1" t="s">
        <v>158859</v>
      </c>
      <c r="H46723" s="1" t="s">
        <v>158860</v>
      </c>
      <c r="I46723" s="1" t="s">
        <v>158437</v>
      </c>
      <c r="J46723" s="1" t="s">
        <v>158937</v>
      </c>
    </row>
    <row r="46724" spans="1:10" x14ac:dyDescent="0.35">
      <c r="A46724" s="1" t="s">
        <v>3980</v>
      </c>
      <c r="B46724" s="1" t="s">
        <v>158432</v>
      </c>
      <c r="C46724" s="1" t="s">
        <v>145</v>
      </c>
      <c r="D46724" s="1" t="s">
        <v>158938</v>
      </c>
      <c r="E46724" s="1" t="s">
        <v>158939</v>
      </c>
      <c r="F46724" s="1" t="s">
        <v>158940</v>
      </c>
      <c r="G46724" s="1" t="s">
        <v>158859</v>
      </c>
      <c r="H46724" s="1" t="s">
        <v>158860</v>
      </c>
      <c r="I46724" s="1" t="s">
        <v>158437</v>
      </c>
      <c r="J46724" s="1" t="s">
        <v>158941</v>
      </c>
    </row>
    <row r="46725" spans="1:10" x14ac:dyDescent="0.35">
      <c r="A46725" s="1" t="s">
        <v>3980</v>
      </c>
      <c r="B46725" s="1" t="s">
        <v>158432</v>
      </c>
      <c r="C46725" s="1" t="s">
        <v>150</v>
      </c>
      <c r="D46725" s="1" t="s">
        <v>112401</v>
      </c>
      <c r="E46725" s="1" t="s">
        <v>158942</v>
      </c>
      <c r="F46725" s="1" t="s">
        <v>158943</v>
      </c>
      <c r="G46725" s="1" t="s">
        <v>158859</v>
      </c>
      <c r="H46725" s="1" t="s">
        <v>158860</v>
      </c>
      <c r="I46725" s="1" t="s">
        <v>158437</v>
      </c>
      <c r="J46725" s="1" t="s">
        <v>158944</v>
      </c>
    </row>
    <row r="46726" spans="1:10" x14ac:dyDescent="0.35">
      <c r="A46726" s="1" t="s">
        <v>3980</v>
      </c>
      <c r="B46726" s="1" t="s">
        <v>158432</v>
      </c>
      <c r="C46726" s="1" t="s">
        <v>155</v>
      </c>
      <c r="D46726" s="1" t="s">
        <v>8396</v>
      </c>
      <c r="E46726" s="1" t="s">
        <v>158945</v>
      </c>
      <c r="F46726" s="1" t="s">
        <v>158946</v>
      </c>
      <c r="G46726" s="1" t="s">
        <v>158859</v>
      </c>
      <c r="H46726" s="1" t="s">
        <v>158860</v>
      </c>
      <c r="I46726" s="1" t="s">
        <v>158437</v>
      </c>
      <c r="J46726" s="1" t="s">
        <v>158947</v>
      </c>
    </row>
    <row r="46727" spans="1:10" x14ac:dyDescent="0.35">
      <c r="A46727" s="1" t="s">
        <v>3980</v>
      </c>
      <c r="B46727" s="1" t="s">
        <v>158432</v>
      </c>
      <c r="C46727" s="1" t="s">
        <v>160</v>
      </c>
      <c r="D46727" s="1" t="s">
        <v>36662</v>
      </c>
      <c r="E46727" s="1" t="s">
        <v>158948</v>
      </c>
      <c r="F46727" s="1" t="s">
        <v>158949</v>
      </c>
      <c r="G46727" s="1" t="s">
        <v>158859</v>
      </c>
      <c r="H46727" s="1" t="s">
        <v>158860</v>
      </c>
      <c r="I46727" s="1" t="s">
        <v>158437</v>
      </c>
      <c r="J46727" s="1" t="s">
        <v>158950</v>
      </c>
    </row>
    <row r="46728" spans="1:10" x14ac:dyDescent="0.35">
      <c r="A46728" s="1" t="s">
        <v>3980</v>
      </c>
      <c r="B46728" s="1" t="s">
        <v>158432</v>
      </c>
      <c r="C46728" s="1" t="s">
        <v>165</v>
      </c>
      <c r="D46728" s="1" t="s">
        <v>2149</v>
      </c>
      <c r="E46728" s="1" t="s">
        <v>158951</v>
      </c>
      <c r="F46728" s="1" t="s">
        <v>158952</v>
      </c>
      <c r="G46728" s="1" t="s">
        <v>158859</v>
      </c>
      <c r="H46728" s="1" t="s">
        <v>158860</v>
      </c>
      <c r="I46728" s="1" t="s">
        <v>158437</v>
      </c>
      <c r="J46728" s="1" t="s">
        <v>158953</v>
      </c>
    </row>
    <row r="46729" spans="1:10" x14ac:dyDescent="0.35">
      <c r="A46729" s="1" t="s">
        <v>3980</v>
      </c>
      <c r="B46729" s="1" t="s">
        <v>158432</v>
      </c>
      <c r="C46729" s="1" t="s">
        <v>170</v>
      </c>
      <c r="D46729" s="1" t="s">
        <v>6892</v>
      </c>
      <c r="E46729" s="1" t="s">
        <v>158954</v>
      </c>
      <c r="F46729" s="1" t="s">
        <v>158955</v>
      </c>
      <c r="G46729" s="1" t="s">
        <v>158859</v>
      </c>
      <c r="H46729" s="1" t="s">
        <v>158860</v>
      </c>
      <c r="I46729" s="1" t="s">
        <v>158437</v>
      </c>
      <c r="J46729" s="1" t="s">
        <v>158956</v>
      </c>
    </row>
    <row r="46730" spans="1:10" x14ac:dyDescent="0.35">
      <c r="A46730" s="1" t="s">
        <v>27918</v>
      </c>
      <c r="B46730" s="1" t="s">
        <v>158432</v>
      </c>
      <c r="C46730" s="1" t="s">
        <v>8</v>
      </c>
      <c r="D46730" s="1" t="s">
        <v>36265</v>
      </c>
      <c r="E46730" s="1" t="s">
        <v>158957</v>
      </c>
      <c r="F46730" s="1" t="s">
        <v>158958</v>
      </c>
      <c r="G46730" s="1" t="s">
        <v>158959</v>
      </c>
      <c r="H46730" s="1" t="s">
        <v>158960</v>
      </c>
      <c r="I46730" s="1" t="s">
        <v>158437</v>
      </c>
      <c r="J46730" s="1" t="s">
        <v>13</v>
      </c>
    </row>
    <row r="46731" spans="1:10" x14ac:dyDescent="0.35">
      <c r="A46731" s="1" t="s">
        <v>27918</v>
      </c>
      <c r="B46731" s="1" t="s">
        <v>158432</v>
      </c>
      <c r="C46731" s="1" t="s">
        <v>15</v>
      </c>
      <c r="D46731" s="1" t="s">
        <v>37405</v>
      </c>
      <c r="E46731" s="1" t="s">
        <v>158961</v>
      </c>
      <c r="F46731" s="1" t="s">
        <v>158962</v>
      </c>
      <c r="G46731" s="1" t="s">
        <v>158959</v>
      </c>
      <c r="H46731" s="1" t="s">
        <v>158960</v>
      </c>
      <c r="I46731" s="1" t="s">
        <v>158437</v>
      </c>
      <c r="J46731" s="1" t="s">
        <v>109844</v>
      </c>
    </row>
    <row r="46732" spans="1:10" x14ac:dyDescent="0.35">
      <c r="A46732" s="1" t="s">
        <v>27918</v>
      </c>
      <c r="B46732" s="1" t="s">
        <v>158432</v>
      </c>
      <c r="C46732" s="1" t="s">
        <v>20</v>
      </c>
      <c r="D46732" s="1" t="s">
        <v>33523</v>
      </c>
      <c r="E46732" s="1" t="s">
        <v>158963</v>
      </c>
      <c r="F46732" s="1" t="s">
        <v>158964</v>
      </c>
      <c r="G46732" s="1" t="s">
        <v>158959</v>
      </c>
      <c r="H46732" s="1" t="s">
        <v>158960</v>
      </c>
      <c r="I46732" s="1" t="s">
        <v>158437</v>
      </c>
      <c r="J46732" s="1" t="s">
        <v>158965</v>
      </c>
    </row>
    <row r="46733" spans="1:10" x14ac:dyDescent="0.35">
      <c r="A46733" s="1" t="s">
        <v>27918</v>
      </c>
      <c r="B46733" s="1" t="s">
        <v>158432</v>
      </c>
      <c r="C46733" s="1" t="s">
        <v>25</v>
      </c>
      <c r="D46733" s="1" t="s">
        <v>36397</v>
      </c>
      <c r="E46733" s="1" t="s">
        <v>158966</v>
      </c>
      <c r="F46733" s="1" t="s">
        <v>158967</v>
      </c>
      <c r="G46733" s="1" t="s">
        <v>158959</v>
      </c>
      <c r="H46733" s="1" t="s">
        <v>158960</v>
      </c>
      <c r="I46733" s="1" t="s">
        <v>158437</v>
      </c>
      <c r="J46733" s="1" t="s">
        <v>158968</v>
      </c>
    </row>
    <row r="46734" spans="1:10" x14ac:dyDescent="0.35">
      <c r="A46734" s="1" t="s">
        <v>27918</v>
      </c>
      <c r="B46734" s="1" t="s">
        <v>158432</v>
      </c>
      <c r="C46734" s="1" t="s">
        <v>30</v>
      </c>
      <c r="D46734" s="1" t="s">
        <v>36908</v>
      </c>
      <c r="E46734" s="1" t="s">
        <v>158969</v>
      </c>
      <c r="F46734" s="1" t="s">
        <v>158970</v>
      </c>
      <c r="G46734" s="1" t="s">
        <v>158959</v>
      </c>
      <c r="H46734" s="1" t="s">
        <v>158960</v>
      </c>
      <c r="I46734" s="1" t="s">
        <v>158437</v>
      </c>
      <c r="J46734" s="1" t="s">
        <v>80308</v>
      </c>
    </row>
    <row r="46735" spans="1:10" x14ac:dyDescent="0.35">
      <c r="A46735" s="1" t="s">
        <v>27918</v>
      </c>
      <c r="B46735" s="1" t="s">
        <v>158432</v>
      </c>
      <c r="C46735" s="1" t="s">
        <v>35</v>
      </c>
      <c r="D46735" s="1" t="s">
        <v>35895</v>
      </c>
      <c r="E46735" s="1" t="s">
        <v>158971</v>
      </c>
      <c r="F46735" s="1" t="s">
        <v>158972</v>
      </c>
      <c r="G46735" s="1" t="s">
        <v>158959</v>
      </c>
      <c r="H46735" s="1" t="s">
        <v>158960</v>
      </c>
      <c r="I46735" s="1" t="s">
        <v>158437</v>
      </c>
      <c r="J46735" s="1" t="s">
        <v>158973</v>
      </c>
    </row>
    <row r="46736" spans="1:10" x14ac:dyDescent="0.35">
      <c r="A46736" s="1" t="s">
        <v>27918</v>
      </c>
      <c r="B46736" s="1" t="s">
        <v>158432</v>
      </c>
      <c r="C46736" s="1" t="s">
        <v>40</v>
      </c>
      <c r="D46736" s="1" t="s">
        <v>38908</v>
      </c>
      <c r="E46736" s="1" t="s">
        <v>158974</v>
      </c>
      <c r="F46736" s="1" t="s">
        <v>158975</v>
      </c>
      <c r="G46736" s="1" t="s">
        <v>158959</v>
      </c>
      <c r="H46736" s="1" t="s">
        <v>158960</v>
      </c>
      <c r="I46736" s="1" t="s">
        <v>158437</v>
      </c>
      <c r="J46736" s="1" t="s">
        <v>158976</v>
      </c>
    </row>
    <row r="46737" spans="1:10" x14ac:dyDescent="0.35">
      <c r="A46737" s="1" t="s">
        <v>27918</v>
      </c>
      <c r="B46737" s="1" t="s">
        <v>158432</v>
      </c>
      <c r="C46737" s="1" t="s">
        <v>45</v>
      </c>
      <c r="D46737" s="1" t="s">
        <v>47524</v>
      </c>
      <c r="E46737" s="1" t="s">
        <v>158977</v>
      </c>
      <c r="F46737" s="1" t="s">
        <v>22857</v>
      </c>
      <c r="G46737" s="1" t="s">
        <v>158959</v>
      </c>
      <c r="H46737" s="1" t="s">
        <v>158960</v>
      </c>
      <c r="I46737" s="1" t="s">
        <v>158437</v>
      </c>
      <c r="J46737" s="1" t="s">
        <v>158978</v>
      </c>
    </row>
    <row r="46738" spans="1:10" x14ac:dyDescent="0.35">
      <c r="A46738" s="1" t="s">
        <v>27918</v>
      </c>
      <c r="B46738" s="1" t="s">
        <v>158432</v>
      </c>
      <c r="C46738" s="1" t="s">
        <v>50</v>
      </c>
      <c r="D46738" s="1" t="s">
        <v>49106</v>
      </c>
      <c r="E46738" s="1" t="s">
        <v>158979</v>
      </c>
      <c r="F46738" s="1" t="s">
        <v>158980</v>
      </c>
      <c r="G46738" s="1" t="s">
        <v>158959</v>
      </c>
      <c r="H46738" s="1" t="s">
        <v>158960</v>
      </c>
      <c r="I46738" s="1" t="s">
        <v>158437</v>
      </c>
      <c r="J46738" s="1" t="s">
        <v>158981</v>
      </c>
    </row>
    <row r="46739" spans="1:10" x14ac:dyDescent="0.35">
      <c r="A46739" s="1" t="s">
        <v>27918</v>
      </c>
      <c r="B46739" s="1" t="s">
        <v>158432</v>
      </c>
      <c r="C46739" s="1" t="s">
        <v>55</v>
      </c>
      <c r="D46739" s="1" t="s">
        <v>51133</v>
      </c>
      <c r="E46739" s="1" t="s">
        <v>158982</v>
      </c>
      <c r="F46739" s="1" t="s">
        <v>158983</v>
      </c>
      <c r="G46739" s="1" t="s">
        <v>158959</v>
      </c>
      <c r="H46739" s="1" t="s">
        <v>158960</v>
      </c>
      <c r="I46739" s="1" t="s">
        <v>158437</v>
      </c>
      <c r="J46739" s="1" t="s">
        <v>158984</v>
      </c>
    </row>
    <row r="46740" spans="1:10" x14ac:dyDescent="0.35">
      <c r="A46740" s="1" t="s">
        <v>27918</v>
      </c>
      <c r="B46740" s="1" t="s">
        <v>158432</v>
      </c>
      <c r="C46740" s="1" t="s">
        <v>60</v>
      </c>
      <c r="D46740" s="1" t="s">
        <v>54130</v>
      </c>
      <c r="E46740" s="1" t="s">
        <v>158985</v>
      </c>
      <c r="F46740" s="1" t="s">
        <v>158986</v>
      </c>
      <c r="G46740" s="1" t="s">
        <v>158959</v>
      </c>
      <c r="H46740" s="1" t="s">
        <v>158960</v>
      </c>
      <c r="I46740" s="1" t="s">
        <v>158437</v>
      </c>
      <c r="J46740" s="1" t="s">
        <v>158987</v>
      </c>
    </row>
    <row r="46741" spans="1:10" x14ac:dyDescent="0.35">
      <c r="A46741" s="1" t="s">
        <v>27918</v>
      </c>
      <c r="B46741" s="1" t="s">
        <v>158432</v>
      </c>
      <c r="C46741" s="1" t="s">
        <v>65</v>
      </c>
      <c r="D46741" s="1" t="s">
        <v>50700</v>
      </c>
      <c r="E46741" s="1" t="s">
        <v>158988</v>
      </c>
      <c r="F46741" s="1" t="s">
        <v>158989</v>
      </c>
      <c r="G46741" s="1" t="s">
        <v>158959</v>
      </c>
      <c r="H46741" s="1" t="s">
        <v>158960</v>
      </c>
      <c r="I46741" s="1" t="s">
        <v>158437</v>
      </c>
      <c r="J46741" s="1" t="s">
        <v>158990</v>
      </c>
    </row>
    <row r="46742" spans="1:10" x14ac:dyDescent="0.35">
      <c r="A46742" s="1" t="s">
        <v>27918</v>
      </c>
      <c r="B46742" s="1" t="s">
        <v>158432</v>
      </c>
      <c r="C46742" s="1" t="s">
        <v>70</v>
      </c>
      <c r="D46742" s="1" t="s">
        <v>56064</v>
      </c>
      <c r="E46742" s="1" t="s">
        <v>158991</v>
      </c>
      <c r="F46742" s="1" t="s">
        <v>158992</v>
      </c>
      <c r="G46742" s="1" t="s">
        <v>158959</v>
      </c>
      <c r="H46742" s="1" t="s">
        <v>158960</v>
      </c>
      <c r="I46742" s="1" t="s">
        <v>158437</v>
      </c>
      <c r="J46742" s="1" t="s">
        <v>158993</v>
      </c>
    </row>
    <row r="46743" spans="1:10" x14ac:dyDescent="0.35">
      <c r="A46743" s="1" t="s">
        <v>27918</v>
      </c>
      <c r="B46743" s="1" t="s">
        <v>158432</v>
      </c>
      <c r="C46743" s="1" t="s">
        <v>75</v>
      </c>
      <c r="D46743" s="1" t="s">
        <v>158994</v>
      </c>
      <c r="E46743" s="1" t="s">
        <v>158995</v>
      </c>
      <c r="F46743" s="1" t="s">
        <v>158996</v>
      </c>
      <c r="G46743" s="1" t="s">
        <v>158959</v>
      </c>
      <c r="H46743" s="1" t="s">
        <v>158960</v>
      </c>
      <c r="I46743" s="1" t="s">
        <v>158437</v>
      </c>
      <c r="J46743" s="1" t="s">
        <v>6138</v>
      </c>
    </row>
    <row r="46744" spans="1:10" x14ac:dyDescent="0.35">
      <c r="A46744" s="1" t="s">
        <v>27918</v>
      </c>
      <c r="B46744" s="1" t="s">
        <v>158432</v>
      </c>
      <c r="C46744" s="1" t="s">
        <v>80</v>
      </c>
      <c r="D46744" s="1" t="s">
        <v>57398</v>
      </c>
      <c r="E46744" s="1" t="s">
        <v>158997</v>
      </c>
      <c r="F46744" s="1" t="s">
        <v>158998</v>
      </c>
      <c r="G46744" s="1" t="s">
        <v>158959</v>
      </c>
      <c r="H46744" s="1" t="s">
        <v>158960</v>
      </c>
      <c r="I46744" s="1" t="s">
        <v>158437</v>
      </c>
      <c r="J46744" s="1" t="s">
        <v>158999</v>
      </c>
    </row>
    <row r="46745" spans="1:10" x14ac:dyDescent="0.35">
      <c r="A46745" s="1" t="s">
        <v>27918</v>
      </c>
      <c r="B46745" s="1" t="s">
        <v>158432</v>
      </c>
      <c r="C46745" s="1" t="s">
        <v>85</v>
      </c>
      <c r="D46745" s="1" t="s">
        <v>159000</v>
      </c>
      <c r="E46745" s="1" t="s">
        <v>159001</v>
      </c>
      <c r="F46745" s="1" t="s">
        <v>159002</v>
      </c>
      <c r="G46745" s="1" t="s">
        <v>158959</v>
      </c>
      <c r="H46745" s="1" t="s">
        <v>158960</v>
      </c>
      <c r="I46745" s="1" t="s">
        <v>158437</v>
      </c>
      <c r="J46745" s="1" t="s">
        <v>159003</v>
      </c>
    </row>
    <row r="46746" spans="1:10" x14ac:dyDescent="0.35">
      <c r="A46746" s="1" t="s">
        <v>27918</v>
      </c>
      <c r="B46746" s="1" t="s">
        <v>158432</v>
      </c>
      <c r="C46746" s="1" t="s">
        <v>90</v>
      </c>
      <c r="D46746" s="1" t="s">
        <v>51052</v>
      </c>
      <c r="E46746" s="1" t="s">
        <v>159004</v>
      </c>
      <c r="F46746" s="1" t="s">
        <v>159005</v>
      </c>
      <c r="G46746" s="1" t="s">
        <v>158959</v>
      </c>
      <c r="H46746" s="1" t="s">
        <v>158960</v>
      </c>
      <c r="I46746" s="1" t="s">
        <v>158437</v>
      </c>
      <c r="J46746" s="1" t="s">
        <v>159006</v>
      </c>
    </row>
    <row r="46747" spans="1:10" x14ac:dyDescent="0.35">
      <c r="A46747" s="1" t="s">
        <v>27918</v>
      </c>
      <c r="B46747" s="1" t="s">
        <v>158432</v>
      </c>
      <c r="C46747" s="1" t="s">
        <v>95</v>
      </c>
      <c r="D46747" s="1" t="s">
        <v>159007</v>
      </c>
      <c r="E46747" s="1" t="s">
        <v>159008</v>
      </c>
      <c r="F46747" s="1" t="s">
        <v>159009</v>
      </c>
      <c r="G46747" s="1" t="s">
        <v>158959</v>
      </c>
      <c r="H46747" s="1" t="s">
        <v>158960</v>
      </c>
      <c r="I46747" s="1" t="s">
        <v>158437</v>
      </c>
      <c r="J46747" s="1" t="s">
        <v>159010</v>
      </c>
    </row>
    <row r="46748" spans="1:10" x14ac:dyDescent="0.35">
      <c r="A46748" s="1" t="s">
        <v>27918</v>
      </c>
      <c r="B46748" s="1" t="s">
        <v>158432</v>
      </c>
      <c r="C46748" s="1" t="s">
        <v>100</v>
      </c>
      <c r="D46748" s="1" t="s">
        <v>63156</v>
      </c>
      <c r="E46748" s="1" t="s">
        <v>159011</v>
      </c>
      <c r="F46748" s="1" t="s">
        <v>159012</v>
      </c>
      <c r="G46748" s="1" t="s">
        <v>158959</v>
      </c>
      <c r="H46748" s="1" t="s">
        <v>158960</v>
      </c>
      <c r="I46748" s="1" t="s">
        <v>158437</v>
      </c>
      <c r="J46748" s="1" t="s">
        <v>159013</v>
      </c>
    </row>
    <row r="46749" spans="1:10" x14ac:dyDescent="0.35">
      <c r="A46749" s="1" t="s">
        <v>27918</v>
      </c>
      <c r="B46749" s="1" t="s">
        <v>158432</v>
      </c>
      <c r="C46749" s="1" t="s">
        <v>105</v>
      </c>
      <c r="D46749" s="1" t="s">
        <v>158526</v>
      </c>
      <c r="E46749" s="1" t="s">
        <v>159014</v>
      </c>
      <c r="F46749" s="1" t="s">
        <v>159015</v>
      </c>
      <c r="G46749" s="1" t="s">
        <v>158959</v>
      </c>
      <c r="H46749" s="1" t="s">
        <v>158960</v>
      </c>
      <c r="I46749" s="1" t="s">
        <v>158437</v>
      </c>
      <c r="J46749" s="1" t="s">
        <v>159016</v>
      </c>
    </row>
    <row r="46750" spans="1:10" x14ac:dyDescent="0.35">
      <c r="A46750" s="1" t="s">
        <v>27918</v>
      </c>
      <c r="B46750" s="1" t="s">
        <v>158432</v>
      </c>
      <c r="C46750" s="1" t="s">
        <v>110</v>
      </c>
      <c r="D46750" s="1" t="s">
        <v>68550</v>
      </c>
      <c r="E46750" s="1" t="s">
        <v>159017</v>
      </c>
      <c r="F46750" s="1" t="s">
        <v>159018</v>
      </c>
      <c r="G46750" s="1" t="s">
        <v>158959</v>
      </c>
      <c r="H46750" s="1" t="s">
        <v>158960</v>
      </c>
      <c r="I46750" s="1" t="s">
        <v>158437</v>
      </c>
      <c r="J46750" s="1" t="s">
        <v>159019</v>
      </c>
    </row>
    <row r="46751" spans="1:10" x14ac:dyDescent="0.35">
      <c r="A46751" s="1" t="s">
        <v>27918</v>
      </c>
      <c r="B46751" s="1" t="s">
        <v>158432</v>
      </c>
      <c r="C46751" s="1" t="s">
        <v>115</v>
      </c>
      <c r="D46751" s="1" t="s">
        <v>2183</v>
      </c>
      <c r="E46751" s="1" t="s">
        <v>159020</v>
      </c>
      <c r="F46751" s="1" t="s">
        <v>159021</v>
      </c>
      <c r="G46751" s="1" t="s">
        <v>158959</v>
      </c>
      <c r="H46751" s="1" t="s">
        <v>158960</v>
      </c>
      <c r="I46751" s="1" t="s">
        <v>158437</v>
      </c>
      <c r="J46751" s="1" t="s">
        <v>159022</v>
      </c>
    </row>
    <row r="46752" spans="1:10" x14ac:dyDescent="0.35">
      <c r="A46752" s="1" t="s">
        <v>27918</v>
      </c>
      <c r="B46752" s="1" t="s">
        <v>158432</v>
      </c>
      <c r="C46752" s="1" t="s">
        <v>120</v>
      </c>
      <c r="D46752" s="1" t="s">
        <v>1904</v>
      </c>
      <c r="E46752" s="1" t="s">
        <v>159023</v>
      </c>
      <c r="F46752" s="1" t="s">
        <v>159024</v>
      </c>
      <c r="G46752" s="1" t="s">
        <v>158959</v>
      </c>
      <c r="H46752" s="1" t="s">
        <v>158960</v>
      </c>
      <c r="I46752" s="1" t="s">
        <v>158437</v>
      </c>
      <c r="J46752" s="1" t="s">
        <v>159025</v>
      </c>
    </row>
    <row r="46753" spans="1:10" x14ac:dyDescent="0.35">
      <c r="A46753" s="1" t="s">
        <v>27918</v>
      </c>
      <c r="B46753" s="1" t="s">
        <v>158432</v>
      </c>
      <c r="C46753" s="1" t="s">
        <v>125</v>
      </c>
      <c r="D46753" s="1" t="s">
        <v>1364</v>
      </c>
      <c r="E46753" s="1" t="s">
        <v>159026</v>
      </c>
      <c r="F46753" s="1" t="s">
        <v>159027</v>
      </c>
      <c r="G46753" s="1" t="s">
        <v>158959</v>
      </c>
      <c r="H46753" s="1" t="s">
        <v>158960</v>
      </c>
      <c r="I46753" s="1" t="s">
        <v>158437</v>
      </c>
      <c r="J46753" s="1" t="s">
        <v>159028</v>
      </c>
    </row>
    <row r="46754" spans="1:10" x14ac:dyDescent="0.35">
      <c r="A46754" s="1" t="s">
        <v>27918</v>
      </c>
      <c r="B46754" s="1" t="s">
        <v>158432</v>
      </c>
      <c r="C46754" s="1" t="s">
        <v>130</v>
      </c>
      <c r="D46754" s="1" t="s">
        <v>7244</v>
      </c>
      <c r="E46754" s="1" t="s">
        <v>159029</v>
      </c>
      <c r="F46754" s="1" t="s">
        <v>159030</v>
      </c>
      <c r="G46754" s="1" t="s">
        <v>158959</v>
      </c>
      <c r="H46754" s="1" t="s">
        <v>158960</v>
      </c>
      <c r="I46754" s="1" t="s">
        <v>158437</v>
      </c>
      <c r="J46754" s="1" t="s">
        <v>159031</v>
      </c>
    </row>
    <row r="46755" spans="1:10" x14ac:dyDescent="0.35">
      <c r="A46755" s="1" t="s">
        <v>27918</v>
      </c>
      <c r="B46755" s="1" t="s">
        <v>158432</v>
      </c>
      <c r="C46755" s="1" t="s">
        <v>135</v>
      </c>
      <c r="D46755" s="1" t="s">
        <v>86290</v>
      </c>
      <c r="E46755" s="1" t="s">
        <v>159032</v>
      </c>
      <c r="F46755" s="1" t="s">
        <v>159033</v>
      </c>
      <c r="G46755" s="1" t="s">
        <v>158959</v>
      </c>
      <c r="H46755" s="1" t="s">
        <v>158960</v>
      </c>
      <c r="I46755" s="1" t="s">
        <v>158437</v>
      </c>
      <c r="J46755" s="1" t="s">
        <v>159034</v>
      </c>
    </row>
    <row r="46756" spans="1:10" x14ac:dyDescent="0.35">
      <c r="A46756" s="1" t="s">
        <v>27918</v>
      </c>
      <c r="B46756" s="1" t="s">
        <v>158432</v>
      </c>
      <c r="C46756" s="1" t="s">
        <v>140</v>
      </c>
      <c r="D46756" s="1" t="s">
        <v>1509</v>
      </c>
      <c r="E46756" s="1" t="s">
        <v>159035</v>
      </c>
      <c r="F46756" s="1" t="s">
        <v>159036</v>
      </c>
      <c r="G46756" s="1" t="s">
        <v>158959</v>
      </c>
      <c r="H46756" s="1" t="s">
        <v>158960</v>
      </c>
      <c r="I46756" s="1" t="s">
        <v>158437</v>
      </c>
      <c r="J46756" s="1" t="s">
        <v>159037</v>
      </c>
    </row>
    <row r="46757" spans="1:10" x14ac:dyDescent="0.35">
      <c r="A46757" s="1" t="s">
        <v>27918</v>
      </c>
      <c r="B46757" s="1" t="s">
        <v>158432</v>
      </c>
      <c r="C46757" s="1" t="s">
        <v>145</v>
      </c>
      <c r="D46757" s="1" t="s">
        <v>1509</v>
      </c>
      <c r="E46757" s="1" t="s">
        <v>159038</v>
      </c>
      <c r="F46757" s="1" t="s">
        <v>159039</v>
      </c>
      <c r="G46757" s="1" t="s">
        <v>158959</v>
      </c>
      <c r="H46757" s="1" t="s">
        <v>158960</v>
      </c>
      <c r="I46757" s="1" t="s">
        <v>158437</v>
      </c>
      <c r="J46757" s="1" t="s">
        <v>1180</v>
      </c>
    </row>
    <row r="46758" spans="1:10" x14ac:dyDescent="0.35">
      <c r="A46758" s="1" t="s">
        <v>27918</v>
      </c>
      <c r="B46758" s="1" t="s">
        <v>158432</v>
      </c>
      <c r="C46758" s="1" t="s">
        <v>150</v>
      </c>
      <c r="D46758" s="1" t="s">
        <v>159040</v>
      </c>
      <c r="E46758" s="1" t="s">
        <v>159041</v>
      </c>
      <c r="F46758" s="1" t="s">
        <v>159042</v>
      </c>
      <c r="G46758" s="1" t="s">
        <v>158959</v>
      </c>
      <c r="H46758" s="1" t="s">
        <v>158960</v>
      </c>
      <c r="I46758" s="1" t="s">
        <v>158437</v>
      </c>
      <c r="J46758" s="1" t="s">
        <v>159043</v>
      </c>
    </row>
    <row r="46759" spans="1:10" x14ac:dyDescent="0.35">
      <c r="A46759" s="1" t="s">
        <v>27918</v>
      </c>
      <c r="B46759" s="1" t="s">
        <v>158432</v>
      </c>
      <c r="C46759" s="1" t="s">
        <v>155</v>
      </c>
      <c r="D46759" s="1" t="s">
        <v>25084</v>
      </c>
      <c r="E46759" s="1" t="s">
        <v>159044</v>
      </c>
      <c r="F46759" s="1" t="s">
        <v>159045</v>
      </c>
      <c r="G46759" s="1" t="s">
        <v>158959</v>
      </c>
      <c r="H46759" s="1" t="s">
        <v>158960</v>
      </c>
      <c r="I46759" s="1" t="s">
        <v>158437</v>
      </c>
      <c r="J46759" s="1" t="s">
        <v>159046</v>
      </c>
    </row>
    <row r="46760" spans="1:10" x14ac:dyDescent="0.35">
      <c r="A46760" s="1" t="s">
        <v>27918</v>
      </c>
      <c r="B46760" s="1" t="s">
        <v>158432</v>
      </c>
      <c r="C46760" s="1" t="s">
        <v>160</v>
      </c>
      <c r="D46760" s="1" t="s">
        <v>73953</v>
      </c>
      <c r="E46760" s="1" t="s">
        <v>159047</v>
      </c>
      <c r="F46760" s="1" t="s">
        <v>159048</v>
      </c>
      <c r="G46760" s="1" t="s">
        <v>158959</v>
      </c>
      <c r="H46760" s="1" t="s">
        <v>158960</v>
      </c>
      <c r="I46760" s="1" t="s">
        <v>158437</v>
      </c>
      <c r="J46760" s="1" t="s">
        <v>159049</v>
      </c>
    </row>
    <row r="46761" spans="1:10" x14ac:dyDescent="0.35">
      <c r="A46761" s="1" t="s">
        <v>27918</v>
      </c>
      <c r="B46761" s="1" t="s">
        <v>158432</v>
      </c>
      <c r="C46761" s="1" t="s">
        <v>165</v>
      </c>
      <c r="D46761" s="1" t="s">
        <v>73721</v>
      </c>
      <c r="E46761" s="1" t="s">
        <v>159050</v>
      </c>
      <c r="F46761" s="1" t="s">
        <v>159051</v>
      </c>
      <c r="G46761" s="1" t="s">
        <v>158959</v>
      </c>
      <c r="H46761" s="1" t="s">
        <v>158960</v>
      </c>
      <c r="I46761" s="1" t="s">
        <v>158437</v>
      </c>
      <c r="J46761" s="1" t="s">
        <v>159052</v>
      </c>
    </row>
    <row r="46762" spans="1:10" x14ac:dyDescent="0.35">
      <c r="A46762" s="1" t="s">
        <v>27918</v>
      </c>
      <c r="B46762" s="1" t="s">
        <v>158432</v>
      </c>
      <c r="C46762" s="1" t="s">
        <v>170</v>
      </c>
      <c r="D46762" s="1" t="s">
        <v>43767</v>
      </c>
      <c r="E46762" s="1" t="s">
        <v>159053</v>
      </c>
      <c r="F46762" s="1" t="s">
        <v>159054</v>
      </c>
      <c r="G46762" s="1" t="s">
        <v>158959</v>
      </c>
      <c r="H46762" s="1" t="s">
        <v>158960</v>
      </c>
      <c r="I46762" s="1" t="s">
        <v>158437</v>
      </c>
      <c r="J46762" s="1" t="s">
        <v>4312</v>
      </c>
    </row>
    <row r="46763" spans="1:10" x14ac:dyDescent="0.35">
      <c r="A46763" s="1" t="s">
        <v>13862</v>
      </c>
      <c r="B46763" s="1" t="s">
        <v>158432</v>
      </c>
      <c r="C46763" s="1" t="s">
        <v>8</v>
      </c>
      <c r="D46763" s="1" t="s">
        <v>26546</v>
      </c>
      <c r="E46763" s="1" t="s">
        <v>159055</v>
      </c>
      <c r="F46763" s="1" t="s">
        <v>159056</v>
      </c>
      <c r="G46763" s="1" t="s">
        <v>159057</v>
      </c>
      <c r="H46763" s="1" t="s">
        <v>159058</v>
      </c>
      <c r="I46763" s="1" t="s">
        <v>158437</v>
      </c>
      <c r="J46763" s="1" t="s">
        <v>13</v>
      </c>
    </row>
    <row r="46764" spans="1:10" x14ac:dyDescent="0.35">
      <c r="A46764" s="1" t="s">
        <v>13862</v>
      </c>
      <c r="B46764" s="1" t="s">
        <v>158432</v>
      </c>
      <c r="C46764" s="1" t="s">
        <v>15</v>
      </c>
      <c r="D46764" s="1" t="s">
        <v>27306</v>
      </c>
      <c r="E46764" s="1" t="s">
        <v>159059</v>
      </c>
      <c r="F46764" s="1" t="s">
        <v>159060</v>
      </c>
      <c r="G46764" s="1" t="s">
        <v>159057</v>
      </c>
      <c r="H46764" s="1" t="s">
        <v>159058</v>
      </c>
      <c r="I46764" s="1" t="s">
        <v>158437</v>
      </c>
      <c r="J46764" s="1" t="s">
        <v>159061</v>
      </c>
    </row>
    <row r="46765" spans="1:10" x14ac:dyDescent="0.35">
      <c r="A46765" s="1" t="s">
        <v>13862</v>
      </c>
      <c r="B46765" s="1" t="s">
        <v>158432</v>
      </c>
      <c r="C46765" s="1" t="s">
        <v>20</v>
      </c>
      <c r="D46765" s="1" t="s">
        <v>24545</v>
      </c>
      <c r="E46765" s="1" t="s">
        <v>159062</v>
      </c>
      <c r="F46765" s="1" t="s">
        <v>159063</v>
      </c>
      <c r="G46765" s="1" t="s">
        <v>159057</v>
      </c>
      <c r="H46765" s="1" t="s">
        <v>159058</v>
      </c>
      <c r="I46765" s="1" t="s">
        <v>158437</v>
      </c>
      <c r="J46765" s="1" t="s">
        <v>159064</v>
      </c>
    </row>
    <row r="46766" spans="1:10" x14ac:dyDescent="0.35">
      <c r="A46766" s="1" t="s">
        <v>13862</v>
      </c>
      <c r="B46766" s="1" t="s">
        <v>158432</v>
      </c>
      <c r="C46766" s="1" t="s">
        <v>25</v>
      </c>
      <c r="D46766" s="1" t="s">
        <v>26663</v>
      </c>
      <c r="E46766" s="1" t="s">
        <v>159065</v>
      </c>
      <c r="F46766" s="1" t="s">
        <v>159066</v>
      </c>
      <c r="G46766" s="1" t="s">
        <v>159057</v>
      </c>
      <c r="H46766" s="1" t="s">
        <v>159058</v>
      </c>
      <c r="I46766" s="1" t="s">
        <v>158437</v>
      </c>
      <c r="J46766" s="1" t="s">
        <v>159067</v>
      </c>
    </row>
    <row r="46767" spans="1:10" x14ac:dyDescent="0.35">
      <c r="A46767" s="1" t="s">
        <v>13862</v>
      </c>
      <c r="B46767" s="1" t="s">
        <v>158432</v>
      </c>
      <c r="C46767" s="1" t="s">
        <v>30</v>
      </c>
      <c r="D46767" s="1" t="s">
        <v>27056</v>
      </c>
      <c r="E46767" s="1" t="s">
        <v>159068</v>
      </c>
      <c r="F46767" s="1" t="s">
        <v>159069</v>
      </c>
      <c r="G46767" s="1" t="s">
        <v>159057</v>
      </c>
      <c r="H46767" s="1" t="s">
        <v>159058</v>
      </c>
      <c r="I46767" s="1" t="s">
        <v>158437</v>
      </c>
      <c r="J46767" s="1" t="s">
        <v>159070</v>
      </c>
    </row>
    <row r="46768" spans="1:10" x14ac:dyDescent="0.35">
      <c r="A46768" s="1" t="s">
        <v>13862</v>
      </c>
      <c r="B46768" s="1" t="s">
        <v>158432</v>
      </c>
      <c r="C46768" s="1" t="s">
        <v>35</v>
      </c>
      <c r="D46768" s="1" t="s">
        <v>26295</v>
      </c>
      <c r="E46768" s="1" t="s">
        <v>159071</v>
      </c>
      <c r="F46768" s="1" t="s">
        <v>159072</v>
      </c>
      <c r="G46768" s="1" t="s">
        <v>159057</v>
      </c>
      <c r="H46768" s="1" t="s">
        <v>159058</v>
      </c>
      <c r="I46768" s="1" t="s">
        <v>158437</v>
      </c>
      <c r="J46768" s="1" t="s">
        <v>159073</v>
      </c>
    </row>
    <row r="46769" spans="1:10" x14ac:dyDescent="0.35">
      <c r="A46769" s="1" t="s">
        <v>13862</v>
      </c>
      <c r="B46769" s="1" t="s">
        <v>158432</v>
      </c>
      <c r="C46769" s="1" t="s">
        <v>40</v>
      </c>
      <c r="D46769" s="1" t="s">
        <v>28350</v>
      </c>
      <c r="E46769" s="1" t="s">
        <v>159074</v>
      </c>
      <c r="F46769" s="1" t="s">
        <v>159075</v>
      </c>
      <c r="G46769" s="1" t="s">
        <v>159057</v>
      </c>
      <c r="H46769" s="1" t="s">
        <v>159058</v>
      </c>
      <c r="I46769" s="1" t="s">
        <v>158437</v>
      </c>
      <c r="J46769" s="1" t="s">
        <v>159076</v>
      </c>
    </row>
    <row r="46770" spans="1:10" x14ac:dyDescent="0.35">
      <c r="A46770" s="1" t="s">
        <v>13862</v>
      </c>
      <c r="B46770" s="1" t="s">
        <v>158432</v>
      </c>
      <c r="C46770" s="1" t="s">
        <v>45</v>
      </c>
      <c r="D46770" s="1" t="s">
        <v>14244</v>
      </c>
      <c r="E46770" s="1" t="s">
        <v>159077</v>
      </c>
      <c r="F46770" s="1" t="s">
        <v>159078</v>
      </c>
      <c r="G46770" s="1" t="s">
        <v>159057</v>
      </c>
      <c r="H46770" s="1" t="s">
        <v>159058</v>
      </c>
      <c r="I46770" s="1" t="s">
        <v>158437</v>
      </c>
      <c r="J46770" s="1" t="s">
        <v>159079</v>
      </c>
    </row>
    <row r="46771" spans="1:10" x14ac:dyDescent="0.35">
      <c r="A46771" s="1" t="s">
        <v>13862</v>
      </c>
      <c r="B46771" s="1" t="s">
        <v>158432</v>
      </c>
      <c r="C46771" s="1" t="s">
        <v>50</v>
      </c>
      <c r="D46771" s="1" t="s">
        <v>32651</v>
      </c>
      <c r="E46771" s="1" t="s">
        <v>159080</v>
      </c>
      <c r="F46771" s="1" t="s">
        <v>159081</v>
      </c>
      <c r="G46771" s="1" t="s">
        <v>159057</v>
      </c>
      <c r="H46771" s="1" t="s">
        <v>159058</v>
      </c>
      <c r="I46771" s="1" t="s">
        <v>158437</v>
      </c>
      <c r="J46771" s="1" t="s">
        <v>159082</v>
      </c>
    </row>
    <row r="46772" spans="1:10" x14ac:dyDescent="0.35">
      <c r="A46772" s="1" t="s">
        <v>13862</v>
      </c>
      <c r="B46772" s="1" t="s">
        <v>158432</v>
      </c>
      <c r="C46772" s="1" t="s">
        <v>55</v>
      </c>
      <c r="D46772" s="1" t="s">
        <v>37283</v>
      </c>
      <c r="E46772" s="1" t="s">
        <v>159083</v>
      </c>
      <c r="F46772" s="1" t="s">
        <v>159084</v>
      </c>
      <c r="G46772" s="1" t="s">
        <v>159057</v>
      </c>
      <c r="H46772" s="1" t="s">
        <v>159058</v>
      </c>
      <c r="I46772" s="1" t="s">
        <v>158437</v>
      </c>
      <c r="J46772" s="1" t="s">
        <v>159085</v>
      </c>
    </row>
    <row r="46773" spans="1:10" x14ac:dyDescent="0.35">
      <c r="A46773" s="1" t="s">
        <v>13862</v>
      </c>
      <c r="B46773" s="1" t="s">
        <v>158432</v>
      </c>
      <c r="C46773" s="1" t="s">
        <v>60</v>
      </c>
      <c r="D46773" s="1" t="s">
        <v>39440</v>
      </c>
      <c r="E46773" s="1" t="s">
        <v>159086</v>
      </c>
      <c r="F46773" s="1" t="s">
        <v>159087</v>
      </c>
      <c r="G46773" s="1" t="s">
        <v>159057</v>
      </c>
      <c r="H46773" s="1" t="s">
        <v>159058</v>
      </c>
      <c r="I46773" s="1" t="s">
        <v>158437</v>
      </c>
      <c r="J46773" s="1" t="s">
        <v>159088</v>
      </c>
    </row>
    <row r="46774" spans="1:10" x14ac:dyDescent="0.35">
      <c r="A46774" s="1" t="s">
        <v>13862</v>
      </c>
      <c r="B46774" s="1" t="s">
        <v>158432</v>
      </c>
      <c r="C46774" s="1" t="s">
        <v>65</v>
      </c>
      <c r="D46774" s="1" t="s">
        <v>41723</v>
      </c>
      <c r="E46774" s="1" t="s">
        <v>159089</v>
      </c>
      <c r="F46774" s="1" t="s">
        <v>159090</v>
      </c>
      <c r="G46774" s="1" t="s">
        <v>159057</v>
      </c>
      <c r="H46774" s="1" t="s">
        <v>159058</v>
      </c>
      <c r="I46774" s="1" t="s">
        <v>158437</v>
      </c>
      <c r="J46774" s="1" t="s">
        <v>159091</v>
      </c>
    </row>
    <row r="46775" spans="1:10" x14ac:dyDescent="0.35">
      <c r="A46775" s="1" t="s">
        <v>13862</v>
      </c>
      <c r="B46775" s="1" t="s">
        <v>158432</v>
      </c>
      <c r="C46775" s="1" t="s">
        <v>70</v>
      </c>
      <c r="D46775" s="1" t="s">
        <v>159092</v>
      </c>
      <c r="E46775" s="1" t="s">
        <v>159093</v>
      </c>
      <c r="F46775" s="1" t="s">
        <v>159094</v>
      </c>
      <c r="G46775" s="1" t="s">
        <v>159057</v>
      </c>
      <c r="H46775" s="1" t="s">
        <v>159058</v>
      </c>
      <c r="I46775" s="1" t="s">
        <v>158437</v>
      </c>
      <c r="J46775" s="1" t="s">
        <v>159095</v>
      </c>
    </row>
    <row r="46776" spans="1:10" x14ac:dyDescent="0.35">
      <c r="A46776" s="1" t="s">
        <v>13862</v>
      </c>
      <c r="B46776" s="1" t="s">
        <v>158432</v>
      </c>
      <c r="C46776" s="1" t="s">
        <v>75</v>
      </c>
      <c r="D46776" s="1" t="s">
        <v>50906</v>
      </c>
      <c r="E46776" s="1" t="s">
        <v>159096</v>
      </c>
      <c r="F46776" s="1" t="s">
        <v>159097</v>
      </c>
      <c r="G46776" s="1" t="s">
        <v>159057</v>
      </c>
      <c r="H46776" s="1" t="s">
        <v>159058</v>
      </c>
      <c r="I46776" s="1" t="s">
        <v>158437</v>
      </c>
      <c r="J46776" s="1" t="s">
        <v>159098</v>
      </c>
    </row>
    <row r="46777" spans="1:10" x14ac:dyDescent="0.35">
      <c r="A46777" s="1" t="s">
        <v>13862</v>
      </c>
      <c r="B46777" s="1" t="s">
        <v>158432</v>
      </c>
      <c r="C46777" s="1" t="s">
        <v>80</v>
      </c>
      <c r="D46777" s="1" t="s">
        <v>53053</v>
      </c>
      <c r="E46777" s="1" t="s">
        <v>159099</v>
      </c>
      <c r="F46777" s="1" t="s">
        <v>159100</v>
      </c>
      <c r="G46777" s="1" t="s">
        <v>159057</v>
      </c>
      <c r="H46777" s="1" t="s">
        <v>159058</v>
      </c>
      <c r="I46777" s="1" t="s">
        <v>158437</v>
      </c>
      <c r="J46777" s="1" t="s">
        <v>159101</v>
      </c>
    </row>
    <row r="46778" spans="1:10" x14ac:dyDescent="0.35">
      <c r="A46778" s="1" t="s">
        <v>13862</v>
      </c>
      <c r="B46778" s="1" t="s">
        <v>158432</v>
      </c>
      <c r="C46778" s="1" t="s">
        <v>85</v>
      </c>
      <c r="D46778" s="1" t="s">
        <v>53902</v>
      </c>
      <c r="E46778" s="1" t="s">
        <v>159102</v>
      </c>
      <c r="F46778" s="1" t="s">
        <v>159103</v>
      </c>
      <c r="G46778" s="1" t="s">
        <v>159057</v>
      </c>
      <c r="H46778" s="1" t="s">
        <v>159058</v>
      </c>
      <c r="I46778" s="1" t="s">
        <v>158437</v>
      </c>
      <c r="J46778" s="1" t="s">
        <v>159104</v>
      </c>
    </row>
    <row r="46779" spans="1:10" x14ac:dyDescent="0.35">
      <c r="A46779" s="1" t="s">
        <v>13862</v>
      </c>
      <c r="B46779" s="1" t="s">
        <v>158432</v>
      </c>
      <c r="C46779" s="1" t="s">
        <v>90</v>
      </c>
      <c r="D46779" s="1" t="s">
        <v>159105</v>
      </c>
      <c r="E46779" s="1" t="s">
        <v>159106</v>
      </c>
      <c r="F46779" s="1" t="s">
        <v>159107</v>
      </c>
      <c r="G46779" s="1" t="s">
        <v>159057</v>
      </c>
      <c r="H46779" s="1" t="s">
        <v>159058</v>
      </c>
      <c r="I46779" s="1" t="s">
        <v>158437</v>
      </c>
      <c r="J46779" s="1" t="s">
        <v>159108</v>
      </c>
    </row>
    <row r="46780" spans="1:10" x14ac:dyDescent="0.35">
      <c r="A46780" s="1" t="s">
        <v>13862</v>
      </c>
      <c r="B46780" s="1" t="s">
        <v>158432</v>
      </c>
      <c r="C46780" s="1" t="s">
        <v>95</v>
      </c>
      <c r="D46780" s="1" t="s">
        <v>50714</v>
      </c>
      <c r="E46780" s="1" t="s">
        <v>159109</v>
      </c>
      <c r="F46780" s="1" t="s">
        <v>159110</v>
      </c>
      <c r="G46780" s="1" t="s">
        <v>159057</v>
      </c>
      <c r="H46780" s="1" t="s">
        <v>159058</v>
      </c>
      <c r="I46780" s="1" t="s">
        <v>158437</v>
      </c>
      <c r="J46780" s="1" t="s">
        <v>159111</v>
      </c>
    </row>
    <row r="46781" spans="1:10" x14ac:dyDescent="0.35">
      <c r="A46781" s="1" t="s">
        <v>13862</v>
      </c>
      <c r="B46781" s="1" t="s">
        <v>158432</v>
      </c>
      <c r="C46781" s="1" t="s">
        <v>100</v>
      </c>
      <c r="D46781" s="1" t="s">
        <v>13762</v>
      </c>
      <c r="E46781" s="1" t="s">
        <v>159112</v>
      </c>
      <c r="F46781" s="1" t="s">
        <v>159113</v>
      </c>
      <c r="G46781" s="1" t="s">
        <v>159057</v>
      </c>
      <c r="H46781" s="1" t="s">
        <v>159058</v>
      </c>
      <c r="I46781" s="1" t="s">
        <v>158437</v>
      </c>
      <c r="J46781" s="1" t="s">
        <v>159114</v>
      </c>
    </row>
    <row r="46782" spans="1:10" x14ac:dyDescent="0.35">
      <c r="A46782" s="1" t="s">
        <v>13862</v>
      </c>
      <c r="B46782" s="1" t="s">
        <v>158432</v>
      </c>
      <c r="C46782" s="1" t="s">
        <v>105</v>
      </c>
      <c r="D46782" s="1" t="s">
        <v>159115</v>
      </c>
      <c r="E46782" s="1" t="s">
        <v>159116</v>
      </c>
      <c r="F46782" s="1" t="s">
        <v>159117</v>
      </c>
      <c r="G46782" s="1" t="s">
        <v>159057</v>
      </c>
      <c r="H46782" s="1" t="s">
        <v>159058</v>
      </c>
      <c r="I46782" s="1" t="s">
        <v>158437</v>
      </c>
      <c r="J46782" s="1" t="s">
        <v>159118</v>
      </c>
    </row>
    <row r="46783" spans="1:10" x14ac:dyDescent="0.35">
      <c r="A46783" s="1" t="s">
        <v>13862</v>
      </c>
      <c r="B46783" s="1" t="s">
        <v>158432</v>
      </c>
      <c r="C46783" s="1" t="s">
        <v>110</v>
      </c>
      <c r="D46783" s="1" t="s">
        <v>159115</v>
      </c>
      <c r="E46783" s="1" t="s">
        <v>159119</v>
      </c>
      <c r="F46783" s="1" t="s">
        <v>159120</v>
      </c>
      <c r="G46783" s="1" t="s">
        <v>159057</v>
      </c>
      <c r="H46783" s="1" t="s">
        <v>159058</v>
      </c>
      <c r="I46783" s="1" t="s">
        <v>158437</v>
      </c>
      <c r="J46783" s="1" t="s">
        <v>1180</v>
      </c>
    </row>
    <row r="46784" spans="1:10" x14ac:dyDescent="0.35">
      <c r="A46784" s="1" t="s">
        <v>13862</v>
      </c>
      <c r="B46784" s="1" t="s">
        <v>158432</v>
      </c>
      <c r="C46784" s="1" t="s">
        <v>115</v>
      </c>
      <c r="D46784" s="1" t="s">
        <v>58571</v>
      </c>
      <c r="E46784" s="1" t="s">
        <v>159121</v>
      </c>
      <c r="F46784" s="1" t="s">
        <v>159122</v>
      </c>
      <c r="G46784" s="1" t="s">
        <v>159057</v>
      </c>
      <c r="H46784" s="1" t="s">
        <v>159058</v>
      </c>
      <c r="I46784" s="1" t="s">
        <v>158437</v>
      </c>
      <c r="J46784" s="1" t="s">
        <v>159123</v>
      </c>
    </row>
    <row r="46785" spans="1:10" x14ac:dyDescent="0.35">
      <c r="A46785" s="1" t="s">
        <v>13862</v>
      </c>
      <c r="B46785" s="1" t="s">
        <v>158432</v>
      </c>
      <c r="C46785" s="1" t="s">
        <v>120</v>
      </c>
      <c r="D46785" s="1" t="s">
        <v>159124</v>
      </c>
      <c r="E46785" s="1" t="s">
        <v>159125</v>
      </c>
      <c r="F46785" s="1" t="s">
        <v>159126</v>
      </c>
      <c r="G46785" s="1" t="s">
        <v>159057</v>
      </c>
      <c r="H46785" s="1" t="s">
        <v>159058</v>
      </c>
      <c r="I46785" s="1" t="s">
        <v>158437</v>
      </c>
      <c r="J46785" s="1" t="s">
        <v>159127</v>
      </c>
    </row>
    <row r="46786" spans="1:10" x14ac:dyDescent="0.35">
      <c r="A46786" s="1" t="s">
        <v>13862</v>
      </c>
      <c r="B46786" s="1" t="s">
        <v>158432</v>
      </c>
      <c r="C46786" s="1" t="s">
        <v>125</v>
      </c>
      <c r="D46786" s="1" t="s">
        <v>49839</v>
      </c>
      <c r="E46786" s="1" t="s">
        <v>159128</v>
      </c>
      <c r="F46786" s="1" t="s">
        <v>159129</v>
      </c>
      <c r="G46786" s="1" t="s">
        <v>159057</v>
      </c>
      <c r="H46786" s="1" t="s">
        <v>159058</v>
      </c>
      <c r="I46786" s="1" t="s">
        <v>158437</v>
      </c>
      <c r="J46786" s="1" t="s">
        <v>159130</v>
      </c>
    </row>
    <row r="46787" spans="1:10" x14ac:dyDescent="0.35">
      <c r="A46787" s="1" t="s">
        <v>13862</v>
      </c>
      <c r="B46787" s="1" t="s">
        <v>158432</v>
      </c>
      <c r="C46787" s="1" t="s">
        <v>130</v>
      </c>
      <c r="D46787" s="1" t="s">
        <v>57627</v>
      </c>
      <c r="E46787" s="1" t="s">
        <v>159131</v>
      </c>
      <c r="F46787" s="1" t="s">
        <v>159132</v>
      </c>
      <c r="G46787" s="1" t="s">
        <v>159057</v>
      </c>
      <c r="H46787" s="1" t="s">
        <v>159058</v>
      </c>
      <c r="I46787" s="1" t="s">
        <v>158437</v>
      </c>
      <c r="J46787" s="1" t="s">
        <v>159133</v>
      </c>
    </row>
    <row r="46788" spans="1:10" x14ac:dyDescent="0.35">
      <c r="A46788" s="1" t="s">
        <v>13862</v>
      </c>
      <c r="B46788" s="1" t="s">
        <v>158432</v>
      </c>
      <c r="C46788" s="1" t="s">
        <v>135</v>
      </c>
      <c r="D46788" s="1" t="s">
        <v>58362</v>
      </c>
      <c r="E46788" s="1" t="s">
        <v>159134</v>
      </c>
      <c r="F46788" s="1" t="s">
        <v>159135</v>
      </c>
      <c r="G46788" s="1" t="s">
        <v>159057</v>
      </c>
      <c r="H46788" s="1" t="s">
        <v>159058</v>
      </c>
      <c r="I46788" s="1" t="s">
        <v>158437</v>
      </c>
      <c r="J46788" s="1" t="s">
        <v>159136</v>
      </c>
    </row>
    <row r="46789" spans="1:10" x14ac:dyDescent="0.35">
      <c r="A46789" s="1" t="s">
        <v>13862</v>
      </c>
      <c r="B46789" s="1" t="s">
        <v>158432</v>
      </c>
      <c r="C46789" s="1" t="s">
        <v>140</v>
      </c>
      <c r="D46789" s="1" t="s">
        <v>159000</v>
      </c>
      <c r="E46789" s="1" t="s">
        <v>159137</v>
      </c>
      <c r="F46789" s="1" t="s">
        <v>159138</v>
      </c>
      <c r="G46789" s="1" t="s">
        <v>159057</v>
      </c>
      <c r="H46789" s="1" t="s">
        <v>159058</v>
      </c>
      <c r="I46789" s="1" t="s">
        <v>158437</v>
      </c>
      <c r="J46789" s="1" t="s">
        <v>159139</v>
      </c>
    </row>
    <row r="46790" spans="1:10" x14ac:dyDescent="0.35">
      <c r="A46790" s="1" t="s">
        <v>13862</v>
      </c>
      <c r="B46790" s="1" t="s">
        <v>158432</v>
      </c>
      <c r="C46790" s="1" t="s">
        <v>145</v>
      </c>
      <c r="D46790" s="1" t="s">
        <v>159140</v>
      </c>
      <c r="E46790" s="1" t="s">
        <v>159141</v>
      </c>
      <c r="F46790" s="1" t="s">
        <v>159142</v>
      </c>
      <c r="G46790" s="1" t="s">
        <v>159057</v>
      </c>
      <c r="H46790" s="1" t="s">
        <v>159058</v>
      </c>
      <c r="I46790" s="1" t="s">
        <v>158437</v>
      </c>
      <c r="J46790" s="1" t="s">
        <v>159143</v>
      </c>
    </row>
    <row r="46791" spans="1:10" x14ac:dyDescent="0.35">
      <c r="A46791" s="1" t="s">
        <v>13862</v>
      </c>
      <c r="B46791" s="1" t="s">
        <v>158432</v>
      </c>
      <c r="C46791" s="1" t="s">
        <v>150</v>
      </c>
      <c r="D46791" s="1" t="s">
        <v>58150</v>
      </c>
      <c r="E46791" s="1" t="s">
        <v>159144</v>
      </c>
      <c r="F46791" s="1" t="s">
        <v>159145</v>
      </c>
      <c r="G46791" s="1" t="s">
        <v>159057</v>
      </c>
      <c r="H46791" s="1" t="s">
        <v>159058</v>
      </c>
      <c r="I46791" s="1" t="s">
        <v>158437</v>
      </c>
      <c r="J46791" s="1" t="s">
        <v>159146</v>
      </c>
    </row>
    <row r="46792" spans="1:10" x14ac:dyDescent="0.35">
      <c r="A46792" s="1" t="s">
        <v>13862</v>
      </c>
      <c r="B46792" s="1" t="s">
        <v>158432</v>
      </c>
      <c r="C46792" s="1" t="s">
        <v>155</v>
      </c>
      <c r="D46792" s="1" t="s">
        <v>159147</v>
      </c>
      <c r="E46792" s="1" t="s">
        <v>159148</v>
      </c>
      <c r="F46792" s="1" t="s">
        <v>159149</v>
      </c>
      <c r="G46792" s="1" t="s">
        <v>159057</v>
      </c>
      <c r="H46792" s="1" t="s">
        <v>159058</v>
      </c>
      <c r="I46792" s="1" t="s">
        <v>158437</v>
      </c>
      <c r="J46792" s="1" t="s">
        <v>28497</v>
      </c>
    </row>
    <row r="46793" spans="1:10" x14ac:dyDescent="0.35">
      <c r="A46793" s="1" t="s">
        <v>13862</v>
      </c>
      <c r="B46793" s="1" t="s">
        <v>158432</v>
      </c>
      <c r="C46793" s="1" t="s">
        <v>160</v>
      </c>
      <c r="D46793" s="1" t="s">
        <v>57627</v>
      </c>
      <c r="E46793" s="1" t="s">
        <v>159150</v>
      </c>
      <c r="F46793" s="1" t="s">
        <v>159151</v>
      </c>
      <c r="G46793" s="1" t="s">
        <v>159057</v>
      </c>
      <c r="H46793" s="1" t="s">
        <v>159058</v>
      </c>
      <c r="I46793" s="1" t="s">
        <v>158437</v>
      </c>
      <c r="J46793" s="1" t="s">
        <v>159152</v>
      </c>
    </row>
    <row r="46794" spans="1:10" x14ac:dyDescent="0.35">
      <c r="A46794" s="1" t="s">
        <v>13862</v>
      </c>
      <c r="B46794" s="1" t="s">
        <v>158432</v>
      </c>
      <c r="C46794" s="1" t="s">
        <v>165</v>
      </c>
      <c r="D46794" s="1" t="s">
        <v>57530</v>
      </c>
      <c r="E46794" s="1" t="s">
        <v>159153</v>
      </c>
      <c r="F46794" s="1" t="s">
        <v>159154</v>
      </c>
      <c r="G46794" s="1" t="s">
        <v>159057</v>
      </c>
      <c r="H46794" s="1" t="s">
        <v>159058</v>
      </c>
      <c r="I46794" s="1" t="s">
        <v>158437</v>
      </c>
      <c r="J46794" s="1" t="s">
        <v>159155</v>
      </c>
    </row>
    <row r="46795" spans="1:10" x14ac:dyDescent="0.35">
      <c r="A46795" s="1" t="s">
        <v>13862</v>
      </c>
      <c r="B46795" s="1" t="s">
        <v>158432</v>
      </c>
      <c r="C46795" s="1" t="s">
        <v>170</v>
      </c>
      <c r="D46795" s="1" t="s">
        <v>50922</v>
      </c>
      <c r="E46795" s="1" t="s">
        <v>159156</v>
      </c>
      <c r="F46795" s="1" t="s">
        <v>159157</v>
      </c>
      <c r="G46795" s="1" t="s">
        <v>159057</v>
      </c>
      <c r="H46795" s="1" t="s">
        <v>159058</v>
      </c>
      <c r="I46795" s="1" t="s">
        <v>158437</v>
      </c>
      <c r="J46795" s="1" t="s">
        <v>159158</v>
      </c>
    </row>
    <row r="46796" spans="1:10" x14ac:dyDescent="0.35">
      <c r="A46796" s="1" t="s">
        <v>1548</v>
      </c>
      <c r="B46796" s="1" t="s">
        <v>158432</v>
      </c>
      <c r="C46796" s="1" t="s">
        <v>8</v>
      </c>
      <c r="D46796" s="1" t="s">
        <v>159159</v>
      </c>
      <c r="E46796" s="1" t="s">
        <v>159160</v>
      </c>
      <c r="F46796" s="1" t="s">
        <v>159161</v>
      </c>
      <c r="G46796" s="1" t="s">
        <v>159162</v>
      </c>
      <c r="H46796" s="1" t="s">
        <v>159163</v>
      </c>
      <c r="I46796" s="1" t="s">
        <v>158437</v>
      </c>
      <c r="J46796" s="1" t="s">
        <v>13</v>
      </c>
    </row>
    <row r="46797" spans="1:10" x14ac:dyDescent="0.35">
      <c r="A46797" s="1" t="s">
        <v>1548</v>
      </c>
      <c r="B46797" s="1" t="s">
        <v>158432</v>
      </c>
      <c r="C46797" s="1" t="s">
        <v>15</v>
      </c>
      <c r="D46797" s="1" t="s">
        <v>3496</v>
      </c>
      <c r="E46797" s="1" t="s">
        <v>159164</v>
      </c>
      <c r="F46797" s="1" t="s">
        <v>159165</v>
      </c>
      <c r="G46797" s="1" t="s">
        <v>159162</v>
      </c>
      <c r="H46797" s="1" t="s">
        <v>159163</v>
      </c>
      <c r="I46797" s="1" t="s">
        <v>158437</v>
      </c>
      <c r="J46797" s="1" t="s">
        <v>159166</v>
      </c>
    </row>
    <row r="46798" spans="1:10" x14ac:dyDescent="0.35">
      <c r="A46798" s="1" t="s">
        <v>1548</v>
      </c>
      <c r="B46798" s="1" t="s">
        <v>158432</v>
      </c>
      <c r="C46798" s="1" t="s">
        <v>20</v>
      </c>
      <c r="D46798" s="1" t="s">
        <v>159167</v>
      </c>
      <c r="E46798" s="1" t="s">
        <v>159168</v>
      </c>
      <c r="F46798" s="1" t="s">
        <v>159169</v>
      </c>
      <c r="G46798" s="1" t="s">
        <v>159162</v>
      </c>
      <c r="H46798" s="1" t="s">
        <v>159163</v>
      </c>
      <c r="I46798" s="1" t="s">
        <v>158437</v>
      </c>
      <c r="J46798" s="1" t="s">
        <v>159170</v>
      </c>
    </row>
    <row r="46799" spans="1:10" x14ac:dyDescent="0.35">
      <c r="A46799" s="1" t="s">
        <v>1548</v>
      </c>
      <c r="B46799" s="1" t="s">
        <v>158432</v>
      </c>
      <c r="C46799" s="1" t="s">
        <v>25</v>
      </c>
      <c r="D46799" s="1" t="s">
        <v>59757</v>
      </c>
      <c r="E46799" s="1" t="s">
        <v>159171</v>
      </c>
      <c r="F46799" s="1" t="s">
        <v>159172</v>
      </c>
      <c r="G46799" s="1" t="s">
        <v>159162</v>
      </c>
      <c r="H46799" s="1" t="s">
        <v>159163</v>
      </c>
      <c r="I46799" s="1" t="s">
        <v>158437</v>
      </c>
      <c r="J46799" s="1" t="s">
        <v>159173</v>
      </c>
    </row>
    <row r="46800" spans="1:10" x14ac:dyDescent="0.35">
      <c r="A46800" s="1" t="s">
        <v>1548</v>
      </c>
      <c r="B46800" s="1" t="s">
        <v>158432</v>
      </c>
      <c r="C46800" s="1" t="s">
        <v>30</v>
      </c>
      <c r="D46800" s="1" t="s">
        <v>158795</v>
      </c>
      <c r="E46800" s="1" t="s">
        <v>159174</v>
      </c>
      <c r="F46800" s="1" t="s">
        <v>159175</v>
      </c>
      <c r="G46800" s="1" t="s">
        <v>159162</v>
      </c>
      <c r="H46800" s="1" t="s">
        <v>159163</v>
      </c>
      <c r="I46800" s="1" t="s">
        <v>158437</v>
      </c>
      <c r="J46800" s="1" t="s">
        <v>159176</v>
      </c>
    </row>
    <row r="46801" spans="1:10" x14ac:dyDescent="0.35">
      <c r="A46801" s="1" t="s">
        <v>1548</v>
      </c>
      <c r="B46801" s="1" t="s">
        <v>158432</v>
      </c>
      <c r="C46801" s="1" t="s">
        <v>35</v>
      </c>
      <c r="D46801" s="1" t="s">
        <v>159177</v>
      </c>
      <c r="E46801" s="1" t="s">
        <v>159178</v>
      </c>
      <c r="F46801" s="1" t="s">
        <v>159179</v>
      </c>
      <c r="G46801" s="1" t="s">
        <v>159162</v>
      </c>
      <c r="H46801" s="1" t="s">
        <v>159163</v>
      </c>
      <c r="I46801" s="1" t="s">
        <v>158437</v>
      </c>
      <c r="J46801" s="1" t="s">
        <v>159180</v>
      </c>
    </row>
    <row r="46802" spans="1:10" x14ac:dyDescent="0.35">
      <c r="A46802" s="1" t="s">
        <v>1548</v>
      </c>
      <c r="B46802" s="1" t="s">
        <v>158432</v>
      </c>
      <c r="C46802" s="1" t="s">
        <v>40</v>
      </c>
      <c r="D46802" s="1" t="s">
        <v>61366</v>
      </c>
      <c r="E46802" s="1" t="s">
        <v>159181</v>
      </c>
      <c r="F46802" s="1" t="s">
        <v>159182</v>
      </c>
      <c r="G46802" s="1" t="s">
        <v>159162</v>
      </c>
      <c r="H46802" s="1" t="s">
        <v>159163</v>
      </c>
      <c r="I46802" s="1" t="s">
        <v>158437</v>
      </c>
      <c r="J46802" s="1" t="s">
        <v>159183</v>
      </c>
    </row>
    <row r="46803" spans="1:10" x14ac:dyDescent="0.35">
      <c r="A46803" s="1" t="s">
        <v>1548</v>
      </c>
      <c r="B46803" s="1" t="s">
        <v>158432</v>
      </c>
      <c r="C46803" s="1" t="s">
        <v>45</v>
      </c>
      <c r="D46803" s="1" t="s">
        <v>159184</v>
      </c>
      <c r="E46803" s="1" t="s">
        <v>159185</v>
      </c>
      <c r="F46803" s="1" t="s">
        <v>159186</v>
      </c>
      <c r="G46803" s="1" t="s">
        <v>159162</v>
      </c>
      <c r="H46803" s="1" t="s">
        <v>159163</v>
      </c>
      <c r="I46803" s="1" t="s">
        <v>158437</v>
      </c>
      <c r="J46803" s="1" t="s">
        <v>159187</v>
      </c>
    </row>
    <row r="46804" spans="1:10" x14ac:dyDescent="0.35">
      <c r="A46804" s="1" t="s">
        <v>1548</v>
      </c>
      <c r="B46804" s="1" t="s">
        <v>158432</v>
      </c>
      <c r="C46804" s="1" t="s">
        <v>50</v>
      </c>
      <c r="D46804" s="1" t="s">
        <v>13778</v>
      </c>
      <c r="E46804" s="1" t="s">
        <v>159188</v>
      </c>
      <c r="F46804" s="1" t="s">
        <v>159189</v>
      </c>
      <c r="G46804" s="1" t="s">
        <v>159162</v>
      </c>
      <c r="H46804" s="1" t="s">
        <v>159163</v>
      </c>
      <c r="I46804" s="1" t="s">
        <v>158437</v>
      </c>
      <c r="J46804" s="1" t="s">
        <v>159190</v>
      </c>
    </row>
    <row r="46805" spans="1:10" x14ac:dyDescent="0.35">
      <c r="A46805" s="1" t="s">
        <v>1548</v>
      </c>
      <c r="B46805" s="1" t="s">
        <v>158432</v>
      </c>
      <c r="C46805" s="1" t="s">
        <v>55</v>
      </c>
      <c r="D46805" s="1" t="s">
        <v>159191</v>
      </c>
      <c r="E46805" s="1" t="s">
        <v>159192</v>
      </c>
      <c r="F46805" s="1" t="s">
        <v>159193</v>
      </c>
      <c r="G46805" s="1" t="s">
        <v>159162</v>
      </c>
      <c r="H46805" s="1" t="s">
        <v>159163</v>
      </c>
      <c r="I46805" s="1" t="s">
        <v>158437</v>
      </c>
      <c r="J46805" s="1" t="s">
        <v>159194</v>
      </c>
    </row>
    <row r="46806" spans="1:10" x14ac:dyDescent="0.35">
      <c r="A46806" s="1" t="s">
        <v>1548</v>
      </c>
      <c r="B46806" s="1" t="s">
        <v>158432</v>
      </c>
      <c r="C46806" s="1" t="s">
        <v>60</v>
      </c>
      <c r="D46806" s="1" t="s">
        <v>1813</v>
      </c>
      <c r="E46806" s="1" t="s">
        <v>159195</v>
      </c>
      <c r="F46806" s="1" t="s">
        <v>159196</v>
      </c>
      <c r="G46806" s="1" t="s">
        <v>159162</v>
      </c>
      <c r="H46806" s="1" t="s">
        <v>159163</v>
      </c>
      <c r="I46806" s="1" t="s">
        <v>158437</v>
      </c>
      <c r="J46806" s="1" t="s">
        <v>159197</v>
      </c>
    </row>
    <row r="46807" spans="1:10" x14ac:dyDescent="0.35">
      <c r="A46807" s="1" t="s">
        <v>1548</v>
      </c>
      <c r="B46807" s="1" t="s">
        <v>158432</v>
      </c>
      <c r="C46807" s="1" t="s">
        <v>65</v>
      </c>
      <c r="D46807" s="1" t="s">
        <v>1896</v>
      </c>
      <c r="E46807" s="1" t="s">
        <v>159198</v>
      </c>
      <c r="F46807" s="1" t="s">
        <v>159199</v>
      </c>
      <c r="G46807" s="1" t="s">
        <v>159162</v>
      </c>
      <c r="H46807" s="1" t="s">
        <v>159163</v>
      </c>
      <c r="I46807" s="1" t="s">
        <v>158437</v>
      </c>
      <c r="J46807" s="1" t="s">
        <v>159200</v>
      </c>
    </row>
    <row r="46808" spans="1:10" x14ac:dyDescent="0.35">
      <c r="A46808" s="1" t="s">
        <v>1548</v>
      </c>
      <c r="B46808" s="1" t="s">
        <v>158432</v>
      </c>
      <c r="C46808" s="1" t="s">
        <v>70</v>
      </c>
      <c r="D46808" s="1" t="s">
        <v>6239</v>
      </c>
      <c r="E46808" s="1" t="s">
        <v>159201</v>
      </c>
      <c r="F46808" s="1" t="s">
        <v>159202</v>
      </c>
      <c r="G46808" s="1" t="s">
        <v>159162</v>
      </c>
      <c r="H46808" s="1" t="s">
        <v>159163</v>
      </c>
      <c r="I46808" s="1" t="s">
        <v>158437</v>
      </c>
      <c r="J46808" s="1" t="s">
        <v>159203</v>
      </c>
    </row>
    <row r="46809" spans="1:10" x14ac:dyDescent="0.35">
      <c r="A46809" s="1" t="s">
        <v>1548</v>
      </c>
      <c r="B46809" s="1" t="s">
        <v>158432</v>
      </c>
      <c r="C46809" s="1" t="s">
        <v>75</v>
      </c>
      <c r="D46809" s="1" t="s">
        <v>159204</v>
      </c>
      <c r="E46809" s="1" t="s">
        <v>159205</v>
      </c>
      <c r="F46809" s="1" t="s">
        <v>159206</v>
      </c>
      <c r="G46809" s="1" t="s">
        <v>159162</v>
      </c>
      <c r="H46809" s="1" t="s">
        <v>159163</v>
      </c>
      <c r="I46809" s="1" t="s">
        <v>158437</v>
      </c>
      <c r="J46809" s="1" t="s">
        <v>159207</v>
      </c>
    </row>
    <row r="46810" spans="1:10" x14ac:dyDescent="0.35">
      <c r="A46810" s="1" t="s">
        <v>1548</v>
      </c>
      <c r="B46810" s="1" t="s">
        <v>158432</v>
      </c>
      <c r="C46810" s="1" t="s">
        <v>80</v>
      </c>
      <c r="D46810" s="1" t="s">
        <v>1240</v>
      </c>
      <c r="E46810" s="1" t="s">
        <v>159208</v>
      </c>
      <c r="F46810" s="1" t="s">
        <v>159209</v>
      </c>
      <c r="G46810" s="1" t="s">
        <v>159162</v>
      </c>
      <c r="H46810" s="1" t="s">
        <v>159163</v>
      </c>
      <c r="I46810" s="1" t="s">
        <v>158437</v>
      </c>
      <c r="J46810" s="1" t="s">
        <v>159210</v>
      </c>
    </row>
    <row r="46811" spans="1:10" x14ac:dyDescent="0.35">
      <c r="A46811" s="1" t="s">
        <v>1548</v>
      </c>
      <c r="B46811" s="1" t="s">
        <v>158432</v>
      </c>
      <c r="C46811" s="1" t="s">
        <v>85</v>
      </c>
      <c r="D46811" s="1" t="s">
        <v>52092</v>
      </c>
      <c r="E46811" s="1" t="s">
        <v>159211</v>
      </c>
      <c r="F46811" s="1" t="s">
        <v>159212</v>
      </c>
      <c r="G46811" s="1" t="s">
        <v>159162</v>
      </c>
      <c r="H46811" s="1" t="s">
        <v>159163</v>
      </c>
      <c r="I46811" s="1" t="s">
        <v>158437</v>
      </c>
      <c r="J46811" s="1" t="s">
        <v>159213</v>
      </c>
    </row>
    <row r="46812" spans="1:10" x14ac:dyDescent="0.35">
      <c r="A46812" s="1" t="s">
        <v>1548</v>
      </c>
      <c r="B46812" s="1" t="s">
        <v>158432</v>
      </c>
      <c r="C46812" s="1" t="s">
        <v>90</v>
      </c>
      <c r="D46812" s="1" t="s">
        <v>159214</v>
      </c>
      <c r="E46812" s="1" t="s">
        <v>159215</v>
      </c>
      <c r="F46812" s="1" t="s">
        <v>159216</v>
      </c>
      <c r="G46812" s="1" t="s">
        <v>159162</v>
      </c>
      <c r="H46812" s="1" t="s">
        <v>159163</v>
      </c>
      <c r="I46812" s="1" t="s">
        <v>158437</v>
      </c>
      <c r="J46812" s="1" t="s">
        <v>159217</v>
      </c>
    </row>
    <row r="46813" spans="1:10" x14ac:dyDescent="0.35">
      <c r="A46813" s="1" t="s">
        <v>1548</v>
      </c>
      <c r="B46813" s="1" t="s">
        <v>158432</v>
      </c>
      <c r="C46813" s="1" t="s">
        <v>95</v>
      </c>
      <c r="D46813" s="1" t="s">
        <v>115785</v>
      </c>
      <c r="E46813" s="1" t="s">
        <v>159218</v>
      </c>
      <c r="F46813" s="1" t="s">
        <v>159219</v>
      </c>
      <c r="G46813" s="1" t="s">
        <v>159162</v>
      </c>
      <c r="H46813" s="1" t="s">
        <v>159163</v>
      </c>
      <c r="I46813" s="1" t="s">
        <v>158437</v>
      </c>
      <c r="J46813" s="1" t="s">
        <v>159220</v>
      </c>
    </row>
    <row r="46814" spans="1:10" x14ac:dyDescent="0.35">
      <c r="A46814" s="1" t="s">
        <v>1548</v>
      </c>
      <c r="B46814" s="1" t="s">
        <v>158432</v>
      </c>
      <c r="C46814" s="1" t="s">
        <v>100</v>
      </c>
      <c r="D46814" s="1" t="s">
        <v>121176</v>
      </c>
      <c r="E46814" s="1" t="s">
        <v>159221</v>
      </c>
      <c r="F46814" s="1" t="s">
        <v>159222</v>
      </c>
      <c r="G46814" s="1" t="s">
        <v>159162</v>
      </c>
      <c r="H46814" s="1" t="s">
        <v>159163</v>
      </c>
      <c r="I46814" s="1" t="s">
        <v>158437</v>
      </c>
      <c r="J46814" s="1" t="s">
        <v>159223</v>
      </c>
    </row>
    <row r="46815" spans="1:10" x14ac:dyDescent="0.35">
      <c r="A46815" s="1" t="s">
        <v>1548</v>
      </c>
      <c r="B46815" s="1" t="s">
        <v>158432</v>
      </c>
      <c r="C46815" s="1" t="s">
        <v>105</v>
      </c>
      <c r="D46815" s="1" t="s">
        <v>120116</v>
      </c>
      <c r="E46815" s="1" t="s">
        <v>159224</v>
      </c>
      <c r="F46815" s="1" t="s">
        <v>159225</v>
      </c>
      <c r="G46815" s="1" t="s">
        <v>159162</v>
      </c>
      <c r="H46815" s="1" t="s">
        <v>159163</v>
      </c>
      <c r="I46815" s="1" t="s">
        <v>158437</v>
      </c>
      <c r="J46815" s="1" t="s">
        <v>159226</v>
      </c>
    </row>
    <row r="46816" spans="1:10" x14ac:dyDescent="0.35">
      <c r="A46816" s="1" t="s">
        <v>1548</v>
      </c>
      <c r="B46816" s="1" t="s">
        <v>158432</v>
      </c>
      <c r="C46816" s="1" t="s">
        <v>110</v>
      </c>
      <c r="D46816" s="1" t="s">
        <v>116573</v>
      </c>
      <c r="E46816" s="1" t="s">
        <v>159227</v>
      </c>
      <c r="F46816" s="1" t="s">
        <v>159228</v>
      </c>
      <c r="G46816" s="1" t="s">
        <v>159162</v>
      </c>
      <c r="H46816" s="1" t="s">
        <v>159163</v>
      </c>
      <c r="I46816" s="1" t="s">
        <v>158437</v>
      </c>
      <c r="J46816" s="1" t="s">
        <v>159229</v>
      </c>
    </row>
    <row r="46817" spans="1:10" x14ac:dyDescent="0.35">
      <c r="A46817" s="1" t="s">
        <v>1548</v>
      </c>
      <c r="B46817" s="1" t="s">
        <v>158432</v>
      </c>
      <c r="C46817" s="1" t="s">
        <v>115</v>
      </c>
      <c r="D46817" s="1" t="s">
        <v>6159</v>
      </c>
      <c r="E46817" s="1" t="s">
        <v>159230</v>
      </c>
      <c r="F46817" s="1" t="s">
        <v>159231</v>
      </c>
      <c r="G46817" s="1" t="s">
        <v>159162</v>
      </c>
      <c r="H46817" s="1" t="s">
        <v>159163</v>
      </c>
      <c r="I46817" s="1" t="s">
        <v>158437</v>
      </c>
      <c r="J46817" s="1" t="s">
        <v>159232</v>
      </c>
    </row>
    <row r="46818" spans="1:10" x14ac:dyDescent="0.35">
      <c r="A46818" s="1" t="s">
        <v>1548</v>
      </c>
      <c r="B46818" s="1" t="s">
        <v>158432</v>
      </c>
      <c r="C46818" s="1" t="s">
        <v>120</v>
      </c>
      <c r="D46818" s="1" t="s">
        <v>9349</v>
      </c>
      <c r="E46818" s="1" t="s">
        <v>159233</v>
      </c>
      <c r="F46818" s="1" t="s">
        <v>159234</v>
      </c>
      <c r="G46818" s="1" t="s">
        <v>159162</v>
      </c>
      <c r="H46818" s="1" t="s">
        <v>159163</v>
      </c>
      <c r="I46818" s="1" t="s">
        <v>158437</v>
      </c>
      <c r="J46818" s="1" t="s">
        <v>144547</v>
      </c>
    </row>
    <row r="46819" spans="1:10" x14ac:dyDescent="0.35">
      <c r="A46819" s="1" t="s">
        <v>1548</v>
      </c>
      <c r="B46819" s="1" t="s">
        <v>158432</v>
      </c>
      <c r="C46819" s="1" t="s">
        <v>125</v>
      </c>
      <c r="D46819" s="1" t="s">
        <v>7346</v>
      </c>
      <c r="E46819" s="1" t="s">
        <v>159235</v>
      </c>
      <c r="F46819" s="1" t="s">
        <v>159236</v>
      </c>
      <c r="G46819" s="1" t="s">
        <v>159162</v>
      </c>
      <c r="H46819" s="1" t="s">
        <v>159163</v>
      </c>
      <c r="I46819" s="1" t="s">
        <v>158437</v>
      </c>
      <c r="J46819" s="1" t="s">
        <v>159237</v>
      </c>
    </row>
    <row r="46820" spans="1:10" x14ac:dyDescent="0.35">
      <c r="A46820" s="1" t="s">
        <v>1548</v>
      </c>
      <c r="B46820" s="1" t="s">
        <v>158432</v>
      </c>
      <c r="C46820" s="1" t="s">
        <v>130</v>
      </c>
      <c r="D46820" s="1" t="s">
        <v>13892</v>
      </c>
      <c r="E46820" s="1" t="s">
        <v>159238</v>
      </c>
      <c r="F46820" s="1" t="s">
        <v>159239</v>
      </c>
      <c r="G46820" s="1" t="s">
        <v>159162</v>
      </c>
      <c r="H46820" s="1" t="s">
        <v>159163</v>
      </c>
      <c r="I46820" s="1" t="s">
        <v>158437</v>
      </c>
      <c r="J46820" s="1" t="s">
        <v>159240</v>
      </c>
    </row>
    <row r="46821" spans="1:10" x14ac:dyDescent="0.35">
      <c r="A46821" s="1" t="s">
        <v>1548</v>
      </c>
      <c r="B46821" s="1" t="s">
        <v>158432</v>
      </c>
      <c r="C46821" s="1" t="s">
        <v>135</v>
      </c>
      <c r="D46821" s="1" t="s">
        <v>1370</v>
      </c>
      <c r="E46821" s="1" t="s">
        <v>159241</v>
      </c>
      <c r="F46821" s="1" t="s">
        <v>159242</v>
      </c>
      <c r="G46821" s="1" t="s">
        <v>159162</v>
      </c>
      <c r="H46821" s="1" t="s">
        <v>159163</v>
      </c>
      <c r="I46821" s="1" t="s">
        <v>158437</v>
      </c>
      <c r="J46821" s="1" t="s">
        <v>159243</v>
      </c>
    </row>
    <row r="46822" spans="1:10" x14ac:dyDescent="0.35">
      <c r="A46822" s="1" t="s">
        <v>1548</v>
      </c>
      <c r="B46822" s="1" t="s">
        <v>158432</v>
      </c>
      <c r="C46822" s="1" t="s">
        <v>140</v>
      </c>
      <c r="D46822" s="1" t="s">
        <v>13870</v>
      </c>
      <c r="E46822" s="1" t="s">
        <v>159244</v>
      </c>
      <c r="F46822" s="1" t="s">
        <v>159245</v>
      </c>
      <c r="G46822" s="1" t="s">
        <v>159162</v>
      </c>
      <c r="H46822" s="1" t="s">
        <v>159163</v>
      </c>
      <c r="I46822" s="1" t="s">
        <v>158437</v>
      </c>
      <c r="J46822" s="1" t="s">
        <v>159246</v>
      </c>
    </row>
    <row r="46823" spans="1:10" x14ac:dyDescent="0.35">
      <c r="A46823" s="1" t="s">
        <v>1548</v>
      </c>
      <c r="B46823" s="1" t="s">
        <v>158432</v>
      </c>
      <c r="C46823" s="1" t="s">
        <v>145</v>
      </c>
      <c r="D46823" s="1" t="s">
        <v>29410</v>
      </c>
      <c r="E46823" s="1" t="s">
        <v>159247</v>
      </c>
      <c r="F46823" s="1" t="s">
        <v>159248</v>
      </c>
      <c r="G46823" s="1" t="s">
        <v>159162</v>
      </c>
      <c r="H46823" s="1" t="s">
        <v>159163</v>
      </c>
      <c r="I46823" s="1" t="s">
        <v>158437</v>
      </c>
      <c r="J46823" s="1" t="s">
        <v>159249</v>
      </c>
    </row>
    <row r="46824" spans="1:10" x14ac:dyDescent="0.35">
      <c r="A46824" s="1" t="s">
        <v>1548</v>
      </c>
      <c r="B46824" s="1" t="s">
        <v>158432</v>
      </c>
      <c r="C46824" s="1" t="s">
        <v>150</v>
      </c>
      <c r="D46824" s="1" t="s">
        <v>4321</v>
      </c>
      <c r="E46824" s="1" t="s">
        <v>159250</v>
      </c>
      <c r="F46824" s="1" t="s">
        <v>159251</v>
      </c>
      <c r="G46824" s="1" t="s">
        <v>159162</v>
      </c>
      <c r="H46824" s="1" t="s">
        <v>159163</v>
      </c>
      <c r="I46824" s="1" t="s">
        <v>158437</v>
      </c>
      <c r="J46824" s="1" t="s">
        <v>159252</v>
      </c>
    </row>
    <row r="46825" spans="1:10" x14ac:dyDescent="0.35">
      <c r="A46825" s="1" t="s">
        <v>1548</v>
      </c>
      <c r="B46825" s="1" t="s">
        <v>158432</v>
      </c>
      <c r="C46825" s="1" t="s">
        <v>155</v>
      </c>
      <c r="D46825" s="1" t="s">
        <v>134255</v>
      </c>
      <c r="E46825" s="1" t="s">
        <v>159253</v>
      </c>
      <c r="F46825" s="1" t="s">
        <v>159254</v>
      </c>
      <c r="G46825" s="1" t="s">
        <v>159162</v>
      </c>
      <c r="H46825" s="1" t="s">
        <v>159163</v>
      </c>
      <c r="I46825" s="1" t="s">
        <v>158437</v>
      </c>
      <c r="J46825" s="1" t="s">
        <v>159255</v>
      </c>
    </row>
    <row r="46826" spans="1:10" x14ac:dyDescent="0.35">
      <c r="A46826" s="1" t="s">
        <v>1548</v>
      </c>
      <c r="B46826" s="1" t="s">
        <v>158432</v>
      </c>
      <c r="C46826" s="1" t="s">
        <v>160</v>
      </c>
      <c r="D46826" s="1" t="s">
        <v>9301</v>
      </c>
      <c r="E46826" s="1" t="s">
        <v>159256</v>
      </c>
      <c r="F46826" s="1" t="s">
        <v>159257</v>
      </c>
      <c r="G46826" s="1" t="s">
        <v>159162</v>
      </c>
      <c r="H46826" s="1" t="s">
        <v>159163</v>
      </c>
      <c r="I46826" s="1" t="s">
        <v>158437</v>
      </c>
      <c r="J46826" s="1" t="s">
        <v>159258</v>
      </c>
    </row>
    <row r="46827" spans="1:10" x14ac:dyDescent="0.35">
      <c r="A46827" s="1" t="s">
        <v>1548</v>
      </c>
      <c r="B46827" s="1" t="s">
        <v>158432</v>
      </c>
      <c r="C46827" s="1" t="s">
        <v>165</v>
      </c>
      <c r="D46827" s="1" t="s">
        <v>29970</v>
      </c>
      <c r="E46827" s="1" t="s">
        <v>159259</v>
      </c>
      <c r="F46827" s="1" t="s">
        <v>159260</v>
      </c>
      <c r="G46827" s="1" t="s">
        <v>159162</v>
      </c>
      <c r="H46827" s="1" t="s">
        <v>159163</v>
      </c>
      <c r="I46827" s="1" t="s">
        <v>158437</v>
      </c>
      <c r="J46827" s="1" t="s">
        <v>159261</v>
      </c>
    </row>
    <row r="46828" spans="1:10" x14ac:dyDescent="0.35">
      <c r="A46828" s="1" t="s">
        <v>1548</v>
      </c>
      <c r="B46828" s="1" t="s">
        <v>158432</v>
      </c>
      <c r="C46828" s="1" t="s">
        <v>170</v>
      </c>
      <c r="D46828" s="1" t="s">
        <v>8518</v>
      </c>
      <c r="E46828" s="1" t="s">
        <v>159262</v>
      </c>
      <c r="F46828" s="1" t="s">
        <v>159263</v>
      </c>
      <c r="G46828" s="1" t="s">
        <v>159162</v>
      </c>
      <c r="H46828" s="1" t="s">
        <v>159163</v>
      </c>
      <c r="I46828" s="1" t="s">
        <v>158437</v>
      </c>
      <c r="J46828" s="1" t="s">
        <v>159264</v>
      </c>
    </row>
    <row r="46829" spans="1:10" x14ac:dyDescent="0.35">
      <c r="A46829" s="1" t="s">
        <v>8710</v>
      </c>
      <c r="B46829" s="1" t="s">
        <v>158432</v>
      </c>
      <c r="C46829" s="1" t="s">
        <v>8</v>
      </c>
      <c r="D46829" s="1" t="s">
        <v>159265</v>
      </c>
      <c r="E46829" s="1" t="s">
        <v>159266</v>
      </c>
      <c r="F46829" s="1" t="s">
        <v>159267</v>
      </c>
      <c r="G46829" s="1" t="s">
        <v>159268</v>
      </c>
      <c r="H46829" s="1" t="s">
        <v>159269</v>
      </c>
      <c r="I46829" s="1" t="s">
        <v>158437</v>
      </c>
      <c r="J46829" s="1" t="s">
        <v>13</v>
      </c>
    </row>
    <row r="46830" spans="1:10" x14ac:dyDescent="0.35">
      <c r="A46830" s="1" t="s">
        <v>8710</v>
      </c>
      <c r="B46830" s="1" t="s">
        <v>158432</v>
      </c>
      <c r="C46830" s="1" t="s">
        <v>15</v>
      </c>
      <c r="D46830" s="1" t="s">
        <v>28014</v>
      </c>
      <c r="E46830" s="1" t="s">
        <v>159270</v>
      </c>
      <c r="F46830" s="1" t="s">
        <v>159271</v>
      </c>
      <c r="G46830" s="1" t="s">
        <v>159268</v>
      </c>
      <c r="H46830" s="1" t="s">
        <v>159269</v>
      </c>
      <c r="I46830" s="1" t="s">
        <v>158437</v>
      </c>
      <c r="J46830" s="1" t="s">
        <v>143172</v>
      </c>
    </row>
    <row r="46831" spans="1:10" x14ac:dyDescent="0.35">
      <c r="A46831" s="1" t="s">
        <v>8710</v>
      </c>
      <c r="B46831" s="1" t="s">
        <v>158432</v>
      </c>
      <c r="C46831" s="1" t="s">
        <v>20</v>
      </c>
      <c r="D46831" s="1" t="s">
        <v>25185</v>
      </c>
      <c r="E46831" s="1" t="s">
        <v>159272</v>
      </c>
      <c r="F46831" s="1" t="s">
        <v>159273</v>
      </c>
      <c r="G46831" s="1" t="s">
        <v>159268</v>
      </c>
      <c r="H46831" s="1" t="s">
        <v>159269</v>
      </c>
      <c r="I46831" s="1" t="s">
        <v>158437</v>
      </c>
      <c r="J46831" s="1" t="s">
        <v>159274</v>
      </c>
    </row>
    <row r="46832" spans="1:10" x14ac:dyDescent="0.35">
      <c r="A46832" s="1" t="s">
        <v>8710</v>
      </c>
      <c r="B46832" s="1" t="s">
        <v>158432</v>
      </c>
      <c r="C46832" s="1" t="s">
        <v>25</v>
      </c>
      <c r="D46832" s="1" t="s">
        <v>27306</v>
      </c>
      <c r="E46832" s="1" t="s">
        <v>159275</v>
      </c>
      <c r="F46832" s="1" t="s">
        <v>159276</v>
      </c>
      <c r="G46832" s="1" t="s">
        <v>159268</v>
      </c>
      <c r="H46832" s="1" t="s">
        <v>159269</v>
      </c>
      <c r="I46832" s="1" t="s">
        <v>158437</v>
      </c>
      <c r="J46832" s="1" t="s">
        <v>159277</v>
      </c>
    </row>
    <row r="46833" spans="1:10" x14ac:dyDescent="0.35">
      <c r="A46833" s="1" t="s">
        <v>8710</v>
      </c>
      <c r="B46833" s="1" t="s">
        <v>158432</v>
      </c>
      <c r="C46833" s="1" t="s">
        <v>30</v>
      </c>
      <c r="D46833" s="1" t="s">
        <v>27658</v>
      </c>
      <c r="E46833" s="1" t="s">
        <v>159278</v>
      </c>
      <c r="F46833" s="1" t="s">
        <v>159279</v>
      </c>
      <c r="G46833" s="1" t="s">
        <v>159268</v>
      </c>
      <c r="H46833" s="1" t="s">
        <v>159269</v>
      </c>
      <c r="I46833" s="1" t="s">
        <v>158437</v>
      </c>
      <c r="J46833" s="1" t="s">
        <v>159280</v>
      </c>
    </row>
    <row r="46834" spans="1:10" x14ac:dyDescent="0.35">
      <c r="A46834" s="1" t="s">
        <v>8710</v>
      </c>
      <c r="B46834" s="1" t="s">
        <v>158432</v>
      </c>
      <c r="C46834" s="1" t="s">
        <v>35</v>
      </c>
      <c r="D46834" s="1" t="s">
        <v>27056</v>
      </c>
      <c r="E46834" s="1" t="s">
        <v>159281</v>
      </c>
      <c r="F46834" s="1" t="s">
        <v>159282</v>
      </c>
      <c r="G46834" s="1" t="s">
        <v>159268</v>
      </c>
      <c r="H46834" s="1" t="s">
        <v>159269</v>
      </c>
      <c r="I46834" s="1" t="s">
        <v>158437</v>
      </c>
      <c r="J46834" s="1" t="s">
        <v>159283</v>
      </c>
    </row>
    <row r="46835" spans="1:10" x14ac:dyDescent="0.35">
      <c r="A46835" s="1" t="s">
        <v>8710</v>
      </c>
      <c r="B46835" s="1" t="s">
        <v>158432</v>
      </c>
      <c r="C46835" s="1" t="s">
        <v>40</v>
      </c>
      <c r="D46835" s="1" t="s">
        <v>29046</v>
      </c>
      <c r="E46835" s="1" t="s">
        <v>159284</v>
      </c>
      <c r="F46835" s="1" t="s">
        <v>159285</v>
      </c>
      <c r="G46835" s="1" t="s">
        <v>159268</v>
      </c>
      <c r="H46835" s="1" t="s">
        <v>159269</v>
      </c>
      <c r="I46835" s="1" t="s">
        <v>158437</v>
      </c>
      <c r="J46835" s="1" t="s">
        <v>159286</v>
      </c>
    </row>
    <row r="46836" spans="1:10" x14ac:dyDescent="0.35">
      <c r="A46836" s="1" t="s">
        <v>8710</v>
      </c>
      <c r="B46836" s="1" t="s">
        <v>158432</v>
      </c>
      <c r="C46836" s="1" t="s">
        <v>45</v>
      </c>
      <c r="D46836" s="1" t="s">
        <v>33900</v>
      </c>
      <c r="E46836" s="1" t="s">
        <v>159287</v>
      </c>
      <c r="F46836" s="1" t="s">
        <v>159288</v>
      </c>
      <c r="G46836" s="1" t="s">
        <v>159268</v>
      </c>
      <c r="H46836" s="1" t="s">
        <v>159269</v>
      </c>
      <c r="I46836" s="1" t="s">
        <v>158437</v>
      </c>
      <c r="J46836" s="1" t="s">
        <v>159289</v>
      </c>
    </row>
    <row r="46837" spans="1:10" x14ac:dyDescent="0.35">
      <c r="A46837" s="1" t="s">
        <v>8710</v>
      </c>
      <c r="B46837" s="1" t="s">
        <v>158432</v>
      </c>
      <c r="C46837" s="1" t="s">
        <v>50</v>
      </c>
      <c r="D46837" s="1" t="s">
        <v>14244</v>
      </c>
      <c r="E46837" s="1" t="s">
        <v>159290</v>
      </c>
      <c r="F46837" s="1" t="s">
        <v>159291</v>
      </c>
      <c r="G46837" s="1" t="s">
        <v>159268</v>
      </c>
      <c r="H46837" s="1" t="s">
        <v>159269</v>
      </c>
      <c r="I46837" s="1" t="s">
        <v>158437</v>
      </c>
      <c r="J46837" s="1" t="s">
        <v>159292</v>
      </c>
    </row>
    <row r="46838" spans="1:10" x14ac:dyDescent="0.35">
      <c r="A46838" s="1" t="s">
        <v>8710</v>
      </c>
      <c r="B46838" s="1" t="s">
        <v>158432</v>
      </c>
      <c r="C46838" s="1" t="s">
        <v>55</v>
      </c>
      <c r="D46838" s="1" t="s">
        <v>37893</v>
      </c>
      <c r="E46838" s="1" t="s">
        <v>159293</v>
      </c>
      <c r="F46838" s="1" t="s">
        <v>159294</v>
      </c>
      <c r="G46838" s="1" t="s">
        <v>159268</v>
      </c>
      <c r="H46838" s="1" t="s">
        <v>159269</v>
      </c>
      <c r="I46838" s="1" t="s">
        <v>158437</v>
      </c>
      <c r="J46838" s="1" t="s">
        <v>159295</v>
      </c>
    </row>
    <row r="46839" spans="1:10" x14ac:dyDescent="0.35">
      <c r="A46839" s="1" t="s">
        <v>8710</v>
      </c>
      <c r="B46839" s="1" t="s">
        <v>158432</v>
      </c>
      <c r="C46839" s="1" t="s">
        <v>60</v>
      </c>
      <c r="D46839" s="1" t="s">
        <v>41986</v>
      </c>
      <c r="E46839" s="1" t="s">
        <v>7603</v>
      </c>
      <c r="F46839" s="1" t="s">
        <v>159296</v>
      </c>
      <c r="G46839" s="1" t="s">
        <v>159268</v>
      </c>
      <c r="H46839" s="1" t="s">
        <v>159269</v>
      </c>
      <c r="I46839" s="1" t="s">
        <v>158437</v>
      </c>
      <c r="J46839" s="1" t="s">
        <v>159297</v>
      </c>
    </row>
    <row r="46840" spans="1:10" x14ac:dyDescent="0.35">
      <c r="A46840" s="1" t="s">
        <v>8710</v>
      </c>
      <c r="B46840" s="1" t="s">
        <v>158432</v>
      </c>
      <c r="C46840" s="1" t="s">
        <v>65</v>
      </c>
      <c r="D46840" s="1" t="s">
        <v>46427</v>
      </c>
      <c r="E46840" s="1" t="s">
        <v>159298</v>
      </c>
      <c r="F46840" s="1" t="s">
        <v>159299</v>
      </c>
      <c r="G46840" s="1" t="s">
        <v>159268</v>
      </c>
      <c r="H46840" s="1" t="s">
        <v>159269</v>
      </c>
      <c r="I46840" s="1" t="s">
        <v>158437</v>
      </c>
      <c r="J46840" s="1" t="s">
        <v>159300</v>
      </c>
    </row>
    <row r="46841" spans="1:10" x14ac:dyDescent="0.35">
      <c r="A46841" s="1" t="s">
        <v>8710</v>
      </c>
      <c r="B46841" s="1" t="s">
        <v>158432</v>
      </c>
      <c r="C46841" s="1" t="s">
        <v>70</v>
      </c>
      <c r="D46841" s="1" t="s">
        <v>159301</v>
      </c>
      <c r="E46841" s="1" t="s">
        <v>159302</v>
      </c>
      <c r="F46841" s="1" t="s">
        <v>159303</v>
      </c>
      <c r="G46841" s="1" t="s">
        <v>159268</v>
      </c>
      <c r="H46841" s="1" t="s">
        <v>159269</v>
      </c>
      <c r="I46841" s="1" t="s">
        <v>158437</v>
      </c>
      <c r="J46841" s="1" t="s">
        <v>159304</v>
      </c>
    </row>
    <row r="46842" spans="1:10" x14ac:dyDescent="0.35">
      <c r="A46842" s="1" t="s">
        <v>8710</v>
      </c>
      <c r="B46842" s="1" t="s">
        <v>158432</v>
      </c>
      <c r="C46842" s="1" t="s">
        <v>75</v>
      </c>
      <c r="D46842" s="1" t="s">
        <v>159305</v>
      </c>
      <c r="E46842" s="1" t="s">
        <v>159306</v>
      </c>
      <c r="F46842" s="1" t="s">
        <v>159307</v>
      </c>
      <c r="G46842" s="1" t="s">
        <v>159268</v>
      </c>
      <c r="H46842" s="1" t="s">
        <v>159269</v>
      </c>
      <c r="I46842" s="1" t="s">
        <v>158437</v>
      </c>
      <c r="J46842" s="1" t="s">
        <v>9833</v>
      </c>
    </row>
    <row r="46843" spans="1:10" x14ac:dyDescent="0.35">
      <c r="A46843" s="1" t="s">
        <v>8710</v>
      </c>
      <c r="B46843" s="1" t="s">
        <v>158432</v>
      </c>
      <c r="C46843" s="1" t="s">
        <v>80</v>
      </c>
      <c r="D46843" s="1" t="s">
        <v>13766</v>
      </c>
      <c r="E46843" s="1" t="s">
        <v>159308</v>
      </c>
      <c r="F46843" s="1" t="s">
        <v>159309</v>
      </c>
      <c r="G46843" s="1" t="s">
        <v>159268</v>
      </c>
      <c r="H46843" s="1" t="s">
        <v>159269</v>
      </c>
      <c r="I46843" s="1" t="s">
        <v>158437</v>
      </c>
      <c r="J46843" s="1" t="s">
        <v>159310</v>
      </c>
    </row>
    <row r="46844" spans="1:10" x14ac:dyDescent="0.35">
      <c r="A46844" s="1" t="s">
        <v>8710</v>
      </c>
      <c r="B46844" s="1" t="s">
        <v>158432</v>
      </c>
      <c r="C46844" s="1" t="s">
        <v>85</v>
      </c>
      <c r="D46844" s="1" t="s">
        <v>159311</v>
      </c>
      <c r="E46844" s="1" t="s">
        <v>159312</v>
      </c>
      <c r="F46844" s="1" t="s">
        <v>159313</v>
      </c>
      <c r="G46844" s="1" t="s">
        <v>159268</v>
      </c>
      <c r="H46844" s="1" t="s">
        <v>159269</v>
      </c>
      <c r="I46844" s="1" t="s">
        <v>158437</v>
      </c>
      <c r="J46844" s="1" t="s">
        <v>159314</v>
      </c>
    </row>
    <row r="46845" spans="1:10" x14ac:dyDescent="0.35">
      <c r="A46845" s="1" t="s">
        <v>8710</v>
      </c>
      <c r="B46845" s="1" t="s">
        <v>158432</v>
      </c>
      <c r="C46845" s="1" t="s">
        <v>90</v>
      </c>
      <c r="D46845" s="1" t="s">
        <v>2203</v>
      </c>
      <c r="E46845" s="1" t="s">
        <v>159315</v>
      </c>
      <c r="F46845" s="1" t="s">
        <v>159316</v>
      </c>
      <c r="G46845" s="1" t="s">
        <v>159268</v>
      </c>
      <c r="H46845" s="1" t="s">
        <v>159269</v>
      </c>
      <c r="I46845" s="1" t="s">
        <v>158437</v>
      </c>
      <c r="J46845" s="1" t="s">
        <v>159317</v>
      </c>
    </row>
    <row r="46846" spans="1:10" x14ac:dyDescent="0.35">
      <c r="A46846" s="1" t="s">
        <v>8710</v>
      </c>
      <c r="B46846" s="1" t="s">
        <v>158432</v>
      </c>
      <c r="C46846" s="1" t="s">
        <v>95</v>
      </c>
      <c r="D46846" s="1" t="s">
        <v>1360</v>
      </c>
      <c r="E46846" s="1" t="s">
        <v>159318</v>
      </c>
      <c r="F46846" s="1" t="s">
        <v>159319</v>
      </c>
      <c r="G46846" s="1" t="s">
        <v>159268</v>
      </c>
      <c r="H46846" s="1" t="s">
        <v>159269</v>
      </c>
      <c r="I46846" s="1" t="s">
        <v>158437</v>
      </c>
      <c r="J46846" s="1" t="s">
        <v>159320</v>
      </c>
    </row>
    <row r="46847" spans="1:10" x14ac:dyDescent="0.35">
      <c r="A46847" s="1" t="s">
        <v>8710</v>
      </c>
      <c r="B46847" s="1" t="s">
        <v>158432</v>
      </c>
      <c r="C46847" s="1" t="s">
        <v>100</v>
      </c>
      <c r="D46847" s="1" t="s">
        <v>159321</v>
      </c>
      <c r="E46847" s="1" t="s">
        <v>159322</v>
      </c>
      <c r="F46847" s="1" t="s">
        <v>159323</v>
      </c>
      <c r="G46847" s="1" t="s">
        <v>159268</v>
      </c>
      <c r="H46847" s="1" t="s">
        <v>159269</v>
      </c>
      <c r="I46847" s="1" t="s">
        <v>158437</v>
      </c>
      <c r="J46847" s="1" t="s">
        <v>159324</v>
      </c>
    </row>
    <row r="46848" spans="1:10" x14ac:dyDescent="0.35">
      <c r="A46848" s="1" t="s">
        <v>8710</v>
      </c>
      <c r="B46848" s="1" t="s">
        <v>158432</v>
      </c>
      <c r="C46848" s="1" t="s">
        <v>105</v>
      </c>
      <c r="D46848" s="1" t="s">
        <v>3518</v>
      </c>
      <c r="E46848" s="1" t="s">
        <v>159325</v>
      </c>
      <c r="F46848" s="1" t="s">
        <v>159326</v>
      </c>
      <c r="G46848" s="1" t="s">
        <v>159268</v>
      </c>
      <c r="H46848" s="1" t="s">
        <v>159269</v>
      </c>
      <c r="I46848" s="1" t="s">
        <v>158437</v>
      </c>
      <c r="J46848" s="1" t="s">
        <v>159327</v>
      </c>
    </row>
    <row r="46849" spans="1:10" x14ac:dyDescent="0.35">
      <c r="A46849" s="1" t="s">
        <v>8710</v>
      </c>
      <c r="B46849" s="1" t="s">
        <v>158432</v>
      </c>
      <c r="C46849" s="1" t="s">
        <v>110</v>
      </c>
      <c r="D46849" s="1" t="s">
        <v>159328</v>
      </c>
      <c r="E46849" s="1" t="s">
        <v>159329</v>
      </c>
      <c r="F46849" s="1" t="s">
        <v>159330</v>
      </c>
      <c r="G46849" s="1" t="s">
        <v>159268</v>
      </c>
      <c r="H46849" s="1" t="s">
        <v>159269</v>
      </c>
      <c r="I46849" s="1" t="s">
        <v>158437</v>
      </c>
      <c r="J46849" s="1" t="s">
        <v>159331</v>
      </c>
    </row>
    <row r="46850" spans="1:10" x14ac:dyDescent="0.35">
      <c r="A46850" s="1" t="s">
        <v>8710</v>
      </c>
      <c r="B46850" s="1" t="s">
        <v>158432</v>
      </c>
      <c r="C46850" s="1" t="s">
        <v>115</v>
      </c>
      <c r="D46850" s="1" t="s">
        <v>159332</v>
      </c>
      <c r="E46850" s="1" t="s">
        <v>159333</v>
      </c>
      <c r="F46850" s="1" t="s">
        <v>159334</v>
      </c>
      <c r="G46850" s="1" t="s">
        <v>159268</v>
      </c>
      <c r="H46850" s="1" t="s">
        <v>159269</v>
      </c>
      <c r="I46850" s="1" t="s">
        <v>158437</v>
      </c>
      <c r="J46850" s="1" t="s">
        <v>159335</v>
      </c>
    </row>
    <row r="46851" spans="1:10" x14ac:dyDescent="0.35">
      <c r="A46851" s="1" t="s">
        <v>8710</v>
      </c>
      <c r="B46851" s="1" t="s">
        <v>158432</v>
      </c>
      <c r="C46851" s="1" t="s">
        <v>120</v>
      </c>
      <c r="D46851" s="1" t="s">
        <v>63803</v>
      </c>
      <c r="E46851" s="1" t="s">
        <v>159336</v>
      </c>
      <c r="F46851" s="1" t="s">
        <v>159337</v>
      </c>
      <c r="G46851" s="1" t="s">
        <v>159268</v>
      </c>
      <c r="H46851" s="1" t="s">
        <v>159269</v>
      </c>
      <c r="I46851" s="1" t="s">
        <v>158437</v>
      </c>
      <c r="J46851" s="1" t="s">
        <v>159338</v>
      </c>
    </row>
    <row r="46852" spans="1:10" x14ac:dyDescent="0.35">
      <c r="A46852" s="1" t="s">
        <v>8710</v>
      </c>
      <c r="B46852" s="1" t="s">
        <v>158432</v>
      </c>
      <c r="C46852" s="1" t="s">
        <v>125</v>
      </c>
      <c r="D46852" s="1" t="s">
        <v>56684</v>
      </c>
      <c r="E46852" s="1" t="s">
        <v>159339</v>
      </c>
      <c r="F46852" s="1" t="s">
        <v>159340</v>
      </c>
      <c r="G46852" s="1" t="s">
        <v>159268</v>
      </c>
      <c r="H46852" s="1" t="s">
        <v>159269</v>
      </c>
      <c r="I46852" s="1" t="s">
        <v>158437</v>
      </c>
      <c r="J46852" s="1" t="s">
        <v>159341</v>
      </c>
    </row>
    <row r="46853" spans="1:10" x14ac:dyDescent="0.35">
      <c r="A46853" s="1" t="s">
        <v>8710</v>
      </c>
      <c r="B46853" s="1" t="s">
        <v>158432</v>
      </c>
      <c r="C46853" s="1" t="s">
        <v>130</v>
      </c>
      <c r="D46853" s="1" t="s">
        <v>52066</v>
      </c>
      <c r="E46853" s="1" t="s">
        <v>159342</v>
      </c>
      <c r="F46853" s="1" t="s">
        <v>159343</v>
      </c>
      <c r="G46853" s="1" t="s">
        <v>159268</v>
      </c>
      <c r="H46853" s="1" t="s">
        <v>159269</v>
      </c>
      <c r="I46853" s="1" t="s">
        <v>158437</v>
      </c>
      <c r="J46853" s="1" t="s">
        <v>159344</v>
      </c>
    </row>
    <row r="46854" spans="1:10" x14ac:dyDescent="0.35">
      <c r="A46854" s="1" t="s">
        <v>8710</v>
      </c>
      <c r="B46854" s="1" t="s">
        <v>158432</v>
      </c>
      <c r="C46854" s="1" t="s">
        <v>135</v>
      </c>
      <c r="D46854" s="1" t="s">
        <v>1916</v>
      </c>
      <c r="E46854" s="1" t="s">
        <v>159345</v>
      </c>
      <c r="F46854" s="1" t="s">
        <v>159346</v>
      </c>
      <c r="G46854" s="1" t="s">
        <v>159268</v>
      </c>
      <c r="H46854" s="1" t="s">
        <v>159269</v>
      </c>
      <c r="I46854" s="1" t="s">
        <v>158437</v>
      </c>
      <c r="J46854" s="1" t="s">
        <v>159347</v>
      </c>
    </row>
    <row r="46855" spans="1:10" x14ac:dyDescent="0.35">
      <c r="A46855" s="1" t="s">
        <v>8710</v>
      </c>
      <c r="B46855" s="1" t="s">
        <v>158432</v>
      </c>
      <c r="C46855" s="1" t="s">
        <v>140</v>
      </c>
      <c r="D46855" s="1" t="s">
        <v>7006</v>
      </c>
      <c r="E46855" s="1" t="s">
        <v>159348</v>
      </c>
      <c r="F46855" s="1" t="s">
        <v>159349</v>
      </c>
      <c r="G46855" s="1" t="s">
        <v>159268</v>
      </c>
      <c r="H46855" s="1" t="s">
        <v>159269</v>
      </c>
      <c r="I46855" s="1" t="s">
        <v>158437</v>
      </c>
      <c r="J46855" s="1" t="s">
        <v>59180</v>
      </c>
    </row>
    <row r="46856" spans="1:10" x14ac:dyDescent="0.35">
      <c r="A46856" s="1" t="s">
        <v>8710</v>
      </c>
      <c r="B46856" s="1" t="s">
        <v>158432</v>
      </c>
      <c r="C46856" s="1" t="s">
        <v>145</v>
      </c>
      <c r="D46856" s="1" t="s">
        <v>1777</v>
      </c>
      <c r="E46856" s="1" t="s">
        <v>159350</v>
      </c>
      <c r="F46856" s="1" t="s">
        <v>159351</v>
      </c>
      <c r="G46856" s="1" t="s">
        <v>159268</v>
      </c>
      <c r="H46856" s="1" t="s">
        <v>159269</v>
      </c>
      <c r="I46856" s="1" t="s">
        <v>158437</v>
      </c>
      <c r="J46856" s="1" t="s">
        <v>158968</v>
      </c>
    </row>
    <row r="46857" spans="1:10" x14ac:dyDescent="0.35">
      <c r="A46857" s="1" t="s">
        <v>8710</v>
      </c>
      <c r="B46857" s="1" t="s">
        <v>158432</v>
      </c>
      <c r="C46857" s="1" t="s">
        <v>150</v>
      </c>
      <c r="D46857" s="1" t="s">
        <v>6243</v>
      </c>
      <c r="E46857" s="1" t="s">
        <v>159352</v>
      </c>
      <c r="F46857" s="1" t="s">
        <v>159353</v>
      </c>
      <c r="G46857" s="1" t="s">
        <v>159268</v>
      </c>
      <c r="H46857" s="1" t="s">
        <v>159269</v>
      </c>
      <c r="I46857" s="1" t="s">
        <v>158437</v>
      </c>
      <c r="J46857" s="1" t="s">
        <v>159354</v>
      </c>
    </row>
    <row r="46858" spans="1:10" x14ac:dyDescent="0.35">
      <c r="A46858" s="1" t="s">
        <v>8710</v>
      </c>
      <c r="B46858" s="1" t="s">
        <v>158432</v>
      </c>
      <c r="C46858" s="1" t="s">
        <v>155</v>
      </c>
      <c r="D46858" s="1" t="s">
        <v>1304</v>
      </c>
      <c r="E46858" s="1" t="s">
        <v>159355</v>
      </c>
      <c r="F46858" s="1" t="s">
        <v>159356</v>
      </c>
      <c r="G46858" s="1" t="s">
        <v>159268</v>
      </c>
      <c r="H46858" s="1" t="s">
        <v>159269</v>
      </c>
      <c r="I46858" s="1" t="s">
        <v>158437</v>
      </c>
      <c r="J46858" s="1" t="s">
        <v>159357</v>
      </c>
    </row>
    <row r="46859" spans="1:10" x14ac:dyDescent="0.35">
      <c r="A46859" s="1" t="s">
        <v>8710</v>
      </c>
      <c r="B46859" s="1" t="s">
        <v>158432</v>
      </c>
      <c r="C46859" s="1" t="s">
        <v>160</v>
      </c>
      <c r="D46859" s="1" t="s">
        <v>65528</v>
      </c>
      <c r="E46859" s="1" t="s">
        <v>159358</v>
      </c>
      <c r="F46859" s="1" t="s">
        <v>159359</v>
      </c>
      <c r="G46859" s="1" t="s">
        <v>159268</v>
      </c>
      <c r="H46859" s="1" t="s">
        <v>159269</v>
      </c>
      <c r="I46859" s="1" t="s">
        <v>158437</v>
      </c>
      <c r="J46859" s="1" t="s">
        <v>159360</v>
      </c>
    </row>
    <row r="46860" spans="1:10" x14ac:dyDescent="0.35">
      <c r="A46860" s="1" t="s">
        <v>8710</v>
      </c>
      <c r="B46860" s="1" t="s">
        <v>158432</v>
      </c>
      <c r="C46860" s="1" t="s">
        <v>165</v>
      </c>
      <c r="D46860" s="1" t="s">
        <v>50723</v>
      </c>
      <c r="E46860" s="1" t="s">
        <v>159361</v>
      </c>
      <c r="F46860" s="1" t="s">
        <v>159362</v>
      </c>
      <c r="G46860" s="1" t="s">
        <v>159268</v>
      </c>
      <c r="H46860" s="1" t="s">
        <v>159269</v>
      </c>
      <c r="I46860" s="1" t="s">
        <v>158437</v>
      </c>
      <c r="J46860" s="1" t="s">
        <v>159363</v>
      </c>
    </row>
    <row r="46861" spans="1:10" x14ac:dyDescent="0.35">
      <c r="A46861" s="1" t="s">
        <v>8710</v>
      </c>
      <c r="B46861" s="1" t="s">
        <v>158432</v>
      </c>
      <c r="C46861" s="1" t="s">
        <v>170</v>
      </c>
      <c r="D46861" s="1" t="s">
        <v>65799</v>
      </c>
      <c r="E46861" s="1" t="s">
        <v>159364</v>
      </c>
      <c r="F46861" s="1" t="s">
        <v>159365</v>
      </c>
      <c r="G46861" s="1" t="s">
        <v>159268</v>
      </c>
      <c r="H46861" s="1" t="s">
        <v>159269</v>
      </c>
      <c r="I46861" s="1" t="s">
        <v>158437</v>
      </c>
      <c r="J46861" s="1" t="s">
        <v>159366</v>
      </c>
    </row>
    <row r="46862" spans="1:10" x14ac:dyDescent="0.35">
      <c r="A46862" s="1" t="s">
        <v>159367</v>
      </c>
      <c r="B46862" s="1" t="s">
        <v>158432</v>
      </c>
      <c r="C46862" s="1" t="s">
        <v>8</v>
      </c>
      <c r="D46862" s="1" t="s">
        <v>28350</v>
      </c>
      <c r="E46862" s="1" t="s">
        <v>159368</v>
      </c>
      <c r="F46862" s="1" t="s">
        <v>159369</v>
      </c>
      <c r="G46862" s="1" t="s">
        <v>159370</v>
      </c>
      <c r="H46862" s="1" t="s">
        <v>159371</v>
      </c>
      <c r="I46862" s="1" t="s">
        <v>158437</v>
      </c>
      <c r="J46862" s="1" t="s">
        <v>13</v>
      </c>
    </row>
    <row r="46863" spans="1:10" x14ac:dyDescent="0.35">
      <c r="A46863" s="1" t="s">
        <v>159367</v>
      </c>
      <c r="B46863" s="1" t="s">
        <v>158432</v>
      </c>
      <c r="C46863" s="1" t="s">
        <v>15</v>
      </c>
      <c r="D46863" s="1" t="s">
        <v>29141</v>
      </c>
      <c r="E46863" s="1" t="s">
        <v>159372</v>
      </c>
      <c r="F46863" s="1" t="s">
        <v>159373</v>
      </c>
      <c r="G46863" s="1" t="s">
        <v>159370</v>
      </c>
      <c r="H46863" s="1" t="s">
        <v>159371</v>
      </c>
      <c r="I46863" s="1" t="s">
        <v>158437</v>
      </c>
      <c r="J46863" s="1" t="s">
        <v>159374</v>
      </c>
    </row>
    <row r="46864" spans="1:10" x14ac:dyDescent="0.35">
      <c r="A46864" s="1" t="s">
        <v>159367</v>
      </c>
      <c r="B46864" s="1" t="s">
        <v>158432</v>
      </c>
      <c r="C46864" s="1" t="s">
        <v>20</v>
      </c>
      <c r="D46864" s="1" t="s">
        <v>26171</v>
      </c>
      <c r="E46864" s="1" t="s">
        <v>159375</v>
      </c>
      <c r="F46864" s="1" t="s">
        <v>159376</v>
      </c>
      <c r="G46864" s="1" t="s">
        <v>159370</v>
      </c>
      <c r="H46864" s="1" t="s">
        <v>159371</v>
      </c>
      <c r="I46864" s="1" t="s">
        <v>158437</v>
      </c>
      <c r="J46864" s="1" t="s">
        <v>159377</v>
      </c>
    </row>
    <row r="46865" spans="1:10" x14ac:dyDescent="0.35">
      <c r="A46865" s="1" t="s">
        <v>159367</v>
      </c>
      <c r="B46865" s="1" t="s">
        <v>158432</v>
      </c>
      <c r="C46865" s="1" t="s">
        <v>25</v>
      </c>
      <c r="D46865" s="1" t="s">
        <v>28350</v>
      </c>
      <c r="E46865" s="1" t="s">
        <v>159378</v>
      </c>
      <c r="F46865" s="1" t="s">
        <v>159379</v>
      </c>
      <c r="G46865" s="1" t="s">
        <v>159370</v>
      </c>
      <c r="H46865" s="1" t="s">
        <v>159371</v>
      </c>
      <c r="I46865" s="1" t="s">
        <v>158437</v>
      </c>
      <c r="J46865" s="1" t="s">
        <v>159380</v>
      </c>
    </row>
    <row r="46866" spans="1:10" x14ac:dyDescent="0.35">
      <c r="A46866" s="1" t="s">
        <v>159367</v>
      </c>
      <c r="B46866" s="1" t="s">
        <v>158432</v>
      </c>
      <c r="C46866" s="1" t="s">
        <v>30</v>
      </c>
      <c r="D46866" s="1" t="s">
        <v>28828</v>
      </c>
      <c r="E46866" s="1" t="s">
        <v>159381</v>
      </c>
      <c r="F46866" s="1" t="s">
        <v>159382</v>
      </c>
      <c r="G46866" s="1" t="s">
        <v>159370</v>
      </c>
      <c r="H46866" s="1" t="s">
        <v>159371</v>
      </c>
      <c r="I46866" s="1" t="s">
        <v>158437</v>
      </c>
      <c r="J46866" s="1" t="s">
        <v>159383</v>
      </c>
    </row>
    <row r="46867" spans="1:10" x14ac:dyDescent="0.35">
      <c r="A46867" s="1" t="s">
        <v>159367</v>
      </c>
      <c r="B46867" s="1" t="s">
        <v>158432</v>
      </c>
      <c r="C46867" s="1" t="s">
        <v>35</v>
      </c>
      <c r="D46867" s="1" t="s">
        <v>28014</v>
      </c>
      <c r="E46867" s="1" t="s">
        <v>159384</v>
      </c>
      <c r="F46867" s="1" t="s">
        <v>159385</v>
      </c>
      <c r="G46867" s="1" t="s">
        <v>159370</v>
      </c>
      <c r="H46867" s="1" t="s">
        <v>159371</v>
      </c>
      <c r="I46867" s="1" t="s">
        <v>158437</v>
      </c>
      <c r="J46867" s="1" t="s">
        <v>159386</v>
      </c>
    </row>
    <row r="46868" spans="1:10" x14ac:dyDescent="0.35">
      <c r="A46868" s="1" t="s">
        <v>159367</v>
      </c>
      <c r="B46868" s="1" t="s">
        <v>158432</v>
      </c>
      <c r="C46868" s="1" t="s">
        <v>40</v>
      </c>
      <c r="D46868" s="1" t="s">
        <v>159387</v>
      </c>
      <c r="E46868" s="1" t="s">
        <v>159388</v>
      </c>
      <c r="F46868" s="1" t="s">
        <v>159389</v>
      </c>
      <c r="G46868" s="1" t="s">
        <v>159370</v>
      </c>
      <c r="H46868" s="1" t="s">
        <v>159371</v>
      </c>
      <c r="I46868" s="1" t="s">
        <v>158437</v>
      </c>
      <c r="J46868" s="1" t="s">
        <v>159390</v>
      </c>
    </row>
    <row r="46869" spans="1:10" x14ac:dyDescent="0.35">
      <c r="A46869" s="1" t="s">
        <v>159367</v>
      </c>
      <c r="B46869" s="1" t="s">
        <v>158432</v>
      </c>
      <c r="C46869" s="1" t="s">
        <v>45</v>
      </c>
      <c r="D46869" s="1" t="s">
        <v>31704</v>
      </c>
      <c r="E46869" s="1" t="s">
        <v>159391</v>
      </c>
      <c r="F46869" s="1" t="s">
        <v>159392</v>
      </c>
      <c r="G46869" s="1" t="s">
        <v>159370</v>
      </c>
      <c r="H46869" s="1" t="s">
        <v>159371</v>
      </c>
      <c r="I46869" s="1" t="s">
        <v>158437</v>
      </c>
      <c r="J46869" s="1" t="s">
        <v>159393</v>
      </c>
    </row>
    <row r="46870" spans="1:10" x14ac:dyDescent="0.35">
      <c r="A46870" s="1" t="s">
        <v>159367</v>
      </c>
      <c r="B46870" s="1" t="s">
        <v>158432</v>
      </c>
      <c r="C46870" s="1" t="s">
        <v>50</v>
      </c>
      <c r="D46870" s="1" t="s">
        <v>29381</v>
      </c>
      <c r="E46870" s="1" t="s">
        <v>159394</v>
      </c>
      <c r="F46870" s="1" t="s">
        <v>159395</v>
      </c>
      <c r="G46870" s="1" t="s">
        <v>159370</v>
      </c>
      <c r="H46870" s="1" t="s">
        <v>159371</v>
      </c>
      <c r="I46870" s="1" t="s">
        <v>158437</v>
      </c>
      <c r="J46870" s="1" t="s">
        <v>159396</v>
      </c>
    </row>
    <row r="46871" spans="1:10" x14ac:dyDescent="0.35">
      <c r="A46871" s="1" t="s">
        <v>159367</v>
      </c>
      <c r="B46871" s="1" t="s">
        <v>158432</v>
      </c>
      <c r="C46871" s="1" t="s">
        <v>55</v>
      </c>
      <c r="D46871" s="1" t="s">
        <v>158438</v>
      </c>
      <c r="E46871" s="1" t="s">
        <v>159397</v>
      </c>
      <c r="F46871" s="1" t="s">
        <v>159398</v>
      </c>
      <c r="G46871" s="1" t="s">
        <v>159370</v>
      </c>
      <c r="H46871" s="1" t="s">
        <v>159371</v>
      </c>
      <c r="I46871" s="1" t="s">
        <v>158437</v>
      </c>
      <c r="J46871" s="1" t="s">
        <v>159399</v>
      </c>
    </row>
    <row r="46872" spans="1:10" x14ac:dyDescent="0.35">
      <c r="A46872" s="1" t="s">
        <v>159367</v>
      </c>
      <c r="B46872" s="1" t="s">
        <v>158432</v>
      </c>
      <c r="C46872" s="1" t="s">
        <v>60</v>
      </c>
      <c r="D46872" s="1" t="s">
        <v>34775</v>
      </c>
      <c r="E46872" s="1" t="s">
        <v>159400</v>
      </c>
      <c r="F46872" s="1" t="s">
        <v>159401</v>
      </c>
      <c r="G46872" s="1" t="s">
        <v>159370</v>
      </c>
      <c r="H46872" s="1" t="s">
        <v>159371</v>
      </c>
      <c r="I46872" s="1" t="s">
        <v>158437</v>
      </c>
      <c r="J46872" s="1" t="s">
        <v>159402</v>
      </c>
    </row>
    <row r="46873" spans="1:10" x14ac:dyDescent="0.35">
      <c r="A46873" s="1" t="s">
        <v>159367</v>
      </c>
      <c r="B46873" s="1" t="s">
        <v>158432</v>
      </c>
      <c r="C46873" s="1" t="s">
        <v>65</v>
      </c>
      <c r="D46873" s="1" t="s">
        <v>38279</v>
      </c>
      <c r="E46873" s="1" t="s">
        <v>159403</v>
      </c>
      <c r="F46873" s="1" t="s">
        <v>159404</v>
      </c>
      <c r="G46873" s="1" t="s">
        <v>159370</v>
      </c>
      <c r="H46873" s="1" t="s">
        <v>159371</v>
      </c>
      <c r="I46873" s="1" t="s">
        <v>158437</v>
      </c>
      <c r="J46873" s="1" t="s">
        <v>159405</v>
      </c>
    </row>
    <row r="46874" spans="1:10" x14ac:dyDescent="0.35">
      <c r="A46874" s="1" t="s">
        <v>159367</v>
      </c>
      <c r="B46874" s="1" t="s">
        <v>158432</v>
      </c>
      <c r="C46874" s="1" t="s">
        <v>70</v>
      </c>
      <c r="D46874" s="1" t="s">
        <v>42620</v>
      </c>
      <c r="E46874" s="1" t="s">
        <v>159406</v>
      </c>
      <c r="F46874" s="1" t="s">
        <v>159407</v>
      </c>
      <c r="G46874" s="1" t="s">
        <v>159370</v>
      </c>
      <c r="H46874" s="1" t="s">
        <v>159371</v>
      </c>
      <c r="I46874" s="1" t="s">
        <v>158437</v>
      </c>
      <c r="J46874" s="1" t="s">
        <v>159408</v>
      </c>
    </row>
    <row r="46875" spans="1:10" x14ac:dyDescent="0.35">
      <c r="A46875" s="1" t="s">
        <v>159367</v>
      </c>
      <c r="B46875" s="1" t="s">
        <v>158432</v>
      </c>
      <c r="C46875" s="1" t="s">
        <v>75</v>
      </c>
      <c r="D46875" s="1" t="s">
        <v>45096</v>
      </c>
      <c r="E46875" s="1" t="s">
        <v>159409</v>
      </c>
      <c r="F46875" s="1" t="s">
        <v>159410</v>
      </c>
      <c r="G46875" s="1" t="s">
        <v>159370</v>
      </c>
      <c r="H46875" s="1" t="s">
        <v>159371</v>
      </c>
      <c r="I46875" s="1" t="s">
        <v>158437</v>
      </c>
      <c r="J46875" s="1" t="s">
        <v>79289</v>
      </c>
    </row>
    <row r="46876" spans="1:10" x14ac:dyDescent="0.35">
      <c r="A46876" s="1" t="s">
        <v>159367</v>
      </c>
      <c r="B46876" s="1" t="s">
        <v>158432</v>
      </c>
      <c r="C46876" s="1" t="s">
        <v>80</v>
      </c>
      <c r="D46876" s="1" t="s">
        <v>47524</v>
      </c>
      <c r="E46876" s="1" t="s">
        <v>159411</v>
      </c>
      <c r="F46876" s="1" t="s">
        <v>159412</v>
      </c>
      <c r="G46876" s="1" t="s">
        <v>159370</v>
      </c>
      <c r="H46876" s="1" t="s">
        <v>159371</v>
      </c>
      <c r="I46876" s="1" t="s">
        <v>158437</v>
      </c>
      <c r="J46876" s="1" t="s">
        <v>159413</v>
      </c>
    </row>
    <row r="46877" spans="1:10" x14ac:dyDescent="0.35">
      <c r="A46877" s="1" t="s">
        <v>159367</v>
      </c>
      <c r="B46877" s="1" t="s">
        <v>158432</v>
      </c>
      <c r="C46877" s="1" t="s">
        <v>85</v>
      </c>
      <c r="D46877" s="1" t="s">
        <v>49839</v>
      </c>
      <c r="E46877" s="1" t="s">
        <v>159414</v>
      </c>
      <c r="F46877" s="1" t="s">
        <v>159415</v>
      </c>
      <c r="G46877" s="1" t="s">
        <v>159370</v>
      </c>
      <c r="H46877" s="1" t="s">
        <v>159371</v>
      </c>
      <c r="I46877" s="1" t="s">
        <v>158437</v>
      </c>
      <c r="J46877" s="1" t="s">
        <v>159416</v>
      </c>
    </row>
    <row r="46878" spans="1:10" x14ac:dyDescent="0.35">
      <c r="A46878" s="1" t="s">
        <v>159367</v>
      </c>
      <c r="B46878" s="1" t="s">
        <v>158432</v>
      </c>
      <c r="C46878" s="1" t="s">
        <v>90</v>
      </c>
      <c r="D46878" s="1" t="s">
        <v>13747</v>
      </c>
      <c r="E46878" s="1" t="s">
        <v>159417</v>
      </c>
      <c r="F46878" s="1" t="s">
        <v>159418</v>
      </c>
      <c r="G46878" s="1" t="s">
        <v>159370</v>
      </c>
      <c r="H46878" s="1" t="s">
        <v>159371</v>
      </c>
      <c r="I46878" s="1" t="s">
        <v>158437</v>
      </c>
      <c r="J46878" s="1" t="s">
        <v>159419</v>
      </c>
    </row>
    <row r="46879" spans="1:10" x14ac:dyDescent="0.35">
      <c r="A46879" s="1" t="s">
        <v>159367</v>
      </c>
      <c r="B46879" s="1" t="s">
        <v>158432</v>
      </c>
      <c r="C46879" s="1" t="s">
        <v>95</v>
      </c>
      <c r="D46879" s="1" t="s">
        <v>55067</v>
      </c>
      <c r="E46879" s="1" t="s">
        <v>159420</v>
      </c>
      <c r="F46879" s="1" t="s">
        <v>159421</v>
      </c>
      <c r="G46879" s="1" t="s">
        <v>159370</v>
      </c>
      <c r="H46879" s="1" t="s">
        <v>159371</v>
      </c>
      <c r="I46879" s="1" t="s">
        <v>158437</v>
      </c>
      <c r="J46879" s="1" t="s">
        <v>159422</v>
      </c>
    </row>
    <row r="46880" spans="1:10" x14ac:dyDescent="0.35">
      <c r="A46880" s="1" t="s">
        <v>159367</v>
      </c>
      <c r="B46880" s="1" t="s">
        <v>158432</v>
      </c>
      <c r="C46880" s="1" t="s">
        <v>100</v>
      </c>
      <c r="D46880" s="1" t="s">
        <v>56378</v>
      </c>
      <c r="E46880" s="1" t="s">
        <v>159423</v>
      </c>
      <c r="F46880" s="1" t="s">
        <v>159424</v>
      </c>
      <c r="G46880" s="1" t="s">
        <v>159370</v>
      </c>
      <c r="H46880" s="1" t="s">
        <v>159371</v>
      </c>
      <c r="I46880" s="1" t="s">
        <v>158437</v>
      </c>
      <c r="J46880" s="1" t="s">
        <v>159425</v>
      </c>
    </row>
    <row r="46881" spans="1:10" x14ac:dyDescent="0.35">
      <c r="A46881" s="1" t="s">
        <v>159367</v>
      </c>
      <c r="B46881" s="1" t="s">
        <v>158432</v>
      </c>
      <c r="C46881" s="1" t="s">
        <v>105</v>
      </c>
      <c r="D46881" s="1" t="s">
        <v>57303</v>
      </c>
      <c r="E46881" s="1" t="s">
        <v>159426</v>
      </c>
      <c r="F46881" s="1" t="s">
        <v>159427</v>
      </c>
      <c r="G46881" s="1" t="s">
        <v>159370</v>
      </c>
      <c r="H46881" s="1" t="s">
        <v>159371</v>
      </c>
      <c r="I46881" s="1" t="s">
        <v>158437</v>
      </c>
      <c r="J46881" s="1" t="s">
        <v>159428</v>
      </c>
    </row>
    <row r="46882" spans="1:10" x14ac:dyDescent="0.35">
      <c r="A46882" s="1" t="s">
        <v>159367</v>
      </c>
      <c r="B46882" s="1" t="s">
        <v>158432</v>
      </c>
      <c r="C46882" s="1" t="s">
        <v>110</v>
      </c>
      <c r="D46882" s="1" t="s">
        <v>57093</v>
      </c>
      <c r="E46882" s="1" t="s">
        <v>159429</v>
      </c>
      <c r="F46882" s="1" t="s">
        <v>159430</v>
      </c>
      <c r="G46882" s="1" t="s">
        <v>159370</v>
      </c>
      <c r="H46882" s="1" t="s">
        <v>159371</v>
      </c>
      <c r="I46882" s="1" t="s">
        <v>158437</v>
      </c>
      <c r="J46882" s="1" t="s">
        <v>159431</v>
      </c>
    </row>
    <row r="46883" spans="1:10" x14ac:dyDescent="0.35">
      <c r="A46883" s="1" t="s">
        <v>159367</v>
      </c>
      <c r="B46883" s="1" t="s">
        <v>158432</v>
      </c>
      <c r="C46883" s="1" t="s">
        <v>115</v>
      </c>
      <c r="D46883" s="1" t="s">
        <v>50475</v>
      </c>
      <c r="E46883" s="1" t="s">
        <v>159432</v>
      </c>
      <c r="F46883" s="1" t="s">
        <v>159433</v>
      </c>
      <c r="G46883" s="1" t="s">
        <v>159370</v>
      </c>
      <c r="H46883" s="1" t="s">
        <v>159371</v>
      </c>
      <c r="I46883" s="1" t="s">
        <v>158437</v>
      </c>
      <c r="J46883" s="1" t="s">
        <v>159434</v>
      </c>
    </row>
    <row r="46884" spans="1:10" x14ac:dyDescent="0.35">
      <c r="A46884" s="1" t="s">
        <v>159367</v>
      </c>
      <c r="B46884" s="1" t="s">
        <v>158432</v>
      </c>
      <c r="C46884" s="1" t="s">
        <v>120</v>
      </c>
      <c r="D46884" s="1" t="s">
        <v>3526</v>
      </c>
      <c r="E46884" s="1" t="s">
        <v>159435</v>
      </c>
      <c r="F46884" s="1" t="s">
        <v>159436</v>
      </c>
      <c r="G46884" s="1" t="s">
        <v>159370</v>
      </c>
      <c r="H46884" s="1" t="s">
        <v>159371</v>
      </c>
      <c r="I46884" s="1" t="s">
        <v>158437</v>
      </c>
      <c r="J46884" s="1" t="s">
        <v>159437</v>
      </c>
    </row>
    <row r="46885" spans="1:10" x14ac:dyDescent="0.35">
      <c r="A46885" s="1" t="s">
        <v>159367</v>
      </c>
      <c r="B46885" s="1" t="s">
        <v>158432</v>
      </c>
      <c r="C46885" s="1" t="s">
        <v>125</v>
      </c>
      <c r="D46885" s="1" t="s">
        <v>3492</v>
      </c>
      <c r="E46885" s="1" t="s">
        <v>159438</v>
      </c>
      <c r="F46885" s="1" t="s">
        <v>159439</v>
      </c>
      <c r="G46885" s="1" t="s">
        <v>159370</v>
      </c>
      <c r="H46885" s="1" t="s">
        <v>159371</v>
      </c>
      <c r="I46885" s="1" t="s">
        <v>158437</v>
      </c>
      <c r="J46885" s="1" t="s">
        <v>159440</v>
      </c>
    </row>
    <row r="46886" spans="1:10" x14ac:dyDescent="0.35">
      <c r="A46886" s="1" t="s">
        <v>159367</v>
      </c>
      <c r="B46886" s="1" t="s">
        <v>158432</v>
      </c>
      <c r="C46886" s="1" t="s">
        <v>130</v>
      </c>
      <c r="D46886" s="1" t="s">
        <v>59941</v>
      </c>
      <c r="E46886" s="1" t="s">
        <v>159441</v>
      </c>
      <c r="F46886" s="1" t="s">
        <v>159442</v>
      </c>
      <c r="G46886" s="1" t="s">
        <v>159370</v>
      </c>
      <c r="H46886" s="1" t="s">
        <v>159371</v>
      </c>
      <c r="I46886" s="1" t="s">
        <v>158437</v>
      </c>
      <c r="J46886" s="1" t="s">
        <v>159443</v>
      </c>
    </row>
    <row r="46887" spans="1:10" x14ac:dyDescent="0.35">
      <c r="A46887" s="1" t="s">
        <v>159367</v>
      </c>
      <c r="B46887" s="1" t="s">
        <v>158432</v>
      </c>
      <c r="C46887" s="1" t="s">
        <v>135</v>
      </c>
      <c r="D46887" s="1" t="s">
        <v>2199</v>
      </c>
      <c r="E46887" s="1" t="s">
        <v>159444</v>
      </c>
      <c r="F46887" s="1" t="s">
        <v>159445</v>
      </c>
      <c r="G46887" s="1" t="s">
        <v>159370</v>
      </c>
      <c r="H46887" s="1" t="s">
        <v>159371</v>
      </c>
      <c r="I46887" s="1" t="s">
        <v>158437</v>
      </c>
      <c r="J46887" s="1" t="s">
        <v>159446</v>
      </c>
    </row>
    <row r="46888" spans="1:10" x14ac:dyDescent="0.35">
      <c r="A46888" s="1" t="s">
        <v>159367</v>
      </c>
      <c r="B46888" s="1" t="s">
        <v>158432</v>
      </c>
      <c r="C46888" s="1" t="s">
        <v>140</v>
      </c>
      <c r="D46888" s="1" t="s">
        <v>159447</v>
      </c>
      <c r="E46888" s="1" t="s">
        <v>159448</v>
      </c>
      <c r="F46888" s="1" t="s">
        <v>159449</v>
      </c>
      <c r="G46888" s="1" t="s">
        <v>159370</v>
      </c>
      <c r="H46888" s="1" t="s">
        <v>159371</v>
      </c>
      <c r="I46888" s="1" t="s">
        <v>158437</v>
      </c>
      <c r="J46888" s="1" t="s">
        <v>159450</v>
      </c>
    </row>
    <row r="46889" spans="1:10" x14ac:dyDescent="0.35">
      <c r="A46889" s="1" t="s">
        <v>159367</v>
      </c>
      <c r="B46889" s="1" t="s">
        <v>158432</v>
      </c>
      <c r="C46889" s="1" t="s">
        <v>145</v>
      </c>
      <c r="D46889" s="1" t="s">
        <v>3488</v>
      </c>
      <c r="E46889" s="1" t="s">
        <v>159451</v>
      </c>
      <c r="F46889" s="1" t="s">
        <v>159452</v>
      </c>
      <c r="G46889" s="1" t="s">
        <v>159370</v>
      </c>
      <c r="H46889" s="1" t="s">
        <v>159371</v>
      </c>
      <c r="I46889" s="1" t="s">
        <v>158437</v>
      </c>
      <c r="J46889" s="1" t="s">
        <v>159453</v>
      </c>
    </row>
    <row r="46890" spans="1:10" x14ac:dyDescent="0.35">
      <c r="A46890" s="1" t="s">
        <v>159367</v>
      </c>
      <c r="B46890" s="1" t="s">
        <v>158432</v>
      </c>
      <c r="C46890" s="1" t="s">
        <v>150</v>
      </c>
      <c r="D46890" s="1" t="s">
        <v>159454</v>
      </c>
      <c r="E46890" s="1" t="s">
        <v>159455</v>
      </c>
      <c r="F46890" s="1" t="s">
        <v>159456</v>
      </c>
      <c r="G46890" s="1" t="s">
        <v>159370</v>
      </c>
      <c r="H46890" s="1" t="s">
        <v>159371</v>
      </c>
      <c r="I46890" s="1" t="s">
        <v>158437</v>
      </c>
      <c r="J46890" s="1" t="s">
        <v>116696</v>
      </c>
    </row>
    <row r="46891" spans="1:10" x14ac:dyDescent="0.35">
      <c r="A46891" s="1" t="s">
        <v>159367</v>
      </c>
      <c r="B46891" s="1" t="s">
        <v>158432</v>
      </c>
      <c r="C46891" s="1" t="s">
        <v>155</v>
      </c>
      <c r="D46891" s="1" t="s">
        <v>159184</v>
      </c>
      <c r="E46891" s="1" t="s">
        <v>159457</v>
      </c>
      <c r="F46891" s="1" t="s">
        <v>159458</v>
      </c>
      <c r="G46891" s="1" t="s">
        <v>159370</v>
      </c>
      <c r="H46891" s="1" t="s">
        <v>159371</v>
      </c>
      <c r="I46891" s="1" t="s">
        <v>158437</v>
      </c>
      <c r="J46891" s="1" t="s">
        <v>159459</v>
      </c>
    </row>
    <row r="46892" spans="1:10" x14ac:dyDescent="0.35">
      <c r="A46892" s="1" t="s">
        <v>159367</v>
      </c>
      <c r="B46892" s="1" t="s">
        <v>158432</v>
      </c>
      <c r="C46892" s="1" t="s">
        <v>160</v>
      </c>
      <c r="D46892" s="1" t="s">
        <v>60763</v>
      </c>
      <c r="E46892" s="1" t="s">
        <v>159460</v>
      </c>
      <c r="F46892" s="1" t="s">
        <v>159461</v>
      </c>
      <c r="G46892" s="1" t="s">
        <v>159370</v>
      </c>
      <c r="H46892" s="1" t="s">
        <v>159371</v>
      </c>
      <c r="I46892" s="1" t="s">
        <v>158437</v>
      </c>
      <c r="J46892" s="1" t="s">
        <v>159462</v>
      </c>
    </row>
    <row r="46893" spans="1:10" x14ac:dyDescent="0.35">
      <c r="A46893" s="1" t="s">
        <v>159367</v>
      </c>
      <c r="B46893" s="1" t="s">
        <v>158432</v>
      </c>
      <c r="C46893" s="1" t="s">
        <v>165</v>
      </c>
      <c r="D46893" s="1" t="s">
        <v>159463</v>
      </c>
      <c r="E46893" s="1" t="s">
        <v>159464</v>
      </c>
      <c r="F46893" s="1" t="s">
        <v>159465</v>
      </c>
      <c r="G46893" s="1" t="s">
        <v>159370</v>
      </c>
      <c r="H46893" s="1" t="s">
        <v>159371</v>
      </c>
      <c r="I46893" s="1" t="s">
        <v>158437</v>
      </c>
      <c r="J46893" s="1" t="s">
        <v>159466</v>
      </c>
    </row>
    <row r="46894" spans="1:10" x14ac:dyDescent="0.35">
      <c r="A46894" s="1" t="s">
        <v>159367</v>
      </c>
      <c r="B46894" s="1" t="s">
        <v>158432</v>
      </c>
      <c r="C46894" s="1" t="s">
        <v>170</v>
      </c>
      <c r="D46894" s="1" t="s">
        <v>159321</v>
      </c>
      <c r="E46894" s="1" t="s">
        <v>159467</v>
      </c>
      <c r="F46894" s="1" t="s">
        <v>159468</v>
      </c>
      <c r="G46894" s="1" t="s">
        <v>159370</v>
      </c>
      <c r="H46894" s="1" t="s">
        <v>159371</v>
      </c>
      <c r="I46894" s="1" t="s">
        <v>158437</v>
      </c>
      <c r="J46894" s="1" t="s">
        <v>159469</v>
      </c>
    </row>
    <row r="46895" spans="1:10" x14ac:dyDescent="0.35">
      <c r="A46895" s="1" t="s">
        <v>159470</v>
      </c>
      <c r="B46895" s="1" t="s">
        <v>159471</v>
      </c>
      <c r="C46895" s="1" t="s">
        <v>8</v>
      </c>
      <c r="D46895" s="1" t="s">
        <v>159472</v>
      </c>
      <c r="E46895" s="1" t="s">
        <v>159473</v>
      </c>
      <c r="F46895" s="1" t="s">
        <v>159474</v>
      </c>
      <c r="G46895" s="1" t="s">
        <v>159475</v>
      </c>
      <c r="H46895" s="1" t="s">
        <v>159476</v>
      </c>
      <c r="I46895" s="1" t="s">
        <v>159477</v>
      </c>
      <c r="J46895" s="1" t="s">
        <v>13</v>
      </c>
    </row>
    <row r="46896" spans="1:10" x14ac:dyDescent="0.35">
      <c r="A46896" s="1" t="s">
        <v>159470</v>
      </c>
      <c r="B46896" s="1" t="s">
        <v>159471</v>
      </c>
      <c r="C46896" s="1" t="s">
        <v>15</v>
      </c>
      <c r="D46896" s="1" t="s">
        <v>3679</v>
      </c>
      <c r="E46896" s="1" t="s">
        <v>159478</v>
      </c>
      <c r="F46896" s="1" t="s">
        <v>159479</v>
      </c>
      <c r="G46896" s="1" t="s">
        <v>159475</v>
      </c>
      <c r="H46896" s="1" t="s">
        <v>159476</v>
      </c>
      <c r="I46896" s="1" t="s">
        <v>159477</v>
      </c>
      <c r="J46896" s="1" t="s">
        <v>159480</v>
      </c>
    </row>
    <row r="46897" spans="1:10" x14ac:dyDescent="0.35">
      <c r="A46897" s="1" t="s">
        <v>159470</v>
      </c>
      <c r="B46897" s="1" t="s">
        <v>159471</v>
      </c>
      <c r="C46897" s="1" t="s">
        <v>20</v>
      </c>
      <c r="D46897" s="1" t="s">
        <v>159481</v>
      </c>
      <c r="E46897" s="1" t="s">
        <v>159482</v>
      </c>
      <c r="F46897" s="1" t="s">
        <v>159483</v>
      </c>
      <c r="G46897" s="1" t="s">
        <v>159475</v>
      </c>
      <c r="H46897" s="1" t="s">
        <v>159476</v>
      </c>
      <c r="I46897" s="1" t="s">
        <v>159477</v>
      </c>
      <c r="J46897" s="1" t="s">
        <v>159484</v>
      </c>
    </row>
    <row r="46898" spans="1:10" x14ac:dyDescent="0.35">
      <c r="A46898" s="1" t="s">
        <v>159470</v>
      </c>
      <c r="B46898" s="1" t="s">
        <v>159471</v>
      </c>
      <c r="C46898" s="1" t="s">
        <v>25</v>
      </c>
      <c r="D46898" s="1" t="s">
        <v>14845</v>
      </c>
      <c r="E46898" s="1" t="s">
        <v>159485</v>
      </c>
      <c r="F46898" s="1" t="s">
        <v>159486</v>
      </c>
      <c r="G46898" s="1" t="s">
        <v>159475</v>
      </c>
      <c r="H46898" s="1" t="s">
        <v>159476</v>
      </c>
      <c r="I46898" s="1" t="s">
        <v>159477</v>
      </c>
      <c r="J46898" s="1" t="s">
        <v>159487</v>
      </c>
    </row>
    <row r="46899" spans="1:10" x14ac:dyDescent="0.35">
      <c r="A46899" s="1" t="s">
        <v>159470</v>
      </c>
      <c r="B46899" s="1" t="s">
        <v>159471</v>
      </c>
      <c r="C46899" s="1" t="s">
        <v>30</v>
      </c>
      <c r="D46899" s="1" t="s">
        <v>31451</v>
      </c>
      <c r="E46899" s="1" t="s">
        <v>159488</v>
      </c>
      <c r="F46899" s="1" t="s">
        <v>159489</v>
      </c>
      <c r="G46899" s="1" t="s">
        <v>159475</v>
      </c>
      <c r="H46899" s="1" t="s">
        <v>159476</v>
      </c>
      <c r="I46899" s="1" t="s">
        <v>159477</v>
      </c>
      <c r="J46899" s="1" t="s">
        <v>159490</v>
      </c>
    </row>
    <row r="46900" spans="1:10" x14ac:dyDescent="0.35">
      <c r="A46900" s="1" t="s">
        <v>159470</v>
      </c>
      <c r="B46900" s="1" t="s">
        <v>159471</v>
      </c>
      <c r="C46900" s="1" t="s">
        <v>35</v>
      </c>
      <c r="D46900" s="1" t="s">
        <v>159491</v>
      </c>
      <c r="E46900" s="1" t="s">
        <v>159492</v>
      </c>
      <c r="F46900" s="1" t="s">
        <v>159493</v>
      </c>
      <c r="G46900" s="1" t="s">
        <v>159475</v>
      </c>
      <c r="H46900" s="1" t="s">
        <v>159476</v>
      </c>
      <c r="I46900" s="1" t="s">
        <v>159477</v>
      </c>
      <c r="J46900" s="1" t="s">
        <v>159494</v>
      </c>
    </row>
    <row r="46901" spans="1:10" x14ac:dyDescent="0.35">
      <c r="A46901" s="1" t="s">
        <v>159470</v>
      </c>
      <c r="B46901" s="1" t="s">
        <v>159471</v>
      </c>
      <c r="C46901" s="1" t="s">
        <v>40</v>
      </c>
      <c r="D46901" s="1" t="s">
        <v>159495</v>
      </c>
      <c r="E46901" s="1" t="s">
        <v>159496</v>
      </c>
      <c r="F46901" s="1" t="s">
        <v>159497</v>
      </c>
      <c r="G46901" s="1" t="s">
        <v>159475</v>
      </c>
      <c r="H46901" s="1" t="s">
        <v>159476</v>
      </c>
      <c r="I46901" s="1" t="s">
        <v>159477</v>
      </c>
      <c r="J46901" s="1" t="s">
        <v>159498</v>
      </c>
    </row>
    <row r="46902" spans="1:10" x14ac:dyDescent="0.35">
      <c r="A46902" s="1" t="s">
        <v>159470</v>
      </c>
      <c r="B46902" s="1" t="s">
        <v>159471</v>
      </c>
      <c r="C46902" s="1" t="s">
        <v>45</v>
      </c>
      <c r="D46902" s="1" t="s">
        <v>154575</v>
      </c>
      <c r="E46902" s="1" t="s">
        <v>159499</v>
      </c>
      <c r="F46902" s="1" t="s">
        <v>159500</v>
      </c>
      <c r="G46902" s="1" t="s">
        <v>159475</v>
      </c>
      <c r="H46902" s="1" t="s">
        <v>159476</v>
      </c>
      <c r="I46902" s="1" t="s">
        <v>159477</v>
      </c>
      <c r="J46902" s="1" t="s">
        <v>159501</v>
      </c>
    </row>
    <row r="46903" spans="1:10" x14ac:dyDescent="0.35">
      <c r="A46903" s="1" t="s">
        <v>159470</v>
      </c>
      <c r="B46903" s="1" t="s">
        <v>159471</v>
      </c>
      <c r="C46903" s="1" t="s">
        <v>50</v>
      </c>
      <c r="D46903" s="1" t="s">
        <v>17683</v>
      </c>
      <c r="E46903" s="1" t="s">
        <v>159502</v>
      </c>
      <c r="F46903" s="1" t="s">
        <v>159503</v>
      </c>
      <c r="G46903" s="1" t="s">
        <v>159475</v>
      </c>
      <c r="H46903" s="1" t="s">
        <v>159476</v>
      </c>
      <c r="I46903" s="1" t="s">
        <v>159477</v>
      </c>
      <c r="J46903" s="1" t="s">
        <v>159504</v>
      </c>
    </row>
    <row r="46904" spans="1:10" x14ac:dyDescent="0.35">
      <c r="A46904" s="1" t="s">
        <v>159470</v>
      </c>
      <c r="B46904" s="1" t="s">
        <v>159471</v>
      </c>
      <c r="C46904" s="1" t="s">
        <v>55</v>
      </c>
      <c r="D46904" s="1" t="s">
        <v>159505</v>
      </c>
      <c r="E46904" s="1" t="s">
        <v>159506</v>
      </c>
      <c r="F46904" s="1" t="s">
        <v>159507</v>
      </c>
      <c r="G46904" s="1" t="s">
        <v>159475</v>
      </c>
      <c r="H46904" s="1" t="s">
        <v>159476</v>
      </c>
      <c r="I46904" s="1" t="s">
        <v>159477</v>
      </c>
      <c r="J46904" s="1" t="s">
        <v>159508</v>
      </c>
    </row>
    <row r="46905" spans="1:10" x14ac:dyDescent="0.35">
      <c r="A46905" s="1" t="s">
        <v>159470</v>
      </c>
      <c r="B46905" s="1" t="s">
        <v>159471</v>
      </c>
      <c r="C46905" s="1" t="s">
        <v>60</v>
      </c>
      <c r="D46905" s="1" t="s">
        <v>900</v>
      </c>
      <c r="E46905" s="1" t="s">
        <v>159509</v>
      </c>
      <c r="F46905" s="1" t="s">
        <v>159510</v>
      </c>
      <c r="G46905" s="1" t="s">
        <v>159475</v>
      </c>
      <c r="H46905" s="1" t="s">
        <v>159476</v>
      </c>
      <c r="I46905" s="1" t="s">
        <v>159477</v>
      </c>
      <c r="J46905" s="1" t="s">
        <v>159511</v>
      </c>
    </row>
    <row r="46906" spans="1:10" x14ac:dyDescent="0.35">
      <c r="A46906" s="1" t="s">
        <v>159470</v>
      </c>
      <c r="B46906" s="1" t="s">
        <v>159471</v>
      </c>
      <c r="C46906" s="1" t="s">
        <v>65</v>
      </c>
      <c r="D46906" s="1" t="s">
        <v>159512</v>
      </c>
      <c r="E46906" s="1" t="s">
        <v>159513</v>
      </c>
      <c r="F46906" s="1" t="s">
        <v>159514</v>
      </c>
      <c r="G46906" s="1" t="s">
        <v>159475</v>
      </c>
      <c r="H46906" s="1" t="s">
        <v>159476</v>
      </c>
      <c r="I46906" s="1" t="s">
        <v>159477</v>
      </c>
      <c r="J46906" s="1" t="s">
        <v>159515</v>
      </c>
    </row>
    <row r="46907" spans="1:10" x14ac:dyDescent="0.35">
      <c r="A46907" s="1" t="s">
        <v>159470</v>
      </c>
      <c r="B46907" s="1" t="s">
        <v>159471</v>
      </c>
      <c r="C46907" s="1" t="s">
        <v>70</v>
      </c>
      <c r="D46907" s="1" t="s">
        <v>48845</v>
      </c>
      <c r="E46907" s="1" t="s">
        <v>159516</v>
      </c>
      <c r="F46907" s="1" t="s">
        <v>159517</v>
      </c>
      <c r="G46907" s="1" t="s">
        <v>159475</v>
      </c>
      <c r="H46907" s="1" t="s">
        <v>159476</v>
      </c>
      <c r="I46907" s="1" t="s">
        <v>159477</v>
      </c>
      <c r="J46907" s="1" t="s">
        <v>159518</v>
      </c>
    </row>
    <row r="46908" spans="1:10" x14ac:dyDescent="0.35">
      <c r="A46908" s="1" t="s">
        <v>159470</v>
      </c>
      <c r="B46908" s="1" t="s">
        <v>159471</v>
      </c>
      <c r="C46908" s="1" t="s">
        <v>75</v>
      </c>
      <c r="D46908" s="1" t="s">
        <v>159519</v>
      </c>
      <c r="E46908" s="1" t="s">
        <v>159520</v>
      </c>
      <c r="F46908" s="1" t="s">
        <v>159521</v>
      </c>
      <c r="G46908" s="1" t="s">
        <v>159475</v>
      </c>
      <c r="H46908" s="1" t="s">
        <v>159476</v>
      </c>
      <c r="I46908" s="1" t="s">
        <v>159477</v>
      </c>
      <c r="J46908" s="1" t="s">
        <v>159522</v>
      </c>
    </row>
    <row r="46909" spans="1:10" x14ac:dyDescent="0.35">
      <c r="A46909" s="1" t="s">
        <v>159470</v>
      </c>
      <c r="B46909" s="1" t="s">
        <v>159471</v>
      </c>
      <c r="C46909" s="1" t="s">
        <v>80</v>
      </c>
      <c r="D46909" s="1" t="s">
        <v>159523</v>
      </c>
      <c r="E46909" s="1" t="s">
        <v>159524</v>
      </c>
      <c r="F46909" s="1" t="s">
        <v>159525</v>
      </c>
      <c r="G46909" s="1" t="s">
        <v>159475</v>
      </c>
      <c r="H46909" s="1" t="s">
        <v>159476</v>
      </c>
      <c r="I46909" s="1" t="s">
        <v>159477</v>
      </c>
      <c r="J46909" s="1" t="s">
        <v>159526</v>
      </c>
    </row>
    <row r="46910" spans="1:10" x14ac:dyDescent="0.35">
      <c r="A46910" s="1" t="s">
        <v>159470</v>
      </c>
      <c r="B46910" s="1" t="s">
        <v>159471</v>
      </c>
      <c r="C46910" s="1" t="s">
        <v>85</v>
      </c>
      <c r="D46910" s="1" t="s">
        <v>159527</v>
      </c>
      <c r="E46910" s="1" t="s">
        <v>159528</v>
      </c>
      <c r="F46910" s="1" t="s">
        <v>159529</v>
      </c>
      <c r="G46910" s="1" t="s">
        <v>159475</v>
      </c>
      <c r="H46910" s="1" t="s">
        <v>159476</v>
      </c>
      <c r="I46910" s="1" t="s">
        <v>159477</v>
      </c>
      <c r="J46910" s="1" t="s">
        <v>159530</v>
      </c>
    </row>
    <row r="46911" spans="1:10" x14ac:dyDescent="0.35">
      <c r="A46911" s="1" t="s">
        <v>159470</v>
      </c>
      <c r="B46911" s="1" t="s">
        <v>159471</v>
      </c>
      <c r="C46911" s="1" t="s">
        <v>90</v>
      </c>
      <c r="D46911" s="1" t="s">
        <v>159531</v>
      </c>
      <c r="E46911" s="1" t="s">
        <v>159532</v>
      </c>
      <c r="F46911" s="1" t="s">
        <v>159533</v>
      </c>
      <c r="G46911" s="1" t="s">
        <v>159475</v>
      </c>
      <c r="H46911" s="1" t="s">
        <v>159476</v>
      </c>
      <c r="I46911" s="1" t="s">
        <v>159477</v>
      </c>
      <c r="J46911" s="1" t="s">
        <v>159534</v>
      </c>
    </row>
    <row r="46912" spans="1:10" x14ac:dyDescent="0.35">
      <c r="A46912" s="1" t="s">
        <v>159470</v>
      </c>
      <c r="B46912" s="1" t="s">
        <v>159471</v>
      </c>
      <c r="C46912" s="1" t="s">
        <v>95</v>
      </c>
      <c r="D46912" s="1" t="s">
        <v>159535</v>
      </c>
      <c r="E46912" s="1" t="s">
        <v>159536</v>
      </c>
      <c r="F46912" s="1" t="s">
        <v>159537</v>
      </c>
      <c r="G46912" s="1" t="s">
        <v>159475</v>
      </c>
      <c r="H46912" s="1" t="s">
        <v>159476</v>
      </c>
      <c r="I46912" s="1" t="s">
        <v>159477</v>
      </c>
      <c r="J46912" s="1" t="s">
        <v>159538</v>
      </c>
    </row>
    <row r="46913" spans="1:10" x14ac:dyDescent="0.35">
      <c r="A46913" s="1" t="s">
        <v>159470</v>
      </c>
      <c r="B46913" s="1" t="s">
        <v>159471</v>
      </c>
      <c r="C46913" s="1" t="s">
        <v>100</v>
      </c>
      <c r="D46913" s="1" t="s">
        <v>152946</v>
      </c>
      <c r="E46913" s="1" t="s">
        <v>159539</v>
      </c>
      <c r="F46913" s="1" t="s">
        <v>159540</v>
      </c>
      <c r="G46913" s="1" t="s">
        <v>159475</v>
      </c>
      <c r="H46913" s="1" t="s">
        <v>159476</v>
      </c>
      <c r="I46913" s="1" t="s">
        <v>159477</v>
      </c>
      <c r="J46913" s="1" t="s">
        <v>159541</v>
      </c>
    </row>
    <row r="46914" spans="1:10" x14ac:dyDescent="0.35">
      <c r="A46914" s="1" t="s">
        <v>159470</v>
      </c>
      <c r="B46914" s="1" t="s">
        <v>159471</v>
      </c>
      <c r="C46914" s="1" t="s">
        <v>105</v>
      </c>
      <c r="D46914" s="1" t="s">
        <v>82461</v>
      </c>
      <c r="E46914" s="1" t="s">
        <v>159542</v>
      </c>
      <c r="F46914" s="1" t="s">
        <v>159543</v>
      </c>
      <c r="G46914" s="1" t="s">
        <v>159475</v>
      </c>
      <c r="H46914" s="1" t="s">
        <v>159476</v>
      </c>
      <c r="I46914" s="1" t="s">
        <v>159477</v>
      </c>
      <c r="J46914" s="1" t="s">
        <v>159544</v>
      </c>
    </row>
    <row r="46915" spans="1:10" x14ac:dyDescent="0.35">
      <c r="A46915" s="1" t="s">
        <v>159470</v>
      </c>
      <c r="B46915" s="1" t="s">
        <v>159471</v>
      </c>
      <c r="C46915" s="1" t="s">
        <v>110</v>
      </c>
      <c r="D46915" s="1" t="s">
        <v>156187</v>
      </c>
      <c r="E46915" s="1" t="s">
        <v>159545</v>
      </c>
      <c r="F46915" s="1" t="s">
        <v>159546</v>
      </c>
      <c r="G46915" s="1" t="s">
        <v>159475</v>
      </c>
      <c r="H46915" s="1" t="s">
        <v>159476</v>
      </c>
      <c r="I46915" s="1" t="s">
        <v>159477</v>
      </c>
      <c r="J46915" s="1" t="s">
        <v>159547</v>
      </c>
    </row>
    <row r="46916" spans="1:10" x14ac:dyDescent="0.35">
      <c r="A46916" s="1" t="s">
        <v>159470</v>
      </c>
      <c r="B46916" s="1" t="s">
        <v>159471</v>
      </c>
      <c r="C46916" s="1" t="s">
        <v>115</v>
      </c>
      <c r="D46916" s="1" t="s">
        <v>159548</v>
      </c>
      <c r="E46916" s="1" t="s">
        <v>159549</v>
      </c>
      <c r="F46916" s="1" t="s">
        <v>159550</v>
      </c>
      <c r="G46916" s="1" t="s">
        <v>159475</v>
      </c>
      <c r="H46916" s="1" t="s">
        <v>159476</v>
      </c>
      <c r="I46916" s="1" t="s">
        <v>159477</v>
      </c>
      <c r="J46916" s="1" t="s">
        <v>159551</v>
      </c>
    </row>
    <row r="46917" spans="1:10" x14ac:dyDescent="0.35">
      <c r="A46917" s="1" t="s">
        <v>159470</v>
      </c>
      <c r="B46917" s="1" t="s">
        <v>159471</v>
      </c>
      <c r="C46917" s="1" t="s">
        <v>120</v>
      </c>
      <c r="D46917" s="1" t="s">
        <v>110233</v>
      </c>
      <c r="E46917" s="1" t="s">
        <v>159552</v>
      </c>
      <c r="F46917" s="1" t="s">
        <v>159553</v>
      </c>
      <c r="G46917" s="1" t="s">
        <v>159475</v>
      </c>
      <c r="H46917" s="1" t="s">
        <v>159476</v>
      </c>
      <c r="I46917" s="1" t="s">
        <v>159477</v>
      </c>
      <c r="J46917" s="1" t="s">
        <v>159554</v>
      </c>
    </row>
    <row r="46918" spans="1:10" x14ac:dyDescent="0.35">
      <c r="A46918" s="1" t="s">
        <v>159470</v>
      </c>
      <c r="B46918" s="1" t="s">
        <v>159471</v>
      </c>
      <c r="C46918" s="1" t="s">
        <v>125</v>
      </c>
      <c r="D46918" s="1" t="s">
        <v>159555</v>
      </c>
      <c r="E46918" s="1" t="s">
        <v>159556</v>
      </c>
      <c r="F46918" s="1" t="s">
        <v>159557</v>
      </c>
      <c r="G46918" s="1" t="s">
        <v>159475</v>
      </c>
      <c r="H46918" s="1" t="s">
        <v>159476</v>
      </c>
      <c r="I46918" s="1" t="s">
        <v>159477</v>
      </c>
      <c r="J46918" s="1" t="s">
        <v>159558</v>
      </c>
    </row>
    <row r="46919" spans="1:10" x14ac:dyDescent="0.35">
      <c r="A46919" s="1" t="s">
        <v>159470</v>
      </c>
      <c r="B46919" s="1" t="s">
        <v>159471</v>
      </c>
      <c r="C46919" s="1" t="s">
        <v>130</v>
      </c>
      <c r="D46919" s="1" t="s">
        <v>11707</v>
      </c>
      <c r="E46919" s="1" t="s">
        <v>159559</v>
      </c>
      <c r="F46919" s="1" t="s">
        <v>159560</v>
      </c>
      <c r="G46919" s="1" t="s">
        <v>159475</v>
      </c>
      <c r="H46919" s="1" t="s">
        <v>159476</v>
      </c>
      <c r="I46919" s="1" t="s">
        <v>159477</v>
      </c>
      <c r="J46919" s="1" t="s">
        <v>159561</v>
      </c>
    </row>
    <row r="46920" spans="1:10" x14ac:dyDescent="0.35">
      <c r="A46920" s="1" t="s">
        <v>159470</v>
      </c>
      <c r="B46920" s="1" t="s">
        <v>159471</v>
      </c>
      <c r="C46920" s="1" t="s">
        <v>135</v>
      </c>
      <c r="D46920" s="1" t="s">
        <v>11377</v>
      </c>
      <c r="E46920" s="1" t="s">
        <v>159562</v>
      </c>
      <c r="F46920" s="1" t="s">
        <v>159563</v>
      </c>
      <c r="G46920" s="1" t="s">
        <v>159475</v>
      </c>
      <c r="H46920" s="1" t="s">
        <v>159476</v>
      </c>
      <c r="I46920" s="1" t="s">
        <v>159477</v>
      </c>
      <c r="J46920" s="1" t="s">
        <v>159564</v>
      </c>
    </row>
    <row r="46921" spans="1:10" x14ac:dyDescent="0.35">
      <c r="A46921" s="1" t="s">
        <v>159470</v>
      </c>
      <c r="B46921" s="1" t="s">
        <v>159471</v>
      </c>
      <c r="C46921" s="1" t="s">
        <v>140</v>
      </c>
      <c r="D46921" s="1" t="s">
        <v>159565</v>
      </c>
      <c r="E46921" s="1" t="s">
        <v>159566</v>
      </c>
      <c r="F46921" s="1" t="s">
        <v>159567</v>
      </c>
      <c r="G46921" s="1" t="s">
        <v>159475</v>
      </c>
      <c r="H46921" s="1" t="s">
        <v>159476</v>
      </c>
      <c r="I46921" s="1" t="s">
        <v>159477</v>
      </c>
      <c r="J46921" s="1" t="s">
        <v>159568</v>
      </c>
    </row>
    <row r="46922" spans="1:10" x14ac:dyDescent="0.35">
      <c r="A46922" s="1" t="s">
        <v>159470</v>
      </c>
      <c r="B46922" s="1" t="s">
        <v>159471</v>
      </c>
      <c r="C46922" s="1" t="s">
        <v>145</v>
      </c>
      <c r="D46922" s="1" t="s">
        <v>80021</v>
      </c>
      <c r="E46922" s="1" t="s">
        <v>159569</v>
      </c>
      <c r="F46922" s="1" t="s">
        <v>159570</v>
      </c>
      <c r="G46922" s="1" t="s">
        <v>159475</v>
      </c>
      <c r="H46922" s="1" t="s">
        <v>159476</v>
      </c>
      <c r="I46922" s="1" t="s">
        <v>159477</v>
      </c>
      <c r="J46922" s="1" t="s">
        <v>159571</v>
      </c>
    </row>
    <row r="46923" spans="1:10" x14ac:dyDescent="0.35">
      <c r="A46923" s="1" t="s">
        <v>159470</v>
      </c>
      <c r="B46923" s="1" t="s">
        <v>159471</v>
      </c>
      <c r="C46923" s="1" t="s">
        <v>150</v>
      </c>
      <c r="D46923" s="1" t="s">
        <v>159572</v>
      </c>
      <c r="E46923" s="1" t="s">
        <v>159573</v>
      </c>
      <c r="F46923" s="1" t="s">
        <v>159574</v>
      </c>
      <c r="G46923" s="1" t="s">
        <v>159475</v>
      </c>
      <c r="H46923" s="1" t="s">
        <v>159476</v>
      </c>
      <c r="I46923" s="1" t="s">
        <v>159477</v>
      </c>
      <c r="J46923" s="1" t="s">
        <v>159575</v>
      </c>
    </row>
    <row r="46924" spans="1:10" x14ac:dyDescent="0.35">
      <c r="A46924" s="1" t="s">
        <v>159470</v>
      </c>
      <c r="B46924" s="1" t="s">
        <v>159471</v>
      </c>
      <c r="C46924" s="1" t="s">
        <v>155</v>
      </c>
      <c r="D46924" s="1" t="s">
        <v>62793</v>
      </c>
      <c r="E46924" s="1" t="s">
        <v>159576</v>
      </c>
      <c r="F46924" s="1" t="s">
        <v>159577</v>
      </c>
      <c r="G46924" s="1" t="s">
        <v>159475</v>
      </c>
      <c r="H46924" s="1" t="s">
        <v>159476</v>
      </c>
      <c r="I46924" s="1" t="s">
        <v>159477</v>
      </c>
      <c r="J46924" s="1" t="s">
        <v>159578</v>
      </c>
    </row>
    <row r="46925" spans="1:10" x14ac:dyDescent="0.35">
      <c r="A46925" s="1" t="s">
        <v>159470</v>
      </c>
      <c r="B46925" s="1" t="s">
        <v>159471</v>
      </c>
      <c r="C46925" s="1" t="s">
        <v>160</v>
      </c>
      <c r="D46925" s="1" t="s">
        <v>84236</v>
      </c>
      <c r="E46925" s="1" t="s">
        <v>159579</v>
      </c>
      <c r="F46925" s="1" t="s">
        <v>159580</v>
      </c>
      <c r="G46925" s="1" t="s">
        <v>159475</v>
      </c>
      <c r="H46925" s="1" t="s">
        <v>159476</v>
      </c>
      <c r="I46925" s="1" t="s">
        <v>159477</v>
      </c>
      <c r="J46925" s="1" t="s">
        <v>159581</v>
      </c>
    </row>
    <row r="46926" spans="1:10" x14ac:dyDescent="0.35">
      <c r="A46926" s="1" t="s">
        <v>159470</v>
      </c>
      <c r="B46926" s="1" t="s">
        <v>159471</v>
      </c>
      <c r="C46926" s="1" t="s">
        <v>165</v>
      </c>
      <c r="D46926" s="1" t="s">
        <v>57407</v>
      </c>
      <c r="E46926" s="1" t="s">
        <v>159582</v>
      </c>
      <c r="F46926" s="1" t="s">
        <v>159583</v>
      </c>
      <c r="G46926" s="1" t="s">
        <v>159475</v>
      </c>
      <c r="H46926" s="1" t="s">
        <v>159476</v>
      </c>
      <c r="I46926" s="1" t="s">
        <v>159477</v>
      </c>
      <c r="J46926" s="1" t="s">
        <v>159584</v>
      </c>
    </row>
    <row r="46927" spans="1:10" x14ac:dyDescent="0.35">
      <c r="A46927" s="1" t="s">
        <v>159470</v>
      </c>
      <c r="B46927" s="1" t="s">
        <v>159471</v>
      </c>
      <c r="C46927" s="1" t="s">
        <v>170</v>
      </c>
      <c r="D46927" s="1" t="s">
        <v>159585</v>
      </c>
      <c r="E46927" s="1" t="s">
        <v>159586</v>
      </c>
      <c r="F46927" s="1" t="s">
        <v>159587</v>
      </c>
      <c r="G46927" s="1" t="s">
        <v>159475</v>
      </c>
      <c r="H46927" s="1" t="s">
        <v>159476</v>
      </c>
      <c r="I46927" s="1" t="s">
        <v>159477</v>
      </c>
      <c r="J46927" s="1" t="s">
        <v>159588</v>
      </c>
    </row>
    <row r="46928" spans="1:10" x14ac:dyDescent="0.35">
      <c r="A46928" s="1" t="s">
        <v>4361</v>
      </c>
      <c r="B46928" s="1" t="s">
        <v>159471</v>
      </c>
      <c r="C46928" s="1" t="s">
        <v>8</v>
      </c>
      <c r="D46928" s="1" t="s">
        <v>111880</v>
      </c>
      <c r="E46928" s="1" t="s">
        <v>159589</v>
      </c>
      <c r="F46928" s="1" t="s">
        <v>159590</v>
      </c>
      <c r="G46928" s="1" t="s">
        <v>159591</v>
      </c>
      <c r="H46928" s="1" t="s">
        <v>159592</v>
      </c>
      <c r="I46928" s="1" t="s">
        <v>159477</v>
      </c>
      <c r="J46928" s="1" t="s">
        <v>13</v>
      </c>
    </row>
    <row r="46929" spans="1:10" x14ac:dyDescent="0.35">
      <c r="A46929" s="1" t="s">
        <v>4361</v>
      </c>
      <c r="B46929" s="1" t="s">
        <v>159471</v>
      </c>
      <c r="C46929" s="1" t="s">
        <v>15</v>
      </c>
      <c r="D46929" s="1" t="s">
        <v>9550</v>
      </c>
      <c r="E46929" s="1" t="s">
        <v>159593</v>
      </c>
      <c r="F46929" s="1" t="s">
        <v>159594</v>
      </c>
      <c r="G46929" s="1" t="s">
        <v>159591</v>
      </c>
      <c r="H46929" s="1" t="s">
        <v>159592</v>
      </c>
      <c r="I46929" s="1" t="s">
        <v>159477</v>
      </c>
      <c r="J46929" s="1" t="s">
        <v>159595</v>
      </c>
    </row>
    <row r="46930" spans="1:10" x14ac:dyDescent="0.35">
      <c r="A46930" s="1" t="s">
        <v>4361</v>
      </c>
      <c r="B46930" s="1" t="s">
        <v>159471</v>
      </c>
      <c r="C46930" s="1" t="s">
        <v>20</v>
      </c>
      <c r="D46930" s="1" t="s">
        <v>15488</v>
      </c>
      <c r="E46930" s="1" t="s">
        <v>159596</v>
      </c>
      <c r="F46930" s="1" t="s">
        <v>159597</v>
      </c>
      <c r="G46930" s="1" t="s">
        <v>159591</v>
      </c>
      <c r="H46930" s="1" t="s">
        <v>159592</v>
      </c>
      <c r="I46930" s="1" t="s">
        <v>159477</v>
      </c>
      <c r="J46930" s="1" t="s">
        <v>159598</v>
      </c>
    </row>
    <row r="46931" spans="1:10" x14ac:dyDescent="0.35">
      <c r="A46931" s="1" t="s">
        <v>4361</v>
      </c>
      <c r="B46931" s="1" t="s">
        <v>159471</v>
      </c>
      <c r="C46931" s="1" t="s">
        <v>25</v>
      </c>
      <c r="D46931" s="1" t="s">
        <v>159599</v>
      </c>
      <c r="E46931" s="1" t="s">
        <v>159600</v>
      </c>
      <c r="F46931" s="1" t="s">
        <v>159601</v>
      </c>
      <c r="G46931" s="1" t="s">
        <v>159591</v>
      </c>
      <c r="H46931" s="1" t="s">
        <v>159592</v>
      </c>
      <c r="I46931" s="1" t="s">
        <v>159477</v>
      </c>
      <c r="J46931" s="1" t="s">
        <v>159602</v>
      </c>
    </row>
    <row r="46932" spans="1:10" x14ac:dyDescent="0.35">
      <c r="A46932" s="1" t="s">
        <v>4361</v>
      </c>
      <c r="B46932" s="1" t="s">
        <v>159471</v>
      </c>
      <c r="C46932" s="1" t="s">
        <v>30</v>
      </c>
      <c r="D46932" s="1" t="s">
        <v>51769</v>
      </c>
      <c r="E46932" s="1" t="s">
        <v>159603</v>
      </c>
      <c r="F46932" s="1" t="s">
        <v>159604</v>
      </c>
      <c r="G46932" s="1" t="s">
        <v>159591</v>
      </c>
      <c r="H46932" s="1" t="s">
        <v>159592</v>
      </c>
      <c r="I46932" s="1" t="s">
        <v>159477</v>
      </c>
      <c r="J46932" s="1" t="s">
        <v>159605</v>
      </c>
    </row>
    <row r="46933" spans="1:10" x14ac:dyDescent="0.35">
      <c r="A46933" s="1" t="s">
        <v>4361</v>
      </c>
      <c r="B46933" s="1" t="s">
        <v>159471</v>
      </c>
      <c r="C46933" s="1" t="s">
        <v>35</v>
      </c>
      <c r="D46933" s="1" t="s">
        <v>159606</v>
      </c>
      <c r="E46933" s="1" t="s">
        <v>159607</v>
      </c>
      <c r="F46933" s="1" t="s">
        <v>159608</v>
      </c>
      <c r="G46933" s="1" t="s">
        <v>159591</v>
      </c>
      <c r="H46933" s="1" t="s">
        <v>159592</v>
      </c>
      <c r="I46933" s="1" t="s">
        <v>159477</v>
      </c>
      <c r="J46933" s="1" t="s">
        <v>159609</v>
      </c>
    </row>
    <row r="46934" spans="1:10" x14ac:dyDescent="0.35">
      <c r="A46934" s="1" t="s">
        <v>4361</v>
      </c>
      <c r="B46934" s="1" t="s">
        <v>159471</v>
      </c>
      <c r="C46934" s="1" t="s">
        <v>40</v>
      </c>
      <c r="D46934" s="1" t="s">
        <v>159610</v>
      </c>
      <c r="E46934" s="1" t="s">
        <v>159611</v>
      </c>
      <c r="F46934" s="1" t="s">
        <v>159612</v>
      </c>
      <c r="G46934" s="1" t="s">
        <v>159591</v>
      </c>
      <c r="H46934" s="1" t="s">
        <v>159592</v>
      </c>
      <c r="I46934" s="1" t="s">
        <v>159477</v>
      </c>
      <c r="J46934" s="1" t="s">
        <v>159613</v>
      </c>
    </row>
    <row r="46935" spans="1:10" x14ac:dyDescent="0.35">
      <c r="A46935" s="1" t="s">
        <v>4361</v>
      </c>
      <c r="B46935" s="1" t="s">
        <v>159471</v>
      </c>
      <c r="C46935" s="1" t="s">
        <v>45</v>
      </c>
      <c r="D46935" s="1" t="s">
        <v>73134</v>
      </c>
      <c r="E46935" s="1" t="s">
        <v>159614</v>
      </c>
      <c r="F46935" s="1" t="s">
        <v>159615</v>
      </c>
      <c r="G46935" s="1" t="s">
        <v>159591</v>
      </c>
      <c r="H46935" s="1" t="s">
        <v>159592</v>
      </c>
      <c r="I46935" s="1" t="s">
        <v>159477</v>
      </c>
      <c r="J46935" s="1" t="s">
        <v>159616</v>
      </c>
    </row>
    <row r="46936" spans="1:10" x14ac:dyDescent="0.35">
      <c r="A46936" s="1" t="s">
        <v>4361</v>
      </c>
      <c r="B46936" s="1" t="s">
        <v>159471</v>
      </c>
      <c r="C46936" s="1" t="s">
        <v>50</v>
      </c>
      <c r="D46936" s="1" t="s">
        <v>154099</v>
      </c>
      <c r="E46936" s="1" t="s">
        <v>159617</v>
      </c>
      <c r="F46936" s="1" t="s">
        <v>159618</v>
      </c>
      <c r="G46936" s="1" t="s">
        <v>159591</v>
      </c>
      <c r="H46936" s="1" t="s">
        <v>159592</v>
      </c>
      <c r="I46936" s="1" t="s">
        <v>159477</v>
      </c>
      <c r="J46936" s="1" t="s">
        <v>159619</v>
      </c>
    </row>
    <row r="46937" spans="1:10" x14ac:dyDescent="0.35">
      <c r="A46937" s="1" t="s">
        <v>4361</v>
      </c>
      <c r="B46937" s="1" t="s">
        <v>159471</v>
      </c>
      <c r="C46937" s="1" t="s">
        <v>55</v>
      </c>
      <c r="D46937" s="1" t="s">
        <v>159620</v>
      </c>
      <c r="E46937" s="1" t="s">
        <v>159621</v>
      </c>
      <c r="F46937" s="1" t="s">
        <v>159622</v>
      </c>
      <c r="G46937" s="1" t="s">
        <v>159591</v>
      </c>
      <c r="H46937" s="1" t="s">
        <v>159592</v>
      </c>
      <c r="I46937" s="1" t="s">
        <v>159477</v>
      </c>
      <c r="J46937" s="1" t="s">
        <v>159623</v>
      </c>
    </row>
    <row r="46938" spans="1:10" x14ac:dyDescent="0.35">
      <c r="A46938" s="1" t="s">
        <v>4361</v>
      </c>
      <c r="B46938" s="1" t="s">
        <v>159471</v>
      </c>
      <c r="C46938" s="1" t="s">
        <v>60</v>
      </c>
      <c r="D46938" s="1" t="s">
        <v>37844</v>
      </c>
      <c r="E46938" s="1" t="s">
        <v>148259</v>
      </c>
      <c r="F46938" s="1" t="s">
        <v>159624</v>
      </c>
      <c r="G46938" s="1" t="s">
        <v>159591</v>
      </c>
      <c r="H46938" s="1" t="s">
        <v>159592</v>
      </c>
      <c r="I46938" s="1" t="s">
        <v>159477</v>
      </c>
      <c r="J46938" s="1" t="s">
        <v>159625</v>
      </c>
    </row>
    <row r="46939" spans="1:10" x14ac:dyDescent="0.35">
      <c r="A46939" s="1" t="s">
        <v>4361</v>
      </c>
      <c r="B46939" s="1" t="s">
        <v>159471</v>
      </c>
      <c r="C46939" s="1" t="s">
        <v>65</v>
      </c>
      <c r="D46939" s="1" t="s">
        <v>159626</v>
      </c>
      <c r="E46939" s="1" t="s">
        <v>159627</v>
      </c>
      <c r="F46939" s="1" t="s">
        <v>159628</v>
      </c>
      <c r="G46939" s="1" t="s">
        <v>159591</v>
      </c>
      <c r="H46939" s="1" t="s">
        <v>159592</v>
      </c>
      <c r="I46939" s="1" t="s">
        <v>159477</v>
      </c>
      <c r="J46939" s="1" t="s">
        <v>159629</v>
      </c>
    </row>
    <row r="46940" spans="1:10" x14ac:dyDescent="0.35">
      <c r="A46940" s="1" t="s">
        <v>4361</v>
      </c>
      <c r="B46940" s="1" t="s">
        <v>159471</v>
      </c>
      <c r="C46940" s="1" t="s">
        <v>70</v>
      </c>
      <c r="D46940" s="1" t="s">
        <v>159630</v>
      </c>
      <c r="E46940" s="1" t="s">
        <v>159631</v>
      </c>
      <c r="F46940" s="1" t="s">
        <v>159632</v>
      </c>
      <c r="G46940" s="1" t="s">
        <v>159591</v>
      </c>
      <c r="H46940" s="1" t="s">
        <v>159592</v>
      </c>
      <c r="I46940" s="1" t="s">
        <v>159477</v>
      </c>
      <c r="J46940" s="1" t="s">
        <v>159633</v>
      </c>
    </row>
    <row r="46941" spans="1:10" x14ac:dyDescent="0.35">
      <c r="A46941" s="1" t="s">
        <v>4361</v>
      </c>
      <c r="B46941" s="1" t="s">
        <v>159471</v>
      </c>
      <c r="C46941" s="1" t="s">
        <v>75</v>
      </c>
      <c r="D46941" s="1" t="s">
        <v>159634</v>
      </c>
      <c r="E46941" s="1" t="s">
        <v>159635</v>
      </c>
      <c r="F46941" s="1" t="s">
        <v>159636</v>
      </c>
      <c r="G46941" s="1" t="s">
        <v>159591</v>
      </c>
      <c r="H46941" s="1" t="s">
        <v>159592</v>
      </c>
      <c r="I46941" s="1" t="s">
        <v>159477</v>
      </c>
      <c r="J46941" s="1" t="s">
        <v>159637</v>
      </c>
    </row>
    <row r="46942" spans="1:10" x14ac:dyDescent="0.35">
      <c r="A46942" s="1" t="s">
        <v>4361</v>
      </c>
      <c r="B46942" s="1" t="s">
        <v>159471</v>
      </c>
      <c r="C46942" s="1" t="s">
        <v>80</v>
      </c>
      <c r="D46942" s="1" t="s">
        <v>11811</v>
      </c>
      <c r="E46942" s="1" t="s">
        <v>159638</v>
      </c>
      <c r="F46942" s="1" t="s">
        <v>159639</v>
      </c>
      <c r="G46942" s="1" t="s">
        <v>159591</v>
      </c>
      <c r="H46942" s="1" t="s">
        <v>159592</v>
      </c>
      <c r="I46942" s="1" t="s">
        <v>159477</v>
      </c>
      <c r="J46942" s="1" t="s">
        <v>159640</v>
      </c>
    </row>
    <row r="46943" spans="1:10" x14ac:dyDescent="0.35">
      <c r="A46943" s="1" t="s">
        <v>4361</v>
      </c>
      <c r="B46943" s="1" t="s">
        <v>159471</v>
      </c>
      <c r="C46943" s="1" t="s">
        <v>85</v>
      </c>
      <c r="D46943" s="1" t="s">
        <v>159641</v>
      </c>
      <c r="E46943" s="1" t="s">
        <v>159642</v>
      </c>
      <c r="F46943" s="1" t="s">
        <v>159643</v>
      </c>
      <c r="G46943" s="1" t="s">
        <v>159591</v>
      </c>
      <c r="H46943" s="1" t="s">
        <v>159592</v>
      </c>
      <c r="I46943" s="1" t="s">
        <v>159477</v>
      </c>
      <c r="J46943" s="1" t="s">
        <v>159644</v>
      </c>
    </row>
    <row r="46944" spans="1:10" x14ac:dyDescent="0.35">
      <c r="A46944" s="1" t="s">
        <v>4361</v>
      </c>
      <c r="B46944" s="1" t="s">
        <v>159471</v>
      </c>
      <c r="C46944" s="1" t="s">
        <v>90</v>
      </c>
      <c r="D46944" s="1" t="s">
        <v>7227</v>
      </c>
      <c r="E46944" s="1" t="s">
        <v>159645</v>
      </c>
      <c r="F46944" s="1" t="s">
        <v>159646</v>
      </c>
      <c r="G46944" s="1" t="s">
        <v>159591</v>
      </c>
      <c r="H46944" s="1" t="s">
        <v>159592</v>
      </c>
      <c r="I46944" s="1" t="s">
        <v>159477</v>
      </c>
      <c r="J46944" s="1" t="s">
        <v>159647</v>
      </c>
    </row>
    <row r="46945" spans="1:10" x14ac:dyDescent="0.35">
      <c r="A46945" s="1" t="s">
        <v>4361</v>
      </c>
      <c r="B46945" s="1" t="s">
        <v>159471</v>
      </c>
      <c r="C46945" s="1" t="s">
        <v>95</v>
      </c>
      <c r="D46945" s="1" t="s">
        <v>5179</v>
      </c>
      <c r="E46945" s="1" t="s">
        <v>159648</v>
      </c>
      <c r="F46945" s="1" t="s">
        <v>159649</v>
      </c>
      <c r="G46945" s="1" t="s">
        <v>159591</v>
      </c>
      <c r="H46945" s="1" t="s">
        <v>159592</v>
      </c>
      <c r="I46945" s="1" t="s">
        <v>159477</v>
      </c>
      <c r="J46945" s="1" t="s">
        <v>159650</v>
      </c>
    </row>
    <row r="46946" spans="1:10" x14ac:dyDescent="0.35">
      <c r="A46946" s="1" t="s">
        <v>4361</v>
      </c>
      <c r="B46946" s="1" t="s">
        <v>159471</v>
      </c>
      <c r="C46946" s="1" t="s">
        <v>100</v>
      </c>
      <c r="D46946" s="1" t="s">
        <v>30641</v>
      </c>
      <c r="E46946" s="1" t="s">
        <v>159651</v>
      </c>
      <c r="F46946" s="1" t="s">
        <v>159652</v>
      </c>
      <c r="G46946" s="1" t="s">
        <v>159591</v>
      </c>
      <c r="H46946" s="1" t="s">
        <v>159592</v>
      </c>
      <c r="I46946" s="1" t="s">
        <v>159477</v>
      </c>
      <c r="J46946" s="1" t="s">
        <v>159653</v>
      </c>
    </row>
    <row r="46947" spans="1:10" x14ac:dyDescent="0.35">
      <c r="A46947" s="1" t="s">
        <v>4361</v>
      </c>
      <c r="B46947" s="1" t="s">
        <v>159471</v>
      </c>
      <c r="C46947" s="1" t="s">
        <v>105</v>
      </c>
      <c r="D46947" s="1" t="s">
        <v>150239</v>
      </c>
      <c r="E46947" s="1" t="s">
        <v>159654</v>
      </c>
      <c r="F46947" s="1" t="s">
        <v>159655</v>
      </c>
      <c r="G46947" s="1" t="s">
        <v>159591</v>
      </c>
      <c r="H46947" s="1" t="s">
        <v>159592</v>
      </c>
      <c r="I46947" s="1" t="s">
        <v>159477</v>
      </c>
      <c r="J46947" s="1" t="s">
        <v>159656</v>
      </c>
    </row>
    <row r="46948" spans="1:10" x14ac:dyDescent="0.35">
      <c r="A46948" s="1" t="s">
        <v>4361</v>
      </c>
      <c r="B46948" s="1" t="s">
        <v>159471</v>
      </c>
      <c r="C46948" s="1" t="s">
        <v>110</v>
      </c>
      <c r="D46948" s="1" t="s">
        <v>75282</v>
      </c>
      <c r="E46948" s="1" t="s">
        <v>159657</v>
      </c>
      <c r="F46948" s="1" t="s">
        <v>159658</v>
      </c>
      <c r="G46948" s="1" t="s">
        <v>159591</v>
      </c>
      <c r="H46948" s="1" t="s">
        <v>159592</v>
      </c>
      <c r="I46948" s="1" t="s">
        <v>159477</v>
      </c>
      <c r="J46948" s="1" t="s">
        <v>159659</v>
      </c>
    </row>
    <row r="46949" spans="1:10" x14ac:dyDescent="0.35">
      <c r="A46949" s="1" t="s">
        <v>4361</v>
      </c>
      <c r="B46949" s="1" t="s">
        <v>159471</v>
      </c>
      <c r="C46949" s="1" t="s">
        <v>115</v>
      </c>
      <c r="D46949" s="1" t="s">
        <v>159660</v>
      </c>
      <c r="E46949" s="1" t="s">
        <v>159661</v>
      </c>
      <c r="F46949" s="1" t="s">
        <v>159662</v>
      </c>
      <c r="G46949" s="1" t="s">
        <v>159591</v>
      </c>
      <c r="H46949" s="1" t="s">
        <v>159592</v>
      </c>
      <c r="I46949" s="1" t="s">
        <v>159477</v>
      </c>
      <c r="J46949" s="1" t="s">
        <v>159663</v>
      </c>
    </row>
    <row r="46950" spans="1:10" x14ac:dyDescent="0.35">
      <c r="A46950" s="1" t="s">
        <v>4361</v>
      </c>
      <c r="B46950" s="1" t="s">
        <v>159471</v>
      </c>
      <c r="C46950" s="1" t="s">
        <v>120</v>
      </c>
      <c r="D46950" s="1" t="s">
        <v>32003</v>
      </c>
      <c r="E46950" s="1" t="s">
        <v>159664</v>
      </c>
      <c r="F46950" s="1" t="s">
        <v>159665</v>
      </c>
      <c r="G46950" s="1" t="s">
        <v>159591</v>
      </c>
      <c r="H46950" s="1" t="s">
        <v>159592</v>
      </c>
      <c r="I46950" s="1" t="s">
        <v>159477</v>
      </c>
      <c r="J46950" s="1" t="s">
        <v>159666</v>
      </c>
    </row>
    <row r="46951" spans="1:10" x14ac:dyDescent="0.35">
      <c r="A46951" s="1" t="s">
        <v>4361</v>
      </c>
      <c r="B46951" s="1" t="s">
        <v>159471</v>
      </c>
      <c r="C46951" s="1" t="s">
        <v>125</v>
      </c>
      <c r="D46951" s="1" t="s">
        <v>159667</v>
      </c>
      <c r="E46951" s="1" t="s">
        <v>159668</v>
      </c>
      <c r="F46951" s="1" t="s">
        <v>159669</v>
      </c>
      <c r="G46951" s="1" t="s">
        <v>159591</v>
      </c>
      <c r="H46951" s="1" t="s">
        <v>159592</v>
      </c>
      <c r="I46951" s="1" t="s">
        <v>159477</v>
      </c>
      <c r="J46951" s="1" t="s">
        <v>159670</v>
      </c>
    </row>
    <row r="46952" spans="1:10" x14ac:dyDescent="0.35">
      <c r="A46952" s="1" t="s">
        <v>4361</v>
      </c>
      <c r="B46952" s="1" t="s">
        <v>159471</v>
      </c>
      <c r="C46952" s="1" t="s">
        <v>130</v>
      </c>
      <c r="D46952" s="1" t="s">
        <v>159671</v>
      </c>
      <c r="E46952" s="1" t="s">
        <v>159672</v>
      </c>
      <c r="F46952" s="1" t="s">
        <v>159673</v>
      </c>
      <c r="G46952" s="1" t="s">
        <v>159591</v>
      </c>
      <c r="H46952" s="1" t="s">
        <v>159592</v>
      </c>
      <c r="I46952" s="1" t="s">
        <v>159477</v>
      </c>
      <c r="J46952" s="1" t="s">
        <v>159674</v>
      </c>
    </row>
    <row r="46953" spans="1:10" x14ac:dyDescent="0.35">
      <c r="A46953" s="1" t="s">
        <v>4361</v>
      </c>
      <c r="B46953" s="1" t="s">
        <v>159471</v>
      </c>
      <c r="C46953" s="1" t="s">
        <v>135</v>
      </c>
      <c r="D46953" s="1" t="s">
        <v>48474</v>
      </c>
      <c r="E46953" s="1" t="s">
        <v>159675</v>
      </c>
      <c r="F46953" s="1" t="s">
        <v>159676</v>
      </c>
      <c r="G46953" s="1" t="s">
        <v>159591</v>
      </c>
      <c r="H46953" s="1" t="s">
        <v>159592</v>
      </c>
      <c r="I46953" s="1" t="s">
        <v>159477</v>
      </c>
      <c r="J46953" s="1" t="s">
        <v>159677</v>
      </c>
    </row>
    <row r="46954" spans="1:10" x14ac:dyDescent="0.35">
      <c r="A46954" s="1" t="s">
        <v>4361</v>
      </c>
      <c r="B46954" s="1" t="s">
        <v>159471</v>
      </c>
      <c r="C46954" s="1" t="s">
        <v>140</v>
      </c>
      <c r="D46954" s="1" t="s">
        <v>159678</v>
      </c>
      <c r="E46954" s="1" t="s">
        <v>159679</v>
      </c>
      <c r="F46954" s="1" t="s">
        <v>159680</v>
      </c>
      <c r="G46954" s="1" t="s">
        <v>159591</v>
      </c>
      <c r="H46954" s="1" t="s">
        <v>159592</v>
      </c>
      <c r="I46954" s="1" t="s">
        <v>159477</v>
      </c>
      <c r="J46954" s="1" t="s">
        <v>159681</v>
      </c>
    </row>
    <row r="46955" spans="1:10" x14ac:dyDescent="0.35">
      <c r="A46955" s="1" t="s">
        <v>4361</v>
      </c>
      <c r="B46955" s="1" t="s">
        <v>159471</v>
      </c>
      <c r="C46955" s="1" t="s">
        <v>145</v>
      </c>
      <c r="D46955" s="1" t="s">
        <v>34355</v>
      </c>
      <c r="E46955" s="1" t="s">
        <v>159682</v>
      </c>
      <c r="F46955" s="1" t="s">
        <v>159683</v>
      </c>
      <c r="G46955" s="1" t="s">
        <v>159591</v>
      </c>
      <c r="H46955" s="1" t="s">
        <v>159592</v>
      </c>
      <c r="I46955" s="1" t="s">
        <v>159477</v>
      </c>
      <c r="J46955" s="1" t="s">
        <v>159684</v>
      </c>
    </row>
    <row r="46956" spans="1:10" x14ac:dyDescent="0.35">
      <c r="A46956" s="1" t="s">
        <v>4361</v>
      </c>
      <c r="B46956" s="1" t="s">
        <v>159471</v>
      </c>
      <c r="C46956" s="1" t="s">
        <v>150</v>
      </c>
      <c r="D46956" s="1" t="s">
        <v>32669</v>
      </c>
      <c r="E46956" s="1" t="s">
        <v>159685</v>
      </c>
      <c r="F46956" s="1" t="s">
        <v>159686</v>
      </c>
      <c r="G46956" s="1" t="s">
        <v>159591</v>
      </c>
      <c r="H46956" s="1" t="s">
        <v>159592</v>
      </c>
      <c r="I46956" s="1" t="s">
        <v>159477</v>
      </c>
      <c r="J46956" s="1" t="s">
        <v>159687</v>
      </c>
    </row>
    <row r="46957" spans="1:10" x14ac:dyDescent="0.35">
      <c r="A46957" s="1" t="s">
        <v>4361</v>
      </c>
      <c r="B46957" s="1" t="s">
        <v>159471</v>
      </c>
      <c r="C46957" s="1" t="s">
        <v>155</v>
      </c>
      <c r="D46957" s="1" t="s">
        <v>159688</v>
      </c>
      <c r="E46957" s="1" t="s">
        <v>159689</v>
      </c>
      <c r="F46957" s="1" t="s">
        <v>159690</v>
      </c>
      <c r="G46957" s="1" t="s">
        <v>159591</v>
      </c>
      <c r="H46957" s="1" t="s">
        <v>159592</v>
      </c>
      <c r="I46957" s="1" t="s">
        <v>159477</v>
      </c>
      <c r="J46957" s="1" t="s">
        <v>159691</v>
      </c>
    </row>
    <row r="46958" spans="1:10" x14ac:dyDescent="0.35">
      <c r="A46958" s="1" t="s">
        <v>4361</v>
      </c>
      <c r="B46958" s="1" t="s">
        <v>159471</v>
      </c>
      <c r="C46958" s="1" t="s">
        <v>160</v>
      </c>
      <c r="D46958" s="1" t="s">
        <v>47591</v>
      </c>
      <c r="E46958" s="1" t="s">
        <v>159692</v>
      </c>
      <c r="F46958" s="1" t="s">
        <v>159693</v>
      </c>
      <c r="G46958" s="1" t="s">
        <v>159591</v>
      </c>
      <c r="H46958" s="1" t="s">
        <v>159592</v>
      </c>
      <c r="I46958" s="1" t="s">
        <v>159477</v>
      </c>
      <c r="J46958" s="1" t="s">
        <v>159694</v>
      </c>
    </row>
    <row r="46959" spans="1:10" x14ac:dyDescent="0.35">
      <c r="A46959" s="1" t="s">
        <v>4361</v>
      </c>
      <c r="B46959" s="1" t="s">
        <v>159471</v>
      </c>
      <c r="C46959" s="1" t="s">
        <v>165</v>
      </c>
      <c r="D46959" s="1" t="s">
        <v>159695</v>
      </c>
      <c r="E46959" s="1" t="s">
        <v>159696</v>
      </c>
      <c r="F46959" s="1" t="s">
        <v>159697</v>
      </c>
      <c r="G46959" s="1" t="s">
        <v>159591</v>
      </c>
      <c r="H46959" s="1" t="s">
        <v>159592</v>
      </c>
      <c r="I46959" s="1" t="s">
        <v>159477</v>
      </c>
      <c r="J46959" s="1" t="s">
        <v>159698</v>
      </c>
    </row>
    <row r="46960" spans="1:10" x14ac:dyDescent="0.35">
      <c r="A46960" s="1" t="s">
        <v>4361</v>
      </c>
      <c r="B46960" s="1" t="s">
        <v>159471</v>
      </c>
      <c r="C46960" s="1" t="s">
        <v>170</v>
      </c>
      <c r="D46960" s="1" t="s">
        <v>159699</v>
      </c>
      <c r="E46960" s="1" t="s">
        <v>159700</v>
      </c>
      <c r="F46960" s="1" t="s">
        <v>159701</v>
      </c>
      <c r="G46960" s="1" t="s">
        <v>159591</v>
      </c>
      <c r="H46960" s="1" t="s">
        <v>159592</v>
      </c>
      <c r="I46960" s="1" t="s">
        <v>159477</v>
      </c>
      <c r="J46960" s="1" t="s">
        <v>159702</v>
      </c>
    </row>
    <row r="46961" spans="1:10" x14ac:dyDescent="0.35">
      <c r="A46961" s="1" t="s">
        <v>52103</v>
      </c>
      <c r="B46961" s="1" t="s">
        <v>159471</v>
      </c>
      <c r="C46961" s="1" t="s">
        <v>8</v>
      </c>
      <c r="D46961" s="1" t="s">
        <v>6524</v>
      </c>
      <c r="E46961" s="1" t="s">
        <v>159703</v>
      </c>
      <c r="F46961" s="1" t="s">
        <v>159704</v>
      </c>
      <c r="G46961" s="1" t="s">
        <v>159705</v>
      </c>
      <c r="H46961" s="1" t="s">
        <v>159706</v>
      </c>
      <c r="I46961" s="1" t="s">
        <v>159477</v>
      </c>
      <c r="J46961" s="1" t="s">
        <v>13</v>
      </c>
    </row>
    <row r="46962" spans="1:10" x14ac:dyDescent="0.35">
      <c r="A46962" s="1" t="s">
        <v>52103</v>
      </c>
      <c r="B46962" s="1" t="s">
        <v>159471</v>
      </c>
      <c r="C46962" s="1" t="s">
        <v>15</v>
      </c>
      <c r="D46962" s="1" t="s">
        <v>6539</v>
      </c>
      <c r="E46962" s="1" t="s">
        <v>159707</v>
      </c>
      <c r="F46962" s="1" t="s">
        <v>159708</v>
      </c>
      <c r="G46962" s="1" t="s">
        <v>159705</v>
      </c>
      <c r="H46962" s="1" t="s">
        <v>159706</v>
      </c>
      <c r="I46962" s="1" t="s">
        <v>159477</v>
      </c>
      <c r="J46962" s="1" t="s">
        <v>159709</v>
      </c>
    </row>
    <row r="46963" spans="1:10" x14ac:dyDescent="0.35">
      <c r="A46963" s="1" t="s">
        <v>52103</v>
      </c>
      <c r="B46963" s="1" t="s">
        <v>159471</v>
      </c>
      <c r="C46963" s="1" t="s">
        <v>20</v>
      </c>
      <c r="D46963" s="1" t="s">
        <v>7598</v>
      </c>
      <c r="E46963" s="1" t="s">
        <v>159710</v>
      </c>
      <c r="F46963" s="1" t="s">
        <v>159711</v>
      </c>
      <c r="G46963" s="1" t="s">
        <v>159705</v>
      </c>
      <c r="H46963" s="1" t="s">
        <v>159706</v>
      </c>
      <c r="I46963" s="1" t="s">
        <v>159477</v>
      </c>
      <c r="J46963" s="1" t="s">
        <v>159712</v>
      </c>
    </row>
    <row r="46964" spans="1:10" x14ac:dyDescent="0.35">
      <c r="A46964" s="1" t="s">
        <v>52103</v>
      </c>
      <c r="B46964" s="1" t="s">
        <v>159471</v>
      </c>
      <c r="C46964" s="1" t="s">
        <v>25</v>
      </c>
      <c r="D46964" s="1" t="s">
        <v>43828</v>
      </c>
      <c r="E46964" s="1" t="s">
        <v>159713</v>
      </c>
      <c r="F46964" s="1" t="s">
        <v>159714</v>
      </c>
      <c r="G46964" s="1" t="s">
        <v>159705</v>
      </c>
      <c r="H46964" s="1" t="s">
        <v>159706</v>
      </c>
      <c r="I46964" s="1" t="s">
        <v>159477</v>
      </c>
      <c r="J46964" s="1" t="s">
        <v>159715</v>
      </c>
    </row>
    <row r="46965" spans="1:10" x14ac:dyDescent="0.35">
      <c r="A46965" s="1" t="s">
        <v>52103</v>
      </c>
      <c r="B46965" s="1" t="s">
        <v>159471</v>
      </c>
      <c r="C46965" s="1" t="s">
        <v>30</v>
      </c>
      <c r="D46965" s="1" t="s">
        <v>2311</v>
      </c>
      <c r="E46965" s="1" t="s">
        <v>159716</v>
      </c>
      <c r="F46965" s="1" t="s">
        <v>159717</v>
      </c>
      <c r="G46965" s="1" t="s">
        <v>159705</v>
      </c>
      <c r="H46965" s="1" t="s">
        <v>159706</v>
      </c>
      <c r="I46965" s="1" t="s">
        <v>159477</v>
      </c>
      <c r="J46965" s="1" t="s">
        <v>159718</v>
      </c>
    </row>
    <row r="46966" spans="1:10" x14ac:dyDescent="0.35">
      <c r="A46966" s="1" t="s">
        <v>52103</v>
      </c>
      <c r="B46966" s="1" t="s">
        <v>159471</v>
      </c>
      <c r="C46966" s="1" t="s">
        <v>35</v>
      </c>
      <c r="D46966" s="1" t="s">
        <v>25173</v>
      </c>
      <c r="E46966" s="1" t="s">
        <v>159719</v>
      </c>
      <c r="F46966" s="1" t="s">
        <v>159720</v>
      </c>
      <c r="G46966" s="1" t="s">
        <v>159705</v>
      </c>
      <c r="H46966" s="1" t="s">
        <v>159706</v>
      </c>
      <c r="I46966" s="1" t="s">
        <v>159477</v>
      </c>
      <c r="J46966" s="1" t="s">
        <v>159721</v>
      </c>
    </row>
    <row r="46967" spans="1:10" x14ac:dyDescent="0.35">
      <c r="A46967" s="1" t="s">
        <v>52103</v>
      </c>
      <c r="B46967" s="1" t="s">
        <v>159471</v>
      </c>
      <c r="C46967" s="1" t="s">
        <v>40</v>
      </c>
      <c r="D46967" s="1" t="s">
        <v>2288</v>
      </c>
      <c r="E46967" s="1" t="s">
        <v>159722</v>
      </c>
      <c r="F46967" s="1" t="s">
        <v>159723</v>
      </c>
      <c r="G46967" s="1" t="s">
        <v>159705</v>
      </c>
      <c r="H46967" s="1" t="s">
        <v>159706</v>
      </c>
      <c r="I46967" s="1" t="s">
        <v>159477</v>
      </c>
      <c r="J46967" s="1" t="s">
        <v>159724</v>
      </c>
    </row>
    <row r="46968" spans="1:10" x14ac:dyDescent="0.35">
      <c r="A46968" s="1" t="s">
        <v>52103</v>
      </c>
      <c r="B46968" s="1" t="s">
        <v>159471</v>
      </c>
      <c r="C46968" s="1" t="s">
        <v>45</v>
      </c>
      <c r="D46968" s="1" t="s">
        <v>159725</v>
      </c>
      <c r="E46968" s="1" t="s">
        <v>159726</v>
      </c>
      <c r="F46968" s="1" t="s">
        <v>159727</v>
      </c>
      <c r="G46968" s="1" t="s">
        <v>159705</v>
      </c>
      <c r="H46968" s="1" t="s">
        <v>159706</v>
      </c>
      <c r="I46968" s="1" t="s">
        <v>159477</v>
      </c>
      <c r="J46968" s="1" t="s">
        <v>159728</v>
      </c>
    </row>
    <row r="46969" spans="1:10" x14ac:dyDescent="0.35">
      <c r="A46969" s="1" t="s">
        <v>52103</v>
      </c>
      <c r="B46969" s="1" t="s">
        <v>159471</v>
      </c>
      <c r="C46969" s="1" t="s">
        <v>50</v>
      </c>
      <c r="D46969" s="1" t="s">
        <v>50159</v>
      </c>
      <c r="E46969" s="1" t="s">
        <v>159729</v>
      </c>
      <c r="F46969" s="1" t="s">
        <v>159730</v>
      </c>
      <c r="G46969" s="1" t="s">
        <v>159705</v>
      </c>
      <c r="H46969" s="1" t="s">
        <v>159706</v>
      </c>
      <c r="I46969" s="1" t="s">
        <v>159477</v>
      </c>
      <c r="J46969" s="1" t="s">
        <v>159731</v>
      </c>
    </row>
    <row r="46970" spans="1:10" x14ac:dyDescent="0.35">
      <c r="A46970" s="1" t="s">
        <v>52103</v>
      </c>
      <c r="B46970" s="1" t="s">
        <v>159471</v>
      </c>
      <c r="C46970" s="1" t="s">
        <v>55</v>
      </c>
      <c r="D46970" s="1" t="s">
        <v>49411</v>
      </c>
      <c r="E46970" s="1" t="s">
        <v>159732</v>
      </c>
      <c r="F46970" s="1" t="s">
        <v>159733</v>
      </c>
      <c r="G46970" s="1" t="s">
        <v>159705</v>
      </c>
      <c r="H46970" s="1" t="s">
        <v>159706</v>
      </c>
      <c r="I46970" s="1" t="s">
        <v>159477</v>
      </c>
      <c r="J46970" s="1" t="s">
        <v>159734</v>
      </c>
    </row>
    <row r="46971" spans="1:10" x14ac:dyDescent="0.35">
      <c r="A46971" s="1" t="s">
        <v>52103</v>
      </c>
      <c r="B46971" s="1" t="s">
        <v>159471</v>
      </c>
      <c r="C46971" s="1" t="s">
        <v>60</v>
      </c>
      <c r="D46971" s="1" t="s">
        <v>45500</v>
      </c>
      <c r="E46971" s="1" t="s">
        <v>159735</v>
      </c>
      <c r="F46971" s="1" t="s">
        <v>159736</v>
      </c>
      <c r="G46971" s="1" t="s">
        <v>159705</v>
      </c>
      <c r="H46971" s="1" t="s">
        <v>159706</v>
      </c>
      <c r="I46971" s="1" t="s">
        <v>159477</v>
      </c>
      <c r="J46971" s="1" t="s">
        <v>159737</v>
      </c>
    </row>
    <row r="46972" spans="1:10" x14ac:dyDescent="0.35">
      <c r="A46972" s="1" t="s">
        <v>52103</v>
      </c>
      <c r="B46972" s="1" t="s">
        <v>159471</v>
      </c>
      <c r="C46972" s="1" t="s">
        <v>65</v>
      </c>
      <c r="D46972" s="1" t="s">
        <v>159738</v>
      </c>
      <c r="E46972" s="1" t="s">
        <v>159739</v>
      </c>
      <c r="F46972" s="1" t="s">
        <v>159740</v>
      </c>
      <c r="G46972" s="1" t="s">
        <v>159705</v>
      </c>
      <c r="H46972" s="1" t="s">
        <v>159706</v>
      </c>
      <c r="I46972" s="1" t="s">
        <v>159477</v>
      </c>
      <c r="J46972" s="1" t="s">
        <v>159741</v>
      </c>
    </row>
    <row r="46973" spans="1:10" x14ac:dyDescent="0.35">
      <c r="A46973" s="1" t="s">
        <v>52103</v>
      </c>
      <c r="B46973" s="1" t="s">
        <v>159471</v>
      </c>
      <c r="C46973" s="1" t="s">
        <v>70</v>
      </c>
      <c r="D46973" s="1" t="s">
        <v>45865</v>
      </c>
      <c r="E46973" s="1" t="s">
        <v>159742</v>
      </c>
      <c r="F46973" s="1" t="s">
        <v>159743</v>
      </c>
      <c r="G46973" s="1" t="s">
        <v>159705</v>
      </c>
      <c r="H46973" s="1" t="s">
        <v>159706</v>
      </c>
      <c r="I46973" s="1" t="s">
        <v>159477</v>
      </c>
      <c r="J46973" s="1" t="s">
        <v>159744</v>
      </c>
    </row>
    <row r="46974" spans="1:10" x14ac:dyDescent="0.35">
      <c r="A46974" s="1" t="s">
        <v>52103</v>
      </c>
      <c r="B46974" s="1" t="s">
        <v>159471</v>
      </c>
      <c r="C46974" s="1" t="s">
        <v>75</v>
      </c>
      <c r="D46974" s="1" t="s">
        <v>6716</v>
      </c>
      <c r="E46974" s="1" t="s">
        <v>159745</v>
      </c>
      <c r="F46974" s="1" t="s">
        <v>159746</v>
      </c>
      <c r="G46974" s="1" t="s">
        <v>159705</v>
      </c>
      <c r="H46974" s="1" t="s">
        <v>159706</v>
      </c>
      <c r="I46974" s="1" t="s">
        <v>159477</v>
      </c>
      <c r="J46974" s="1" t="s">
        <v>110543</v>
      </c>
    </row>
    <row r="46975" spans="1:10" x14ac:dyDescent="0.35">
      <c r="A46975" s="1" t="s">
        <v>52103</v>
      </c>
      <c r="B46975" s="1" t="s">
        <v>159471</v>
      </c>
      <c r="C46975" s="1" t="s">
        <v>80</v>
      </c>
      <c r="D46975" s="1" t="s">
        <v>51015</v>
      </c>
      <c r="E46975" s="1" t="s">
        <v>159747</v>
      </c>
      <c r="F46975" s="1" t="s">
        <v>159748</v>
      </c>
      <c r="G46975" s="1" t="s">
        <v>159705</v>
      </c>
      <c r="H46975" s="1" t="s">
        <v>159706</v>
      </c>
      <c r="I46975" s="1" t="s">
        <v>159477</v>
      </c>
      <c r="J46975" s="1" t="s">
        <v>159749</v>
      </c>
    </row>
    <row r="46976" spans="1:10" x14ac:dyDescent="0.35">
      <c r="A46976" s="1" t="s">
        <v>52103</v>
      </c>
      <c r="B46976" s="1" t="s">
        <v>159471</v>
      </c>
      <c r="C46976" s="1" t="s">
        <v>85</v>
      </c>
      <c r="D46976" s="1" t="s">
        <v>159750</v>
      </c>
      <c r="E46976" s="1" t="s">
        <v>159751</v>
      </c>
      <c r="F46976" s="1" t="s">
        <v>159752</v>
      </c>
      <c r="G46976" s="1" t="s">
        <v>159705</v>
      </c>
      <c r="H46976" s="1" t="s">
        <v>159706</v>
      </c>
      <c r="I46976" s="1" t="s">
        <v>159477</v>
      </c>
      <c r="J46976" s="1" t="s">
        <v>159753</v>
      </c>
    </row>
    <row r="46977" spans="1:10" x14ac:dyDescent="0.35">
      <c r="A46977" s="1" t="s">
        <v>52103</v>
      </c>
      <c r="B46977" s="1" t="s">
        <v>159471</v>
      </c>
      <c r="C46977" s="1" t="s">
        <v>90</v>
      </c>
      <c r="D46977" s="1" t="s">
        <v>9554</v>
      </c>
      <c r="E46977" s="1" t="s">
        <v>159754</v>
      </c>
      <c r="F46977" s="1" t="s">
        <v>159755</v>
      </c>
      <c r="G46977" s="1" t="s">
        <v>159705</v>
      </c>
      <c r="H46977" s="1" t="s">
        <v>159706</v>
      </c>
      <c r="I46977" s="1" t="s">
        <v>159477</v>
      </c>
      <c r="J46977" s="1" t="s">
        <v>159756</v>
      </c>
    </row>
    <row r="46978" spans="1:10" x14ac:dyDescent="0.35">
      <c r="A46978" s="1" t="s">
        <v>52103</v>
      </c>
      <c r="B46978" s="1" t="s">
        <v>159471</v>
      </c>
      <c r="C46978" s="1" t="s">
        <v>95</v>
      </c>
      <c r="D46978" s="1" t="s">
        <v>48168</v>
      </c>
      <c r="E46978" s="1" t="s">
        <v>159757</v>
      </c>
      <c r="F46978" s="1" t="s">
        <v>159758</v>
      </c>
      <c r="G46978" s="1" t="s">
        <v>159705</v>
      </c>
      <c r="H46978" s="1" t="s">
        <v>159706</v>
      </c>
      <c r="I46978" s="1" t="s">
        <v>159477</v>
      </c>
      <c r="J46978" s="1" t="s">
        <v>159759</v>
      </c>
    </row>
    <row r="46979" spans="1:10" x14ac:dyDescent="0.35">
      <c r="A46979" s="1" t="s">
        <v>52103</v>
      </c>
      <c r="B46979" s="1" t="s">
        <v>159471</v>
      </c>
      <c r="C46979" s="1" t="s">
        <v>100</v>
      </c>
      <c r="D46979" s="1" t="s">
        <v>159760</v>
      </c>
      <c r="E46979" s="1" t="s">
        <v>159761</v>
      </c>
      <c r="F46979" s="1" t="s">
        <v>159762</v>
      </c>
      <c r="G46979" s="1" t="s">
        <v>159705</v>
      </c>
      <c r="H46979" s="1" t="s">
        <v>159706</v>
      </c>
      <c r="I46979" s="1" t="s">
        <v>159477</v>
      </c>
      <c r="J46979" s="1" t="s">
        <v>159763</v>
      </c>
    </row>
    <row r="46980" spans="1:10" x14ac:dyDescent="0.35">
      <c r="A46980" s="1" t="s">
        <v>52103</v>
      </c>
      <c r="B46980" s="1" t="s">
        <v>159471</v>
      </c>
      <c r="C46980" s="1" t="s">
        <v>105</v>
      </c>
      <c r="D46980" s="1" t="s">
        <v>159764</v>
      </c>
      <c r="E46980" s="1" t="s">
        <v>159765</v>
      </c>
      <c r="F46980" s="1" t="s">
        <v>159766</v>
      </c>
      <c r="G46980" s="1" t="s">
        <v>159705</v>
      </c>
      <c r="H46980" s="1" t="s">
        <v>159706</v>
      </c>
      <c r="I46980" s="1" t="s">
        <v>159477</v>
      </c>
      <c r="J46980" s="1" t="s">
        <v>159767</v>
      </c>
    </row>
    <row r="46981" spans="1:10" x14ac:dyDescent="0.35">
      <c r="A46981" s="1" t="s">
        <v>52103</v>
      </c>
      <c r="B46981" s="1" t="s">
        <v>159471</v>
      </c>
      <c r="C46981" s="1" t="s">
        <v>110</v>
      </c>
      <c r="D46981" s="1" t="s">
        <v>48029</v>
      </c>
      <c r="E46981" s="1" t="s">
        <v>159768</v>
      </c>
      <c r="F46981" s="1" t="s">
        <v>159769</v>
      </c>
      <c r="G46981" s="1" t="s">
        <v>159705</v>
      </c>
      <c r="H46981" s="1" t="s">
        <v>159706</v>
      </c>
      <c r="I46981" s="1" t="s">
        <v>159477</v>
      </c>
      <c r="J46981" s="1" t="s">
        <v>159770</v>
      </c>
    </row>
    <row r="46982" spans="1:10" x14ac:dyDescent="0.35">
      <c r="A46982" s="1" t="s">
        <v>52103</v>
      </c>
      <c r="B46982" s="1" t="s">
        <v>159471</v>
      </c>
      <c r="C46982" s="1" t="s">
        <v>115</v>
      </c>
      <c r="D46982" s="1" t="s">
        <v>120398</v>
      </c>
      <c r="E46982" s="1" t="s">
        <v>159771</v>
      </c>
      <c r="F46982" s="1" t="s">
        <v>159772</v>
      </c>
      <c r="G46982" s="1" t="s">
        <v>159705</v>
      </c>
      <c r="H46982" s="1" t="s">
        <v>159706</v>
      </c>
      <c r="I46982" s="1" t="s">
        <v>159477</v>
      </c>
      <c r="J46982" s="1" t="s">
        <v>159773</v>
      </c>
    </row>
    <row r="46983" spans="1:10" x14ac:dyDescent="0.35">
      <c r="A46983" s="1" t="s">
        <v>52103</v>
      </c>
      <c r="B46983" s="1" t="s">
        <v>159471</v>
      </c>
      <c r="C46983" s="1" t="s">
        <v>120</v>
      </c>
      <c r="D46983" s="1" t="s">
        <v>17779</v>
      </c>
      <c r="E46983" s="1" t="s">
        <v>159774</v>
      </c>
      <c r="F46983" s="1" t="s">
        <v>159775</v>
      </c>
      <c r="G46983" s="1" t="s">
        <v>159705</v>
      </c>
      <c r="H46983" s="1" t="s">
        <v>159706</v>
      </c>
      <c r="I46983" s="1" t="s">
        <v>159477</v>
      </c>
      <c r="J46983" s="1" t="s">
        <v>159776</v>
      </c>
    </row>
    <row r="46984" spans="1:10" x14ac:dyDescent="0.35">
      <c r="A46984" s="1" t="s">
        <v>52103</v>
      </c>
      <c r="B46984" s="1" t="s">
        <v>159471</v>
      </c>
      <c r="C46984" s="1" t="s">
        <v>125</v>
      </c>
      <c r="D46984" s="1" t="s">
        <v>159777</v>
      </c>
      <c r="E46984" s="1" t="s">
        <v>159778</v>
      </c>
      <c r="F46984" s="1" t="s">
        <v>159779</v>
      </c>
      <c r="G46984" s="1" t="s">
        <v>159705</v>
      </c>
      <c r="H46984" s="1" t="s">
        <v>159706</v>
      </c>
      <c r="I46984" s="1" t="s">
        <v>159477</v>
      </c>
      <c r="J46984" s="1" t="s">
        <v>159780</v>
      </c>
    </row>
    <row r="46985" spans="1:10" x14ac:dyDescent="0.35">
      <c r="A46985" s="1" t="s">
        <v>52103</v>
      </c>
      <c r="B46985" s="1" t="s">
        <v>159471</v>
      </c>
      <c r="C46985" s="1" t="s">
        <v>130</v>
      </c>
      <c r="D46985" s="1" t="s">
        <v>16031</v>
      </c>
      <c r="E46985" s="1" t="s">
        <v>159781</v>
      </c>
      <c r="F46985" s="1" t="s">
        <v>159782</v>
      </c>
      <c r="G46985" s="1" t="s">
        <v>159705</v>
      </c>
      <c r="H46985" s="1" t="s">
        <v>159706</v>
      </c>
      <c r="I46985" s="1" t="s">
        <v>159477</v>
      </c>
      <c r="J46985" s="1" t="s">
        <v>159783</v>
      </c>
    </row>
    <row r="46986" spans="1:10" x14ac:dyDescent="0.35">
      <c r="A46986" s="1" t="s">
        <v>52103</v>
      </c>
      <c r="B46986" s="1" t="s">
        <v>159471</v>
      </c>
      <c r="C46986" s="1" t="s">
        <v>135</v>
      </c>
      <c r="D46986" s="1" t="s">
        <v>159784</v>
      </c>
      <c r="E46986" s="1" t="s">
        <v>159785</v>
      </c>
      <c r="F46986" s="1" t="s">
        <v>159786</v>
      </c>
      <c r="G46986" s="1" t="s">
        <v>159705</v>
      </c>
      <c r="H46986" s="1" t="s">
        <v>159706</v>
      </c>
      <c r="I46986" s="1" t="s">
        <v>159477</v>
      </c>
      <c r="J46986" s="1" t="s">
        <v>159787</v>
      </c>
    </row>
    <row r="46987" spans="1:10" x14ac:dyDescent="0.35">
      <c r="A46987" s="1" t="s">
        <v>52103</v>
      </c>
      <c r="B46987" s="1" t="s">
        <v>159471</v>
      </c>
      <c r="C46987" s="1" t="s">
        <v>140</v>
      </c>
      <c r="D46987" s="1" t="s">
        <v>37036</v>
      </c>
      <c r="E46987" s="1" t="s">
        <v>159788</v>
      </c>
      <c r="F46987" s="1" t="s">
        <v>159789</v>
      </c>
      <c r="G46987" s="1" t="s">
        <v>159705</v>
      </c>
      <c r="H46987" s="1" t="s">
        <v>159706</v>
      </c>
      <c r="I46987" s="1" t="s">
        <v>159477</v>
      </c>
      <c r="J46987" s="1" t="s">
        <v>159790</v>
      </c>
    </row>
    <row r="46988" spans="1:10" x14ac:dyDescent="0.35">
      <c r="A46988" s="1" t="s">
        <v>52103</v>
      </c>
      <c r="B46988" s="1" t="s">
        <v>159471</v>
      </c>
      <c r="C46988" s="1" t="s">
        <v>145</v>
      </c>
      <c r="D46988" s="1" t="s">
        <v>17198</v>
      </c>
      <c r="E46988" s="1" t="s">
        <v>159791</v>
      </c>
      <c r="F46988" s="1" t="s">
        <v>159792</v>
      </c>
      <c r="G46988" s="1" t="s">
        <v>159705</v>
      </c>
      <c r="H46988" s="1" t="s">
        <v>159706</v>
      </c>
      <c r="I46988" s="1" t="s">
        <v>159477</v>
      </c>
      <c r="J46988" s="1" t="s">
        <v>159793</v>
      </c>
    </row>
    <row r="46989" spans="1:10" x14ac:dyDescent="0.35">
      <c r="A46989" s="1" t="s">
        <v>52103</v>
      </c>
      <c r="B46989" s="1" t="s">
        <v>159471</v>
      </c>
      <c r="C46989" s="1" t="s">
        <v>150</v>
      </c>
      <c r="D46989" s="1" t="s">
        <v>159794</v>
      </c>
      <c r="E46989" s="1" t="s">
        <v>159795</v>
      </c>
      <c r="F46989" s="1" t="s">
        <v>159796</v>
      </c>
      <c r="G46989" s="1" t="s">
        <v>159705</v>
      </c>
      <c r="H46989" s="1" t="s">
        <v>159706</v>
      </c>
      <c r="I46989" s="1" t="s">
        <v>159477</v>
      </c>
      <c r="J46989" s="1" t="s">
        <v>159797</v>
      </c>
    </row>
    <row r="46990" spans="1:10" x14ac:dyDescent="0.35">
      <c r="A46990" s="1" t="s">
        <v>52103</v>
      </c>
      <c r="B46990" s="1" t="s">
        <v>159471</v>
      </c>
      <c r="C46990" s="1" t="s">
        <v>155</v>
      </c>
      <c r="D46990" s="1" t="s">
        <v>15937</v>
      </c>
      <c r="E46990" s="1" t="s">
        <v>159798</v>
      </c>
      <c r="F46990" s="1" t="s">
        <v>159799</v>
      </c>
      <c r="G46990" s="1" t="s">
        <v>159705</v>
      </c>
      <c r="H46990" s="1" t="s">
        <v>159706</v>
      </c>
      <c r="I46990" s="1" t="s">
        <v>159477</v>
      </c>
      <c r="J46990" s="1" t="s">
        <v>159800</v>
      </c>
    </row>
    <row r="46991" spans="1:10" x14ac:dyDescent="0.35">
      <c r="A46991" s="1" t="s">
        <v>52103</v>
      </c>
      <c r="B46991" s="1" t="s">
        <v>159471</v>
      </c>
      <c r="C46991" s="1" t="s">
        <v>160</v>
      </c>
      <c r="D46991" s="1" t="s">
        <v>82633</v>
      </c>
      <c r="E46991" s="1" t="s">
        <v>159801</v>
      </c>
      <c r="F46991" s="1" t="s">
        <v>159802</v>
      </c>
      <c r="G46991" s="1" t="s">
        <v>159705</v>
      </c>
      <c r="H46991" s="1" t="s">
        <v>159706</v>
      </c>
      <c r="I46991" s="1" t="s">
        <v>159477</v>
      </c>
      <c r="J46991" s="1" t="s">
        <v>159803</v>
      </c>
    </row>
    <row r="46992" spans="1:10" x14ac:dyDescent="0.35">
      <c r="A46992" s="1" t="s">
        <v>52103</v>
      </c>
      <c r="B46992" s="1" t="s">
        <v>159471</v>
      </c>
      <c r="C46992" s="1" t="s">
        <v>165</v>
      </c>
      <c r="D46992" s="1" t="s">
        <v>159804</v>
      </c>
      <c r="E46992" s="1" t="s">
        <v>159805</v>
      </c>
      <c r="F46992" s="1" t="s">
        <v>159806</v>
      </c>
      <c r="G46992" s="1" t="s">
        <v>159705</v>
      </c>
      <c r="H46992" s="1" t="s">
        <v>159706</v>
      </c>
      <c r="I46992" s="1" t="s">
        <v>159477</v>
      </c>
      <c r="J46992" s="1" t="s">
        <v>159807</v>
      </c>
    </row>
    <row r="46993" spans="1:10" x14ac:dyDescent="0.35">
      <c r="A46993" s="1" t="s">
        <v>52103</v>
      </c>
      <c r="B46993" s="1" t="s">
        <v>159471</v>
      </c>
      <c r="C46993" s="1" t="s">
        <v>170</v>
      </c>
      <c r="D46993" s="1" t="s">
        <v>159808</v>
      </c>
      <c r="E46993" s="1" t="s">
        <v>159809</v>
      </c>
      <c r="F46993" s="1" t="s">
        <v>159810</v>
      </c>
      <c r="G46993" s="1" t="s">
        <v>159705</v>
      </c>
      <c r="H46993" s="1" t="s">
        <v>159706</v>
      </c>
      <c r="I46993" s="1" t="s">
        <v>159477</v>
      </c>
      <c r="J46993" s="1" t="s">
        <v>159811</v>
      </c>
    </row>
    <row r="46994" spans="1:10" x14ac:dyDescent="0.35">
      <c r="A46994" s="1" t="s">
        <v>145339</v>
      </c>
      <c r="B46994" s="1" t="s">
        <v>159471</v>
      </c>
      <c r="C46994" s="1" t="s">
        <v>8</v>
      </c>
      <c r="D46994" s="1" t="s">
        <v>159812</v>
      </c>
      <c r="E46994" s="1" t="s">
        <v>13712</v>
      </c>
      <c r="F46994" s="1" t="s">
        <v>159813</v>
      </c>
      <c r="G46994" s="1" t="s">
        <v>159814</v>
      </c>
      <c r="H46994" s="1" t="s">
        <v>159815</v>
      </c>
      <c r="I46994" s="1" t="s">
        <v>159477</v>
      </c>
      <c r="J46994" s="1" t="s">
        <v>13</v>
      </c>
    </row>
    <row r="46995" spans="1:10" x14ac:dyDescent="0.35">
      <c r="A46995" s="1" t="s">
        <v>145339</v>
      </c>
      <c r="B46995" s="1" t="s">
        <v>159471</v>
      </c>
      <c r="C46995" s="1" t="s">
        <v>15</v>
      </c>
      <c r="D46995" s="1" t="s">
        <v>159816</v>
      </c>
      <c r="E46995" s="1" t="s">
        <v>13659</v>
      </c>
      <c r="F46995" s="1" t="s">
        <v>159817</v>
      </c>
      <c r="G46995" s="1" t="s">
        <v>159814</v>
      </c>
      <c r="H46995" s="1" t="s">
        <v>159815</v>
      </c>
      <c r="I46995" s="1" t="s">
        <v>159477</v>
      </c>
      <c r="J46995" s="1" t="s">
        <v>159818</v>
      </c>
    </row>
    <row r="46996" spans="1:10" x14ac:dyDescent="0.35">
      <c r="A46996" s="1" t="s">
        <v>145339</v>
      </c>
      <c r="B46996" s="1" t="s">
        <v>159471</v>
      </c>
      <c r="C46996" s="1" t="s">
        <v>20</v>
      </c>
      <c r="D46996" s="1" t="s">
        <v>159819</v>
      </c>
      <c r="E46996" s="1" t="s">
        <v>8630</v>
      </c>
      <c r="F46996" s="1" t="s">
        <v>159820</v>
      </c>
      <c r="G46996" s="1" t="s">
        <v>159814</v>
      </c>
      <c r="H46996" s="1" t="s">
        <v>159815</v>
      </c>
      <c r="I46996" s="1" t="s">
        <v>159477</v>
      </c>
      <c r="J46996" s="1" t="s">
        <v>159821</v>
      </c>
    </row>
    <row r="46997" spans="1:10" x14ac:dyDescent="0.35">
      <c r="A46997" s="1" t="s">
        <v>145339</v>
      </c>
      <c r="B46997" s="1" t="s">
        <v>159471</v>
      </c>
      <c r="C46997" s="1" t="s">
        <v>25</v>
      </c>
      <c r="D46997" s="1" t="s">
        <v>114113</v>
      </c>
      <c r="E46997" s="1" t="s">
        <v>480</v>
      </c>
      <c r="F46997" s="1" t="s">
        <v>159822</v>
      </c>
      <c r="G46997" s="1" t="s">
        <v>159814</v>
      </c>
      <c r="H46997" s="1" t="s">
        <v>159815</v>
      </c>
      <c r="I46997" s="1" t="s">
        <v>159477</v>
      </c>
      <c r="J46997" s="1" t="s">
        <v>159823</v>
      </c>
    </row>
    <row r="46998" spans="1:10" x14ac:dyDescent="0.35">
      <c r="A46998" s="1" t="s">
        <v>145339</v>
      </c>
      <c r="B46998" s="1" t="s">
        <v>159471</v>
      </c>
      <c r="C46998" s="1" t="s">
        <v>30</v>
      </c>
      <c r="D46998" s="1" t="s">
        <v>159824</v>
      </c>
      <c r="E46998" s="1" t="s">
        <v>159825</v>
      </c>
      <c r="F46998" s="1" t="s">
        <v>159826</v>
      </c>
      <c r="G46998" s="1" t="s">
        <v>159814</v>
      </c>
      <c r="H46998" s="1" t="s">
        <v>159815</v>
      </c>
      <c r="I46998" s="1" t="s">
        <v>159477</v>
      </c>
      <c r="J46998" s="1" t="s">
        <v>159827</v>
      </c>
    </row>
    <row r="46999" spans="1:10" x14ac:dyDescent="0.35">
      <c r="A46999" s="1" t="s">
        <v>145339</v>
      </c>
      <c r="B46999" s="1" t="s">
        <v>159471</v>
      </c>
      <c r="C46999" s="1" t="s">
        <v>35</v>
      </c>
      <c r="D46999" s="1" t="s">
        <v>159828</v>
      </c>
      <c r="E46999" s="1" t="s">
        <v>159829</v>
      </c>
      <c r="F46999" s="1" t="s">
        <v>159830</v>
      </c>
      <c r="G46999" s="1" t="s">
        <v>159814</v>
      </c>
      <c r="H46999" s="1" t="s">
        <v>159815</v>
      </c>
      <c r="I46999" s="1" t="s">
        <v>159477</v>
      </c>
      <c r="J46999" s="1" t="s">
        <v>159831</v>
      </c>
    </row>
    <row r="47000" spans="1:10" x14ac:dyDescent="0.35">
      <c r="A47000" s="1" t="s">
        <v>145339</v>
      </c>
      <c r="B47000" s="1" t="s">
        <v>159471</v>
      </c>
      <c r="C47000" s="1" t="s">
        <v>40</v>
      </c>
      <c r="D47000" s="1" t="s">
        <v>42742</v>
      </c>
      <c r="E47000" s="1" t="s">
        <v>159832</v>
      </c>
      <c r="F47000" s="1" t="s">
        <v>159833</v>
      </c>
      <c r="G47000" s="1" t="s">
        <v>159814</v>
      </c>
      <c r="H47000" s="1" t="s">
        <v>159815</v>
      </c>
      <c r="I47000" s="1" t="s">
        <v>159477</v>
      </c>
      <c r="J47000" s="1" t="s">
        <v>159834</v>
      </c>
    </row>
    <row r="47001" spans="1:10" x14ac:dyDescent="0.35">
      <c r="A47001" s="1" t="s">
        <v>145339</v>
      </c>
      <c r="B47001" s="1" t="s">
        <v>159471</v>
      </c>
      <c r="C47001" s="1" t="s">
        <v>45</v>
      </c>
      <c r="D47001" s="1" t="s">
        <v>159835</v>
      </c>
      <c r="E47001" s="1" t="s">
        <v>159836</v>
      </c>
      <c r="F47001" s="1" t="s">
        <v>159837</v>
      </c>
      <c r="G47001" s="1" t="s">
        <v>159814</v>
      </c>
      <c r="H47001" s="1" t="s">
        <v>159815</v>
      </c>
      <c r="I47001" s="1" t="s">
        <v>159477</v>
      </c>
      <c r="J47001" s="1" t="s">
        <v>159838</v>
      </c>
    </row>
    <row r="47002" spans="1:10" x14ac:dyDescent="0.35">
      <c r="A47002" s="1" t="s">
        <v>145339</v>
      </c>
      <c r="B47002" s="1" t="s">
        <v>159471</v>
      </c>
      <c r="C47002" s="1" t="s">
        <v>50</v>
      </c>
      <c r="D47002" s="1" t="s">
        <v>159839</v>
      </c>
      <c r="E47002" s="1" t="s">
        <v>159840</v>
      </c>
      <c r="F47002" s="1" t="s">
        <v>159841</v>
      </c>
      <c r="G47002" s="1" t="s">
        <v>159814</v>
      </c>
      <c r="H47002" s="1" t="s">
        <v>159815</v>
      </c>
      <c r="I47002" s="1" t="s">
        <v>159477</v>
      </c>
      <c r="J47002" s="1" t="s">
        <v>159842</v>
      </c>
    </row>
    <row r="47003" spans="1:10" x14ac:dyDescent="0.35">
      <c r="A47003" s="1" t="s">
        <v>145339</v>
      </c>
      <c r="B47003" s="1" t="s">
        <v>159471</v>
      </c>
      <c r="C47003" s="1" t="s">
        <v>55</v>
      </c>
      <c r="D47003" s="1" t="s">
        <v>56173</v>
      </c>
      <c r="E47003" s="1" t="s">
        <v>8654</v>
      </c>
      <c r="F47003" s="1" t="s">
        <v>159843</v>
      </c>
      <c r="G47003" s="1" t="s">
        <v>159814</v>
      </c>
      <c r="H47003" s="1" t="s">
        <v>159815</v>
      </c>
      <c r="I47003" s="1" t="s">
        <v>159477</v>
      </c>
      <c r="J47003" s="1" t="s">
        <v>159844</v>
      </c>
    </row>
    <row r="47004" spans="1:10" x14ac:dyDescent="0.35">
      <c r="A47004" s="1" t="s">
        <v>145339</v>
      </c>
      <c r="B47004" s="1" t="s">
        <v>159471</v>
      </c>
      <c r="C47004" s="1" t="s">
        <v>60</v>
      </c>
      <c r="D47004" s="1" t="s">
        <v>159845</v>
      </c>
      <c r="E47004" s="1" t="s">
        <v>159846</v>
      </c>
      <c r="F47004" s="1" t="s">
        <v>159847</v>
      </c>
      <c r="G47004" s="1" t="s">
        <v>159814</v>
      </c>
      <c r="H47004" s="1" t="s">
        <v>159815</v>
      </c>
      <c r="I47004" s="1" t="s">
        <v>159477</v>
      </c>
      <c r="J47004" s="1" t="s">
        <v>159848</v>
      </c>
    </row>
    <row r="47005" spans="1:10" x14ac:dyDescent="0.35">
      <c r="A47005" s="1" t="s">
        <v>145339</v>
      </c>
      <c r="B47005" s="1" t="s">
        <v>159471</v>
      </c>
      <c r="C47005" s="1" t="s">
        <v>65</v>
      </c>
      <c r="D47005" s="1" t="s">
        <v>159849</v>
      </c>
      <c r="E47005" s="1" t="s">
        <v>555</v>
      </c>
      <c r="F47005" s="1" t="s">
        <v>159850</v>
      </c>
      <c r="G47005" s="1" t="s">
        <v>159814</v>
      </c>
      <c r="H47005" s="1" t="s">
        <v>159815</v>
      </c>
      <c r="I47005" s="1" t="s">
        <v>159477</v>
      </c>
      <c r="J47005" s="1" t="s">
        <v>159851</v>
      </c>
    </row>
    <row r="47006" spans="1:10" x14ac:dyDescent="0.35">
      <c r="A47006" s="1" t="s">
        <v>145339</v>
      </c>
      <c r="B47006" s="1" t="s">
        <v>159471</v>
      </c>
      <c r="C47006" s="1" t="s">
        <v>70</v>
      </c>
      <c r="D47006" s="1" t="s">
        <v>159852</v>
      </c>
      <c r="E47006" s="1" t="s">
        <v>159853</v>
      </c>
      <c r="F47006" s="1" t="s">
        <v>159854</v>
      </c>
      <c r="G47006" s="1" t="s">
        <v>159814</v>
      </c>
      <c r="H47006" s="1" t="s">
        <v>159815</v>
      </c>
      <c r="I47006" s="1" t="s">
        <v>159477</v>
      </c>
      <c r="J47006" s="1" t="s">
        <v>159855</v>
      </c>
    </row>
    <row r="47007" spans="1:10" x14ac:dyDescent="0.35">
      <c r="A47007" s="1" t="s">
        <v>145339</v>
      </c>
      <c r="B47007" s="1" t="s">
        <v>159471</v>
      </c>
      <c r="C47007" s="1" t="s">
        <v>75</v>
      </c>
      <c r="D47007" s="1" t="s">
        <v>159856</v>
      </c>
      <c r="E47007" s="1" t="s">
        <v>13712</v>
      </c>
      <c r="F47007" s="1" t="s">
        <v>159857</v>
      </c>
      <c r="G47007" s="1" t="s">
        <v>159814</v>
      </c>
      <c r="H47007" s="1" t="s">
        <v>159815</v>
      </c>
      <c r="I47007" s="1" t="s">
        <v>159477</v>
      </c>
      <c r="J47007" s="1" t="s">
        <v>159858</v>
      </c>
    </row>
    <row r="47008" spans="1:10" x14ac:dyDescent="0.35">
      <c r="A47008" s="1" t="s">
        <v>145339</v>
      </c>
      <c r="B47008" s="1" t="s">
        <v>159471</v>
      </c>
      <c r="C47008" s="1" t="s">
        <v>80</v>
      </c>
      <c r="D47008" s="1" t="s">
        <v>14665</v>
      </c>
      <c r="E47008" s="1" t="s">
        <v>12739</v>
      </c>
      <c r="F47008" s="1" t="s">
        <v>159859</v>
      </c>
      <c r="G47008" s="1" t="s">
        <v>159814</v>
      </c>
      <c r="H47008" s="1" t="s">
        <v>159815</v>
      </c>
      <c r="I47008" s="1" t="s">
        <v>159477</v>
      </c>
      <c r="J47008" s="1" t="s">
        <v>159860</v>
      </c>
    </row>
    <row r="47009" spans="1:10" x14ac:dyDescent="0.35">
      <c r="A47009" s="1" t="s">
        <v>145339</v>
      </c>
      <c r="B47009" s="1" t="s">
        <v>159471</v>
      </c>
      <c r="C47009" s="1" t="s">
        <v>85</v>
      </c>
      <c r="D47009" s="1" t="s">
        <v>75979</v>
      </c>
      <c r="E47009" s="1" t="s">
        <v>13693</v>
      </c>
      <c r="F47009" s="1" t="s">
        <v>159861</v>
      </c>
      <c r="G47009" s="1" t="s">
        <v>159814</v>
      </c>
      <c r="H47009" s="1" t="s">
        <v>159815</v>
      </c>
      <c r="I47009" s="1" t="s">
        <v>159477</v>
      </c>
      <c r="J47009" s="1" t="s">
        <v>159862</v>
      </c>
    </row>
    <row r="47010" spans="1:10" x14ac:dyDescent="0.35">
      <c r="A47010" s="1" t="s">
        <v>145339</v>
      </c>
      <c r="B47010" s="1" t="s">
        <v>159471</v>
      </c>
      <c r="C47010" s="1" t="s">
        <v>90</v>
      </c>
      <c r="D47010" s="1" t="s">
        <v>90498</v>
      </c>
      <c r="E47010" s="1" t="s">
        <v>159863</v>
      </c>
      <c r="F47010" s="1" t="s">
        <v>159864</v>
      </c>
      <c r="G47010" s="1" t="s">
        <v>159814</v>
      </c>
      <c r="H47010" s="1" t="s">
        <v>159815</v>
      </c>
      <c r="I47010" s="1" t="s">
        <v>159477</v>
      </c>
      <c r="J47010" s="1" t="s">
        <v>159865</v>
      </c>
    </row>
    <row r="47011" spans="1:10" x14ac:dyDescent="0.35">
      <c r="A47011" s="1" t="s">
        <v>145339</v>
      </c>
      <c r="B47011" s="1" t="s">
        <v>159471</v>
      </c>
      <c r="C47011" s="1" t="s">
        <v>95</v>
      </c>
      <c r="D47011" s="1" t="s">
        <v>91847</v>
      </c>
      <c r="E47011" s="1" t="s">
        <v>159866</v>
      </c>
      <c r="F47011" s="1" t="s">
        <v>159867</v>
      </c>
      <c r="G47011" s="1" t="s">
        <v>159814</v>
      </c>
      <c r="H47011" s="1" t="s">
        <v>159815</v>
      </c>
      <c r="I47011" s="1" t="s">
        <v>159477</v>
      </c>
      <c r="J47011" s="1" t="s">
        <v>159868</v>
      </c>
    </row>
    <row r="47012" spans="1:10" x14ac:dyDescent="0.35">
      <c r="A47012" s="1" t="s">
        <v>145339</v>
      </c>
      <c r="B47012" s="1" t="s">
        <v>159471</v>
      </c>
      <c r="C47012" s="1" t="s">
        <v>100</v>
      </c>
      <c r="D47012" s="1" t="s">
        <v>97309</v>
      </c>
      <c r="E47012" s="1" t="s">
        <v>12150</v>
      </c>
      <c r="F47012" s="1" t="s">
        <v>159869</v>
      </c>
      <c r="G47012" s="1" t="s">
        <v>159814</v>
      </c>
      <c r="H47012" s="1" t="s">
        <v>159815</v>
      </c>
      <c r="I47012" s="1" t="s">
        <v>159477</v>
      </c>
      <c r="J47012" s="1" t="s">
        <v>159870</v>
      </c>
    </row>
    <row r="47013" spans="1:10" x14ac:dyDescent="0.35">
      <c r="A47013" s="1" t="s">
        <v>145339</v>
      </c>
      <c r="B47013" s="1" t="s">
        <v>159471</v>
      </c>
      <c r="C47013" s="1" t="s">
        <v>105</v>
      </c>
      <c r="D47013" s="1" t="s">
        <v>159871</v>
      </c>
      <c r="E47013" s="1" t="s">
        <v>535</v>
      </c>
      <c r="F47013" s="1" t="s">
        <v>159872</v>
      </c>
      <c r="G47013" s="1" t="s">
        <v>159814</v>
      </c>
      <c r="H47013" s="1" t="s">
        <v>159815</v>
      </c>
      <c r="I47013" s="1" t="s">
        <v>159477</v>
      </c>
      <c r="J47013" s="1" t="s">
        <v>159873</v>
      </c>
    </row>
    <row r="47014" spans="1:10" x14ac:dyDescent="0.35">
      <c r="A47014" s="1" t="s">
        <v>145339</v>
      </c>
      <c r="B47014" s="1" t="s">
        <v>159471</v>
      </c>
      <c r="C47014" s="1" t="s">
        <v>110</v>
      </c>
      <c r="D47014" s="1" t="s">
        <v>106860</v>
      </c>
      <c r="E47014" s="1" t="s">
        <v>159866</v>
      </c>
      <c r="F47014" s="1" t="s">
        <v>159874</v>
      </c>
      <c r="G47014" s="1" t="s">
        <v>159814</v>
      </c>
      <c r="H47014" s="1" t="s">
        <v>159815</v>
      </c>
      <c r="I47014" s="1" t="s">
        <v>159477</v>
      </c>
      <c r="J47014" s="1" t="s">
        <v>159875</v>
      </c>
    </row>
    <row r="47015" spans="1:10" x14ac:dyDescent="0.35">
      <c r="A47015" s="1" t="s">
        <v>145339</v>
      </c>
      <c r="B47015" s="1" t="s">
        <v>159471</v>
      </c>
      <c r="C47015" s="1" t="s">
        <v>115</v>
      </c>
      <c r="D47015" s="1" t="s">
        <v>95135</v>
      </c>
      <c r="E47015" s="1" t="s">
        <v>110941</v>
      </c>
      <c r="F47015" s="1" t="s">
        <v>159876</v>
      </c>
      <c r="G47015" s="1" t="s">
        <v>159814</v>
      </c>
      <c r="H47015" s="1" t="s">
        <v>159815</v>
      </c>
      <c r="I47015" s="1" t="s">
        <v>159477</v>
      </c>
      <c r="J47015" s="1" t="s">
        <v>159877</v>
      </c>
    </row>
    <row r="47016" spans="1:10" x14ac:dyDescent="0.35">
      <c r="A47016" s="1" t="s">
        <v>145339</v>
      </c>
      <c r="B47016" s="1" t="s">
        <v>159471</v>
      </c>
      <c r="C47016" s="1" t="s">
        <v>120</v>
      </c>
      <c r="D47016" s="1" t="s">
        <v>65983</v>
      </c>
      <c r="E47016" s="1" t="s">
        <v>159878</v>
      </c>
      <c r="F47016" s="1" t="s">
        <v>159879</v>
      </c>
      <c r="G47016" s="1" t="s">
        <v>159814</v>
      </c>
      <c r="H47016" s="1" t="s">
        <v>159815</v>
      </c>
      <c r="I47016" s="1" t="s">
        <v>159477</v>
      </c>
      <c r="J47016" s="1" t="s">
        <v>159880</v>
      </c>
    </row>
    <row r="47017" spans="1:10" x14ac:dyDescent="0.35">
      <c r="A47017" s="1" t="s">
        <v>145339</v>
      </c>
      <c r="B47017" s="1" t="s">
        <v>159471</v>
      </c>
      <c r="C47017" s="1" t="s">
        <v>125</v>
      </c>
      <c r="D47017" s="1" t="s">
        <v>159881</v>
      </c>
      <c r="E47017" s="1" t="s">
        <v>159882</v>
      </c>
      <c r="F47017" s="1" t="s">
        <v>159883</v>
      </c>
      <c r="G47017" s="1" t="s">
        <v>159814</v>
      </c>
      <c r="H47017" s="1" t="s">
        <v>159815</v>
      </c>
      <c r="I47017" s="1" t="s">
        <v>159477</v>
      </c>
      <c r="J47017" s="1" t="s">
        <v>159884</v>
      </c>
    </row>
    <row r="47018" spans="1:10" x14ac:dyDescent="0.35">
      <c r="A47018" s="1" t="s">
        <v>145339</v>
      </c>
      <c r="B47018" s="1" t="s">
        <v>159471</v>
      </c>
      <c r="C47018" s="1" t="s">
        <v>130</v>
      </c>
      <c r="D47018" s="1" t="s">
        <v>7393</v>
      </c>
      <c r="E47018" s="1" t="s">
        <v>555</v>
      </c>
      <c r="F47018" s="1" t="s">
        <v>159885</v>
      </c>
      <c r="G47018" s="1" t="s">
        <v>159814</v>
      </c>
      <c r="H47018" s="1" t="s">
        <v>159815</v>
      </c>
      <c r="I47018" s="1" t="s">
        <v>159477</v>
      </c>
      <c r="J47018" s="1" t="s">
        <v>159886</v>
      </c>
    </row>
    <row r="47019" spans="1:10" x14ac:dyDescent="0.35">
      <c r="A47019" s="1" t="s">
        <v>145339</v>
      </c>
      <c r="B47019" s="1" t="s">
        <v>159471</v>
      </c>
      <c r="C47019" s="1" t="s">
        <v>135</v>
      </c>
      <c r="D47019" s="1" t="s">
        <v>159887</v>
      </c>
      <c r="E47019" s="1" t="s">
        <v>110955</v>
      </c>
      <c r="F47019" s="1" t="s">
        <v>159888</v>
      </c>
      <c r="G47019" s="1" t="s">
        <v>159814</v>
      </c>
      <c r="H47019" s="1" t="s">
        <v>159815</v>
      </c>
      <c r="I47019" s="1" t="s">
        <v>159477</v>
      </c>
      <c r="J47019" s="1" t="s">
        <v>159889</v>
      </c>
    </row>
    <row r="47020" spans="1:10" x14ac:dyDescent="0.35">
      <c r="A47020" s="1" t="s">
        <v>145339</v>
      </c>
      <c r="B47020" s="1" t="s">
        <v>159471</v>
      </c>
      <c r="C47020" s="1" t="s">
        <v>140</v>
      </c>
      <c r="D47020" s="1" t="s">
        <v>20066</v>
      </c>
      <c r="E47020" s="1" t="s">
        <v>159890</v>
      </c>
      <c r="F47020" s="1" t="s">
        <v>159891</v>
      </c>
      <c r="G47020" s="1" t="s">
        <v>159814</v>
      </c>
      <c r="H47020" s="1" t="s">
        <v>159815</v>
      </c>
      <c r="I47020" s="1" t="s">
        <v>159477</v>
      </c>
      <c r="J47020" s="1" t="s">
        <v>159892</v>
      </c>
    </row>
    <row r="47021" spans="1:10" x14ac:dyDescent="0.35">
      <c r="A47021" s="1" t="s">
        <v>145339</v>
      </c>
      <c r="B47021" s="1" t="s">
        <v>159471</v>
      </c>
      <c r="C47021" s="1" t="s">
        <v>145</v>
      </c>
      <c r="D47021" s="1" t="s">
        <v>159893</v>
      </c>
      <c r="E47021" s="1" t="s">
        <v>12241</v>
      </c>
      <c r="F47021" s="1" t="s">
        <v>159894</v>
      </c>
      <c r="G47021" s="1" t="s">
        <v>159814</v>
      </c>
      <c r="H47021" s="1" t="s">
        <v>159815</v>
      </c>
      <c r="I47021" s="1" t="s">
        <v>159477</v>
      </c>
      <c r="J47021" s="1" t="s">
        <v>159895</v>
      </c>
    </row>
    <row r="47022" spans="1:10" x14ac:dyDescent="0.35">
      <c r="A47022" s="1" t="s">
        <v>145339</v>
      </c>
      <c r="B47022" s="1" t="s">
        <v>159471</v>
      </c>
      <c r="C47022" s="1" t="s">
        <v>150</v>
      </c>
      <c r="D47022" s="1" t="s">
        <v>128441</v>
      </c>
      <c r="E47022" s="1" t="s">
        <v>159896</v>
      </c>
      <c r="F47022" s="1" t="s">
        <v>159897</v>
      </c>
      <c r="G47022" s="1" t="s">
        <v>159814</v>
      </c>
      <c r="H47022" s="1" t="s">
        <v>159815</v>
      </c>
      <c r="I47022" s="1" t="s">
        <v>159477</v>
      </c>
      <c r="J47022" s="1" t="s">
        <v>159898</v>
      </c>
    </row>
    <row r="47023" spans="1:10" x14ac:dyDescent="0.35">
      <c r="A47023" s="1" t="s">
        <v>145339</v>
      </c>
      <c r="B47023" s="1" t="s">
        <v>159471</v>
      </c>
      <c r="C47023" s="1" t="s">
        <v>155</v>
      </c>
      <c r="D47023" s="1" t="s">
        <v>56969</v>
      </c>
      <c r="E47023" s="1" t="s">
        <v>159899</v>
      </c>
      <c r="F47023" s="1" t="s">
        <v>159900</v>
      </c>
      <c r="G47023" s="1" t="s">
        <v>159814</v>
      </c>
      <c r="H47023" s="1" t="s">
        <v>159815</v>
      </c>
      <c r="I47023" s="1" t="s">
        <v>159477</v>
      </c>
      <c r="J47023" s="1" t="s">
        <v>159901</v>
      </c>
    </row>
    <row r="47024" spans="1:10" x14ac:dyDescent="0.35">
      <c r="A47024" s="1" t="s">
        <v>145339</v>
      </c>
      <c r="B47024" s="1" t="s">
        <v>159471</v>
      </c>
      <c r="C47024" s="1" t="s">
        <v>160</v>
      </c>
      <c r="D47024" s="1" t="s">
        <v>159902</v>
      </c>
      <c r="E47024" s="1" t="s">
        <v>159903</v>
      </c>
      <c r="F47024" s="1" t="s">
        <v>159904</v>
      </c>
      <c r="G47024" s="1" t="s">
        <v>159814</v>
      </c>
      <c r="H47024" s="1" t="s">
        <v>159815</v>
      </c>
      <c r="I47024" s="1" t="s">
        <v>159477</v>
      </c>
      <c r="J47024" s="1" t="s">
        <v>159905</v>
      </c>
    </row>
    <row r="47025" spans="1:10" x14ac:dyDescent="0.35">
      <c r="A47025" s="1" t="s">
        <v>145339</v>
      </c>
      <c r="B47025" s="1" t="s">
        <v>159471</v>
      </c>
      <c r="C47025" s="1" t="s">
        <v>165</v>
      </c>
      <c r="D47025" s="1" t="s">
        <v>61222</v>
      </c>
      <c r="E47025" s="1" t="s">
        <v>159906</v>
      </c>
      <c r="F47025" s="1" t="s">
        <v>159907</v>
      </c>
      <c r="G47025" s="1" t="s">
        <v>159814</v>
      </c>
      <c r="H47025" s="1" t="s">
        <v>159815</v>
      </c>
      <c r="I47025" s="1" t="s">
        <v>159477</v>
      </c>
      <c r="J47025" s="1" t="s">
        <v>159908</v>
      </c>
    </row>
    <row r="47026" spans="1:10" x14ac:dyDescent="0.35">
      <c r="A47026" s="1" t="s">
        <v>145339</v>
      </c>
      <c r="B47026" s="1" t="s">
        <v>159471</v>
      </c>
      <c r="C47026" s="1" t="s">
        <v>170</v>
      </c>
      <c r="D47026" s="1" t="s">
        <v>159909</v>
      </c>
      <c r="E47026" s="1" t="s">
        <v>110941</v>
      </c>
      <c r="F47026" s="1" t="s">
        <v>159910</v>
      </c>
      <c r="G47026" s="1" t="s">
        <v>159814</v>
      </c>
      <c r="H47026" s="1" t="s">
        <v>159815</v>
      </c>
      <c r="I47026" s="1" t="s">
        <v>159477</v>
      </c>
      <c r="J47026" s="1" t="s">
        <v>159911</v>
      </c>
    </row>
    <row r="47027" spans="1:10" x14ac:dyDescent="0.35">
      <c r="A47027" s="1" t="s">
        <v>1205</v>
      </c>
      <c r="B47027" s="1" t="s">
        <v>159471</v>
      </c>
      <c r="C47027" s="1" t="s">
        <v>8</v>
      </c>
      <c r="D47027" s="1" t="s">
        <v>159671</v>
      </c>
      <c r="E47027" s="1" t="s">
        <v>12177</v>
      </c>
      <c r="F47027" s="1" t="s">
        <v>111481</v>
      </c>
      <c r="G47027" s="1" t="s">
        <v>159912</v>
      </c>
      <c r="H47027" s="1" t="s">
        <v>159913</v>
      </c>
      <c r="I47027" s="1" t="s">
        <v>159477</v>
      </c>
      <c r="J47027" s="1" t="s">
        <v>13</v>
      </c>
    </row>
    <row r="47028" spans="1:10" x14ac:dyDescent="0.35">
      <c r="A47028" s="1" t="s">
        <v>1205</v>
      </c>
      <c r="B47028" s="1" t="s">
        <v>159471</v>
      </c>
      <c r="C47028" s="1" t="s">
        <v>15</v>
      </c>
      <c r="D47028" s="1" t="s">
        <v>4222</v>
      </c>
      <c r="E47028" s="1" t="s">
        <v>511</v>
      </c>
      <c r="F47028" s="1" t="s">
        <v>159914</v>
      </c>
      <c r="G47028" s="1" t="s">
        <v>159912</v>
      </c>
      <c r="H47028" s="1" t="s">
        <v>159913</v>
      </c>
      <c r="I47028" s="1" t="s">
        <v>159477</v>
      </c>
      <c r="J47028" s="1" t="s">
        <v>159915</v>
      </c>
    </row>
    <row r="47029" spans="1:10" x14ac:dyDescent="0.35">
      <c r="A47029" s="1" t="s">
        <v>1205</v>
      </c>
      <c r="B47029" s="1" t="s">
        <v>159471</v>
      </c>
      <c r="C47029" s="1" t="s">
        <v>20</v>
      </c>
      <c r="D47029" s="1" t="s">
        <v>159916</v>
      </c>
      <c r="E47029" s="1" t="s">
        <v>14806</v>
      </c>
      <c r="F47029" s="1" t="s">
        <v>159917</v>
      </c>
      <c r="G47029" s="1" t="s">
        <v>159912</v>
      </c>
      <c r="H47029" s="1" t="s">
        <v>159913</v>
      </c>
      <c r="I47029" s="1" t="s">
        <v>159477</v>
      </c>
      <c r="J47029" s="1" t="s">
        <v>159918</v>
      </c>
    </row>
    <row r="47030" spans="1:10" x14ac:dyDescent="0.35">
      <c r="A47030" s="1" t="s">
        <v>1205</v>
      </c>
      <c r="B47030" s="1" t="s">
        <v>159471</v>
      </c>
      <c r="C47030" s="1" t="s">
        <v>25</v>
      </c>
      <c r="D47030" s="1" t="s">
        <v>150852</v>
      </c>
      <c r="E47030" s="1" t="s">
        <v>159919</v>
      </c>
      <c r="F47030" s="1" t="s">
        <v>159920</v>
      </c>
      <c r="G47030" s="1" t="s">
        <v>159912</v>
      </c>
      <c r="H47030" s="1" t="s">
        <v>159913</v>
      </c>
      <c r="I47030" s="1" t="s">
        <v>159477</v>
      </c>
      <c r="J47030" s="1" t="s">
        <v>159921</v>
      </c>
    </row>
    <row r="47031" spans="1:10" x14ac:dyDescent="0.35">
      <c r="A47031" s="1" t="s">
        <v>1205</v>
      </c>
      <c r="B47031" s="1" t="s">
        <v>159471</v>
      </c>
      <c r="C47031" s="1" t="s">
        <v>30</v>
      </c>
      <c r="D47031" s="1" t="s">
        <v>159922</v>
      </c>
      <c r="E47031" s="1" t="s">
        <v>159923</v>
      </c>
      <c r="F47031" s="1" t="s">
        <v>159924</v>
      </c>
      <c r="G47031" s="1" t="s">
        <v>159912</v>
      </c>
      <c r="H47031" s="1" t="s">
        <v>159913</v>
      </c>
      <c r="I47031" s="1" t="s">
        <v>159477</v>
      </c>
      <c r="J47031" s="1" t="s">
        <v>159925</v>
      </c>
    </row>
    <row r="47032" spans="1:10" x14ac:dyDescent="0.35">
      <c r="A47032" s="1" t="s">
        <v>1205</v>
      </c>
      <c r="B47032" s="1" t="s">
        <v>159471</v>
      </c>
      <c r="C47032" s="1" t="s">
        <v>35</v>
      </c>
      <c r="D47032" s="1" t="s">
        <v>19399</v>
      </c>
      <c r="E47032" s="1" t="s">
        <v>27459</v>
      </c>
      <c r="F47032" s="1" t="s">
        <v>159926</v>
      </c>
      <c r="G47032" s="1" t="s">
        <v>159912</v>
      </c>
      <c r="H47032" s="1" t="s">
        <v>159913</v>
      </c>
      <c r="I47032" s="1" t="s">
        <v>159477</v>
      </c>
      <c r="J47032" s="1" t="s">
        <v>159927</v>
      </c>
    </row>
    <row r="47033" spans="1:10" x14ac:dyDescent="0.35">
      <c r="A47033" s="1" t="s">
        <v>1205</v>
      </c>
      <c r="B47033" s="1" t="s">
        <v>159471</v>
      </c>
      <c r="C47033" s="1" t="s">
        <v>40</v>
      </c>
      <c r="D47033" s="1" t="s">
        <v>159928</v>
      </c>
      <c r="E47033" s="1" t="s">
        <v>12640</v>
      </c>
      <c r="F47033" s="1" t="s">
        <v>159929</v>
      </c>
      <c r="G47033" s="1" t="s">
        <v>159912</v>
      </c>
      <c r="H47033" s="1" t="s">
        <v>159913</v>
      </c>
      <c r="I47033" s="1" t="s">
        <v>159477</v>
      </c>
      <c r="J47033" s="1" t="s">
        <v>159930</v>
      </c>
    </row>
    <row r="47034" spans="1:10" x14ac:dyDescent="0.35">
      <c r="A47034" s="1" t="s">
        <v>1205</v>
      </c>
      <c r="B47034" s="1" t="s">
        <v>159471</v>
      </c>
      <c r="C47034" s="1" t="s">
        <v>45</v>
      </c>
      <c r="D47034" s="1" t="s">
        <v>106593</v>
      </c>
      <c r="E47034" s="1" t="s">
        <v>8630</v>
      </c>
      <c r="F47034" s="1" t="s">
        <v>159931</v>
      </c>
      <c r="G47034" s="1" t="s">
        <v>159912</v>
      </c>
      <c r="H47034" s="1" t="s">
        <v>159913</v>
      </c>
      <c r="I47034" s="1" t="s">
        <v>159477</v>
      </c>
      <c r="J47034" s="1" t="s">
        <v>159932</v>
      </c>
    </row>
    <row r="47035" spans="1:10" x14ac:dyDescent="0.35">
      <c r="A47035" s="1" t="s">
        <v>1205</v>
      </c>
      <c r="B47035" s="1" t="s">
        <v>159471</v>
      </c>
      <c r="C47035" s="1" t="s">
        <v>50</v>
      </c>
      <c r="D47035" s="1" t="s">
        <v>113222</v>
      </c>
      <c r="E47035" s="1" t="s">
        <v>111335</v>
      </c>
      <c r="F47035" s="1" t="s">
        <v>159933</v>
      </c>
      <c r="G47035" s="1" t="s">
        <v>159912</v>
      </c>
      <c r="H47035" s="1" t="s">
        <v>159913</v>
      </c>
      <c r="I47035" s="1" t="s">
        <v>159477</v>
      </c>
      <c r="J47035" s="1" t="s">
        <v>159934</v>
      </c>
    </row>
    <row r="47036" spans="1:10" x14ac:dyDescent="0.35">
      <c r="A47036" s="1" t="s">
        <v>1205</v>
      </c>
      <c r="B47036" s="1" t="s">
        <v>159471</v>
      </c>
      <c r="C47036" s="1" t="s">
        <v>55</v>
      </c>
      <c r="D47036" s="1" t="s">
        <v>159935</v>
      </c>
      <c r="E47036" s="1" t="s">
        <v>7929</v>
      </c>
      <c r="F47036" s="1" t="s">
        <v>159936</v>
      </c>
      <c r="G47036" s="1" t="s">
        <v>159912</v>
      </c>
      <c r="H47036" s="1" t="s">
        <v>159913</v>
      </c>
      <c r="I47036" s="1" t="s">
        <v>159477</v>
      </c>
      <c r="J47036" s="1" t="s">
        <v>159937</v>
      </c>
    </row>
    <row r="47037" spans="1:10" x14ac:dyDescent="0.35">
      <c r="A47037" s="1" t="s">
        <v>1205</v>
      </c>
      <c r="B47037" s="1" t="s">
        <v>159471</v>
      </c>
      <c r="C47037" s="1" t="s">
        <v>60</v>
      </c>
      <c r="D47037" s="1" t="s">
        <v>159938</v>
      </c>
      <c r="E47037" s="1" t="s">
        <v>159939</v>
      </c>
      <c r="F47037" s="1" t="s">
        <v>159940</v>
      </c>
      <c r="G47037" s="1" t="s">
        <v>159912</v>
      </c>
      <c r="H47037" s="1" t="s">
        <v>159913</v>
      </c>
      <c r="I47037" s="1" t="s">
        <v>159477</v>
      </c>
      <c r="J47037" s="1" t="s">
        <v>159941</v>
      </c>
    </row>
    <row r="47038" spans="1:10" x14ac:dyDescent="0.35">
      <c r="A47038" s="1" t="s">
        <v>1205</v>
      </c>
      <c r="B47038" s="1" t="s">
        <v>159471</v>
      </c>
      <c r="C47038" s="1" t="s">
        <v>65</v>
      </c>
      <c r="D47038" s="1" t="s">
        <v>159942</v>
      </c>
      <c r="E47038" s="1" t="s">
        <v>7958</v>
      </c>
      <c r="F47038" s="1" t="s">
        <v>159943</v>
      </c>
      <c r="G47038" s="1" t="s">
        <v>159912</v>
      </c>
      <c r="H47038" s="1" t="s">
        <v>159913</v>
      </c>
      <c r="I47038" s="1" t="s">
        <v>159477</v>
      </c>
      <c r="J47038" s="1" t="s">
        <v>159944</v>
      </c>
    </row>
    <row r="47039" spans="1:10" x14ac:dyDescent="0.35">
      <c r="A47039" s="1" t="s">
        <v>1205</v>
      </c>
      <c r="B47039" s="1" t="s">
        <v>159471</v>
      </c>
      <c r="C47039" s="1" t="s">
        <v>70</v>
      </c>
      <c r="D47039" s="1" t="s">
        <v>113265</v>
      </c>
      <c r="E47039" s="1" t="s">
        <v>159945</v>
      </c>
      <c r="F47039" s="1" t="s">
        <v>159946</v>
      </c>
      <c r="G47039" s="1" t="s">
        <v>159912</v>
      </c>
      <c r="H47039" s="1" t="s">
        <v>159913</v>
      </c>
      <c r="I47039" s="1" t="s">
        <v>159477</v>
      </c>
      <c r="J47039" s="1" t="s">
        <v>159947</v>
      </c>
    </row>
    <row r="47040" spans="1:10" x14ac:dyDescent="0.35">
      <c r="A47040" s="1" t="s">
        <v>1205</v>
      </c>
      <c r="B47040" s="1" t="s">
        <v>159471</v>
      </c>
      <c r="C47040" s="1" t="s">
        <v>75</v>
      </c>
      <c r="D47040" s="1" t="s">
        <v>159948</v>
      </c>
      <c r="E47040" s="1" t="s">
        <v>159949</v>
      </c>
      <c r="F47040" s="1" t="s">
        <v>159950</v>
      </c>
      <c r="G47040" s="1" t="s">
        <v>159912</v>
      </c>
      <c r="H47040" s="1" t="s">
        <v>159913</v>
      </c>
      <c r="I47040" s="1" t="s">
        <v>159477</v>
      </c>
      <c r="J47040" s="1" t="s">
        <v>159951</v>
      </c>
    </row>
    <row r="47041" spans="1:10" x14ac:dyDescent="0.35">
      <c r="A47041" s="1" t="s">
        <v>1205</v>
      </c>
      <c r="B47041" s="1" t="s">
        <v>159471</v>
      </c>
      <c r="C47041" s="1" t="s">
        <v>80</v>
      </c>
      <c r="D47041" s="1" t="s">
        <v>159952</v>
      </c>
      <c r="E47041" s="1" t="s">
        <v>480</v>
      </c>
      <c r="F47041" s="1" t="s">
        <v>159953</v>
      </c>
      <c r="G47041" s="1" t="s">
        <v>159912</v>
      </c>
      <c r="H47041" s="1" t="s">
        <v>159913</v>
      </c>
      <c r="I47041" s="1" t="s">
        <v>159477</v>
      </c>
      <c r="J47041" s="1" t="s">
        <v>159954</v>
      </c>
    </row>
    <row r="47042" spans="1:10" x14ac:dyDescent="0.35">
      <c r="A47042" s="1" t="s">
        <v>1205</v>
      </c>
      <c r="B47042" s="1" t="s">
        <v>159471</v>
      </c>
      <c r="C47042" s="1" t="s">
        <v>85</v>
      </c>
      <c r="D47042" s="1" t="s">
        <v>159955</v>
      </c>
      <c r="E47042" s="1" t="s">
        <v>8566</v>
      </c>
      <c r="F47042" s="1" t="s">
        <v>159956</v>
      </c>
      <c r="G47042" s="1" t="s">
        <v>159912</v>
      </c>
      <c r="H47042" s="1" t="s">
        <v>159913</v>
      </c>
      <c r="I47042" s="1" t="s">
        <v>159477</v>
      </c>
      <c r="J47042" s="1" t="s">
        <v>159957</v>
      </c>
    </row>
    <row r="47043" spans="1:10" x14ac:dyDescent="0.35">
      <c r="A47043" s="1" t="s">
        <v>1205</v>
      </c>
      <c r="B47043" s="1" t="s">
        <v>159471</v>
      </c>
      <c r="C47043" s="1" t="s">
        <v>90</v>
      </c>
      <c r="D47043" s="1" t="s">
        <v>108932</v>
      </c>
      <c r="E47043" s="1" t="s">
        <v>159958</v>
      </c>
      <c r="F47043" s="1" t="s">
        <v>159959</v>
      </c>
      <c r="G47043" s="1" t="s">
        <v>159912</v>
      </c>
      <c r="H47043" s="1" t="s">
        <v>159913</v>
      </c>
      <c r="I47043" s="1" t="s">
        <v>159477</v>
      </c>
      <c r="J47043" s="1" t="s">
        <v>159960</v>
      </c>
    </row>
    <row r="47044" spans="1:10" x14ac:dyDescent="0.35">
      <c r="A47044" s="1" t="s">
        <v>1205</v>
      </c>
      <c r="B47044" s="1" t="s">
        <v>159471</v>
      </c>
      <c r="C47044" s="1" t="s">
        <v>95</v>
      </c>
      <c r="D47044" s="1" t="s">
        <v>159961</v>
      </c>
      <c r="E47044" s="1" t="s">
        <v>7933</v>
      </c>
      <c r="F47044" s="1" t="s">
        <v>159962</v>
      </c>
      <c r="G47044" s="1" t="s">
        <v>159912</v>
      </c>
      <c r="H47044" s="1" t="s">
        <v>159913</v>
      </c>
      <c r="I47044" s="1" t="s">
        <v>159477</v>
      </c>
      <c r="J47044" s="1" t="s">
        <v>159963</v>
      </c>
    </row>
    <row r="47045" spans="1:10" x14ac:dyDescent="0.35">
      <c r="A47045" s="1" t="s">
        <v>1205</v>
      </c>
      <c r="B47045" s="1" t="s">
        <v>159471</v>
      </c>
      <c r="C47045" s="1" t="s">
        <v>100</v>
      </c>
      <c r="D47045" s="1" t="s">
        <v>159964</v>
      </c>
      <c r="E47045" s="1" t="s">
        <v>159965</v>
      </c>
      <c r="F47045" s="1" t="s">
        <v>159966</v>
      </c>
      <c r="G47045" s="1" t="s">
        <v>159912</v>
      </c>
      <c r="H47045" s="1" t="s">
        <v>159913</v>
      </c>
      <c r="I47045" s="1" t="s">
        <v>159477</v>
      </c>
      <c r="J47045" s="1" t="s">
        <v>159967</v>
      </c>
    </row>
    <row r="47046" spans="1:10" x14ac:dyDescent="0.35">
      <c r="A47046" s="1" t="s">
        <v>1205</v>
      </c>
      <c r="B47046" s="1" t="s">
        <v>159471</v>
      </c>
      <c r="C47046" s="1" t="s">
        <v>105</v>
      </c>
      <c r="D47046" s="1" t="s">
        <v>159968</v>
      </c>
      <c r="E47046" s="1" t="s">
        <v>12695</v>
      </c>
      <c r="F47046" s="1" t="s">
        <v>159969</v>
      </c>
      <c r="G47046" s="1" t="s">
        <v>159912</v>
      </c>
      <c r="H47046" s="1" t="s">
        <v>159913</v>
      </c>
      <c r="I47046" s="1" t="s">
        <v>159477</v>
      </c>
      <c r="J47046" s="1" t="s">
        <v>159970</v>
      </c>
    </row>
    <row r="47047" spans="1:10" x14ac:dyDescent="0.35">
      <c r="A47047" s="1" t="s">
        <v>1205</v>
      </c>
      <c r="B47047" s="1" t="s">
        <v>159471</v>
      </c>
      <c r="C47047" s="1" t="s">
        <v>110</v>
      </c>
      <c r="D47047" s="1" t="s">
        <v>159971</v>
      </c>
      <c r="E47047" s="1" t="s">
        <v>159972</v>
      </c>
      <c r="F47047" s="1" t="s">
        <v>159973</v>
      </c>
      <c r="G47047" s="1" t="s">
        <v>159912</v>
      </c>
      <c r="H47047" s="1" t="s">
        <v>159913</v>
      </c>
      <c r="I47047" s="1" t="s">
        <v>159477</v>
      </c>
      <c r="J47047" s="1" t="s">
        <v>159974</v>
      </c>
    </row>
    <row r="47048" spans="1:10" x14ac:dyDescent="0.35">
      <c r="A47048" s="1" t="s">
        <v>1205</v>
      </c>
      <c r="B47048" s="1" t="s">
        <v>159471</v>
      </c>
      <c r="C47048" s="1" t="s">
        <v>115</v>
      </c>
      <c r="D47048" s="1" t="s">
        <v>39449</v>
      </c>
      <c r="E47048" s="1" t="s">
        <v>159975</v>
      </c>
      <c r="F47048" s="1" t="s">
        <v>159976</v>
      </c>
      <c r="G47048" s="1" t="s">
        <v>159912</v>
      </c>
      <c r="H47048" s="1" t="s">
        <v>159913</v>
      </c>
      <c r="I47048" s="1" t="s">
        <v>159477</v>
      </c>
      <c r="J47048" s="1" t="s">
        <v>159977</v>
      </c>
    </row>
    <row r="47049" spans="1:10" x14ac:dyDescent="0.35">
      <c r="A47049" s="1" t="s">
        <v>1205</v>
      </c>
      <c r="B47049" s="1" t="s">
        <v>159471</v>
      </c>
      <c r="C47049" s="1" t="s">
        <v>120</v>
      </c>
      <c r="D47049" s="1" t="s">
        <v>159978</v>
      </c>
      <c r="E47049" s="1" t="s">
        <v>8646</v>
      </c>
      <c r="F47049" s="1" t="s">
        <v>159979</v>
      </c>
      <c r="G47049" s="1" t="s">
        <v>159912</v>
      </c>
      <c r="H47049" s="1" t="s">
        <v>159913</v>
      </c>
      <c r="I47049" s="1" t="s">
        <v>159477</v>
      </c>
      <c r="J47049" s="1" t="s">
        <v>159980</v>
      </c>
    </row>
    <row r="47050" spans="1:10" x14ac:dyDescent="0.35">
      <c r="A47050" s="1" t="s">
        <v>1205</v>
      </c>
      <c r="B47050" s="1" t="s">
        <v>159471</v>
      </c>
      <c r="C47050" s="1" t="s">
        <v>125</v>
      </c>
      <c r="D47050" s="1" t="s">
        <v>159981</v>
      </c>
      <c r="E47050" s="1" t="s">
        <v>159982</v>
      </c>
      <c r="F47050" s="1" t="s">
        <v>159983</v>
      </c>
      <c r="G47050" s="1" t="s">
        <v>159912</v>
      </c>
      <c r="H47050" s="1" t="s">
        <v>159913</v>
      </c>
      <c r="I47050" s="1" t="s">
        <v>159477</v>
      </c>
      <c r="J47050" s="1" t="s">
        <v>159984</v>
      </c>
    </row>
    <row r="47051" spans="1:10" x14ac:dyDescent="0.35">
      <c r="A47051" s="1" t="s">
        <v>1205</v>
      </c>
      <c r="B47051" s="1" t="s">
        <v>159471</v>
      </c>
      <c r="C47051" s="1" t="s">
        <v>130</v>
      </c>
      <c r="D47051" s="1" t="s">
        <v>159985</v>
      </c>
      <c r="E47051" s="1" t="s">
        <v>159986</v>
      </c>
      <c r="F47051" s="1" t="s">
        <v>159987</v>
      </c>
      <c r="G47051" s="1" t="s">
        <v>159912</v>
      </c>
      <c r="H47051" s="1" t="s">
        <v>159913</v>
      </c>
      <c r="I47051" s="1" t="s">
        <v>159477</v>
      </c>
      <c r="J47051" s="1" t="s">
        <v>159988</v>
      </c>
    </row>
    <row r="47052" spans="1:10" x14ac:dyDescent="0.35">
      <c r="A47052" s="1" t="s">
        <v>1205</v>
      </c>
      <c r="B47052" s="1" t="s">
        <v>159471</v>
      </c>
      <c r="C47052" s="1" t="s">
        <v>135</v>
      </c>
      <c r="D47052" s="1" t="s">
        <v>159989</v>
      </c>
      <c r="E47052" s="1" t="s">
        <v>111472</v>
      </c>
      <c r="F47052" s="1" t="s">
        <v>159990</v>
      </c>
      <c r="G47052" s="1" t="s">
        <v>159912</v>
      </c>
      <c r="H47052" s="1" t="s">
        <v>159913</v>
      </c>
      <c r="I47052" s="1" t="s">
        <v>159477</v>
      </c>
      <c r="J47052" s="1" t="s">
        <v>159991</v>
      </c>
    </row>
    <row r="47053" spans="1:10" x14ac:dyDescent="0.35">
      <c r="A47053" s="1" t="s">
        <v>1205</v>
      </c>
      <c r="B47053" s="1" t="s">
        <v>159471</v>
      </c>
      <c r="C47053" s="1" t="s">
        <v>140</v>
      </c>
      <c r="D47053" s="1" t="s">
        <v>130677</v>
      </c>
      <c r="E47053" s="1" t="s">
        <v>159992</v>
      </c>
      <c r="F47053" s="1" t="s">
        <v>159993</v>
      </c>
      <c r="G47053" s="1" t="s">
        <v>159912</v>
      </c>
      <c r="H47053" s="1" t="s">
        <v>159913</v>
      </c>
      <c r="I47053" s="1" t="s">
        <v>159477</v>
      </c>
      <c r="J47053" s="1" t="s">
        <v>159994</v>
      </c>
    </row>
    <row r="47054" spans="1:10" x14ac:dyDescent="0.35">
      <c r="A47054" s="1" t="s">
        <v>1205</v>
      </c>
      <c r="B47054" s="1" t="s">
        <v>159471</v>
      </c>
      <c r="C47054" s="1" t="s">
        <v>145</v>
      </c>
      <c r="D47054" s="1" t="s">
        <v>159995</v>
      </c>
      <c r="E47054" s="1" t="s">
        <v>159996</v>
      </c>
      <c r="F47054" s="1" t="s">
        <v>159997</v>
      </c>
      <c r="G47054" s="1" t="s">
        <v>159912</v>
      </c>
      <c r="H47054" s="1" t="s">
        <v>159913</v>
      </c>
      <c r="I47054" s="1" t="s">
        <v>159477</v>
      </c>
      <c r="J47054" s="1" t="s">
        <v>159998</v>
      </c>
    </row>
    <row r="47055" spans="1:10" x14ac:dyDescent="0.35">
      <c r="A47055" s="1" t="s">
        <v>1205</v>
      </c>
      <c r="B47055" s="1" t="s">
        <v>159471</v>
      </c>
      <c r="C47055" s="1" t="s">
        <v>150</v>
      </c>
      <c r="D47055" s="1" t="s">
        <v>159999</v>
      </c>
      <c r="E47055" s="1" t="s">
        <v>13673</v>
      </c>
      <c r="F47055" s="1" t="s">
        <v>160000</v>
      </c>
      <c r="G47055" s="1" t="s">
        <v>159912</v>
      </c>
      <c r="H47055" s="1" t="s">
        <v>159913</v>
      </c>
      <c r="I47055" s="1" t="s">
        <v>159477</v>
      </c>
      <c r="J47055" s="1" t="s">
        <v>160001</v>
      </c>
    </row>
    <row r="47056" spans="1:10" x14ac:dyDescent="0.35">
      <c r="A47056" s="1" t="s">
        <v>1205</v>
      </c>
      <c r="B47056" s="1" t="s">
        <v>159471</v>
      </c>
      <c r="C47056" s="1" t="s">
        <v>155</v>
      </c>
      <c r="D47056" s="1" t="s">
        <v>95376</v>
      </c>
      <c r="E47056" s="1" t="s">
        <v>160002</v>
      </c>
      <c r="F47056" s="1" t="s">
        <v>160003</v>
      </c>
      <c r="G47056" s="1" t="s">
        <v>159912</v>
      </c>
      <c r="H47056" s="1" t="s">
        <v>159913</v>
      </c>
      <c r="I47056" s="1" t="s">
        <v>159477</v>
      </c>
      <c r="J47056" s="1" t="s">
        <v>160004</v>
      </c>
    </row>
    <row r="47057" spans="1:10" x14ac:dyDescent="0.35">
      <c r="A47057" s="1" t="s">
        <v>1205</v>
      </c>
      <c r="B47057" s="1" t="s">
        <v>159471</v>
      </c>
      <c r="C47057" s="1" t="s">
        <v>160</v>
      </c>
      <c r="D47057" s="1" t="s">
        <v>147980</v>
      </c>
      <c r="E47057" s="1" t="s">
        <v>111462</v>
      </c>
      <c r="F47057" s="1" t="s">
        <v>160005</v>
      </c>
      <c r="G47057" s="1" t="s">
        <v>159912</v>
      </c>
      <c r="H47057" s="1" t="s">
        <v>159913</v>
      </c>
      <c r="I47057" s="1" t="s">
        <v>159477</v>
      </c>
      <c r="J47057" s="1" t="s">
        <v>160006</v>
      </c>
    </row>
    <row r="47058" spans="1:10" x14ac:dyDescent="0.35">
      <c r="A47058" s="1" t="s">
        <v>1205</v>
      </c>
      <c r="B47058" s="1" t="s">
        <v>159471</v>
      </c>
      <c r="C47058" s="1" t="s">
        <v>165</v>
      </c>
      <c r="D47058" s="1" t="s">
        <v>160007</v>
      </c>
      <c r="E47058" s="1" t="s">
        <v>160008</v>
      </c>
      <c r="F47058" s="1" t="s">
        <v>160009</v>
      </c>
      <c r="G47058" s="1" t="s">
        <v>159912</v>
      </c>
      <c r="H47058" s="1" t="s">
        <v>159913</v>
      </c>
      <c r="I47058" s="1" t="s">
        <v>159477</v>
      </c>
      <c r="J47058" s="1" t="s">
        <v>160010</v>
      </c>
    </row>
    <row r="47059" spans="1:10" x14ac:dyDescent="0.35">
      <c r="A47059" s="1" t="s">
        <v>1205</v>
      </c>
      <c r="B47059" s="1" t="s">
        <v>159471</v>
      </c>
      <c r="C47059" s="1" t="s">
        <v>170</v>
      </c>
      <c r="D47059" s="1" t="s">
        <v>63687</v>
      </c>
      <c r="E47059" s="1" t="s">
        <v>13648</v>
      </c>
      <c r="F47059" s="1" t="s">
        <v>160011</v>
      </c>
      <c r="G47059" s="1" t="s">
        <v>159912</v>
      </c>
      <c r="H47059" s="1" t="s">
        <v>159913</v>
      </c>
      <c r="I47059" s="1" t="s">
        <v>159477</v>
      </c>
      <c r="J47059" s="1" t="s">
        <v>160012</v>
      </c>
    </row>
    <row r="47060" spans="1:10" x14ac:dyDescent="0.35">
      <c r="A47060" s="1" t="s">
        <v>121984</v>
      </c>
      <c r="B47060" s="1" t="s">
        <v>159471</v>
      </c>
      <c r="C47060" s="1" t="s">
        <v>8</v>
      </c>
      <c r="D47060" s="1" t="s">
        <v>160013</v>
      </c>
      <c r="E47060" s="1" t="s">
        <v>160014</v>
      </c>
      <c r="F47060" s="1" t="s">
        <v>160015</v>
      </c>
      <c r="G47060" s="1" t="s">
        <v>160016</v>
      </c>
      <c r="H47060" s="1" t="s">
        <v>160017</v>
      </c>
      <c r="I47060" s="1" t="s">
        <v>159477</v>
      </c>
      <c r="J47060" s="1" t="s">
        <v>13</v>
      </c>
    </row>
    <row r="47061" spans="1:10" x14ac:dyDescent="0.35">
      <c r="A47061" s="1" t="s">
        <v>121984</v>
      </c>
      <c r="B47061" s="1" t="s">
        <v>159471</v>
      </c>
      <c r="C47061" s="1" t="s">
        <v>15</v>
      </c>
      <c r="D47061" s="1" t="s">
        <v>18173</v>
      </c>
      <c r="E47061" s="1" t="s">
        <v>160018</v>
      </c>
      <c r="F47061" s="1" t="s">
        <v>160019</v>
      </c>
      <c r="G47061" s="1" t="s">
        <v>160016</v>
      </c>
      <c r="H47061" s="1" t="s">
        <v>160017</v>
      </c>
      <c r="I47061" s="1" t="s">
        <v>159477</v>
      </c>
      <c r="J47061" s="1" t="s">
        <v>160020</v>
      </c>
    </row>
    <row r="47062" spans="1:10" x14ac:dyDescent="0.35">
      <c r="A47062" s="1" t="s">
        <v>121984</v>
      </c>
      <c r="B47062" s="1" t="s">
        <v>159471</v>
      </c>
      <c r="C47062" s="1" t="s">
        <v>20</v>
      </c>
      <c r="D47062" s="1" t="s">
        <v>15558</v>
      </c>
      <c r="E47062" s="1" t="s">
        <v>160021</v>
      </c>
      <c r="F47062" s="1" t="s">
        <v>160022</v>
      </c>
      <c r="G47062" s="1" t="s">
        <v>160016</v>
      </c>
      <c r="H47062" s="1" t="s">
        <v>160017</v>
      </c>
      <c r="I47062" s="1" t="s">
        <v>159477</v>
      </c>
      <c r="J47062" s="1" t="s">
        <v>160023</v>
      </c>
    </row>
    <row r="47063" spans="1:10" x14ac:dyDescent="0.35">
      <c r="A47063" s="1" t="s">
        <v>121984</v>
      </c>
      <c r="B47063" s="1" t="s">
        <v>159471</v>
      </c>
      <c r="C47063" s="1" t="s">
        <v>25</v>
      </c>
      <c r="D47063" s="1" t="s">
        <v>160024</v>
      </c>
      <c r="E47063" s="1" t="s">
        <v>160025</v>
      </c>
      <c r="F47063" s="1" t="s">
        <v>160026</v>
      </c>
      <c r="G47063" s="1" t="s">
        <v>160016</v>
      </c>
      <c r="H47063" s="1" t="s">
        <v>160017</v>
      </c>
      <c r="I47063" s="1" t="s">
        <v>159477</v>
      </c>
      <c r="J47063" s="1" t="s">
        <v>160027</v>
      </c>
    </row>
    <row r="47064" spans="1:10" x14ac:dyDescent="0.35">
      <c r="A47064" s="1" t="s">
        <v>121984</v>
      </c>
      <c r="B47064" s="1" t="s">
        <v>159471</v>
      </c>
      <c r="C47064" s="1" t="s">
        <v>30</v>
      </c>
      <c r="D47064" s="1" t="s">
        <v>160028</v>
      </c>
      <c r="E47064" s="1" t="s">
        <v>160029</v>
      </c>
      <c r="F47064" s="1" t="s">
        <v>160030</v>
      </c>
      <c r="G47064" s="1" t="s">
        <v>160016</v>
      </c>
      <c r="H47064" s="1" t="s">
        <v>160017</v>
      </c>
      <c r="I47064" s="1" t="s">
        <v>159477</v>
      </c>
      <c r="J47064" s="1" t="s">
        <v>160031</v>
      </c>
    </row>
    <row r="47065" spans="1:10" x14ac:dyDescent="0.35">
      <c r="A47065" s="1" t="s">
        <v>121984</v>
      </c>
      <c r="B47065" s="1" t="s">
        <v>159471</v>
      </c>
      <c r="C47065" s="1" t="s">
        <v>35</v>
      </c>
      <c r="D47065" s="1" t="s">
        <v>13311</v>
      </c>
      <c r="E47065" s="1" t="s">
        <v>160032</v>
      </c>
      <c r="F47065" s="1" t="s">
        <v>160033</v>
      </c>
      <c r="G47065" s="1" t="s">
        <v>160016</v>
      </c>
      <c r="H47065" s="1" t="s">
        <v>160017</v>
      </c>
      <c r="I47065" s="1" t="s">
        <v>159477</v>
      </c>
      <c r="J47065" s="1" t="s">
        <v>160034</v>
      </c>
    </row>
    <row r="47066" spans="1:10" x14ac:dyDescent="0.35">
      <c r="A47066" s="1" t="s">
        <v>121984</v>
      </c>
      <c r="B47066" s="1" t="s">
        <v>159471</v>
      </c>
      <c r="C47066" s="1" t="s">
        <v>40</v>
      </c>
      <c r="D47066" s="1" t="s">
        <v>149690</v>
      </c>
      <c r="E47066" s="1" t="s">
        <v>160035</v>
      </c>
      <c r="F47066" s="1" t="s">
        <v>160036</v>
      </c>
      <c r="G47066" s="1" t="s">
        <v>160016</v>
      </c>
      <c r="H47066" s="1" t="s">
        <v>160017</v>
      </c>
      <c r="I47066" s="1" t="s">
        <v>159477</v>
      </c>
      <c r="J47066" s="1" t="s">
        <v>160037</v>
      </c>
    </row>
    <row r="47067" spans="1:10" x14ac:dyDescent="0.35">
      <c r="A47067" s="1" t="s">
        <v>121984</v>
      </c>
      <c r="B47067" s="1" t="s">
        <v>159471</v>
      </c>
      <c r="C47067" s="1" t="s">
        <v>45</v>
      </c>
      <c r="D47067" s="1" t="s">
        <v>160038</v>
      </c>
      <c r="E47067" s="1" t="s">
        <v>160039</v>
      </c>
      <c r="F47067" s="1" t="s">
        <v>160040</v>
      </c>
      <c r="G47067" s="1" t="s">
        <v>160016</v>
      </c>
      <c r="H47067" s="1" t="s">
        <v>160017</v>
      </c>
      <c r="I47067" s="1" t="s">
        <v>159477</v>
      </c>
      <c r="J47067" s="1" t="s">
        <v>160041</v>
      </c>
    </row>
    <row r="47068" spans="1:10" x14ac:dyDescent="0.35">
      <c r="A47068" s="1" t="s">
        <v>121984</v>
      </c>
      <c r="B47068" s="1" t="s">
        <v>159471</v>
      </c>
      <c r="C47068" s="1" t="s">
        <v>50</v>
      </c>
      <c r="D47068" s="1" t="s">
        <v>160042</v>
      </c>
      <c r="E47068" s="1" t="s">
        <v>160043</v>
      </c>
      <c r="F47068" s="1" t="s">
        <v>160044</v>
      </c>
      <c r="G47068" s="1" t="s">
        <v>160016</v>
      </c>
      <c r="H47068" s="1" t="s">
        <v>160017</v>
      </c>
      <c r="I47068" s="1" t="s">
        <v>159477</v>
      </c>
      <c r="J47068" s="1" t="s">
        <v>160045</v>
      </c>
    </row>
    <row r="47069" spans="1:10" x14ac:dyDescent="0.35">
      <c r="A47069" s="1" t="s">
        <v>121984</v>
      </c>
      <c r="B47069" s="1" t="s">
        <v>159471</v>
      </c>
      <c r="C47069" s="1" t="s">
        <v>55</v>
      </c>
      <c r="D47069" s="1" t="s">
        <v>6799</v>
      </c>
      <c r="E47069" s="1" t="s">
        <v>160046</v>
      </c>
      <c r="F47069" s="1" t="s">
        <v>160047</v>
      </c>
      <c r="G47069" s="1" t="s">
        <v>160016</v>
      </c>
      <c r="H47069" s="1" t="s">
        <v>160017</v>
      </c>
      <c r="I47069" s="1" t="s">
        <v>159477</v>
      </c>
      <c r="J47069" s="1" t="s">
        <v>110650</v>
      </c>
    </row>
    <row r="47070" spans="1:10" x14ac:dyDescent="0.35">
      <c r="A47070" s="1" t="s">
        <v>121984</v>
      </c>
      <c r="B47070" s="1" t="s">
        <v>159471</v>
      </c>
      <c r="C47070" s="1" t="s">
        <v>60</v>
      </c>
      <c r="D47070" s="1" t="s">
        <v>160048</v>
      </c>
      <c r="E47070" s="1" t="s">
        <v>160049</v>
      </c>
      <c r="F47070" s="1" t="s">
        <v>160050</v>
      </c>
      <c r="G47070" s="1" t="s">
        <v>160016</v>
      </c>
      <c r="H47070" s="1" t="s">
        <v>160017</v>
      </c>
      <c r="I47070" s="1" t="s">
        <v>159477</v>
      </c>
      <c r="J47070" s="1" t="s">
        <v>160051</v>
      </c>
    </row>
    <row r="47071" spans="1:10" x14ac:dyDescent="0.35">
      <c r="A47071" s="1" t="s">
        <v>121984</v>
      </c>
      <c r="B47071" s="1" t="s">
        <v>159471</v>
      </c>
      <c r="C47071" s="1" t="s">
        <v>65</v>
      </c>
      <c r="D47071" s="1" t="s">
        <v>160052</v>
      </c>
      <c r="E47071" s="1" t="s">
        <v>160053</v>
      </c>
      <c r="F47071" s="1" t="s">
        <v>160054</v>
      </c>
      <c r="G47071" s="1" t="s">
        <v>160016</v>
      </c>
      <c r="H47071" s="1" t="s">
        <v>160017</v>
      </c>
      <c r="I47071" s="1" t="s">
        <v>159477</v>
      </c>
      <c r="J47071" s="1" t="s">
        <v>160055</v>
      </c>
    </row>
    <row r="47072" spans="1:10" x14ac:dyDescent="0.35">
      <c r="A47072" s="1" t="s">
        <v>121984</v>
      </c>
      <c r="B47072" s="1" t="s">
        <v>159471</v>
      </c>
      <c r="C47072" s="1" t="s">
        <v>70</v>
      </c>
      <c r="D47072" s="1" t="s">
        <v>160056</v>
      </c>
      <c r="E47072" s="1" t="s">
        <v>160057</v>
      </c>
      <c r="F47072" s="1" t="s">
        <v>160058</v>
      </c>
      <c r="G47072" s="1" t="s">
        <v>160016</v>
      </c>
      <c r="H47072" s="1" t="s">
        <v>160017</v>
      </c>
      <c r="I47072" s="1" t="s">
        <v>159477</v>
      </c>
      <c r="J47072" s="1" t="s">
        <v>160059</v>
      </c>
    </row>
    <row r="47073" spans="1:10" x14ac:dyDescent="0.35">
      <c r="A47073" s="1" t="s">
        <v>121984</v>
      </c>
      <c r="B47073" s="1" t="s">
        <v>159471</v>
      </c>
      <c r="C47073" s="1" t="s">
        <v>75</v>
      </c>
      <c r="D47073" s="1" t="s">
        <v>160060</v>
      </c>
      <c r="E47073" s="1" t="s">
        <v>160061</v>
      </c>
      <c r="F47073" s="1" t="s">
        <v>160062</v>
      </c>
      <c r="G47073" s="1" t="s">
        <v>160016</v>
      </c>
      <c r="H47073" s="1" t="s">
        <v>160017</v>
      </c>
      <c r="I47073" s="1" t="s">
        <v>159477</v>
      </c>
      <c r="J47073" s="1" t="s">
        <v>160063</v>
      </c>
    </row>
    <row r="47074" spans="1:10" x14ac:dyDescent="0.35">
      <c r="A47074" s="1" t="s">
        <v>121984</v>
      </c>
      <c r="B47074" s="1" t="s">
        <v>159471</v>
      </c>
      <c r="C47074" s="1" t="s">
        <v>80</v>
      </c>
      <c r="D47074" s="1" t="s">
        <v>42435</v>
      </c>
      <c r="E47074" s="1" t="s">
        <v>160064</v>
      </c>
      <c r="F47074" s="1" t="s">
        <v>160065</v>
      </c>
      <c r="G47074" s="1" t="s">
        <v>160016</v>
      </c>
      <c r="H47074" s="1" t="s">
        <v>160017</v>
      </c>
      <c r="I47074" s="1" t="s">
        <v>159477</v>
      </c>
      <c r="J47074" s="1" t="s">
        <v>160066</v>
      </c>
    </row>
    <row r="47075" spans="1:10" x14ac:dyDescent="0.35">
      <c r="A47075" s="1" t="s">
        <v>121984</v>
      </c>
      <c r="B47075" s="1" t="s">
        <v>159471</v>
      </c>
      <c r="C47075" s="1" t="s">
        <v>85</v>
      </c>
      <c r="D47075" s="1" t="s">
        <v>160067</v>
      </c>
      <c r="E47075" s="1" t="s">
        <v>160068</v>
      </c>
      <c r="F47075" s="1" t="s">
        <v>160069</v>
      </c>
      <c r="G47075" s="1" t="s">
        <v>160016</v>
      </c>
      <c r="H47075" s="1" t="s">
        <v>160017</v>
      </c>
      <c r="I47075" s="1" t="s">
        <v>159477</v>
      </c>
      <c r="J47075" s="1" t="s">
        <v>160070</v>
      </c>
    </row>
    <row r="47076" spans="1:10" x14ac:dyDescent="0.35">
      <c r="A47076" s="1" t="s">
        <v>121984</v>
      </c>
      <c r="B47076" s="1" t="s">
        <v>159471</v>
      </c>
      <c r="C47076" s="1" t="s">
        <v>90</v>
      </c>
      <c r="D47076" s="1" t="s">
        <v>65029</v>
      </c>
      <c r="E47076" s="1" t="s">
        <v>160071</v>
      </c>
      <c r="F47076" s="1" t="s">
        <v>160072</v>
      </c>
      <c r="G47076" s="1" t="s">
        <v>160016</v>
      </c>
      <c r="H47076" s="1" t="s">
        <v>160017</v>
      </c>
      <c r="I47076" s="1" t="s">
        <v>159477</v>
      </c>
      <c r="J47076" s="1" t="s">
        <v>160073</v>
      </c>
    </row>
    <row r="47077" spans="1:10" x14ac:dyDescent="0.35">
      <c r="A47077" s="1" t="s">
        <v>121984</v>
      </c>
      <c r="B47077" s="1" t="s">
        <v>159471</v>
      </c>
      <c r="C47077" s="1" t="s">
        <v>95</v>
      </c>
      <c r="D47077" s="1" t="s">
        <v>160074</v>
      </c>
      <c r="E47077" s="1" t="s">
        <v>160075</v>
      </c>
      <c r="F47077" s="1" t="s">
        <v>160076</v>
      </c>
      <c r="G47077" s="1" t="s">
        <v>160016</v>
      </c>
      <c r="H47077" s="1" t="s">
        <v>160017</v>
      </c>
      <c r="I47077" s="1" t="s">
        <v>159477</v>
      </c>
      <c r="J47077" s="1" t="s">
        <v>160077</v>
      </c>
    </row>
    <row r="47078" spans="1:10" x14ac:dyDescent="0.35">
      <c r="A47078" s="1" t="s">
        <v>121984</v>
      </c>
      <c r="B47078" s="1" t="s">
        <v>159471</v>
      </c>
      <c r="C47078" s="1" t="s">
        <v>100</v>
      </c>
      <c r="D47078" s="1" t="s">
        <v>105920</v>
      </c>
      <c r="E47078" s="1" t="s">
        <v>160078</v>
      </c>
      <c r="F47078" s="1" t="s">
        <v>160079</v>
      </c>
      <c r="G47078" s="1" t="s">
        <v>160016</v>
      </c>
      <c r="H47078" s="1" t="s">
        <v>160017</v>
      </c>
      <c r="I47078" s="1" t="s">
        <v>159477</v>
      </c>
      <c r="J47078" s="1" t="s">
        <v>160080</v>
      </c>
    </row>
    <row r="47079" spans="1:10" x14ac:dyDescent="0.35">
      <c r="A47079" s="1" t="s">
        <v>121984</v>
      </c>
      <c r="B47079" s="1" t="s">
        <v>159471</v>
      </c>
      <c r="C47079" s="1" t="s">
        <v>105</v>
      </c>
      <c r="D47079" s="1" t="s">
        <v>52188</v>
      </c>
      <c r="E47079" s="1" t="s">
        <v>160081</v>
      </c>
      <c r="F47079" s="1" t="s">
        <v>160082</v>
      </c>
      <c r="G47079" s="1" t="s">
        <v>160016</v>
      </c>
      <c r="H47079" s="1" t="s">
        <v>160017</v>
      </c>
      <c r="I47079" s="1" t="s">
        <v>159477</v>
      </c>
      <c r="J47079" s="1" t="s">
        <v>160083</v>
      </c>
    </row>
    <row r="47080" spans="1:10" x14ac:dyDescent="0.35">
      <c r="A47080" s="1" t="s">
        <v>121984</v>
      </c>
      <c r="B47080" s="1" t="s">
        <v>159471</v>
      </c>
      <c r="C47080" s="1" t="s">
        <v>110</v>
      </c>
      <c r="D47080" s="1" t="s">
        <v>160084</v>
      </c>
      <c r="E47080" s="1" t="s">
        <v>160085</v>
      </c>
      <c r="F47080" s="1" t="s">
        <v>160086</v>
      </c>
      <c r="G47080" s="1" t="s">
        <v>160016</v>
      </c>
      <c r="H47080" s="1" t="s">
        <v>160017</v>
      </c>
      <c r="I47080" s="1" t="s">
        <v>159477</v>
      </c>
      <c r="J47080" s="1" t="s">
        <v>160087</v>
      </c>
    </row>
    <row r="47081" spans="1:10" x14ac:dyDescent="0.35">
      <c r="A47081" s="1" t="s">
        <v>121984</v>
      </c>
      <c r="B47081" s="1" t="s">
        <v>159471</v>
      </c>
      <c r="C47081" s="1" t="s">
        <v>115</v>
      </c>
      <c r="D47081" s="1" t="s">
        <v>160088</v>
      </c>
      <c r="E47081" s="1" t="s">
        <v>160089</v>
      </c>
      <c r="F47081" s="1" t="s">
        <v>160090</v>
      </c>
      <c r="G47081" s="1" t="s">
        <v>160016</v>
      </c>
      <c r="H47081" s="1" t="s">
        <v>160017</v>
      </c>
      <c r="I47081" s="1" t="s">
        <v>159477</v>
      </c>
      <c r="J47081" s="1" t="s">
        <v>160091</v>
      </c>
    </row>
    <row r="47082" spans="1:10" x14ac:dyDescent="0.35">
      <c r="A47082" s="1" t="s">
        <v>121984</v>
      </c>
      <c r="B47082" s="1" t="s">
        <v>159471</v>
      </c>
      <c r="C47082" s="1" t="s">
        <v>120</v>
      </c>
      <c r="D47082" s="1" t="s">
        <v>108141</v>
      </c>
      <c r="E47082" s="1" t="s">
        <v>160092</v>
      </c>
      <c r="F47082" s="1" t="s">
        <v>160093</v>
      </c>
      <c r="G47082" s="1" t="s">
        <v>160016</v>
      </c>
      <c r="H47082" s="1" t="s">
        <v>160017</v>
      </c>
      <c r="I47082" s="1" t="s">
        <v>159477</v>
      </c>
      <c r="J47082" s="1" t="s">
        <v>160094</v>
      </c>
    </row>
    <row r="47083" spans="1:10" x14ac:dyDescent="0.35">
      <c r="A47083" s="1" t="s">
        <v>121984</v>
      </c>
      <c r="B47083" s="1" t="s">
        <v>159471</v>
      </c>
      <c r="C47083" s="1" t="s">
        <v>125</v>
      </c>
      <c r="D47083" s="1" t="s">
        <v>160095</v>
      </c>
      <c r="E47083" s="1" t="s">
        <v>160096</v>
      </c>
      <c r="F47083" s="1" t="s">
        <v>160097</v>
      </c>
      <c r="G47083" s="1" t="s">
        <v>160016</v>
      </c>
      <c r="H47083" s="1" t="s">
        <v>160017</v>
      </c>
      <c r="I47083" s="1" t="s">
        <v>159477</v>
      </c>
      <c r="J47083" s="1" t="s">
        <v>160098</v>
      </c>
    </row>
    <row r="47084" spans="1:10" x14ac:dyDescent="0.35">
      <c r="A47084" s="1" t="s">
        <v>121984</v>
      </c>
      <c r="B47084" s="1" t="s">
        <v>159471</v>
      </c>
      <c r="C47084" s="1" t="s">
        <v>130</v>
      </c>
      <c r="D47084" s="1" t="s">
        <v>160099</v>
      </c>
      <c r="E47084" s="1" t="s">
        <v>160100</v>
      </c>
      <c r="F47084" s="1" t="s">
        <v>160101</v>
      </c>
      <c r="G47084" s="1" t="s">
        <v>160016</v>
      </c>
      <c r="H47084" s="1" t="s">
        <v>160017</v>
      </c>
      <c r="I47084" s="1" t="s">
        <v>159477</v>
      </c>
      <c r="J47084" s="1" t="s">
        <v>160102</v>
      </c>
    </row>
    <row r="47085" spans="1:10" x14ac:dyDescent="0.35">
      <c r="A47085" s="1" t="s">
        <v>121984</v>
      </c>
      <c r="B47085" s="1" t="s">
        <v>159471</v>
      </c>
      <c r="C47085" s="1" t="s">
        <v>135</v>
      </c>
      <c r="D47085" s="1" t="s">
        <v>11405</v>
      </c>
      <c r="E47085" s="1" t="s">
        <v>160103</v>
      </c>
      <c r="F47085" s="1" t="s">
        <v>160104</v>
      </c>
      <c r="G47085" s="1" t="s">
        <v>160016</v>
      </c>
      <c r="H47085" s="1" t="s">
        <v>160017</v>
      </c>
      <c r="I47085" s="1" t="s">
        <v>159477</v>
      </c>
      <c r="J47085" s="1" t="s">
        <v>160105</v>
      </c>
    </row>
    <row r="47086" spans="1:10" x14ac:dyDescent="0.35">
      <c r="A47086" s="1" t="s">
        <v>121984</v>
      </c>
      <c r="B47086" s="1" t="s">
        <v>159471</v>
      </c>
      <c r="C47086" s="1" t="s">
        <v>140</v>
      </c>
      <c r="D47086" s="1" t="s">
        <v>160106</v>
      </c>
      <c r="E47086" s="1" t="s">
        <v>160107</v>
      </c>
      <c r="F47086" s="1" t="s">
        <v>160108</v>
      </c>
      <c r="G47086" s="1" t="s">
        <v>160016</v>
      </c>
      <c r="H47086" s="1" t="s">
        <v>160017</v>
      </c>
      <c r="I47086" s="1" t="s">
        <v>159477</v>
      </c>
      <c r="J47086" s="1" t="s">
        <v>160109</v>
      </c>
    </row>
    <row r="47087" spans="1:10" x14ac:dyDescent="0.35">
      <c r="A47087" s="1" t="s">
        <v>121984</v>
      </c>
      <c r="B47087" s="1" t="s">
        <v>159471</v>
      </c>
      <c r="C47087" s="1" t="s">
        <v>145</v>
      </c>
      <c r="D47087" s="1" t="s">
        <v>160110</v>
      </c>
      <c r="E47087" s="1" t="s">
        <v>160111</v>
      </c>
      <c r="F47087" s="1" t="s">
        <v>160112</v>
      </c>
      <c r="G47087" s="1" t="s">
        <v>160016</v>
      </c>
      <c r="H47087" s="1" t="s">
        <v>160017</v>
      </c>
      <c r="I47087" s="1" t="s">
        <v>159477</v>
      </c>
      <c r="J47087" s="1" t="s">
        <v>160113</v>
      </c>
    </row>
    <row r="47088" spans="1:10" x14ac:dyDescent="0.35">
      <c r="A47088" s="1" t="s">
        <v>121984</v>
      </c>
      <c r="B47088" s="1" t="s">
        <v>159471</v>
      </c>
      <c r="C47088" s="1" t="s">
        <v>150</v>
      </c>
      <c r="D47088" s="1" t="s">
        <v>147680</v>
      </c>
      <c r="E47088" s="1" t="s">
        <v>160114</v>
      </c>
      <c r="F47088" s="1" t="s">
        <v>160115</v>
      </c>
      <c r="G47088" s="1" t="s">
        <v>160016</v>
      </c>
      <c r="H47088" s="1" t="s">
        <v>160017</v>
      </c>
      <c r="I47088" s="1" t="s">
        <v>159477</v>
      </c>
      <c r="J47088" s="1" t="s">
        <v>160116</v>
      </c>
    </row>
    <row r="47089" spans="1:10" x14ac:dyDescent="0.35">
      <c r="A47089" s="1" t="s">
        <v>121984</v>
      </c>
      <c r="B47089" s="1" t="s">
        <v>159471</v>
      </c>
      <c r="C47089" s="1" t="s">
        <v>155</v>
      </c>
      <c r="D47089" s="1" t="s">
        <v>99157</v>
      </c>
      <c r="E47089" s="1" t="s">
        <v>160117</v>
      </c>
      <c r="F47089" s="1" t="s">
        <v>160118</v>
      </c>
      <c r="G47089" s="1" t="s">
        <v>160016</v>
      </c>
      <c r="H47089" s="1" t="s">
        <v>160017</v>
      </c>
      <c r="I47089" s="1" t="s">
        <v>159477</v>
      </c>
      <c r="J47089" s="1" t="s">
        <v>160119</v>
      </c>
    </row>
    <row r="47090" spans="1:10" x14ac:dyDescent="0.35">
      <c r="A47090" s="1" t="s">
        <v>121984</v>
      </c>
      <c r="B47090" s="1" t="s">
        <v>159471</v>
      </c>
      <c r="C47090" s="1" t="s">
        <v>160</v>
      </c>
      <c r="D47090" s="1" t="s">
        <v>59690</v>
      </c>
      <c r="E47090" s="1" t="s">
        <v>160120</v>
      </c>
      <c r="F47090" s="1" t="s">
        <v>160121</v>
      </c>
      <c r="G47090" s="1" t="s">
        <v>160016</v>
      </c>
      <c r="H47090" s="1" t="s">
        <v>160017</v>
      </c>
      <c r="I47090" s="1" t="s">
        <v>159477</v>
      </c>
      <c r="J47090" s="1" t="s">
        <v>160122</v>
      </c>
    </row>
    <row r="47091" spans="1:10" x14ac:dyDescent="0.35">
      <c r="A47091" s="1" t="s">
        <v>121984</v>
      </c>
      <c r="B47091" s="1" t="s">
        <v>159471</v>
      </c>
      <c r="C47091" s="1" t="s">
        <v>165</v>
      </c>
      <c r="D47091" s="1" t="s">
        <v>160123</v>
      </c>
      <c r="E47091" s="1" t="s">
        <v>160124</v>
      </c>
      <c r="F47091" s="1" t="s">
        <v>160125</v>
      </c>
      <c r="G47091" s="1" t="s">
        <v>160016</v>
      </c>
      <c r="H47091" s="1" t="s">
        <v>160017</v>
      </c>
      <c r="I47091" s="1" t="s">
        <v>159477</v>
      </c>
      <c r="J47091" s="1" t="s">
        <v>160126</v>
      </c>
    </row>
    <row r="47092" spans="1:10" x14ac:dyDescent="0.35">
      <c r="A47092" s="1" t="s">
        <v>121984</v>
      </c>
      <c r="B47092" s="1" t="s">
        <v>159471</v>
      </c>
      <c r="C47092" s="1" t="s">
        <v>170</v>
      </c>
      <c r="D47092" s="1" t="s">
        <v>24257</v>
      </c>
      <c r="E47092" s="1" t="s">
        <v>160127</v>
      </c>
      <c r="F47092" s="1" t="s">
        <v>160128</v>
      </c>
      <c r="G47092" s="1" t="s">
        <v>160016</v>
      </c>
      <c r="H47092" s="1" t="s">
        <v>160017</v>
      </c>
      <c r="I47092" s="1" t="s">
        <v>159477</v>
      </c>
      <c r="J47092" s="1" t="s">
        <v>160129</v>
      </c>
    </row>
    <row r="47093" spans="1:10" x14ac:dyDescent="0.35">
      <c r="A47093" s="1" t="s">
        <v>3908</v>
      </c>
      <c r="B47093" s="1" t="s">
        <v>159471</v>
      </c>
      <c r="C47093" s="1" t="s">
        <v>8</v>
      </c>
      <c r="D47093" s="1" t="s">
        <v>148870</v>
      </c>
      <c r="E47093" s="1" t="s">
        <v>160130</v>
      </c>
      <c r="F47093" s="1" t="s">
        <v>160131</v>
      </c>
      <c r="G47093" s="1" t="s">
        <v>160132</v>
      </c>
      <c r="H47093" s="1" t="s">
        <v>160133</v>
      </c>
      <c r="I47093" s="1" t="s">
        <v>159477</v>
      </c>
      <c r="J47093" s="1" t="s">
        <v>13</v>
      </c>
    </row>
    <row r="47094" spans="1:10" x14ac:dyDescent="0.35">
      <c r="A47094" s="1" t="s">
        <v>3908</v>
      </c>
      <c r="B47094" s="1" t="s">
        <v>159471</v>
      </c>
      <c r="C47094" s="1" t="s">
        <v>15</v>
      </c>
      <c r="D47094" s="1" t="s">
        <v>48962</v>
      </c>
      <c r="E47094" s="1" t="s">
        <v>160134</v>
      </c>
      <c r="F47094" s="1" t="s">
        <v>160135</v>
      </c>
      <c r="G47094" s="1" t="s">
        <v>160132</v>
      </c>
      <c r="H47094" s="1" t="s">
        <v>160133</v>
      </c>
      <c r="I47094" s="1" t="s">
        <v>159477</v>
      </c>
      <c r="J47094" s="1" t="s">
        <v>160136</v>
      </c>
    </row>
    <row r="47095" spans="1:10" x14ac:dyDescent="0.35">
      <c r="A47095" s="1" t="s">
        <v>3908</v>
      </c>
      <c r="B47095" s="1" t="s">
        <v>159471</v>
      </c>
      <c r="C47095" s="1" t="s">
        <v>20</v>
      </c>
      <c r="D47095" s="1" t="s">
        <v>73493</v>
      </c>
      <c r="E47095" s="1" t="s">
        <v>160137</v>
      </c>
      <c r="F47095" s="1" t="s">
        <v>160138</v>
      </c>
      <c r="G47095" s="1" t="s">
        <v>160132</v>
      </c>
      <c r="H47095" s="1" t="s">
        <v>160133</v>
      </c>
      <c r="I47095" s="1" t="s">
        <v>159477</v>
      </c>
      <c r="J47095" s="1" t="s">
        <v>160139</v>
      </c>
    </row>
    <row r="47096" spans="1:10" x14ac:dyDescent="0.35">
      <c r="A47096" s="1" t="s">
        <v>3908</v>
      </c>
      <c r="B47096" s="1" t="s">
        <v>159471</v>
      </c>
      <c r="C47096" s="1" t="s">
        <v>25</v>
      </c>
      <c r="D47096" s="1" t="s">
        <v>121557</v>
      </c>
      <c r="E47096" s="1" t="s">
        <v>160140</v>
      </c>
      <c r="F47096" s="1" t="s">
        <v>160141</v>
      </c>
      <c r="G47096" s="1" t="s">
        <v>160132</v>
      </c>
      <c r="H47096" s="1" t="s">
        <v>160133</v>
      </c>
      <c r="I47096" s="1" t="s">
        <v>159477</v>
      </c>
      <c r="J47096" s="1" t="s">
        <v>160142</v>
      </c>
    </row>
    <row r="47097" spans="1:10" x14ac:dyDescent="0.35">
      <c r="A47097" s="1" t="s">
        <v>3908</v>
      </c>
      <c r="B47097" s="1" t="s">
        <v>159471</v>
      </c>
      <c r="C47097" s="1" t="s">
        <v>30</v>
      </c>
      <c r="D47097" s="1" t="s">
        <v>3040</v>
      </c>
      <c r="E47097" s="1" t="s">
        <v>160143</v>
      </c>
      <c r="F47097" s="1" t="s">
        <v>160144</v>
      </c>
      <c r="G47097" s="1" t="s">
        <v>160132</v>
      </c>
      <c r="H47097" s="1" t="s">
        <v>160133</v>
      </c>
      <c r="I47097" s="1" t="s">
        <v>159477</v>
      </c>
      <c r="J47097" s="1" t="s">
        <v>160145</v>
      </c>
    </row>
    <row r="47098" spans="1:10" x14ac:dyDescent="0.35">
      <c r="A47098" s="1" t="s">
        <v>3908</v>
      </c>
      <c r="B47098" s="1" t="s">
        <v>159471</v>
      </c>
      <c r="C47098" s="1" t="s">
        <v>35</v>
      </c>
      <c r="D47098" s="1" t="s">
        <v>160146</v>
      </c>
      <c r="E47098" s="1" t="s">
        <v>160147</v>
      </c>
      <c r="F47098" s="1" t="s">
        <v>160148</v>
      </c>
      <c r="G47098" s="1" t="s">
        <v>160132</v>
      </c>
      <c r="H47098" s="1" t="s">
        <v>160133</v>
      </c>
      <c r="I47098" s="1" t="s">
        <v>159477</v>
      </c>
      <c r="J47098" s="1" t="s">
        <v>160149</v>
      </c>
    </row>
    <row r="47099" spans="1:10" x14ac:dyDescent="0.35">
      <c r="A47099" s="1" t="s">
        <v>3908</v>
      </c>
      <c r="B47099" s="1" t="s">
        <v>159471</v>
      </c>
      <c r="C47099" s="1" t="s">
        <v>40</v>
      </c>
      <c r="D47099" s="1" t="s">
        <v>82726</v>
      </c>
      <c r="E47099" s="1" t="s">
        <v>160150</v>
      </c>
      <c r="F47099" s="1" t="s">
        <v>160151</v>
      </c>
      <c r="G47099" s="1" t="s">
        <v>160132</v>
      </c>
      <c r="H47099" s="1" t="s">
        <v>160133</v>
      </c>
      <c r="I47099" s="1" t="s">
        <v>159477</v>
      </c>
      <c r="J47099" s="1" t="s">
        <v>160152</v>
      </c>
    </row>
    <row r="47100" spans="1:10" x14ac:dyDescent="0.35">
      <c r="A47100" s="1" t="s">
        <v>3908</v>
      </c>
      <c r="B47100" s="1" t="s">
        <v>159471</v>
      </c>
      <c r="C47100" s="1" t="s">
        <v>45</v>
      </c>
      <c r="D47100" s="1" t="s">
        <v>160153</v>
      </c>
      <c r="E47100" s="1" t="s">
        <v>160154</v>
      </c>
      <c r="F47100" s="1" t="s">
        <v>160155</v>
      </c>
      <c r="G47100" s="1" t="s">
        <v>160132</v>
      </c>
      <c r="H47100" s="1" t="s">
        <v>160133</v>
      </c>
      <c r="I47100" s="1" t="s">
        <v>159477</v>
      </c>
      <c r="J47100" s="1" t="s">
        <v>160156</v>
      </c>
    </row>
    <row r="47101" spans="1:10" x14ac:dyDescent="0.35">
      <c r="A47101" s="1" t="s">
        <v>3908</v>
      </c>
      <c r="B47101" s="1" t="s">
        <v>159471</v>
      </c>
      <c r="C47101" s="1" t="s">
        <v>50</v>
      </c>
      <c r="D47101" s="1" t="s">
        <v>31892</v>
      </c>
      <c r="E47101" s="1" t="s">
        <v>160157</v>
      </c>
      <c r="F47101" s="1" t="s">
        <v>160158</v>
      </c>
      <c r="G47101" s="1" t="s">
        <v>160132</v>
      </c>
      <c r="H47101" s="1" t="s">
        <v>160133</v>
      </c>
      <c r="I47101" s="1" t="s">
        <v>159477</v>
      </c>
      <c r="J47101" s="1" t="s">
        <v>160159</v>
      </c>
    </row>
    <row r="47102" spans="1:10" x14ac:dyDescent="0.35">
      <c r="A47102" s="1" t="s">
        <v>3908</v>
      </c>
      <c r="B47102" s="1" t="s">
        <v>159471</v>
      </c>
      <c r="C47102" s="1" t="s">
        <v>55</v>
      </c>
      <c r="D47102" s="1" t="s">
        <v>13275</v>
      </c>
      <c r="E47102" s="1" t="s">
        <v>160160</v>
      </c>
      <c r="F47102" s="1" t="s">
        <v>160161</v>
      </c>
      <c r="G47102" s="1" t="s">
        <v>160132</v>
      </c>
      <c r="H47102" s="1" t="s">
        <v>160133</v>
      </c>
      <c r="I47102" s="1" t="s">
        <v>159477</v>
      </c>
      <c r="J47102" s="1" t="s">
        <v>160162</v>
      </c>
    </row>
    <row r="47103" spans="1:10" x14ac:dyDescent="0.35">
      <c r="A47103" s="1" t="s">
        <v>3908</v>
      </c>
      <c r="B47103" s="1" t="s">
        <v>159471</v>
      </c>
      <c r="C47103" s="1" t="s">
        <v>60</v>
      </c>
      <c r="D47103" s="1" t="s">
        <v>15690</v>
      </c>
      <c r="E47103" s="1" t="s">
        <v>160163</v>
      </c>
      <c r="F47103" s="1" t="s">
        <v>160164</v>
      </c>
      <c r="G47103" s="1" t="s">
        <v>160132</v>
      </c>
      <c r="H47103" s="1" t="s">
        <v>160133</v>
      </c>
      <c r="I47103" s="1" t="s">
        <v>159477</v>
      </c>
      <c r="J47103" s="1" t="s">
        <v>160165</v>
      </c>
    </row>
    <row r="47104" spans="1:10" x14ac:dyDescent="0.35">
      <c r="A47104" s="1" t="s">
        <v>3908</v>
      </c>
      <c r="B47104" s="1" t="s">
        <v>159471</v>
      </c>
      <c r="C47104" s="1" t="s">
        <v>65</v>
      </c>
      <c r="D47104" s="1" t="s">
        <v>160166</v>
      </c>
      <c r="E47104" s="1" t="s">
        <v>160167</v>
      </c>
      <c r="F47104" s="1" t="s">
        <v>160168</v>
      </c>
      <c r="G47104" s="1" t="s">
        <v>160132</v>
      </c>
      <c r="H47104" s="1" t="s">
        <v>160133</v>
      </c>
      <c r="I47104" s="1" t="s">
        <v>159477</v>
      </c>
      <c r="J47104" s="1" t="s">
        <v>160169</v>
      </c>
    </row>
    <row r="47105" spans="1:10" x14ac:dyDescent="0.35">
      <c r="A47105" s="1" t="s">
        <v>3908</v>
      </c>
      <c r="B47105" s="1" t="s">
        <v>159471</v>
      </c>
      <c r="C47105" s="1" t="s">
        <v>70</v>
      </c>
      <c r="D47105" s="1" t="s">
        <v>25651</v>
      </c>
      <c r="E47105" s="1" t="s">
        <v>160170</v>
      </c>
      <c r="F47105" s="1" t="s">
        <v>160171</v>
      </c>
      <c r="G47105" s="1" t="s">
        <v>160132</v>
      </c>
      <c r="H47105" s="1" t="s">
        <v>160133</v>
      </c>
      <c r="I47105" s="1" t="s">
        <v>159477</v>
      </c>
      <c r="J47105" s="1" t="s">
        <v>160172</v>
      </c>
    </row>
    <row r="47106" spans="1:10" x14ac:dyDescent="0.35">
      <c r="A47106" s="1" t="s">
        <v>3908</v>
      </c>
      <c r="B47106" s="1" t="s">
        <v>159471</v>
      </c>
      <c r="C47106" s="1" t="s">
        <v>75</v>
      </c>
      <c r="D47106" s="1" t="s">
        <v>160173</v>
      </c>
      <c r="E47106" s="1" t="s">
        <v>160174</v>
      </c>
      <c r="F47106" s="1" t="s">
        <v>160175</v>
      </c>
      <c r="G47106" s="1" t="s">
        <v>160132</v>
      </c>
      <c r="H47106" s="1" t="s">
        <v>160133</v>
      </c>
      <c r="I47106" s="1" t="s">
        <v>159477</v>
      </c>
      <c r="J47106" s="1" t="s">
        <v>160176</v>
      </c>
    </row>
    <row r="47107" spans="1:10" x14ac:dyDescent="0.35">
      <c r="A47107" s="1" t="s">
        <v>3908</v>
      </c>
      <c r="B47107" s="1" t="s">
        <v>159471</v>
      </c>
      <c r="C47107" s="1" t="s">
        <v>80</v>
      </c>
      <c r="D47107" s="1" t="s">
        <v>948</v>
      </c>
      <c r="E47107" s="1" t="s">
        <v>160177</v>
      </c>
      <c r="F47107" s="1" t="s">
        <v>160178</v>
      </c>
      <c r="G47107" s="1" t="s">
        <v>160132</v>
      </c>
      <c r="H47107" s="1" t="s">
        <v>160133</v>
      </c>
      <c r="I47107" s="1" t="s">
        <v>159477</v>
      </c>
      <c r="J47107" s="1" t="s">
        <v>160179</v>
      </c>
    </row>
    <row r="47108" spans="1:10" x14ac:dyDescent="0.35">
      <c r="A47108" s="1" t="s">
        <v>3908</v>
      </c>
      <c r="B47108" s="1" t="s">
        <v>159471</v>
      </c>
      <c r="C47108" s="1" t="s">
        <v>85</v>
      </c>
      <c r="D47108" s="1" t="s">
        <v>11624</v>
      </c>
      <c r="E47108" s="1" t="s">
        <v>160180</v>
      </c>
      <c r="F47108" s="1" t="s">
        <v>160181</v>
      </c>
      <c r="G47108" s="1" t="s">
        <v>160132</v>
      </c>
      <c r="H47108" s="1" t="s">
        <v>160133</v>
      </c>
      <c r="I47108" s="1" t="s">
        <v>159477</v>
      </c>
      <c r="J47108" s="1" t="s">
        <v>160182</v>
      </c>
    </row>
    <row r="47109" spans="1:10" x14ac:dyDescent="0.35">
      <c r="A47109" s="1" t="s">
        <v>3908</v>
      </c>
      <c r="B47109" s="1" t="s">
        <v>159471</v>
      </c>
      <c r="C47109" s="1" t="s">
        <v>90</v>
      </c>
      <c r="D47109" s="1" t="s">
        <v>159935</v>
      </c>
      <c r="E47109" s="1" t="s">
        <v>160183</v>
      </c>
      <c r="F47109" s="1" t="s">
        <v>160184</v>
      </c>
      <c r="G47109" s="1" t="s">
        <v>160132</v>
      </c>
      <c r="H47109" s="1" t="s">
        <v>160133</v>
      </c>
      <c r="I47109" s="1" t="s">
        <v>159477</v>
      </c>
      <c r="J47109" s="1" t="s">
        <v>160185</v>
      </c>
    </row>
    <row r="47110" spans="1:10" x14ac:dyDescent="0.35">
      <c r="A47110" s="1" t="s">
        <v>3908</v>
      </c>
      <c r="B47110" s="1" t="s">
        <v>159471</v>
      </c>
      <c r="C47110" s="1" t="s">
        <v>95</v>
      </c>
      <c r="D47110" s="1" t="s">
        <v>81966</v>
      </c>
      <c r="E47110" s="1" t="s">
        <v>160186</v>
      </c>
      <c r="F47110" s="1" t="s">
        <v>160187</v>
      </c>
      <c r="G47110" s="1" t="s">
        <v>160132</v>
      </c>
      <c r="H47110" s="1" t="s">
        <v>160133</v>
      </c>
      <c r="I47110" s="1" t="s">
        <v>159477</v>
      </c>
      <c r="J47110" s="1" t="s">
        <v>160188</v>
      </c>
    </row>
    <row r="47111" spans="1:10" x14ac:dyDescent="0.35">
      <c r="A47111" s="1" t="s">
        <v>3908</v>
      </c>
      <c r="B47111" s="1" t="s">
        <v>159471</v>
      </c>
      <c r="C47111" s="1" t="s">
        <v>100</v>
      </c>
      <c r="D47111" s="1" t="s">
        <v>17550</v>
      </c>
      <c r="E47111" s="1" t="s">
        <v>160189</v>
      </c>
      <c r="F47111" s="1" t="s">
        <v>160190</v>
      </c>
      <c r="G47111" s="1" t="s">
        <v>160132</v>
      </c>
      <c r="H47111" s="1" t="s">
        <v>160133</v>
      </c>
      <c r="I47111" s="1" t="s">
        <v>159477</v>
      </c>
      <c r="J47111" s="1" t="s">
        <v>160191</v>
      </c>
    </row>
    <row r="47112" spans="1:10" x14ac:dyDescent="0.35">
      <c r="A47112" s="1" t="s">
        <v>3908</v>
      </c>
      <c r="B47112" s="1" t="s">
        <v>159471</v>
      </c>
      <c r="C47112" s="1" t="s">
        <v>105</v>
      </c>
      <c r="D47112" s="1" t="s">
        <v>160192</v>
      </c>
      <c r="E47112" s="1" t="s">
        <v>160193</v>
      </c>
      <c r="F47112" s="1" t="s">
        <v>160194</v>
      </c>
      <c r="G47112" s="1" t="s">
        <v>160132</v>
      </c>
      <c r="H47112" s="1" t="s">
        <v>160133</v>
      </c>
      <c r="I47112" s="1" t="s">
        <v>159477</v>
      </c>
      <c r="J47112" s="1" t="s">
        <v>160195</v>
      </c>
    </row>
    <row r="47113" spans="1:10" x14ac:dyDescent="0.35">
      <c r="A47113" s="1" t="s">
        <v>3908</v>
      </c>
      <c r="B47113" s="1" t="s">
        <v>159471</v>
      </c>
      <c r="C47113" s="1" t="s">
        <v>110</v>
      </c>
      <c r="D47113" s="1" t="s">
        <v>160196</v>
      </c>
      <c r="E47113" s="1" t="s">
        <v>160197</v>
      </c>
      <c r="F47113" s="1" t="s">
        <v>160198</v>
      </c>
      <c r="G47113" s="1" t="s">
        <v>160132</v>
      </c>
      <c r="H47113" s="1" t="s">
        <v>160133</v>
      </c>
      <c r="I47113" s="1" t="s">
        <v>159477</v>
      </c>
      <c r="J47113" s="1" t="s">
        <v>160199</v>
      </c>
    </row>
    <row r="47114" spans="1:10" x14ac:dyDescent="0.35">
      <c r="A47114" s="1" t="s">
        <v>3908</v>
      </c>
      <c r="B47114" s="1" t="s">
        <v>159471</v>
      </c>
      <c r="C47114" s="1" t="s">
        <v>115</v>
      </c>
      <c r="D47114" s="1" t="s">
        <v>11369</v>
      </c>
      <c r="E47114" s="1" t="s">
        <v>160200</v>
      </c>
      <c r="F47114" s="1" t="s">
        <v>160201</v>
      </c>
      <c r="G47114" s="1" t="s">
        <v>160132</v>
      </c>
      <c r="H47114" s="1" t="s">
        <v>160133</v>
      </c>
      <c r="I47114" s="1" t="s">
        <v>159477</v>
      </c>
      <c r="J47114" s="1" t="s">
        <v>160202</v>
      </c>
    </row>
    <row r="47115" spans="1:10" x14ac:dyDescent="0.35">
      <c r="A47115" s="1" t="s">
        <v>3908</v>
      </c>
      <c r="B47115" s="1" t="s">
        <v>159471</v>
      </c>
      <c r="C47115" s="1" t="s">
        <v>120</v>
      </c>
      <c r="D47115" s="1" t="s">
        <v>11703</v>
      </c>
      <c r="E47115" s="1" t="s">
        <v>160203</v>
      </c>
      <c r="F47115" s="1" t="s">
        <v>160204</v>
      </c>
      <c r="G47115" s="1" t="s">
        <v>160132</v>
      </c>
      <c r="H47115" s="1" t="s">
        <v>160133</v>
      </c>
      <c r="I47115" s="1" t="s">
        <v>159477</v>
      </c>
      <c r="J47115" s="1" t="s">
        <v>160205</v>
      </c>
    </row>
    <row r="47116" spans="1:10" x14ac:dyDescent="0.35">
      <c r="A47116" s="1" t="s">
        <v>3908</v>
      </c>
      <c r="B47116" s="1" t="s">
        <v>159471</v>
      </c>
      <c r="C47116" s="1" t="s">
        <v>125</v>
      </c>
      <c r="D47116" s="1" t="s">
        <v>160206</v>
      </c>
      <c r="E47116" s="1" t="s">
        <v>160207</v>
      </c>
      <c r="F47116" s="1" t="s">
        <v>160208</v>
      </c>
      <c r="G47116" s="1" t="s">
        <v>160132</v>
      </c>
      <c r="H47116" s="1" t="s">
        <v>160133</v>
      </c>
      <c r="I47116" s="1" t="s">
        <v>159477</v>
      </c>
      <c r="J47116" s="1" t="s">
        <v>160209</v>
      </c>
    </row>
    <row r="47117" spans="1:10" x14ac:dyDescent="0.35">
      <c r="A47117" s="1" t="s">
        <v>3908</v>
      </c>
      <c r="B47117" s="1" t="s">
        <v>159471</v>
      </c>
      <c r="C47117" s="1" t="s">
        <v>130</v>
      </c>
      <c r="D47117" s="1" t="s">
        <v>109096</v>
      </c>
      <c r="E47117" s="1" t="s">
        <v>160210</v>
      </c>
      <c r="F47117" s="1" t="s">
        <v>160211</v>
      </c>
      <c r="G47117" s="1" t="s">
        <v>160132</v>
      </c>
      <c r="H47117" s="1" t="s">
        <v>160133</v>
      </c>
      <c r="I47117" s="1" t="s">
        <v>159477</v>
      </c>
      <c r="J47117" s="1" t="s">
        <v>160212</v>
      </c>
    </row>
    <row r="47118" spans="1:10" x14ac:dyDescent="0.35">
      <c r="A47118" s="1" t="s">
        <v>3908</v>
      </c>
      <c r="B47118" s="1" t="s">
        <v>159471</v>
      </c>
      <c r="C47118" s="1" t="s">
        <v>135</v>
      </c>
      <c r="D47118" s="1" t="s">
        <v>57867</v>
      </c>
      <c r="E47118" s="1" t="s">
        <v>160213</v>
      </c>
      <c r="F47118" s="1" t="s">
        <v>160214</v>
      </c>
      <c r="G47118" s="1" t="s">
        <v>160132</v>
      </c>
      <c r="H47118" s="1" t="s">
        <v>160133</v>
      </c>
      <c r="I47118" s="1" t="s">
        <v>159477</v>
      </c>
      <c r="J47118" s="1" t="s">
        <v>160215</v>
      </c>
    </row>
    <row r="47119" spans="1:10" x14ac:dyDescent="0.35">
      <c r="A47119" s="1" t="s">
        <v>3908</v>
      </c>
      <c r="B47119" s="1" t="s">
        <v>159471</v>
      </c>
      <c r="C47119" s="1" t="s">
        <v>140</v>
      </c>
      <c r="D47119" s="1" t="s">
        <v>160216</v>
      </c>
      <c r="E47119" s="1" t="s">
        <v>160217</v>
      </c>
      <c r="F47119" s="1" t="s">
        <v>160218</v>
      </c>
      <c r="G47119" s="1" t="s">
        <v>160132</v>
      </c>
      <c r="H47119" s="1" t="s">
        <v>160133</v>
      </c>
      <c r="I47119" s="1" t="s">
        <v>159477</v>
      </c>
      <c r="J47119" s="1" t="s">
        <v>160219</v>
      </c>
    </row>
    <row r="47120" spans="1:10" x14ac:dyDescent="0.35">
      <c r="A47120" s="1" t="s">
        <v>3908</v>
      </c>
      <c r="B47120" s="1" t="s">
        <v>159471</v>
      </c>
      <c r="C47120" s="1" t="s">
        <v>145</v>
      </c>
      <c r="D47120" s="1" t="s">
        <v>160220</v>
      </c>
      <c r="E47120" s="1" t="s">
        <v>160221</v>
      </c>
      <c r="F47120" s="1" t="s">
        <v>160222</v>
      </c>
      <c r="G47120" s="1" t="s">
        <v>160132</v>
      </c>
      <c r="H47120" s="1" t="s">
        <v>160133</v>
      </c>
      <c r="I47120" s="1" t="s">
        <v>159477</v>
      </c>
      <c r="J47120" s="1" t="s">
        <v>160223</v>
      </c>
    </row>
    <row r="47121" spans="1:10" x14ac:dyDescent="0.35">
      <c r="A47121" s="1" t="s">
        <v>3908</v>
      </c>
      <c r="B47121" s="1" t="s">
        <v>159471</v>
      </c>
      <c r="C47121" s="1" t="s">
        <v>150</v>
      </c>
      <c r="D47121" s="1" t="s">
        <v>160224</v>
      </c>
      <c r="E47121" s="1" t="s">
        <v>160225</v>
      </c>
      <c r="F47121" s="1" t="s">
        <v>160226</v>
      </c>
      <c r="G47121" s="1" t="s">
        <v>160132</v>
      </c>
      <c r="H47121" s="1" t="s">
        <v>160133</v>
      </c>
      <c r="I47121" s="1" t="s">
        <v>159477</v>
      </c>
      <c r="J47121" s="1" t="s">
        <v>160227</v>
      </c>
    </row>
    <row r="47122" spans="1:10" x14ac:dyDescent="0.35">
      <c r="A47122" s="1" t="s">
        <v>3908</v>
      </c>
      <c r="B47122" s="1" t="s">
        <v>159471</v>
      </c>
      <c r="C47122" s="1" t="s">
        <v>155</v>
      </c>
      <c r="D47122" s="1" t="s">
        <v>160228</v>
      </c>
      <c r="E47122" s="1" t="s">
        <v>160229</v>
      </c>
      <c r="F47122" s="1" t="s">
        <v>160230</v>
      </c>
      <c r="G47122" s="1" t="s">
        <v>160132</v>
      </c>
      <c r="H47122" s="1" t="s">
        <v>160133</v>
      </c>
      <c r="I47122" s="1" t="s">
        <v>159477</v>
      </c>
      <c r="J47122" s="1" t="s">
        <v>160231</v>
      </c>
    </row>
    <row r="47123" spans="1:10" x14ac:dyDescent="0.35">
      <c r="A47123" s="1" t="s">
        <v>3908</v>
      </c>
      <c r="B47123" s="1" t="s">
        <v>159471</v>
      </c>
      <c r="C47123" s="1" t="s">
        <v>160</v>
      </c>
      <c r="D47123" s="1" t="s">
        <v>160232</v>
      </c>
      <c r="E47123" s="1" t="s">
        <v>160233</v>
      </c>
      <c r="F47123" s="1" t="s">
        <v>160234</v>
      </c>
      <c r="G47123" s="1" t="s">
        <v>160132</v>
      </c>
      <c r="H47123" s="1" t="s">
        <v>160133</v>
      </c>
      <c r="I47123" s="1" t="s">
        <v>159477</v>
      </c>
      <c r="J47123" s="1" t="s">
        <v>160235</v>
      </c>
    </row>
    <row r="47124" spans="1:10" x14ac:dyDescent="0.35">
      <c r="A47124" s="1" t="s">
        <v>3908</v>
      </c>
      <c r="B47124" s="1" t="s">
        <v>159471</v>
      </c>
      <c r="C47124" s="1" t="s">
        <v>165</v>
      </c>
      <c r="D47124" s="1" t="s">
        <v>44490</v>
      </c>
      <c r="E47124" s="1" t="s">
        <v>160236</v>
      </c>
      <c r="F47124" s="1" t="s">
        <v>160237</v>
      </c>
      <c r="G47124" s="1" t="s">
        <v>160132</v>
      </c>
      <c r="H47124" s="1" t="s">
        <v>160133</v>
      </c>
      <c r="I47124" s="1" t="s">
        <v>159477</v>
      </c>
      <c r="J47124" s="1" t="s">
        <v>160238</v>
      </c>
    </row>
    <row r="47125" spans="1:10" x14ac:dyDescent="0.35">
      <c r="A47125" s="1" t="s">
        <v>3908</v>
      </c>
      <c r="B47125" s="1" t="s">
        <v>159471</v>
      </c>
      <c r="C47125" s="1" t="s">
        <v>170</v>
      </c>
      <c r="D47125" s="1" t="s">
        <v>43515</v>
      </c>
      <c r="E47125" s="1" t="s">
        <v>160239</v>
      </c>
      <c r="F47125" s="1" t="s">
        <v>160240</v>
      </c>
      <c r="G47125" s="1" t="s">
        <v>160132</v>
      </c>
      <c r="H47125" s="1" t="s">
        <v>160133</v>
      </c>
      <c r="I47125" s="1" t="s">
        <v>159477</v>
      </c>
      <c r="J47125" s="1" t="s">
        <v>160241</v>
      </c>
    </row>
    <row r="47126" spans="1:10" x14ac:dyDescent="0.35">
      <c r="A47126" s="1" t="s">
        <v>25853</v>
      </c>
      <c r="B47126" s="1" t="s">
        <v>159471</v>
      </c>
      <c r="C47126" s="1" t="s">
        <v>8</v>
      </c>
      <c r="D47126" s="1" t="s">
        <v>15499</v>
      </c>
      <c r="E47126" s="1" t="s">
        <v>160242</v>
      </c>
      <c r="F47126" s="1" t="s">
        <v>160243</v>
      </c>
      <c r="G47126" s="1" t="s">
        <v>160244</v>
      </c>
      <c r="H47126" s="1" t="s">
        <v>160245</v>
      </c>
      <c r="I47126" s="1" t="s">
        <v>159477</v>
      </c>
      <c r="J47126" s="1" t="s">
        <v>13</v>
      </c>
    </row>
    <row r="47127" spans="1:10" x14ac:dyDescent="0.35">
      <c r="A47127" s="1" t="s">
        <v>25853</v>
      </c>
      <c r="B47127" s="1" t="s">
        <v>159471</v>
      </c>
      <c r="C47127" s="1" t="s">
        <v>15</v>
      </c>
      <c r="D47127" s="1" t="s">
        <v>3619</v>
      </c>
      <c r="E47127" s="1" t="s">
        <v>160246</v>
      </c>
      <c r="F47127" s="1" t="s">
        <v>160247</v>
      </c>
      <c r="G47127" s="1" t="s">
        <v>160244</v>
      </c>
      <c r="H47127" s="1" t="s">
        <v>160245</v>
      </c>
      <c r="I47127" s="1" t="s">
        <v>159477</v>
      </c>
      <c r="J47127" s="1" t="s">
        <v>160248</v>
      </c>
    </row>
    <row r="47128" spans="1:10" x14ac:dyDescent="0.35">
      <c r="A47128" s="1" t="s">
        <v>25853</v>
      </c>
      <c r="B47128" s="1" t="s">
        <v>159471</v>
      </c>
      <c r="C47128" s="1" t="s">
        <v>20</v>
      </c>
      <c r="D47128" s="1" t="s">
        <v>160249</v>
      </c>
      <c r="E47128" s="1" t="s">
        <v>160250</v>
      </c>
      <c r="F47128" s="1" t="s">
        <v>160251</v>
      </c>
      <c r="G47128" s="1" t="s">
        <v>160244</v>
      </c>
      <c r="H47128" s="1" t="s">
        <v>160245</v>
      </c>
      <c r="I47128" s="1" t="s">
        <v>159477</v>
      </c>
      <c r="J47128" s="1" t="s">
        <v>160252</v>
      </c>
    </row>
    <row r="47129" spans="1:10" x14ac:dyDescent="0.35">
      <c r="A47129" s="1" t="s">
        <v>25853</v>
      </c>
      <c r="B47129" s="1" t="s">
        <v>159471</v>
      </c>
      <c r="C47129" s="1" t="s">
        <v>25</v>
      </c>
      <c r="D47129" s="1" t="s">
        <v>83627</v>
      </c>
      <c r="E47129" s="1" t="s">
        <v>160253</v>
      </c>
      <c r="F47129" s="1" t="s">
        <v>160254</v>
      </c>
      <c r="G47129" s="1" t="s">
        <v>160244</v>
      </c>
      <c r="H47129" s="1" t="s">
        <v>160245</v>
      </c>
      <c r="I47129" s="1" t="s">
        <v>159477</v>
      </c>
      <c r="J47129" s="1" t="s">
        <v>160255</v>
      </c>
    </row>
    <row r="47130" spans="1:10" x14ac:dyDescent="0.35">
      <c r="A47130" s="1" t="s">
        <v>25853</v>
      </c>
      <c r="B47130" s="1" t="s">
        <v>159471</v>
      </c>
      <c r="C47130" s="1" t="s">
        <v>30</v>
      </c>
      <c r="D47130" s="1" t="s">
        <v>38866</v>
      </c>
      <c r="E47130" s="1" t="s">
        <v>160256</v>
      </c>
      <c r="F47130" s="1" t="s">
        <v>160257</v>
      </c>
      <c r="G47130" s="1" t="s">
        <v>160244</v>
      </c>
      <c r="H47130" s="1" t="s">
        <v>160245</v>
      </c>
      <c r="I47130" s="1" t="s">
        <v>159477</v>
      </c>
      <c r="J47130" s="1" t="s">
        <v>160258</v>
      </c>
    </row>
    <row r="47131" spans="1:10" x14ac:dyDescent="0.35">
      <c r="A47131" s="1" t="s">
        <v>25853</v>
      </c>
      <c r="B47131" s="1" t="s">
        <v>159471</v>
      </c>
      <c r="C47131" s="1" t="s">
        <v>35</v>
      </c>
      <c r="D47131" s="1" t="s">
        <v>32964</v>
      </c>
      <c r="E47131" s="1" t="s">
        <v>160259</v>
      </c>
      <c r="F47131" s="1" t="s">
        <v>160260</v>
      </c>
      <c r="G47131" s="1" t="s">
        <v>160244</v>
      </c>
      <c r="H47131" s="1" t="s">
        <v>160245</v>
      </c>
      <c r="I47131" s="1" t="s">
        <v>159477</v>
      </c>
      <c r="J47131" s="1" t="s">
        <v>160261</v>
      </c>
    </row>
    <row r="47132" spans="1:10" x14ac:dyDescent="0.35">
      <c r="A47132" s="1" t="s">
        <v>25853</v>
      </c>
      <c r="B47132" s="1" t="s">
        <v>159471</v>
      </c>
      <c r="C47132" s="1" t="s">
        <v>40</v>
      </c>
      <c r="D47132" s="1" t="s">
        <v>124200</v>
      </c>
      <c r="E47132" s="1" t="s">
        <v>160262</v>
      </c>
      <c r="F47132" s="1" t="s">
        <v>160263</v>
      </c>
      <c r="G47132" s="1" t="s">
        <v>160244</v>
      </c>
      <c r="H47132" s="1" t="s">
        <v>160245</v>
      </c>
      <c r="I47132" s="1" t="s">
        <v>159477</v>
      </c>
      <c r="J47132" s="1" t="s">
        <v>160264</v>
      </c>
    </row>
    <row r="47133" spans="1:10" x14ac:dyDescent="0.35">
      <c r="A47133" s="1" t="s">
        <v>25853</v>
      </c>
      <c r="B47133" s="1" t="s">
        <v>159471</v>
      </c>
      <c r="C47133" s="1" t="s">
        <v>45</v>
      </c>
      <c r="D47133" s="1" t="s">
        <v>31764</v>
      </c>
      <c r="E47133" s="1" t="s">
        <v>160265</v>
      </c>
      <c r="F47133" s="1" t="s">
        <v>160266</v>
      </c>
      <c r="G47133" s="1" t="s">
        <v>160244</v>
      </c>
      <c r="H47133" s="1" t="s">
        <v>160245</v>
      </c>
      <c r="I47133" s="1" t="s">
        <v>159477</v>
      </c>
      <c r="J47133" s="1" t="s">
        <v>160267</v>
      </c>
    </row>
    <row r="47134" spans="1:10" x14ac:dyDescent="0.35">
      <c r="A47134" s="1" t="s">
        <v>25853</v>
      </c>
      <c r="B47134" s="1" t="s">
        <v>159471</v>
      </c>
      <c r="C47134" s="1" t="s">
        <v>50</v>
      </c>
      <c r="D47134" s="1" t="s">
        <v>5389</v>
      </c>
      <c r="E47134" s="1" t="s">
        <v>160268</v>
      </c>
      <c r="F47134" s="1" t="s">
        <v>160269</v>
      </c>
      <c r="G47134" s="1" t="s">
        <v>160244</v>
      </c>
      <c r="H47134" s="1" t="s">
        <v>160245</v>
      </c>
      <c r="I47134" s="1" t="s">
        <v>159477</v>
      </c>
      <c r="J47134" s="1" t="s">
        <v>160270</v>
      </c>
    </row>
    <row r="47135" spans="1:10" x14ac:dyDescent="0.35">
      <c r="A47135" s="1" t="s">
        <v>25853</v>
      </c>
      <c r="B47135" s="1" t="s">
        <v>159471</v>
      </c>
      <c r="C47135" s="1" t="s">
        <v>55</v>
      </c>
      <c r="D47135" s="1" t="s">
        <v>45427</v>
      </c>
      <c r="E47135" s="1" t="s">
        <v>160271</v>
      </c>
      <c r="F47135" s="1" t="s">
        <v>160272</v>
      </c>
      <c r="G47135" s="1" t="s">
        <v>160244</v>
      </c>
      <c r="H47135" s="1" t="s">
        <v>160245</v>
      </c>
      <c r="I47135" s="1" t="s">
        <v>159477</v>
      </c>
      <c r="J47135" s="1" t="s">
        <v>160273</v>
      </c>
    </row>
    <row r="47136" spans="1:10" x14ac:dyDescent="0.35">
      <c r="A47136" s="1" t="s">
        <v>25853</v>
      </c>
      <c r="B47136" s="1" t="s">
        <v>159471</v>
      </c>
      <c r="C47136" s="1" t="s">
        <v>60</v>
      </c>
      <c r="D47136" s="1" t="s">
        <v>19875</v>
      </c>
      <c r="E47136" s="1" t="s">
        <v>160274</v>
      </c>
      <c r="F47136" s="1" t="s">
        <v>160275</v>
      </c>
      <c r="G47136" s="1" t="s">
        <v>160244</v>
      </c>
      <c r="H47136" s="1" t="s">
        <v>160245</v>
      </c>
      <c r="I47136" s="1" t="s">
        <v>159477</v>
      </c>
      <c r="J47136" s="1" t="s">
        <v>160276</v>
      </c>
    </row>
    <row r="47137" spans="1:10" x14ac:dyDescent="0.35">
      <c r="A47137" s="1" t="s">
        <v>25853</v>
      </c>
      <c r="B47137" s="1" t="s">
        <v>159471</v>
      </c>
      <c r="C47137" s="1" t="s">
        <v>65</v>
      </c>
      <c r="D47137" s="1" t="s">
        <v>160277</v>
      </c>
      <c r="E47137" s="1" t="s">
        <v>160278</v>
      </c>
      <c r="F47137" s="1" t="s">
        <v>160279</v>
      </c>
      <c r="G47137" s="1" t="s">
        <v>160244</v>
      </c>
      <c r="H47137" s="1" t="s">
        <v>160245</v>
      </c>
      <c r="I47137" s="1" t="s">
        <v>159477</v>
      </c>
      <c r="J47137" s="1" t="s">
        <v>160280</v>
      </c>
    </row>
    <row r="47138" spans="1:10" x14ac:dyDescent="0.35">
      <c r="A47138" s="1" t="s">
        <v>25853</v>
      </c>
      <c r="B47138" s="1" t="s">
        <v>159471</v>
      </c>
      <c r="C47138" s="1" t="s">
        <v>70</v>
      </c>
      <c r="D47138" s="1" t="s">
        <v>75303</v>
      </c>
      <c r="E47138" s="1" t="s">
        <v>160281</v>
      </c>
      <c r="F47138" s="1" t="s">
        <v>160282</v>
      </c>
      <c r="G47138" s="1" t="s">
        <v>160244</v>
      </c>
      <c r="H47138" s="1" t="s">
        <v>160245</v>
      </c>
      <c r="I47138" s="1" t="s">
        <v>159477</v>
      </c>
      <c r="J47138" s="1" t="s">
        <v>160283</v>
      </c>
    </row>
    <row r="47139" spans="1:10" x14ac:dyDescent="0.35">
      <c r="A47139" s="1" t="s">
        <v>25853</v>
      </c>
      <c r="B47139" s="1" t="s">
        <v>159471</v>
      </c>
      <c r="C47139" s="1" t="s">
        <v>75</v>
      </c>
      <c r="D47139" s="1" t="s">
        <v>160284</v>
      </c>
      <c r="E47139" s="1" t="s">
        <v>160285</v>
      </c>
      <c r="F47139" s="1" t="s">
        <v>160286</v>
      </c>
      <c r="G47139" s="1" t="s">
        <v>160244</v>
      </c>
      <c r="H47139" s="1" t="s">
        <v>160245</v>
      </c>
      <c r="I47139" s="1" t="s">
        <v>159477</v>
      </c>
      <c r="J47139" s="1" t="s">
        <v>160287</v>
      </c>
    </row>
    <row r="47140" spans="1:10" x14ac:dyDescent="0.35">
      <c r="A47140" s="1" t="s">
        <v>25853</v>
      </c>
      <c r="B47140" s="1" t="s">
        <v>159471</v>
      </c>
      <c r="C47140" s="1" t="s">
        <v>80</v>
      </c>
      <c r="D47140" s="1" t="s">
        <v>113432</v>
      </c>
      <c r="E47140" s="1" t="s">
        <v>160288</v>
      </c>
      <c r="F47140" s="1" t="s">
        <v>160289</v>
      </c>
      <c r="G47140" s="1" t="s">
        <v>160244</v>
      </c>
      <c r="H47140" s="1" t="s">
        <v>160245</v>
      </c>
      <c r="I47140" s="1" t="s">
        <v>159477</v>
      </c>
      <c r="J47140" s="1" t="s">
        <v>160290</v>
      </c>
    </row>
    <row r="47141" spans="1:10" x14ac:dyDescent="0.35">
      <c r="A47141" s="1" t="s">
        <v>25853</v>
      </c>
      <c r="B47141" s="1" t="s">
        <v>159471</v>
      </c>
      <c r="C47141" s="1" t="s">
        <v>85</v>
      </c>
      <c r="D47141" s="1" t="s">
        <v>135138</v>
      </c>
      <c r="E47141" s="1" t="s">
        <v>160291</v>
      </c>
      <c r="F47141" s="1" t="s">
        <v>160292</v>
      </c>
      <c r="G47141" s="1" t="s">
        <v>160244</v>
      </c>
      <c r="H47141" s="1" t="s">
        <v>160245</v>
      </c>
      <c r="I47141" s="1" t="s">
        <v>159477</v>
      </c>
      <c r="J47141" s="1" t="s">
        <v>160293</v>
      </c>
    </row>
    <row r="47142" spans="1:10" x14ac:dyDescent="0.35">
      <c r="A47142" s="1" t="s">
        <v>25853</v>
      </c>
      <c r="B47142" s="1" t="s">
        <v>159471</v>
      </c>
      <c r="C47142" s="1" t="s">
        <v>90</v>
      </c>
      <c r="D47142" s="1" t="s">
        <v>160294</v>
      </c>
      <c r="E47142" s="1" t="s">
        <v>160295</v>
      </c>
      <c r="F47142" s="1" t="s">
        <v>160296</v>
      </c>
      <c r="G47142" s="1" t="s">
        <v>160244</v>
      </c>
      <c r="H47142" s="1" t="s">
        <v>160245</v>
      </c>
      <c r="I47142" s="1" t="s">
        <v>159477</v>
      </c>
      <c r="J47142" s="1" t="s">
        <v>160297</v>
      </c>
    </row>
    <row r="47143" spans="1:10" x14ac:dyDescent="0.35">
      <c r="A47143" s="1" t="s">
        <v>25853</v>
      </c>
      <c r="B47143" s="1" t="s">
        <v>159471</v>
      </c>
      <c r="C47143" s="1" t="s">
        <v>95</v>
      </c>
      <c r="D47143" s="1" t="s">
        <v>32661</v>
      </c>
      <c r="E47143" s="1" t="s">
        <v>160298</v>
      </c>
      <c r="F47143" s="1" t="s">
        <v>160299</v>
      </c>
      <c r="G47143" s="1" t="s">
        <v>160244</v>
      </c>
      <c r="H47143" s="1" t="s">
        <v>160245</v>
      </c>
      <c r="I47143" s="1" t="s">
        <v>159477</v>
      </c>
      <c r="J47143" s="1" t="s">
        <v>160300</v>
      </c>
    </row>
    <row r="47144" spans="1:10" x14ac:dyDescent="0.35">
      <c r="A47144" s="1" t="s">
        <v>25853</v>
      </c>
      <c r="B47144" s="1" t="s">
        <v>159471</v>
      </c>
      <c r="C47144" s="1" t="s">
        <v>100</v>
      </c>
      <c r="D47144" s="1" t="s">
        <v>31319</v>
      </c>
      <c r="E47144" s="1" t="s">
        <v>160301</v>
      </c>
      <c r="F47144" s="1" t="s">
        <v>160302</v>
      </c>
      <c r="G47144" s="1" t="s">
        <v>160244</v>
      </c>
      <c r="H47144" s="1" t="s">
        <v>160245</v>
      </c>
      <c r="I47144" s="1" t="s">
        <v>159477</v>
      </c>
      <c r="J47144" s="1" t="s">
        <v>160303</v>
      </c>
    </row>
    <row r="47145" spans="1:10" x14ac:dyDescent="0.35">
      <c r="A47145" s="1" t="s">
        <v>25853</v>
      </c>
      <c r="B47145" s="1" t="s">
        <v>159471</v>
      </c>
      <c r="C47145" s="1" t="s">
        <v>105</v>
      </c>
      <c r="D47145" s="1" t="s">
        <v>25669</v>
      </c>
      <c r="E47145" s="1" t="s">
        <v>160304</v>
      </c>
      <c r="F47145" s="1" t="s">
        <v>160305</v>
      </c>
      <c r="G47145" s="1" t="s">
        <v>160244</v>
      </c>
      <c r="H47145" s="1" t="s">
        <v>160245</v>
      </c>
      <c r="I47145" s="1" t="s">
        <v>159477</v>
      </c>
      <c r="J47145" s="1" t="s">
        <v>160306</v>
      </c>
    </row>
    <row r="47146" spans="1:10" x14ac:dyDescent="0.35">
      <c r="A47146" s="1" t="s">
        <v>25853</v>
      </c>
      <c r="B47146" s="1" t="s">
        <v>159471</v>
      </c>
      <c r="C47146" s="1" t="s">
        <v>110</v>
      </c>
      <c r="D47146" s="1" t="s">
        <v>43201</v>
      </c>
      <c r="E47146" s="1" t="s">
        <v>160307</v>
      </c>
      <c r="F47146" s="1" t="s">
        <v>160308</v>
      </c>
      <c r="G47146" s="1" t="s">
        <v>160244</v>
      </c>
      <c r="H47146" s="1" t="s">
        <v>160245</v>
      </c>
      <c r="I47146" s="1" t="s">
        <v>159477</v>
      </c>
      <c r="J47146" s="1" t="s">
        <v>160309</v>
      </c>
    </row>
    <row r="47147" spans="1:10" x14ac:dyDescent="0.35">
      <c r="A47147" s="1" t="s">
        <v>25853</v>
      </c>
      <c r="B47147" s="1" t="s">
        <v>159471</v>
      </c>
      <c r="C47147" s="1" t="s">
        <v>115</v>
      </c>
      <c r="D47147" s="1" t="s">
        <v>123730</v>
      </c>
      <c r="E47147" s="1" t="s">
        <v>160310</v>
      </c>
      <c r="F47147" s="1" t="s">
        <v>160311</v>
      </c>
      <c r="G47147" s="1" t="s">
        <v>160244</v>
      </c>
      <c r="H47147" s="1" t="s">
        <v>160245</v>
      </c>
      <c r="I47147" s="1" t="s">
        <v>159477</v>
      </c>
      <c r="J47147" s="1" t="s">
        <v>160312</v>
      </c>
    </row>
    <row r="47148" spans="1:10" x14ac:dyDescent="0.35">
      <c r="A47148" s="1" t="s">
        <v>25853</v>
      </c>
      <c r="B47148" s="1" t="s">
        <v>159471</v>
      </c>
      <c r="C47148" s="1" t="s">
        <v>120</v>
      </c>
      <c r="D47148" s="1" t="s">
        <v>31650</v>
      </c>
      <c r="E47148" s="1" t="s">
        <v>160313</v>
      </c>
      <c r="F47148" s="1" t="s">
        <v>160314</v>
      </c>
      <c r="G47148" s="1" t="s">
        <v>160244</v>
      </c>
      <c r="H47148" s="1" t="s">
        <v>160245</v>
      </c>
      <c r="I47148" s="1" t="s">
        <v>159477</v>
      </c>
      <c r="J47148" s="1" t="s">
        <v>160315</v>
      </c>
    </row>
    <row r="47149" spans="1:10" x14ac:dyDescent="0.35">
      <c r="A47149" s="1" t="s">
        <v>25853</v>
      </c>
      <c r="B47149" s="1" t="s">
        <v>159471</v>
      </c>
      <c r="C47149" s="1" t="s">
        <v>125</v>
      </c>
      <c r="D47149" s="1" t="s">
        <v>160316</v>
      </c>
      <c r="E47149" s="1" t="s">
        <v>160317</v>
      </c>
      <c r="F47149" s="1" t="s">
        <v>160318</v>
      </c>
      <c r="G47149" s="1" t="s">
        <v>160244</v>
      </c>
      <c r="H47149" s="1" t="s">
        <v>160245</v>
      </c>
      <c r="I47149" s="1" t="s">
        <v>159477</v>
      </c>
      <c r="J47149" s="1" t="s">
        <v>160319</v>
      </c>
    </row>
    <row r="47150" spans="1:10" x14ac:dyDescent="0.35">
      <c r="A47150" s="1" t="s">
        <v>25853</v>
      </c>
      <c r="B47150" s="1" t="s">
        <v>159471</v>
      </c>
      <c r="C47150" s="1" t="s">
        <v>130</v>
      </c>
      <c r="D47150" s="1" t="s">
        <v>50800</v>
      </c>
      <c r="E47150" s="1" t="s">
        <v>160320</v>
      </c>
      <c r="F47150" s="1" t="s">
        <v>160321</v>
      </c>
      <c r="G47150" s="1" t="s">
        <v>160244</v>
      </c>
      <c r="H47150" s="1" t="s">
        <v>160245</v>
      </c>
      <c r="I47150" s="1" t="s">
        <v>159477</v>
      </c>
      <c r="J47150" s="1" t="s">
        <v>160322</v>
      </c>
    </row>
    <row r="47151" spans="1:10" x14ac:dyDescent="0.35">
      <c r="A47151" s="1" t="s">
        <v>25853</v>
      </c>
      <c r="B47151" s="1" t="s">
        <v>159471</v>
      </c>
      <c r="C47151" s="1" t="s">
        <v>135</v>
      </c>
      <c r="D47151" s="1" t="s">
        <v>160323</v>
      </c>
      <c r="E47151" s="1" t="s">
        <v>160324</v>
      </c>
      <c r="F47151" s="1" t="s">
        <v>160325</v>
      </c>
      <c r="G47151" s="1" t="s">
        <v>160244</v>
      </c>
      <c r="H47151" s="1" t="s">
        <v>160245</v>
      </c>
      <c r="I47151" s="1" t="s">
        <v>159477</v>
      </c>
      <c r="J47151" s="1" t="s">
        <v>160326</v>
      </c>
    </row>
    <row r="47152" spans="1:10" x14ac:dyDescent="0.35">
      <c r="A47152" s="1" t="s">
        <v>25853</v>
      </c>
      <c r="B47152" s="1" t="s">
        <v>159471</v>
      </c>
      <c r="C47152" s="1" t="s">
        <v>140</v>
      </c>
      <c r="D47152" s="1" t="s">
        <v>160327</v>
      </c>
      <c r="E47152" s="1" t="s">
        <v>160328</v>
      </c>
      <c r="F47152" s="1" t="s">
        <v>160329</v>
      </c>
      <c r="G47152" s="1" t="s">
        <v>160244</v>
      </c>
      <c r="H47152" s="1" t="s">
        <v>160245</v>
      </c>
      <c r="I47152" s="1" t="s">
        <v>159477</v>
      </c>
      <c r="J47152" s="1" t="s">
        <v>160330</v>
      </c>
    </row>
    <row r="47153" spans="1:10" x14ac:dyDescent="0.35">
      <c r="A47153" s="1" t="s">
        <v>25853</v>
      </c>
      <c r="B47153" s="1" t="s">
        <v>159471</v>
      </c>
      <c r="C47153" s="1" t="s">
        <v>145</v>
      </c>
      <c r="D47153" s="1" t="s">
        <v>160331</v>
      </c>
      <c r="E47153" s="1" t="s">
        <v>160332</v>
      </c>
      <c r="F47153" s="1" t="s">
        <v>160333</v>
      </c>
      <c r="G47153" s="1" t="s">
        <v>160244</v>
      </c>
      <c r="H47153" s="1" t="s">
        <v>160245</v>
      </c>
      <c r="I47153" s="1" t="s">
        <v>159477</v>
      </c>
      <c r="J47153" s="1" t="s">
        <v>160334</v>
      </c>
    </row>
    <row r="47154" spans="1:10" x14ac:dyDescent="0.35">
      <c r="A47154" s="1" t="s">
        <v>25853</v>
      </c>
      <c r="B47154" s="1" t="s">
        <v>159471</v>
      </c>
      <c r="C47154" s="1" t="s">
        <v>150</v>
      </c>
      <c r="D47154" s="1" t="s">
        <v>152738</v>
      </c>
      <c r="E47154" s="1" t="s">
        <v>160335</v>
      </c>
      <c r="F47154" s="1" t="s">
        <v>160336</v>
      </c>
      <c r="G47154" s="1" t="s">
        <v>160244</v>
      </c>
      <c r="H47154" s="1" t="s">
        <v>160245</v>
      </c>
      <c r="I47154" s="1" t="s">
        <v>159477</v>
      </c>
      <c r="J47154" s="1" t="s">
        <v>160337</v>
      </c>
    </row>
    <row r="47155" spans="1:10" x14ac:dyDescent="0.35">
      <c r="A47155" s="1" t="s">
        <v>25853</v>
      </c>
      <c r="B47155" s="1" t="s">
        <v>159471</v>
      </c>
      <c r="C47155" s="1" t="s">
        <v>155</v>
      </c>
      <c r="D47155" s="1" t="s">
        <v>38702</v>
      </c>
      <c r="E47155" s="1" t="s">
        <v>160338</v>
      </c>
      <c r="F47155" s="1" t="s">
        <v>160339</v>
      </c>
      <c r="G47155" s="1" t="s">
        <v>160244</v>
      </c>
      <c r="H47155" s="1" t="s">
        <v>160245</v>
      </c>
      <c r="I47155" s="1" t="s">
        <v>159477</v>
      </c>
      <c r="J47155" s="1" t="s">
        <v>160340</v>
      </c>
    </row>
    <row r="47156" spans="1:10" x14ac:dyDescent="0.35">
      <c r="A47156" s="1" t="s">
        <v>25853</v>
      </c>
      <c r="B47156" s="1" t="s">
        <v>159471</v>
      </c>
      <c r="C47156" s="1" t="s">
        <v>160</v>
      </c>
      <c r="D47156" s="1" t="s">
        <v>160341</v>
      </c>
      <c r="E47156" s="1" t="s">
        <v>160342</v>
      </c>
      <c r="F47156" s="1" t="s">
        <v>160343</v>
      </c>
      <c r="G47156" s="1" t="s">
        <v>160244</v>
      </c>
      <c r="H47156" s="1" t="s">
        <v>160245</v>
      </c>
      <c r="I47156" s="1" t="s">
        <v>159477</v>
      </c>
      <c r="J47156" s="1" t="s">
        <v>160344</v>
      </c>
    </row>
    <row r="47157" spans="1:10" x14ac:dyDescent="0.35">
      <c r="A47157" s="1" t="s">
        <v>25853</v>
      </c>
      <c r="B47157" s="1" t="s">
        <v>159471</v>
      </c>
      <c r="C47157" s="1" t="s">
        <v>165</v>
      </c>
      <c r="D47157" s="1" t="s">
        <v>114367</v>
      </c>
      <c r="E47157" s="1" t="s">
        <v>160345</v>
      </c>
      <c r="F47157" s="1" t="s">
        <v>160346</v>
      </c>
      <c r="G47157" s="1" t="s">
        <v>160244</v>
      </c>
      <c r="H47157" s="1" t="s">
        <v>160245</v>
      </c>
      <c r="I47157" s="1" t="s">
        <v>159477</v>
      </c>
      <c r="J47157" s="1" t="s">
        <v>160347</v>
      </c>
    </row>
    <row r="47158" spans="1:10" x14ac:dyDescent="0.35">
      <c r="A47158" s="1" t="s">
        <v>25853</v>
      </c>
      <c r="B47158" s="1" t="s">
        <v>159471</v>
      </c>
      <c r="C47158" s="1" t="s">
        <v>170</v>
      </c>
      <c r="D47158" s="1" t="s">
        <v>147070</v>
      </c>
      <c r="E47158" s="1" t="s">
        <v>160348</v>
      </c>
      <c r="F47158" s="1" t="s">
        <v>160349</v>
      </c>
      <c r="G47158" s="1" t="s">
        <v>160244</v>
      </c>
      <c r="H47158" s="1" t="s">
        <v>160245</v>
      </c>
      <c r="I47158" s="1" t="s">
        <v>159477</v>
      </c>
      <c r="J47158" s="1" t="s">
        <v>160350</v>
      </c>
    </row>
    <row r="47159" spans="1:10" x14ac:dyDescent="0.35">
      <c r="A47159" s="1" t="s">
        <v>29747</v>
      </c>
      <c r="B47159" s="1" t="s">
        <v>159471</v>
      </c>
      <c r="C47159" s="1" t="s">
        <v>8</v>
      </c>
      <c r="D47159" s="1" t="s">
        <v>160351</v>
      </c>
      <c r="E47159" s="1" t="s">
        <v>160352</v>
      </c>
      <c r="F47159" s="1" t="s">
        <v>160353</v>
      </c>
      <c r="G47159" s="1" t="s">
        <v>160354</v>
      </c>
      <c r="H47159" s="1" t="s">
        <v>160355</v>
      </c>
      <c r="I47159" s="1" t="s">
        <v>159477</v>
      </c>
      <c r="J47159" s="1" t="s">
        <v>13</v>
      </c>
    </row>
    <row r="47160" spans="1:10" x14ac:dyDescent="0.35">
      <c r="A47160" s="1" t="s">
        <v>29747</v>
      </c>
      <c r="B47160" s="1" t="s">
        <v>159471</v>
      </c>
      <c r="C47160" s="1" t="s">
        <v>15</v>
      </c>
      <c r="D47160" s="1" t="s">
        <v>160356</v>
      </c>
      <c r="E47160" s="1" t="s">
        <v>8622</v>
      </c>
      <c r="F47160" s="1" t="s">
        <v>160357</v>
      </c>
      <c r="G47160" s="1" t="s">
        <v>160354</v>
      </c>
      <c r="H47160" s="1" t="s">
        <v>160355</v>
      </c>
      <c r="I47160" s="1" t="s">
        <v>159477</v>
      </c>
      <c r="J47160" s="1" t="s">
        <v>160358</v>
      </c>
    </row>
    <row r="47161" spans="1:10" x14ac:dyDescent="0.35">
      <c r="A47161" s="1" t="s">
        <v>29747</v>
      </c>
      <c r="B47161" s="1" t="s">
        <v>159471</v>
      </c>
      <c r="C47161" s="1" t="s">
        <v>20</v>
      </c>
      <c r="D47161" s="1" t="s">
        <v>160359</v>
      </c>
      <c r="E47161" s="1" t="s">
        <v>12703</v>
      </c>
      <c r="F47161" s="1" t="s">
        <v>160360</v>
      </c>
      <c r="G47161" s="1" t="s">
        <v>160354</v>
      </c>
      <c r="H47161" s="1" t="s">
        <v>160355</v>
      </c>
      <c r="I47161" s="1" t="s">
        <v>159477</v>
      </c>
      <c r="J47161" s="1" t="s">
        <v>160361</v>
      </c>
    </row>
    <row r="47162" spans="1:10" x14ac:dyDescent="0.35">
      <c r="A47162" s="1" t="s">
        <v>29747</v>
      </c>
      <c r="B47162" s="1" t="s">
        <v>159471</v>
      </c>
      <c r="C47162" s="1" t="s">
        <v>25</v>
      </c>
      <c r="D47162" s="1" t="s">
        <v>160362</v>
      </c>
      <c r="E47162" s="1" t="s">
        <v>160363</v>
      </c>
      <c r="F47162" s="1" t="s">
        <v>160364</v>
      </c>
      <c r="G47162" s="1" t="s">
        <v>160354</v>
      </c>
      <c r="H47162" s="1" t="s">
        <v>160355</v>
      </c>
      <c r="I47162" s="1" t="s">
        <v>159477</v>
      </c>
      <c r="J47162" s="1" t="s">
        <v>160365</v>
      </c>
    </row>
    <row r="47163" spans="1:10" x14ac:dyDescent="0.35">
      <c r="A47163" s="1" t="s">
        <v>29747</v>
      </c>
      <c r="B47163" s="1" t="s">
        <v>159471</v>
      </c>
      <c r="C47163" s="1" t="s">
        <v>30</v>
      </c>
      <c r="D47163" s="1" t="s">
        <v>115115</v>
      </c>
      <c r="E47163" s="1" t="s">
        <v>7962</v>
      </c>
      <c r="F47163" s="1" t="s">
        <v>160366</v>
      </c>
      <c r="G47163" s="1" t="s">
        <v>160354</v>
      </c>
      <c r="H47163" s="1" t="s">
        <v>160355</v>
      </c>
      <c r="I47163" s="1" t="s">
        <v>159477</v>
      </c>
      <c r="J47163" s="1" t="s">
        <v>160367</v>
      </c>
    </row>
    <row r="47164" spans="1:10" x14ac:dyDescent="0.35">
      <c r="A47164" s="1" t="s">
        <v>29747</v>
      </c>
      <c r="B47164" s="1" t="s">
        <v>159471</v>
      </c>
      <c r="C47164" s="1" t="s">
        <v>35</v>
      </c>
      <c r="D47164" s="1" t="s">
        <v>42450</v>
      </c>
      <c r="E47164" s="1" t="s">
        <v>8622</v>
      </c>
      <c r="F47164" s="1" t="s">
        <v>160368</v>
      </c>
      <c r="G47164" s="1" t="s">
        <v>160354</v>
      </c>
      <c r="H47164" s="1" t="s">
        <v>160355</v>
      </c>
      <c r="I47164" s="1" t="s">
        <v>159477</v>
      </c>
      <c r="J47164" s="1" t="s">
        <v>160369</v>
      </c>
    </row>
    <row r="47165" spans="1:10" x14ac:dyDescent="0.35">
      <c r="A47165" s="1" t="s">
        <v>29747</v>
      </c>
      <c r="B47165" s="1" t="s">
        <v>159471</v>
      </c>
      <c r="C47165" s="1" t="s">
        <v>40</v>
      </c>
      <c r="D47165" s="1" t="s">
        <v>160370</v>
      </c>
      <c r="E47165" s="1" t="s">
        <v>160371</v>
      </c>
      <c r="F47165" s="1" t="s">
        <v>160372</v>
      </c>
      <c r="G47165" s="1" t="s">
        <v>160354</v>
      </c>
      <c r="H47165" s="1" t="s">
        <v>160355</v>
      </c>
      <c r="I47165" s="1" t="s">
        <v>159477</v>
      </c>
      <c r="J47165" s="1" t="s">
        <v>160373</v>
      </c>
    </row>
    <row r="47166" spans="1:10" x14ac:dyDescent="0.35">
      <c r="A47166" s="1" t="s">
        <v>29747</v>
      </c>
      <c r="B47166" s="1" t="s">
        <v>159471</v>
      </c>
      <c r="C47166" s="1" t="s">
        <v>45</v>
      </c>
      <c r="D47166" s="1" t="s">
        <v>52481</v>
      </c>
      <c r="E47166" s="1" t="s">
        <v>12226</v>
      </c>
      <c r="F47166" s="1" t="s">
        <v>160374</v>
      </c>
      <c r="G47166" s="1" t="s">
        <v>160354</v>
      </c>
      <c r="H47166" s="1" t="s">
        <v>160355</v>
      </c>
      <c r="I47166" s="1" t="s">
        <v>159477</v>
      </c>
      <c r="J47166" s="1" t="s">
        <v>160375</v>
      </c>
    </row>
    <row r="47167" spans="1:10" x14ac:dyDescent="0.35">
      <c r="A47167" s="1" t="s">
        <v>29747</v>
      </c>
      <c r="B47167" s="1" t="s">
        <v>159471</v>
      </c>
      <c r="C47167" s="1" t="s">
        <v>50</v>
      </c>
      <c r="D47167" s="1" t="s">
        <v>160376</v>
      </c>
      <c r="E47167" s="1" t="s">
        <v>110964</v>
      </c>
      <c r="F47167" s="1" t="s">
        <v>159859</v>
      </c>
      <c r="G47167" s="1" t="s">
        <v>160354</v>
      </c>
      <c r="H47167" s="1" t="s">
        <v>160355</v>
      </c>
      <c r="I47167" s="1" t="s">
        <v>159477</v>
      </c>
      <c r="J47167" s="1" t="s">
        <v>160377</v>
      </c>
    </row>
    <row r="47168" spans="1:10" x14ac:dyDescent="0.35">
      <c r="A47168" s="1" t="s">
        <v>29747</v>
      </c>
      <c r="B47168" s="1" t="s">
        <v>159471</v>
      </c>
      <c r="C47168" s="1" t="s">
        <v>55</v>
      </c>
      <c r="D47168" s="1" t="s">
        <v>53916</v>
      </c>
      <c r="E47168" s="1" t="s">
        <v>7943</v>
      </c>
      <c r="F47168" s="1" t="s">
        <v>160378</v>
      </c>
      <c r="G47168" s="1" t="s">
        <v>160354</v>
      </c>
      <c r="H47168" s="1" t="s">
        <v>160355</v>
      </c>
      <c r="I47168" s="1" t="s">
        <v>159477</v>
      </c>
      <c r="J47168" s="1" t="s">
        <v>160379</v>
      </c>
    </row>
    <row r="47169" spans="1:10" x14ac:dyDescent="0.35">
      <c r="A47169" s="1" t="s">
        <v>29747</v>
      </c>
      <c r="B47169" s="1" t="s">
        <v>159471</v>
      </c>
      <c r="C47169" s="1" t="s">
        <v>60</v>
      </c>
      <c r="D47169" s="1" t="s">
        <v>55621</v>
      </c>
      <c r="E47169" s="1" t="s">
        <v>27464</v>
      </c>
      <c r="F47169" s="1" t="s">
        <v>160380</v>
      </c>
      <c r="G47169" s="1" t="s">
        <v>160354</v>
      </c>
      <c r="H47169" s="1" t="s">
        <v>160355</v>
      </c>
      <c r="I47169" s="1" t="s">
        <v>159477</v>
      </c>
      <c r="J47169" s="1" t="s">
        <v>160381</v>
      </c>
    </row>
    <row r="47170" spans="1:10" x14ac:dyDescent="0.35">
      <c r="A47170" s="1" t="s">
        <v>29747</v>
      </c>
      <c r="B47170" s="1" t="s">
        <v>159471</v>
      </c>
      <c r="C47170" s="1" t="s">
        <v>65</v>
      </c>
      <c r="D47170" s="1" t="s">
        <v>53927</v>
      </c>
      <c r="E47170" s="1" t="s">
        <v>160382</v>
      </c>
      <c r="F47170" s="1" t="s">
        <v>160383</v>
      </c>
      <c r="G47170" s="1" t="s">
        <v>160354</v>
      </c>
      <c r="H47170" s="1" t="s">
        <v>160355</v>
      </c>
      <c r="I47170" s="1" t="s">
        <v>159477</v>
      </c>
      <c r="J47170" s="1" t="s">
        <v>160384</v>
      </c>
    </row>
    <row r="47171" spans="1:10" x14ac:dyDescent="0.35">
      <c r="A47171" s="1" t="s">
        <v>29747</v>
      </c>
      <c r="B47171" s="1" t="s">
        <v>159471</v>
      </c>
      <c r="C47171" s="1" t="s">
        <v>70</v>
      </c>
      <c r="D47171" s="1" t="s">
        <v>160385</v>
      </c>
      <c r="E47171" s="1" t="s">
        <v>160386</v>
      </c>
      <c r="F47171" s="1" t="s">
        <v>160387</v>
      </c>
      <c r="G47171" s="1" t="s">
        <v>160354</v>
      </c>
      <c r="H47171" s="1" t="s">
        <v>160355</v>
      </c>
      <c r="I47171" s="1" t="s">
        <v>159477</v>
      </c>
      <c r="J47171" s="1" t="s">
        <v>160388</v>
      </c>
    </row>
    <row r="47172" spans="1:10" x14ac:dyDescent="0.35">
      <c r="A47172" s="1" t="s">
        <v>29747</v>
      </c>
      <c r="B47172" s="1" t="s">
        <v>159471</v>
      </c>
      <c r="C47172" s="1" t="s">
        <v>75</v>
      </c>
      <c r="D47172" s="1" t="s">
        <v>160389</v>
      </c>
      <c r="E47172" s="1" t="s">
        <v>12226</v>
      </c>
      <c r="F47172" s="1" t="s">
        <v>160390</v>
      </c>
      <c r="G47172" s="1" t="s">
        <v>160354</v>
      </c>
      <c r="H47172" s="1" t="s">
        <v>160355</v>
      </c>
      <c r="I47172" s="1" t="s">
        <v>159477</v>
      </c>
      <c r="J47172" s="1" t="s">
        <v>160391</v>
      </c>
    </row>
    <row r="47173" spans="1:10" x14ac:dyDescent="0.35">
      <c r="A47173" s="1" t="s">
        <v>29747</v>
      </c>
      <c r="B47173" s="1" t="s">
        <v>159471</v>
      </c>
      <c r="C47173" s="1" t="s">
        <v>80</v>
      </c>
      <c r="D47173" s="1" t="s">
        <v>78758</v>
      </c>
      <c r="E47173" s="1" t="s">
        <v>13659</v>
      </c>
      <c r="F47173" s="1" t="s">
        <v>160392</v>
      </c>
      <c r="G47173" s="1" t="s">
        <v>160354</v>
      </c>
      <c r="H47173" s="1" t="s">
        <v>160355</v>
      </c>
      <c r="I47173" s="1" t="s">
        <v>159477</v>
      </c>
      <c r="J47173" s="1" t="s">
        <v>160393</v>
      </c>
    </row>
    <row r="47174" spans="1:10" x14ac:dyDescent="0.35">
      <c r="A47174" s="1" t="s">
        <v>29747</v>
      </c>
      <c r="B47174" s="1" t="s">
        <v>159471</v>
      </c>
      <c r="C47174" s="1" t="s">
        <v>85</v>
      </c>
      <c r="D47174" s="1" t="s">
        <v>160394</v>
      </c>
      <c r="E47174" s="1" t="s">
        <v>13652</v>
      </c>
      <c r="F47174" s="1" t="s">
        <v>160395</v>
      </c>
      <c r="G47174" s="1" t="s">
        <v>160354</v>
      </c>
      <c r="H47174" s="1" t="s">
        <v>160355</v>
      </c>
      <c r="I47174" s="1" t="s">
        <v>159477</v>
      </c>
      <c r="J47174" s="1" t="s">
        <v>160396</v>
      </c>
    </row>
    <row r="47175" spans="1:10" x14ac:dyDescent="0.35">
      <c r="A47175" s="1" t="s">
        <v>29747</v>
      </c>
      <c r="B47175" s="1" t="s">
        <v>159471</v>
      </c>
      <c r="C47175" s="1" t="s">
        <v>90</v>
      </c>
      <c r="D47175" s="1" t="s">
        <v>69384</v>
      </c>
      <c r="E47175" s="1" t="s">
        <v>160397</v>
      </c>
      <c r="F47175" s="1" t="s">
        <v>109698</v>
      </c>
      <c r="G47175" s="1" t="s">
        <v>160354</v>
      </c>
      <c r="H47175" s="1" t="s">
        <v>160355</v>
      </c>
      <c r="I47175" s="1" t="s">
        <v>159477</v>
      </c>
      <c r="J47175" s="1" t="s">
        <v>160398</v>
      </c>
    </row>
    <row r="47176" spans="1:10" x14ac:dyDescent="0.35">
      <c r="A47176" s="1" t="s">
        <v>29747</v>
      </c>
      <c r="B47176" s="1" t="s">
        <v>159471</v>
      </c>
      <c r="C47176" s="1" t="s">
        <v>95</v>
      </c>
      <c r="D47176" s="1" t="s">
        <v>160399</v>
      </c>
      <c r="E47176" s="1" t="s">
        <v>160400</v>
      </c>
      <c r="F47176" s="1" t="s">
        <v>160401</v>
      </c>
      <c r="G47176" s="1" t="s">
        <v>160354</v>
      </c>
      <c r="H47176" s="1" t="s">
        <v>160355</v>
      </c>
      <c r="I47176" s="1" t="s">
        <v>159477</v>
      </c>
      <c r="J47176" s="1" t="s">
        <v>160402</v>
      </c>
    </row>
    <row r="47177" spans="1:10" x14ac:dyDescent="0.35">
      <c r="A47177" s="1" t="s">
        <v>29747</v>
      </c>
      <c r="B47177" s="1" t="s">
        <v>159471</v>
      </c>
      <c r="C47177" s="1" t="s">
        <v>100</v>
      </c>
      <c r="D47177" s="1" t="s">
        <v>84750</v>
      </c>
      <c r="E47177" s="1" t="s">
        <v>12751</v>
      </c>
      <c r="F47177" s="1" t="s">
        <v>110732</v>
      </c>
      <c r="G47177" s="1" t="s">
        <v>160354</v>
      </c>
      <c r="H47177" s="1" t="s">
        <v>160355</v>
      </c>
      <c r="I47177" s="1" t="s">
        <v>159477</v>
      </c>
      <c r="J47177" s="1" t="s">
        <v>160403</v>
      </c>
    </row>
    <row r="47178" spans="1:10" x14ac:dyDescent="0.35">
      <c r="A47178" s="1" t="s">
        <v>29747</v>
      </c>
      <c r="B47178" s="1" t="s">
        <v>159471</v>
      </c>
      <c r="C47178" s="1" t="s">
        <v>105</v>
      </c>
      <c r="D47178" s="1" t="s">
        <v>160404</v>
      </c>
      <c r="E47178" s="1" t="s">
        <v>8646</v>
      </c>
      <c r="F47178" s="1" t="s">
        <v>160405</v>
      </c>
      <c r="G47178" s="1" t="s">
        <v>160354</v>
      </c>
      <c r="H47178" s="1" t="s">
        <v>160355</v>
      </c>
      <c r="I47178" s="1" t="s">
        <v>159477</v>
      </c>
      <c r="J47178" s="1" t="s">
        <v>160406</v>
      </c>
    </row>
    <row r="47179" spans="1:10" x14ac:dyDescent="0.35">
      <c r="A47179" s="1" t="s">
        <v>29747</v>
      </c>
      <c r="B47179" s="1" t="s">
        <v>159471</v>
      </c>
      <c r="C47179" s="1" t="s">
        <v>110</v>
      </c>
      <c r="D47179" s="1" t="s">
        <v>64001</v>
      </c>
      <c r="E47179" s="1" t="s">
        <v>160407</v>
      </c>
      <c r="F47179" s="1" t="s">
        <v>160408</v>
      </c>
      <c r="G47179" s="1" t="s">
        <v>160354</v>
      </c>
      <c r="H47179" s="1" t="s">
        <v>160355</v>
      </c>
      <c r="I47179" s="1" t="s">
        <v>159477</v>
      </c>
      <c r="J47179" s="1" t="s">
        <v>160409</v>
      </c>
    </row>
    <row r="47180" spans="1:10" x14ac:dyDescent="0.35">
      <c r="A47180" s="1" t="s">
        <v>29747</v>
      </c>
      <c r="B47180" s="1" t="s">
        <v>159471</v>
      </c>
      <c r="C47180" s="1" t="s">
        <v>115</v>
      </c>
      <c r="D47180" s="1" t="s">
        <v>160410</v>
      </c>
      <c r="E47180" s="1" t="s">
        <v>110918</v>
      </c>
      <c r="F47180" s="1" t="s">
        <v>160411</v>
      </c>
      <c r="G47180" s="1" t="s">
        <v>160354</v>
      </c>
      <c r="H47180" s="1" t="s">
        <v>160355</v>
      </c>
      <c r="I47180" s="1" t="s">
        <v>159477</v>
      </c>
      <c r="J47180" s="1" t="s">
        <v>160412</v>
      </c>
    </row>
    <row r="47181" spans="1:10" x14ac:dyDescent="0.35">
      <c r="A47181" s="1" t="s">
        <v>29747</v>
      </c>
      <c r="B47181" s="1" t="s">
        <v>159471</v>
      </c>
      <c r="C47181" s="1" t="s">
        <v>120</v>
      </c>
      <c r="D47181" s="1" t="s">
        <v>56388</v>
      </c>
      <c r="E47181" s="1" t="s">
        <v>160413</v>
      </c>
      <c r="F47181" s="1" t="s">
        <v>160414</v>
      </c>
      <c r="G47181" s="1" t="s">
        <v>160354</v>
      </c>
      <c r="H47181" s="1" t="s">
        <v>160355</v>
      </c>
      <c r="I47181" s="1" t="s">
        <v>159477</v>
      </c>
      <c r="J47181" s="1" t="s">
        <v>160415</v>
      </c>
    </row>
    <row r="47182" spans="1:10" x14ac:dyDescent="0.35">
      <c r="A47182" s="1" t="s">
        <v>29747</v>
      </c>
      <c r="B47182" s="1" t="s">
        <v>159471</v>
      </c>
      <c r="C47182" s="1" t="s">
        <v>125</v>
      </c>
      <c r="D47182" s="1" t="s">
        <v>61477</v>
      </c>
      <c r="E47182" s="1" t="s">
        <v>110941</v>
      </c>
      <c r="F47182" s="1" t="s">
        <v>160416</v>
      </c>
      <c r="G47182" s="1" t="s">
        <v>160354</v>
      </c>
      <c r="H47182" s="1" t="s">
        <v>160355</v>
      </c>
      <c r="I47182" s="1" t="s">
        <v>159477</v>
      </c>
      <c r="J47182" s="1" t="s">
        <v>160417</v>
      </c>
    </row>
    <row r="47183" spans="1:10" x14ac:dyDescent="0.35">
      <c r="A47183" s="1" t="s">
        <v>29747</v>
      </c>
      <c r="B47183" s="1" t="s">
        <v>159471</v>
      </c>
      <c r="C47183" s="1" t="s">
        <v>130</v>
      </c>
      <c r="D47183" s="1" t="s">
        <v>160418</v>
      </c>
      <c r="E47183" s="1" t="s">
        <v>27514</v>
      </c>
      <c r="F47183" s="1" t="s">
        <v>160419</v>
      </c>
      <c r="G47183" s="1" t="s">
        <v>160354</v>
      </c>
      <c r="H47183" s="1" t="s">
        <v>160355</v>
      </c>
      <c r="I47183" s="1" t="s">
        <v>159477</v>
      </c>
      <c r="J47183" s="1" t="s">
        <v>160420</v>
      </c>
    </row>
    <row r="47184" spans="1:10" x14ac:dyDescent="0.35">
      <c r="A47184" s="1" t="s">
        <v>29747</v>
      </c>
      <c r="B47184" s="1" t="s">
        <v>159471</v>
      </c>
      <c r="C47184" s="1" t="s">
        <v>135</v>
      </c>
      <c r="D47184" s="1" t="s">
        <v>160421</v>
      </c>
      <c r="E47184" s="1" t="s">
        <v>160422</v>
      </c>
      <c r="F47184" s="1" t="s">
        <v>160423</v>
      </c>
      <c r="G47184" s="1" t="s">
        <v>160354</v>
      </c>
      <c r="H47184" s="1" t="s">
        <v>160355</v>
      </c>
      <c r="I47184" s="1" t="s">
        <v>159477</v>
      </c>
      <c r="J47184" s="1" t="s">
        <v>160424</v>
      </c>
    </row>
    <row r="47185" spans="1:10" x14ac:dyDescent="0.35">
      <c r="A47185" s="1" t="s">
        <v>29747</v>
      </c>
      <c r="B47185" s="1" t="s">
        <v>159471</v>
      </c>
      <c r="C47185" s="1" t="s">
        <v>140</v>
      </c>
      <c r="D47185" s="1" t="s">
        <v>160425</v>
      </c>
      <c r="E47185" s="1" t="s">
        <v>111530</v>
      </c>
      <c r="F47185" s="1" t="s">
        <v>160426</v>
      </c>
      <c r="G47185" s="1" t="s">
        <v>160354</v>
      </c>
      <c r="H47185" s="1" t="s">
        <v>160355</v>
      </c>
      <c r="I47185" s="1" t="s">
        <v>159477</v>
      </c>
      <c r="J47185" s="1" t="s">
        <v>160427</v>
      </c>
    </row>
    <row r="47186" spans="1:10" x14ac:dyDescent="0.35">
      <c r="A47186" s="1" t="s">
        <v>29747</v>
      </c>
      <c r="B47186" s="1" t="s">
        <v>159471</v>
      </c>
      <c r="C47186" s="1" t="s">
        <v>145</v>
      </c>
      <c r="D47186" s="1" t="s">
        <v>160428</v>
      </c>
      <c r="E47186" s="1" t="s">
        <v>159866</v>
      </c>
      <c r="F47186" s="1" t="s">
        <v>160429</v>
      </c>
      <c r="G47186" s="1" t="s">
        <v>160354</v>
      </c>
      <c r="H47186" s="1" t="s">
        <v>160355</v>
      </c>
      <c r="I47186" s="1" t="s">
        <v>159477</v>
      </c>
      <c r="J47186" s="1" t="s">
        <v>160430</v>
      </c>
    </row>
    <row r="47187" spans="1:10" x14ac:dyDescent="0.35">
      <c r="A47187" s="1" t="s">
        <v>29747</v>
      </c>
      <c r="B47187" s="1" t="s">
        <v>159471</v>
      </c>
      <c r="C47187" s="1" t="s">
        <v>150</v>
      </c>
      <c r="D47187" s="1" t="s">
        <v>33273</v>
      </c>
      <c r="E47187" s="1" t="s">
        <v>13693</v>
      </c>
      <c r="F47187" s="1" t="s">
        <v>160431</v>
      </c>
      <c r="G47187" s="1" t="s">
        <v>160354</v>
      </c>
      <c r="H47187" s="1" t="s">
        <v>160355</v>
      </c>
      <c r="I47187" s="1" t="s">
        <v>159477</v>
      </c>
      <c r="J47187" s="1" t="s">
        <v>160432</v>
      </c>
    </row>
    <row r="47188" spans="1:10" x14ac:dyDescent="0.35">
      <c r="A47188" s="1" t="s">
        <v>29747</v>
      </c>
      <c r="B47188" s="1" t="s">
        <v>159471</v>
      </c>
      <c r="C47188" s="1" t="s">
        <v>155</v>
      </c>
      <c r="D47188" s="1" t="s">
        <v>160433</v>
      </c>
      <c r="E47188" s="1" t="s">
        <v>111483</v>
      </c>
      <c r="F47188" s="1" t="s">
        <v>160434</v>
      </c>
      <c r="G47188" s="1" t="s">
        <v>160354</v>
      </c>
      <c r="H47188" s="1" t="s">
        <v>160355</v>
      </c>
      <c r="I47188" s="1" t="s">
        <v>159477</v>
      </c>
      <c r="J47188" s="1" t="s">
        <v>160435</v>
      </c>
    </row>
    <row r="47189" spans="1:10" x14ac:dyDescent="0.35">
      <c r="A47189" s="1" t="s">
        <v>29747</v>
      </c>
      <c r="B47189" s="1" t="s">
        <v>159471</v>
      </c>
      <c r="C47189" s="1" t="s">
        <v>160</v>
      </c>
      <c r="D47189" s="1" t="s">
        <v>160436</v>
      </c>
      <c r="E47189" s="1" t="s">
        <v>111518</v>
      </c>
      <c r="F47189" s="1" t="s">
        <v>160437</v>
      </c>
      <c r="G47189" s="1" t="s">
        <v>160354</v>
      </c>
      <c r="H47189" s="1" t="s">
        <v>160355</v>
      </c>
      <c r="I47189" s="1" t="s">
        <v>159477</v>
      </c>
      <c r="J47189" s="1" t="s">
        <v>160438</v>
      </c>
    </row>
    <row r="47190" spans="1:10" x14ac:dyDescent="0.35">
      <c r="A47190" s="1" t="s">
        <v>29747</v>
      </c>
      <c r="B47190" s="1" t="s">
        <v>159471</v>
      </c>
      <c r="C47190" s="1" t="s">
        <v>165</v>
      </c>
      <c r="D47190" s="1" t="s">
        <v>54649</v>
      </c>
      <c r="E47190" s="1" t="s">
        <v>12226</v>
      </c>
      <c r="F47190" s="1" t="s">
        <v>160439</v>
      </c>
      <c r="G47190" s="1" t="s">
        <v>160354</v>
      </c>
      <c r="H47190" s="1" t="s">
        <v>160355</v>
      </c>
      <c r="I47190" s="1" t="s">
        <v>159477</v>
      </c>
      <c r="J47190" s="1" t="s">
        <v>160440</v>
      </c>
    </row>
    <row r="47191" spans="1:10" x14ac:dyDescent="0.35">
      <c r="A47191" s="1" t="s">
        <v>29747</v>
      </c>
      <c r="B47191" s="1" t="s">
        <v>159471</v>
      </c>
      <c r="C47191" s="1" t="s">
        <v>170</v>
      </c>
      <c r="D47191" s="1" t="s">
        <v>130357</v>
      </c>
      <c r="E47191" s="1" t="s">
        <v>160441</v>
      </c>
      <c r="F47191" s="1" t="s">
        <v>160442</v>
      </c>
      <c r="G47191" s="1" t="s">
        <v>160354</v>
      </c>
      <c r="H47191" s="1" t="s">
        <v>160355</v>
      </c>
      <c r="I47191" s="1" t="s">
        <v>159477</v>
      </c>
      <c r="J47191" s="1" t="s">
        <v>160443</v>
      </c>
    </row>
    <row r="47192" spans="1:10" x14ac:dyDescent="0.35">
      <c r="A47192" s="1" t="s">
        <v>6396</v>
      </c>
      <c r="B47192" s="1" t="s">
        <v>159471</v>
      </c>
      <c r="C47192" s="1" t="s">
        <v>8</v>
      </c>
      <c r="D47192" s="1" t="s">
        <v>155692</v>
      </c>
      <c r="E47192" s="1" t="s">
        <v>160444</v>
      </c>
      <c r="F47192" s="1" t="s">
        <v>160445</v>
      </c>
      <c r="G47192" s="1" t="s">
        <v>160446</v>
      </c>
      <c r="H47192" s="1" t="s">
        <v>160447</v>
      </c>
      <c r="I47192" s="1" t="s">
        <v>159477</v>
      </c>
      <c r="J47192" s="1" t="s">
        <v>13</v>
      </c>
    </row>
    <row r="47193" spans="1:10" x14ac:dyDescent="0.35">
      <c r="A47193" s="1" t="s">
        <v>6396</v>
      </c>
      <c r="B47193" s="1" t="s">
        <v>159471</v>
      </c>
      <c r="C47193" s="1" t="s">
        <v>15</v>
      </c>
      <c r="D47193" s="1" t="s">
        <v>71119</v>
      </c>
      <c r="E47193" s="1" t="s">
        <v>160448</v>
      </c>
      <c r="F47193" s="1" t="s">
        <v>160449</v>
      </c>
      <c r="G47193" s="1" t="s">
        <v>160446</v>
      </c>
      <c r="H47193" s="1" t="s">
        <v>160447</v>
      </c>
      <c r="I47193" s="1" t="s">
        <v>159477</v>
      </c>
      <c r="J47193" s="1" t="s">
        <v>160450</v>
      </c>
    </row>
    <row r="47194" spans="1:10" x14ac:dyDescent="0.35">
      <c r="A47194" s="1" t="s">
        <v>6396</v>
      </c>
      <c r="B47194" s="1" t="s">
        <v>159471</v>
      </c>
      <c r="C47194" s="1" t="s">
        <v>20</v>
      </c>
      <c r="D47194" s="1" t="s">
        <v>160451</v>
      </c>
      <c r="E47194" s="1" t="s">
        <v>160452</v>
      </c>
      <c r="F47194" s="1" t="s">
        <v>160453</v>
      </c>
      <c r="G47194" s="1" t="s">
        <v>160446</v>
      </c>
      <c r="H47194" s="1" t="s">
        <v>160447</v>
      </c>
      <c r="I47194" s="1" t="s">
        <v>159477</v>
      </c>
      <c r="J47194" s="1" t="s">
        <v>160454</v>
      </c>
    </row>
    <row r="47195" spans="1:10" x14ac:dyDescent="0.35">
      <c r="A47195" s="1" t="s">
        <v>6396</v>
      </c>
      <c r="B47195" s="1" t="s">
        <v>159471</v>
      </c>
      <c r="C47195" s="1" t="s">
        <v>25</v>
      </c>
      <c r="D47195" s="1" t="s">
        <v>10753</v>
      </c>
      <c r="E47195" s="1" t="s">
        <v>160455</v>
      </c>
      <c r="F47195" s="1" t="s">
        <v>160456</v>
      </c>
      <c r="G47195" s="1" t="s">
        <v>160446</v>
      </c>
      <c r="H47195" s="1" t="s">
        <v>160447</v>
      </c>
      <c r="I47195" s="1" t="s">
        <v>159477</v>
      </c>
      <c r="J47195" s="1" t="s">
        <v>160457</v>
      </c>
    </row>
    <row r="47196" spans="1:10" x14ac:dyDescent="0.35">
      <c r="A47196" s="1" t="s">
        <v>6396</v>
      </c>
      <c r="B47196" s="1" t="s">
        <v>159471</v>
      </c>
      <c r="C47196" s="1" t="s">
        <v>30</v>
      </c>
      <c r="D47196" s="1" t="s">
        <v>160458</v>
      </c>
      <c r="E47196" s="1" t="s">
        <v>160459</v>
      </c>
      <c r="F47196" s="1" t="s">
        <v>160460</v>
      </c>
      <c r="G47196" s="1" t="s">
        <v>160446</v>
      </c>
      <c r="H47196" s="1" t="s">
        <v>160447</v>
      </c>
      <c r="I47196" s="1" t="s">
        <v>159477</v>
      </c>
      <c r="J47196" s="1" t="s">
        <v>160461</v>
      </c>
    </row>
    <row r="47197" spans="1:10" x14ac:dyDescent="0.35">
      <c r="A47197" s="1" t="s">
        <v>6396</v>
      </c>
      <c r="B47197" s="1" t="s">
        <v>159471</v>
      </c>
      <c r="C47197" s="1" t="s">
        <v>35</v>
      </c>
      <c r="D47197" s="1" t="s">
        <v>156807</v>
      </c>
      <c r="E47197" s="1" t="s">
        <v>160462</v>
      </c>
      <c r="F47197" s="1" t="s">
        <v>160463</v>
      </c>
      <c r="G47197" s="1" t="s">
        <v>160446</v>
      </c>
      <c r="H47197" s="1" t="s">
        <v>160447</v>
      </c>
      <c r="I47197" s="1" t="s">
        <v>159477</v>
      </c>
      <c r="J47197" s="1" t="s">
        <v>160464</v>
      </c>
    </row>
    <row r="47198" spans="1:10" x14ac:dyDescent="0.35">
      <c r="A47198" s="1" t="s">
        <v>6396</v>
      </c>
      <c r="B47198" s="1" t="s">
        <v>159471</v>
      </c>
      <c r="C47198" s="1" t="s">
        <v>40</v>
      </c>
      <c r="D47198" s="1" t="s">
        <v>160465</v>
      </c>
      <c r="E47198" s="1" t="s">
        <v>160466</v>
      </c>
      <c r="F47198" s="1" t="s">
        <v>160467</v>
      </c>
      <c r="G47198" s="1" t="s">
        <v>160446</v>
      </c>
      <c r="H47198" s="1" t="s">
        <v>160447</v>
      </c>
      <c r="I47198" s="1" t="s">
        <v>159477</v>
      </c>
      <c r="J47198" s="1" t="s">
        <v>119595</v>
      </c>
    </row>
    <row r="47199" spans="1:10" x14ac:dyDescent="0.35">
      <c r="A47199" s="1" t="s">
        <v>6396</v>
      </c>
      <c r="B47199" s="1" t="s">
        <v>159471</v>
      </c>
      <c r="C47199" s="1" t="s">
        <v>45</v>
      </c>
      <c r="D47199" s="1" t="s">
        <v>160468</v>
      </c>
      <c r="E47199" s="1" t="s">
        <v>160469</v>
      </c>
      <c r="F47199" s="1" t="s">
        <v>160470</v>
      </c>
      <c r="G47199" s="1" t="s">
        <v>160446</v>
      </c>
      <c r="H47199" s="1" t="s">
        <v>160447</v>
      </c>
      <c r="I47199" s="1" t="s">
        <v>159477</v>
      </c>
      <c r="J47199" s="1" t="s">
        <v>160471</v>
      </c>
    </row>
    <row r="47200" spans="1:10" x14ac:dyDescent="0.35">
      <c r="A47200" s="1" t="s">
        <v>6396</v>
      </c>
      <c r="B47200" s="1" t="s">
        <v>159471</v>
      </c>
      <c r="C47200" s="1" t="s">
        <v>50</v>
      </c>
      <c r="D47200" s="1" t="s">
        <v>5119</v>
      </c>
      <c r="E47200" s="1" t="s">
        <v>160472</v>
      </c>
      <c r="F47200" s="1" t="s">
        <v>160473</v>
      </c>
      <c r="G47200" s="1" t="s">
        <v>160446</v>
      </c>
      <c r="H47200" s="1" t="s">
        <v>160447</v>
      </c>
      <c r="I47200" s="1" t="s">
        <v>159477</v>
      </c>
      <c r="J47200" s="1" t="s">
        <v>160474</v>
      </c>
    </row>
    <row r="47201" spans="1:10" x14ac:dyDescent="0.35">
      <c r="A47201" s="1" t="s">
        <v>6396</v>
      </c>
      <c r="B47201" s="1" t="s">
        <v>159471</v>
      </c>
      <c r="C47201" s="1" t="s">
        <v>55</v>
      </c>
      <c r="D47201" s="1" t="s">
        <v>125128</v>
      </c>
      <c r="E47201" s="1" t="s">
        <v>160475</v>
      </c>
      <c r="F47201" s="1" t="s">
        <v>160476</v>
      </c>
      <c r="G47201" s="1" t="s">
        <v>160446</v>
      </c>
      <c r="H47201" s="1" t="s">
        <v>160447</v>
      </c>
      <c r="I47201" s="1" t="s">
        <v>159477</v>
      </c>
      <c r="J47201" s="1" t="s">
        <v>160477</v>
      </c>
    </row>
    <row r="47202" spans="1:10" x14ac:dyDescent="0.35">
      <c r="A47202" s="1" t="s">
        <v>6396</v>
      </c>
      <c r="B47202" s="1" t="s">
        <v>159471</v>
      </c>
      <c r="C47202" s="1" t="s">
        <v>60</v>
      </c>
      <c r="D47202" s="1" t="s">
        <v>3659</v>
      </c>
      <c r="E47202" s="1" t="s">
        <v>160478</v>
      </c>
      <c r="F47202" s="1" t="s">
        <v>160479</v>
      </c>
      <c r="G47202" s="1" t="s">
        <v>160446</v>
      </c>
      <c r="H47202" s="1" t="s">
        <v>160447</v>
      </c>
      <c r="I47202" s="1" t="s">
        <v>159477</v>
      </c>
      <c r="J47202" s="1" t="s">
        <v>160480</v>
      </c>
    </row>
    <row r="47203" spans="1:10" x14ac:dyDescent="0.35">
      <c r="A47203" s="1" t="s">
        <v>6396</v>
      </c>
      <c r="B47203" s="1" t="s">
        <v>159471</v>
      </c>
      <c r="C47203" s="1" t="s">
        <v>65</v>
      </c>
      <c r="D47203" s="1" t="s">
        <v>123128</v>
      </c>
      <c r="E47203" s="1" t="s">
        <v>160481</v>
      </c>
      <c r="F47203" s="1" t="s">
        <v>160482</v>
      </c>
      <c r="G47203" s="1" t="s">
        <v>160446</v>
      </c>
      <c r="H47203" s="1" t="s">
        <v>160447</v>
      </c>
      <c r="I47203" s="1" t="s">
        <v>159477</v>
      </c>
      <c r="J47203" s="1" t="s">
        <v>160483</v>
      </c>
    </row>
    <row r="47204" spans="1:10" x14ac:dyDescent="0.35">
      <c r="A47204" s="1" t="s">
        <v>6396</v>
      </c>
      <c r="B47204" s="1" t="s">
        <v>159471</v>
      </c>
      <c r="C47204" s="1" t="s">
        <v>70</v>
      </c>
      <c r="D47204" s="1" t="s">
        <v>160484</v>
      </c>
      <c r="E47204" s="1" t="s">
        <v>160485</v>
      </c>
      <c r="F47204" s="1" t="s">
        <v>160486</v>
      </c>
      <c r="G47204" s="1" t="s">
        <v>160446</v>
      </c>
      <c r="H47204" s="1" t="s">
        <v>160447</v>
      </c>
      <c r="I47204" s="1" t="s">
        <v>159477</v>
      </c>
      <c r="J47204" s="1" t="s">
        <v>160487</v>
      </c>
    </row>
    <row r="47205" spans="1:10" x14ac:dyDescent="0.35">
      <c r="A47205" s="1" t="s">
        <v>6396</v>
      </c>
      <c r="B47205" s="1" t="s">
        <v>159471</v>
      </c>
      <c r="C47205" s="1" t="s">
        <v>75</v>
      </c>
      <c r="D47205" s="1" t="s">
        <v>82764</v>
      </c>
      <c r="E47205" s="1" t="s">
        <v>160488</v>
      </c>
      <c r="F47205" s="1" t="s">
        <v>160489</v>
      </c>
      <c r="G47205" s="1" t="s">
        <v>160446</v>
      </c>
      <c r="H47205" s="1" t="s">
        <v>160447</v>
      </c>
      <c r="I47205" s="1" t="s">
        <v>159477</v>
      </c>
      <c r="J47205" s="1" t="s">
        <v>160490</v>
      </c>
    </row>
    <row r="47206" spans="1:10" x14ac:dyDescent="0.35">
      <c r="A47206" s="1" t="s">
        <v>6396</v>
      </c>
      <c r="B47206" s="1" t="s">
        <v>159471</v>
      </c>
      <c r="C47206" s="1" t="s">
        <v>80</v>
      </c>
      <c r="D47206" s="1" t="s">
        <v>74933</v>
      </c>
      <c r="E47206" s="1" t="s">
        <v>160491</v>
      </c>
      <c r="F47206" s="1" t="s">
        <v>160492</v>
      </c>
      <c r="G47206" s="1" t="s">
        <v>160446</v>
      </c>
      <c r="H47206" s="1" t="s">
        <v>160447</v>
      </c>
      <c r="I47206" s="1" t="s">
        <v>159477</v>
      </c>
      <c r="J47206" s="1" t="s">
        <v>160493</v>
      </c>
    </row>
    <row r="47207" spans="1:10" x14ac:dyDescent="0.35">
      <c r="A47207" s="1" t="s">
        <v>6396</v>
      </c>
      <c r="B47207" s="1" t="s">
        <v>159471</v>
      </c>
      <c r="C47207" s="1" t="s">
        <v>85</v>
      </c>
      <c r="D47207" s="1" t="s">
        <v>30372</v>
      </c>
      <c r="E47207" s="1" t="s">
        <v>160494</v>
      </c>
      <c r="F47207" s="1" t="s">
        <v>160495</v>
      </c>
      <c r="G47207" s="1" t="s">
        <v>160446</v>
      </c>
      <c r="H47207" s="1" t="s">
        <v>160447</v>
      </c>
      <c r="I47207" s="1" t="s">
        <v>159477</v>
      </c>
      <c r="J47207" s="1" t="s">
        <v>160496</v>
      </c>
    </row>
    <row r="47208" spans="1:10" x14ac:dyDescent="0.35">
      <c r="A47208" s="1" t="s">
        <v>6396</v>
      </c>
      <c r="B47208" s="1" t="s">
        <v>159471</v>
      </c>
      <c r="C47208" s="1" t="s">
        <v>90</v>
      </c>
      <c r="D47208" s="1" t="s">
        <v>45193</v>
      </c>
      <c r="E47208" s="1" t="s">
        <v>160497</v>
      </c>
      <c r="F47208" s="1" t="s">
        <v>160498</v>
      </c>
      <c r="G47208" s="1" t="s">
        <v>160446</v>
      </c>
      <c r="H47208" s="1" t="s">
        <v>160447</v>
      </c>
      <c r="I47208" s="1" t="s">
        <v>159477</v>
      </c>
      <c r="J47208" s="1" t="s">
        <v>160499</v>
      </c>
    </row>
    <row r="47209" spans="1:10" x14ac:dyDescent="0.35">
      <c r="A47209" s="1" t="s">
        <v>6396</v>
      </c>
      <c r="B47209" s="1" t="s">
        <v>159471</v>
      </c>
      <c r="C47209" s="1" t="s">
        <v>95</v>
      </c>
      <c r="D47209" s="1" t="s">
        <v>17698</v>
      </c>
      <c r="E47209" s="1" t="s">
        <v>160500</v>
      </c>
      <c r="F47209" s="1" t="s">
        <v>160501</v>
      </c>
      <c r="G47209" s="1" t="s">
        <v>160446</v>
      </c>
      <c r="H47209" s="1" t="s">
        <v>160447</v>
      </c>
      <c r="I47209" s="1" t="s">
        <v>159477</v>
      </c>
      <c r="J47209" s="1" t="s">
        <v>160502</v>
      </c>
    </row>
    <row r="47210" spans="1:10" x14ac:dyDescent="0.35">
      <c r="A47210" s="1" t="s">
        <v>6396</v>
      </c>
      <c r="B47210" s="1" t="s">
        <v>159471</v>
      </c>
      <c r="C47210" s="1" t="s">
        <v>100</v>
      </c>
      <c r="D47210" s="1" t="s">
        <v>932</v>
      </c>
      <c r="E47210" s="1" t="s">
        <v>160503</v>
      </c>
      <c r="F47210" s="1" t="s">
        <v>160504</v>
      </c>
      <c r="G47210" s="1" t="s">
        <v>160446</v>
      </c>
      <c r="H47210" s="1" t="s">
        <v>160447</v>
      </c>
      <c r="I47210" s="1" t="s">
        <v>159477</v>
      </c>
      <c r="J47210" s="1" t="s">
        <v>160505</v>
      </c>
    </row>
    <row r="47211" spans="1:10" x14ac:dyDescent="0.35">
      <c r="A47211" s="1" t="s">
        <v>6396</v>
      </c>
      <c r="B47211" s="1" t="s">
        <v>159471</v>
      </c>
      <c r="C47211" s="1" t="s">
        <v>105</v>
      </c>
      <c r="D47211" s="1" t="s">
        <v>47466</v>
      </c>
      <c r="E47211" s="1" t="s">
        <v>160506</v>
      </c>
      <c r="F47211" s="1" t="s">
        <v>160507</v>
      </c>
      <c r="G47211" s="1" t="s">
        <v>160446</v>
      </c>
      <c r="H47211" s="1" t="s">
        <v>160447</v>
      </c>
      <c r="I47211" s="1" t="s">
        <v>159477</v>
      </c>
      <c r="J47211" s="1" t="s">
        <v>160508</v>
      </c>
    </row>
    <row r="47212" spans="1:10" x14ac:dyDescent="0.35">
      <c r="A47212" s="1" t="s">
        <v>6396</v>
      </c>
      <c r="B47212" s="1" t="s">
        <v>159471</v>
      </c>
      <c r="C47212" s="1" t="s">
        <v>110</v>
      </c>
      <c r="D47212" s="1" t="s">
        <v>141904</v>
      </c>
      <c r="E47212" s="1" t="s">
        <v>160509</v>
      </c>
      <c r="F47212" s="1" t="s">
        <v>160510</v>
      </c>
      <c r="G47212" s="1" t="s">
        <v>160446</v>
      </c>
      <c r="H47212" s="1" t="s">
        <v>160447</v>
      </c>
      <c r="I47212" s="1" t="s">
        <v>159477</v>
      </c>
      <c r="J47212" s="1" t="s">
        <v>160511</v>
      </c>
    </row>
    <row r="47213" spans="1:10" x14ac:dyDescent="0.35">
      <c r="A47213" s="1" t="s">
        <v>6396</v>
      </c>
      <c r="B47213" s="1" t="s">
        <v>159471</v>
      </c>
      <c r="C47213" s="1" t="s">
        <v>115</v>
      </c>
      <c r="D47213" s="1" t="s">
        <v>160512</v>
      </c>
      <c r="E47213" s="1" t="s">
        <v>160513</v>
      </c>
      <c r="F47213" s="1" t="s">
        <v>160514</v>
      </c>
      <c r="G47213" s="1" t="s">
        <v>160446</v>
      </c>
      <c r="H47213" s="1" t="s">
        <v>160447</v>
      </c>
      <c r="I47213" s="1" t="s">
        <v>159477</v>
      </c>
      <c r="J47213" s="1" t="s">
        <v>160515</v>
      </c>
    </row>
    <row r="47214" spans="1:10" x14ac:dyDescent="0.35">
      <c r="A47214" s="1" t="s">
        <v>6396</v>
      </c>
      <c r="B47214" s="1" t="s">
        <v>159471</v>
      </c>
      <c r="C47214" s="1" t="s">
        <v>120</v>
      </c>
      <c r="D47214" s="1" t="s">
        <v>104900</v>
      </c>
      <c r="E47214" s="1" t="s">
        <v>160516</v>
      </c>
      <c r="F47214" s="1" t="s">
        <v>160517</v>
      </c>
      <c r="G47214" s="1" t="s">
        <v>160446</v>
      </c>
      <c r="H47214" s="1" t="s">
        <v>160447</v>
      </c>
      <c r="I47214" s="1" t="s">
        <v>159477</v>
      </c>
      <c r="J47214" s="1" t="s">
        <v>160518</v>
      </c>
    </row>
    <row r="47215" spans="1:10" x14ac:dyDescent="0.35">
      <c r="A47215" s="1" t="s">
        <v>6396</v>
      </c>
      <c r="B47215" s="1" t="s">
        <v>159471</v>
      </c>
      <c r="C47215" s="1" t="s">
        <v>125</v>
      </c>
      <c r="D47215" s="1" t="s">
        <v>160519</v>
      </c>
      <c r="E47215" s="1" t="s">
        <v>160520</v>
      </c>
      <c r="F47215" s="1" t="s">
        <v>160521</v>
      </c>
      <c r="G47215" s="1" t="s">
        <v>160446</v>
      </c>
      <c r="H47215" s="1" t="s">
        <v>160447</v>
      </c>
      <c r="I47215" s="1" t="s">
        <v>159477</v>
      </c>
      <c r="J47215" s="1" t="s">
        <v>160522</v>
      </c>
    </row>
    <row r="47216" spans="1:10" x14ac:dyDescent="0.35">
      <c r="A47216" s="1" t="s">
        <v>6396</v>
      </c>
      <c r="B47216" s="1" t="s">
        <v>159471</v>
      </c>
      <c r="C47216" s="1" t="s">
        <v>130</v>
      </c>
      <c r="D47216" s="1" t="s">
        <v>160523</v>
      </c>
      <c r="E47216" s="1" t="s">
        <v>160524</v>
      </c>
      <c r="F47216" s="1" t="s">
        <v>160525</v>
      </c>
      <c r="G47216" s="1" t="s">
        <v>160446</v>
      </c>
      <c r="H47216" s="1" t="s">
        <v>160447</v>
      </c>
      <c r="I47216" s="1" t="s">
        <v>159477</v>
      </c>
      <c r="J47216" s="1" t="s">
        <v>160526</v>
      </c>
    </row>
    <row r="47217" spans="1:10" x14ac:dyDescent="0.35">
      <c r="A47217" s="1" t="s">
        <v>6396</v>
      </c>
      <c r="B47217" s="1" t="s">
        <v>159471</v>
      </c>
      <c r="C47217" s="1" t="s">
        <v>135</v>
      </c>
      <c r="D47217" s="1" t="s">
        <v>160527</v>
      </c>
      <c r="E47217" s="1" t="s">
        <v>160528</v>
      </c>
      <c r="F47217" s="1" t="s">
        <v>160529</v>
      </c>
      <c r="G47217" s="1" t="s">
        <v>160446</v>
      </c>
      <c r="H47217" s="1" t="s">
        <v>160447</v>
      </c>
      <c r="I47217" s="1" t="s">
        <v>159477</v>
      </c>
      <c r="J47217" s="1" t="s">
        <v>160530</v>
      </c>
    </row>
    <row r="47218" spans="1:10" x14ac:dyDescent="0.35">
      <c r="A47218" s="1" t="s">
        <v>6396</v>
      </c>
      <c r="B47218" s="1" t="s">
        <v>159471</v>
      </c>
      <c r="C47218" s="1" t="s">
        <v>140</v>
      </c>
      <c r="D47218" s="1" t="s">
        <v>160531</v>
      </c>
      <c r="E47218" s="1" t="s">
        <v>160532</v>
      </c>
      <c r="F47218" s="1" t="s">
        <v>160533</v>
      </c>
      <c r="G47218" s="1" t="s">
        <v>160446</v>
      </c>
      <c r="H47218" s="1" t="s">
        <v>160447</v>
      </c>
      <c r="I47218" s="1" t="s">
        <v>159477</v>
      </c>
      <c r="J47218" s="1" t="s">
        <v>160534</v>
      </c>
    </row>
    <row r="47219" spans="1:10" x14ac:dyDescent="0.35">
      <c r="A47219" s="1" t="s">
        <v>6396</v>
      </c>
      <c r="B47219" s="1" t="s">
        <v>159471</v>
      </c>
      <c r="C47219" s="1" t="s">
        <v>145</v>
      </c>
      <c r="D47219" s="1" t="s">
        <v>18744</v>
      </c>
      <c r="E47219" s="1" t="s">
        <v>160535</v>
      </c>
      <c r="F47219" s="1" t="s">
        <v>160536</v>
      </c>
      <c r="G47219" s="1" t="s">
        <v>160446</v>
      </c>
      <c r="H47219" s="1" t="s">
        <v>160447</v>
      </c>
      <c r="I47219" s="1" t="s">
        <v>159477</v>
      </c>
      <c r="J47219" s="1" t="s">
        <v>160537</v>
      </c>
    </row>
    <row r="47220" spans="1:10" x14ac:dyDescent="0.35">
      <c r="A47220" s="1" t="s">
        <v>6396</v>
      </c>
      <c r="B47220" s="1" t="s">
        <v>159471</v>
      </c>
      <c r="C47220" s="1" t="s">
        <v>150</v>
      </c>
      <c r="D47220" s="1" t="s">
        <v>17470</v>
      </c>
      <c r="E47220" s="1" t="s">
        <v>160538</v>
      </c>
      <c r="F47220" s="1" t="s">
        <v>160539</v>
      </c>
      <c r="G47220" s="1" t="s">
        <v>160446</v>
      </c>
      <c r="H47220" s="1" t="s">
        <v>160447</v>
      </c>
      <c r="I47220" s="1" t="s">
        <v>159477</v>
      </c>
      <c r="J47220" s="1" t="s">
        <v>160540</v>
      </c>
    </row>
    <row r="47221" spans="1:10" x14ac:dyDescent="0.35">
      <c r="A47221" s="1" t="s">
        <v>6396</v>
      </c>
      <c r="B47221" s="1" t="s">
        <v>159471</v>
      </c>
      <c r="C47221" s="1" t="s">
        <v>155</v>
      </c>
      <c r="D47221" s="1" t="s">
        <v>160541</v>
      </c>
      <c r="E47221" s="1" t="s">
        <v>160542</v>
      </c>
      <c r="F47221" s="1" t="s">
        <v>160543</v>
      </c>
      <c r="G47221" s="1" t="s">
        <v>160446</v>
      </c>
      <c r="H47221" s="1" t="s">
        <v>160447</v>
      </c>
      <c r="I47221" s="1" t="s">
        <v>159477</v>
      </c>
      <c r="J47221" s="1" t="s">
        <v>160544</v>
      </c>
    </row>
    <row r="47222" spans="1:10" x14ac:dyDescent="0.35">
      <c r="A47222" s="1" t="s">
        <v>6396</v>
      </c>
      <c r="B47222" s="1" t="s">
        <v>159471</v>
      </c>
      <c r="C47222" s="1" t="s">
        <v>160</v>
      </c>
      <c r="D47222" s="1" t="s">
        <v>32665</v>
      </c>
      <c r="E47222" s="1" t="s">
        <v>160545</v>
      </c>
      <c r="F47222" s="1" t="s">
        <v>160546</v>
      </c>
      <c r="G47222" s="1" t="s">
        <v>160446</v>
      </c>
      <c r="H47222" s="1" t="s">
        <v>160447</v>
      </c>
      <c r="I47222" s="1" t="s">
        <v>159477</v>
      </c>
      <c r="J47222" s="1" t="s">
        <v>160547</v>
      </c>
    </row>
    <row r="47223" spans="1:10" x14ac:dyDescent="0.35">
      <c r="A47223" s="1" t="s">
        <v>6396</v>
      </c>
      <c r="B47223" s="1" t="s">
        <v>159471</v>
      </c>
      <c r="C47223" s="1" t="s">
        <v>165</v>
      </c>
      <c r="D47223" s="1" t="s">
        <v>160548</v>
      </c>
      <c r="E47223" s="1" t="s">
        <v>160549</v>
      </c>
      <c r="F47223" s="1" t="s">
        <v>160550</v>
      </c>
      <c r="G47223" s="1" t="s">
        <v>160446</v>
      </c>
      <c r="H47223" s="1" t="s">
        <v>160447</v>
      </c>
      <c r="I47223" s="1" t="s">
        <v>159477</v>
      </c>
      <c r="J47223" s="1" t="s">
        <v>160551</v>
      </c>
    </row>
    <row r="47224" spans="1:10" x14ac:dyDescent="0.35">
      <c r="A47224" s="1" t="s">
        <v>6396</v>
      </c>
      <c r="B47224" s="1" t="s">
        <v>159471</v>
      </c>
      <c r="C47224" s="1" t="s">
        <v>170</v>
      </c>
      <c r="D47224" s="1" t="s">
        <v>46592</v>
      </c>
      <c r="E47224" s="1" t="s">
        <v>160552</v>
      </c>
      <c r="F47224" s="1" t="s">
        <v>160553</v>
      </c>
      <c r="G47224" s="1" t="s">
        <v>160446</v>
      </c>
      <c r="H47224" s="1" t="s">
        <v>160447</v>
      </c>
      <c r="I47224" s="1" t="s">
        <v>159477</v>
      </c>
      <c r="J47224" s="1" t="s">
        <v>160554</v>
      </c>
    </row>
    <row r="47225" spans="1:10" x14ac:dyDescent="0.35">
      <c r="A47225" s="1" t="s">
        <v>29875</v>
      </c>
      <c r="B47225" s="1" t="s">
        <v>159471</v>
      </c>
      <c r="C47225" s="1" t="s">
        <v>8</v>
      </c>
      <c r="D47225" s="1" t="s">
        <v>160555</v>
      </c>
      <c r="E47225" s="1" t="s">
        <v>160556</v>
      </c>
      <c r="F47225" s="1" t="s">
        <v>160557</v>
      </c>
      <c r="G47225" s="1" t="s">
        <v>160558</v>
      </c>
      <c r="H47225" s="1" t="s">
        <v>160559</v>
      </c>
      <c r="I47225" s="1" t="s">
        <v>159477</v>
      </c>
      <c r="J47225" s="1" t="s">
        <v>13</v>
      </c>
    </row>
    <row r="47226" spans="1:10" x14ac:dyDescent="0.35">
      <c r="A47226" s="1" t="s">
        <v>29875</v>
      </c>
      <c r="B47226" s="1" t="s">
        <v>159471</v>
      </c>
      <c r="C47226" s="1" t="s">
        <v>15</v>
      </c>
      <c r="D47226" s="1" t="s">
        <v>160560</v>
      </c>
      <c r="E47226" s="1" t="s">
        <v>160561</v>
      </c>
      <c r="F47226" s="1" t="s">
        <v>160562</v>
      </c>
      <c r="G47226" s="1" t="s">
        <v>160558</v>
      </c>
      <c r="H47226" s="1" t="s">
        <v>160559</v>
      </c>
      <c r="I47226" s="1" t="s">
        <v>159477</v>
      </c>
      <c r="J47226" s="1" t="s">
        <v>160563</v>
      </c>
    </row>
    <row r="47227" spans="1:10" x14ac:dyDescent="0.35">
      <c r="A47227" s="1" t="s">
        <v>29875</v>
      </c>
      <c r="B47227" s="1" t="s">
        <v>159471</v>
      </c>
      <c r="C47227" s="1" t="s">
        <v>20</v>
      </c>
      <c r="D47227" s="1" t="s">
        <v>160564</v>
      </c>
      <c r="E47227" s="1" t="s">
        <v>160565</v>
      </c>
      <c r="F47227" s="1" t="s">
        <v>160566</v>
      </c>
      <c r="G47227" s="1" t="s">
        <v>160558</v>
      </c>
      <c r="H47227" s="1" t="s">
        <v>160559</v>
      </c>
      <c r="I47227" s="1" t="s">
        <v>159477</v>
      </c>
      <c r="J47227" s="1" t="s">
        <v>160567</v>
      </c>
    </row>
    <row r="47228" spans="1:10" x14ac:dyDescent="0.35">
      <c r="A47228" s="1" t="s">
        <v>29875</v>
      </c>
      <c r="B47228" s="1" t="s">
        <v>159471</v>
      </c>
      <c r="C47228" s="1" t="s">
        <v>25</v>
      </c>
      <c r="D47228" s="1" t="s">
        <v>82839</v>
      </c>
      <c r="E47228" s="1" t="s">
        <v>160568</v>
      </c>
      <c r="F47228" s="1" t="s">
        <v>160569</v>
      </c>
      <c r="G47228" s="1" t="s">
        <v>160558</v>
      </c>
      <c r="H47228" s="1" t="s">
        <v>160559</v>
      </c>
      <c r="I47228" s="1" t="s">
        <v>159477</v>
      </c>
      <c r="J47228" s="1" t="s">
        <v>160570</v>
      </c>
    </row>
    <row r="47229" spans="1:10" x14ac:dyDescent="0.35">
      <c r="A47229" s="1" t="s">
        <v>29875</v>
      </c>
      <c r="B47229" s="1" t="s">
        <v>159471</v>
      </c>
      <c r="C47229" s="1" t="s">
        <v>30</v>
      </c>
      <c r="D47229" s="1" t="s">
        <v>160571</v>
      </c>
      <c r="E47229" s="1" t="s">
        <v>160572</v>
      </c>
      <c r="F47229" s="1" t="s">
        <v>160573</v>
      </c>
      <c r="G47229" s="1" t="s">
        <v>160558</v>
      </c>
      <c r="H47229" s="1" t="s">
        <v>160559</v>
      </c>
      <c r="I47229" s="1" t="s">
        <v>159477</v>
      </c>
      <c r="J47229" s="1" t="s">
        <v>160574</v>
      </c>
    </row>
    <row r="47230" spans="1:10" x14ac:dyDescent="0.35">
      <c r="A47230" s="1" t="s">
        <v>29875</v>
      </c>
      <c r="B47230" s="1" t="s">
        <v>159471</v>
      </c>
      <c r="C47230" s="1" t="s">
        <v>35</v>
      </c>
      <c r="D47230" s="1" t="s">
        <v>32499</v>
      </c>
      <c r="E47230" s="1" t="s">
        <v>160575</v>
      </c>
      <c r="F47230" s="1" t="s">
        <v>160576</v>
      </c>
      <c r="G47230" s="1" t="s">
        <v>160558</v>
      </c>
      <c r="H47230" s="1" t="s">
        <v>160559</v>
      </c>
      <c r="I47230" s="1" t="s">
        <v>159477</v>
      </c>
      <c r="J47230" s="1" t="s">
        <v>160577</v>
      </c>
    </row>
    <row r="47231" spans="1:10" x14ac:dyDescent="0.35">
      <c r="A47231" s="1" t="s">
        <v>29875</v>
      </c>
      <c r="B47231" s="1" t="s">
        <v>159471</v>
      </c>
      <c r="C47231" s="1" t="s">
        <v>40</v>
      </c>
      <c r="D47231" s="1" t="s">
        <v>160578</v>
      </c>
      <c r="E47231" s="1" t="s">
        <v>160579</v>
      </c>
      <c r="F47231" s="1" t="s">
        <v>160580</v>
      </c>
      <c r="G47231" s="1" t="s">
        <v>160558</v>
      </c>
      <c r="H47231" s="1" t="s">
        <v>160559</v>
      </c>
      <c r="I47231" s="1" t="s">
        <v>159477</v>
      </c>
      <c r="J47231" s="1" t="s">
        <v>160581</v>
      </c>
    </row>
    <row r="47232" spans="1:10" x14ac:dyDescent="0.35">
      <c r="A47232" s="1" t="s">
        <v>29875</v>
      </c>
      <c r="B47232" s="1" t="s">
        <v>159471</v>
      </c>
      <c r="C47232" s="1" t="s">
        <v>45</v>
      </c>
      <c r="D47232" s="1" t="s">
        <v>32766</v>
      </c>
      <c r="E47232" s="1" t="s">
        <v>160582</v>
      </c>
      <c r="F47232" s="1" t="s">
        <v>160583</v>
      </c>
      <c r="G47232" s="1" t="s">
        <v>160558</v>
      </c>
      <c r="H47232" s="1" t="s">
        <v>160559</v>
      </c>
      <c r="I47232" s="1" t="s">
        <v>159477</v>
      </c>
      <c r="J47232" s="1" t="s">
        <v>160584</v>
      </c>
    </row>
    <row r="47233" spans="1:10" x14ac:dyDescent="0.35">
      <c r="A47233" s="1" t="s">
        <v>29875</v>
      </c>
      <c r="B47233" s="1" t="s">
        <v>159471</v>
      </c>
      <c r="C47233" s="1" t="s">
        <v>50</v>
      </c>
      <c r="D47233" s="1" t="s">
        <v>114371</v>
      </c>
      <c r="E47233" s="1" t="s">
        <v>160585</v>
      </c>
      <c r="F47233" s="1" t="s">
        <v>160586</v>
      </c>
      <c r="G47233" s="1" t="s">
        <v>160558</v>
      </c>
      <c r="H47233" s="1" t="s">
        <v>160559</v>
      </c>
      <c r="I47233" s="1" t="s">
        <v>159477</v>
      </c>
      <c r="J47233" s="1" t="s">
        <v>160587</v>
      </c>
    </row>
    <row r="47234" spans="1:10" x14ac:dyDescent="0.35">
      <c r="A47234" s="1" t="s">
        <v>29875</v>
      </c>
      <c r="B47234" s="1" t="s">
        <v>159471</v>
      </c>
      <c r="C47234" s="1" t="s">
        <v>55</v>
      </c>
      <c r="D47234" s="1" t="s">
        <v>160588</v>
      </c>
      <c r="E47234" s="1" t="s">
        <v>160589</v>
      </c>
      <c r="F47234" s="1" t="s">
        <v>160590</v>
      </c>
      <c r="G47234" s="1" t="s">
        <v>160558</v>
      </c>
      <c r="H47234" s="1" t="s">
        <v>160559</v>
      </c>
      <c r="I47234" s="1" t="s">
        <v>159477</v>
      </c>
      <c r="J47234" s="1" t="s">
        <v>160591</v>
      </c>
    </row>
    <row r="47235" spans="1:10" x14ac:dyDescent="0.35">
      <c r="A47235" s="1" t="s">
        <v>29875</v>
      </c>
      <c r="B47235" s="1" t="s">
        <v>159471</v>
      </c>
      <c r="C47235" s="1" t="s">
        <v>60</v>
      </c>
      <c r="D47235" s="1" t="s">
        <v>64409</v>
      </c>
      <c r="E47235" s="1" t="s">
        <v>160592</v>
      </c>
      <c r="F47235" s="1" t="s">
        <v>160593</v>
      </c>
      <c r="G47235" s="1" t="s">
        <v>160558</v>
      </c>
      <c r="H47235" s="1" t="s">
        <v>160559</v>
      </c>
      <c r="I47235" s="1" t="s">
        <v>159477</v>
      </c>
      <c r="J47235" s="1" t="s">
        <v>160594</v>
      </c>
    </row>
    <row r="47236" spans="1:10" x14ac:dyDescent="0.35">
      <c r="A47236" s="1" t="s">
        <v>29875</v>
      </c>
      <c r="B47236" s="1" t="s">
        <v>159471</v>
      </c>
      <c r="C47236" s="1" t="s">
        <v>65</v>
      </c>
      <c r="D47236" s="1" t="s">
        <v>82872</v>
      </c>
      <c r="E47236" s="1" t="s">
        <v>160595</v>
      </c>
      <c r="F47236" s="1" t="s">
        <v>160596</v>
      </c>
      <c r="G47236" s="1" t="s">
        <v>160558</v>
      </c>
      <c r="H47236" s="1" t="s">
        <v>160559</v>
      </c>
      <c r="I47236" s="1" t="s">
        <v>159477</v>
      </c>
      <c r="J47236" s="1" t="s">
        <v>160597</v>
      </c>
    </row>
    <row r="47237" spans="1:10" x14ac:dyDescent="0.35">
      <c r="A47237" s="1" t="s">
        <v>29875</v>
      </c>
      <c r="B47237" s="1" t="s">
        <v>159471</v>
      </c>
      <c r="C47237" s="1" t="s">
        <v>70</v>
      </c>
      <c r="D47237" s="1" t="s">
        <v>52822</v>
      </c>
      <c r="E47237" s="1" t="s">
        <v>160598</v>
      </c>
      <c r="F47237" s="1" t="s">
        <v>160599</v>
      </c>
      <c r="G47237" s="1" t="s">
        <v>160558</v>
      </c>
      <c r="H47237" s="1" t="s">
        <v>160559</v>
      </c>
      <c r="I47237" s="1" t="s">
        <v>159477</v>
      </c>
      <c r="J47237" s="1" t="s">
        <v>160600</v>
      </c>
    </row>
    <row r="47238" spans="1:10" x14ac:dyDescent="0.35">
      <c r="A47238" s="1" t="s">
        <v>29875</v>
      </c>
      <c r="B47238" s="1" t="s">
        <v>159471</v>
      </c>
      <c r="C47238" s="1" t="s">
        <v>75</v>
      </c>
      <c r="D47238" s="1" t="s">
        <v>80251</v>
      </c>
      <c r="E47238" s="1" t="s">
        <v>160601</v>
      </c>
      <c r="F47238" s="1" t="s">
        <v>160602</v>
      </c>
      <c r="G47238" s="1" t="s">
        <v>160558</v>
      </c>
      <c r="H47238" s="1" t="s">
        <v>160559</v>
      </c>
      <c r="I47238" s="1" t="s">
        <v>159477</v>
      </c>
      <c r="J47238" s="1" t="s">
        <v>160603</v>
      </c>
    </row>
    <row r="47239" spans="1:10" x14ac:dyDescent="0.35">
      <c r="A47239" s="1" t="s">
        <v>29875</v>
      </c>
      <c r="B47239" s="1" t="s">
        <v>159471</v>
      </c>
      <c r="C47239" s="1" t="s">
        <v>80</v>
      </c>
      <c r="D47239" s="1" t="s">
        <v>108751</v>
      </c>
      <c r="E47239" s="1" t="s">
        <v>160604</v>
      </c>
      <c r="F47239" s="1" t="s">
        <v>160605</v>
      </c>
      <c r="G47239" s="1" t="s">
        <v>160558</v>
      </c>
      <c r="H47239" s="1" t="s">
        <v>160559</v>
      </c>
      <c r="I47239" s="1" t="s">
        <v>159477</v>
      </c>
      <c r="J47239" s="1" t="s">
        <v>160606</v>
      </c>
    </row>
    <row r="47240" spans="1:10" x14ac:dyDescent="0.35">
      <c r="A47240" s="1" t="s">
        <v>29875</v>
      </c>
      <c r="B47240" s="1" t="s">
        <v>159471</v>
      </c>
      <c r="C47240" s="1" t="s">
        <v>85</v>
      </c>
      <c r="D47240" s="1" t="s">
        <v>160607</v>
      </c>
      <c r="E47240" s="1" t="s">
        <v>160608</v>
      </c>
      <c r="F47240" s="1" t="s">
        <v>160609</v>
      </c>
      <c r="G47240" s="1" t="s">
        <v>160558</v>
      </c>
      <c r="H47240" s="1" t="s">
        <v>160559</v>
      </c>
      <c r="I47240" s="1" t="s">
        <v>159477</v>
      </c>
      <c r="J47240" s="1" t="s">
        <v>160610</v>
      </c>
    </row>
    <row r="47241" spans="1:10" x14ac:dyDescent="0.35">
      <c r="A47241" s="1" t="s">
        <v>29875</v>
      </c>
      <c r="B47241" s="1" t="s">
        <v>159471</v>
      </c>
      <c r="C47241" s="1" t="s">
        <v>90</v>
      </c>
      <c r="D47241" s="1" t="s">
        <v>160611</v>
      </c>
      <c r="E47241" s="1" t="s">
        <v>160612</v>
      </c>
      <c r="F47241" s="1" t="s">
        <v>160613</v>
      </c>
      <c r="G47241" s="1" t="s">
        <v>160558</v>
      </c>
      <c r="H47241" s="1" t="s">
        <v>160559</v>
      </c>
      <c r="I47241" s="1" t="s">
        <v>159477</v>
      </c>
      <c r="J47241" s="1" t="s">
        <v>160614</v>
      </c>
    </row>
    <row r="47242" spans="1:10" x14ac:dyDescent="0.35">
      <c r="A47242" s="1" t="s">
        <v>29875</v>
      </c>
      <c r="B47242" s="1" t="s">
        <v>159471</v>
      </c>
      <c r="C47242" s="1" t="s">
        <v>95</v>
      </c>
      <c r="D47242" s="1" t="s">
        <v>52884</v>
      </c>
      <c r="E47242" s="1" t="s">
        <v>160615</v>
      </c>
      <c r="F47242" s="1" t="s">
        <v>160616</v>
      </c>
      <c r="G47242" s="1" t="s">
        <v>160558</v>
      </c>
      <c r="H47242" s="1" t="s">
        <v>160559</v>
      </c>
      <c r="I47242" s="1" t="s">
        <v>159477</v>
      </c>
      <c r="J47242" s="1" t="s">
        <v>160617</v>
      </c>
    </row>
    <row r="47243" spans="1:10" x14ac:dyDescent="0.35">
      <c r="A47243" s="1" t="s">
        <v>29875</v>
      </c>
      <c r="B47243" s="1" t="s">
        <v>159471</v>
      </c>
      <c r="C47243" s="1" t="s">
        <v>100</v>
      </c>
      <c r="D47243" s="1" t="s">
        <v>81778</v>
      </c>
      <c r="E47243" s="1" t="s">
        <v>160618</v>
      </c>
      <c r="F47243" s="1" t="s">
        <v>160619</v>
      </c>
      <c r="G47243" s="1" t="s">
        <v>160558</v>
      </c>
      <c r="H47243" s="1" t="s">
        <v>160559</v>
      </c>
      <c r="I47243" s="1" t="s">
        <v>159477</v>
      </c>
      <c r="J47243" s="1" t="s">
        <v>160620</v>
      </c>
    </row>
    <row r="47244" spans="1:10" x14ac:dyDescent="0.35">
      <c r="A47244" s="1" t="s">
        <v>29875</v>
      </c>
      <c r="B47244" s="1" t="s">
        <v>159471</v>
      </c>
      <c r="C47244" s="1" t="s">
        <v>105</v>
      </c>
      <c r="D47244" s="1" t="s">
        <v>87965</v>
      </c>
      <c r="E47244" s="1" t="s">
        <v>160621</v>
      </c>
      <c r="F47244" s="1" t="s">
        <v>160622</v>
      </c>
      <c r="G47244" s="1" t="s">
        <v>160558</v>
      </c>
      <c r="H47244" s="1" t="s">
        <v>160559</v>
      </c>
      <c r="I47244" s="1" t="s">
        <v>159477</v>
      </c>
      <c r="J47244" s="1" t="s">
        <v>160623</v>
      </c>
    </row>
    <row r="47245" spans="1:10" x14ac:dyDescent="0.35">
      <c r="A47245" s="1" t="s">
        <v>29875</v>
      </c>
      <c r="B47245" s="1" t="s">
        <v>159471</v>
      </c>
      <c r="C47245" s="1" t="s">
        <v>110</v>
      </c>
      <c r="D47245" s="1" t="s">
        <v>160624</v>
      </c>
      <c r="E47245" s="1" t="s">
        <v>160625</v>
      </c>
      <c r="F47245" s="1" t="s">
        <v>160626</v>
      </c>
      <c r="G47245" s="1" t="s">
        <v>160558</v>
      </c>
      <c r="H47245" s="1" t="s">
        <v>160559</v>
      </c>
      <c r="I47245" s="1" t="s">
        <v>159477</v>
      </c>
      <c r="J47245" s="1" t="s">
        <v>160627</v>
      </c>
    </row>
    <row r="47246" spans="1:10" x14ac:dyDescent="0.35">
      <c r="A47246" s="1" t="s">
        <v>29875</v>
      </c>
      <c r="B47246" s="1" t="s">
        <v>159471</v>
      </c>
      <c r="C47246" s="1" t="s">
        <v>115</v>
      </c>
      <c r="D47246" s="1" t="s">
        <v>86852</v>
      </c>
      <c r="E47246" s="1" t="s">
        <v>160628</v>
      </c>
      <c r="F47246" s="1" t="s">
        <v>160629</v>
      </c>
      <c r="G47246" s="1" t="s">
        <v>160558</v>
      </c>
      <c r="H47246" s="1" t="s">
        <v>160559</v>
      </c>
      <c r="I47246" s="1" t="s">
        <v>159477</v>
      </c>
      <c r="J47246" s="1" t="s">
        <v>160630</v>
      </c>
    </row>
    <row r="47247" spans="1:10" x14ac:dyDescent="0.35">
      <c r="A47247" s="1" t="s">
        <v>29875</v>
      </c>
      <c r="B47247" s="1" t="s">
        <v>159471</v>
      </c>
      <c r="C47247" s="1" t="s">
        <v>120</v>
      </c>
      <c r="D47247" s="1" t="s">
        <v>98462</v>
      </c>
      <c r="E47247" s="1" t="s">
        <v>160631</v>
      </c>
      <c r="F47247" s="1" t="s">
        <v>160632</v>
      </c>
      <c r="G47247" s="1" t="s">
        <v>160558</v>
      </c>
      <c r="H47247" s="1" t="s">
        <v>160559</v>
      </c>
      <c r="I47247" s="1" t="s">
        <v>159477</v>
      </c>
      <c r="J47247" s="1" t="s">
        <v>160633</v>
      </c>
    </row>
    <row r="47248" spans="1:10" x14ac:dyDescent="0.35">
      <c r="A47248" s="1" t="s">
        <v>29875</v>
      </c>
      <c r="B47248" s="1" t="s">
        <v>159471</v>
      </c>
      <c r="C47248" s="1" t="s">
        <v>125</v>
      </c>
      <c r="D47248" s="1" t="s">
        <v>160634</v>
      </c>
      <c r="E47248" s="1" t="s">
        <v>160635</v>
      </c>
      <c r="F47248" s="1" t="s">
        <v>160636</v>
      </c>
      <c r="G47248" s="1" t="s">
        <v>160558</v>
      </c>
      <c r="H47248" s="1" t="s">
        <v>160559</v>
      </c>
      <c r="I47248" s="1" t="s">
        <v>159477</v>
      </c>
      <c r="J47248" s="1" t="s">
        <v>160637</v>
      </c>
    </row>
    <row r="47249" spans="1:10" x14ac:dyDescent="0.35">
      <c r="A47249" s="1" t="s">
        <v>29875</v>
      </c>
      <c r="B47249" s="1" t="s">
        <v>159471</v>
      </c>
      <c r="C47249" s="1" t="s">
        <v>130</v>
      </c>
      <c r="D47249" s="1" t="s">
        <v>160638</v>
      </c>
      <c r="E47249" s="1" t="s">
        <v>160639</v>
      </c>
      <c r="F47249" s="1" t="s">
        <v>160640</v>
      </c>
      <c r="G47249" s="1" t="s">
        <v>160558</v>
      </c>
      <c r="H47249" s="1" t="s">
        <v>160559</v>
      </c>
      <c r="I47249" s="1" t="s">
        <v>159477</v>
      </c>
      <c r="J47249" s="1" t="s">
        <v>160641</v>
      </c>
    </row>
    <row r="47250" spans="1:10" x14ac:dyDescent="0.35">
      <c r="A47250" s="1" t="s">
        <v>29875</v>
      </c>
      <c r="B47250" s="1" t="s">
        <v>159471</v>
      </c>
      <c r="C47250" s="1" t="s">
        <v>135</v>
      </c>
      <c r="D47250" s="1" t="s">
        <v>57735</v>
      </c>
      <c r="E47250" s="1" t="s">
        <v>160642</v>
      </c>
      <c r="F47250" s="1" t="s">
        <v>160643</v>
      </c>
      <c r="G47250" s="1" t="s">
        <v>160558</v>
      </c>
      <c r="H47250" s="1" t="s">
        <v>160559</v>
      </c>
      <c r="I47250" s="1" t="s">
        <v>159477</v>
      </c>
      <c r="J47250" s="1" t="s">
        <v>160644</v>
      </c>
    </row>
    <row r="47251" spans="1:10" x14ac:dyDescent="0.35">
      <c r="A47251" s="1" t="s">
        <v>29875</v>
      </c>
      <c r="B47251" s="1" t="s">
        <v>159471</v>
      </c>
      <c r="C47251" s="1" t="s">
        <v>140</v>
      </c>
      <c r="D47251" s="1" t="s">
        <v>160645</v>
      </c>
      <c r="E47251" s="1" t="s">
        <v>160646</v>
      </c>
      <c r="F47251" s="1" t="s">
        <v>160647</v>
      </c>
      <c r="G47251" s="1" t="s">
        <v>160558</v>
      </c>
      <c r="H47251" s="1" t="s">
        <v>160559</v>
      </c>
      <c r="I47251" s="1" t="s">
        <v>159477</v>
      </c>
      <c r="J47251" s="1" t="s">
        <v>160648</v>
      </c>
    </row>
    <row r="47252" spans="1:10" x14ac:dyDescent="0.35">
      <c r="A47252" s="1" t="s">
        <v>29875</v>
      </c>
      <c r="B47252" s="1" t="s">
        <v>159471</v>
      </c>
      <c r="C47252" s="1" t="s">
        <v>145</v>
      </c>
      <c r="D47252" s="1" t="s">
        <v>102522</v>
      </c>
      <c r="E47252" s="1" t="s">
        <v>160649</v>
      </c>
      <c r="F47252" s="1" t="s">
        <v>160650</v>
      </c>
      <c r="G47252" s="1" t="s">
        <v>160558</v>
      </c>
      <c r="H47252" s="1" t="s">
        <v>160559</v>
      </c>
      <c r="I47252" s="1" t="s">
        <v>159477</v>
      </c>
      <c r="J47252" s="1" t="s">
        <v>160651</v>
      </c>
    </row>
    <row r="47253" spans="1:10" x14ac:dyDescent="0.35">
      <c r="A47253" s="1" t="s">
        <v>29875</v>
      </c>
      <c r="B47253" s="1" t="s">
        <v>159471</v>
      </c>
      <c r="C47253" s="1" t="s">
        <v>150</v>
      </c>
      <c r="D47253" s="1" t="s">
        <v>160652</v>
      </c>
      <c r="E47253" s="1" t="s">
        <v>160653</v>
      </c>
      <c r="F47253" s="1" t="s">
        <v>160654</v>
      </c>
      <c r="G47253" s="1" t="s">
        <v>160558</v>
      </c>
      <c r="H47253" s="1" t="s">
        <v>160559</v>
      </c>
      <c r="I47253" s="1" t="s">
        <v>159477</v>
      </c>
      <c r="J47253" s="1" t="s">
        <v>160655</v>
      </c>
    </row>
    <row r="47254" spans="1:10" x14ac:dyDescent="0.35">
      <c r="A47254" s="1" t="s">
        <v>29875</v>
      </c>
      <c r="B47254" s="1" t="s">
        <v>159471</v>
      </c>
      <c r="C47254" s="1" t="s">
        <v>155</v>
      </c>
      <c r="D47254" s="1" t="s">
        <v>26388</v>
      </c>
      <c r="E47254" s="1" t="s">
        <v>160656</v>
      </c>
      <c r="F47254" s="1" t="s">
        <v>160657</v>
      </c>
      <c r="G47254" s="1" t="s">
        <v>160558</v>
      </c>
      <c r="H47254" s="1" t="s">
        <v>160559</v>
      </c>
      <c r="I47254" s="1" t="s">
        <v>159477</v>
      </c>
      <c r="J47254" s="1" t="s">
        <v>160658</v>
      </c>
    </row>
    <row r="47255" spans="1:10" x14ac:dyDescent="0.35">
      <c r="A47255" s="1" t="s">
        <v>29875</v>
      </c>
      <c r="B47255" s="1" t="s">
        <v>159471</v>
      </c>
      <c r="C47255" s="1" t="s">
        <v>160</v>
      </c>
      <c r="D47255" s="1" t="s">
        <v>160659</v>
      </c>
      <c r="E47255" s="1" t="s">
        <v>160660</v>
      </c>
      <c r="F47255" s="1" t="s">
        <v>160661</v>
      </c>
      <c r="G47255" s="1" t="s">
        <v>160558</v>
      </c>
      <c r="H47255" s="1" t="s">
        <v>160559</v>
      </c>
      <c r="I47255" s="1" t="s">
        <v>159477</v>
      </c>
      <c r="J47255" s="1" t="s">
        <v>160662</v>
      </c>
    </row>
    <row r="47256" spans="1:10" x14ac:dyDescent="0.35">
      <c r="A47256" s="1" t="s">
        <v>29875</v>
      </c>
      <c r="B47256" s="1" t="s">
        <v>159471</v>
      </c>
      <c r="C47256" s="1" t="s">
        <v>165</v>
      </c>
      <c r="D47256" s="1" t="s">
        <v>160663</v>
      </c>
      <c r="E47256" s="1" t="s">
        <v>160664</v>
      </c>
      <c r="F47256" s="1" t="s">
        <v>160665</v>
      </c>
      <c r="G47256" s="1" t="s">
        <v>160558</v>
      </c>
      <c r="H47256" s="1" t="s">
        <v>160559</v>
      </c>
      <c r="I47256" s="1" t="s">
        <v>159477</v>
      </c>
      <c r="J47256" s="1" t="s">
        <v>160666</v>
      </c>
    </row>
    <row r="47257" spans="1:10" x14ac:dyDescent="0.35">
      <c r="A47257" s="1" t="s">
        <v>29875</v>
      </c>
      <c r="B47257" s="1" t="s">
        <v>159471</v>
      </c>
      <c r="C47257" s="1" t="s">
        <v>170</v>
      </c>
      <c r="D47257" s="1" t="s">
        <v>102763</v>
      </c>
      <c r="E47257" s="1" t="s">
        <v>160667</v>
      </c>
      <c r="F47257" s="1" t="s">
        <v>160668</v>
      </c>
      <c r="G47257" s="1" t="s">
        <v>160558</v>
      </c>
      <c r="H47257" s="1" t="s">
        <v>160559</v>
      </c>
      <c r="I47257" s="1" t="s">
        <v>159477</v>
      </c>
      <c r="J47257" s="1" t="s">
        <v>160669</v>
      </c>
    </row>
    <row r="47258" spans="1:10" x14ac:dyDescent="0.35">
      <c r="A47258" s="1" t="s">
        <v>6400</v>
      </c>
      <c r="B47258" s="1" t="s">
        <v>159471</v>
      </c>
      <c r="C47258" s="1" t="s">
        <v>8</v>
      </c>
      <c r="D47258" s="1" t="s">
        <v>160670</v>
      </c>
      <c r="E47258" s="1" t="s">
        <v>160671</v>
      </c>
      <c r="F47258" s="1" t="s">
        <v>160672</v>
      </c>
      <c r="G47258" s="1" t="s">
        <v>160673</v>
      </c>
      <c r="H47258" s="1" t="s">
        <v>160674</v>
      </c>
      <c r="I47258" s="1" t="s">
        <v>159477</v>
      </c>
      <c r="J47258" s="1" t="s">
        <v>13</v>
      </c>
    </row>
    <row r="47259" spans="1:10" x14ac:dyDescent="0.35">
      <c r="A47259" s="1" t="s">
        <v>6400</v>
      </c>
      <c r="B47259" s="1" t="s">
        <v>159471</v>
      </c>
      <c r="C47259" s="1" t="s">
        <v>15</v>
      </c>
      <c r="D47259" s="1" t="s">
        <v>160675</v>
      </c>
      <c r="E47259" s="1" t="s">
        <v>160676</v>
      </c>
      <c r="F47259" s="1" t="s">
        <v>160677</v>
      </c>
      <c r="G47259" s="1" t="s">
        <v>160673</v>
      </c>
      <c r="H47259" s="1" t="s">
        <v>160674</v>
      </c>
      <c r="I47259" s="1" t="s">
        <v>159477</v>
      </c>
      <c r="J47259" s="1" t="s">
        <v>160678</v>
      </c>
    </row>
    <row r="47260" spans="1:10" x14ac:dyDescent="0.35">
      <c r="A47260" s="1" t="s">
        <v>6400</v>
      </c>
      <c r="B47260" s="1" t="s">
        <v>159471</v>
      </c>
      <c r="C47260" s="1" t="s">
        <v>20</v>
      </c>
      <c r="D47260" s="1" t="s">
        <v>109050</v>
      </c>
      <c r="E47260" s="1" t="s">
        <v>160679</v>
      </c>
      <c r="F47260" s="1" t="s">
        <v>160680</v>
      </c>
      <c r="G47260" s="1" t="s">
        <v>160673</v>
      </c>
      <c r="H47260" s="1" t="s">
        <v>160674</v>
      </c>
      <c r="I47260" s="1" t="s">
        <v>159477</v>
      </c>
      <c r="J47260" s="1" t="s">
        <v>160681</v>
      </c>
    </row>
    <row r="47261" spans="1:10" x14ac:dyDescent="0.35">
      <c r="A47261" s="1" t="s">
        <v>6400</v>
      </c>
      <c r="B47261" s="1" t="s">
        <v>159471</v>
      </c>
      <c r="C47261" s="1" t="s">
        <v>25</v>
      </c>
      <c r="D47261" s="1" t="s">
        <v>160682</v>
      </c>
      <c r="E47261" s="1" t="s">
        <v>160683</v>
      </c>
      <c r="F47261" s="1" t="s">
        <v>160684</v>
      </c>
      <c r="G47261" s="1" t="s">
        <v>160673</v>
      </c>
      <c r="H47261" s="1" t="s">
        <v>160674</v>
      </c>
      <c r="I47261" s="1" t="s">
        <v>159477</v>
      </c>
      <c r="J47261" s="1" t="s">
        <v>160685</v>
      </c>
    </row>
    <row r="47262" spans="1:10" x14ac:dyDescent="0.35">
      <c r="A47262" s="1" t="s">
        <v>6400</v>
      </c>
      <c r="B47262" s="1" t="s">
        <v>159471</v>
      </c>
      <c r="C47262" s="1" t="s">
        <v>30</v>
      </c>
      <c r="D47262" s="1" t="s">
        <v>160686</v>
      </c>
      <c r="E47262" s="1" t="s">
        <v>160687</v>
      </c>
      <c r="F47262" s="1" t="s">
        <v>160688</v>
      </c>
      <c r="G47262" s="1" t="s">
        <v>160673</v>
      </c>
      <c r="H47262" s="1" t="s">
        <v>160674</v>
      </c>
      <c r="I47262" s="1" t="s">
        <v>159477</v>
      </c>
      <c r="J47262" s="1" t="s">
        <v>160689</v>
      </c>
    </row>
    <row r="47263" spans="1:10" x14ac:dyDescent="0.35">
      <c r="A47263" s="1" t="s">
        <v>6400</v>
      </c>
      <c r="B47263" s="1" t="s">
        <v>159471</v>
      </c>
      <c r="C47263" s="1" t="s">
        <v>35</v>
      </c>
      <c r="D47263" s="1" t="s">
        <v>160690</v>
      </c>
      <c r="E47263" s="1" t="s">
        <v>160691</v>
      </c>
      <c r="F47263" s="1" t="s">
        <v>160692</v>
      </c>
      <c r="G47263" s="1" t="s">
        <v>160673</v>
      </c>
      <c r="H47263" s="1" t="s">
        <v>160674</v>
      </c>
      <c r="I47263" s="1" t="s">
        <v>159477</v>
      </c>
      <c r="J47263" s="1" t="s">
        <v>160693</v>
      </c>
    </row>
    <row r="47264" spans="1:10" x14ac:dyDescent="0.35">
      <c r="A47264" s="1" t="s">
        <v>6400</v>
      </c>
      <c r="B47264" s="1" t="s">
        <v>159471</v>
      </c>
      <c r="C47264" s="1" t="s">
        <v>40</v>
      </c>
      <c r="D47264" s="1" t="s">
        <v>153428</v>
      </c>
      <c r="E47264" s="1" t="s">
        <v>160694</v>
      </c>
      <c r="F47264" s="1" t="s">
        <v>160695</v>
      </c>
      <c r="G47264" s="1" t="s">
        <v>160673</v>
      </c>
      <c r="H47264" s="1" t="s">
        <v>160674</v>
      </c>
      <c r="I47264" s="1" t="s">
        <v>159477</v>
      </c>
      <c r="J47264" s="1" t="s">
        <v>160696</v>
      </c>
    </row>
    <row r="47265" spans="1:10" x14ac:dyDescent="0.35">
      <c r="A47265" s="1" t="s">
        <v>6400</v>
      </c>
      <c r="B47265" s="1" t="s">
        <v>159471</v>
      </c>
      <c r="C47265" s="1" t="s">
        <v>45</v>
      </c>
      <c r="D47265" s="1" t="s">
        <v>82914</v>
      </c>
      <c r="E47265" s="1" t="s">
        <v>160697</v>
      </c>
      <c r="F47265" s="1" t="s">
        <v>160698</v>
      </c>
      <c r="G47265" s="1" t="s">
        <v>160673</v>
      </c>
      <c r="H47265" s="1" t="s">
        <v>160674</v>
      </c>
      <c r="I47265" s="1" t="s">
        <v>159477</v>
      </c>
      <c r="J47265" s="1" t="s">
        <v>160699</v>
      </c>
    </row>
    <row r="47266" spans="1:10" x14ac:dyDescent="0.35">
      <c r="A47266" s="1" t="s">
        <v>6400</v>
      </c>
      <c r="B47266" s="1" t="s">
        <v>159471</v>
      </c>
      <c r="C47266" s="1" t="s">
        <v>50</v>
      </c>
      <c r="D47266" s="1" t="s">
        <v>160700</v>
      </c>
      <c r="E47266" s="1" t="s">
        <v>160701</v>
      </c>
      <c r="F47266" s="1" t="s">
        <v>160702</v>
      </c>
      <c r="G47266" s="1" t="s">
        <v>160673</v>
      </c>
      <c r="H47266" s="1" t="s">
        <v>160674</v>
      </c>
      <c r="I47266" s="1" t="s">
        <v>159477</v>
      </c>
      <c r="J47266" s="1" t="s">
        <v>160703</v>
      </c>
    </row>
    <row r="47267" spans="1:10" x14ac:dyDescent="0.35">
      <c r="A47267" s="1" t="s">
        <v>6400</v>
      </c>
      <c r="B47267" s="1" t="s">
        <v>159471</v>
      </c>
      <c r="C47267" s="1" t="s">
        <v>55</v>
      </c>
      <c r="D47267" s="1" t="s">
        <v>160704</v>
      </c>
      <c r="E47267" s="1" t="s">
        <v>160705</v>
      </c>
      <c r="F47267" s="1" t="s">
        <v>160706</v>
      </c>
      <c r="G47267" s="1" t="s">
        <v>160673</v>
      </c>
      <c r="H47267" s="1" t="s">
        <v>160674</v>
      </c>
      <c r="I47267" s="1" t="s">
        <v>159477</v>
      </c>
      <c r="J47267" s="1" t="s">
        <v>160707</v>
      </c>
    </row>
    <row r="47268" spans="1:10" x14ac:dyDescent="0.35">
      <c r="A47268" s="1" t="s">
        <v>6400</v>
      </c>
      <c r="B47268" s="1" t="s">
        <v>159471</v>
      </c>
      <c r="C47268" s="1" t="s">
        <v>60</v>
      </c>
      <c r="D47268" s="1" t="s">
        <v>160708</v>
      </c>
      <c r="E47268" s="1" t="s">
        <v>160709</v>
      </c>
      <c r="F47268" s="1" t="s">
        <v>160710</v>
      </c>
      <c r="G47268" s="1" t="s">
        <v>160673</v>
      </c>
      <c r="H47268" s="1" t="s">
        <v>160674</v>
      </c>
      <c r="I47268" s="1" t="s">
        <v>159477</v>
      </c>
      <c r="J47268" s="1" t="s">
        <v>160711</v>
      </c>
    </row>
    <row r="47269" spans="1:10" x14ac:dyDescent="0.35">
      <c r="A47269" s="1" t="s">
        <v>6400</v>
      </c>
      <c r="B47269" s="1" t="s">
        <v>159471</v>
      </c>
      <c r="C47269" s="1" t="s">
        <v>65</v>
      </c>
      <c r="D47269" s="1" t="s">
        <v>160712</v>
      </c>
      <c r="E47269" s="1" t="s">
        <v>160713</v>
      </c>
      <c r="F47269" s="1" t="s">
        <v>160714</v>
      </c>
      <c r="G47269" s="1" t="s">
        <v>160673</v>
      </c>
      <c r="H47269" s="1" t="s">
        <v>160674</v>
      </c>
      <c r="I47269" s="1" t="s">
        <v>159477</v>
      </c>
      <c r="J47269" s="1" t="s">
        <v>160715</v>
      </c>
    </row>
    <row r="47270" spans="1:10" x14ac:dyDescent="0.35">
      <c r="A47270" s="1" t="s">
        <v>6400</v>
      </c>
      <c r="B47270" s="1" t="s">
        <v>159471</v>
      </c>
      <c r="C47270" s="1" t="s">
        <v>70</v>
      </c>
      <c r="D47270" s="1" t="s">
        <v>160716</v>
      </c>
      <c r="E47270" s="1" t="s">
        <v>160717</v>
      </c>
      <c r="F47270" s="1" t="s">
        <v>160718</v>
      </c>
      <c r="G47270" s="1" t="s">
        <v>160673</v>
      </c>
      <c r="H47270" s="1" t="s">
        <v>160674</v>
      </c>
      <c r="I47270" s="1" t="s">
        <v>159477</v>
      </c>
      <c r="J47270" s="1" t="s">
        <v>160719</v>
      </c>
    </row>
    <row r="47271" spans="1:10" x14ac:dyDescent="0.35">
      <c r="A47271" s="1" t="s">
        <v>6400</v>
      </c>
      <c r="B47271" s="1" t="s">
        <v>159471</v>
      </c>
      <c r="C47271" s="1" t="s">
        <v>75</v>
      </c>
      <c r="D47271" s="1" t="s">
        <v>102898</v>
      </c>
      <c r="E47271" s="1" t="s">
        <v>160720</v>
      </c>
      <c r="F47271" s="1" t="s">
        <v>160721</v>
      </c>
      <c r="G47271" s="1" t="s">
        <v>160673</v>
      </c>
      <c r="H47271" s="1" t="s">
        <v>160674</v>
      </c>
      <c r="I47271" s="1" t="s">
        <v>159477</v>
      </c>
      <c r="J47271" s="1" t="s">
        <v>160722</v>
      </c>
    </row>
    <row r="47272" spans="1:10" x14ac:dyDescent="0.35">
      <c r="A47272" s="1" t="s">
        <v>6400</v>
      </c>
      <c r="B47272" s="1" t="s">
        <v>159471</v>
      </c>
      <c r="C47272" s="1" t="s">
        <v>80</v>
      </c>
      <c r="D47272" s="1" t="s">
        <v>155098</v>
      </c>
      <c r="E47272" s="1" t="s">
        <v>160723</v>
      </c>
      <c r="F47272" s="1" t="s">
        <v>160724</v>
      </c>
      <c r="G47272" s="1" t="s">
        <v>160673</v>
      </c>
      <c r="H47272" s="1" t="s">
        <v>160674</v>
      </c>
      <c r="I47272" s="1" t="s">
        <v>159477</v>
      </c>
      <c r="J47272" s="1" t="s">
        <v>160725</v>
      </c>
    </row>
    <row r="47273" spans="1:10" x14ac:dyDescent="0.35">
      <c r="A47273" s="1" t="s">
        <v>6400</v>
      </c>
      <c r="B47273" s="1" t="s">
        <v>159471</v>
      </c>
      <c r="C47273" s="1" t="s">
        <v>85</v>
      </c>
      <c r="D47273" s="1" t="s">
        <v>160726</v>
      </c>
      <c r="E47273" s="1" t="s">
        <v>160727</v>
      </c>
      <c r="F47273" s="1" t="s">
        <v>160728</v>
      </c>
      <c r="G47273" s="1" t="s">
        <v>160673</v>
      </c>
      <c r="H47273" s="1" t="s">
        <v>160674</v>
      </c>
      <c r="I47273" s="1" t="s">
        <v>159477</v>
      </c>
      <c r="J47273" s="1" t="s">
        <v>160729</v>
      </c>
    </row>
    <row r="47274" spans="1:10" x14ac:dyDescent="0.35">
      <c r="A47274" s="1" t="s">
        <v>6400</v>
      </c>
      <c r="B47274" s="1" t="s">
        <v>159471</v>
      </c>
      <c r="C47274" s="1" t="s">
        <v>90</v>
      </c>
      <c r="D47274" s="1" t="s">
        <v>65057</v>
      </c>
      <c r="E47274" s="1" t="s">
        <v>160730</v>
      </c>
      <c r="F47274" s="1" t="s">
        <v>160731</v>
      </c>
      <c r="G47274" s="1" t="s">
        <v>160673</v>
      </c>
      <c r="H47274" s="1" t="s">
        <v>160674</v>
      </c>
      <c r="I47274" s="1" t="s">
        <v>159477</v>
      </c>
      <c r="J47274" s="1" t="s">
        <v>160732</v>
      </c>
    </row>
    <row r="47275" spans="1:10" x14ac:dyDescent="0.35">
      <c r="A47275" s="1" t="s">
        <v>6400</v>
      </c>
      <c r="B47275" s="1" t="s">
        <v>159471</v>
      </c>
      <c r="C47275" s="1" t="s">
        <v>95</v>
      </c>
      <c r="D47275" s="1" t="s">
        <v>160733</v>
      </c>
      <c r="E47275" s="1" t="s">
        <v>160734</v>
      </c>
      <c r="F47275" s="1" t="s">
        <v>160735</v>
      </c>
      <c r="G47275" s="1" t="s">
        <v>160673</v>
      </c>
      <c r="H47275" s="1" t="s">
        <v>160674</v>
      </c>
      <c r="I47275" s="1" t="s">
        <v>159477</v>
      </c>
      <c r="J47275" s="1" t="s">
        <v>160736</v>
      </c>
    </row>
    <row r="47276" spans="1:10" x14ac:dyDescent="0.35">
      <c r="A47276" s="1" t="s">
        <v>6400</v>
      </c>
      <c r="B47276" s="1" t="s">
        <v>159471</v>
      </c>
      <c r="C47276" s="1" t="s">
        <v>100</v>
      </c>
      <c r="D47276" s="1" t="s">
        <v>160737</v>
      </c>
      <c r="E47276" s="1" t="s">
        <v>160738</v>
      </c>
      <c r="F47276" s="1" t="s">
        <v>160739</v>
      </c>
      <c r="G47276" s="1" t="s">
        <v>160673</v>
      </c>
      <c r="H47276" s="1" t="s">
        <v>160674</v>
      </c>
      <c r="I47276" s="1" t="s">
        <v>159477</v>
      </c>
      <c r="J47276" s="1" t="s">
        <v>160740</v>
      </c>
    </row>
    <row r="47277" spans="1:10" x14ac:dyDescent="0.35">
      <c r="A47277" s="1" t="s">
        <v>6400</v>
      </c>
      <c r="B47277" s="1" t="s">
        <v>159471</v>
      </c>
      <c r="C47277" s="1" t="s">
        <v>105</v>
      </c>
      <c r="D47277" s="1" t="s">
        <v>24200</v>
      </c>
      <c r="E47277" s="1" t="s">
        <v>160741</v>
      </c>
      <c r="F47277" s="1" t="s">
        <v>160742</v>
      </c>
      <c r="G47277" s="1" t="s">
        <v>160673</v>
      </c>
      <c r="H47277" s="1" t="s">
        <v>160674</v>
      </c>
      <c r="I47277" s="1" t="s">
        <v>159477</v>
      </c>
      <c r="J47277" s="1" t="s">
        <v>160743</v>
      </c>
    </row>
    <row r="47278" spans="1:10" x14ac:dyDescent="0.35">
      <c r="A47278" s="1" t="s">
        <v>6400</v>
      </c>
      <c r="B47278" s="1" t="s">
        <v>159471</v>
      </c>
      <c r="C47278" s="1" t="s">
        <v>110</v>
      </c>
      <c r="D47278" s="1" t="s">
        <v>160744</v>
      </c>
      <c r="E47278" s="1" t="s">
        <v>160745</v>
      </c>
      <c r="F47278" s="1" t="s">
        <v>160746</v>
      </c>
      <c r="G47278" s="1" t="s">
        <v>160673</v>
      </c>
      <c r="H47278" s="1" t="s">
        <v>160674</v>
      </c>
      <c r="I47278" s="1" t="s">
        <v>159477</v>
      </c>
      <c r="J47278" s="1" t="s">
        <v>160747</v>
      </c>
    </row>
    <row r="47279" spans="1:10" x14ac:dyDescent="0.35">
      <c r="A47279" s="1" t="s">
        <v>6400</v>
      </c>
      <c r="B47279" s="1" t="s">
        <v>159471</v>
      </c>
      <c r="C47279" s="1" t="s">
        <v>115</v>
      </c>
      <c r="D47279" s="1" t="s">
        <v>160748</v>
      </c>
      <c r="E47279" s="1" t="s">
        <v>160749</v>
      </c>
      <c r="F47279" s="1" t="s">
        <v>160750</v>
      </c>
      <c r="G47279" s="1" t="s">
        <v>160673</v>
      </c>
      <c r="H47279" s="1" t="s">
        <v>160674</v>
      </c>
      <c r="I47279" s="1" t="s">
        <v>159477</v>
      </c>
      <c r="J47279" s="1" t="s">
        <v>160751</v>
      </c>
    </row>
    <row r="47280" spans="1:10" x14ac:dyDescent="0.35">
      <c r="A47280" s="1" t="s">
        <v>6400</v>
      </c>
      <c r="B47280" s="1" t="s">
        <v>159471</v>
      </c>
      <c r="C47280" s="1" t="s">
        <v>120</v>
      </c>
      <c r="D47280" s="1" t="s">
        <v>77403</v>
      </c>
      <c r="E47280" s="1" t="s">
        <v>160752</v>
      </c>
      <c r="F47280" s="1" t="s">
        <v>160753</v>
      </c>
      <c r="G47280" s="1" t="s">
        <v>160673</v>
      </c>
      <c r="H47280" s="1" t="s">
        <v>160674</v>
      </c>
      <c r="I47280" s="1" t="s">
        <v>159477</v>
      </c>
      <c r="J47280" s="1" t="s">
        <v>160754</v>
      </c>
    </row>
    <row r="47281" spans="1:10" x14ac:dyDescent="0.35">
      <c r="A47281" s="1" t="s">
        <v>6400</v>
      </c>
      <c r="B47281" s="1" t="s">
        <v>159471</v>
      </c>
      <c r="C47281" s="1" t="s">
        <v>125</v>
      </c>
      <c r="D47281" s="1" t="s">
        <v>160755</v>
      </c>
      <c r="E47281" s="1" t="s">
        <v>160756</v>
      </c>
      <c r="F47281" s="1" t="s">
        <v>160757</v>
      </c>
      <c r="G47281" s="1" t="s">
        <v>160673</v>
      </c>
      <c r="H47281" s="1" t="s">
        <v>160674</v>
      </c>
      <c r="I47281" s="1" t="s">
        <v>159477</v>
      </c>
      <c r="J47281" s="1" t="s">
        <v>160758</v>
      </c>
    </row>
    <row r="47282" spans="1:10" x14ac:dyDescent="0.35">
      <c r="A47282" s="1" t="s">
        <v>6400</v>
      </c>
      <c r="B47282" s="1" t="s">
        <v>159471</v>
      </c>
      <c r="C47282" s="1" t="s">
        <v>130</v>
      </c>
      <c r="D47282" s="1" t="s">
        <v>124900</v>
      </c>
      <c r="E47282" s="1" t="s">
        <v>160759</v>
      </c>
      <c r="F47282" s="1" t="s">
        <v>160760</v>
      </c>
      <c r="G47282" s="1" t="s">
        <v>160673</v>
      </c>
      <c r="H47282" s="1" t="s">
        <v>160674</v>
      </c>
      <c r="I47282" s="1" t="s">
        <v>159477</v>
      </c>
      <c r="J47282" s="1" t="s">
        <v>160761</v>
      </c>
    </row>
    <row r="47283" spans="1:10" x14ac:dyDescent="0.35">
      <c r="A47283" s="1" t="s">
        <v>6400</v>
      </c>
      <c r="B47283" s="1" t="s">
        <v>159471</v>
      </c>
      <c r="C47283" s="1" t="s">
        <v>135</v>
      </c>
      <c r="D47283" s="1" t="s">
        <v>160762</v>
      </c>
      <c r="E47283" s="1" t="s">
        <v>160763</v>
      </c>
      <c r="F47283" s="1" t="s">
        <v>160764</v>
      </c>
      <c r="G47283" s="1" t="s">
        <v>160673</v>
      </c>
      <c r="H47283" s="1" t="s">
        <v>160674</v>
      </c>
      <c r="I47283" s="1" t="s">
        <v>159477</v>
      </c>
      <c r="J47283" s="1" t="s">
        <v>160765</v>
      </c>
    </row>
    <row r="47284" spans="1:10" x14ac:dyDescent="0.35">
      <c r="A47284" s="1" t="s">
        <v>6400</v>
      </c>
      <c r="B47284" s="1" t="s">
        <v>159471</v>
      </c>
      <c r="C47284" s="1" t="s">
        <v>140</v>
      </c>
      <c r="D47284" s="1" t="s">
        <v>160766</v>
      </c>
      <c r="E47284" s="1" t="s">
        <v>160767</v>
      </c>
      <c r="F47284" s="1" t="s">
        <v>160768</v>
      </c>
      <c r="G47284" s="1" t="s">
        <v>160673</v>
      </c>
      <c r="H47284" s="1" t="s">
        <v>160674</v>
      </c>
      <c r="I47284" s="1" t="s">
        <v>159477</v>
      </c>
      <c r="J47284" s="1" t="s">
        <v>160769</v>
      </c>
    </row>
    <row r="47285" spans="1:10" x14ac:dyDescent="0.35">
      <c r="A47285" s="1" t="s">
        <v>6400</v>
      </c>
      <c r="B47285" s="1" t="s">
        <v>159471</v>
      </c>
      <c r="C47285" s="1" t="s">
        <v>145</v>
      </c>
      <c r="D47285" s="1" t="s">
        <v>80325</v>
      </c>
      <c r="E47285" s="1" t="s">
        <v>160770</v>
      </c>
      <c r="F47285" s="1" t="s">
        <v>160771</v>
      </c>
      <c r="G47285" s="1" t="s">
        <v>160673</v>
      </c>
      <c r="H47285" s="1" t="s">
        <v>160674</v>
      </c>
      <c r="I47285" s="1" t="s">
        <v>159477</v>
      </c>
      <c r="J47285" s="1" t="s">
        <v>160772</v>
      </c>
    </row>
    <row r="47286" spans="1:10" x14ac:dyDescent="0.35">
      <c r="A47286" s="1" t="s">
        <v>6400</v>
      </c>
      <c r="B47286" s="1" t="s">
        <v>159471</v>
      </c>
      <c r="C47286" s="1" t="s">
        <v>150</v>
      </c>
      <c r="D47286" s="1" t="s">
        <v>76596</v>
      </c>
      <c r="E47286" s="1" t="s">
        <v>160773</v>
      </c>
      <c r="F47286" s="1" t="s">
        <v>160774</v>
      </c>
      <c r="G47286" s="1" t="s">
        <v>160673</v>
      </c>
      <c r="H47286" s="1" t="s">
        <v>160674</v>
      </c>
      <c r="I47286" s="1" t="s">
        <v>159477</v>
      </c>
      <c r="J47286" s="1" t="s">
        <v>160775</v>
      </c>
    </row>
    <row r="47287" spans="1:10" x14ac:dyDescent="0.35">
      <c r="A47287" s="1" t="s">
        <v>6400</v>
      </c>
      <c r="B47287" s="1" t="s">
        <v>159471</v>
      </c>
      <c r="C47287" s="1" t="s">
        <v>155</v>
      </c>
      <c r="D47287" s="1" t="s">
        <v>24291</v>
      </c>
      <c r="E47287" s="1" t="s">
        <v>160776</v>
      </c>
      <c r="F47287" s="1" t="s">
        <v>160777</v>
      </c>
      <c r="G47287" s="1" t="s">
        <v>160673</v>
      </c>
      <c r="H47287" s="1" t="s">
        <v>160674</v>
      </c>
      <c r="I47287" s="1" t="s">
        <v>159477</v>
      </c>
      <c r="J47287" s="1" t="s">
        <v>160778</v>
      </c>
    </row>
    <row r="47288" spans="1:10" x14ac:dyDescent="0.35">
      <c r="A47288" s="1" t="s">
        <v>6400</v>
      </c>
      <c r="B47288" s="1" t="s">
        <v>159471</v>
      </c>
      <c r="C47288" s="1" t="s">
        <v>160</v>
      </c>
      <c r="D47288" s="1" t="s">
        <v>137275</v>
      </c>
      <c r="E47288" s="1" t="s">
        <v>160779</v>
      </c>
      <c r="F47288" s="1" t="s">
        <v>160780</v>
      </c>
      <c r="G47288" s="1" t="s">
        <v>160673</v>
      </c>
      <c r="H47288" s="1" t="s">
        <v>160674</v>
      </c>
      <c r="I47288" s="1" t="s">
        <v>159477</v>
      </c>
      <c r="J47288" s="1" t="s">
        <v>160781</v>
      </c>
    </row>
    <row r="47289" spans="1:10" x14ac:dyDescent="0.35">
      <c r="A47289" s="1" t="s">
        <v>6400</v>
      </c>
      <c r="B47289" s="1" t="s">
        <v>159471</v>
      </c>
      <c r="C47289" s="1" t="s">
        <v>165</v>
      </c>
      <c r="D47289" s="1" t="s">
        <v>160782</v>
      </c>
      <c r="E47289" s="1" t="s">
        <v>160783</v>
      </c>
      <c r="F47289" s="1" t="s">
        <v>160784</v>
      </c>
      <c r="G47289" s="1" t="s">
        <v>160673</v>
      </c>
      <c r="H47289" s="1" t="s">
        <v>160674</v>
      </c>
      <c r="I47289" s="1" t="s">
        <v>159477</v>
      </c>
      <c r="J47289" s="1" t="s">
        <v>160785</v>
      </c>
    </row>
    <row r="47290" spans="1:10" x14ac:dyDescent="0.35">
      <c r="A47290" s="1" t="s">
        <v>6400</v>
      </c>
      <c r="B47290" s="1" t="s">
        <v>159471</v>
      </c>
      <c r="C47290" s="1" t="s">
        <v>170</v>
      </c>
      <c r="D47290" s="1" t="s">
        <v>160786</v>
      </c>
      <c r="E47290" s="1" t="s">
        <v>160787</v>
      </c>
      <c r="F47290" s="1" t="s">
        <v>160788</v>
      </c>
      <c r="G47290" s="1" t="s">
        <v>160673</v>
      </c>
      <c r="H47290" s="1" t="s">
        <v>160674</v>
      </c>
      <c r="I47290" s="1" t="s">
        <v>159477</v>
      </c>
      <c r="J47290" s="1" t="s">
        <v>160789</v>
      </c>
    </row>
    <row r="47291" spans="1:10" x14ac:dyDescent="0.35">
      <c r="A47291" s="1" t="s">
        <v>28597</v>
      </c>
      <c r="B47291" s="1" t="s">
        <v>159471</v>
      </c>
      <c r="C47291" s="1" t="s">
        <v>8</v>
      </c>
      <c r="D47291" s="1" t="s">
        <v>33584</v>
      </c>
      <c r="E47291" s="1" t="s">
        <v>160790</v>
      </c>
      <c r="F47291" s="1" t="s">
        <v>160791</v>
      </c>
      <c r="G47291" s="1" t="s">
        <v>160792</v>
      </c>
      <c r="H47291" s="1" t="s">
        <v>160793</v>
      </c>
      <c r="I47291" s="1" t="s">
        <v>159477</v>
      </c>
      <c r="J47291" s="1" t="s">
        <v>13</v>
      </c>
    </row>
    <row r="47292" spans="1:10" x14ac:dyDescent="0.35">
      <c r="A47292" s="1" t="s">
        <v>28597</v>
      </c>
      <c r="B47292" s="1" t="s">
        <v>159471</v>
      </c>
      <c r="C47292" s="1" t="s">
        <v>15</v>
      </c>
      <c r="D47292" s="1" t="s">
        <v>160794</v>
      </c>
      <c r="E47292" s="1" t="s">
        <v>160795</v>
      </c>
      <c r="F47292" s="1" t="s">
        <v>160796</v>
      </c>
      <c r="G47292" s="1" t="s">
        <v>160792</v>
      </c>
      <c r="H47292" s="1" t="s">
        <v>160793</v>
      </c>
      <c r="I47292" s="1" t="s">
        <v>159477</v>
      </c>
      <c r="J47292" s="1" t="s">
        <v>160797</v>
      </c>
    </row>
    <row r="47293" spans="1:10" x14ac:dyDescent="0.35">
      <c r="A47293" s="1" t="s">
        <v>28597</v>
      </c>
      <c r="B47293" s="1" t="s">
        <v>159471</v>
      </c>
      <c r="C47293" s="1" t="s">
        <v>20</v>
      </c>
      <c r="D47293" s="1" t="s">
        <v>38376</v>
      </c>
      <c r="E47293" s="1" t="s">
        <v>160798</v>
      </c>
      <c r="F47293" s="1" t="s">
        <v>160799</v>
      </c>
      <c r="G47293" s="1" t="s">
        <v>160792</v>
      </c>
      <c r="H47293" s="1" t="s">
        <v>160793</v>
      </c>
      <c r="I47293" s="1" t="s">
        <v>159477</v>
      </c>
      <c r="J47293" s="1" t="s">
        <v>160800</v>
      </c>
    </row>
    <row r="47294" spans="1:10" x14ac:dyDescent="0.35">
      <c r="A47294" s="1" t="s">
        <v>28597</v>
      </c>
      <c r="B47294" s="1" t="s">
        <v>159471</v>
      </c>
      <c r="C47294" s="1" t="s">
        <v>25</v>
      </c>
      <c r="D47294" s="1" t="s">
        <v>160801</v>
      </c>
      <c r="E47294" s="1" t="s">
        <v>160802</v>
      </c>
      <c r="F47294" s="1" t="s">
        <v>160803</v>
      </c>
      <c r="G47294" s="1" t="s">
        <v>160792</v>
      </c>
      <c r="H47294" s="1" t="s">
        <v>160793</v>
      </c>
      <c r="I47294" s="1" t="s">
        <v>159477</v>
      </c>
      <c r="J47294" s="1" t="s">
        <v>160804</v>
      </c>
    </row>
    <row r="47295" spans="1:10" x14ac:dyDescent="0.35">
      <c r="A47295" s="1" t="s">
        <v>28597</v>
      </c>
      <c r="B47295" s="1" t="s">
        <v>159471</v>
      </c>
      <c r="C47295" s="1" t="s">
        <v>30</v>
      </c>
      <c r="D47295" s="1" t="s">
        <v>18899</v>
      </c>
      <c r="E47295" s="1" t="s">
        <v>160805</v>
      </c>
      <c r="F47295" s="1" t="s">
        <v>160806</v>
      </c>
      <c r="G47295" s="1" t="s">
        <v>160792</v>
      </c>
      <c r="H47295" s="1" t="s">
        <v>160793</v>
      </c>
      <c r="I47295" s="1" t="s">
        <v>159477</v>
      </c>
      <c r="J47295" s="1" t="s">
        <v>160807</v>
      </c>
    </row>
    <row r="47296" spans="1:10" x14ac:dyDescent="0.35">
      <c r="A47296" s="1" t="s">
        <v>28597</v>
      </c>
      <c r="B47296" s="1" t="s">
        <v>159471</v>
      </c>
      <c r="C47296" s="1" t="s">
        <v>35</v>
      </c>
      <c r="D47296" s="1" t="s">
        <v>160808</v>
      </c>
      <c r="E47296" s="1" t="s">
        <v>160809</v>
      </c>
      <c r="F47296" s="1" t="s">
        <v>160810</v>
      </c>
      <c r="G47296" s="1" t="s">
        <v>160792</v>
      </c>
      <c r="H47296" s="1" t="s">
        <v>160793</v>
      </c>
      <c r="I47296" s="1" t="s">
        <v>159477</v>
      </c>
      <c r="J47296" s="1" t="s">
        <v>160811</v>
      </c>
    </row>
    <row r="47297" spans="1:10" x14ac:dyDescent="0.35">
      <c r="A47297" s="1" t="s">
        <v>28597</v>
      </c>
      <c r="B47297" s="1" t="s">
        <v>159471</v>
      </c>
      <c r="C47297" s="1" t="s">
        <v>40</v>
      </c>
      <c r="D47297" s="1" t="s">
        <v>160812</v>
      </c>
      <c r="E47297" s="1" t="s">
        <v>160813</v>
      </c>
      <c r="F47297" s="1" t="s">
        <v>160814</v>
      </c>
      <c r="G47297" s="1" t="s">
        <v>160792</v>
      </c>
      <c r="H47297" s="1" t="s">
        <v>160793</v>
      </c>
      <c r="I47297" s="1" t="s">
        <v>159477</v>
      </c>
      <c r="J47297" s="1" t="s">
        <v>160815</v>
      </c>
    </row>
    <row r="47298" spans="1:10" x14ac:dyDescent="0.35">
      <c r="A47298" s="1" t="s">
        <v>28597</v>
      </c>
      <c r="B47298" s="1" t="s">
        <v>159471</v>
      </c>
      <c r="C47298" s="1" t="s">
        <v>45</v>
      </c>
      <c r="D47298" s="1" t="s">
        <v>160816</v>
      </c>
      <c r="E47298" s="1" t="s">
        <v>160817</v>
      </c>
      <c r="F47298" s="1" t="s">
        <v>160818</v>
      </c>
      <c r="G47298" s="1" t="s">
        <v>160792</v>
      </c>
      <c r="H47298" s="1" t="s">
        <v>160793</v>
      </c>
      <c r="I47298" s="1" t="s">
        <v>159477</v>
      </c>
      <c r="J47298" s="1" t="s">
        <v>160819</v>
      </c>
    </row>
    <row r="47299" spans="1:10" x14ac:dyDescent="0.35">
      <c r="A47299" s="1" t="s">
        <v>28597</v>
      </c>
      <c r="B47299" s="1" t="s">
        <v>159471</v>
      </c>
      <c r="C47299" s="1" t="s">
        <v>50</v>
      </c>
      <c r="D47299" s="1" t="s">
        <v>160820</v>
      </c>
      <c r="E47299" s="1" t="s">
        <v>160821</v>
      </c>
      <c r="F47299" s="1" t="s">
        <v>160822</v>
      </c>
      <c r="G47299" s="1" t="s">
        <v>160792</v>
      </c>
      <c r="H47299" s="1" t="s">
        <v>160793</v>
      </c>
      <c r="I47299" s="1" t="s">
        <v>159477</v>
      </c>
      <c r="J47299" s="1" t="s">
        <v>160823</v>
      </c>
    </row>
    <row r="47300" spans="1:10" x14ac:dyDescent="0.35">
      <c r="A47300" s="1" t="s">
        <v>28597</v>
      </c>
      <c r="B47300" s="1" t="s">
        <v>159471</v>
      </c>
      <c r="C47300" s="1" t="s">
        <v>55</v>
      </c>
      <c r="D47300" s="1" t="s">
        <v>44213</v>
      </c>
      <c r="E47300" s="1" t="s">
        <v>160824</v>
      </c>
      <c r="F47300" s="1" t="s">
        <v>160825</v>
      </c>
      <c r="G47300" s="1" t="s">
        <v>160792</v>
      </c>
      <c r="H47300" s="1" t="s">
        <v>160793</v>
      </c>
      <c r="I47300" s="1" t="s">
        <v>159477</v>
      </c>
      <c r="J47300" s="1" t="s">
        <v>160826</v>
      </c>
    </row>
    <row r="47301" spans="1:10" x14ac:dyDescent="0.35">
      <c r="A47301" s="1" t="s">
        <v>28597</v>
      </c>
      <c r="B47301" s="1" t="s">
        <v>159471</v>
      </c>
      <c r="C47301" s="1" t="s">
        <v>60</v>
      </c>
      <c r="D47301" s="1" t="s">
        <v>160827</v>
      </c>
      <c r="E47301" s="1" t="s">
        <v>160828</v>
      </c>
      <c r="F47301" s="1" t="s">
        <v>160829</v>
      </c>
      <c r="G47301" s="1" t="s">
        <v>160792</v>
      </c>
      <c r="H47301" s="1" t="s">
        <v>160793</v>
      </c>
      <c r="I47301" s="1" t="s">
        <v>159477</v>
      </c>
      <c r="J47301" s="1" t="s">
        <v>160830</v>
      </c>
    </row>
    <row r="47302" spans="1:10" x14ac:dyDescent="0.35">
      <c r="A47302" s="1" t="s">
        <v>28597</v>
      </c>
      <c r="B47302" s="1" t="s">
        <v>159471</v>
      </c>
      <c r="C47302" s="1" t="s">
        <v>65</v>
      </c>
      <c r="D47302" s="1" t="s">
        <v>160831</v>
      </c>
      <c r="E47302" s="1" t="s">
        <v>160832</v>
      </c>
      <c r="F47302" s="1" t="s">
        <v>160833</v>
      </c>
      <c r="G47302" s="1" t="s">
        <v>160792</v>
      </c>
      <c r="H47302" s="1" t="s">
        <v>160793</v>
      </c>
      <c r="I47302" s="1" t="s">
        <v>159477</v>
      </c>
      <c r="J47302" s="1" t="s">
        <v>160834</v>
      </c>
    </row>
    <row r="47303" spans="1:10" x14ac:dyDescent="0.35">
      <c r="A47303" s="1" t="s">
        <v>28597</v>
      </c>
      <c r="B47303" s="1" t="s">
        <v>159471</v>
      </c>
      <c r="C47303" s="1" t="s">
        <v>70</v>
      </c>
      <c r="D47303" s="1" t="s">
        <v>160835</v>
      </c>
      <c r="E47303" s="1" t="s">
        <v>160836</v>
      </c>
      <c r="F47303" s="1" t="s">
        <v>160837</v>
      </c>
      <c r="G47303" s="1" t="s">
        <v>160792</v>
      </c>
      <c r="H47303" s="1" t="s">
        <v>160793</v>
      </c>
      <c r="I47303" s="1" t="s">
        <v>159477</v>
      </c>
      <c r="J47303" s="1" t="s">
        <v>160838</v>
      </c>
    </row>
    <row r="47304" spans="1:10" x14ac:dyDescent="0.35">
      <c r="A47304" s="1" t="s">
        <v>28597</v>
      </c>
      <c r="B47304" s="1" t="s">
        <v>159471</v>
      </c>
      <c r="C47304" s="1" t="s">
        <v>75</v>
      </c>
      <c r="D47304" s="1" t="s">
        <v>160839</v>
      </c>
      <c r="E47304" s="1" t="s">
        <v>160840</v>
      </c>
      <c r="F47304" s="1" t="s">
        <v>160841</v>
      </c>
      <c r="G47304" s="1" t="s">
        <v>160792</v>
      </c>
      <c r="H47304" s="1" t="s">
        <v>160793</v>
      </c>
      <c r="I47304" s="1" t="s">
        <v>159477</v>
      </c>
      <c r="J47304" s="1" t="s">
        <v>160842</v>
      </c>
    </row>
    <row r="47305" spans="1:10" x14ac:dyDescent="0.35">
      <c r="A47305" s="1" t="s">
        <v>28597</v>
      </c>
      <c r="B47305" s="1" t="s">
        <v>159471</v>
      </c>
      <c r="C47305" s="1" t="s">
        <v>80</v>
      </c>
      <c r="D47305" s="1" t="s">
        <v>142160</v>
      </c>
      <c r="E47305" s="1" t="s">
        <v>160843</v>
      </c>
      <c r="F47305" s="1" t="s">
        <v>160844</v>
      </c>
      <c r="G47305" s="1" t="s">
        <v>160792</v>
      </c>
      <c r="H47305" s="1" t="s">
        <v>160793</v>
      </c>
      <c r="I47305" s="1" t="s">
        <v>159477</v>
      </c>
      <c r="J47305" s="1" t="s">
        <v>160845</v>
      </c>
    </row>
    <row r="47306" spans="1:10" x14ac:dyDescent="0.35">
      <c r="A47306" s="1" t="s">
        <v>28597</v>
      </c>
      <c r="B47306" s="1" t="s">
        <v>159471</v>
      </c>
      <c r="C47306" s="1" t="s">
        <v>85</v>
      </c>
      <c r="D47306" s="1" t="s">
        <v>160846</v>
      </c>
      <c r="E47306" s="1" t="s">
        <v>160847</v>
      </c>
      <c r="F47306" s="1" t="s">
        <v>160848</v>
      </c>
      <c r="G47306" s="1" t="s">
        <v>160792</v>
      </c>
      <c r="H47306" s="1" t="s">
        <v>160793</v>
      </c>
      <c r="I47306" s="1" t="s">
        <v>159477</v>
      </c>
      <c r="J47306" s="1" t="s">
        <v>160849</v>
      </c>
    </row>
    <row r="47307" spans="1:10" x14ac:dyDescent="0.35">
      <c r="A47307" s="1" t="s">
        <v>28597</v>
      </c>
      <c r="B47307" s="1" t="s">
        <v>159471</v>
      </c>
      <c r="C47307" s="1" t="s">
        <v>90</v>
      </c>
      <c r="D47307" s="1" t="s">
        <v>160850</v>
      </c>
      <c r="E47307" s="1" t="s">
        <v>160851</v>
      </c>
      <c r="F47307" s="1" t="s">
        <v>160852</v>
      </c>
      <c r="G47307" s="1" t="s">
        <v>160792</v>
      </c>
      <c r="H47307" s="1" t="s">
        <v>160793</v>
      </c>
      <c r="I47307" s="1" t="s">
        <v>159477</v>
      </c>
      <c r="J47307" s="1" t="s">
        <v>160853</v>
      </c>
    </row>
    <row r="47308" spans="1:10" x14ac:dyDescent="0.35">
      <c r="A47308" s="1" t="s">
        <v>28597</v>
      </c>
      <c r="B47308" s="1" t="s">
        <v>159471</v>
      </c>
      <c r="C47308" s="1" t="s">
        <v>95</v>
      </c>
      <c r="D47308" s="1" t="s">
        <v>160854</v>
      </c>
      <c r="E47308" s="1" t="s">
        <v>160855</v>
      </c>
      <c r="F47308" s="1" t="s">
        <v>160856</v>
      </c>
      <c r="G47308" s="1" t="s">
        <v>160792</v>
      </c>
      <c r="H47308" s="1" t="s">
        <v>160793</v>
      </c>
      <c r="I47308" s="1" t="s">
        <v>159477</v>
      </c>
      <c r="J47308" s="1" t="s">
        <v>160857</v>
      </c>
    </row>
    <row r="47309" spans="1:10" x14ac:dyDescent="0.35">
      <c r="A47309" s="1" t="s">
        <v>28597</v>
      </c>
      <c r="B47309" s="1" t="s">
        <v>159471</v>
      </c>
      <c r="C47309" s="1" t="s">
        <v>100</v>
      </c>
      <c r="D47309" s="1" t="s">
        <v>141743</v>
      </c>
      <c r="E47309" s="1" t="s">
        <v>160858</v>
      </c>
      <c r="F47309" s="1" t="s">
        <v>160859</v>
      </c>
      <c r="G47309" s="1" t="s">
        <v>160792</v>
      </c>
      <c r="H47309" s="1" t="s">
        <v>160793</v>
      </c>
      <c r="I47309" s="1" t="s">
        <v>159477</v>
      </c>
      <c r="J47309" s="1" t="s">
        <v>160860</v>
      </c>
    </row>
    <row r="47310" spans="1:10" x14ac:dyDescent="0.35">
      <c r="A47310" s="1" t="s">
        <v>28597</v>
      </c>
      <c r="B47310" s="1" t="s">
        <v>159471</v>
      </c>
      <c r="C47310" s="1" t="s">
        <v>105</v>
      </c>
      <c r="D47310" s="1" t="s">
        <v>113626</v>
      </c>
      <c r="E47310" s="1" t="s">
        <v>160861</v>
      </c>
      <c r="F47310" s="1" t="s">
        <v>160862</v>
      </c>
      <c r="G47310" s="1" t="s">
        <v>160792</v>
      </c>
      <c r="H47310" s="1" t="s">
        <v>160793</v>
      </c>
      <c r="I47310" s="1" t="s">
        <v>159477</v>
      </c>
      <c r="J47310" s="1" t="s">
        <v>160863</v>
      </c>
    </row>
    <row r="47311" spans="1:10" x14ac:dyDescent="0.35">
      <c r="A47311" s="1" t="s">
        <v>28597</v>
      </c>
      <c r="B47311" s="1" t="s">
        <v>159471</v>
      </c>
      <c r="C47311" s="1" t="s">
        <v>110</v>
      </c>
      <c r="D47311" s="1" t="s">
        <v>160864</v>
      </c>
      <c r="E47311" s="1" t="s">
        <v>160865</v>
      </c>
      <c r="F47311" s="1" t="s">
        <v>160866</v>
      </c>
      <c r="G47311" s="1" t="s">
        <v>160792</v>
      </c>
      <c r="H47311" s="1" t="s">
        <v>160793</v>
      </c>
      <c r="I47311" s="1" t="s">
        <v>159477</v>
      </c>
      <c r="J47311" s="1" t="s">
        <v>160867</v>
      </c>
    </row>
    <row r="47312" spans="1:10" x14ac:dyDescent="0.35">
      <c r="A47312" s="1" t="s">
        <v>28597</v>
      </c>
      <c r="B47312" s="1" t="s">
        <v>159471</v>
      </c>
      <c r="C47312" s="1" t="s">
        <v>115</v>
      </c>
      <c r="D47312" s="1" t="s">
        <v>160868</v>
      </c>
      <c r="E47312" s="1" t="s">
        <v>160869</v>
      </c>
      <c r="F47312" s="1" t="s">
        <v>160870</v>
      </c>
      <c r="G47312" s="1" t="s">
        <v>160792</v>
      </c>
      <c r="H47312" s="1" t="s">
        <v>160793</v>
      </c>
      <c r="I47312" s="1" t="s">
        <v>159477</v>
      </c>
      <c r="J47312" s="1" t="s">
        <v>160871</v>
      </c>
    </row>
    <row r="47313" spans="1:10" x14ac:dyDescent="0.35">
      <c r="A47313" s="1" t="s">
        <v>28597</v>
      </c>
      <c r="B47313" s="1" t="s">
        <v>159471</v>
      </c>
      <c r="C47313" s="1" t="s">
        <v>120</v>
      </c>
      <c r="D47313" s="1" t="s">
        <v>160872</v>
      </c>
      <c r="E47313" s="1" t="s">
        <v>160873</v>
      </c>
      <c r="F47313" s="1" t="s">
        <v>160874</v>
      </c>
      <c r="G47313" s="1" t="s">
        <v>160792</v>
      </c>
      <c r="H47313" s="1" t="s">
        <v>160793</v>
      </c>
      <c r="I47313" s="1" t="s">
        <v>159477</v>
      </c>
      <c r="J47313" s="1" t="s">
        <v>160875</v>
      </c>
    </row>
    <row r="47314" spans="1:10" x14ac:dyDescent="0.35">
      <c r="A47314" s="1" t="s">
        <v>28597</v>
      </c>
      <c r="B47314" s="1" t="s">
        <v>159471</v>
      </c>
      <c r="C47314" s="1" t="s">
        <v>125</v>
      </c>
      <c r="D47314" s="1" t="s">
        <v>114348</v>
      </c>
      <c r="E47314" s="1" t="s">
        <v>11724</v>
      </c>
      <c r="F47314" s="1" t="s">
        <v>160876</v>
      </c>
      <c r="G47314" s="1" t="s">
        <v>160792</v>
      </c>
      <c r="H47314" s="1" t="s">
        <v>160793</v>
      </c>
      <c r="I47314" s="1" t="s">
        <v>159477</v>
      </c>
      <c r="J47314" s="1" t="s">
        <v>160877</v>
      </c>
    </row>
    <row r="47315" spans="1:10" x14ac:dyDescent="0.35">
      <c r="A47315" s="1" t="s">
        <v>28597</v>
      </c>
      <c r="B47315" s="1" t="s">
        <v>159471</v>
      </c>
      <c r="C47315" s="1" t="s">
        <v>130</v>
      </c>
      <c r="D47315" s="1" t="s">
        <v>109443</v>
      </c>
      <c r="E47315" s="1" t="s">
        <v>160878</v>
      </c>
      <c r="F47315" s="1" t="s">
        <v>160879</v>
      </c>
      <c r="G47315" s="1" t="s">
        <v>160792</v>
      </c>
      <c r="H47315" s="1" t="s">
        <v>160793</v>
      </c>
      <c r="I47315" s="1" t="s">
        <v>159477</v>
      </c>
      <c r="J47315" s="1" t="s">
        <v>160880</v>
      </c>
    </row>
    <row r="47316" spans="1:10" x14ac:dyDescent="0.35">
      <c r="A47316" s="1" t="s">
        <v>28597</v>
      </c>
      <c r="B47316" s="1" t="s">
        <v>159471</v>
      </c>
      <c r="C47316" s="1" t="s">
        <v>135</v>
      </c>
      <c r="D47316" s="1" t="s">
        <v>160881</v>
      </c>
      <c r="E47316" s="1" t="s">
        <v>160882</v>
      </c>
      <c r="F47316" s="1" t="s">
        <v>160883</v>
      </c>
      <c r="G47316" s="1" t="s">
        <v>160792</v>
      </c>
      <c r="H47316" s="1" t="s">
        <v>160793</v>
      </c>
      <c r="I47316" s="1" t="s">
        <v>159477</v>
      </c>
      <c r="J47316" s="1" t="s">
        <v>160884</v>
      </c>
    </row>
    <row r="47317" spans="1:10" x14ac:dyDescent="0.35">
      <c r="A47317" s="1" t="s">
        <v>28597</v>
      </c>
      <c r="B47317" s="1" t="s">
        <v>159471</v>
      </c>
      <c r="C47317" s="1" t="s">
        <v>140</v>
      </c>
      <c r="D47317" s="1" t="s">
        <v>160885</v>
      </c>
      <c r="E47317" s="1" t="s">
        <v>160886</v>
      </c>
      <c r="F47317" s="1" t="s">
        <v>160887</v>
      </c>
      <c r="G47317" s="1" t="s">
        <v>160792</v>
      </c>
      <c r="H47317" s="1" t="s">
        <v>160793</v>
      </c>
      <c r="I47317" s="1" t="s">
        <v>159477</v>
      </c>
      <c r="J47317" s="1" t="s">
        <v>160888</v>
      </c>
    </row>
    <row r="47318" spans="1:10" x14ac:dyDescent="0.35">
      <c r="A47318" s="1" t="s">
        <v>28597</v>
      </c>
      <c r="B47318" s="1" t="s">
        <v>159471</v>
      </c>
      <c r="C47318" s="1" t="s">
        <v>145</v>
      </c>
      <c r="D47318" s="1" t="s">
        <v>160889</v>
      </c>
      <c r="E47318" s="1" t="s">
        <v>160890</v>
      </c>
      <c r="F47318" s="1" t="s">
        <v>160891</v>
      </c>
      <c r="G47318" s="1" t="s">
        <v>160792</v>
      </c>
      <c r="H47318" s="1" t="s">
        <v>160793</v>
      </c>
      <c r="I47318" s="1" t="s">
        <v>159477</v>
      </c>
      <c r="J47318" s="1" t="s">
        <v>160892</v>
      </c>
    </row>
    <row r="47319" spans="1:10" x14ac:dyDescent="0.35">
      <c r="A47319" s="1" t="s">
        <v>28597</v>
      </c>
      <c r="B47319" s="1" t="s">
        <v>159471</v>
      </c>
      <c r="C47319" s="1" t="s">
        <v>150</v>
      </c>
      <c r="D47319" s="1" t="s">
        <v>19125</v>
      </c>
      <c r="E47319" s="1" t="s">
        <v>160893</v>
      </c>
      <c r="F47319" s="1" t="s">
        <v>160894</v>
      </c>
      <c r="G47319" s="1" t="s">
        <v>160792</v>
      </c>
      <c r="H47319" s="1" t="s">
        <v>160793</v>
      </c>
      <c r="I47319" s="1" t="s">
        <v>159477</v>
      </c>
      <c r="J47319" s="1" t="s">
        <v>160895</v>
      </c>
    </row>
    <row r="47320" spans="1:10" x14ac:dyDescent="0.35">
      <c r="A47320" s="1" t="s">
        <v>28597</v>
      </c>
      <c r="B47320" s="1" t="s">
        <v>159471</v>
      </c>
      <c r="C47320" s="1" t="s">
        <v>155</v>
      </c>
      <c r="D47320" s="1" t="s">
        <v>160700</v>
      </c>
      <c r="E47320" s="1" t="s">
        <v>160896</v>
      </c>
      <c r="F47320" s="1" t="s">
        <v>160897</v>
      </c>
      <c r="G47320" s="1" t="s">
        <v>160792</v>
      </c>
      <c r="H47320" s="1" t="s">
        <v>160793</v>
      </c>
      <c r="I47320" s="1" t="s">
        <v>159477</v>
      </c>
      <c r="J47320" s="1" t="s">
        <v>160898</v>
      </c>
    </row>
    <row r="47321" spans="1:10" x14ac:dyDescent="0.35">
      <c r="A47321" s="1" t="s">
        <v>28597</v>
      </c>
      <c r="B47321" s="1" t="s">
        <v>159471</v>
      </c>
      <c r="C47321" s="1" t="s">
        <v>160</v>
      </c>
      <c r="D47321" s="1" t="s">
        <v>160899</v>
      </c>
      <c r="E47321" s="1" t="s">
        <v>160900</v>
      </c>
      <c r="F47321" s="1" t="s">
        <v>160901</v>
      </c>
      <c r="G47321" s="1" t="s">
        <v>160792</v>
      </c>
      <c r="H47321" s="1" t="s">
        <v>160793</v>
      </c>
      <c r="I47321" s="1" t="s">
        <v>159477</v>
      </c>
      <c r="J47321" s="1" t="s">
        <v>160902</v>
      </c>
    </row>
    <row r="47322" spans="1:10" x14ac:dyDescent="0.35">
      <c r="A47322" s="1" t="s">
        <v>28597</v>
      </c>
      <c r="B47322" s="1" t="s">
        <v>159471</v>
      </c>
      <c r="C47322" s="1" t="s">
        <v>165</v>
      </c>
      <c r="D47322" s="1" t="s">
        <v>160903</v>
      </c>
      <c r="E47322" s="1" t="s">
        <v>160904</v>
      </c>
      <c r="F47322" s="1" t="s">
        <v>160905</v>
      </c>
      <c r="G47322" s="1" t="s">
        <v>160792</v>
      </c>
      <c r="H47322" s="1" t="s">
        <v>160793</v>
      </c>
      <c r="I47322" s="1" t="s">
        <v>159477</v>
      </c>
      <c r="J47322" s="1" t="s">
        <v>160906</v>
      </c>
    </row>
    <row r="47323" spans="1:10" x14ac:dyDescent="0.35">
      <c r="A47323" s="1" t="s">
        <v>28597</v>
      </c>
      <c r="B47323" s="1" t="s">
        <v>159471</v>
      </c>
      <c r="C47323" s="1" t="s">
        <v>170</v>
      </c>
      <c r="D47323" s="1" t="s">
        <v>160907</v>
      </c>
      <c r="E47323" s="1" t="s">
        <v>160908</v>
      </c>
      <c r="F47323" s="1" t="s">
        <v>160909</v>
      </c>
      <c r="G47323" s="1" t="s">
        <v>160792</v>
      </c>
      <c r="H47323" s="1" t="s">
        <v>160793</v>
      </c>
      <c r="I47323" s="1" t="s">
        <v>159477</v>
      </c>
      <c r="J47323" s="1" t="s">
        <v>160910</v>
      </c>
    </row>
    <row r="47324" spans="1:10" x14ac:dyDescent="0.35">
      <c r="A47324" s="1" t="s">
        <v>3988</v>
      </c>
      <c r="B47324" s="1" t="s">
        <v>160911</v>
      </c>
      <c r="C47324" s="1" t="s">
        <v>8</v>
      </c>
      <c r="D47324" s="1" t="s">
        <v>44546</v>
      </c>
      <c r="E47324" s="1" t="s">
        <v>160912</v>
      </c>
      <c r="F47324" s="1" t="s">
        <v>160913</v>
      </c>
      <c r="G47324" s="1" t="s">
        <v>160914</v>
      </c>
      <c r="H47324" s="1" t="s">
        <v>160915</v>
      </c>
      <c r="I47324" s="1" t="s">
        <v>160916</v>
      </c>
      <c r="J47324" s="1" t="s">
        <v>13</v>
      </c>
    </row>
    <row r="47325" spans="1:10" x14ac:dyDescent="0.35">
      <c r="A47325" s="1" t="s">
        <v>3988</v>
      </c>
      <c r="B47325" s="1" t="s">
        <v>160911</v>
      </c>
      <c r="C47325" s="1" t="s">
        <v>15</v>
      </c>
      <c r="D47325" s="1" t="s">
        <v>27802</v>
      </c>
      <c r="E47325" s="1" t="s">
        <v>160917</v>
      </c>
      <c r="F47325" s="1" t="s">
        <v>160918</v>
      </c>
      <c r="G47325" s="1" t="s">
        <v>160914</v>
      </c>
      <c r="H47325" s="1" t="s">
        <v>160915</v>
      </c>
      <c r="I47325" s="1" t="s">
        <v>160916</v>
      </c>
      <c r="J47325" s="1" t="s">
        <v>160919</v>
      </c>
    </row>
    <row r="47326" spans="1:10" x14ac:dyDescent="0.35">
      <c r="A47326" s="1" t="s">
        <v>3988</v>
      </c>
      <c r="B47326" s="1" t="s">
        <v>160911</v>
      </c>
      <c r="C47326" s="1" t="s">
        <v>20</v>
      </c>
      <c r="D47326" s="1" t="s">
        <v>143012</v>
      </c>
      <c r="E47326" s="1" t="s">
        <v>160920</v>
      </c>
      <c r="F47326" s="1" t="s">
        <v>160921</v>
      </c>
      <c r="G47326" s="1" t="s">
        <v>160914</v>
      </c>
      <c r="H47326" s="1" t="s">
        <v>160915</v>
      </c>
      <c r="I47326" s="1" t="s">
        <v>160916</v>
      </c>
      <c r="J47326" s="1" t="s">
        <v>160922</v>
      </c>
    </row>
    <row r="47327" spans="1:10" x14ac:dyDescent="0.35">
      <c r="A47327" s="1" t="s">
        <v>3988</v>
      </c>
      <c r="B47327" s="1" t="s">
        <v>160911</v>
      </c>
      <c r="C47327" s="1" t="s">
        <v>25</v>
      </c>
      <c r="D47327" s="1" t="s">
        <v>111072</v>
      </c>
      <c r="E47327" s="1" t="s">
        <v>160923</v>
      </c>
      <c r="F47327" s="1" t="s">
        <v>160924</v>
      </c>
      <c r="G47327" s="1" t="s">
        <v>160914</v>
      </c>
      <c r="H47327" s="1" t="s">
        <v>160915</v>
      </c>
      <c r="I47327" s="1" t="s">
        <v>160916</v>
      </c>
      <c r="J47327" s="1" t="s">
        <v>160925</v>
      </c>
    </row>
    <row r="47328" spans="1:10" x14ac:dyDescent="0.35">
      <c r="A47328" s="1" t="s">
        <v>3988</v>
      </c>
      <c r="B47328" s="1" t="s">
        <v>160911</v>
      </c>
      <c r="C47328" s="1" t="s">
        <v>30</v>
      </c>
      <c r="D47328" s="1" t="s">
        <v>8666</v>
      </c>
      <c r="E47328" s="1" t="s">
        <v>160926</v>
      </c>
      <c r="F47328" s="1" t="s">
        <v>160927</v>
      </c>
      <c r="G47328" s="1" t="s">
        <v>160914</v>
      </c>
      <c r="H47328" s="1" t="s">
        <v>160915</v>
      </c>
      <c r="I47328" s="1" t="s">
        <v>160916</v>
      </c>
      <c r="J47328" s="1" t="s">
        <v>160928</v>
      </c>
    </row>
    <row r="47329" spans="1:10" x14ac:dyDescent="0.35">
      <c r="A47329" s="1" t="s">
        <v>3988</v>
      </c>
      <c r="B47329" s="1" t="s">
        <v>160911</v>
      </c>
      <c r="C47329" s="1" t="s">
        <v>35</v>
      </c>
      <c r="D47329" s="1" t="s">
        <v>11737</v>
      </c>
      <c r="E47329" s="1" t="s">
        <v>160929</v>
      </c>
      <c r="F47329" s="1" t="s">
        <v>160930</v>
      </c>
      <c r="G47329" s="1" t="s">
        <v>160914</v>
      </c>
      <c r="H47329" s="1" t="s">
        <v>160915</v>
      </c>
      <c r="I47329" s="1" t="s">
        <v>160916</v>
      </c>
      <c r="J47329" s="1" t="s">
        <v>160931</v>
      </c>
    </row>
    <row r="47330" spans="1:10" x14ac:dyDescent="0.35">
      <c r="A47330" s="1" t="s">
        <v>3988</v>
      </c>
      <c r="B47330" s="1" t="s">
        <v>160911</v>
      </c>
      <c r="C47330" s="1" t="s">
        <v>40</v>
      </c>
      <c r="D47330" s="1" t="s">
        <v>11742</v>
      </c>
      <c r="E47330" s="1" t="s">
        <v>160932</v>
      </c>
      <c r="F47330" s="1" t="s">
        <v>160933</v>
      </c>
      <c r="G47330" s="1" t="s">
        <v>160914</v>
      </c>
      <c r="H47330" s="1" t="s">
        <v>160915</v>
      </c>
      <c r="I47330" s="1" t="s">
        <v>160916</v>
      </c>
      <c r="J47330" s="1" t="s">
        <v>11745</v>
      </c>
    </row>
    <row r="47331" spans="1:10" x14ac:dyDescent="0.35">
      <c r="A47331" s="1" t="s">
        <v>3988</v>
      </c>
      <c r="B47331" s="1" t="s">
        <v>160911</v>
      </c>
      <c r="C47331" s="1" t="s">
        <v>45</v>
      </c>
      <c r="D47331" s="1" t="s">
        <v>9175</v>
      </c>
      <c r="E47331" s="1" t="s">
        <v>160934</v>
      </c>
      <c r="F47331" s="1" t="s">
        <v>160935</v>
      </c>
      <c r="G47331" s="1" t="s">
        <v>160914</v>
      </c>
      <c r="H47331" s="1" t="s">
        <v>160915</v>
      </c>
      <c r="I47331" s="1" t="s">
        <v>160916</v>
      </c>
      <c r="J47331" s="1" t="s">
        <v>160936</v>
      </c>
    </row>
    <row r="47332" spans="1:10" x14ac:dyDescent="0.35">
      <c r="A47332" s="1" t="s">
        <v>3988</v>
      </c>
      <c r="B47332" s="1" t="s">
        <v>160911</v>
      </c>
      <c r="C47332" s="1" t="s">
        <v>50</v>
      </c>
      <c r="D47332" s="1" t="s">
        <v>27723</v>
      </c>
      <c r="E47332" s="1" t="s">
        <v>160937</v>
      </c>
      <c r="F47332" s="1" t="s">
        <v>160938</v>
      </c>
      <c r="G47332" s="1" t="s">
        <v>160914</v>
      </c>
      <c r="H47332" s="1" t="s">
        <v>160915</v>
      </c>
      <c r="I47332" s="1" t="s">
        <v>160916</v>
      </c>
      <c r="J47332" s="1" t="s">
        <v>160939</v>
      </c>
    </row>
    <row r="47333" spans="1:10" x14ac:dyDescent="0.35">
      <c r="A47333" s="1" t="s">
        <v>3988</v>
      </c>
      <c r="B47333" s="1" t="s">
        <v>160911</v>
      </c>
      <c r="C47333" s="1" t="s">
        <v>55</v>
      </c>
      <c r="D47333" s="1" t="s">
        <v>29301</v>
      </c>
      <c r="E47333" s="1" t="s">
        <v>160940</v>
      </c>
      <c r="F47333" s="1" t="s">
        <v>160941</v>
      </c>
      <c r="G47333" s="1" t="s">
        <v>160914</v>
      </c>
      <c r="H47333" s="1" t="s">
        <v>160915</v>
      </c>
      <c r="I47333" s="1" t="s">
        <v>160916</v>
      </c>
      <c r="J47333" s="1" t="s">
        <v>160942</v>
      </c>
    </row>
    <row r="47334" spans="1:10" x14ac:dyDescent="0.35">
      <c r="A47334" s="1" t="s">
        <v>3988</v>
      </c>
      <c r="B47334" s="1" t="s">
        <v>160911</v>
      </c>
      <c r="C47334" s="1" t="s">
        <v>60</v>
      </c>
      <c r="D47334" s="1" t="s">
        <v>60</v>
      </c>
      <c r="E47334" s="1" t="s">
        <v>160943</v>
      </c>
      <c r="F47334" s="1" t="s">
        <v>160944</v>
      </c>
      <c r="G47334" s="1" t="s">
        <v>160914</v>
      </c>
      <c r="H47334" s="1" t="s">
        <v>160915</v>
      </c>
      <c r="I47334" s="1" t="s">
        <v>160916</v>
      </c>
      <c r="J47334" s="1" t="s">
        <v>160945</v>
      </c>
    </row>
    <row r="47335" spans="1:10" x14ac:dyDescent="0.35">
      <c r="A47335" s="1" t="s">
        <v>3988</v>
      </c>
      <c r="B47335" s="1" t="s">
        <v>160911</v>
      </c>
      <c r="C47335" s="1" t="s">
        <v>65</v>
      </c>
      <c r="D47335" s="1" t="s">
        <v>3920</v>
      </c>
      <c r="E47335" s="1" t="s">
        <v>160946</v>
      </c>
      <c r="F47335" s="1" t="s">
        <v>160947</v>
      </c>
      <c r="G47335" s="1" t="s">
        <v>160914</v>
      </c>
      <c r="H47335" s="1" t="s">
        <v>160915</v>
      </c>
      <c r="I47335" s="1" t="s">
        <v>160916</v>
      </c>
      <c r="J47335" s="1" t="s">
        <v>160948</v>
      </c>
    </row>
    <row r="47336" spans="1:10" x14ac:dyDescent="0.35">
      <c r="A47336" s="1" t="s">
        <v>3988</v>
      </c>
      <c r="B47336" s="1" t="s">
        <v>160911</v>
      </c>
      <c r="C47336" s="1" t="s">
        <v>70</v>
      </c>
      <c r="D47336" s="1" t="s">
        <v>14968</v>
      </c>
      <c r="E47336" s="1" t="s">
        <v>160949</v>
      </c>
      <c r="F47336" s="1" t="s">
        <v>160950</v>
      </c>
      <c r="G47336" s="1" t="s">
        <v>160914</v>
      </c>
      <c r="H47336" s="1" t="s">
        <v>160915</v>
      </c>
      <c r="I47336" s="1" t="s">
        <v>160916</v>
      </c>
      <c r="J47336" s="1" t="s">
        <v>160951</v>
      </c>
    </row>
    <row r="47337" spans="1:10" x14ac:dyDescent="0.35">
      <c r="A47337" s="1" t="s">
        <v>3988</v>
      </c>
      <c r="B47337" s="1" t="s">
        <v>160911</v>
      </c>
      <c r="C47337" s="1" t="s">
        <v>75</v>
      </c>
      <c r="D47337" s="1" t="s">
        <v>30135</v>
      </c>
      <c r="E47337" s="1" t="s">
        <v>160952</v>
      </c>
      <c r="F47337" s="1" t="s">
        <v>160953</v>
      </c>
      <c r="G47337" s="1" t="s">
        <v>160914</v>
      </c>
      <c r="H47337" s="1" t="s">
        <v>160915</v>
      </c>
      <c r="I47337" s="1" t="s">
        <v>160916</v>
      </c>
      <c r="J47337" s="1" t="s">
        <v>160954</v>
      </c>
    </row>
    <row r="47338" spans="1:10" x14ac:dyDescent="0.35">
      <c r="A47338" s="1" t="s">
        <v>3988</v>
      </c>
      <c r="B47338" s="1" t="s">
        <v>160911</v>
      </c>
      <c r="C47338" s="1" t="s">
        <v>80</v>
      </c>
      <c r="D47338" s="1" t="s">
        <v>27630</v>
      </c>
      <c r="E47338" s="1" t="s">
        <v>160955</v>
      </c>
      <c r="F47338" s="1" t="s">
        <v>160956</v>
      </c>
      <c r="G47338" s="1" t="s">
        <v>160914</v>
      </c>
      <c r="H47338" s="1" t="s">
        <v>160915</v>
      </c>
      <c r="I47338" s="1" t="s">
        <v>160916</v>
      </c>
      <c r="J47338" s="1" t="s">
        <v>160957</v>
      </c>
    </row>
    <row r="47339" spans="1:10" x14ac:dyDescent="0.35">
      <c r="A47339" s="1" t="s">
        <v>3988</v>
      </c>
      <c r="B47339" s="1" t="s">
        <v>160911</v>
      </c>
      <c r="C47339" s="1" t="s">
        <v>85</v>
      </c>
      <c r="D47339" s="1" t="s">
        <v>144384</v>
      </c>
      <c r="E47339" s="1" t="s">
        <v>160958</v>
      </c>
      <c r="F47339" s="1" t="s">
        <v>160959</v>
      </c>
      <c r="G47339" s="1" t="s">
        <v>160914</v>
      </c>
      <c r="H47339" s="1" t="s">
        <v>160915</v>
      </c>
      <c r="I47339" s="1" t="s">
        <v>160916</v>
      </c>
      <c r="J47339" s="1" t="s">
        <v>160960</v>
      </c>
    </row>
    <row r="47340" spans="1:10" x14ac:dyDescent="0.35">
      <c r="A47340" s="1" t="s">
        <v>3988</v>
      </c>
      <c r="B47340" s="1" t="s">
        <v>160911</v>
      </c>
      <c r="C47340" s="1" t="s">
        <v>90</v>
      </c>
      <c r="D47340" s="1" t="s">
        <v>46714</v>
      </c>
      <c r="E47340" s="1" t="s">
        <v>160961</v>
      </c>
      <c r="F47340" s="1" t="s">
        <v>160962</v>
      </c>
      <c r="G47340" s="1" t="s">
        <v>160914</v>
      </c>
      <c r="H47340" s="1" t="s">
        <v>160915</v>
      </c>
      <c r="I47340" s="1" t="s">
        <v>160916</v>
      </c>
      <c r="J47340" s="1" t="s">
        <v>160963</v>
      </c>
    </row>
    <row r="47341" spans="1:10" x14ac:dyDescent="0.35">
      <c r="A47341" s="1" t="s">
        <v>3988</v>
      </c>
      <c r="B47341" s="1" t="s">
        <v>160911</v>
      </c>
      <c r="C47341" s="1" t="s">
        <v>95</v>
      </c>
      <c r="D47341" s="1" t="s">
        <v>119665</v>
      </c>
      <c r="E47341" s="1" t="s">
        <v>160964</v>
      </c>
      <c r="F47341" s="1" t="s">
        <v>160965</v>
      </c>
      <c r="G47341" s="1" t="s">
        <v>160914</v>
      </c>
      <c r="H47341" s="1" t="s">
        <v>160915</v>
      </c>
      <c r="I47341" s="1" t="s">
        <v>160916</v>
      </c>
      <c r="J47341" s="1" t="s">
        <v>160966</v>
      </c>
    </row>
    <row r="47342" spans="1:10" x14ac:dyDescent="0.35">
      <c r="A47342" s="1" t="s">
        <v>3988</v>
      </c>
      <c r="B47342" s="1" t="s">
        <v>160911</v>
      </c>
      <c r="C47342" s="1" t="s">
        <v>100</v>
      </c>
      <c r="D47342" s="1" t="s">
        <v>143088</v>
      </c>
      <c r="E47342" s="1" t="s">
        <v>160967</v>
      </c>
      <c r="F47342" s="1" t="s">
        <v>160968</v>
      </c>
      <c r="G47342" s="1" t="s">
        <v>160914</v>
      </c>
      <c r="H47342" s="1" t="s">
        <v>160915</v>
      </c>
      <c r="I47342" s="1" t="s">
        <v>160916</v>
      </c>
      <c r="J47342" s="1" t="s">
        <v>160969</v>
      </c>
    </row>
    <row r="47343" spans="1:10" x14ac:dyDescent="0.35">
      <c r="A47343" s="1" t="s">
        <v>3988</v>
      </c>
      <c r="B47343" s="1" t="s">
        <v>160911</v>
      </c>
      <c r="C47343" s="1" t="s">
        <v>105</v>
      </c>
      <c r="D47343" s="1" t="s">
        <v>1639</v>
      </c>
      <c r="E47343" s="1" t="s">
        <v>160970</v>
      </c>
      <c r="F47343" s="1" t="s">
        <v>160971</v>
      </c>
      <c r="G47343" s="1" t="s">
        <v>160914</v>
      </c>
      <c r="H47343" s="1" t="s">
        <v>160915</v>
      </c>
      <c r="I47343" s="1" t="s">
        <v>160916</v>
      </c>
      <c r="J47343" s="1" t="s">
        <v>160972</v>
      </c>
    </row>
    <row r="47344" spans="1:10" x14ac:dyDescent="0.35">
      <c r="A47344" s="1" t="s">
        <v>3988</v>
      </c>
      <c r="B47344" s="1" t="s">
        <v>160911</v>
      </c>
      <c r="C47344" s="1" t="s">
        <v>110</v>
      </c>
      <c r="D47344" s="1" t="s">
        <v>2035</v>
      </c>
      <c r="E47344" s="1" t="s">
        <v>160973</v>
      </c>
      <c r="F47344" s="1" t="s">
        <v>160974</v>
      </c>
      <c r="G47344" s="1" t="s">
        <v>160914</v>
      </c>
      <c r="H47344" s="1" t="s">
        <v>160915</v>
      </c>
      <c r="I47344" s="1" t="s">
        <v>160916</v>
      </c>
      <c r="J47344" s="1" t="s">
        <v>160975</v>
      </c>
    </row>
    <row r="47345" spans="1:10" x14ac:dyDescent="0.35">
      <c r="A47345" s="1" t="s">
        <v>3988</v>
      </c>
      <c r="B47345" s="1" t="s">
        <v>160911</v>
      </c>
      <c r="C47345" s="1" t="s">
        <v>115</v>
      </c>
      <c r="D47345" s="1" t="s">
        <v>111514</v>
      </c>
      <c r="E47345" s="1" t="s">
        <v>160976</v>
      </c>
      <c r="F47345" s="1" t="s">
        <v>160977</v>
      </c>
      <c r="G47345" s="1" t="s">
        <v>160914</v>
      </c>
      <c r="H47345" s="1" t="s">
        <v>160915</v>
      </c>
      <c r="I47345" s="1" t="s">
        <v>160916</v>
      </c>
      <c r="J47345" s="1" t="s">
        <v>160978</v>
      </c>
    </row>
    <row r="47346" spans="1:10" x14ac:dyDescent="0.35">
      <c r="A47346" s="1" t="s">
        <v>3988</v>
      </c>
      <c r="B47346" s="1" t="s">
        <v>160911</v>
      </c>
      <c r="C47346" s="1" t="s">
        <v>120</v>
      </c>
      <c r="D47346" s="1" t="s">
        <v>8099</v>
      </c>
      <c r="E47346" s="1" t="s">
        <v>160979</v>
      </c>
      <c r="F47346" s="1" t="s">
        <v>160980</v>
      </c>
      <c r="G47346" s="1" t="s">
        <v>160914</v>
      </c>
      <c r="H47346" s="1" t="s">
        <v>160915</v>
      </c>
      <c r="I47346" s="1" t="s">
        <v>160916</v>
      </c>
      <c r="J47346" s="1" t="s">
        <v>160981</v>
      </c>
    </row>
    <row r="47347" spans="1:10" x14ac:dyDescent="0.35">
      <c r="A47347" s="1" t="s">
        <v>3988</v>
      </c>
      <c r="B47347" s="1" t="s">
        <v>160911</v>
      </c>
      <c r="C47347" s="1" t="s">
        <v>125</v>
      </c>
      <c r="D47347" s="1" t="s">
        <v>2849</v>
      </c>
      <c r="E47347" s="1" t="s">
        <v>160982</v>
      </c>
      <c r="F47347" s="1" t="s">
        <v>160983</v>
      </c>
      <c r="G47347" s="1" t="s">
        <v>160914</v>
      </c>
      <c r="H47347" s="1" t="s">
        <v>160915</v>
      </c>
      <c r="I47347" s="1" t="s">
        <v>160916</v>
      </c>
      <c r="J47347" s="1" t="s">
        <v>160984</v>
      </c>
    </row>
    <row r="47348" spans="1:10" x14ac:dyDescent="0.35">
      <c r="A47348" s="1" t="s">
        <v>3988</v>
      </c>
      <c r="B47348" s="1" t="s">
        <v>160911</v>
      </c>
      <c r="C47348" s="1" t="s">
        <v>130</v>
      </c>
      <c r="D47348" s="1" t="s">
        <v>27882</v>
      </c>
      <c r="E47348" s="1" t="s">
        <v>160985</v>
      </c>
      <c r="F47348" s="1" t="s">
        <v>160986</v>
      </c>
      <c r="G47348" s="1" t="s">
        <v>160914</v>
      </c>
      <c r="H47348" s="1" t="s">
        <v>160915</v>
      </c>
      <c r="I47348" s="1" t="s">
        <v>160916</v>
      </c>
      <c r="J47348" s="1" t="s">
        <v>160987</v>
      </c>
    </row>
    <row r="47349" spans="1:10" x14ac:dyDescent="0.35">
      <c r="A47349" s="1" t="s">
        <v>3988</v>
      </c>
      <c r="B47349" s="1" t="s">
        <v>160911</v>
      </c>
      <c r="C47349" s="1" t="s">
        <v>135</v>
      </c>
      <c r="D47349" s="1" t="s">
        <v>122038</v>
      </c>
      <c r="E47349" s="1" t="s">
        <v>160988</v>
      </c>
      <c r="F47349" s="1" t="s">
        <v>160989</v>
      </c>
      <c r="G47349" s="1" t="s">
        <v>160914</v>
      </c>
      <c r="H47349" s="1" t="s">
        <v>160915</v>
      </c>
      <c r="I47349" s="1" t="s">
        <v>160916</v>
      </c>
      <c r="J47349" s="1" t="s">
        <v>160990</v>
      </c>
    </row>
    <row r="47350" spans="1:10" x14ac:dyDescent="0.35">
      <c r="A47350" s="1" t="s">
        <v>3988</v>
      </c>
      <c r="B47350" s="1" t="s">
        <v>160911</v>
      </c>
      <c r="C47350" s="1" t="s">
        <v>140</v>
      </c>
      <c r="D47350" s="1" t="s">
        <v>2105</v>
      </c>
      <c r="E47350" s="1" t="s">
        <v>160991</v>
      </c>
      <c r="F47350" s="1" t="s">
        <v>160992</v>
      </c>
      <c r="G47350" s="1" t="s">
        <v>160914</v>
      </c>
      <c r="H47350" s="1" t="s">
        <v>160915</v>
      </c>
      <c r="I47350" s="1" t="s">
        <v>160916</v>
      </c>
      <c r="J47350" s="1" t="s">
        <v>160993</v>
      </c>
    </row>
    <row r="47351" spans="1:10" x14ac:dyDescent="0.35">
      <c r="A47351" s="1" t="s">
        <v>3988</v>
      </c>
      <c r="B47351" s="1" t="s">
        <v>160911</v>
      </c>
      <c r="C47351" s="1" t="s">
        <v>145</v>
      </c>
      <c r="D47351" s="1" t="s">
        <v>10943</v>
      </c>
      <c r="E47351" s="1" t="s">
        <v>160994</v>
      </c>
      <c r="F47351" s="1" t="s">
        <v>160995</v>
      </c>
      <c r="G47351" s="1" t="s">
        <v>160914</v>
      </c>
      <c r="H47351" s="1" t="s">
        <v>160915</v>
      </c>
      <c r="I47351" s="1" t="s">
        <v>160916</v>
      </c>
      <c r="J47351" s="1" t="s">
        <v>160996</v>
      </c>
    </row>
    <row r="47352" spans="1:10" x14ac:dyDescent="0.35">
      <c r="A47352" s="1" t="s">
        <v>3988</v>
      </c>
      <c r="B47352" s="1" t="s">
        <v>160911</v>
      </c>
      <c r="C47352" s="1" t="s">
        <v>150</v>
      </c>
      <c r="D47352" s="1" t="s">
        <v>28095</v>
      </c>
      <c r="E47352" s="1" t="s">
        <v>160997</v>
      </c>
      <c r="F47352" s="1" t="s">
        <v>160998</v>
      </c>
      <c r="G47352" s="1" t="s">
        <v>160914</v>
      </c>
      <c r="H47352" s="1" t="s">
        <v>160915</v>
      </c>
      <c r="I47352" s="1" t="s">
        <v>160916</v>
      </c>
      <c r="J47352" s="1" t="s">
        <v>160999</v>
      </c>
    </row>
    <row r="47353" spans="1:10" x14ac:dyDescent="0.35">
      <c r="A47353" s="1" t="s">
        <v>3988</v>
      </c>
      <c r="B47353" s="1" t="s">
        <v>160911</v>
      </c>
      <c r="C47353" s="1" t="s">
        <v>155</v>
      </c>
      <c r="D47353" s="1" t="s">
        <v>10002</v>
      </c>
      <c r="E47353" s="1" t="s">
        <v>161000</v>
      </c>
      <c r="F47353" s="1" t="s">
        <v>161001</v>
      </c>
      <c r="G47353" s="1" t="s">
        <v>160914</v>
      </c>
      <c r="H47353" s="1" t="s">
        <v>160915</v>
      </c>
      <c r="I47353" s="1" t="s">
        <v>160916</v>
      </c>
      <c r="J47353" s="1" t="s">
        <v>161002</v>
      </c>
    </row>
    <row r="47354" spans="1:10" x14ac:dyDescent="0.35">
      <c r="A47354" s="1" t="s">
        <v>3988</v>
      </c>
      <c r="B47354" s="1" t="s">
        <v>160911</v>
      </c>
      <c r="C47354" s="1" t="s">
        <v>160</v>
      </c>
      <c r="D47354" s="1" t="s">
        <v>30037</v>
      </c>
      <c r="E47354" s="1" t="s">
        <v>161003</v>
      </c>
      <c r="F47354" s="1" t="s">
        <v>161004</v>
      </c>
      <c r="G47354" s="1" t="s">
        <v>160914</v>
      </c>
      <c r="H47354" s="1" t="s">
        <v>160915</v>
      </c>
      <c r="I47354" s="1" t="s">
        <v>160916</v>
      </c>
      <c r="J47354" s="1" t="s">
        <v>161005</v>
      </c>
    </row>
    <row r="47355" spans="1:10" x14ac:dyDescent="0.35">
      <c r="A47355" s="1" t="s">
        <v>3988</v>
      </c>
      <c r="B47355" s="1" t="s">
        <v>160911</v>
      </c>
      <c r="C47355" s="1" t="s">
        <v>165</v>
      </c>
      <c r="D47355" s="1" t="s">
        <v>144059</v>
      </c>
      <c r="E47355" s="1" t="s">
        <v>161006</v>
      </c>
      <c r="F47355" s="1" t="s">
        <v>161007</v>
      </c>
      <c r="G47355" s="1" t="s">
        <v>160914</v>
      </c>
      <c r="H47355" s="1" t="s">
        <v>160915</v>
      </c>
      <c r="I47355" s="1" t="s">
        <v>160916</v>
      </c>
      <c r="J47355" s="1" t="s">
        <v>161008</v>
      </c>
    </row>
    <row r="47356" spans="1:10" x14ac:dyDescent="0.35">
      <c r="A47356" s="1" t="s">
        <v>3988</v>
      </c>
      <c r="B47356" s="1" t="s">
        <v>160911</v>
      </c>
      <c r="C47356" s="1" t="s">
        <v>170</v>
      </c>
      <c r="D47356" s="1" t="s">
        <v>1667</v>
      </c>
      <c r="E47356" s="1" t="s">
        <v>161009</v>
      </c>
      <c r="F47356" s="1" t="s">
        <v>161010</v>
      </c>
      <c r="G47356" s="1" t="s">
        <v>160914</v>
      </c>
      <c r="H47356" s="1" t="s">
        <v>160915</v>
      </c>
      <c r="I47356" s="1" t="s">
        <v>160916</v>
      </c>
      <c r="J47356" s="1" t="s">
        <v>161011</v>
      </c>
    </row>
    <row r="47357" spans="1:10" x14ac:dyDescent="0.35">
      <c r="A47357" s="1" t="s">
        <v>119464</v>
      </c>
      <c r="B47357" s="1" t="s">
        <v>160911</v>
      </c>
      <c r="C47357" s="1" t="s">
        <v>8</v>
      </c>
      <c r="D47357" s="1" t="s">
        <v>15860</v>
      </c>
      <c r="E47357" s="1" t="s">
        <v>161012</v>
      </c>
      <c r="F47357" s="1" t="s">
        <v>161013</v>
      </c>
      <c r="G47357" s="1" t="s">
        <v>161014</v>
      </c>
      <c r="H47357" s="1" t="s">
        <v>161015</v>
      </c>
      <c r="I47357" s="1" t="s">
        <v>160916</v>
      </c>
      <c r="J47357" s="1" t="s">
        <v>13</v>
      </c>
    </row>
    <row r="47358" spans="1:10" x14ac:dyDescent="0.35">
      <c r="A47358" s="1" t="s">
        <v>119464</v>
      </c>
      <c r="B47358" s="1" t="s">
        <v>160911</v>
      </c>
      <c r="C47358" s="1" t="s">
        <v>15</v>
      </c>
      <c r="D47358" s="1" t="s">
        <v>9258</v>
      </c>
      <c r="E47358" s="1" t="s">
        <v>161016</v>
      </c>
      <c r="F47358" s="1" t="s">
        <v>161017</v>
      </c>
      <c r="G47358" s="1" t="s">
        <v>161014</v>
      </c>
      <c r="H47358" s="1" t="s">
        <v>161015</v>
      </c>
      <c r="I47358" s="1" t="s">
        <v>160916</v>
      </c>
      <c r="J47358" s="1" t="s">
        <v>161018</v>
      </c>
    </row>
    <row r="47359" spans="1:10" x14ac:dyDescent="0.35">
      <c r="A47359" s="1" t="s">
        <v>119464</v>
      </c>
      <c r="B47359" s="1" t="s">
        <v>160911</v>
      </c>
      <c r="C47359" s="1" t="s">
        <v>20</v>
      </c>
      <c r="D47359" s="1" t="s">
        <v>6888</v>
      </c>
      <c r="E47359" s="1" t="s">
        <v>161019</v>
      </c>
      <c r="F47359" s="1" t="s">
        <v>161020</v>
      </c>
      <c r="G47359" s="1" t="s">
        <v>161014</v>
      </c>
      <c r="H47359" s="1" t="s">
        <v>161015</v>
      </c>
      <c r="I47359" s="1" t="s">
        <v>160916</v>
      </c>
      <c r="J47359" s="1" t="s">
        <v>161021</v>
      </c>
    </row>
    <row r="47360" spans="1:10" x14ac:dyDescent="0.35">
      <c r="A47360" s="1" t="s">
        <v>119464</v>
      </c>
      <c r="B47360" s="1" t="s">
        <v>160911</v>
      </c>
      <c r="C47360" s="1" t="s">
        <v>25</v>
      </c>
      <c r="D47360" s="1" t="s">
        <v>28784</v>
      </c>
      <c r="E47360" s="1" t="s">
        <v>161022</v>
      </c>
      <c r="F47360" s="1" t="s">
        <v>161023</v>
      </c>
      <c r="G47360" s="1" t="s">
        <v>161014</v>
      </c>
      <c r="H47360" s="1" t="s">
        <v>161015</v>
      </c>
      <c r="I47360" s="1" t="s">
        <v>160916</v>
      </c>
      <c r="J47360" s="1" t="s">
        <v>161024</v>
      </c>
    </row>
    <row r="47361" spans="1:10" x14ac:dyDescent="0.35">
      <c r="A47361" s="1" t="s">
        <v>119464</v>
      </c>
      <c r="B47361" s="1" t="s">
        <v>160911</v>
      </c>
      <c r="C47361" s="1" t="s">
        <v>30</v>
      </c>
      <c r="D47361" s="1" t="s">
        <v>111930</v>
      </c>
      <c r="E47361" s="1" t="s">
        <v>161025</v>
      </c>
      <c r="F47361" s="1" t="s">
        <v>161026</v>
      </c>
      <c r="G47361" s="1" t="s">
        <v>161014</v>
      </c>
      <c r="H47361" s="1" t="s">
        <v>161015</v>
      </c>
      <c r="I47361" s="1" t="s">
        <v>160916</v>
      </c>
      <c r="J47361" s="1" t="s">
        <v>161027</v>
      </c>
    </row>
    <row r="47362" spans="1:10" x14ac:dyDescent="0.35">
      <c r="A47362" s="1" t="s">
        <v>119464</v>
      </c>
      <c r="B47362" s="1" t="s">
        <v>160911</v>
      </c>
      <c r="C47362" s="1" t="s">
        <v>35</v>
      </c>
      <c r="D47362" s="1" t="s">
        <v>47067</v>
      </c>
      <c r="E47362" s="1" t="s">
        <v>161028</v>
      </c>
      <c r="F47362" s="1" t="s">
        <v>161029</v>
      </c>
      <c r="G47362" s="1" t="s">
        <v>161014</v>
      </c>
      <c r="H47362" s="1" t="s">
        <v>161015</v>
      </c>
      <c r="I47362" s="1" t="s">
        <v>160916</v>
      </c>
      <c r="J47362" s="1" t="s">
        <v>161030</v>
      </c>
    </row>
    <row r="47363" spans="1:10" x14ac:dyDescent="0.35">
      <c r="A47363" s="1" t="s">
        <v>119464</v>
      </c>
      <c r="B47363" s="1" t="s">
        <v>160911</v>
      </c>
      <c r="C47363" s="1" t="s">
        <v>40</v>
      </c>
      <c r="D47363" s="1" t="s">
        <v>8349</v>
      </c>
      <c r="E47363" s="1" t="s">
        <v>161031</v>
      </c>
      <c r="F47363" s="1" t="s">
        <v>161032</v>
      </c>
      <c r="G47363" s="1" t="s">
        <v>161014</v>
      </c>
      <c r="H47363" s="1" t="s">
        <v>161015</v>
      </c>
      <c r="I47363" s="1" t="s">
        <v>160916</v>
      </c>
      <c r="J47363" s="1" t="s">
        <v>161033</v>
      </c>
    </row>
    <row r="47364" spans="1:10" x14ac:dyDescent="0.35">
      <c r="A47364" s="1" t="s">
        <v>119464</v>
      </c>
      <c r="B47364" s="1" t="s">
        <v>160911</v>
      </c>
      <c r="C47364" s="1" t="s">
        <v>45</v>
      </c>
      <c r="D47364" s="1" t="s">
        <v>8349</v>
      </c>
      <c r="E47364" s="1" t="s">
        <v>161034</v>
      </c>
      <c r="F47364" s="1" t="s">
        <v>161035</v>
      </c>
      <c r="G47364" s="1" t="s">
        <v>161014</v>
      </c>
      <c r="H47364" s="1" t="s">
        <v>161015</v>
      </c>
      <c r="I47364" s="1" t="s">
        <v>160916</v>
      </c>
      <c r="J47364" s="1" t="s">
        <v>1180</v>
      </c>
    </row>
    <row r="47365" spans="1:10" x14ac:dyDescent="0.35">
      <c r="A47365" s="1" t="s">
        <v>119464</v>
      </c>
      <c r="B47365" s="1" t="s">
        <v>160911</v>
      </c>
      <c r="C47365" s="1" t="s">
        <v>50</v>
      </c>
      <c r="D47365" s="1" t="s">
        <v>29907</v>
      </c>
      <c r="E47365" s="1" t="s">
        <v>161036</v>
      </c>
      <c r="F47365" s="1" t="s">
        <v>161037</v>
      </c>
      <c r="G47365" s="1" t="s">
        <v>161014</v>
      </c>
      <c r="H47365" s="1" t="s">
        <v>161015</v>
      </c>
      <c r="I47365" s="1" t="s">
        <v>160916</v>
      </c>
      <c r="J47365" s="1" t="s">
        <v>161038</v>
      </c>
    </row>
    <row r="47366" spans="1:10" x14ac:dyDescent="0.35">
      <c r="A47366" s="1" t="s">
        <v>119464</v>
      </c>
      <c r="B47366" s="1" t="s">
        <v>160911</v>
      </c>
      <c r="C47366" s="1" t="s">
        <v>55</v>
      </c>
      <c r="D47366" s="1" t="s">
        <v>35167</v>
      </c>
      <c r="E47366" s="1" t="s">
        <v>161039</v>
      </c>
      <c r="F47366" s="1" t="s">
        <v>161040</v>
      </c>
      <c r="G47366" s="1" t="s">
        <v>161014</v>
      </c>
      <c r="H47366" s="1" t="s">
        <v>161015</v>
      </c>
      <c r="I47366" s="1" t="s">
        <v>160916</v>
      </c>
      <c r="J47366" s="1" t="s">
        <v>161041</v>
      </c>
    </row>
    <row r="47367" spans="1:10" x14ac:dyDescent="0.35">
      <c r="A47367" s="1" t="s">
        <v>119464</v>
      </c>
      <c r="B47367" s="1" t="s">
        <v>160911</v>
      </c>
      <c r="C47367" s="1" t="s">
        <v>60</v>
      </c>
      <c r="D47367" s="1" t="s">
        <v>27414</v>
      </c>
      <c r="E47367" s="1" t="s">
        <v>161042</v>
      </c>
      <c r="F47367" s="1" t="s">
        <v>161043</v>
      </c>
      <c r="G47367" s="1" t="s">
        <v>161014</v>
      </c>
      <c r="H47367" s="1" t="s">
        <v>161015</v>
      </c>
      <c r="I47367" s="1" t="s">
        <v>160916</v>
      </c>
      <c r="J47367" s="1" t="s">
        <v>161044</v>
      </c>
    </row>
    <row r="47368" spans="1:10" x14ac:dyDescent="0.35">
      <c r="A47368" s="1" t="s">
        <v>119464</v>
      </c>
      <c r="B47368" s="1" t="s">
        <v>160911</v>
      </c>
      <c r="C47368" s="1" t="s">
        <v>65</v>
      </c>
      <c r="D47368" s="1" t="s">
        <v>10194</v>
      </c>
      <c r="E47368" s="1" t="s">
        <v>161045</v>
      </c>
      <c r="F47368" s="1" t="s">
        <v>161046</v>
      </c>
      <c r="G47368" s="1" t="s">
        <v>161014</v>
      </c>
      <c r="H47368" s="1" t="s">
        <v>161015</v>
      </c>
      <c r="I47368" s="1" t="s">
        <v>160916</v>
      </c>
      <c r="J47368" s="1" t="s">
        <v>161047</v>
      </c>
    </row>
    <row r="47369" spans="1:10" x14ac:dyDescent="0.35">
      <c r="A47369" s="1" t="s">
        <v>119464</v>
      </c>
      <c r="B47369" s="1" t="s">
        <v>160911</v>
      </c>
      <c r="C47369" s="1" t="s">
        <v>70</v>
      </c>
      <c r="D47369" s="1" t="s">
        <v>161048</v>
      </c>
      <c r="E47369" s="1" t="s">
        <v>161049</v>
      </c>
      <c r="F47369" s="1" t="s">
        <v>161050</v>
      </c>
      <c r="G47369" s="1" t="s">
        <v>161014</v>
      </c>
      <c r="H47369" s="1" t="s">
        <v>161015</v>
      </c>
      <c r="I47369" s="1" t="s">
        <v>160916</v>
      </c>
      <c r="J47369" s="1" t="s">
        <v>161051</v>
      </c>
    </row>
    <row r="47370" spans="1:10" x14ac:dyDescent="0.35">
      <c r="A47370" s="1" t="s">
        <v>119464</v>
      </c>
      <c r="B47370" s="1" t="s">
        <v>160911</v>
      </c>
      <c r="C47370" s="1" t="s">
        <v>75</v>
      </c>
      <c r="D47370" s="1" t="s">
        <v>161052</v>
      </c>
      <c r="E47370" s="1" t="s">
        <v>161053</v>
      </c>
      <c r="F47370" s="1" t="s">
        <v>161054</v>
      </c>
      <c r="G47370" s="1" t="s">
        <v>161014</v>
      </c>
      <c r="H47370" s="1" t="s">
        <v>161015</v>
      </c>
      <c r="I47370" s="1" t="s">
        <v>160916</v>
      </c>
      <c r="J47370" s="1" t="s">
        <v>161055</v>
      </c>
    </row>
    <row r="47371" spans="1:10" x14ac:dyDescent="0.35">
      <c r="A47371" s="1" t="s">
        <v>119464</v>
      </c>
      <c r="B47371" s="1" t="s">
        <v>160911</v>
      </c>
      <c r="C47371" s="1" t="s">
        <v>80</v>
      </c>
      <c r="D47371" s="1" t="s">
        <v>104328</v>
      </c>
      <c r="E47371" s="1" t="s">
        <v>161056</v>
      </c>
      <c r="F47371" s="1" t="s">
        <v>161057</v>
      </c>
      <c r="G47371" s="1" t="s">
        <v>161014</v>
      </c>
      <c r="H47371" s="1" t="s">
        <v>161015</v>
      </c>
      <c r="I47371" s="1" t="s">
        <v>160916</v>
      </c>
      <c r="J47371" s="1" t="s">
        <v>161058</v>
      </c>
    </row>
    <row r="47372" spans="1:10" x14ac:dyDescent="0.35">
      <c r="A47372" s="1" t="s">
        <v>119464</v>
      </c>
      <c r="B47372" s="1" t="s">
        <v>160911</v>
      </c>
      <c r="C47372" s="1" t="s">
        <v>85</v>
      </c>
      <c r="D47372" s="1" t="s">
        <v>15335</v>
      </c>
      <c r="E47372" s="1" t="s">
        <v>161059</v>
      </c>
      <c r="F47372" s="1" t="s">
        <v>161060</v>
      </c>
      <c r="G47372" s="1" t="s">
        <v>161014</v>
      </c>
      <c r="H47372" s="1" t="s">
        <v>161015</v>
      </c>
      <c r="I47372" s="1" t="s">
        <v>160916</v>
      </c>
      <c r="J47372" s="1" t="s">
        <v>161061</v>
      </c>
    </row>
    <row r="47373" spans="1:10" x14ac:dyDescent="0.35">
      <c r="A47373" s="1" t="s">
        <v>119464</v>
      </c>
      <c r="B47373" s="1" t="s">
        <v>160911</v>
      </c>
      <c r="C47373" s="1" t="s">
        <v>90</v>
      </c>
      <c r="D47373" s="1" t="s">
        <v>156538</v>
      </c>
      <c r="E47373" s="1" t="s">
        <v>161062</v>
      </c>
      <c r="F47373" s="1" t="s">
        <v>161063</v>
      </c>
      <c r="G47373" s="1" t="s">
        <v>161014</v>
      </c>
      <c r="H47373" s="1" t="s">
        <v>161015</v>
      </c>
      <c r="I47373" s="1" t="s">
        <v>160916</v>
      </c>
      <c r="J47373" s="1" t="s">
        <v>161064</v>
      </c>
    </row>
    <row r="47374" spans="1:10" x14ac:dyDescent="0.35">
      <c r="A47374" s="1" t="s">
        <v>119464</v>
      </c>
      <c r="B47374" s="1" t="s">
        <v>160911</v>
      </c>
      <c r="C47374" s="1" t="s">
        <v>95</v>
      </c>
      <c r="D47374" s="1" t="s">
        <v>161065</v>
      </c>
      <c r="E47374" s="1" t="s">
        <v>161066</v>
      </c>
      <c r="F47374" s="1" t="s">
        <v>161067</v>
      </c>
      <c r="G47374" s="1" t="s">
        <v>161014</v>
      </c>
      <c r="H47374" s="1" t="s">
        <v>161015</v>
      </c>
      <c r="I47374" s="1" t="s">
        <v>160916</v>
      </c>
      <c r="J47374" s="1" t="s">
        <v>161068</v>
      </c>
    </row>
    <row r="47375" spans="1:10" x14ac:dyDescent="0.35">
      <c r="A47375" s="1" t="s">
        <v>119464</v>
      </c>
      <c r="B47375" s="1" t="s">
        <v>160911</v>
      </c>
      <c r="C47375" s="1" t="s">
        <v>100</v>
      </c>
      <c r="D47375" s="1" t="s">
        <v>15587</v>
      </c>
      <c r="E47375" s="1" t="s">
        <v>161069</v>
      </c>
      <c r="F47375" s="1" t="s">
        <v>161070</v>
      </c>
      <c r="G47375" s="1" t="s">
        <v>161014</v>
      </c>
      <c r="H47375" s="1" t="s">
        <v>161015</v>
      </c>
      <c r="I47375" s="1" t="s">
        <v>160916</v>
      </c>
      <c r="J47375" s="1" t="s">
        <v>161071</v>
      </c>
    </row>
    <row r="47376" spans="1:10" x14ac:dyDescent="0.35">
      <c r="A47376" s="1" t="s">
        <v>119464</v>
      </c>
      <c r="B47376" s="1" t="s">
        <v>160911</v>
      </c>
      <c r="C47376" s="1" t="s">
        <v>105</v>
      </c>
      <c r="D47376" s="1" t="s">
        <v>142888</v>
      </c>
      <c r="E47376" s="1" t="s">
        <v>161072</v>
      </c>
      <c r="F47376" s="1" t="s">
        <v>161073</v>
      </c>
      <c r="G47376" s="1" t="s">
        <v>161014</v>
      </c>
      <c r="H47376" s="1" t="s">
        <v>161015</v>
      </c>
      <c r="I47376" s="1" t="s">
        <v>160916</v>
      </c>
      <c r="J47376" s="1" t="s">
        <v>161074</v>
      </c>
    </row>
    <row r="47377" spans="1:10" x14ac:dyDescent="0.35">
      <c r="A47377" s="1" t="s">
        <v>119464</v>
      </c>
      <c r="B47377" s="1" t="s">
        <v>160911</v>
      </c>
      <c r="C47377" s="1" t="s">
        <v>110</v>
      </c>
      <c r="D47377" s="1" t="s">
        <v>161075</v>
      </c>
      <c r="E47377" s="1" t="s">
        <v>161076</v>
      </c>
      <c r="F47377" s="1" t="s">
        <v>161077</v>
      </c>
      <c r="G47377" s="1" t="s">
        <v>161014</v>
      </c>
      <c r="H47377" s="1" t="s">
        <v>161015</v>
      </c>
      <c r="I47377" s="1" t="s">
        <v>160916</v>
      </c>
      <c r="J47377" s="1" t="s">
        <v>161078</v>
      </c>
    </row>
    <row r="47378" spans="1:10" x14ac:dyDescent="0.35">
      <c r="A47378" s="1" t="s">
        <v>119464</v>
      </c>
      <c r="B47378" s="1" t="s">
        <v>160911</v>
      </c>
      <c r="C47378" s="1" t="s">
        <v>115</v>
      </c>
      <c r="D47378" s="1" t="s">
        <v>34593</v>
      </c>
      <c r="E47378" s="1" t="s">
        <v>161079</v>
      </c>
      <c r="F47378" s="1" t="s">
        <v>161080</v>
      </c>
      <c r="G47378" s="1" t="s">
        <v>161014</v>
      </c>
      <c r="H47378" s="1" t="s">
        <v>161015</v>
      </c>
      <c r="I47378" s="1" t="s">
        <v>160916</v>
      </c>
      <c r="J47378" s="1" t="s">
        <v>161081</v>
      </c>
    </row>
    <row r="47379" spans="1:10" x14ac:dyDescent="0.35">
      <c r="A47379" s="1" t="s">
        <v>119464</v>
      </c>
      <c r="B47379" s="1" t="s">
        <v>160911</v>
      </c>
      <c r="C47379" s="1" t="s">
        <v>120</v>
      </c>
      <c r="D47379" s="1" t="s">
        <v>6592</v>
      </c>
      <c r="E47379" s="1" t="s">
        <v>161082</v>
      </c>
      <c r="F47379" s="1" t="s">
        <v>161083</v>
      </c>
      <c r="G47379" s="1" t="s">
        <v>161014</v>
      </c>
      <c r="H47379" s="1" t="s">
        <v>161015</v>
      </c>
      <c r="I47379" s="1" t="s">
        <v>160916</v>
      </c>
      <c r="J47379" s="1" t="s">
        <v>161084</v>
      </c>
    </row>
    <row r="47380" spans="1:10" x14ac:dyDescent="0.35">
      <c r="A47380" s="1" t="s">
        <v>119464</v>
      </c>
      <c r="B47380" s="1" t="s">
        <v>160911</v>
      </c>
      <c r="C47380" s="1" t="s">
        <v>125</v>
      </c>
      <c r="D47380" s="1" t="s">
        <v>2358</v>
      </c>
      <c r="E47380" s="1" t="s">
        <v>161085</v>
      </c>
      <c r="F47380" s="1" t="s">
        <v>161086</v>
      </c>
      <c r="G47380" s="1" t="s">
        <v>161014</v>
      </c>
      <c r="H47380" s="1" t="s">
        <v>161015</v>
      </c>
      <c r="I47380" s="1" t="s">
        <v>160916</v>
      </c>
      <c r="J47380" s="1" t="s">
        <v>161087</v>
      </c>
    </row>
    <row r="47381" spans="1:10" x14ac:dyDescent="0.35">
      <c r="A47381" s="1" t="s">
        <v>119464</v>
      </c>
      <c r="B47381" s="1" t="s">
        <v>160911</v>
      </c>
      <c r="C47381" s="1" t="s">
        <v>130</v>
      </c>
      <c r="D47381" s="1" t="s">
        <v>15356</v>
      </c>
      <c r="E47381" s="1" t="s">
        <v>161088</v>
      </c>
      <c r="F47381" s="1" t="s">
        <v>161089</v>
      </c>
      <c r="G47381" s="1" t="s">
        <v>161014</v>
      </c>
      <c r="H47381" s="1" t="s">
        <v>161015</v>
      </c>
      <c r="I47381" s="1" t="s">
        <v>160916</v>
      </c>
      <c r="J47381" s="1" t="s">
        <v>161090</v>
      </c>
    </row>
    <row r="47382" spans="1:10" x14ac:dyDescent="0.35">
      <c r="A47382" s="1" t="s">
        <v>119464</v>
      </c>
      <c r="B47382" s="1" t="s">
        <v>160911</v>
      </c>
      <c r="C47382" s="1" t="s">
        <v>135</v>
      </c>
      <c r="D47382" s="1" t="s">
        <v>8967</v>
      </c>
      <c r="E47382" s="1" t="s">
        <v>161091</v>
      </c>
      <c r="F47382" s="1" t="s">
        <v>161092</v>
      </c>
      <c r="G47382" s="1" t="s">
        <v>161014</v>
      </c>
      <c r="H47382" s="1" t="s">
        <v>161015</v>
      </c>
      <c r="I47382" s="1" t="s">
        <v>160916</v>
      </c>
      <c r="J47382" s="1" t="s">
        <v>161093</v>
      </c>
    </row>
    <row r="47383" spans="1:10" x14ac:dyDescent="0.35">
      <c r="A47383" s="1" t="s">
        <v>119464</v>
      </c>
      <c r="B47383" s="1" t="s">
        <v>160911</v>
      </c>
      <c r="C47383" s="1" t="s">
        <v>140</v>
      </c>
      <c r="D47383" s="1" t="s">
        <v>3363</v>
      </c>
      <c r="E47383" s="1" t="s">
        <v>161094</v>
      </c>
      <c r="F47383" s="1" t="s">
        <v>161095</v>
      </c>
      <c r="G47383" s="1" t="s">
        <v>161014</v>
      </c>
      <c r="H47383" s="1" t="s">
        <v>161015</v>
      </c>
      <c r="I47383" s="1" t="s">
        <v>160916</v>
      </c>
      <c r="J47383" s="1" t="s">
        <v>161096</v>
      </c>
    </row>
    <row r="47384" spans="1:10" x14ac:dyDescent="0.35">
      <c r="A47384" s="1" t="s">
        <v>119464</v>
      </c>
      <c r="B47384" s="1" t="s">
        <v>160911</v>
      </c>
      <c r="C47384" s="1" t="s">
        <v>145</v>
      </c>
      <c r="D47384" s="1" t="s">
        <v>161097</v>
      </c>
      <c r="E47384" s="1" t="s">
        <v>161098</v>
      </c>
      <c r="F47384" s="1" t="s">
        <v>161099</v>
      </c>
      <c r="G47384" s="1" t="s">
        <v>161014</v>
      </c>
      <c r="H47384" s="1" t="s">
        <v>161015</v>
      </c>
      <c r="I47384" s="1" t="s">
        <v>160916</v>
      </c>
      <c r="J47384" s="1" t="s">
        <v>161100</v>
      </c>
    </row>
    <row r="47385" spans="1:10" x14ac:dyDescent="0.35">
      <c r="A47385" s="1" t="s">
        <v>119464</v>
      </c>
      <c r="B47385" s="1" t="s">
        <v>160911</v>
      </c>
      <c r="C47385" s="1" t="s">
        <v>150</v>
      </c>
      <c r="D47385" s="1" t="s">
        <v>161101</v>
      </c>
      <c r="E47385" s="1" t="s">
        <v>161102</v>
      </c>
      <c r="F47385" s="1" t="s">
        <v>161103</v>
      </c>
      <c r="G47385" s="1" t="s">
        <v>161014</v>
      </c>
      <c r="H47385" s="1" t="s">
        <v>161015</v>
      </c>
      <c r="I47385" s="1" t="s">
        <v>160916</v>
      </c>
      <c r="J47385" s="1" t="s">
        <v>161104</v>
      </c>
    </row>
    <row r="47386" spans="1:10" x14ac:dyDescent="0.35">
      <c r="A47386" s="1" t="s">
        <v>119464</v>
      </c>
      <c r="B47386" s="1" t="s">
        <v>160911</v>
      </c>
      <c r="C47386" s="1" t="s">
        <v>155</v>
      </c>
      <c r="D47386" s="1" t="s">
        <v>148942</v>
      </c>
      <c r="E47386" s="1" t="s">
        <v>161105</v>
      </c>
      <c r="F47386" s="1" t="s">
        <v>161106</v>
      </c>
      <c r="G47386" s="1" t="s">
        <v>161014</v>
      </c>
      <c r="H47386" s="1" t="s">
        <v>161015</v>
      </c>
      <c r="I47386" s="1" t="s">
        <v>160916</v>
      </c>
      <c r="J47386" s="1" t="s">
        <v>161107</v>
      </c>
    </row>
    <row r="47387" spans="1:10" x14ac:dyDescent="0.35">
      <c r="A47387" s="1" t="s">
        <v>119464</v>
      </c>
      <c r="B47387" s="1" t="s">
        <v>160911</v>
      </c>
      <c r="C47387" s="1" t="s">
        <v>160</v>
      </c>
      <c r="D47387" s="1" t="s">
        <v>5099</v>
      </c>
      <c r="E47387" s="1" t="s">
        <v>161108</v>
      </c>
      <c r="F47387" s="1" t="s">
        <v>161109</v>
      </c>
      <c r="G47387" s="1" t="s">
        <v>161014</v>
      </c>
      <c r="H47387" s="1" t="s">
        <v>161015</v>
      </c>
      <c r="I47387" s="1" t="s">
        <v>160916</v>
      </c>
      <c r="J47387" s="1" t="s">
        <v>161110</v>
      </c>
    </row>
    <row r="47388" spans="1:10" x14ac:dyDescent="0.35">
      <c r="A47388" s="1" t="s">
        <v>119464</v>
      </c>
      <c r="B47388" s="1" t="s">
        <v>160911</v>
      </c>
      <c r="C47388" s="1" t="s">
        <v>165</v>
      </c>
      <c r="D47388" s="1" t="s">
        <v>112595</v>
      </c>
      <c r="E47388" s="1" t="s">
        <v>161111</v>
      </c>
      <c r="F47388" s="1" t="s">
        <v>161112</v>
      </c>
      <c r="G47388" s="1" t="s">
        <v>161014</v>
      </c>
      <c r="H47388" s="1" t="s">
        <v>161015</v>
      </c>
      <c r="I47388" s="1" t="s">
        <v>160916</v>
      </c>
      <c r="J47388" s="1" t="s">
        <v>161113</v>
      </c>
    </row>
    <row r="47389" spans="1:10" x14ac:dyDescent="0.35">
      <c r="A47389" s="1" t="s">
        <v>119464</v>
      </c>
      <c r="B47389" s="1" t="s">
        <v>160911</v>
      </c>
      <c r="C47389" s="1" t="s">
        <v>170</v>
      </c>
      <c r="D47389" s="1" t="s">
        <v>1620</v>
      </c>
      <c r="E47389" s="1" t="s">
        <v>161114</v>
      </c>
      <c r="F47389" s="1" t="s">
        <v>161115</v>
      </c>
      <c r="G47389" s="1" t="s">
        <v>161014</v>
      </c>
      <c r="H47389" s="1" t="s">
        <v>161015</v>
      </c>
      <c r="I47389" s="1" t="s">
        <v>160916</v>
      </c>
      <c r="J47389" s="1" t="s">
        <v>161116</v>
      </c>
    </row>
    <row r="47390" spans="1:10" x14ac:dyDescent="0.35">
      <c r="A47390" s="1" t="s">
        <v>51492</v>
      </c>
      <c r="B47390" s="1" t="s">
        <v>160911</v>
      </c>
      <c r="C47390" s="1" t="s">
        <v>8</v>
      </c>
      <c r="D47390" s="1" t="s">
        <v>161117</v>
      </c>
      <c r="E47390" s="1" t="s">
        <v>161118</v>
      </c>
      <c r="F47390" s="1" t="s">
        <v>161119</v>
      </c>
      <c r="G47390" s="1" t="s">
        <v>161120</v>
      </c>
      <c r="H47390" s="1" t="s">
        <v>161121</v>
      </c>
      <c r="I47390" s="1" t="s">
        <v>160916</v>
      </c>
      <c r="J47390" s="1" t="s">
        <v>13</v>
      </c>
    </row>
    <row r="47391" spans="1:10" x14ac:dyDescent="0.35">
      <c r="A47391" s="1" t="s">
        <v>51492</v>
      </c>
      <c r="B47391" s="1" t="s">
        <v>160911</v>
      </c>
      <c r="C47391" s="1" t="s">
        <v>15</v>
      </c>
      <c r="D47391" s="1" t="s">
        <v>161122</v>
      </c>
      <c r="E47391" s="1" t="s">
        <v>161123</v>
      </c>
      <c r="F47391" s="1" t="s">
        <v>161124</v>
      </c>
      <c r="G47391" s="1" t="s">
        <v>161120</v>
      </c>
      <c r="H47391" s="1" t="s">
        <v>161121</v>
      </c>
      <c r="I47391" s="1" t="s">
        <v>160916</v>
      </c>
      <c r="J47391" s="1" t="s">
        <v>161125</v>
      </c>
    </row>
    <row r="47392" spans="1:10" x14ac:dyDescent="0.35">
      <c r="A47392" s="1" t="s">
        <v>51492</v>
      </c>
      <c r="B47392" s="1" t="s">
        <v>160911</v>
      </c>
      <c r="C47392" s="1" t="s">
        <v>20</v>
      </c>
      <c r="D47392" s="1" t="s">
        <v>161126</v>
      </c>
      <c r="E47392" s="1" t="s">
        <v>161127</v>
      </c>
      <c r="F47392" s="1" t="s">
        <v>161128</v>
      </c>
      <c r="G47392" s="1" t="s">
        <v>161120</v>
      </c>
      <c r="H47392" s="1" t="s">
        <v>161121</v>
      </c>
      <c r="I47392" s="1" t="s">
        <v>160916</v>
      </c>
      <c r="J47392" s="1" t="s">
        <v>161129</v>
      </c>
    </row>
    <row r="47393" spans="1:10" x14ac:dyDescent="0.35">
      <c r="A47393" s="1" t="s">
        <v>51492</v>
      </c>
      <c r="B47393" s="1" t="s">
        <v>160911</v>
      </c>
      <c r="C47393" s="1" t="s">
        <v>25</v>
      </c>
      <c r="D47393" s="1" t="s">
        <v>161130</v>
      </c>
      <c r="E47393" s="1" t="s">
        <v>161131</v>
      </c>
      <c r="F47393" s="1" t="s">
        <v>161132</v>
      </c>
      <c r="G47393" s="1" t="s">
        <v>161120</v>
      </c>
      <c r="H47393" s="1" t="s">
        <v>161121</v>
      </c>
      <c r="I47393" s="1" t="s">
        <v>160916</v>
      </c>
      <c r="J47393" s="1" t="s">
        <v>161133</v>
      </c>
    </row>
    <row r="47394" spans="1:10" x14ac:dyDescent="0.35">
      <c r="A47394" s="1" t="s">
        <v>51492</v>
      </c>
      <c r="B47394" s="1" t="s">
        <v>160911</v>
      </c>
      <c r="C47394" s="1" t="s">
        <v>30</v>
      </c>
      <c r="D47394" s="1" t="s">
        <v>71849</v>
      </c>
      <c r="E47394" s="1" t="s">
        <v>161134</v>
      </c>
      <c r="F47394" s="1" t="s">
        <v>161135</v>
      </c>
      <c r="G47394" s="1" t="s">
        <v>161120</v>
      </c>
      <c r="H47394" s="1" t="s">
        <v>161121</v>
      </c>
      <c r="I47394" s="1" t="s">
        <v>160916</v>
      </c>
      <c r="J47394" s="1" t="s">
        <v>161136</v>
      </c>
    </row>
    <row r="47395" spans="1:10" x14ac:dyDescent="0.35">
      <c r="A47395" s="1" t="s">
        <v>51492</v>
      </c>
      <c r="B47395" s="1" t="s">
        <v>160911</v>
      </c>
      <c r="C47395" s="1" t="s">
        <v>35</v>
      </c>
      <c r="D47395" s="1" t="s">
        <v>109835</v>
      </c>
      <c r="E47395" s="1" t="s">
        <v>161137</v>
      </c>
      <c r="F47395" s="1" t="s">
        <v>161138</v>
      </c>
      <c r="G47395" s="1" t="s">
        <v>161120</v>
      </c>
      <c r="H47395" s="1" t="s">
        <v>161121</v>
      </c>
      <c r="I47395" s="1" t="s">
        <v>160916</v>
      </c>
      <c r="J47395" s="1" t="s">
        <v>161139</v>
      </c>
    </row>
    <row r="47396" spans="1:10" x14ac:dyDescent="0.35">
      <c r="A47396" s="1" t="s">
        <v>51492</v>
      </c>
      <c r="B47396" s="1" t="s">
        <v>160911</v>
      </c>
      <c r="C47396" s="1" t="s">
        <v>40</v>
      </c>
      <c r="D47396" s="1" t="s">
        <v>28620</v>
      </c>
      <c r="E47396" s="1" t="s">
        <v>161140</v>
      </c>
      <c r="F47396" s="1" t="s">
        <v>161141</v>
      </c>
      <c r="G47396" s="1" t="s">
        <v>161120</v>
      </c>
      <c r="H47396" s="1" t="s">
        <v>161121</v>
      </c>
      <c r="I47396" s="1" t="s">
        <v>160916</v>
      </c>
      <c r="J47396" s="1" t="s">
        <v>161142</v>
      </c>
    </row>
    <row r="47397" spans="1:10" x14ac:dyDescent="0.35">
      <c r="A47397" s="1" t="s">
        <v>51492</v>
      </c>
      <c r="B47397" s="1" t="s">
        <v>160911</v>
      </c>
      <c r="C47397" s="1" t="s">
        <v>45</v>
      </c>
      <c r="D47397" s="1" t="s">
        <v>14541</v>
      </c>
      <c r="E47397" s="1" t="s">
        <v>161143</v>
      </c>
      <c r="F47397" s="1" t="s">
        <v>161144</v>
      </c>
      <c r="G47397" s="1" t="s">
        <v>161120</v>
      </c>
      <c r="H47397" s="1" t="s">
        <v>161121</v>
      </c>
      <c r="I47397" s="1" t="s">
        <v>160916</v>
      </c>
      <c r="J47397" s="1" t="s">
        <v>161145</v>
      </c>
    </row>
    <row r="47398" spans="1:10" x14ac:dyDescent="0.35">
      <c r="A47398" s="1" t="s">
        <v>51492</v>
      </c>
      <c r="B47398" s="1" t="s">
        <v>160911</v>
      </c>
      <c r="C47398" s="1" t="s">
        <v>50</v>
      </c>
      <c r="D47398" s="1" t="s">
        <v>161146</v>
      </c>
      <c r="E47398" s="1" t="s">
        <v>161147</v>
      </c>
      <c r="F47398" s="1" t="s">
        <v>161148</v>
      </c>
      <c r="G47398" s="1" t="s">
        <v>161120</v>
      </c>
      <c r="H47398" s="1" t="s">
        <v>161121</v>
      </c>
      <c r="I47398" s="1" t="s">
        <v>160916</v>
      </c>
      <c r="J47398" s="1" t="s">
        <v>161149</v>
      </c>
    </row>
    <row r="47399" spans="1:10" x14ac:dyDescent="0.35">
      <c r="A47399" s="1" t="s">
        <v>51492</v>
      </c>
      <c r="B47399" s="1" t="s">
        <v>160911</v>
      </c>
      <c r="C47399" s="1" t="s">
        <v>55</v>
      </c>
      <c r="D47399" s="1" t="s">
        <v>142514</v>
      </c>
      <c r="E47399" s="1" t="s">
        <v>161150</v>
      </c>
      <c r="F47399" s="1" t="s">
        <v>161151</v>
      </c>
      <c r="G47399" s="1" t="s">
        <v>161120</v>
      </c>
      <c r="H47399" s="1" t="s">
        <v>161121</v>
      </c>
      <c r="I47399" s="1" t="s">
        <v>160916</v>
      </c>
      <c r="J47399" s="1" t="s">
        <v>161152</v>
      </c>
    </row>
    <row r="47400" spans="1:10" x14ac:dyDescent="0.35">
      <c r="A47400" s="1" t="s">
        <v>51492</v>
      </c>
      <c r="B47400" s="1" t="s">
        <v>160911</v>
      </c>
      <c r="C47400" s="1" t="s">
        <v>60</v>
      </c>
      <c r="D47400" s="1" t="s">
        <v>161153</v>
      </c>
      <c r="E47400" s="1" t="s">
        <v>161154</v>
      </c>
      <c r="F47400" s="1" t="s">
        <v>161155</v>
      </c>
      <c r="G47400" s="1" t="s">
        <v>161120</v>
      </c>
      <c r="H47400" s="1" t="s">
        <v>161121</v>
      </c>
      <c r="I47400" s="1" t="s">
        <v>160916</v>
      </c>
      <c r="J47400" s="1" t="s">
        <v>161156</v>
      </c>
    </row>
    <row r="47401" spans="1:10" x14ac:dyDescent="0.35">
      <c r="A47401" s="1" t="s">
        <v>51492</v>
      </c>
      <c r="B47401" s="1" t="s">
        <v>160911</v>
      </c>
      <c r="C47401" s="1" t="s">
        <v>65</v>
      </c>
      <c r="D47401" s="1" t="s">
        <v>112691</v>
      </c>
      <c r="E47401" s="1" t="s">
        <v>161157</v>
      </c>
      <c r="F47401" s="1" t="s">
        <v>161158</v>
      </c>
      <c r="G47401" s="1" t="s">
        <v>161120</v>
      </c>
      <c r="H47401" s="1" t="s">
        <v>161121</v>
      </c>
      <c r="I47401" s="1" t="s">
        <v>160916</v>
      </c>
      <c r="J47401" s="1" t="s">
        <v>161159</v>
      </c>
    </row>
    <row r="47402" spans="1:10" x14ac:dyDescent="0.35">
      <c r="A47402" s="1" t="s">
        <v>51492</v>
      </c>
      <c r="B47402" s="1" t="s">
        <v>160911</v>
      </c>
      <c r="C47402" s="1" t="s">
        <v>70</v>
      </c>
      <c r="D47402" s="1" t="s">
        <v>14510</v>
      </c>
      <c r="E47402" s="1" t="s">
        <v>161160</v>
      </c>
      <c r="F47402" s="1" t="s">
        <v>161161</v>
      </c>
      <c r="G47402" s="1" t="s">
        <v>161120</v>
      </c>
      <c r="H47402" s="1" t="s">
        <v>161121</v>
      </c>
      <c r="I47402" s="1" t="s">
        <v>160916</v>
      </c>
      <c r="J47402" s="1" t="s">
        <v>161162</v>
      </c>
    </row>
    <row r="47403" spans="1:10" x14ac:dyDescent="0.35">
      <c r="A47403" s="1" t="s">
        <v>51492</v>
      </c>
      <c r="B47403" s="1" t="s">
        <v>160911</v>
      </c>
      <c r="C47403" s="1" t="s">
        <v>75</v>
      </c>
      <c r="D47403" s="1" t="s">
        <v>37714</v>
      </c>
      <c r="E47403" s="1" t="s">
        <v>161163</v>
      </c>
      <c r="F47403" s="1" t="s">
        <v>161164</v>
      </c>
      <c r="G47403" s="1" t="s">
        <v>161120</v>
      </c>
      <c r="H47403" s="1" t="s">
        <v>161121</v>
      </c>
      <c r="I47403" s="1" t="s">
        <v>160916</v>
      </c>
      <c r="J47403" s="1" t="s">
        <v>161165</v>
      </c>
    </row>
    <row r="47404" spans="1:10" x14ac:dyDescent="0.35">
      <c r="A47404" s="1" t="s">
        <v>51492</v>
      </c>
      <c r="B47404" s="1" t="s">
        <v>160911</v>
      </c>
      <c r="C47404" s="1" t="s">
        <v>80</v>
      </c>
      <c r="D47404" s="1" t="s">
        <v>356</v>
      </c>
      <c r="E47404" s="1" t="s">
        <v>161166</v>
      </c>
      <c r="F47404" s="1" t="s">
        <v>161167</v>
      </c>
      <c r="G47404" s="1" t="s">
        <v>161120</v>
      </c>
      <c r="H47404" s="1" t="s">
        <v>161121</v>
      </c>
      <c r="I47404" s="1" t="s">
        <v>160916</v>
      </c>
      <c r="J47404" s="1" t="s">
        <v>13804</v>
      </c>
    </row>
    <row r="47405" spans="1:10" x14ac:dyDescent="0.35">
      <c r="A47405" s="1" t="s">
        <v>51492</v>
      </c>
      <c r="B47405" s="1" t="s">
        <v>160911</v>
      </c>
      <c r="C47405" s="1" t="s">
        <v>85</v>
      </c>
      <c r="D47405" s="1" t="s">
        <v>49112</v>
      </c>
      <c r="E47405" s="1" t="s">
        <v>161168</v>
      </c>
      <c r="F47405" s="1" t="s">
        <v>161169</v>
      </c>
      <c r="G47405" s="1" t="s">
        <v>161120</v>
      </c>
      <c r="H47405" s="1" t="s">
        <v>161121</v>
      </c>
      <c r="I47405" s="1" t="s">
        <v>160916</v>
      </c>
      <c r="J47405" s="1" t="s">
        <v>161170</v>
      </c>
    </row>
    <row r="47406" spans="1:10" x14ac:dyDescent="0.35">
      <c r="A47406" s="1" t="s">
        <v>51492</v>
      </c>
      <c r="B47406" s="1" t="s">
        <v>160911</v>
      </c>
      <c r="C47406" s="1" t="s">
        <v>90</v>
      </c>
      <c r="D47406" s="1" t="s">
        <v>161117</v>
      </c>
      <c r="E47406" s="1" t="s">
        <v>161171</v>
      </c>
      <c r="F47406" s="1" t="s">
        <v>161172</v>
      </c>
      <c r="G47406" s="1" t="s">
        <v>161120</v>
      </c>
      <c r="H47406" s="1" t="s">
        <v>161121</v>
      </c>
      <c r="I47406" s="1" t="s">
        <v>160916</v>
      </c>
      <c r="J47406" s="1" t="s">
        <v>161173</v>
      </c>
    </row>
    <row r="47407" spans="1:10" x14ac:dyDescent="0.35">
      <c r="A47407" s="1" t="s">
        <v>51492</v>
      </c>
      <c r="B47407" s="1" t="s">
        <v>160911</v>
      </c>
      <c r="C47407" s="1" t="s">
        <v>95</v>
      </c>
      <c r="D47407" s="1" t="s">
        <v>161174</v>
      </c>
      <c r="E47407" s="1" t="s">
        <v>161175</v>
      </c>
      <c r="F47407" s="1" t="s">
        <v>161176</v>
      </c>
      <c r="G47407" s="1" t="s">
        <v>161120</v>
      </c>
      <c r="H47407" s="1" t="s">
        <v>161121</v>
      </c>
      <c r="I47407" s="1" t="s">
        <v>160916</v>
      </c>
      <c r="J47407" s="1" t="s">
        <v>161177</v>
      </c>
    </row>
    <row r="47408" spans="1:10" x14ac:dyDescent="0.35">
      <c r="A47408" s="1" t="s">
        <v>51492</v>
      </c>
      <c r="B47408" s="1" t="s">
        <v>160911</v>
      </c>
      <c r="C47408" s="1" t="s">
        <v>100</v>
      </c>
      <c r="D47408" s="1" t="s">
        <v>144129</v>
      </c>
      <c r="E47408" s="1" t="s">
        <v>161178</v>
      </c>
      <c r="F47408" s="1" t="s">
        <v>161179</v>
      </c>
      <c r="G47408" s="1" t="s">
        <v>161120</v>
      </c>
      <c r="H47408" s="1" t="s">
        <v>161121</v>
      </c>
      <c r="I47408" s="1" t="s">
        <v>160916</v>
      </c>
      <c r="J47408" s="1" t="s">
        <v>161180</v>
      </c>
    </row>
    <row r="47409" spans="1:10" x14ac:dyDescent="0.35">
      <c r="A47409" s="1" t="s">
        <v>51492</v>
      </c>
      <c r="B47409" s="1" t="s">
        <v>160911</v>
      </c>
      <c r="C47409" s="1" t="s">
        <v>105</v>
      </c>
      <c r="D47409" s="1" t="s">
        <v>29231</v>
      </c>
      <c r="E47409" s="1" t="s">
        <v>161181</v>
      </c>
      <c r="F47409" s="1" t="s">
        <v>161182</v>
      </c>
      <c r="G47409" s="1" t="s">
        <v>161120</v>
      </c>
      <c r="H47409" s="1" t="s">
        <v>161121</v>
      </c>
      <c r="I47409" s="1" t="s">
        <v>160916</v>
      </c>
      <c r="J47409" s="1" t="s">
        <v>161183</v>
      </c>
    </row>
    <row r="47410" spans="1:10" x14ac:dyDescent="0.35">
      <c r="A47410" s="1" t="s">
        <v>51492</v>
      </c>
      <c r="B47410" s="1" t="s">
        <v>160911</v>
      </c>
      <c r="C47410" s="1" t="s">
        <v>110</v>
      </c>
      <c r="D47410" s="1" t="s">
        <v>75356</v>
      </c>
      <c r="E47410" s="1" t="s">
        <v>161184</v>
      </c>
      <c r="F47410" s="1" t="s">
        <v>161185</v>
      </c>
      <c r="G47410" s="1" t="s">
        <v>161120</v>
      </c>
      <c r="H47410" s="1" t="s">
        <v>161121</v>
      </c>
      <c r="I47410" s="1" t="s">
        <v>160916</v>
      </c>
      <c r="J47410" s="1" t="s">
        <v>161186</v>
      </c>
    </row>
    <row r="47411" spans="1:10" x14ac:dyDescent="0.35">
      <c r="A47411" s="1" t="s">
        <v>51492</v>
      </c>
      <c r="B47411" s="1" t="s">
        <v>160911</v>
      </c>
      <c r="C47411" s="1" t="s">
        <v>115</v>
      </c>
      <c r="D47411" s="1" t="s">
        <v>48630</v>
      </c>
      <c r="E47411" s="1" t="s">
        <v>161187</v>
      </c>
      <c r="F47411" s="1" t="s">
        <v>161188</v>
      </c>
      <c r="G47411" s="1" t="s">
        <v>161120</v>
      </c>
      <c r="H47411" s="1" t="s">
        <v>161121</v>
      </c>
      <c r="I47411" s="1" t="s">
        <v>160916</v>
      </c>
      <c r="J47411" s="1" t="s">
        <v>161189</v>
      </c>
    </row>
    <row r="47412" spans="1:10" x14ac:dyDescent="0.35">
      <c r="A47412" s="1" t="s">
        <v>51492</v>
      </c>
      <c r="B47412" s="1" t="s">
        <v>160911</v>
      </c>
      <c r="C47412" s="1" t="s">
        <v>120</v>
      </c>
      <c r="D47412" s="1" t="s">
        <v>161190</v>
      </c>
      <c r="E47412" s="1" t="s">
        <v>161191</v>
      </c>
      <c r="F47412" s="1" t="s">
        <v>161192</v>
      </c>
      <c r="G47412" s="1" t="s">
        <v>161120</v>
      </c>
      <c r="H47412" s="1" t="s">
        <v>161121</v>
      </c>
      <c r="I47412" s="1" t="s">
        <v>160916</v>
      </c>
      <c r="J47412" s="1" t="s">
        <v>161193</v>
      </c>
    </row>
    <row r="47413" spans="1:10" x14ac:dyDescent="0.35">
      <c r="A47413" s="1" t="s">
        <v>51492</v>
      </c>
      <c r="B47413" s="1" t="s">
        <v>160911</v>
      </c>
      <c r="C47413" s="1" t="s">
        <v>125</v>
      </c>
      <c r="D47413" s="1" t="s">
        <v>104564</v>
      </c>
      <c r="E47413" s="1" t="s">
        <v>161194</v>
      </c>
      <c r="F47413" s="1" t="s">
        <v>161195</v>
      </c>
      <c r="G47413" s="1" t="s">
        <v>161120</v>
      </c>
      <c r="H47413" s="1" t="s">
        <v>161121</v>
      </c>
      <c r="I47413" s="1" t="s">
        <v>160916</v>
      </c>
      <c r="J47413" s="1" t="s">
        <v>161196</v>
      </c>
    </row>
    <row r="47414" spans="1:10" x14ac:dyDescent="0.35">
      <c r="A47414" s="1" t="s">
        <v>51492</v>
      </c>
      <c r="B47414" s="1" t="s">
        <v>160911</v>
      </c>
      <c r="C47414" s="1" t="s">
        <v>130</v>
      </c>
      <c r="D47414" s="1" t="s">
        <v>37344</v>
      </c>
      <c r="E47414" s="1" t="s">
        <v>161197</v>
      </c>
      <c r="F47414" s="1" t="s">
        <v>161198</v>
      </c>
      <c r="G47414" s="1" t="s">
        <v>161120</v>
      </c>
      <c r="H47414" s="1" t="s">
        <v>161121</v>
      </c>
      <c r="I47414" s="1" t="s">
        <v>160916</v>
      </c>
      <c r="J47414" s="1" t="s">
        <v>161199</v>
      </c>
    </row>
    <row r="47415" spans="1:10" x14ac:dyDescent="0.35">
      <c r="A47415" s="1" t="s">
        <v>51492</v>
      </c>
      <c r="B47415" s="1" t="s">
        <v>160911</v>
      </c>
      <c r="C47415" s="1" t="s">
        <v>135</v>
      </c>
      <c r="D47415" s="1" t="s">
        <v>70858</v>
      </c>
      <c r="E47415" s="1" t="s">
        <v>161200</v>
      </c>
      <c r="F47415" s="1" t="s">
        <v>161201</v>
      </c>
      <c r="G47415" s="1" t="s">
        <v>161120</v>
      </c>
      <c r="H47415" s="1" t="s">
        <v>161121</v>
      </c>
      <c r="I47415" s="1" t="s">
        <v>160916</v>
      </c>
      <c r="J47415" s="1" t="s">
        <v>161202</v>
      </c>
    </row>
    <row r="47416" spans="1:10" x14ac:dyDescent="0.35">
      <c r="A47416" s="1" t="s">
        <v>51492</v>
      </c>
      <c r="B47416" s="1" t="s">
        <v>160911</v>
      </c>
      <c r="C47416" s="1" t="s">
        <v>140</v>
      </c>
      <c r="D47416" s="1" t="s">
        <v>144192</v>
      </c>
      <c r="E47416" s="1" t="s">
        <v>161203</v>
      </c>
      <c r="F47416" s="1" t="s">
        <v>161204</v>
      </c>
      <c r="G47416" s="1" t="s">
        <v>161120</v>
      </c>
      <c r="H47416" s="1" t="s">
        <v>161121</v>
      </c>
      <c r="I47416" s="1" t="s">
        <v>160916</v>
      </c>
      <c r="J47416" s="1" t="s">
        <v>161205</v>
      </c>
    </row>
    <row r="47417" spans="1:10" x14ac:dyDescent="0.35">
      <c r="A47417" s="1" t="s">
        <v>51492</v>
      </c>
      <c r="B47417" s="1" t="s">
        <v>160911</v>
      </c>
      <c r="C47417" s="1" t="s">
        <v>145</v>
      </c>
      <c r="D47417" s="1" t="s">
        <v>5766</v>
      </c>
      <c r="E47417" s="1" t="s">
        <v>161206</v>
      </c>
      <c r="F47417" s="1" t="s">
        <v>161207</v>
      </c>
      <c r="G47417" s="1" t="s">
        <v>161120</v>
      </c>
      <c r="H47417" s="1" t="s">
        <v>161121</v>
      </c>
      <c r="I47417" s="1" t="s">
        <v>160916</v>
      </c>
      <c r="J47417" s="1" t="s">
        <v>161208</v>
      </c>
    </row>
    <row r="47418" spans="1:10" x14ac:dyDescent="0.35">
      <c r="A47418" s="1" t="s">
        <v>51492</v>
      </c>
      <c r="B47418" s="1" t="s">
        <v>160911</v>
      </c>
      <c r="C47418" s="1" t="s">
        <v>150</v>
      </c>
      <c r="D47418" s="1" t="s">
        <v>35686</v>
      </c>
      <c r="E47418" s="1" t="s">
        <v>161209</v>
      </c>
      <c r="F47418" s="1" t="s">
        <v>161210</v>
      </c>
      <c r="G47418" s="1" t="s">
        <v>161120</v>
      </c>
      <c r="H47418" s="1" t="s">
        <v>161121</v>
      </c>
      <c r="I47418" s="1" t="s">
        <v>160916</v>
      </c>
      <c r="J47418" s="1" t="s">
        <v>161211</v>
      </c>
    </row>
    <row r="47419" spans="1:10" x14ac:dyDescent="0.35">
      <c r="A47419" s="1" t="s">
        <v>51492</v>
      </c>
      <c r="B47419" s="1" t="s">
        <v>160911</v>
      </c>
      <c r="C47419" s="1" t="s">
        <v>155</v>
      </c>
      <c r="D47419" s="1" t="s">
        <v>38787</v>
      </c>
      <c r="E47419" s="1" t="s">
        <v>161212</v>
      </c>
      <c r="F47419" s="1" t="s">
        <v>161213</v>
      </c>
      <c r="G47419" s="1" t="s">
        <v>161120</v>
      </c>
      <c r="H47419" s="1" t="s">
        <v>161121</v>
      </c>
      <c r="I47419" s="1" t="s">
        <v>160916</v>
      </c>
      <c r="J47419" s="1" t="s">
        <v>161214</v>
      </c>
    </row>
    <row r="47420" spans="1:10" x14ac:dyDescent="0.35">
      <c r="A47420" s="1" t="s">
        <v>51492</v>
      </c>
      <c r="B47420" s="1" t="s">
        <v>160911</v>
      </c>
      <c r="C47420" s="1" t="s">
        <v>160</v>
      </c>
      <c r="D47420" s="1" t="s">
        <v>74754</v>
      </c>
      <c r="E47420" s="1" t="s">
        <v>161215</v>
      </c>
      <c r="F47420" s="1" t="s">
        <v>161216</v>
      </c>
      <c r="G47420" s="1" t="s">
        <v>161120</v>
      </c>
      <c r="H47420" s="1" t="s">
        <v>161121</v>
      </c>
      <c r="I47420" s="1" t="s">
        <v>160916</v>
      </c>
      <c r="J47420" s="1" t="s">
        <v>161217</v>
      </c>
    </row>
    <row r="47421" spans="1:10" x14ac:dyDescent="0.35">
      <c r="A47421" s="1" t="s">
        <v>51492</v>
      </c>
      <c r="B47421" s="1" t="s">
        <v>160911</v>
      </c>
      <c r="C47421" s="1" t="s">
        <v>165</v>
      </c>
      <c r="D47421" s="1" t="s">
        <v>5103</v>
      </c>
      <c r="E47421" s="1" t="s">
        <v>161218</v>
      </c>
      <c r="F47421" s="1" t="s">
        <v>161219</v>
      </c>
      <c r="G47421" s="1" t="s">
        <v>161120</v>
      </c>
      <c r="H47421" s="1" t="s">
        <v>161121</v>
      </c>
      <c r="I47421" s="1" t="s">
        <v>160916</v>
      </c>
      <c r="J47421" s="1" t="s">
        <v>161220</v>
      </c>
    </row>
    <row r="47422" spans="1:10" x14ac:dyDescent="0.35">
      <c r="A47422" s="1" t="s">
        <v>51492</v>
      </c>
      <c r="B47422" s="1" t="s">
        <v>160911</v>
      </c>
      <c r="C47422" s="1" t="s">
        <v>170</v>
      </c>
      <c r="D47422" s="1" t="s">
        <v>161221</v>
      </c>
      <c r="E47422" s="1" t="s">
        <v>161222</v>
      </c>
      <c r="F47422" s="1" t="s">
        <v>161223</v>
      </c>
      <c r="G47422" s="1" t="s">
        <v>161120</v>
      </c>
      <c r="H47422" s="1" t="s">
        <v>161121</v>
      </c>
      <c r="I47422" s="1" t="s">
        <v>160916</v>
      </c>
      <c r="J47422" s="1" t="s">
        <v>161224</v>
      </c>
    </row>
    <row r="47423" spans="1:10" x14ac:dyDescent="0.35">
      <c r="A47423" s="1" t="s">
        <v>6421</v>
      </c>
      <c r="B47423" s="1" t="s">
        <v>160911</v>
      </c>
      <c r="C47423" s="1" t="s">
        <v>8</v>
      </c>
      <c r="D47423" s="1" t="s">
        <v>104182</v>
      </c>
      <c r="E47423" s="1" t="s">
        <v>161225</v>
      </c>
      <c r="F47423" s="1" t="s">
        <v>161226</v>
      </c>
      <c r="G47423" s="1" t="s">
        <v>161227</v>
      </c>
      <c r="H47423" s="1" t="s">
        <v>161228</v>
      </c>
      <c r="I47423" s="1" t="s">
        <v>160916</v>
      </c>
      <c r="J47423" s="1" t="s">
        <v>13</v>
      </c>
    </row>
    <row r="47424" spans="1:10" x14ac:dyDescent="0.35">
      <c r="A47424" s="1" t="s">
        <v>6421</v>
      </c>
      <c r="B47424" s="1" t="s">
        <v>160911</v>
      </c>
      <c r="C47424" s="1" t="s">
        <v>15</v>
      </c>
      <c r="D47424" s="1" t="s">
        <v>26008</v>
      </c>
      <c r="E47424" s="1" t="s">
        <v>161229</v>
      </c>
      <c r="F47424" s="1" t="s">
        <v>161230</v>
      </c>
      <c r="G47424" s="1" t="s">
        <v>161227</v>
      </c>
      <c r="H47424" s="1" t="s">
        <v>161228</v>
      </c>
      <c r="I47424" s="1" t="s">
        <v>160916</v>
      </c>
      <c r="J47424" s="1" t="s">
        <v>161231</v>
      </c>
    </row>
    <row r="47425" spans="1:10" x14ac:dyDescent="0.35">
      <c r="A47425" s="1" t="s">
        <v>6421</v>
      </c>
      <c r="B47425" s="1" t="s">
        <v>160911</v>
      </c>
      <c r="C47425" s="1" t="s">
        <v>20</v>
      </c>
      <c r="D47425" s="1" t="s">
        <v>145944</v>
      </c>
      <c r="E47425" s="1" t="s">
        <v>161232</v>
      </c>
      <c r="F47425" s="1" t="s">
        <v>161233</v>
      </c>
      <c r="G47425" s="1" t="s">
        <v>161227</v>
      </c>
      <c r="H47425" s="1" t="s">
        <v>161228</v>
      </c>
      <c r="I47425" s="1" t="s">
        <v>160916</v>
      </c>
      <c r="J47425" s="1" t="s">
        <v>161234</v>
      </c>
    </row>
    <row r="47426" spans="1:10" x14ac:dyDescent="0.35">
      <c r="A47426" s="1" t="s">
        <v>6421</v>
      </c>
      <c r="B47426" s="1" t="s">
        <v>160911</v>
      </c>
      <c r="C47426" s="1" t="s">
        <v>25</v>
      </c>
      <c r="D47426" s="1" t="s">
        <v>10126</v>
      </c>
      <c r="E47426" s="1" t="s">
        <v>161235</v>
      </c>
      <c r="F47426" s="1" t="s">
        <v>161236</v>
      </c>
      <c r="G47426" s="1" t="s">
        <v>161227</v>
      </c>
      <c r="H47426" s="1" t="s">
        <v>161228</v>
      </c>
      <c r="I47426" s="1" t="s">
        <v>160916</v>
      </c>
      <c r="J47426" s="1" t="s">
        <v>161237</v>
      </c>
    </row>
    <row r="47427" spans="1:10" x14ac:dyDescent="0.35">
      <c r="A47427" s="1" t="s">
        <v>6421</v>
      </c>
      <c r="B47427" s="1" t="s">
        <v>160911</v>
      </c>
      <c r="C47427" s="1" t="s">
        <v>30</v>
      </c>
      <c r="D47427" s="1" t="s">
        <v>161238</v>
      </c>
      <c r="E47427" s="1" t="s">
        <v>161239</v>
      </c>
      <c r="F47427" s="1" t="s">
        <v>161240</v>
      </c>
      <c r="G47427" s="1" t="s">
        <v>161227</v>
      </c>
      <c r="H47427" s="1" t="s">
        <v>161228</v>
      </c>
      <c r="I47427" s="1" t="s">
        <v>160916</v>
      </c>
      <c r="J47427" s="1" t="s">
        <v>161241</v>
      </c>
    </row>
    <row r="47428" spans="1:10" x14ac:dyDescent="0.35">
      <c r="A47428" s="1" t="s">
        <v>6421</v>
      </c>
      <c r="B47428" s="1" t="s">
        <v>160911</v>
      </c>
      <c r="C47428" s="1" t="s">
        <v>35</v>
      </c>
      <c r="D47428" s="1" t="s">
        <v>6858</v>
      </c>
      <c r="E47428" s="1" t="s">
        <v>161242</v>
      </c>
      <c r="F47428" s="1" t="s">
        <v>161243</v>
      </c>
      <c r="G47428" s="1" t="s">
        <v>161227</v>
      </c>
      <c r="H47428" s="1" t="s">
        <v>161228</v>
      </c>
      <c r="I47428" s="1" t="s">
        <v>160916</v>
      </c>
      <c r="J47428" s="1" t="s">
        <v>161244</v>
      </c>
    </row>
    <row r="47429" spans="1:10" x14ac:dyDescent="0.35">
      <c r="A47429" s="1" t="s">
        <v>6421</v>
      </c>
      <c r="B47429" s="1" t="s">
        <v>160911</v>
      </c>
      <c r="C47429" s="1" t="s">
        <v>40</v>
      </c>
      <c r="D47429" s="1" t="s">
        <v>27882</v>
      </c>
      <c r="E47429" s="1" t="s">
        <v>161245</v>
      </c>
      <c r="F47429" s="1" t="s">
        <v>161246</v>
      </c>
      <c r="G47429" s="1" t="s">
        <v>161227</v>
      </c>
      <c r="H47429" s="1" t="s">
        <v>161228</v>
      </c>
      <c r="I47429" s="1" t="s">
        <v>160916</v>
      </c>
      <c r="J47429" s="1" t="s">
        <v>161247</v>
      </c>
    </row>
    <row r="47430" spans="1:10" x14ac:dyDescent="0.35">
      <c r="A47430" s="1" t="s">
        <v>6421</v>
      </c>
      <c r="B47430" s="1" t="s">
        <v>160911</v>
      </c>
      <c r="C47430" s="1" t="s">
        <v>45</v>
      </c>
      <c r="D47430" s="1" t="s">
        <v>161248</v>
      </c>
      <c r="E47430" s="1" t="s">
        <v>161249</v>
      </c>
      <c r="F47430" s="1" t="s">
        <v>161250</v>
      </c>
      <c r="G47430" s="1" t="s">
        <v>161227</v>
      </c>
      <c r="H47430" s="1" t="s">
        <v>161228</v>
      </c>
      <c r="I47430" s="1" t="s">
        <v>160916</v>
      </c>
      <c r="J47430" s="1" t="s">
        <v>161251</v>
      </c>
    </row>
    <row r="47431" spans="1:10" x14ac:dyDescent="0.35">
      <c r="A47431" s="1" t="s">
        <v>6421</v>
      </c>
      <c r="B47431" s="1" t="s">
        <v>160911</v>
      </c>
      <c r="C47431" s="1" t="s">
        <v>50</v>
      </c>
      <c r="D47431" s="1" t="s">
        <v>6936</v>
      </c>
      <c r="E47431" s="1" t="s">
        <v>161252</v>
      </c>
      <c r="F47431" s="1" t="s">
        <v>161253</v>
      </c>
      <c r="G47431" s="1" t="s">
        <v>161227</v>
      </c>
      <c r="H47431" s="1" t="s">
        <v>161228</v>
      </c>
      <c r="I47431" s="1" t="s">
        <v>160916</v>
      </c>
      <c r="J47431" s="1" t="s">
        <v>161254</v>
      </c>
    </row>
    <row r="47432" spans="1:10" x14ac:dyDescent="0.35">
      <c r="A47432" s="1" t="s">
        <v>6421</v>
      </c>
      <c r="B47432" s="1" t="s">
        <v>160911</v>
      </c>
      <c r="C47432" s="1" t="s">
        <v>55</v>
      </c>
      <c r="D47432" s="1" t="s">
        <v>116154</v>
      </c>
      <c r="E47432" s="1" t="s">
        <v>161255</v>
      </c>
      <c r="F47432" s="1" t="s">
        <v>161256</v>
      </c>
      <c r="G47432" s="1" t="s">
        <v>161227</v>
      </c>
      <c r="H47432" s="1" t="s">
        <v>161228</v>
      </c>
      <c r="I47432" s="1" t="s">
        <v>160916</v>
      </c>
      <c r="J47432" s="1" t="s">
        <v>161257</v>
      </c>
    </row>
    <row r="47433" spans="1:10" x14ac:dyDescent="0.35">
      <c r="A47433" s="1" t="s">
        <v>6421</v>
      </c>
      <c r="B47433" s="1" t="s">
        <v>160911</v>
      </c>
      <c r="C47433" s="1" t="s">
        <v>60</v>
      </c>
      <c r="D47433" s="1" t="s">
        <v>161258</v>
      </c>
      <c r="E47433" s="1" t="s">
        <v>161259</v>
      </c>
      <c r="F47433" s="1" t="s">
        <v>161260</v>
      </c>
      <c r="G47433" s="1" t="s">
        <v>161227</v>
      </c>
      <c r="H47433" s="1" t="s">
        <v>161228</v>
      </c>
      <c r="I47433" s="1" t="s">
        <v>160916</v>
      </c>
      <c r="J47433" s="1" t="s">
        <v>161261</v>
      </c>
    </row>
    <row r="47434" spans="1:10" x14ac:dyDescent="0.35">
      <c r="A47434" s="1" t="s">
        <v>6421</v>
      </c>
      <c r="B47434" s="1" t="s">
        <v>160911</v>
      </c>
      <c r="C47434" s="1" t="s">
        <v>65</v>
      </c>
      <c r="D47434" s="1" t="s">
        <v>7610</v>
      </c>
      <c r="E47434" s="1" t="s">
        <v>161262</v>
      </c>
      <c r="F47434" s="1" t="s">
        <v>161263</v>
      </c>
      <c r="G47434" s="1" t="s">
        <v>161227</v>
      </c>
      <c r="H47434" s="1" t="s">
        <v>161228</v>
      </c>
      <c r="I47434" s="1" t="s">
        <v>160916</v>
      </c>
      <c r="J47434" s="1" t="s">
        <v>161264</v>
      </c>
    </row>
    <row r="47435" spans="1:10" x14ac:dyDescent="0.35">
      <c r="A47435" s="1" t="s">
        <v>6421</v>
      </c>
      <c r="B47435" s="1" t="s">
        <v>160911</v>
      </c>
      <c r="C47435" s="1" t="s">
        <v>70</v>
      </c>
      <c r="D47435" s="1" t="s">
        <v>161265</v>
      </c>
      <c r="E47435" s="1" t="s">
        <v>161266</v>
      </c>
      <c r="F47435" s="1" t="s">
        <v>161267</v>
      </c>
      <c r="G47435" s="1" t="s">
        <v>161227</v>
      </c>
      <c r="H47435" s="1" t="s">
        <v>161228</v>
      </c>
      <c r="I47435" s="1" t="s">
        <v>160916</v>
      </c>
      <c r="J47435" s="1" t="s">
        <v>161268</v>
      </c>
    </row>
    <row r="47436" spans="1:10" x14ac:dyDescent="0.35">
      <c r="A47436" s="1" t="s">
        <v>6421</v>
      </c>
      <c r="B47436" s="1" t="s">
        <v>160911</v>
      </c>
      <c r="C47436" s="1" t="s">
        <v>75</v>
      </c>
      <c r="D47436" s="1" t="s">
        <v>50785</v>
      </c>
      <c r="E47436" s="1" t="s">
        <v>161269</v>
      </c>
      <c r="F47436" s="1" t="s">
        <v>161270</v>
      </c>
      <c r="G47436" s="1" t="s">
        <v>161227</v>
      </c>
      <c r="H47436" s="1" t="s">
        <v>161228</v>
      </c>
      <c r="I47436" s="1" t="s">
        <v>160916</v>
      </c>
      <c r="J47436" s="1" t="s">
        <v>161271</v>
      </c>
    </row>
    <row r="47437" spans="1:10" x14ac:dyDescent="0.35">
      <c r="A47437" s="1" t="s">
        <v>6421</v>
      </c>
      <c r="B47437" s="1" t="s">
        <v>160911</v>
      </c>
      <c r="C47437" s="1" t="s">
        <v>80</v>
      </c>
      <c r="D47437" s="1" t="s">
        <v>49486</v>
      </c>
      <c r="E47437" s="1" t="s">
        <v>161272</v>
      </c>
      <c r="F47437" s="1" t="s">
        <v>161273</v>
      </c>
      <c r="G47437" s="1" t="s">
        <v>161227</v>
      </c>
      <c r="H47437" s="1" t="s">
        <v>161228</v>
      </c>
      <c r="I47437" s="1" t="s">
        <v>160916</v>
      </c>
      <c r="J47437" s="1" t="s">
        <v>161274</v>
      </c>
    </row>
    <row r="47438" spans="1:10" x14ac:dyDescent="0.35">
      <c r="A47438" s="1" t="s">
        <v>6421</v>
      </c>
      <c r="B47438" s="1" t="s">
        <v>160911</v>
      </c>
      <c r="C47438" s="1" t="s">
        <v>85</v>
      </c>
      <c r="D47438" s="1" t="s">
        <v>74778</v>
      </c>
      <c r="E47438" s="1" t="s">
        <v>161275</v>
      </c>
      <c r="F47438" s="1" t="s">
        <v>161276</v>
      </c>
      <c r="G47438" s="1" t="s">
        <v>161227</v>
      </c>
      <c r="H47438" s="1" t="s">
        <v>161228</v>
      </c>
      <c r="I47438" s="1" t="s">
        <v>160916</v>
      </c>
      <c r="J47438" s="1" t="s">
        <v>161277</v>
      </c>
    </row>
    <row r="47439" spans="1:10" x14ac:dyDescent="0.35">
      <c r="A47439" s="1" t="s">
        <v>6421</v>
      </c>
      <c r="B47439" s="1" t="s">
        <v>160911</v>
      </c>
      <c r="C47439" s="1" t="s">
        <v>90</v>
      </c>
      <c r="D47439" s="1" t="s">
        <v>73095</v>
      </c>
      <c r="E47439" s="1" t="s">
        <v>161278</v>
      </c>
      <c r="F47439" s="1" t="s">
        <v>161279</v>
      </c>
      <c r="G47439" s="1" t="s">
        <v>161227</v>
      </c>
      <c r="H47439" s="1" t="s">
        <v>161228</v>
      </c>
      <c r="I47439" s="1" t="s">
        <v>160916</v>
      </c>
      <c r="J47439" s="1" t="s">
        <v>161280</v>
      </c>
    </row>
    <row r="47440" spans="1:10" x14ac:dyDescent="0.35">
      <c r="A47440" s="1" t="s">
        <v>6421</v>
      </c>
      <c r="B47440" s="1" t="s">
        <v>160911</v>
      </c>
      <c r="C47440" s="1" t="s">
        <v>95</v>
      </c>
      <c r="D47440" s="1" t="s">
        <v>72483</v>
      </c>
      <c r="E47440" s="1" t="s">
        <v>161281</v>
      </c>
      <c r="F47440" s="1" t="s">
        <v>161282</v>
      </c>
      <c r="G47440" s="1" t="s">
        <v>161227</v>
      </c>
      <c r="H47440" s="1" t="s">
        <v>161228</v>
      </c>
      <c r="I47440" s="1" t="s">
        <v>160916</v>
      </c>
      <c r="J47440" s="1" t="s">
        <v>161283</v>
      </c>
    </row>
    <row r="47441" spans="1:10" x14ac:dyDescent="0.35">
      <c r="A47441" s="1" t="s">
        <v>6421</v>
      </c>
      <c r="B47441" s="1" t="s">
        <v>160911</v>
      </c>
      <c r="C47441" s="1" t="s">
        <v>100</v>
      </c>
      <c r="D47441" s="1" t="s">
        <v>15372</v>
      </c>
      <c r="E47441" s="1" t="s">
        <v>161284</v>
      </c>
      <c r="F47441" s="1" t="s">
        <v>161285</v>
      </c>
      <c r="G47441" s="1" t="s">
        <v>161227</v>
      </c>
      <c r="H47441" s="1" t="s">
        <v>161228</v>
      </c>
      <c r="I47441" s="1" t="s">
        <v>160916</v>
      </c>
      <c r="J47441" s="1" t="s">
        <v>161286</v>
      </c>
    </row>
    <row r="47442" spans="1:10" x14ac:dyDescent="0.35">
      <c r="A47442" s="1" t="s">
        <v>6421</v>
      </c>
      <c r="B47442" s="1" t="s">
        <v>160911</v>
      </c>
      <c r="C47442" s="1" t="s">
        <v>105</v>
      </c>
      <c r="D47442" s="1" t="s">
        <v>16128</v>
      </c>
      <c r="E47442" s="1" t="s">
        <v>161287</v>
      </c>
      <c r="F47442" s="1" t="s">
        <v>161288</v>
      </c>
      <c r="G47442" s="1" t="s">
        <v>161227</v>
      </c>
      <c r="H47442" s="1" t="s">
        <v>161228</v>
      </c>
      <c r="I47442" s="1" t="s">
        <v>160916</v>
      </c>
      <c r="J47442" s="1" t="s">
        <v>161289</v>
      </c>
    </row>
    <row r="47443" spans="1:10" x14ac:dyDescent="0.35">
      <c r="A47443" s="1" t="s">
        <v>6421</v>
      </c>
      <c r="B47443" s="1" t="s">
        <v>160911</v>
      </c>
      <c r="C47443" s="1" t="s">
        <v>110</v>
      </c>
      <c r="D47443" s="1" t="s">
        <v>37395</v>
      </c>
      <c r="E47443" s="1" t="s">
        <v>161290</v>
      </c>
      <c r="F47443" s="1" t="s">
        <v>161291</v>
      </c>
      <c r="G47443" s="1" t="s">
        <v>161227</v>
      </c>
      <c r="H47443" s="1" t="s">
        <v>161228</v>
      </c>
      <c r="I47443" s="1" t="s">
        <v>160916</v>
      </c>
      <c r="J47443" s="1" t="s">
        <v>161292</v>
      </c>
    </row>
    <row r="47444" spans="1:10" x14ac:dyDescent="0.35">
      <c r="A47444" s="1" t="s">
        <v>6421</v>
      </c>
      <c r="B47444" s="1" t="s">
        <v>160911</v>
      </c>
      <c r="C47444" s="1" t="s">
        <v>115</v>
      </c>
      <c r="D47444" s="1" t="s">
        <v>161293</v>
      </c>
      <c r="E47444" s="1" t="s">
        <v>161294</v>
      </c>
      <c r="F47444" s="1" t="s">
        <v>161295</v>
      </c>
      <c r="G47444" s="1" t="s">
        <v>161227</v>
      </c>
      <c r="H47444" s="1" t="s">
        <v>161228</v>
      </c>
      <c r="I47444" s="1" t="s">
        <v>160916</v>
      </c>
      <c r="J47444" s="1" t="s">
        <v>161296</v>
      </c>
    </row>
    <row r="47445" spans="1:10" x14ac:dyDescent="0.35">
      <c r="A47445" s="1" t="s">
        <v>6421</v>
      </c>
      <c r="B47445" s="1" t="s">
        <v>160911</v>
      </c>
      <c r="C47445" s="1" t="s">
        <v>120</v>
      </c>
      <c r="D47445" s="1" t="s">
        <v>116637</v>
      </c>
      <c r="E47445" s="1" t="s">
        <v>161297</v>
      </c>
      <c r="F47445" s="1" t="s">
        <v>161298</v>
      </c>
      <c r="G47445" s="1" t="s">
        <v>161227</v>
      </c>
      <c r="H47445" s="1" t="s">
        <v>161228</v>
      </c>
      <c r="I47445" s="1" t="s">
        <v>160916</v>
      </c>
      <c r="J47445" s="1" t="s">
        <v>161299</v>
      </c>
    </row>
    <row r="47446" spans="1:10" x14ac:dyDescent="0.35">
      <c r="A47446" s="1" t="s">
        <v>6421</v>
      </c>
      <c r="B47446" s="1" t="s">
        <v>160911</v>
      </c>
      <c r="C47446" s="1" t="s">
        <v>125</v>
      </c>
      <c r="D47446" s="1" t="s">
        <v>161300</v>
      </c>
      <c r="E47446" s="1" t="s">
        <v>161301</v>
      </c>
      <c r="F47446" s="1" t="s">
        <v>161302</v>
      </c>
      <c r="G47446" s="1" t="s">
        <v>161227</v>
      </c>
      <c r="H47446" s="1" t="s">
        <v>161228</v>
      </c>
      <c r="I47446" s="1" t="s">
        <v>160916</v>
      </c>
      <c r="J47446" s="1" t="s">
        <v>161303</v>
      </c>
    </row>
    <row r="47447" spans="1:10" x14ac:dyDescent="0.35">
      <c r="A47447" s="1" t="s">
        <v>6421</v>
      </c>
      <c r="B47447" s="1" t="s">
        <v>160911</v>
      </c>
      <c r="C47447" s="1" t="s">
        <v>130</v>
      </c>
      <c r="D47447" s="1" t="s">
        <v>150014</v>
      </c>
      <c r="E47447" s="1" t="s">
        <v>161304</v>
      </c>
      <c r="F47447" s="1" t="s">
        <v>161305</v>
      </c>
      <c r="G47447" s="1" t="s">
        <v>161227</v>
      </c>
      <c r="H47447" s="1" t="s">
        <v>161228</v>
      </c>
      <c r="I47447" s="1" t="s">
        <v>160916</v>
      </c>
      <c r="J47447" s="1" t="s">
        <v>161306</v>
      </c>
    </row>
    <row r="47448" spans="1:10" x14ac:dyDescent="0.35">
      <c r="A47448" s="1" t="s">
        <v>6421</v>
      </c>
      <c r="B47448" s="1" t="s">
        <v>160911</v>
      </c>
      <c r="C47448" s="1" t="s">
        <v>135</v>
      </c>
      <c r="D47448" s="1" t="s">
        <v>161307</v>
      </c>
      <c r="E47448" s="1" t="s">
        <v>161308</v>
      </c>
      <c r="F47448" s="1" t="s">
        <v>161309</v>
      </c>
      <c r="G47448" s="1" t="s">
        <v>161227</v>
      </c>
      <c r="H47448" s="1" t="s">
        <v>161228</v>
      </c>
      <c r="I47448" s="1" t="s">
        <v>160916</v>
      </c>
      <c r="J47448" s="1" t="s">
        <v>161310</v>
      </c>
    </row>
    <row r="47449" spans="1:10" x14ac:dyDescent="0.35">
      <c r="A47449" s="1" t="s">
        <v>6421</v>
      </c>
      <c r="B47449" s="1" t="s">
        <v>160911</v>
      </c>
      <c r="C47449" s="1" t="s">
        <v>140</v>
      </c>
      <c r="D47449" s="1" t="s">
        <v>149770</v>
      </c>
      <c r="E47449" s="1" t="s">
        <v>161311</v>
      </c>
      <c r="F47449" s="1" t="s">
        <v>161312</v>
      </c>
      <c r="G47449" s="1" t="s">
        <v>161227</v>
      </c>
      <c r="H47449" s="1" t="s">
        <v>161228</v>
      </c>
      <c r="I47449" s="1" t="s">
        <v>160916</v>
      </c>
      <c r="J47449" s="1" t="s">
        <v>161313</v>
      </c>
    </row>
    <row r="47450" spans="1:10" x14ac:dyDescent="0.35">
      <c r="A47450" s="1" t="s">
        <v>6421</v>
      </c>
      <c r="B47450" s="1" t="s">
        <v>160911</v>
      </c>
      <c r="C47450" s="1" t="s">
        <v>145</v>
      </c>
      <c r="D47450" s="1" t="s">
        <v>3429</v>
      </c>
      <c r="E47450" s="1" t="s">
        <v>161314</v>
      </c>
      <c r="F47450" s="1" t="s">
        <v>161315</v>
      </c>
      <c r="G47450" s="1" t="s">
        <v>161227</v>
      </c>
      <c r="H47450" s="1" t="s">
        <v>161228</v>
      </c>
      <c r="I47450" s="1" t="s">
        <v>160916</v>
      </c>
      <c r="J47450" s="1" t="s">
        <v>161316</v>
      </c>
    </row>
    <row r="47451" spans="1:10" x14ac:dyDescent="0.35">
      <c r="A47451" s="1" t="s">
        <v>6421</v>
      </c>
      <c r="B47451" s="1" t="s">
        <v>160911</v>
      </c>
      <c r="C47451" s="1" t="s">
        <v>150</v>
      </c>
      <c r="D47451" s="1" t="s">
        <v>118421</v>
      </c>
      <c r="E47451" s="1" t="s">
        <v>161317</v>
      </c>
      <c r="F47451" s="1" t="s">
        <v>161318</v>
      </c>
      <c r="G47451" s="1" t="s">
        <v>161227</v>
      </c>
      <c r="H47451" s="1" t="s">
        <v>161228</v>
      </c>
      <c r="I47451" s="1" t="s">
        <v>160916</v>
      </c>
      <c r="J47451" s="1" t="s">
        <v>161319</v>
      </c>
    </row>
    <row r="47452" spans="1:10" x14ac:dyDescent="0.35">
      <c r="A47452" s="1" t="s">
        <v>6421</v>
      </c>
      <c r="B47452" s="1" t="s">
        <v>160911</v>
      </c>
      <c r="C47452" s="1" t="s">
        <v>155</v>
      </c>
      <c r="D47452" s="1" t="s">
        <v>50643</v>
      </c>
      <c r="E47452" s="1" t="s">
        <v>161320</v>
      </c>
      <c r="F47452" s="1" t="s">
        <v>161321</v>
      </c>
      <c r="G47452" s="1" t="s">
        <v>161227</v>
      </c>
      <c r="H47452" s="1" t="s">
        <v>161228</v>
      </c>
      <c r="I47452" s="1" t="s">
        <v>160916</v>
      </c>
      <c r="J47452" s="1" t="s">
        <v>161322</v>
      </c>
    </row>
    <row r="47453" spans="1:10" x14ac:dyDescent="0.35">
      <c r="A47453" s="1" t="s">
        <v>6421</v>
      </c>
      <c r="B47453" s="1" t="s">
        <v>160911</v>
      </c>
      <c r="C47453" s="1" t="s">
        <v>160</v>
      </c>
      <c r="D47453" s="1" t="s">
        <v>161323</v>
      </c>
      <c r="E47453" s="1" t="s">
        <v>161324</v>
      </c>
      <c r="F47453" s="1" t="s">
        <v>161325</v>
      </c>
      <c r="G47453" s="1" t="s">
        <v>161227</v>
      </c>
      <c r="H47453" s="1" t="s">
        <v>161228</v>
      </c>
      <c r="I47453" s="1" t="s">
        <v>160916</v>
      </c>
      <c r="J47453" s="1" t="s">
        <v>161326</v>
      </c>
    </row>
    <row r="47454" spans="1:10" x14ac:dyDescent="0.35">
      <c r="A47454" s="1" t="s">
        <v>6421</v>
      </c>
      <c r="B47454" s="1" t="s">
        <v>160911</v>
      </c>
      <c r="C47454" s="1" t="s">
        <v>165</v>
      </c>
      <c r="D47454" s="1" t="s">
        <v>161327</v>
      </c>
      <c r="E47454" s="1" t="s">
        <v>161328</v>
      </c>
      <c r="F47454" s="1" t="s">
        <v>161329</v>
      </c>
      <c r="G47454" s="1" t="s">
        <v>161227</v>
      </c>
      <c r="H47454" s="1" t="s">
        <v>161228</v>
      </c>
      <c r="I47454" s="1" t="s">
        <v>160916</v>
      </c>
      <c r="J47454" s="1" t="s">
        <v>161330</v>
      </c>
    </row>
    <row r="47455" spans="1:10" x14ac:dyDescent="0.35">
      <c r="A47455" s="1" t="s">
        <v>6421</v>
      </c>
      <c r="B47455" s="1" t="s">
        <v>160911</v>
      </c>
      <c r="C47455" s="1" t="s">
        <v>170</v>
      </c>
      <c r="D47455" s="1" t="s">
        <v>161331</v>
      </c>
      <c r="E47455" s="1" t="s">
        <v>161332</v>
      </c>
      <c r="F47455" s="1" t="s">
        <v>161333</v>
      </c>
      <c r="G47455" s="1" t="s">
        <v>161227</v>
      </c>
      <c r="H47455" s="1" t="s">
        <v>161228</v>
      </c>
      <c r="I47455" s="1" t="s">
        <v>160916</v>
      </c>
      <c r="J47455" s="1" t="s">
        <v>161334</v>
      </c>
    </row>
    <row r="47456" spans="1:10" x14ac:dyDescent="0.35">
      <c r="A47456" s="1" t="s">
        <v>28519</v>
      </c>
      <c r="B47456" s="1" t="s">
        <v>161335</v>
      </c>
      <c r="C47456" s="1" t="s">
        <v>8</v>
      </c>
      <c r="D47456" s="1" t="s">
        <v>161336</v>
      </c>
      <c r="E47456" s="1" t="s">
        <v>161337</v>
      </c>
      <c r="F47456" s="1" t="s">
        <v>161338</v>
      </c>
      <c r="G47456" s="1" t="s">
        <v>161339</v>
      </c>
      <c r="H47456" s="1" t="s">
        <v>161340</v>
      </c>
      <c r="I47456" s="1" t="s">
        <v>161341</v>
      </c>
      <c r="J47456" s="1" t="s">
        <v>13</v>
      </c>
    </row>
    <row r="47457" spans="1:10" x14ac:dyDescent="0.35">
      <c r="A47457" s="1" t="s">
        <v>28519</v>
      </c>
      <c r="B47457" s="1" t="s">
        <v>161335</v>
      </c>
      <c r="C47457" s="1" t="s">
        <v>15</v>
      </c>
      <c r="D47457" s="1" t="s">
        <v>120217</v>
      </c>
      <c r="E47457" s="1" t="s">
        <v>161342</v>
      </c>
      <c r="F47457" s="1" t="s">
        <v>161343</v>
      </c>
      <c r="G47457" s="1" t="s">
        <v>161339</v>
      </c>
      <c r="H47457" s="1" t="s">
        <v>161340</v>
      </c>
      <c r="I47457" s="1" t="s">
        <v>161341</v>
      </c>
      <c r="J47457" s="1" t="s">
        <v>161344</v>
      </c>
    </row>
    <row r="47458" spans="1:10" x14ac:dyDescent="0.35">
      <c r="A47458" s="1" t="s">
        <v>28519</v>
      </c>
      <c r="B47458" s="1" t="s">
        <v>161335</v>
      </c>
      <c r="C47458" s="1" t="s">
        <v>20</v>
      </c>
      <c r="D47458" s="1" t="s">
        <v>45</v>
      </c>
      <c r="E47458" s="1" t="s">
        <v>161345</v>
      </c>
      <c r="F47458" s="1" t="s">
        <v>161346</v>
      </c>
      <c r="G47458" s="1" t="s">
        <v>161339</v>
      </c>
      <c r="H47458" s="1" t="s">
        <v>161340</v>
      </c>
      <c r="I47458" s="1" t="s">
        <v>161341</v>
      </c>
      <c r="J47458" s="1" t="s">
        <v>161347</v>
      </c>
    </row>
    <row r="47459" spans="1:10" x14ac:dyDescent="0.35">
      <c r="A47459" s="1" t="s">
        <v>28519</v>
      </c>
      <c r="B47459" s="1" t="s">
        <v>161335</v>
      </c>
      <c r="C47459" s="1" t="s">
        <v>25</v>
      </c>
      <c r="D47459" s="1" t="s">
        <v>6417</v>
      </c>
      <c r="E47459" s="1" t="s">
        <v>161348</v>
      </c>
      <c r="F47459" s="1" t="s">
        <v>161349</v>
      </c>
      <c r="G47459" s="1" t="s">
        <v>161339</v>
      </c>
      <c r="H47459" s="1" t="s">
        <v>161340</v>
      </c>
      <c r="I47459" s="1" t="s">
        <v>161341</v>
      </c>
      <c r="J47459" s="1" t="s">
        <v>161350</v>
      </c>
    </row>
    <row r="47460" spans="1:10" x14ac:dyDescent="0.35">
      <c r="A47460" s="1" t="s">
        <v>28519</v>
      </c>
      <c r="B47460" s="1" t="s">
        <v>161335</v>
      </c>
      <c r="C47460" s="1" t="s">
        <v>30</v>
      </c>
      <c r="D47460" s="1" t="s">
        <v>146618</v>
      </c>
      <c r="E47460" s="1" t="s">
        <v>161351</v>
      </c>
      <c r="F47460" s="1" t="s">
        <v>161352</v>
      </c>
      <c r="G47460" s="1" t="s">
        <v>161339</v>
      </c>
      <c r="H47460" s="1" t="s">
        <v>161340</v>
      </c>
      <c r="I47460" s="1" t="s">
        <v>161341</v>
      </c>
      <c r="J47460" s="1" t="s">
        <v>161353</v>
      </c>
    </row>
    <row r="47461" spans="1:10" x14ac:dyDescent="0.35">
      <c r="A47461" s="1" t="s">
        <v>28519</v>
      </c>
      <c r="B47461" s="1" t="s">
        <v>161335</v>
      </c>
      <c r="C47461" s="1" t="s">
        <v>35</v>
      </c>
      <c r="D47461" s="1" t="s">
        <v>3896</v>
      </c>
      <c r="E47461" s="1" t="s">
        <v>161354</v>
      </c>
      <c r="F47461" s="1" t="s">
        <v>161355</v>
      </c>
      <c r="G47461" s="1" t="s">
        <v>161339</v>
      </c>
      <c r="H47461" s="1" t="s">
        <v>161340</v>
      </c>
      <c r="I47461" s="1" t="s">
        <v>161341</v>
      </c>
      <c r="J47461" s="1" t="s">
        <v>161356</v>
      </c>
    </row>
    <row r="47462" spans="1:10" x14ac:dyDescent="0.35">
      <c r="A47462" s="1" t="s">
        <v>28519</v>
      </c>
      <c r="B47462" s="1" t="s">
        <v>161335</v>
      </c>
      <c r="C47462" s="1" t="s">
        <v>40</v>
      </c>
      <c r="D47462" s="1" t="s">
        <v>1552</v>
      </c>
      <c r="E47462" s="1" t="s">
        <v>161357</v>
      </c>
      <c r="F47462" s="1" t="s">
        <v>161358</v>
      </c>
      <c r="G47462" s="1" t="s">
        <v>161339</v>
      </c>
      <c r="H47462" s="1" t="s">
        <v>161340</v>
      </c>
      <c r="I47462" s="1" t="s">
        <v>161341</v>
      </c>
      <c r="J47462" s="1" t="s">
        <v>161359</v>
      </c>
    </row>
    <row r="47463" spans="1:10" x14ac:dyDescent="0.35">
      <c r="A47463" s="1" t="s">
        <v>28519</v>
      </c>
      <c r="B47463" s="1" t="s">
        <v>161335</v>
      </c>
      <c r="C47463" s="1" t="s">
        <v>45</v>
      </c>
      <c r="D47463" s="1" t="s">
        <v>110501</v>
      </c>
      <c r="E47463" s="1" t="s">
        <v>161360</v>
      </c>
      <c r="F47463" s="1" t="s">
        <v>161361</v>
      </c>
      <c r="G47463" s="1" t="s">
        <v>161339</v>
      </c>
      <c r="H47463" s="1" t="s">
        <v>161340</v>
      </c>
      <c r="I47463" s="1" t="s">
        <v>161341</v>
      </c>
      <c r="J47463" s="1" t="s">
        <v>161362</v>
      </c>
    </row>
    <row r="47464" spans="1:10" x14ac:dyDescent="0.35">
      <c r="A47464" s="1" t="s">
        <v>28519</v>
      </c>
      <c r="B47464" s="1" t="s">
        <v>161335</v>
      </c>
      <c r="C47464" s="1" t="s">
        <v>50</v>
      </c>
      <c r="D47464" s="1" t="s">
        <v>120026</v>
      </c>
      <c r="E47464" s="1" t="s">
        <v>161363</v>
      </c>
      <c r="F47464" s="1" t="s">
        <v>161364</v>
      </c>
      <c r="G47464" s="1" t="s">
        <v>161339</v>
      </c>
      <c r="H47464" s="1" t="s">
        <v>161340</v>
      </c>
      <c r="I47464" s="1" t="s">
        <v>161341</v>
      </c>
      <c r="J47464" s="1" t="s">
        <v>161365</v>
      </c>
    </row>
    <row r="47465" spans="1:10" x14ac:dyDescent="0.35">
      <c r="A47465" s="1" t="s">
        <v>28519</v>
      </c>
      <c r="B47465" s="1" t="s">
        <v>161335</v>
      </c>
      <c r="C47465" s="1" t="s">
        <v>55</v>
      </c>
      <c r="D47465" s="1" t="s">
        <v>28420</v>
      </c>
      <c r="E47465" s="1" t="s">
        <v>161366</v>
      </c>
      <c r="F47465" s="1" t="s">
        <v>161367</v>
      </c>
      <c r="G47465" s="1" t="s">
        <v>161339</v>
      </c>
      <c r="H47465" s="1" t="s">
        <v>161340</v>
      </c>
      <c r="I47465" s="1" t="s">
        <v>161341</v>
      </c>
      <c r="J47465" s="1" t="s">
        <v>161368</v>
      </c>
    </row>
    <row r="47466" spans="1:10" x14ac:dyDescent="0.35">
      <c r="A47466" s="1" t="s">
        <v>28519</v>
      </c>
      <c r="B47466" s="1" t="s">
        <v>161335</v>
      </c>
      <c r="C47466" s="1" t="s">
        <v>60</v>
      </c>
      <c r="D47466" s="1" t="s">
        <v>143069</v>
      </c>
      <c r="E47466" s="1" t="s">
        <v>161369</v>
      </c>
      <c r="F47466" s="1" t="s">
        <v>161370</v>
      </c>
      <c r="G47466" s="1" t="s">
        <v>161339</v>
      </c>
      <c r="H47466" s="1" t="s">
        <v>161340</v>
      </c>
      <c r="I47466" s="1" t="s">
        <v>161341</v>
      </c>
      <c r="J47466" s="1" t="s">
        <v>161371</v>
      </c>
    </row>
    <row r="47467" spans="1:10" x14ac:dyDescent="0.35">
      <c r="A47467" s="1" t="s">
        <v>28519</v>
      </c>
      <c r="B47467" s="1" t="s">
        <v>161335</v>
      </c>
      <c r="C47467" s="1" t="s">
        <v>65</v>
      </c>
      <c r="D47467" s="1" t="s">
        <v>8675</v>
      </c>
      <c r="E47467" s="1" t="s">
        <v>161372</v>
      </c>
      <c r="F47467" s="1" t="s">
        <v>161373</v>
      </c>
      <c r="G47467" s="1" t="s">
        <v>161339</v>
      </c>
      <c r="H47467" s="1" t="s">
        <v>161340</v>
      </c>
      <c r="I47467" s="1" t="s">
        <v>161341</v>
      </c>
      <c r="J47467" s="1" t="s">
        <v>161374</v>
      </c>
    </row>
    <row r="47468" spans="1:10" x14ac:dyDescent="0.35">
      <c r="A47468" s="1" t="s">
        <v>28519</v>
      </c>
      <c r="B47468" s="1" t="s">
        <v>161335</v>
      </c>
      <c r="C47468" s="1" t="s">
        <v>70</v>
      </c>
      <c r="D47468" s="1" t="s">
        <v>110654</v>
      </c>
      <c r="E47468" s="1" t="s">
        <v>161375</v>
      </c>
      <c r="F47468" s="1" t="s">
        <v>161376</v>
      </c>
      <c r="G47468" s="1" t="s">
        <v>161339</v>
      </c>
      <c r="H47468" s="1" t="s">
        <v>161340</v>
      </c>
      <c r="I47468" s="1" t="s">
        <v>161341</v>
      </c>
      <c r="J47468" s="1" t="s">
        <v>161377</v>
      </c>
    </row>
    <row r="47469" spans="1:10" x14ac:dyDescent="0.35">
      <c r="A47469" s="1" t="s">
        <v>28519</v>
      </c>
      <c r="B47469" s="1" t="s">
        <v>161335</v>
      </c>
      <c r="C47469" s="1" t="s">
        <v>75</v>
      </c>
      <c r="D47469" s="1" t="s">
        <v>110329</v>
      </c>
      <c r="E47469" s="1" t="s">
        <v>161378</v>
      </c>
      <c r="F47469" s="1" t="s">
        <v>161379</v>
      </c>
      <c r="G47469" s="1" t="s">
        <v>161339</v>
      </c>
      <c r="H47469" s="1" t="s">
        <v>161340</v>
      </c>
      <c r="I47469" s="1" t="s">
        <v>161341</v>
      </c>
      <c r="J47469" s="1" t="s">
        <v>161380</v>
      </c>
    </row>
    <row r="47470" spans="1:10" x14ac:dyDescent="0.35">
      <c r="A47470" s="1" t="s">
        <v>28519</v>
      </c>
      <c r="B47470" s="1" t="s">
        <v>161335</v>
      </c>
      <c r="C47470" s="1" t="s">
        <v>80</v>
      </c>
      <c r="D47470" s="1" t="s">
        <v>15055</v>
      </c>
      <c r="E47470" s="1" t="s">
        <v>161381</v>
      </c>
      <c r="F47470" s="1" t="s">
        <v>161382</v>
      </c>
      <c r="G47470" s="1" t="s">
        <v>161339</v>
      </c>
      <c r="H47470" s="1" t="s">
        <v>161340</v>
      </c>
      <c r="I47470" s="1" t="s">
        <v>161341</v>
      </c>
      <c r="J47470" s="1" t="s">
        <v>161383</v>
      </c>
    </row>
    <row r="47471" spans="1:10" x14ac:dyDescent="0.35">
      <c r="A47471" s="1" t="s">
        <v>28519</v>
      </c>
      <c r="B47471" s="1" t="s">
        <v>161335</v>
      </c>
      <c r="C47471" s="1" t="s">
        <v>85</v>
      </c>
      <c r="D47471" s="1" t="s">
        <v>117024</v>
      </c>
      <c r="E47471" s="1" t="s">
        <v>161384</v>
      </c>
      <c r="F47471" s="1" t="s">
        <v>161385</v>
      </c>
      <c r="G47471" s="1" t="s">
        <v>161339</v>
      </c>
      <c r="H47471" s="1" t="s">
        <v>161340</v>
      </c>
      <c r="I47471" s="1" t="s">
        <v>161341</v>
      </c>
      <c r="J47471" s="1" t="s">
        <v>161386</v>
      </c>
    </row>
    <row r="47472" spans="1:10" x14ac:dyDescent="0.35">
      <c r="A47472" s="1" t="s">
        <v>28519</v>
      </c>
      <c r="B47472" s="1" t="s">
        <v>161335</v>
      </c>
      <c r="C47472" s="1" t="s">
        <v>90</v>
      </c>
      <c r="D47472" s="1" t="s">
        <v>142651</v>
      </c>
      <c r="E47472" s="1" t="s">
        <v>161387</v>
      </c>
      <c r="F47472" s="1" t="s">
        <v>161388</v>
      </c>
      <c r="G47472" s="1" t="s">
        <v>161339</v>
      </c>
      <c r="H47472" s="1" t="s">
        <v>161340</v>
      </c>
      <c r="I47472" s="1" t="s">
        <v>161341</v>
      </c>
      <c r="J47472" s="1" t="s">
        <v>158441</v>
      </c>
    </row>
    <row r="47473" spans="1:10" x14ac:dyDescent="0.35">
      <c r="A47473" s="1" t="s">
        <v>28519</v>
      </c>
      <c r="B47473" s="1" t="s">
        <v>161335</v>
      </c>
      <c r="C47473" s="1" t="s">
        <v>95</v>
      </c>
      <c r="D47473" s="1" t="s">
        <v>50912</v>
      </c>
      <c r="E47473" s="1" t="s">
        <v>161389</v>
      </c>
      <c r="F47473" s="1" t="s">
        <v>161390</v>
      </c>
      <c r="G47473" s="1" t="s">
        <v>161339</v>
      </c>
      <c r="H47473" s="1" t="s">
        <v>161340</v>
      </c>
      <c r="I47473" s="1" t="s">
        <v>161341</v>
      </c>
      <c r="J47473" s="1" t="s">
        <v>161391</v>
      </c>
    </row>
    <row r="47474" spans="1:10" x14ac:dyDescent="0.35">
      <c r="A47474" s="1" t="s">
        <v>28519</v>
      </c>
      <c r="B47474" s="1" t="s">
        <v>161335</v>
      </c>
      <c r="C47474" s="1" t="s">
        <v>100</v>
      </c>
      <c r="D47474" s="1" t="s">
        <v>4713</v>
      </c>
      <c r="E47474" s="1" t="s">
        <v>161392</v>
      </c>
      <c r="F47474" s="1" t="s">
        <v>161393</v>
      </c>
      <c r="G47474" s="1" t="s">
        <v>161339</v>
      </c>
      <c r="H47474" s="1" t="s">
        <v>161340</v>
      </c>
      <c r="I47474" s="1" t="s">
        <v>161341</v>
      </c>
      <c r="J47474" s="1" t="s">
        <v>161394</v>
      </c>
    </row>
    <row r="47475" spans="1:10" x14ac:dyDescent="0.35">
      <c r="A47475" s="1" t="s">
        <v>28519</v>
      </c>
      <c r="B47475" s="1" t="s">
        <v>161335</v>
      </c>
      <c r="C47475" s="1" t="s">
        <v>105</v>
      </c>
      <c r="D47475" s="1" t="s">
        <v>28259</v>
      </c>
      <c r="E47475" s="1" t="s">
        <v>161395</v>
      </c>
      <c r="F47475" s="1" t="s">
        <v>161396</v>
      </c>
      <c r="G47475" s="1" t="s">
        <v>161339</v>
      </c>
      <c r="H47475" s="1" t="s">
        <v>161340</v>
      </c>
      <c r="I47475" s="1" t="s">
        <v>161341</v>
      </c>
      <c r="J47475" s="1" t="s">
        <v>161397</v>
      </c>
    </row>
    <row r="47476" spans="1:10" x14ac:dyDescent="0.35">
      <c r="A47476" s="1" t="s">
        <v>28519</v>
      </c>
      <c r="B47476" s="1" t="s">
        <v>161335</v>
      </c>
      <c r="C47476" s="1" t="s">
        <v>110</v>
      </c>
      <c r="D47476" s="1" t="s">
        <v>28551</v>
      </c>
      <c r="E47476" s="1" t="s">
        <v>161398</v>
      </c>
      <c r="F47476" s="1" t="s">
        <v>161399</v>
      </c>
      <c r="G47476" s="1" t="s">
        <v>161339</v>
      </c>
      <c r="H47476" s="1" t="s">
        <v>161340</v>
      </c>
      <c r="I47476" s="1" t="s">
        <v>161341</v>
      </c>
      <c r="J47476" s="1" t="s">
        <v>161400</v>
      </c>
    </row>
    <row r="47477" spans="1:10" x14ac:dyDescent="0.35">
      <c r="A47477" s="1" t="s">
        <v>28519</v>
      </c>
      <c r="B47477" s="1" t="s">
        <v>161335</v>
      </c>
      <c r="C47477" s="1" t="s">
        <v>115</v>
      </c>
      <c r="D47477" s="1" t="s">
        <v>144690</v>
      </c>
      <c r="E47477" s="1" t="s">
        <v>161401</v>
      </c>
      <c r="F47477" s="1" t="s">
        <v>161402</v>
      </c>
      <c r="G47477" s="1" t="s">
        <v>161339</v>
      </c>
      <c r="H47477" s="1" t="s">
        <v>161340</v>
      </c>
      <c r="I47477" s="1" t="s">
        <v>161341</v>
      </c>
      <c r="J47477" s="1" t="s">
        <v>161403</v>
      </c>
    </row>
    <row r="47478" spans="1:10" x14ac:dyDescent="0.35">
      <c r="A47478" s="1" t="s">
        <v>28519</v>
      </c>
      <c r="B47478" s="1" t="s">
        <v>161335</v>
      </c>
      <c r="C47478" s="1" t="s">
        <v>120</v>
      </c>
      <c r="D47478" s="1" t="s">
        <v>340</v>
      </c>
      <c r="E47478" s="1" t="s">
        <v>161404</v>
      </c>
      <c r="F47478" s="1" t="s">
        <v>161405</v>
      </c>
      <c r="G47478" s="1" t="s">
        <v>161339</v>
      </c>
      <c r="H47478" s="1" t="s">
        <v>161340</v>
      </c>
      <c r="I47478" s="1" t="s">
        <v>161341</v>
      </c>
      <c r="J47478" s="1" t="s">
        <v>161406</v>
      </c>
    </row>
    <row r="47479" spans="1:10" x14ac:dyDescent="0.35">
      <c r="A47479" s="1" t="s">
        <v>28519</v>
      </c>
      <c r="B47479" s="1" t="s">
        <v>161335</v>
      </c>
      <c r="C47479" s="1" t="s">
        <v>125</v>
      </c>
      <c r="D47479" s="1" t="s">
        <v>6919</v>
      </c>
      <c r="E47479" s="1" t="s">
        <v>161407</v>
      </c>
      <c r="F47479" s="1" t="s">
        <v>161408</v>
      </c>
      <c r="G47479" s="1" t="s">
        <v>161339</v>
      </c>
      <c r="H47479" s="1" t="s">
        <v>161340</v>
      </c>
      <c r="I47479" s="1" t="s">
        <v>161341</v>
      </c>
      <c r="J47479" s="1" t="s">
        <v>161409</v>
      </c>
    </row>
    <row r="47480" spans="1:10" x14ac:dyDescent="0.35">
      <c r="A47480" s="1" t="s">
        <v>28519</v>
      </c>
      <c r="B47480" s="1" t="s">
        <v>161335</v>
      </c>
      <c r="C47480" s="1" t="s">
        <v>130</v>
      </c>
      <c r="D47480" s="1" t="s">
        <v>104653</v>
      </c>
      <c r="E47480" s="1" t="s">
        <v>161410</v>
      </c>
      <c r="F47480" s="1" t="s">
        <v>161411</v>
      </c>
      <c r="G47480" s="1" t="s">
        <v>161339</v>
      </c>
      <c r="H47480" s="1" t="s">
        <v>161340</v>
      </c>
      <c r="I47480" s="1" t="s">
        <v>161341</v>
      </c>
      <c r="J47480" s="1" t="s">
        <v>161412</v>
      </c>
    </row>
    <row r="47481" spans="1:10" x14ac:dyDescent="0.35">
      <c r="A47481" s="1" t="s">
        <v>28519</v>
      </c>
      <c r="B47481" s="1" t="s">
        <v>161335</v>
      </c>
      <c r="C47481" s="1" t="s">
        <v>135</v>
      </c>
      <c r="D47481" s="1" t="s">
        <v>45020</v>
      </c>
      <c r="E47481" s="1" t="s">
        <v>161413</v>
      </c>
      <c r="F47481" s="1" t="s">
        <v>161414</v>
      </c>
      <c r="G47481" s="1" t="s">
        <v>161339</v>
      </c>
      <c r="H47481" s="1" t="s">
        <v>161340</v>
      </c>
      <c r="I47481" s="1" t="s">
        <v>161341</v>
      </c>
      <c r="J47481" s="1" t="s">
        <v>161415</v>
      </c>
    </row>
    <row r="47482" spans="1:10" x14ac:dyDescent="0.35">
      <c r="A47482" s="1" t="s">
        <v>28519</v>
      </c>
      <c r="B47482" s="1" t="s">
        <v>161335</v>
      </c>
      <c r="C47482" s="1" t="s">
        <v>140</v>
      </c>
      <c r="D47482" s="1" t="s">
        <v>118141</v>
      </c>
      <c r="E47482" s="1" t="s">
        <v>161416</v>
      </c>
      <c r="F47482" s="1" t="s">
        <v>161417</v>
      </c>
      <c r="G47482" s="1" t="s">
        <v>161339</v>
      </c>
      <c r="H47482" s="1" t="s">
        <v>161340</v>
      </c>
      <c r="I47482" s="1" t="s">
        <v>161341</v>
      </c>
      <c r="J47482" s="1" t="s">
        <v>161418</v>
      </c>
    </row>
    <row r="47483" spans="1:10" x14ac:dyDescent="0.35">
      <c r="A47483" s="1" t="s">
        <v>28519</v>
      </c>
      <c r="B47483" s="1" t="s">
        <v>161335</v>
      </c>
      <c r="C47483" s="1" t="s">
        <v>145</v>
      </c>
      <c r="D47483" s="1" t="s">
        <v>8928</v>
      </c>
      <c r="E47483" s="1" t="s">
        <v>161419</v>
      </c>
      <c r="F47483" s="1" t="s">
        <v>161420</v>
      </c>
      <c r="G47483" s="1" t="s">
        <v>161339</v>
      </c>
      <c r="H47483" s="1" t="s">
        <v>161340</v>
      </c>
      <c r="I47483" s="1" t="s">
        <v>161341</v>
      </c>
      <c r="J47483" s="1" t="s">
        <v>161421</v>
      </c>
    </row>
    <row r="47484" spans="1:10" x14ac:dyDescent="0.35">
      <c r="A47484" s="1" t="s">
        <v>28519</v>
      </c>
      <c r="B47484" s="1" t="s">
        <v>161335</v>
      </c>
      <c r="C47484" s="1" t="s">
        <v>150</v>
      </c>
      <c r="D47484" s="1" t="s">
        <v>29593</v>
      </c>
      <c r="E47484" s="1" t="s">
        <v>161422</v>
      </c>
      <c r="F47484" s="1" t="s">
        <v>161423</v>
      </c>
      <c r="G47484" s="1" t="s">
        <v>161339</v>
      </c>
      <c r="H47484" s="1" t="s">
        <v>161340</v>
      </c>
      <c r="I47484" s="1" t="s">
        <v>161341</v>
      </c>
      <c r="J47484" s="1" t="s">
        <v>161424</v>
      </c>
    </row>
    <row r="47485" spans="1:10" x14ac:dyDescent="0.35">
      <c r="A47485" s="1" t="s">
        <v>28519</v>
      </c>
      <c r="B47485" s="1" t="s">
        <v>161335</v>
      </c>
      <c r="C47485" s="1" t="s">
        <v>155</v>
      </c>
      <c r="D47485" s="1" t="s">
        <v>121640</v>
      </c>
      <c r="E47485" s="1" t="s">
        <v>161425</v>
      </c>
      <c r="F47485" s="1" t="s">
        <v>161426</v>
      </c>
      <c r="G47485" s="1" t="s">
        <v>161339</v>
      </c>
      <c r="H47485" s="1" t="s">
        <v>161340</v>
      </c>
      <c r="I47485" s="1" t="s">
        <v>161341</v>
      </c>
      <c r="J47485" s="1" t="s">
        <v>161427</v>
      </c>
    </row>
    <row r="47486" spans="1:10" x14ac:dyDescent="0.35">
      <c r="A47486" s="1" t="s">
        <v>28519</v>
      </c>
      <c r="B47486" s="1" t="s">
        <v>161335</v>
      </c>
      <c r="C47486" s="1" t="s">
        <v>160</v>
      </c>
      <c r="D47486" s="1" t="s">
        <v>8120</v>
      </c>
      <c r="E47486" s="1" t="s">
        <v>161428</v>
      </c>
      <c r="F47486" s="1" t="s">
        <v>161429</v>
      </c>
      <c r="G47486" s="1" t="s">
        <v>161339</v>
      </c>
      <c r="H47486" s="1" t="s">
        <v>161340</v>
      </c>
      <c r="I47486" s="1" t="s">
        <v>161341</v>
      </c>
      <c r="J47486" s="1" t="s">
        <v>161430</v>
      </c>
    </row>
    <row r="47487" spans="1:10" x14ac:dyDescent="0.35">
      <c r="A47487" s="1" t="s">
        <v>28519</v>
      </c>
      <c r="B47487" s="1" t="s">
        <v>161335</v>
      </c>
      <c r="C47487" s="1" t="s">
        <v>165</v>
      </c>
      <c r="D47487" s="1" t="s">
        <v>44689</v>
      </c>
      <c r="E47487" s="1" t="s">
        <v>161431</v>
      </c>
      <c r="F47487" s="1" t="s">
        <v>161432</v>
      </c>
      <c r="G47487" s="1" t="s">
        <v>161339</v>
      </c>
      <c r="H47487" s="1" t="s">
        <v>161340</v>
      </c>
      <c r="I47487" s="1" t="s">
        <v>161341</v>
      </c>
      <c r="J47487" s="1" t="s">
        <v>161433</v>
      </c>
    </row>
    <row r="47488" spans="1:10" x14ac:dyDescent="0.35">
      <c r="A47488" s="1" t="s">
        <v>28519</v>
      </c>
      <c r="B47488" s="1" t="s">
        <v>161335</v>
      </c>
      <c r="C47488" s="1" t="s">
        <v>170</v>
      </c>
      <c r="D47488" s="1" t="s">
        <v>109831</v>
      </c>
      <c r="E47488" s="1" t="s">
        <v>161434</v>
      </c>
      <c r="F47488" s="1" t="s">
        <v>161435</v>
      </c>
      <c r="G47488" s="1" t="s">
        <v>161339</v>
      </c>
      <c r="H47488" s="1" t="s">
        <v>161340</v>
      </c>
      <c r="I47488" s="1" t="s">
        <v>161341</v>
      </c>
      <c r="J47488" s="1" t="s">
        <v>161436</v>
      </c>
    </row>
    <row r="47489" spans="1:10" x14ac:dyDescent="0.35">
      <c r="A47489" s="1" t="s">
        <v>5531</v>
      </c>
      <c r="B47489" s="1" t="s">
        <v>161335</v>
      </c>
      <c r="C47489" s="1" t="s">
        <v>8</v>
      </c>
      <c r="D47489" s="1" t="s">
        <v>10217</v>
      </c>
      <c r="E47489" s="1" t="s">
        <v>161437</v>
      </c>
      <c r="F47489" s="1" t="s">
        <v>161438</v>
      </c>
      <c r="G47489" s="1" t="s">
        <v>161439</v>
      </c>
      <c r="H47489" s="1" t="s">
        <v>161440</v>
      </c>
      <c r="I47489" s="1" t="s">
        <v>161341</v>
      </c>
      <c r="J47489" s="1" t="s">
        <v>13</v>
      </c>
    </row>
    <row r="47490" spans="1:10" x14ac:dyDescent="0.35">
      <c r="A47490" s="1" t="s">
        <v>5531</v>
      </c>
      <c r="B47490" s="1" t="s">
        <v>161335</v>
      </c>
      <c r="C47490" s="1" t="s">
        <v>15</v>
      </c>
      <c r="D47490" s="1" t="s">
        <v>161441</v>
      </c>
      <c r="E47490" s="1" t="s">
        <v>161442</v>
      </c>
      <c r="F47490" s="1" t="s">
        <v>161443</v>
      </c>
      <c r="G47490" s="1" t="s">
        <v>161439</v>
      </c>
      <c r="H47490" s="1" t="s">
        <v>161440</v>
      </c>
      <c r="I47490" s="1" t="s">
        <v>161341</v>
      </c>
      <c r="J47490" s="1" t="s">
        <v>161444</v>
      </c>
    </row>
    <row r="47491" spans="1:10" x14ac:dyDescent="0.35">
      <c r="A47491" s="1" t="s">
        <v>5531</v>
      </c>
      <c r="B47491" s="1" t="s">
        <v>161335</v>
      </c>
      <c r="C47491" s="1" t="s">
        <v>20</v>
      </c>
      <c r="D47491" s="1" t="s">
        <v>8299</v>
      </c>
      <c r="E47491" s="1" t="s">
        <v>161445</v>
      </c>
      <c r="F47491" s="1" t="s">
        <v>161446</v>
      </c>
      <c r="G47491" s="1" t="s">
        <v>161439</v>
      </c>
      <c r="H47491" s="1" t="s">
        <v>161440</v>
      </c>
      <c r="I47491" s="1" t="s">
        <v>161341</v>
      </c>
      <c r="J47491" s="1" t="s">
        <v>161447</v>
      </c>
    </row>
    <row r="47492" spans="1:10" x14ac:dyDescent="0.35">
      <c r="A47492" s="1" t="s">
        <v>5531</v>
      </c>
      <c r="B47492" s="1" t="s">
        <v>161335</v>
      </c>
      <c r="C47492" s="1" t="s">
        <v>25</v>
      </c>
      <c r="D47492" s="1" t="s">
        <v>146247</v>
      </c>
      <c r="E47492" s="1" t="s">
        <v>161448</v>
      </c>
      <c r="F47492" s="1" t="s">
        <v>161449</v>
      </c>
      <c r="G47492" s="1" t="s">
        <v>161439</v>
      </c>
      <c r="H47492" s="1" t="s">
        <v>161440</v>
      </c>
      <c r="I47492" s="1" t="s">
        <v>161341</v>
      </c>
      <c r="J47492" s="1" t="s">
        <v>161450</v>
      </c>
    </row>
    <row r="47493" spans="1:10" x14ac:dyDescent="0.35">
      <c r="A47493" s="1" t="s">
        <v>5531</v>
      </c>
      <c r="B47493" s="1" t="s">
        <v>161335</v>
      </c>
      <c r="C47493" s="1" t="s">
        <v>30</v>
      </c>
      <c r="D47493" s="1" t="s">
        <v>120483</v>
      </c>
      <c r="E47493" s="1" t="s">
        <v>161451</v>
      </c>
      <c r="F47493" s="1" t="s">
        <v>161452</v>
      </c>
      <c r="G47493" s="1" t="s">
        <v>161439</v>
      </c>
      <c r="H47493" s="1" t="s">
        <v>161440</v>
      </c>
      <c r="I47493" s="1" t="s">
        <v>161341</v>
      </c>
      <c r="J47493" s="1" t="s">
        <v>161453</v>
      </c>
    </row>
    <row r="47494" spans="1:10" x14ac:dyDescent="0.35">
      <c r="A47494" s="1" t="s">
        <v>5531</v>
      </c>
      <c r="B47494" s="1" t="s">
        <v>161335</v>
      </c>
      <c r="C47494" s="1" t="s">
        <v>35</v>
      </c>
      <c r="D47494" s="1" t="s">
        <v>45375</v>
      </c>
      <c r="E47494" s="1" t="s">
        <v>161454</v>
      </c>
      <c r="F47494" s="1" t="s">
        <v>161455</v>
      </c>
      <c r="G47494" s="1" t="s">
        <v>161439</v>
      </c>
      <c r="H47494" s="1" t="s">
        <v>161440</v>
      </c>
      <c r="I47494" s="1" t="s">
        <v>161341</v>
      </c>
      <c r="J47494" s="1" t="s">
        <v>161456</v>
      </c>
    </row>
    <row r="47495" spans="1:10" x14ac:dyDescent="0.35">
      <c r="A47495" s="1" t="s">
        <v>5531</v>
      </c>
      <c r="B47495" s="1" t="s">
        <v>161335</v>
      </c>
      <c r="C47495" s="1" t="s">
        <v>40</v>
      </c>
      <c r="D47495" s="1" t="s">
        <v>28540</v>
      </c>
      <c r="E47495" s="1" t="s">
        <v>161457</v>
      </c>
      <c r="F47495" s="1" t="s">
        <v>161458</v>
      </c>
      <c r="G47495" s="1" t="s">
        <v>161439</v>
      </c>
      <c r="H47495" s="1" t="s">
        <v>161440</v>
      </c>
      <c r="I47495" s="1" t="s">
        <v>161341</v>
      </c>
      <c r="J47495" s="1" t="s">
        <v>161459</v>
      </c>
    </row>
    <row r="47496" spans="1:10" x14ac:dyDescent="0.35">
      <c r="A47496" s="1" t="s">
        <v>5531</v>
      </c>
      <c r="B47496" s="1" t="s">
        <v>161335</v>
      </c>
      <c r="C47496" s="1" t="s">
        <v>45</v>
      </c>
      <c r="D47496" s="1" t="s">
        <v>119140</v>
      </c>
      <c r="E47496" s="1" t="s">
        <v>161460</v>
      </c>
      <c r="F47496" s="1" t="s">
        <v>161461</v>
      </c>
      <c r="G47496" s="1" t="s">
        <v>161439</v>
      </c>
      <c r="H47496" s="1" t="s">
        <v>161440</v>
      </c>
      <c r="I47496" s="1" t="s">
        <v>161341</v>
      </c>
      <c r="J47496" s="1" t="s">
        <v>161462</v>
      </c>
    </row>
    <row r="47497" spans="1:10" x14ac:dyDescent="0.35">
      <c r="A47497" s="1" t="s">
        <v>5531</v>
      </c>
      <c r="B47497" s="1" t="s">
        <v>161335</v>
      </c>
      <c r="C47497" s="1" t="s">
        <v>50</v>
      </c>
      <c r="D47497" s="1" t="s">
        <v>2039</v>
      </c>
      <c r="E47497" s="1" t="s">
        <v>161463</v>
      </c>
      <c r="F47497" s="1" t="s">
        <v>161464</v>
      </c>
      <c r="G47497" s="1" t="s">
        <v>161439</v>
      </c>
      <c r="H47497" s="1" t="s">
        <v>161440</v>
      </c>
      <c r="I47497" s="1" t="s">
        <v>161341</v>
      </c>
      <c r="J47497" s="1" t="s">
        <v>161465</v>
      </c>
    </row>
    <row r="47498" spans="1:10" x14ac:dyDescent="0.35">
      <c r="A47498" s="1" t="s">
        <v>5531</v>
      </c>
      <c r="B47498" s="1" t="s">
        <v>161335</v>
      </c>
      <c r="C47498" s="1" t="s">
        <v>55</v>
      </c>
      <c r="D47498" s="1" t="s">
        <v>143520</v>
      </c>
      <c r="E47498" s="1" t="s">
        <v>161466</v>
      </c>
      <c r="F47498" s="1" t="s">
        <v>161467</v>
      </c>
      <c r="G47498" s="1" t="s">
        <v>161439</v>
      </c>
      <c r="H47498" s="1" t="s">
        <v>161440</v>
      </c>
      <c r="I47498" s="1" t="s">
        <v>161341</v>
      </c>
      <c r="J47498" s="1" t="s">
        <v>161468</v>
      </c>
    </row>
    <row r="47499" spans="1:10" x14ac:dyDescent="0.35">
      <c r="A47499" s="1" t="s">
        <v>5531</v>
      </c>
      <c r="B47499" s="1" t="s">
        <v>161335</v>
      </c>
      <c r="C47499" s="1" t="s">
        <v>60</v>
      </c>
      <c r="D47499" s="1" t="s">
        <v>161469</v>
      </c>
      <c r="E47499" s="1" t="s">
        <v>161470</v>
      </c>
      <c r="F47499" s="1" t="s">
        <v>161471</v>
      </c>
      <c r="G47499" s="1" t="s">
        <v>161439</v>
      </c>
      <c r="H47499" s="1" t="s">
        <v>161440</v>
      </c>
      <c r="I47499" s="1" t="s">
        <v>161341</v>
      </c>
      <c r="J47499" s="1" t="s">
        <v>161472</v>
      </c>
    </row>
    <row r="47500" spans="1:10" x14ac:dyDescent="0.35">
      <c r="A47500" s="1" t="s">
        <v>5531</v>
      </c>
      <c r="B47500" s="1" t="s">
        <v>161335</v>
      </c>
      <c r="C47500" s="1" t="s">
        <v>65</v>
      </c>
      <c r="D47500" s="1" t="s">
        <v>145141</v>
      </c>
      <c r="E47500" s="1" t="s">
        <v>161473</v>
      </c>
      <c r="F47500" s="1" t="s">
        <v>161474</v>
      </c>
      <c r="G47500" s="1" t="s">
        <v>161439</v>
      </c>
      <c r="H47500" s="1" t="s">
        <v>161440</v>
      </c>
      <c r="I47500" s="1" t="s">
        <v>161341</v>
      </c>
      <c r="J47500" s="1" t="s">
        <v>161475</v>
      </c>
    </row>
    <row r="47501" spans="1:10" x14ac:dyDescent="0.35">
      <c r="A47501" s="1" t="s">
        <v>5531</v>
      </c>
      <c r="B47501" s="1" t="s">
        <v>161335</v>
      </c>
      <c r="C47501" s="1" t="s">
        <v>70</v>
      </c>
      <c r="D47501" s="1" t="s">
        <v>45143</v>
      </c>
      <c r="E47501" s="1" t="s">
        <v>161476</v>
      </c>
      <c r="F47501" s="1" t="s">
        <v>161477</v>
      </c>
      <c r="G47501" s="1" t="s">
        <v>161439</v>
      </c>
      <c r="H47501" s="1" t="s">
        <v>161440</v>
      </c>
      <c r="I47501" s="1" t="s">
        <v>161341</v>
      </c>
      <c r="J47501" s="1" t="s">
        <v>161478</v>
      </c>
    </row>
    <row r="47502" spans="1:10" x14ac:dyDescent="0.35">
      <c r="A47502" s="1" t="s">
        <v>5531</v>
      </c>
      <c r="B47502" s="1" t="s">
        <v>161335</v>
      </c>
      <c r="C47502" s="1" t="s">
        <v>75</v>
      </c>
      <c r="D47502" s="1" t="s">
        <v>29794</v>
      </c>
      <c r="E47502" s="1" t="s">
        <v>161479</v>
      </c>
      <c r="F47502" s="1" t="s">
        <v>161480</v>
      </c>
      <c r="G47502" s="1" t="s">
        <v>161439</v>
      </c>
      <c r="H47502" s="1" t="s">
        <v>161440</v>
      </c>
      <c r="I47502" s="1" t="s">
        <v>161341</v>
      </c>
      <c r="J47502" s="1" t="s">
        <v>161481</v>
      </c>
    </row>
    <row r="47503" spans="1:10" x14ac:dyDescent="0.35">
      <c r="A47503" s="1" t="s">
        <v>5531</v>
      </c>
      <c r="B47503" s="1" t="s">
        <v>161335</v>
      </c>
      <c r="C47503" s="1" t="s">
        <v>80</v>
      </c>
      <c r="D47503" s="1" t="s">
        <v>29344</v>
      </c>
      <c r="E47503" s="1" t="s">
        <v>161482</v>
      </c>
      <c r="F47503" s="1" t="s">
        <v>161483</v>
      </c>
      <c r="G47503" s="1" t="s">
        <v>161439</v>
      </c>
      <c r="H47503" s="1" t="s">
        <v>161440</v>
      </c>
      <c r="I47503" s="1" t="s">
        <v>161341</v>
      </c>
      <c r="J47503" s="1" t="s">
        <v>161484</v>
      </c>
    </row>
    <row r="47504" spans="1:10" x14ac:dyDescent="0.35">
      <c r="A47504" s="1" t="s">
        <v>5531</v>
      </c>
      <c r="B47504" s="1" t="s">
        <v>161335</v>
      </c>
      <c r="C47504" s="1" t="s">
        <v>85</v>
      </c>
      <c r="D47504" s="1" t="s">
        <v>119792</v>
      </c>
      <c r="E47504" s="1" t="s">
        <v>161485</v>
      </c>
      <c r="F47504" s="1" t="s">
        <v>161486</v>
      </c>
      <c r="G47504" s="1" t="s">
        <v>161439</v>
      </c>
      <c r="H47504" s="1" t="s">
        <v>161440</v>
      </c>
      <c r="I47504" s="1" t="s">
        <v>161341</v>
      </c>
      <c r="J47504" s="1" t="s">
        <v>161487</v>
      </c>
    </row>
    <row r="47505" spans="1:10" x14ac:dyDescent="0.35">
      <c r="A47505" s="1" t="s">
        <v>5531</v>
      </c>
      <c r="B47505" s="1" t="s">
        <v>161335</v>
      </c>
      <c r="C47505" s="1" t="s">
        <v>90</v>
      </c>
      <c r="D47505" s="1" t="s">
        <v>6922</v>
      </c>
      <c r="E47505" s="1" t="s">
        <v>161488</v>
      </c>
      <c r="F47505" s="1" t="s">
        <v>161489</v>
      </c>
      <c r="G47505" s="1" t="s">
        <v>161439</v>
      </c>
      <c r="H47505" s="1" t="s">
        <v>161440</v>
      </c>
      <c r="I47505" s="1" t="s">
        <v>161341</v>
      </c>
      <c r="J47505" s="1" t="s">
        <v>161490</v>
      </c>
    </row>
    <row r="47506" spans="1:10" x14ac:dyDescent="0.35">
      <c r="A47506" s="1" t="s">
        <v>5531</v>
      </c>
      <c r="B47506" s="1" t="s">
        <v>161335</v>
      </c>
      <c r="C47506" s="1" t="s">
        <v>95</v>
      </c>
      <c r="D47506" s="1" t="s">
        <v>28284</v>
      </c>
      <c r="E47506" s="1" t="s">
        <v>161491</v>
      </c>
      <c r="F47506" s="1" t="s">
        <v>161492</v>
      </c>
      <c r="G47506" s="1" t="s">
        <v>161439</v>
      </c>
      <c r="H47506" s="1" t="s">
        <v>161440</v>
      </c>
      <c r="I47506" s="1" t="s">
        <v>161341</v>
      </c>
      <c r="J47506" s="1" t="s">
        <v>161493</v>
      </c>
    </row>
    <row r="47507" spans="1:10" x14ac:dyDescent="0.35">
      <c r="A47507" s="1" t="s">
        <v>5531</v>
      </c>
      <c r="B47507" s="1" t="s">
        <v>161335</v>
      </c>
      <c r="C47507" s="1" t="s">
        <v>100</v>
      </c>
      <c r="D47507" s="1" t="s">
        <v>10973</v>
      </c>
      <c r="E47507" s="1" t="s">
        <v>161494</v>
      </c>
      <c r="F47507" s="1" t="s">
        <v>161495</v>
      </c>
      <c r="G47507" s="1" t="s">
        <v>161439</v>
      </c>
      <c r="H47507" s="1" t="s">
        <v>161440</v>
      </c>
      <c r="I47507" s="1" t="s">
        <v>161341</v>
      </c>
      <c r="J47507" s="1" t="s">
        <v>161496</v>
      </c>
    </row>
    <row r="47508" spans="1:10" x14ac:dyDescent="0.35">
      <c r="A47508" s="1" t="s">
        <v>5531</v>
      </c>
      <c r="B47508" s="1" t="s">
        <v>161335</v>
      </c>
      <c r="C47508" s="1" t="s">
        <v>105</v>
      </c>
      <c r="D47508" s="1" t="s">
        <v>161497</v>
      </c>
      <c r="E47508" s="1" t="s">
        <v>161498</v>
      </c>
      <c r="F47508" s="1" t="s">
        <v>161499</v>
      </c>
      <c r="G47508" s="1" t="s">
        <v>161439</v>
      </c>
      <c r="H47508" s="1" t="s">
        <v>161440</v>
      </c>
      <c r="I47508" s="1" t="s">
        <v>161341</v>
      </c>
      <c r="J47508" s="1" t="s">
        <v>161500</v>
      </c>
    </row>
    <row r="47509" spans="1:10" x14ac:dyDescent="0.35">
      <c r="A47509" s="1" t="s">
        <v>5531</v>
      </c>
      <c r="B47509" s="1" t="s">
        <v>161335</v>
      </c>
      <c r="C47509" s="1" t="s">
        <v>110</v>
      </c>
      <c r="D47509" s="1" t="s">
        <v>110052</v>
      </c>
      <c r="E47509" s="1" t="s">
        <v>161501</v>
      </c>
      <c r="F47509" s="1" t="s">
        <v>161502</v>
      </c>
      <c r="G47509" s="1" t="s">
        <v>161439</v>
      </c>
      <c r="H47509" s="1" t="s">
        <v>161440</v>
      </c>
      <c r="I47509" s="1" t="s">
        <v>161341</v>
      </c>
      <c r="J47509" s="1" t="s">
        <v>161503</v>
      </c>
    </row>
    <row r="47510" spans="1:10" x14ac:dyDescent="0.35">
      <c r="A47510" s="1" t="s">
        <v>5531</v>
      </c>
      <c r="B47510" s="1" t="s">
        <v>161335</v>
      </c>
      <c r="C47510" s="1" t="s">
        <v>115</v>
      </c>
      <c r="D47510" s="1" t="s">
        <v>36696</v>
      </c>
      <c r="E47510" s="1" t="s">
        <v>161504</v>
      </c>
      <c r="F47510" s="1" t="s">
        <v>161505</v>
      </c>
      <c r="G47510" s="1" t="s">
        <v>161439</v>
      </c>
      <c r="H47510" s="1" t="s">
        <v>161440</v>
      </c>
      <c r="I47510" s="1" t="s">
        <v>161341</v>
      </c>
      <c r="J47510" s="1" t="s">
        <v>161506</v>
      </c>
    </row>
    <row r="47511" spans="1:10" x14ac:dyDescent="0.35">
      <c r="A47511" s="1" t="s">
        <v>5531</v>
      </c>
      <c r="B47511" s="1" t="s">
        <v>161335</v>
      </c>
      <c r="C47511" s="1" t="s">
        <v>120</v>
      </c>
      <c r="D47511" s="1" t="s">
        <v>109838</v>
      </c>
      <c r="E47511" s="1" t="s">
        <v>161507</v>
      </c>
      <c r="F47511" s="1" t="s">
        <v>161508</v>
      </c>
      <c r="G47511" s="1" t="s">
        <v>161439</v>
      </c>
      <c r="H47511" s="1" t="s">
        <v>161440</v>
      </c>
      <c r="I47511" s="1" t="s">
        <v>161341</v>
      </c>
      <c r="J47511" s="1" t="s">
        <v>161509</v>
      </c>
    </row>
    <row r="47512" spans="1:10" x14ac:dyDescent="0.35">
      <c r="A47512" s="1" t="s">
        <v>5531</v>
      </c>
      <c r="B47512" s="1" t="s">
        <v>161335</v>
      </c>
      <c r="C47512" s="1" t="s">
        <v>125</v>
      </c>
      <c r="D47512" s="1" t="s">
        <v>34421</v>
      </c>
      <c r="E47512" s="1" t="s">
        <v>161510</v>
      </c>
      <c r="F47512" s="1" t="s">
        <v>161511</v>
      </c>
      <c r="G47512" s="1" t="s">
        <v>161439</v>
      </c>
      <c r="H47512" s="1" t="s">
        <v>161440</v>
      </c>
      <c r="I47512" s="1" t="s">
        <v>161341</v>
      </c>
      <c r="J47512" s="1" t="s">
        <v>161512</v>
      </c>
    </row>
    <row r="47513" spans="1:10" x14ac:dyDescent="0.35">
      <c r="A47513" s="1" t="s">
        <v>5531</v>
      </c>
      <c r="B47513" s="1" t="s">
        <v>161335</v>
      </c>
      <c r="C47513" s="1" t="s">
        <v>130</v>
      </c>
      <c r="D47513" s="1" t="s">
        <v>151696</v>
      </c>
      <c r="E47513" s="1" t="s">
        <v>161513</v>
      </c>
      <c r="F47513" s="1" t="s">
        <v>161514</v>
      </c>
      <c r="G47513" s="1" t="s">
        <v>161439</v>
      </c>
      <c r="H47513" s="1" t="s">
        <v>161440</v>
      </c>
      <c r="I47513" s="1" t="s">
        <v>161341</v>
      </c>
      <c r="J47513" s="1" t="s">
        <v>161515</v>
      </c>
    </row>
    <row r="47514" spans="1:10" x14ac:dyDescent="0.35">
      <c r="A47514" s="1" t="s">
        <v>5531</v>
      </c>
      <c r="B47514" s="1" t="s">
        <v>161335</v>
      </c>
      <c r="C47514" s="1" t="s">
        <v>135</v>
      </c>
      <c r="D47514" s="1" t="s">
        <v>142525</v>
      </c>
      <c r="E47514" s="1" t="s">
        <v>161516</v>
      </c>
      <c r="F47514" s="1" t="s">
        <v>161517</v>
      </c>
      <c r="G47514" s="1" t="s">
        <v>161439</v>
      </c>
      <c r="H47514" s="1" t="s">
        <v>161440</v>
      </c>
      <c r="I47514" s="1" t="s">
        <v>161341</v>
      </c>
      <c r="J47514" s="1" t="s">
        <v>161518</v>
      </c>
    </row>
    <row r="47515" spans="1:10" x14ac:dyDescent="0.35">
      <c r="A47515" s="1" t="s">
        <v>5531</v>
      </c>
      <c r="B47515" s="1" t="s">
        <v>161335</v>
      </c>
      <c r="C47515" s="1" t="s">
        <v>140</v>
      </c>
      <c r="D47515" s="1" t="s">
        <v>37284</v>
      </c>
      <c r="E47515" s="1" t="s">
        <v>161519</v>
      </c>
      <c r="F47515" s="1" t="s">
        <v>161520</v>
      </c>
      <c r="G47515" s="1" t="s">
        <v>161439</v>
      </c>
      <c r="H47515" s="1" t="s">
        <v>161440</v>
      </c>
      <c r="I47515" s="1" t="s">
        <v>161341</v>
      </c>
      <c r="J47515" s="1" t="s">
        <v>161521</v>
      </c>
    </row>
    <row r="47516" spans="1:10" x14ac:dyDescent="0.35">
      <c r="A47516" s="1" t="s">
        <v>5531</v>
      </c>
      <c r="B47516" s="1" t="s">
        <v>161335</v>
      </c>
      <c r="C47516" s="1" t="s">
        <v>145</v>
      </c>
      <c r="D47516" s="1" t="s">
        <v>36156</v>
      </c>
      <c r="E47516" s="1" t="s">
        <v>161522</v>
      </c>
      <c r="F47516" s="1" t="s">
        <v>161523</v>
      </c>
      <c r="G47516" s="1" t="s">
        <v>161439</v>
      </c>
      <c r="H47516" s="1" t="s">
        <v>161440</v>
      </c>
      <c r="I47516" s="1" t="s">
        <v>161341</v>
      </c>
      <c r="J47516" s="1" t="s">
        <v>161524</v>
      </c>
    </row>
    <row r="47517" spans="1:10" x14ac:dyDescent="0.35">
      <c r="A47517" s="1" t="s">
        <v>5531</v>
      </c>
      <c r="B47517" s="1" t="s">
        <v>161335</v>
      </c>
      <c r="C47517" s="1" t="s">
        <v>150</v>
      </c>
      <c r="D47517" s="1" t="s">
        <v>15459</v>
      </c>
      <c r="E47517" s="1" t="s">
        <v>161525</v>
      </c>
      <c r="F47517" s="1" t="s">
        <v>161526</v>
      </c>
      <c r="G47517" s="1" t="s">
        <v>161439</v>
      </c>
      <c r="H47517" s="1" t="s">
        <v>161440</v>
      </c>
      <c r="I47517" s="1" t="s">
        <v>161341</v>
      </c>
      <c r="J47517" s="1" t="s">
        <v>161527</v>
      </c>
    </row>
    <row r="47518" spans="1:10" x14ac:dyDescent="0.35">
      <c r="A47518" s="1" t="s">
        <v>5531</v>
      </c>
      <c r="B47518" s="1" t="s">
        <v>161335</v>
      </c>
      <c r="C47518" s="1" t="s">
        <v>155</v>
      </c>
      <c r="D47518" s="1" t="s">
        <v>142974</v>
      </c>
      <c r="E47518" s="1" t="s">
        <v>161528</v>
      </c>
      <c r="F47518" s="1" t="s">
        <v>161529</v>
      </c>
      <c r="G47518" s="1" t="s">
        <v>161439</v>
      </c>
      <c r="H47518" s="1" t="s">
        <v>161440</v>
      </c>
      <c r="I47518" s="1" t="s">
        <v>161341</v>
      </c>
      <c r="J47518" s="1" t="s">
        <v>161530</v>
      </c>
    </row>
    <row r="47519" spans="1:10" x14ac:dyDescent="0.35">
      <c r="A47519" s="1" t="s">
        <v>5531</v>
      </c>
      <c r="B47519" s="1" t="s">
        <v>161335</v>
      </c>
      <c r="C47519" s="1" t="s">
        <v>160</v>
      </c>
      <c r="D47519" s="1" t="s">
        <v>29480</v>
      </c>
      <c r="E47519" s="1" t="s">
        <v>161531</v>
      </c>
      <c r="F47519" s="1" t="s">
        <v>161532</v>
      </c>
      <c r="G47519" s="1" t="s">
        <v>161439</v>
      </c>
      <c r="H47519" s="1" t="s">
        <v>161440</v>
      </c>
      <c r="I47519" s="1" t="s">
        <v>161341</v>
      </c>
      <c r="J47519" s="1" t="s">
        <v>161533</v>
      </c>
    </row>
    <row r="47520" spans="1:10" x14ac:dyDescent="0.35">
      <c r="A47520" s="1" t="s">
        <v>5531</v>
      </c>
      <c r="B47520" s="1" t="s">
        <v>161335</v>
      </c>
      <c r="C47520" s="1" t="s">
        <v>165</v>
      </c>
      <c r="D47520" s="1" t="s">
        <v>25426</v>
      </c>
      <c r="E47520" s="1" t="s">
        <v>161534</v>
      </c>
      <c r="F47520" s="1" t="s">
        <v>161535</v>
      </c>
      <c r="G47520" s="1" t="s">
        <v>161439</v>
      </c>
      <c r="H47520" s="1" t="s">
        <v>161440</v>
      </c>
      <c r="I47520" s="1" t="s">
        <v>161341</v>
      </c>
      <c r="J47520" s="1" t="s">
        <v>161536</v>
      </c>
    </row>
    <row r="47521" spans="1:10" x14ac:dyDescent="0.35">
      <c r="A47521" s="1" t="s">
        <v>5531</v>
      </c>
      <c r="B47521" s="1" t="s">
        <v>161335</v>
      </c>
      <c r="C47521" s="1" t="s">
        <v>170</v>
      </c>
      <c r="D47521" s="1" t="s">
        <v>161537</v>
      </c>
      <c r="E47521" s="1" t="s">
        <v>161538</v>
      </c>
      <c r="F47521" s="1" t="s">
        <v>161539</v>
      </c>
      <c r="G47521" s="1" t="s">
        <v>161439</v>
      </c>
      <c r="H47521" s="1" t="s">
        <v>161440</v>
      </c>
      <c r="I47521" s="1" t="s">
        <v>161341</v>
      </c>
      <c r="J47521" s="1" t="s">
        <v>161540</v>
      </c>
    </row>
    <row r="47522" spans="1:10" x14ac:dyDescent="0.35">
      <c r="A47522" s="1" t="s">
        <v>3904</v>
      </c>
      <c r="B47522" s="1" t="s">
        <v>161335</v>
      </c>
      <c r="C47522" s="1" t="s">
        <v>8</v>
      </c>
      <c r="D47522" s="1" t="s">
        <v>29087</v>
      </c>
      <c r="E47522" s="1" t="s">
        <v>161541</v>
      </c>
      <c r="F47522" s="1" t="s">
        <v>161542</v>
      </c>
      <c r="G47522" s="1" t="s">
        <v>161543</v>
      </c>
      <c r="H47522" s="1" t="s">
        <v>161544</v>
      </c>
      <c r="I47522" s="1" t="s">
        <v>161341</v>
      </c>
      <c r="J47522" s="1" t="s">
        <v>13</v>
      </c>
    </row>
    <row r="47523" spans="1:10" x14ac:dyDescent="0.35">
      <c r="A47523" s="1" t="s">
        <v>3904</v>
      </c>
      <c r="B47523" s="1" t="s">
        <v>161335</v>
      </c>
      <c r="C47523" s="1" t="s">
        <v>15</v>
      </c>
      <c r="D47523" s="1" t="s">
        <v>7040</v>
      </c>
      <c r="E47523" s="1" t="s">
        <v>161545</v>
      </c>
      <c r="F47523" s="1" t="s">
        <v>161546</v>
      </c>
      <c r="G47523" s="1" t="s">
        <v>161543</v>
      </c>
      <c r="H47523" s="1" t="s">
        <v>161544</v>
      </c>
      <c r="I47523" s="1" t="s">
        <v>161341</v>
      </c>
      <c r="J47523" s="1" t="s">
        <v>161547</v>
      </c>
    </row>
    <row r="47524" spans="1:10" x14ac:dyDescent="0.35">
      <c r="A47524" s="1" t="s">
        <v>3904</v>
      </c>
      <c r="B47524" s="1" t="s">
        <v>161335</v>
      </c>
      <c r="C47524" s="1" t="s">
        <v>20</v>
      </c>
      <c r="D47524" s="1" t="s">
        <v>142363</v>
      </c>
      <c r="E47524" s="1" t="s">
        <v>161548</v>
      </c>
      <c r="F47524" s="1" t="s">
        <v>161549</v>
      </c>
      <c r="G47524" s="1" t="s">
        <v>161543</v>
      </c>
      <c r="H47524" s="1" t="s">
        <v>161544</v>
      </c>
      <c r="I47524" s="1" t="s">
        <v>161341</v>
      </c>
      <c r="J47524" s="1" t="s">
        <v>161550</v>
      </c>
    </row>
    <row r="47525" spans="1:10" x14ac:dyDescent="0.35">
      <c r="A47525" s="1" t="s">
        <v>3904</v>
      </c>
      <c r="B47525" s="1" t="s">
        <v>161335</v>
      </c>
      <c r="C47525" s="1" t="s">
        <v>25</v>
      </c>
      <c r="D47525" s="1" t="s">
        <v>143012</v>
      </c>
      <c r="E47525" s="1" t="s">
        <v>161551</v>
      </c>
      <c r="F47525" s="1" t="s">
        <v>161552</v>
      </c>
      <c r="G47525" s="1" t="s">
        <v>161543</v>
      </c>
      <c r="H47525" s="1" t="s">
        <v>161544</v>
      </c>
      <c r="I47525" s="1" t="s">
        <v>161341</v>
      </c>
      <c r="J47525" s="1" t="s">
        <v>161553</v>
      </c>
    </row>
    <row r="47526" spans="1:10" x14ac:dyDescent="0.35">
      <c r="A47526" s="1" t="s">
        <v>3904</v>
      </c>
      <c r="B47526" s="1" t="s">
        <v>161335</v>
      </c>
      <c r="C47526" s="1" t="s">
        <v>30</v>
      </c>
      <c r="D47526" s="1" t="s">
        <v>8679</v>
      </c>
      <c r="E47526" s="1" t="s">
        <v>161554</v>
      </c>
      <c r="F47526" s="1" t="s">
        <v>161555</v>
      </c>
      <c r="G47526" s="1" t="s">
        <v>161543</v>
      </c>
      <c r="H47526" s="1" t="s">
        <v>161544</v>
      </c>
      <c r="I47526" s="1" t="s">
        <v>161341</v>
      </c>
      <c r="J47526" s="1" t="s">
        <v>161556</v>
      </c>
    </row>
    <row r="47527" spans="1:10" x14ac:dyDescent="0.35">
      <c r="A47527" s="1" t="s">
        <v>3904</v>
      </c>
      <c r="B47527" s="1" t="s">
        <v>161335</v>
      </c>
      <c r="C47527" s="1" t="s">
        <v>35</v>
      </c>
      <c r="D47527" s="1" t="s">
        <v>28428</v>
      </c>
      <c r="E47527" s="1" t="s">
        <v>161557</v>
      </c>
      <c r="F47527" s="1" t="s">
        <v>161558</v>
      </c>
      <c r="G47527" s="1" t="s">
        <v>161543</v>
      </c>
      <c r="H47527" s="1" t="s">
        <v>161544</v>
      </c>
      <c r="I47527" s="1" t="s">
        <v>161341</v>
      </c>
      <c r="J47527" s="1" t="s">
        <v>159428</v>
      </c>
    </row>
    <row r="47528" spans="1:10" x14ac:dyDescent="0.35">
      <c r="A47528" s="1" t="s">
        <v>3904</v>
      </c>
      <c r="B47528" s="1" t="s">
        <v>161335</v>
      </c>
      <c r="C47528" s="1" t="s">
        <v>40</v>
      </c>
      <c r="D47528" s="1" t="s">
        <v>4404</v>
      </c>
      <c r="E47528" s="1" t="s">
        <v>161559</v>
      </c>
      <c r="F47528" s="1" t="s">
        <v>161560</v>
      </c>
      <c r="G47528" s="1" t="s">
        <v>161543</v>
      </c>
      <c r="H47528" s="1" t="s">
        <v>161544</v>
      </c>
      <c r="I47528" s="1" t="s">
        <v>161341</v>
      </c>
      <c r="J47528" s="1" t="s">
        <v>161561</v>
      </c>
    </row>
    <row r="47529" spans="1:10" x14ac:dyDescent="0.35">
      <c r="A47529" s="1" t="s">
        <v>3904</v>
      </c>
      <c r="B47529" s="1" t="s">
        <v>161335</v>
      </c>
      <c r="C47529" s="1" t="s">
        <v>45</v>
      </c>
      <c r="D47529" s="1" t="s">
        <v>145030</v>
      </c>
      <c r="E47529" s="1" t="s">
        <v>161562</v>
      </c>
      <c r="F47529" s="1" t="s">
        <v>161563</v>
      </c>
      <c r="G47529" s="1" t="s">
        <v>161543</v>
      </c>
      <c r="H47529" s="1" t="s">
        <v>161544</v>
      </c>
      <c r="I47529" s="1" t="s">
        <v>161341</v>
      </c>
      <c r="J47529" s="1" t="s">
        <v>161564</v>
      </c>
    </row>
    <row r="47530" spans="1:10" x14ac:dyDescent="0.35">
      <c r="A47530" s="1" t="s">
        <v>3904</v>
      </c>
      <c r="B47530" s="1" t="s">
        <v>161335</v>
      </c>
      <c r="C47530" s="1" t="s">
        <v>50</v>
      </c>
      <c r="D47530" s="1" t="s">
        <v>144018</v>
      </c>
      <c r="E47530" s="1" t="s">
        <v>161565</v>
      </c>
      <c r="F47530" s="1" t="s">
        <v>161566</v>
      </c>
      <c r="G47530" s="1" t="s">
        <v>161543</v>
      </c>
      <c r="H47530" s="1" t="s">
        <v>161544</v>
      </c>
      <c r="I47530" s="1" t="s">
        <v>161341</v>
      </c>
      <c r="J47530" s="1" t="s">
        <v>161567</v>
      </c>
    </row>
    <row r="47531" spans="1:10" x14ac:dyDescent="0.35">
      <c r="A47531" s="1" t="s">
        <v>3904</v>
      </c>
      <c r="B47531" s="1" t="s">
        <v>161335</v>
      </c>
      <c r="C47531" s="1" t="s">
        <v>55</v>
      </c>
      <c r="D47531" s="1" t="s">
        <v>45143</v>
      </c>
      <c r="E47531" s="1" t="s">
        <v>161568</v>
      </c>
      <c r="F47531" s="1" t="s">
        <v>161569</v>
      </c>
      <c r="G47531" s="1" t="s">
        <v>161543</v>
      </c>
      <c r="H47531" s="1" t="s">
        <v>161544</v>
      </c>
      <c r="I47531" s="1" t="s">
        <v>161341</v>
      </c>
      <c r="J47531" s="1" t="s">
        <v>161570</v>
      </c>
    </row>
    <row r="47532" spans="1:10" x14ac:dyDescent="0.35">
      <c r="A47532" s="1" t="s">
        <v>3904</v>
      </c>
      <c r="B47532" s="1" t="s">
        <v>161335</v>
      </c>
      <c r="C47532" s="1" t="s">
        <v>60</v>
      </c>
      <c r="D47532" s="1" t="s">
        <v>4757</v>
      </c>
      <c r="E47532" s="1" t="s">
        <v>161571</v>
      </c>
      <c r="F47532" s="1" t="s">
        <v>161572</v>
      </c>
      <c r="G47532" s="1" t="s">
        <v>161543</v>
      </c>
      <c r="H47532" s="1" t="s">
        <v>161544</v>
      </c>
      <c r="I47532" s="1" t="s">
        <v>161341</v>
      </c>
      <c r="J47532" s="1" t="s">
        <v>161573</v>
      </c>
    </row>
    <row r="47533" spans="1:10" x14ac:dyDescent="0.35">
      <c r="A47533" s="1" t="s">
        <v>3904</v>
      </c>
      <c r="B47533" s="1" t="s">
        <v>161335</v>
      </c>
      <c r="C47533" s="1" t="s">
        <v>65</v>
      </c>
      <c r="D47533" s="1" t="s">
        <v>148800</v>
      </c>
      <c r="E47533" s="1" t="s">
        <v>161574</v>
      </c>
      <c r="F47533" s="1" t="s">
        <v>161575</v>
      </c>
      <c r="G47533" s="1" t="s">
        <v>161543</v>
      </c>
      <c r="H47533" s="1" t="s">
        <v>161544</v>
      </c>
      <c r="I47533" s="1" t="s">
        <v>161341</v>
      </c>
      <c r="J47533" s="1" t="s">
        <v>161576</v>
      </c>
    </row>
    <row r="47534" spans="1:10" x14ac:dyDescent="0.35">
      <c r="A47534" s="1" t="s">
        <v>3904</v>
      </c>
      <c r="B47534" s="1" t="s">
        <v>161335</v>
      </c>
      <c r="C47534" s="1" t="s">
        <v>70</v>
      </c>
      <c r="D47534" s="1" t="s">
        <v>15327</v>
      </c>
      <c r="E47534" s="1" t="s">
        <v>161577</v>
      </c>
      <c r="F47534" s="1" t="s">
        <v>161578</v>
      </c>
      <c r="G47534" s="1" t="s">
        <v>161543</v>
      </c>
      <c r="H47534" s="1" t="s">
        <v>161544</v>
      </c>
      <c r="I47534" s="1" t="s">
        <v>161341</v>
      </c>
      <c r="J47534" s="1" t="s">
        <v>161579</v>
      </c>
    </row>
    <row r="47535" spans="1:10" x14ac:dyDescent="0.35">
      <c r="A47535" s="1" t="s">
        <v>3904</v>
      </c>
      <c r="B47535" s="1" t="s">
        <v>161335</v>
      </c>
      <c r="C47535" s="1" t="s">
        <v>75</v>
      </c>
      <c r="D47535" s="1" t="s">
        <v>25247</v>
      </c>
      <c r="E47535" s="1" t="s">
        <v>161580</v>
      </c>
      <c r="F47535" s="1" t="s">
        <v>161581</v>
      </c>
      <c r="G47535" s="1" t="s">
        <v>161543</v>
      </c>
      <c r="H47535" s="1" t="s">
        <v>161544</v>
      </c>
      <c r="I47535" s="1" t="s">
        <v>161341</v>
      </c>
      <c r="J47535" s="1" t="s">
        <v>161582</v>
      </c>
    </row>
    <row r="47536" spans="1:10" x14ac:dyDescent="0.35">
      <c r="A47536" s="1" t="s">
        <v>3904</v>
      </c>
      <c r="B47536" s="1" t="s">
        <v>161335</v>
      </c>
      <c r="C47536" s="1" t="s">
        <v>80</v>
      </c>
      <c r="D47536" s="1" t="s">
        <v>158938</v>
      </c>
      <c r="E47536" s="1" t="s">
        <v>7564</v>
      </c>
      <c r="F47536" s="1" t="s">
        <v>161583</v>
      </c>
      <c r="G47536" s="1" t="s">
        <v>161543</v>
      </c>
      <c r="H47536" s="1" t="s">
        <v>161544</v>
      </c>
      <c r="I47536" s="1" t="s">
        <v>161341</v>
      </c>
      <c r="J47536" s="1" t="s">
        <v>161584</v>
      </c>
    </row>
    <row r="47537" spans="1:10" x14ac:dyDescent="0.35">
      <c r="A47537" s="1" t="s">
        <v>3904</v>
      </c>
      <c r="B47537" s="1" t="s">
        <v>161335</v>
      </c>
      <c r="C47537" s="1" t="s">
        <v>85</v>
      </c>
      <c r="D47537" s="1" t="s">
        <v>28210</v>
      </c>
      <c r="E47537" s="1" t="s">
        <v>161585</v>
      </c>
      <c r="F47537" s="1" t="s">
        <v>161586</v>
      </c>
      <c r="G47537" s="1" t="s">
        <v>161543</v>
      </c>
      <c r="H47537" s="1" t="s">
        <v>161544</v>
      </c>
      <c r="I47537" s="1" t="s">
        <v>161341</v>
      </c>
      <c r="J47537" s="1" t="s">
        <v>161587</v>
      </c>
    </row>
    <row r="47538" spans="1:10" x14ac:dyDescent="0.35">
      <c r="A47538" s="1" t="s">
        <v>3904</v>
      </c>
      <c r="B47538" s="1" t="s">
        <v>161335</v>
      </c>
      <c r="C47538" s="1" t="s">
        <v>90</v>
      </c>
      <c r="D47538" s="1" t="s">
        <v>9269</v>
      </c>
      <c r="E47538" s="1" t="s">
        <v>161588</v>
      </c>
      <c r="F47538" s="1" t="s">
        <v>161589</v>
      </c>
      <c r="G47538" s="1" t="s">
        <v>161543</v>
      </c>
      <c r="H47538" s="1" t="s">
        <v>161544</v>
      </c>
      <c r="I47538" s="1" t="s">
        <v>161341</v>
      </c>
      <c r="J47538" s="1" t="s">
        <v>161590</v>
      </c>
    </row>
    <row r="47539" spans="1:10" x14ac:dyDescent="0.35">
      <c r="A47539" s="1" t="s">
        <v>3904</v>
      </c>
      <c r="B47539" s="1" t="s">
        <v>161335</v>
      </c>
      <c r="C47539" s="1" t="s">
        <v>95</v>
      </c>
      <c r="D47539" s="1" t="s">
        <v>44784</v>
      </c>
      <c r="E47539" s="1" t="s">
        <v>161591</v>
      </c>
      <c r="F47539" s="1" t="s">
        <v>161592</v>
      </c>
      <c r="G47539" s="1" t="s">
        <v>161543</v>
      </c>
      <c r="H47539" s="1" t="s">
        <v>161544</v>
      </c>
      <c r="I47539" s="1" t="s">
        <v>161341</v>
      </c>
      <c r="J47539" s="1" t="s">
        <v>161593</v>
      </c>
    </row>
    <row r="47540" spans="1:10" x14ac:dyDescent="0.35">
      <c r="A47540" s="1" t="s">
        <v>3904</v>
      </c>
      <c r="B47540" s="1" t="s">
        <v>161335</v>
      </c>
      <c r="C47540" s="1" t="s">
        <v>100</v>
      </c>
      <c r="D47540" s="1" t="s">
        <v>161594</v>
      </c>
      <c r="E47540" s="1" t="s">
        <v>161595</v>
      </c>
      <c r="F47540" s="1" t="s">
        <v>161596</v>
      </c>
      <c r="G47540" s="1" t="s">
        <v>161543</v>
      </c>
      <c r="H47540" s="1" t="s">
        <v>161544</v>
      </c>
      <c r="I47540" s="1" t="s">
        <v>161341</v>
      </c>
      <c r="J47540" s="1" t="s">
        <v>161597</v>
      </c>
    </row>
    <row r="47541" spans="1:10" x14ac:dyDescent="0.35">
      <c r="A47541" s="1" t="s">
        <v>3904</v>
      </c>
      <c r="B47541" s="1" t="s">
        <v>161335</v>
      </c>
      <c r="C47541" s="1" t="s">
        <v>105</v>
      </c>
      <c r="D47541" s="1" t="s">
        <v>6928</v>
      </c>
      <c r="E47541" s="1" t="s">
        <v>161598</v>
      </c>
      <c r="F47541" s="1" t="s">
        <v>161599</v>
      </c>
      <c r="G47541" s="1" t="s">
        <v>161543</v>
      </c>
      <c r="H47541" s="1" t="s">
        <v>161544</v>
      </c>
      <c r="I47541" s="1" t="s">
        <v>161341</v>
      </c>
      <c r="J47541" s="1" t="s">
        <v>161600</v>
      </c>
    </row>
    <row r="47542" spans="1:10" x14ac:dyDescent="0.35">
      <c r="A47542" s="1" t="s">
        <v>3904</v>
      </c>
      <c r="B47542" s="1" t="s">
        <v>161335</v>
      </c>
      <c r="C47542" s="1" t="s">
        <v>110</v>
      </c>
      <c r="D47542" s="1" t="s">
        <v>104453</v>
      </c>
      <c r="E47542" s="1" t="s">
        <v>161601</v>
      </c>
      <c r="F47542" s="1" t="s">
        <v>161602</v>
      </c>
      <c r="G47542" s="1" t="s">
        <v>161543</v>
      </c>
      <c r="H47542" s="1" t="s">
        <v>161544</v>
      </c>
      <c r="I47542" s="1" t="s">
        <v>161341</v>
      </c>
      <c r="J47542" s="1" t="s">
        <v>161603</v>
      </c>
    </row>
    <row r="47543" spans="1:10" x14ac:dyDescent="0.35">
      <c r="A47543" s="1" t="s">
        <v>3904</v>
      </c>
      <c r="B47543" s="1" t="s">
        <v>161335</v>
      </c>
      <c r="C47543" s="1" t="s">
        <v>115</v>
      </c>
      <c r="D47543" s="1" t="s">
        <v>161604</v>
      </c>
      <c r="E47543" s="1" t="s">
        <v>161605</v>
      </c>
      <c r="F47543" s="1" t="s">
        <v>161606</v>
      </c>
      <c r="G47543" s="1" t="s">
        <v>161543</v>
      </c>
      <c r="H47543" s="1" t="s">
        <v>161544</v>
      </c>
      <c r="I47543" s="1" t="s">
        <v>161341</v>
      </c>
      <c r="J47543" s="1" t="s">
        <v>161607</v>
      </c>
    </row>
    <row r="47544" spans="1:10" x14ac:dyDescent="0.35">
      <c r="A47544" s="1" t="s">
        <v>3904</v>
      </c>
      <c r="B47544" s="1" t="s">
        <v>161335</v>
      </c>
      <c r="C47544" s="1" t="s">
        <v>120</v>
      </c>
      <c r="D47544" s="1" t="s">
        <v>161608</v>
      </c>
      <c r="E47544" s="1" t="s">
        <v>161609</v>
      </c>
      <c r="F47544" s="1" t="s">
        <v>161610</v>
      </c>
      <c r="G47544" s="1" t="s">
        <v>161543</v>
      </c>
      <c r="H47544" s="1" t="s">
        <v>161544</v>
      </c>
      <c r="I47544" s="1" t="s">
        <v>161341</v>
      </c>
      <c r="J47544" s="1" t="s">
        <v>161611</v>
      </c>
    </row>
    <row r="47545" spans="1:10" x14ac:dyDescent="0.35">
      <c r="A47545" s="1" t="s">
        <v>3904</v>
      </c>
      <c r="B47545" s="1" t="s">
        <v>161335</v>
      </c>
      <c r="C47545" s="1" t="s">
        <v>125</v>
      </c>
      <c r="D47545" s="1" t="s">
        <v>30182</v>
      </c>
      <c r="E47545" s="1" t="s">
        <v>161577</v>
      </c>
      <c r="F47545" s="1" t="s">
        <v>161612</v>
      </c>
      <c r="G47545" s="1" t="s">
        <v>161543</v>
      </c>
      <c r="H47545" s="1" t="s">
        <v>161544</v>
      </c>
      <c r="I47545" s="1" t="s">
        <v>161341</v>
      </c>
      <c r="J47545" s="1" t="s">
        <v>161613</v>
      </c>
    </row>
    <row r="47546" spans="1:10" x14ac:dyDescent="0.35">
      <c r="A47546" s="1" t="s">
        <v>3904</v>
      </c>
      <c r="B47546" s="1" t="s">
        <v>161335</v>
      </c>
      <c r="C47546" s="1" t="s">
        <v>130</v>
      </c>
      <c r="D47546" s="1" t="s">
        <v>9690</v>
      </c>
      <c r="E47546" s="1" t="s">
        <v>161614</v>
      </c>
      <c r="F47546" s="1" t="s">
        <v>161615</v>
      </c>
      <c r="G47546" s="1" t="s">
        <v>161543</v>
      </c>
      <c r="H47546" s="1" t="s">
        <v>161544</v>
      </c>
      <c r="I47546" s="1" t="s">
        <v>161341</v>
      </c>
      <c r="J47546" s="1" t="s">
        <v>161616</v>
      </c>
    </row>
    <row r="47547" spans="1:10" x14ac:dyDescent="0.35">
      <c r="A47547" s="1" t="s">
        <v>3904</v>
      </c>
      <c r="B47547" s="1" t="s">
        <v>161335</v>
      </c>
      <c r="C47547" s="1" t="s">
        <v>135</v>
      </c>
      <c r="D47547" s="1" t="s">
        <v>15732</v>
      </c>
      <c r="E47547" s="1" t="s">
        <v>161617</v>
      </c>
      <c r="F47547" s="1" t="s">
        <v>161618</v>
      </c>
      <c r="G47547" s="1" t="s">
        <v>161543</v>
      </c>
      <c r="H47547" s="1" t="s">
        <v>161544</v>
      </c>
      <c r="I47547" s="1" t="s">
        <v>161341</v>
      </c>
      <c r="J47547" s="1" t="s">
        <v>161619</v>
      </c>
    </row>
    <row r="47548" spans="1:10" x14ac:dyDescent="0.35">
      <c r="A47548" s="1" t="s">
        <v>3904</v>
      </c>
      <c r="B47548" s="1" t="s">
        <v>161335</v>
      </c>
      <c r="C47548" s="1" t="s">
        <v>140</v>
      </c>
      <c r="D47548" s="1" t="s">
        <v>33548</v>
      </c>
      <c r="E47548" s="1" t="s">
        <v>161620</v>
      </c>
      <c r="F47548" s="1" t="s">
        <v>161621</v>
      </c>
      <c r="G47548" s="1" t="s">
        <v>161543</v>
      </c>
      <c r="H47548" s="1" t="s">
        <v>161544</v>
      </c>
      <c r="I47548" s="1" t="s">
        <v>161341</v>
      </c>
      <c r="J47548" s="1" t="s">
        <v>161622</v>
      </c>
    </row>
    <row r="47549" spans="1:10" x14ac:dyDescent="0.35">
      <c r="A47549" s="1" t="s">
        <v>3904</v>
      </c>
      <c r="B47549" s="1" t="s">
        <v>161335</v>
      </c>
      <c r="C47549" s="1" t="s">
        <v>145</v>
      </c>
      <c r="D47549" s="1" t="s">
        <v>45496</v>
      </c>
      <c r="E47549" s="1" t="s">
        <v>161623</v>
      </c>
      <c r="F47549" s="1" t="s">
        <v>161624</v>
      </c>
      <c r="G47549" s="1" t="s">
        <v>161543</v>
      </c>
      <c r="H47549" s="1" t="s">
        <v>161544</v>
      </c>
      <c r="I47549" s="1" t="s">
        <v>161341</v>
      </c>
      <c r="J47549" s="1" t="s">
        <v>161625</v>
      </c>
    </row>
    <row r="47550" spans="1:10" x14ac:dyDescent="0.35">
      <c r="A47550" s="1" t="s">
        <v>3904</v>
      </c>
      <c r="B47550" s="1" t="s">
        <v>161335</v>
      </c>
      <c r="C47550" s="1" t="s">
        <v>150</v>
      </c>
      <c r="D47550" s="1" t="s">
        <v>2307</v>
      </c>
      <c r="E47550" s="1" t="s">
        <v>161626</v>
      </c>
      <c r="F47550" s="1" t="s">
        <v>161627</v>
      </c>
      <c r="G47550" s="1" t="s">
        <v>161543</v>
      </c>
      <c r="H47550" s="1" t="s">
        <v>161544</v>
      </c>
      <c r="I47550" s="1" t="s">
        <v>161341</v>
      </c>
      <c r="J47550" s="1" t="s">
        <v>161628</v>
      </c>
    </row>
    <row r="47551" spans="1:10" x14ac:dyDescent="0.35">
      <c r="A47551" s="1" t="s">
        <v>3904</v>
      </c>
      <c r="B47551" s="1" t="s">
        <v>161335</v>
      </c>
      <c r="C47551" s="1" t="s">
        <v>155</v>
      </c>
      <c r="D47551" s="1" t="s">
        <v>34788</v>
      </c>
      <c r="E47551" s="1" t="s">
        <v>161629</v>
      </c>
      <c r="F47551" s="1" t="s">
        <v>161630</v>
      </c>
      <c r="G47551" s="1" t="s">
        <v>161543</v>
      </c>
      <c r="H47551" s="1" t="s">
        <v>161544</v>
      </c>
      <c r="I47551" s="1" t="s">
        <v>161341</v>
      </c>
      <c r="J47551" s="1" t="s">
        <v>161631</v>
      </c>
    </row>
    <row r="47552" spans="1:10" x14ac:dyDescent="0.35">
      <c r="A47552" s="1" t="s">
        <v>3904</v>
      </c>
      <c r="B47552" s="1" t="s">
        <v>161335</v>
      </c>
      <c r="C47552" s="1" t="s">
        <v>160</v>
      </c>
      <c r="D47552" s="1" t="s">
        <v>27498</v>
      </c>
      <c r="E47552" s="1" t="s">
        <v>161632</v>
      </c>
      <c r="F47552" s="1" t="s">
        <v>161633</v>
      </c>
      <c r="G47552" s="1" t="s">
        <v>161543</v>
      </c>
      <c r="H47552" s="1" t="s">
        <v>161544</v>
      </c>
      <c r="I47552" s="1" t="s">
        <v>161341</v>
      </c>
      <c r="J47552" s="1" t="s">
        <v>161634</v>
      </c>
    </row>
    <row r="47553" spans="1:10" x14ac:dyDescent="0.35">
      <c r="A47553" s="1" t="s">
        <v>3904</v>
      </c>
      <c r="B47553" s="1" t="s">
        <v>161335</v>
      </c>
      <c r="C47553" s="1" t="s">
        <v>165</v>
      </c>
      <c r="D47553" s="1" t="s">
        <v>2343</v>
      </c>
      <c r="E47553" s="1" t="s">
        <v>161635</v>
      </c>
      <c r="F47553" s="1" t="s">
        <v>161621</v>
      </c>
      <c r="G47553" s="1" t="s">
        <v>161543</v>
      </c>
      <c r="H47553" s="1" t="s">
        <v>161544</v>
      </c>
      <c r="I47553" s="1" t="s">
        <v>161341</v>
      </c>
      <c r="J47553" s="1" t="s">
        <v>161636</v>
      </c>
    </row>
    <row r="47554" spans="1:10" x14ac:dyDescent="0.35">
      <c r="A47554" s="1" t="s">
        <v>3904</v>
      </c>
      <c r="B47554" s="1" t="s">
        <v>161335</v>
      </c>
      <c r="C47554" s="1" t="s">
        <v>170</v>
      </c>
      <c r="D47554" s="1" t="s">
        <v>15875</v>
      </c>
      <c r="E47554" s="1" t="s">
        <v>161637</v>
      </c>
      <c r="F47554" s="1" t="s">
        <v>161621</v>
      </c>
      <c r="G47554" s="1" t="s">
        <v>161543</v>
      </c>
      <c r="H47554" s="1" t="s">
        <v>161544</v>
      </c>
      <c r="I47554" s="1" t="s">
        <v>161341</v>
      </c>
      <c r="J47554" s="1" t="s">
        <v>161638</v>
      </c>
    </row>
    <row r="47555" spans="1:10" x14ac:dyDescent="0.35">
      <c r="A47555" s="1" t="s">
        <v>10224</v>
      </c>
      <c r="B47555" s="1" t="s">
        <v>161335</v>
      </c>
      <c r="C47555" s="1" t="s">
        <v>8</v>
      </c>
      <c r="D47555" s="1" t="s">
        <v>51025</v>
      </c>
      <c r="E47555" s="1" t="s">
        <v>161639</v>
      </c>
      <c r="F47555" s="1" t="s">
        <v>161640</v>
      </c>
      <c r="G47555" s="1" t="s">
        <v>161641</v>
      </c>
      <c r="H47555" s="1" t="s">
        <v>161642</v>
      </c>
      <c r="I47555" s="1" t="s">
        <v>161341</v>
      </c>
      <c r="J47555" s="1" t="s">
        <v>13</v>
      </c>
    </row>
    <row r="47556" spans="1:10" x14ac:dyDescent="0.35">
      <c r="A47556" s="1" t="s">
        <v>10224</v>
      </c>
      <c r="B47556" s="1" t="s">
        <v>161335</v>
      </c>
      <c r="C47556" s="1" t="s">
        <v>15</v>
      </c>
      <c r="D47556" s="1" t="s">
        <v>145639</v>
      </c>
      <c r="E47556" s="1" t="s">
        <v>161643</v>
      </c>
      <c r="F47556" s="1" t="s">
        <v>161644</v>
      </c>
      <c r="G47556" s="1" t="s">
        <v>161641</v>
      </c>
      <c r="H47556" s="1" t="s">
        <v>161642</v>
      </c>
      <c r="I47556" s="1" t="s">
        <v>161341</v>
      </c>
      <c r="J47556" s="1" t="s">
        <v>161645</v>
      </c>
    </row>
    <row r="47557" spans="1:10" x14ac:dyDescent="0.35">
      <c r="A47557" s="1" t="s">
        <v>10224</v>
      </c>
      <c r="B47557" s="1" t="s">
        <v>161335</v>
      </c>
      <c r="C47557" s="1" t="s">
        <v>20</v>
      </c>
      <c r="D47557" s="1" t="s">
        <v>8748</v>
      </c>
      <c r="E47557" s="1" t="s">
        <v>161646</v>
      </c>
      <c r="F47557" s="1" t="s">
        <v>161647</v>
      </c>
      <c r="G47557" s="1" t="s">
        <v>161641</v>
      </c>
      <c r="H47557" s="1" t="s">
        <v>161642</v>
      </c>
      <c r="I47557" s="1" t="s">
        <v>161341</v>
      </c>
      <c r="J47557" s="1" t="s">
        <v>161648</v>
      </c>
    </row>
    <row r="47558" spans="1:10" x14ac:dyDescent="0.35">
      <c r="A47558" s="1" t="s">
        <v>10224</v>
      </c>
      <c r="B47558" s="1" t="s">
        <v>161335</v>
      </c>
      <c r="C47558" s="1" t="s">
        <v>25</v>
      </c>
      <c r="D47558" s="1" t="s">
        <v>119480</v>
      </c>
      <c r="E47558" s="1" t="s">
        <v>161649</v>
      </c>
      <c r="F47558" s="1" t="s">
        <v>161650</v>
      </c>
      <c r="G47558" s="1" t="s">
        <v>161641</v>
      </c>
      <c r="H47558" s="1" t="s">
        <v>161642</v>
      </c>
      <c r="I47558" s="1" t="s">
        <v>161341</v>
      </c>
      <c r="J47558" s="1" t="s">
        <v>161651</v>
      </c>
    </row>
    <row r="47559" spans="1:10" x14ac:dyDescent="0.35">
      <c r="A47559" s="1" t="s">
        <v>10224</v>
      </c>
      <c r="B47559" s="1" t="s">
        <v>161335</v>
      </c>
      <c r="C47559" s="1" t="s">
        <v>30</v>
      </c>
      <c r="D47559" s="1" t="s">
        <v>161652</v>
      </c>
      <c r="E47559" s="1" t="s">
        <v>161653</v>
      </c>
      <c r="F47559" s="1" t="s">
        <v>161654</v>
      </c>
      <c r="G47559" s="1" t="s">
        <v>161641</v>
      </c>
      <c r="H47559" s="1" t="s">
        <v>161642</v>
      </c>
      <c r="I47559" s="1" t="s">
        <v>161341</v>
      </c>
      <c r="J47559" s="1" t="s">
        <v>161655</v>
      </c>
    </row>
    <row r="47560" spans="1:10" x14ac:dyDescent="0.35">
      <c r="A47560" s="1" t="s">
        <v>10224</v>
      </c>
      <c r="B47560" s="1" t="s">
        <v>161335</v>
      </c>
      <c r="C47560" s="1" t="s">
        <v>35</v>
      </c>
      <c r="D47560" s="1" t="s">
        <v>25401</v>
      </c>
      <c r="E47560" s="1" t="s">
        <v>161656</v>
      </c>
      <c r="F47560" s="1" t="s">
        <v>161657</v>
      </c>
      <c r="G47560" s="1" t="s">
        <v>161641</v>
      </c>
      <c r="H47560" s="1" t="s">
        <v>161642</v>
      </c>
      <c r="I47560" s="1" t="s">
        <v>161341</v>
      </c>
      <c r="J47560" s="1" t="s">
        <v>161658</v>
      </c>
    </row>
    <row r="47561" spans="1:10" x14ac:dyDescent="0.35">
      <c r="A47561" s="1" t="s">
        <v>10224</v>
      </c>
      <c r="B47561" s="1" t="s">
        <v>161335</v>
      </c>
      <c r="C47561" s="1" t="s">
        <v>40</v>
      </c>
      <c r="D47561" s="1" t="s">
        <v>144047</v>
      </c>
      <c r="E47561" s="1" t="s">
        <v>161659</v>
      </c>
      <c r="F47561" s="1" t="s">
        <v>161660</v>
      </c>
      <c r="G47561" s="1" t="s">
        <v>161641</v>
      </c>
      <c r="H47561" s="1" t="s">
        <v>161642</v>
      </c>
      <c r="I47561" s="1" t="s">
        <v>161341</v>
      </c>
      <c r="J47561" s="1" t="s">
        <v>161661</v>
      </c>
    </row>
    <row r="47562" spans="1:10" x14ac:dyDescent="0.35">
      <c r="A47562" s="1" t="s">
        <v>10224</v>
      </c>
      <c r="B47562" s="1" t="s">
        <v>161335</v>
      </c>
      <c r="C47562" s="1" t="s">
        <v>45</v>
      </c>
      <c r="D47562" s="1" t="s">
        <v>10209</v>
      </c>
      <c r="E47562" s="1" t="s">
        <v>161662</v>
      </c>
      <c r="F47562" s="1" t="s">
        <v>161663</v>
      </c>
      <c r="G47562" s="1" t="s">
        <v>161641</v>
      </c>
      <c r="H47562" s="1" t="s">
        <v>161642</v>
      </c>
      <c r="I47562" s="1" t="s">
        <v>161341</v>
      </c>
      <c r="J47562" s="1" t="s">
        <v>161664</v>
      </c>
    </row>
    <row r="47563" spans="1:10" x14ac:dyDescent="0.35">
      <c r="A47563" s="1" t="s">
        <v>10224</v>
      </c>
      <c r="B47563" s="1" t="s">
        <v>161335</v>
      </c>
      <c r="C47563" s="1" t="s">
        <v>50</v>
      </c>
      <c r="D47563" s="1" t="s">
        <v>8349</v>
      </c>
      <c r="E47563" s="1" t="s">
        <v>161665</v>
      </c>
      <c r="F47563" s="1" t="s">
        <v>161666</v>
      </c>
      <c r="G47563" s="1" t="s">
        <v>161641</v>
      </c>
      <c r="H47563" s="1" t="s">
        <v>161642</v>
      </c>
      <c r="I47563" s="1" t="s">
        <v>161341</v>
      </c>
      <c r="J47563" s="1" t="s">
        <v>161667</v>
      </c>
    </row>
    <row r="47564" spans="1:10" x14ac:dyDescent="0.35">
      <c r="A47564" s="1" t="s">
        <v>10224</v>
      </c>
      <c r="B47564" s="1" t="s">
        <v>161335</v>
      </c>
      <c r="C47564" s="1" t="s">
        <v>55</v>
      </c>
      <c r="D47564" s="1" t="s">
        <v>157385</v>
      </c>
      <c r="E47564" s="1" t="s">
        <v>161668</v>
      </c>
      <c r="F47564" s="1" t="s">
        <v>161669</v>
      </c>
      <c r="G47564" s="1" t="s">
        <v>161641</v>
      </c>
      <c r="H47564" s="1" t="s">
        <v>161642</v>
      </c>
      <c r="I47564" s="1" t="s">
        <v>161341</v>
      </c>
      <c r="J47564" s="1" t="s">
        <v>161670</v>
      </c>
    </row>
    <row r="47565" spans="1:10" x14ac:dyDescent="0.35">
      <c r="A47565" s="1" t="s">
        <v>10224</v>
      </c>
      <c r="B47565" s="1" t="s">
        <v>161335</v>
      </c>
      <c r="C47565" s="1" t="s">
        <v>60</v>
      </c>
      <c r="D47565" s="1" t="s">
        <v>7533</v>
      </c>
      <c r="E47565" s="1" t="s">
        <v>161671</v>
      </c>
      <c r="F47565" s="1" t="s">
        <v>161672</v>
      </c>
      <c r="G47565" s="1" t="s">
        <v>161641</v>
      </c>
      <c r="H47565" s="1" t="s">
        <v>161642</v>
      </c>
      <c r="I47565" s="1" t="s">
        <v>161341</v>
      </c>
      <c r="J47565" s="1" t="s">
        <v>161673</v>
      </c>
    </row>
    <row r="47566" spans="1:10" x14ac:dyDescent="0.35">
      <c r="A47566" s="1" t="s">
        <v>10224</v>
      </c>
      <c r="B47566" s="1" t="s">
        <v>161335</v>
      </c>
      <c r="C47566" s="1" t="s">
        <v>65</v>
      </c>
      <c r="D47566" s="1" t="s">
        <v>4685</v>
      </c>
      <c r="E47566" s="1" t="s">
        <v>161674</v>
      </c>
      <c r="F47566" s="1" t="s">
        <v>161675</v>
      </c>
      <c r="G47566" s="1" t="s">
        <v>161641</v>
      </c>
      <c r="H47566" s="1" t="s">
        <v>161642</v>
      </c>
      <c r="I47566" s="1" t="s">
        <v>161341</v>
      </c>
      <c r="J47566" s="1" t="s">
        <v>161676</v>
      </c>
    </row>
    <row r="47567" spans="1:10" x14ac:dyDescent="0.35">
      <c r="A47567" s="1" t="s">
        <v>10224</v>
      </c>
      <c r="B47567" s="1" t="s">
        <v>161335</v>
      </c>
      <c r="C47567" s="1" t="s">
        <v>70</v>
      </c>
      <c r="D47567" s="1" t="s">
        <v>111275</v>
      </c>
      <c r="E47567" s="1" t="s">
        <v>161677</v>
      </c>
      <c r="F47567" s="1" t="s">
        <v>161678</v>
      </c>
      <c r="G47567" s="1" t="s">
        <v>161641</v>
      </c>
      <c r="H47567" s="1" t="s">
        <v>161642</v>
      </c>
      <c r="I47567" s="1" t="s">
        <v>161341</v>
      </c>
      <c r="J47567" s="1" t="s">
        <v>161679</v>
      </c>
    </row>
    <row r="47568" spans="1:10" x14ac:dyDescent="0.35">
      <c r="A47568" s="1" t="s">
        <v>10224</v>
      </c>
      <c r="B47568" s="1" t="s">
        <v>161335</v>
      </c>
      <c r="C47568" s="1" t="s">
        <v>75</v>
      </c>
      <c r="D47568" s="1" t="s">
        <v>2121</v>
      </c>
      <c r="E47568" s="1" t="s">
        <v>161680</v>
      </c>
      <c r="F47568" s="1" t="s">
        <v>161681</v>
      </c>
      <c r="G47568" s="1" t="s">
        <v>161641</v>
      </c>
      <c r="H47568" s="1" t="s">
        <v>161642</v>
      </c>
      <c r="I47568" s="1" t="s">
        <v>161341</v>
      </c>
      <c r="J47568" s="1" t="s">
        <v>161682</v>
      </c>
    </row>
    <row r="47569" spans="1:10" x14ac:dyDescent="0.35">
      <c r="A47569" s="1" t="s">
        <v>10224</v>
      </c>
      <c r="B47569" s="1" t="s">
        <v>161335</v>
      </c>
      <c r="C47569" s="1" t="s">
        <v>80</v>
      </c>
      <c r="D47569" s="1" t="s">
        <v>7526</v>
      </c>
      <c r="E47569" s="1" t="s">
        <v>161683</v>
      </c>
      <c r="F47569" s="1" t="s">
        <v>161684</v>
      </c>
      <c r="G47569" s="1" t="s">
        <v>161641</v>
      </c>
      <c r="H47569" s="1" t="s">
        <v>161642</v>
      </c>
      <c r="I47569" s="1" t="s">
        <v>161341</v>
      </c>
      <c r="J47569" s="1" t="s">
        <v>161685</v>
      </c>
    </row>
    <row r="47570" spans="1:10" x14ac:dyDescent="0.35">
      <c r="A47570" s="1" t="s">
        <v>10224</v>
      </c>
      <c r="B47570" s="1" t="s">
        <v>161335</v>
      </c>
      <c r="C47570" s="1" t="s">
        <v>85</v>
      </c>
      <c r="D47570" s="1" t="s">
        <v>161686</v>
      </c>
      <c r="E47570" s="1" t="s">
        <v>161687</v>
      </c>
      <c r="F47570" s="1" t="s">
        <v>161688</v>
      </c>
      <c r="G47570" s="1" t="s">
        <v>161641</v>
      </c>
      <c r="H47570" s="1" t="s">
        <v>161642</v>
      </c>
      <c r="I47570" s="1" t="s">
        <v>161341</v>
      </c>
      <c r="J47570" s="1" t="s">
        <v>161689</v>
      </c>
    </row>
    <row r="47571" spans="1:10" x14ac:dyDescent="0.35">
      <c r="A47571" s="1" t="s">
        <v>10224</v>
      </c>
      <c r="B47571" s="1" t="s">
        <v>161335</v>
      </c>
      <c r="C47571" s="1" t="s">
        <v>90</v>
      </c>
      <c r="D47571" s="1" t="s">
        <v>29806</v>
      </c>
      <c r="E47571" s="1" t="s">
        <v>161690</v>
      </c>
      <c r="F47571" s="1" t="s">
        <v>161691</v>
      </c>
      <c r="G47571" s="1" t="s">
        <v>161641</v>
      </c>
      <c r="H47571" s="1" t="s">
        <v>161642</v>
      </c>
      <c r="I47571" s="1" t="s">
        <v>161341</v>
      </c>
      <c r="J47571" s="1" t="s">
        <v>161692</v>
      </c>
    </row>
    <row r="47572" spans="1:10" x14ac:dyDescent="0.35">
      <c r="A47572" s="1" t="s">
        <v>10224</v>
      </c>
      <c r="B47572" s="1" t="s">
        <v>161335</v>
      </c>
      <c r="C47572" s="1" t="s">
        <v>95</v>
      </c>
      <c r="D47572" s="1" t="s">
        <v>161693</v>
      </c>
      <c r="E47572" s="1" t="s">
        <v>161694</v>
      </c>
      <c r="F47572" s="1" t="s">
        <v>161695</v>
      </c>
      <c r="G47572" s="1" t="s">
        <v>161641</v>
      </c>
      <c r="H47572" s="1" t="s">
        <v>161642</v>
      </c>
      <c r="I47572" s="1" t="s">
        <v>161341</v>
      </c>
      <c r="J47572" s="1" t="s">
        <v>161696</v>
      </c>
    </row>
    <row r="47573" spans="1:10" x14ac:dyDescent="0.35">
      <c r="A47573" s="1" t="s">
        <v>10224</v>
      </c>
      <c r="B47573" s="1" t="s">
        <v>161335</v>
      </c>
      <c r="C47573" s="1" t="s">
        <v>100</v>
      </c>
      <c r="D47573" s="1" t="s">
        <v>1735</v>
      </c>
      <c r="E47573" s="1" t="s">
        <v>161697</v>
      </c>
      <c r="F47573" s="1" t="s">
        <v>161698</v>
      </c>
      <c r="G47573" s="1" t="s">
        <v>161641</v>
      </c>
      <c r="H47573" s="1" t="s">
        <v>161642</v>
      </c>
      <c r="I47573" s="1" t="s">
        <v>161341</v>
      </c>
      <c r="J47573" s="1" t="s">
        <v>161699</v>
      </c>
    </row>
    <row r="47574" spans="1:10" x14ac:dyDescent="0.35">
      <c r="A47574" s="1" t="s">
        <v>10224</v>
      </c>
      <c r="B47574" s="1" t="s">
        <v>161335</v>
      </c>
      <c r="C47574" s="1" t="s">
        <v>105</v>
      </c>
      <c r="D47574" s="1" t="s">
        <v>161700</v>
      </c>
      <c r="E47574" s="1" t="s">
        <v>161701</v>
      </c>
      <c r="F47574" s="1" t="s">
        <v>161702</v>
      </c>
      <c r="G47574" s="1" t="s">
        <v>161641</v>
      </c>
      <c r="H47574" s="1" t="s">
        <v>161642</v>
      </c>
      <c r="I47574" s="1" t="s">
        <v>161341</v>
      </c>
      <c r="J47574" s="1" t="s">
        <v>161703</v>
      </c>
    </row>
    <row r="47575" spans="1:10" x14ac:dyDescent="0.35">
      <c r="A47575" s="1" t="s">
        <v>10224</v>
      </c>
      <c r="B47575" s="1" t="s">
        <v>161335</v>
      </c>
      <c r="C47575" s="1" t="s">
        <v>110</v>
      </c>
      <c r="D47575" s="1" t="s">
        <v>47412</v>
      </c>
      <c r="E47575" s="1" t="s">
        <v>161704</v>
      </c>
      <c r="F47575" s="1" t="s">
        <v>161705</v>
      </c>
      <c r="G47575" s="1" t="s">
        <v>161641</v>
      </c>
      <c r="H47575" s="1" t="s">
        <v>161642</v>
      </c>
      <c r="I47575" s="1" t="s">
        <v>161341</v>
      </c>
      <c r="J47575" s="1" t="s">
        <v>1208</v>
      </c>
    </row>
    <row r="47576" spans="1:10" x14ac:dyDescent="0.35">
      <c r="A47576" s="1" t="s">
        <v>10224</v>
      </c>
      <c r="B47576" s="1" t="s">
        <v>161335</v>
      </c>
      <c r="C47576" s="1" t="s">
        <v>115</v>
      </c>
      <c r="D47576" s="1" t="s">
        <v>190</v>
      </c>
      <c r="E47576" s="1" t="s">
        <v>161706</v>
      </c>
      <c r="F47576" s="1" t="s">
        <v>161707</v>
      </c>
      <c r="G47576" s="1" t="s">
        <v>161641</v>
      </c>
      <c r="H47576" s="1" t="s">
        <v>161642</v>
      </c>
      <c r="I47576" s="1" t="s">
        <v>161341</v>
      </c>
      <c r="J47576" s="1" t="s">
        <v>161708</v>
      </c>
    </row>
    <row r="47577" spans="1:10" x14ac:dyDescent="0.35">
      <c r="A47577" s="1" t="s">
        <v>10224</v>
      </c>
      <c r="B47577" s="1" t="s">
        <v>161335</v>
      </c>
      <c r="C47577" s="1" t="s">
        <v>120</v>
      </c>
      <c r="D47577" s="1" t="s">
        <v>71863</v>
      </c>
      <c r="E47577" s="1" t="s">
        <v>161709</v>
      </c>
      <c r="F47577" s="1" t="s">
        <v>161710</v>
      </c>
      <c r="G47577" s="1" t="s">
        <v>161641</v>
      </c>
      <c r="H47577" s="1" t="s">
        <v>161642</v>
      </c>
      <c r="I47577" s="1" t="s">
        <v>161341</v>
      </c>
      <c r="J47577" s="1" t="s">
        <v>161711</v>
      </c>
    </row>
    <row r="47578" spans="1:10" x14ac:dyDescent="0.35">
      <c r="A47578" s="1" t="s">
        <v>10224</v>
      </c>
      <c r="B47578" s="1" t="s">
        <v>161335</v>
      </c>
      <c r="C47578" s="1" t="s">
        <v>125</v>
      </c>
      <c r="D47578" s="1" t="s">
        <v>9013</v>
      </c>
      <c r="E47578" s="1" t="s">
        <v>161712</v>
      </c>
      <c r="F47578" s="1" t="s">
        <v>161713</v>
      </c>
      <c r="G47578" s="1" t="s">
        <v>161641</v>
      </c>
      <c r="H47578" s="1" t="s">
        <v>161642</v>
      </c>
      <c r="I47578" s="1" t="s">
        <v>161341</v>
      </c>
      <c r="J47578" s="1" t="s">
        <v>161714</v>
      </c>
    </row>
    <row r="47579" spans="1:10" x14ac:dyDescent="0.35">
      <c r="A47579" s="1" t="s">
        <v>10224</v>
      </c>
      <c r="B47579" s="1" t="s">
        <v>161335</v>
      </c>
      <c r="C47579" s="1" t="s">
        <v>130</v>
      </c>
      <c r="D47579" s="1" t="s">
        <v>29220</v>
      </c>
      <c r="E47579" s="1" t="s">
        <v>161715</v>
      </c>
      <c r="F47579" s="1" t="s">
        <v>161716</v>
      </c>
      <c r="G47579" s="1" t="s">
        <v>161641</v>
      </c>
      <c r="H47579" s="1" t="s">
        <v>161642</v>
      </c>
      <c r="I47579" s="1" t="s">
        <v>161341</v>
      </c>
      <c r="J47579" s="1" t="s">
        <v>161717</v>
      </c>
    </row>
    <row r="47580" spans="1:10" x14ac:dyDescent="0.35">
      <c r="A47580" s="1" t="s">
        <v>10224</v>
      </c>
      <c r="B47580" s="1" t="s">
        <v>161335</v>
      </c>
      <c r="C47580" s="1" t="s">
        <v>135</v>
      </c>
      <c r="D47580" s="1" t="s">
        <v>104917</v>
      </c>
      <c r="E47580" s="1" t="s">
        <v>161718</v>
      </c>
      <c r="F47580" s="1" t="s">
        <v>161719</v>
      </c>
      <c r="G47580" s="1" t="s">
        <v>161641</v>
      </c>
      <c r="H47580" s="1" t="s">
        <v>161642</v>
      </c>
      <c r="I47580" s="1" t="s">
        <v>161341</v>
      </c>
      <c r="J47580" s="1" t="s">
        <v>161720</v>
      </c>
    </row>
    <row r="47581" spans="1:10" x14ac:dyDescent="0.35">
      <c r="A47581" s="1" t="s">
        <v>10224</v>
      </c>
      <c r="B47581" s="1" t="s">
        <v>161335</v>
      </c>
      <c r="C47581" s="1" t="s">
        <v>140</v>
      </c>
      <c r="D47581" s="1" t="s">
        <v>73311</v>
      </c>
      <c r="E47581" s="1" t="s">
        <v>161721</v>
      </c>
      <c r="F47581" s="1" t="s">
        <v>161722</v>
      </c>
      <c r="G47581" s="1" t="s">
        <v>161641</v>
      </c>
      <c r="H47581" s="1" t="s">
        <v>161642</v>
      </c>
      <c r="I47581" s="1" t="s">
        <v>161341</v>
      </c>
      <c r="J47581" s="1" t="s">
        <v>161723</v>
      </c>
    </row>
    <row r="47582" spans="1:10" x14ac:dyDescent="0.35">
      <c r="A47582" s="1" t="s">
        <v>10224</v>
      </c>
      <c r="B47582" s="1" t="s">
        <v>161335</v>
      </c>
      <c r="C47582" s="1" t="s">
        <v>145</v>
      </c>
      <c r="D47582" s="1" t="s">
        <v>52008</v>
      </c>
      <c r="E47582" s="1" t="s">
        <v>161724</v>
      </c>
      <c r="F47582" s="1" t="s">
        <v>161725</v>
      </c>
      <c r="G47582" s="1" t="s">
        <v>161641</v>
      </c>
      <c r="H47582" s="1" t="s">
        <v>161642</v>
      </c>
      <c r="I47582" s="1" t="s">
        <v>161341</v>
      </c>
      <c r="J47582" s="1" t="s">
        <v>161726</v>
      </c>
    </row>
    <row r="47583" spans="1:10" x14ac:dyDescent="0.35">
      <c r="A47583" s="1" t="s">
        <v>10224</v>
      </c>
      <c r="B47583" s="1" t="s">
        <v>161335</v>
      </c>
      <c r="C47583" s="1" t="s">
        <v>150</v>
      </c>
      <c r="D47583" s="1" t="s">
        <v>34811</v>
      </c>
      <c r="E47583" s="1" t="s">
        <v>161727</v>
      </c>
      <c r="F47583" s="1" t="s">
        <v>161728</v>
      </c>
      <c r="G47583" s="1" t="s">
        <v>161641</v>
      </c>
      <c r="H47583" s="1" t="s">
        <v>161642</v>
      </c>
      <c r="I47583" s="1" t="s">
        <v>161341</v>
      </c>
      <c r="J47583" s="1" t="s">
        <v>161729</v>
      </c>
    </row>
    <row r="47584" spans="1:10" x14ac:dyDescent="0.35">
      <c r="A47584" s="1" t="s">
        <v>10224</v>
      </c>
      <c r="B47584" s="1" t="s">
        <v>161335</v>
      </c>
      <c r="C47584" s="1" t="s">
        <v>155</v>
      </c>
      <c r="D47584" s="1" t="s">
        <v>141798</v>
      </c>
      <c r="E47584" s="1" t="s">
        <v>161730</v>
      </c>
      <c r="F47584" s="1" t="s">
        <v>161731</v>
      </c>
      <c r="G47584" s="1" t="s">
        <v>161641</v>
      </c>
      <c r="H47584" s="1" t="s">
        <v>161642</v>
      </c>
      <c r="I47584" s="1" t="s">
        <v>161341</v>
      </c>
      <c r="J47584" s="1" t="s">
        <v>161732</v>
      </c>
    </row>
    <row r="47585" spans="1:10" x14ac:dyDescent="0.35">
      <c r="A47585" s="1" t="s">
        <v>10224</v>
      </c>
      <c r="B47585" s="1" t="s">
        <v>161335</v>
      </c>
      <c r="C47585" s="1" t="s">
        <v>160</v>
      </c>
      <c r="D47585" s="1" t="s">
        <v>111370</v>
      </c>
      <c r="E47585" s="1" t="s">
        <v>161733</v>
      </c>
      <c r="F47585" s="1" t="s">
        <v>161734</v>
      </c>
      <c r="G47585" s="1" t="s">
        <v>161641</v>
      </c>
      <c r="H47585" s="1" t="s">
        <v>161642</v>
      </c>
      <c r="I47585" s="1" t="s">
        <v>161341</v>
      </c>
      <c r="J47585" s="1" t="s">
        <v>161735</v>
      </c>
    </row>
    <row r="47586" spans="1:10" x14ac:dyDescent="0.35">
      <c r="A47586" s="1" t="s">
        <v>10224</v>
      </c>
      <c r="B47586" s="1" t="s">
        <v>161335</v>
      </c>
      <c r="C47586" s="1" t="s">
        <v>165</v>
      </c>
      <c r="D47586" s="1" t="s">
        <v>34589</v>
      </c>
      <c r="E47586" s="1" t="s">
        <v>161736</v>
      </c>
      <c r="F47586" s="1" t="s">
        <v>161737</v>
      </c>
      <c r="G47586" s="1" t="s">
        <v>161641</v>
      </c>
      <c r="H47586" s="1" t="s">
        <v>161642</v>
      </c>
      <c r="I47586" s="1" t="s">
        <v>161341</v>
      </c>
      <c r="J47586" s="1" t="s">
        <v>161738</v>
      </c>
    </row>
    <row r="47587" spans="1:10" x14ac:dyDescent="0.35">
      <c r="A47587" s="1" t="s">
        <v>10224</v>
      </c>
      <c r="B47587" s="1" t="s">
        <v>161335</v>
      </c>
      <c r="C47587" s="1" t="s">
        <v>170</v>
      </c>
      <c r="D47587" s="1" t="s">
        <v>112487</v>
      </c>
      <c r="E47587" s="1" t="s">
        <v>161739</v>
      </c>
      <c r="F47587" s="1" t="s">
        <v>161740</v>
      </c>
      <c r="G47587" s="1" t="s">
        <v>161641</v>
      </c>
      <c r="H47587" s="1" t="s">
        <v>161642</v>
      </c>
      <c r="I47587" s="1" t="s">
        <v>161341</v>
      </c>
      <c r="J47587" s="1" t="s">
        <v>161741</v>
      </c>
    </row>
    <row r="47588" spans="1:10" x14ac:dyDescent="0.35">
      <c r="A47588" s="1" t="s">
        <v>3965</v>
      </c>
      <c r="B47588" s="1" t="s">
        <v>161335</v>
      </c>
      <c r="C47588" s="1" t="s">
        <v>8</v>
      </c>
      <c r="D47588" s="1" t="s">
        <v>124941</v>
      </c>
      <c r="E47588" s="1" t="s">
        <v>161742</v>
      </c>
      <c r="F47588" s="1" t="s">
        <v>161743</v>
      </c>
      <c r="G47588" s="1" t="s">
        <v>161744</v>
      </c>
      <c r="H47588" s="1" t="s">
        <v>161745</v>
      </c>
      <c r="I47588" s="1" t="s">
        <v>161341</v>
      </c>
      <c r="J47588" s="1" t="s">
        <v>13</v>
      </c>
    </row>
    <row r="47589" spans="1:10" x14ac:dyDescent="0.35">
      <c r="A47589" s="1" t="s">
        <v>3965</v>
      </c>
      <c r="B47589" s="1" t="s">
        <v>161335</v>
      </c>
      <c r="C47589" s="1" t="s">
        <v>15</v>
      </c>
      <c r="D47589" s="1" t="s">
        <v>112487</v>
      </c>
      <c r="E47589" s="1" t="s">
        <v>161746</v>
      </c>
      <c r="F47589" s="1" t="s">
        <v>161747</v>
      </c>
      <c r="G47589" s="1" t="s">
        <v>161744</v>
      </c>
      <c r="H47589" s="1" t="s">
        <v>161745</v>
      </c>
      <c r="I47589" s="1" t="s">
        <v>161341</v>
      </c>
      <c r="J47589" s="1" t="s">
        <v>161748</v>
      </c>
    </row>
    <row r="47590" spans="1:10" x14ac:dyDescent="0.35">
      <c r="A47590" s="1" t="s">
        <v>3965</v>
      </c>
      <c r="B47590" s="1" t="s">
        <v>161335</v>
      </c>
      <c r="C47590" s="1" t="s">
        <v>20</v>
      </c>
      <c r="D47590" s="1" t="s">
        <v>161749</v>
      </c>
      <c r="E47590" s="1" t="s">
        <v>161750</v>
      </c>
      <c r="F47590" s="1" t="s">
        <v>161751</v>
      </c>
      <c r="G47590" s="1" t="s">
        <v>161744</v>
      </c>
      <c r="H47590" s="1" t="s">
        <v>161745</v>
      </c>
      <c r="I47590" s="1" t="s">
        <v>161341</v>
      </c>
      <c r="J47590" s="1" t="s">
        <v>161752</v>
      </c>
    </row>
    <row r="47591" spans="1:10" x14ac:dyDescent="0.35">
      <c r="A47591" s="1" t="s">
        <v>3965</v>
      </c>
      <c r="B47591" s="1" t="s">
        <v>161335</v>
      </c>
      <c r="C47591" s="1" t="s">
        <v>25</v>
      </c>
      <c r="D47591" s="1" t="s">
        <v>34807</v>
      </c>
      <c r="E47591" s="1" t="s">
        <v>161753</v>
      </c>
      <c r="F47591" s="1" t="s">
        <v>161754</v>
      </c>
      <c r="G47591" s="1" t="s">
        <v>161744</v>
      </c>
      <c r="H47591" s="1" t="s">
        <v>161745</v>
      </c>
      <c r="I47591" s="1" t="s">
        <v>161341</v>
      </c>
      <c r="J47591" s="1" t="s">
        <v>161755</v>
      </c>
    </row>
    <row r="47592" spans="1:10" x14ac:dyDescent="0.35">
      <c r="A47592" s="1" t="s">
        <v>3965</v>
      </c>
      <c r="B47592" s="1" t="s">
        <v>161335</v>
      </c>
      <c r="C47592" s="1" t="s">
        <v>30</v>
      </c>
      <c r="D47592" s="1" t="s">
        <v>161756</v>
      </c>
      <c r="E47592" s="1" t="s">
        <v>161757</v>
      </c>
      <c r="F47592" s="1" t="s">
        <v>161758</v>
      </c>
      <c r="G47592" s="1" t="s">
        <v>161744</v>
      </c>
      <c r="H47592" s="1" t="s">
        <v>161745</v>
      </c>
      <c r="I47592" s="1" t="s">
        <v>161341</v>
      </c>
      <c r="J47592" s="1" t="s">
        <v>161759</v>
      </c>
    </row>
    <row r="47593" spans="1:10" x14ac:dyDescent="0.35">
      <c r="A47593" s="1" t="s">
        <v>3965</v>
      </c>
      <c r="B47593" s="1" t="s">
        <v>161335</v>
      </c>
      <c r="C47593" s="1" t="s">
        <v>35</v>
      </c>
      <c r="D47593" s="1" t="s">
        <v>50963</v>
      </c>
      <c r="E47593" s="1" t="s">
        <v>161760</v>
      </c>
      <c r="F47593" s="1" t="s">
        <v>161761</v>
      </c>
      <c r="G47593" s="1" t="s">
        <v>161744</v>
      </c>
      <c r="H47593" s="1" t="s">
        <v>161745</v>
      </c>
      <c r="I47593" s="1" t="s">
        <v>161341</v>
      </c>
      <c r="J47593" s="1" t="s">
        <v>161762</v>
      </c>
    </row>
    <row r="47594" spans="1:10" x14ac:dyDescent="0.35">
      <c r="A47594" s="1" t="s">
        <v>3965</v>
      </c>
      <c r="B47594" s="1" t="s">
        <v>161335</v>
      </c>
      <c r="C47594" s="1" t="s">
        <v>40</v>
      </c>
      <c r="D47594" s="1" t="s">
        <v>161763</v>
      </c>
      <c r="E47594" s="1" t="s">
        <v>161764</v>
      </c>
      <c r="F47594" s="1" t="s">
        <v>161765</v>
      </c>
      <c r="G47594" s="1" t="s">
        <v>161744</v>
      </c>
      <c r="H47594" s="1" t="s">
        <v>161745</v>
      </c>
      <c r="I47594" s="1" t="s">
        <v>161341</v>
      </c>
      <c r="J47594" s="1" t="s">
        <v>161766</v>
      </c>
    </row>
    <row r="47595" spans="1:10" x14ac:dyDescent="0.35">
      <c r="A47595" s="1" t="s">
        <v>3965</v>
      </c>
      <c r="B47595" s="1" t="s">
        <v>161335</v>
      </c>
      <c r="C47595" s="1" t="s">
        <v>45</v>
      </c>
      <c r="D47595" s="1" t="s">
        <v>111730</v>
      </c>
      <c r="E47595" s="1" t="s">
        <v>161767</v>
      </c>
      <c r="F47595" s="1" t="s">
        <v>161768</v>
      </c>
      <c r="G47595" s="1" t="s">
        <v>161744</v>
      </c>
      <c r="H47595" s="1" t="s">
        <v>161745</v>
      </c>
      <c r="I47595" s="1" t="s">
        <v>161341</v>
      </c>
      <c r="J47595" s="1" t="s">
        <v>161769</v>
      </c>
    </row>
    <row r="47596" spans="1:10" x14ac:dyDescent="0.35">
      <c r="A47596" s="1" t="s">
        <v>3965</v>
      </c>
      <c r="B47596" s="1" t="s">
        <v>161335</v>
      </c>
      <c r="C47596" s="1" t="s">
        <v>50</v>
      </c>
      <c r="D47596" s="1" t="s">
        <v>161770</v>
      </c>
      <c r="E47596" s="1" t="s">
        <v>161771</v>
      </c>
      <c r="F47596" s="1" t="s">
        <v>161772</v>
      </c>
      <c r="G47596" s="1" t="s">
        <v>161744</v>
      </c>
      <c r="H47596" s="1" t="s">
        <v>161745</v>
      </c>
      <c r="I47596" s="1" t="s">
        <v>161341</v>
      </c>
      <c r="J47596" s="1" t="s">
        <v>161773</v>
      </c>
    </row>
    <row r="47597" spans="1:10" x14ac:dyDescent="0.35">
      <c r="A47597" s="1" t="s">
        <v>3965</v>
      </c>
      <c r="B47597" s="1" t="s">
        <v>161335</v>
      </c>
      <c r="C47597" s="1" t="s">
        <v>55</v>
      </c>
      <c r="D47597" s="1" t="s">
        <v>49143</v>
      </c>
      <c r="E47597" s="1" t="s">
        <v>161774</v>
      </c>
      <c r="F47597" s="1" t="s">
        <v>161775</v>
      </c>
      <c r="G47597" s="1" t="s">
        <v>161744</v>
      </c>
      <c r="H47597" s="1" t="s">
        <v>161745</v>
      </c>
      <c r="I47597" s="1" t="s">
        <v>161341</v>
      </c>
      <c r="J47597" s="1" t="s">
        <v>161776</v>
      </c>
    </row>
    <row r="47598" spans="1:10" x14ac:dyDescent="0.35">
      <c r="A47598" s="1" t="s">
        <v>3965</v>
      </c>
      <c r="B47598" s="1" t="s">
        <v>161335</v>
      </c>
      <c r="C47598" s="1" t="s">
        <v>60</v>
      </c>
      <c r="D47598" s="1" t="s">
        <v>161777</v>
      </c>
      <c r="E47598" s="1" t="s">
        <v>161778</v>
      </c>
      <c r="F47598" s="1" t="s">
        <v>161779</v>
      </c>
      <c r="G47598" s="1" t="s">
        <v>161744</v>
      </c>
      <c r="H47598" s="1" t="s">
        <v>161745</v>
      </c>
      <c r="I47598" s="1" t="s">
        <v>161341</v>
      </c>
      <c r="J47598" s="1" t="s">
        <v>161780</v>
      </c>
    </row>
    <row r="47599" spans="1:10" x14ac:dyDescent="0.35">
      <c r="A47599" s="1" t="s">
        <v>3965</v>
      </c>
      <c r="B47599" s="1" t="s">
        <v>161335</v>
      </c>
      <c r="C47599" s="1" t="s">
        <v>65</v>
      </c>
      <c r="D47599" s="1" t="s">
        <v>161781</v>
      </c>
      <c r="E47599" s="1" t="s">
        <v>161782</v>
      </c>
      <c r="F47599" s="1" t="s">
        <v>161783</v>
      </c>
      <c r="G47599" s="1" t="s">
        <v>161744</v>
      </c>
      <c r="H47599" s="1" t="s">
        <v>161745</v>
      </c>
      <c r="I47599" s="1" t="s">
        <v>161341</v>
      </c>
      <c r="J47599" s="1" t="s">
        <v>161784</v>
      </c>
    </row>
    <row r="47600" spans="1:10" x14ac:dyDescent="0.35">
      <c r="A47600" s="1" t="s">
        <v>3965</v>
      </c>
      <c r="B47600" s="1" t="s">
        <v>161335</v>
      </c>
      <c r="C47600" s="1" t="s">
        <v>70</v>
      </c>
      <c r="D47600" s="1" t="s">
        <v>35221</v>
      </c>
      <c r="E47600" s="1" t="s">
        <v>161785</v>
      </c>
      <c r="F47600" s="1" t="s">
        <v>161786</v>
      </c>
      <c r="G47600" s="1" t="s">
        <v>161744</v>
      </c>
      <c r="H47600" s="1" t="s">
        <v>161745</v>
      </c>
      <c r="I47600" s="1" t="s">
        <v>161341</v>
      </c>
      <c r="J47600" s="1" t="s">
        <v>161787</v>
      </c>
    </row>
    <row r="47601" spans="1:10" x14ac:dyDescent="0.35">
      <c r="A47601" s="1" t="s">
        <v>3965</v>
      </c>
      <c r="B47601" s="1" t="s">
        <v>161335</v>
      </c>
      <c r="C47601" s="1" t="s">
        <v>75</v>
      </c>
      <c r="D47601" s="1" t="s">
        <v>15601</v>
      </c>
      <c r="E47601" s="1" t="s">
        <v>161788</v>
      </c>
      <c r="F47601" s="1" t="s">
        <v>161789</v>
      </c>
      <c r="G47601" s="1" t="s">
        <v>161744</v>
      </c>
      <c r="H47601" s="1" t="s">
        <v>161745</v>
      </c>
      <c r="I47601" s="1" t="s">
        <v>161341</v>
      </c>
      <c r="J47601" s="1" t="s">
        <v>161790</v>
      </c>
    </row>
    <row r="47602" spans="1:10" x14ac:dyDescent="0.35">
      <c r="A47602" s="1" t="s">
        <v>3965</v>
      </c>
      <c r="B47602" s="1" t="s">
        <v>161335</v>
      </c>
      <c r="C47602" s="1" t="s">
        <v>80</v>
      </c>
      <c r="D47602" s="1" t="s">
        <v>161791</v>
      </c>
      <c r="E47602" s="1" t="s">
        <v>161792</v>
      </c>
      <c r="F47602" s="1" t="s">
        <v>161793</v>
      </c>
      <c r="G47602" s="1" t="s">
        <v>161744</v>
      </c>
      <c r="H47602" s="1" t="s">
        <v>161745</v>
      </c>
      <c r="I47602" s="1" t="s">
        <v>161341</v>
      </c>
      <c r="J47602" s="1" t="s">
        <v>161794</v>
      </c>
    </row>
    <row r="47603" spans="1:10" x14ac:dyDescent="0.35">
      <c r="A47603" s="1" t="s">
        <v>3965</v>
      </c>
      <c r="B47603" s="1" t="s">
        <v>161335</v>
      </c>
      <c r="C47603" s="1" t="s">
        <v>85</v>
      </c>
      <c r="D47603" s="1" t="s">
        <v>161795</v>
      </c>
      <c r="E47603" s="1" t="s">
        <v>161796</v>
      </c>
      <c r="F47603" s="1" t="s">
        <v>161797</v>
      </c>
      <c r="G47603" s="1" t="s">
        <v>161744</v>
      </c>
      <c r="H47603" s="1" t="s">
        <v>161745</v>
      </c>
      <c r="I47603" s="1" t="s">
        <v>161341</v>
      </c>
      <c r="J47603" s="1" t="s">
        <v>161798</v>
      </c>
    </row>
    <row r="47604" spans="1:10" x14ac:dyDescent="0.35">
      <c r="A47604" s="1" t="s">
        <v>3965</v>
      </c>
      <c r="B47604" s="1" t="s">
        <v>161335</v>
      </c>
      <c r="C47604" s="1" t="s">
        <v>90</v>
      </c>
      <c r="D47604" s="1" t="s">
        <v>45408</v>
      </c>
      <c r="E47604" s="1" t="s">
        <v>161799</v>
      </c>
      <c r="F47604" s="1" t="s">
        <v>161800</v>
      </c>
      <c r="G47604" s="1" t="s">
        <v>161744</v>
      </c>
      <c r="H47604" s="1" t="s">
        <v>161745</v>
      </c>
      <c r="I47604" s="1" t="s">
        <v>161341</v>
      </c>
      <c r="J47604" s="1" t="s">
        <v>161801</v>
      </c>
    </row>
    <row r="47605" spans="1:10" x14ac:dyDescent="0.35">
      <c r="A47605" s="1" t="s">
        <v>3965</v>
      </c>
      <c r="B47605" s="1" t="s">
        <v>161335</v>
      </c>
      <c r="C47605" s="1" t="s">
        <v>95</v>
      </c>
      <c r="D47605" s="1" t="s">
        <v>35291</v>
      </c>
      <c r="E47605" s="1" t="s">
        <v>161802</v>
      </c>
      <c r="F47605" s="1" t="s">
        <v>161803</v>
      </c>
      <c r="G47605" s="1" t="s">
        <v>161744</v>
      </c>
      <c r="H47605" s="1" t="s">
        <v>161745</v>
      </c>
      <c r="I47605" s="1" t="s">
        <v>161341</v>
      </c>
      <c r="J47605" s="1" t="s">
        <v>161804</v>
      </c>
    </row>
    <row r="47606" spans="1:10" x14ac:dyDescent="0.35">
      <c r="A47606" s="1" t="s">
        <v>3965</v>
      </c>
      <c r="B47606" s="1" t="s">
        <v>161335</v>
      </c>
      <c r="C47606" s="1" t="s">
        <v>100</v>
      </c>
      <c r="D47606" s="1" t="s">
        <v>19484</v>
      </c>
      <c r="E47606" s="1" t="s">
        <v>161805</v>
      </c>
      <c r="F47606" s="1" t="s">
        <v>161806</v>
      </c>
      <c r="G47606" s="1" t="s">
        <v>161744</v>
      </c>
      <c r="H47606" s="1" t="s">
        <v>161745</v>
      </c>
      <c r="I47606" s="1" t="s">
        <v>161341</v>
      </c>
      <c r="J47606" s="1" t="s">
        <v>161807</v>
      </c>
    </row>
    <row r="47607" spans="1:10" x14ac:dyDescent="0.35">
      <c r="A47607" s="1" t="s">
        <v>3965</v>
      </c>
      <c r="B47607" s="1" t="s">
        <v>161335</v>
      </c>
      <c r="C47607" s="1" t="s">
        <v>105</v>
      </c>
      <c r="D47607" s="1" t="s">
        <v>14580</v>
      </c>
      <c r="E47607" s="1" t="s">
        <v>161808</v>
      </c>
      <c r="F47607" s="1" t="s">
        <v>161809</v>
      </c>
      <c r="G47607" s="1" t="s">
        <v>161744</v>
      </c>
      <c r="H47607" s="1" t="s">
        <v>161745</v>
      </c>
      <c r="I47607" s="1" t="s">
        <v>161341</v>
      </c>
      <c r="J47607" s="1" t="s">
        <v>161810</v>
      </c>
    </row>
    <row r="47608" spans="1:10" x14ac:dyDescent="0.35">
      <c r="A47608" s="1" t="s">
        <v>3965</v>
      </c>
      <c r="B47608" s="1" t="s">
        <v>161335</v>
      </c>
      <c r="C47608" s="1" t="s">
        <v>110</v>
      </c>
      <c r="D47608" s="1" t="s">
        <v>161811</v>
      </c>
      <c r="E47608" s="1" t="s">
        <v>161812</v>
      </c>
      <c r="F47608" s="1" t="s">
        <v>161813</v>
      </c>
      <c r="G47608" s="1" t="s">
        <v>161744</v>
      </c>
      <c r="H47608" s="1" t="s">
        <v>161745</v>
      </c>
      <c r="I47608" s="1" t="s">
        <v>161341</v>
      </c>
      <c r="J47608" s="1" t="s">
        <v>161814</v>
      </c>
    </row>
    <row r="47609" spans="1:10" x14ac:dyDescent="0.35">
      <c r="A47609" s="1" t="s">
        <v>3965</v>
      </c>
      <c r="B47609" s="1" t="s">
        <v>161335</v>
      </c>
      <c r="C47609" s="1" t="s">
        <v>115</v>
      </c>
      <c r="D47609" s="1" t="s">
        <v>151769</v>
      </c>
      <c r="E47609" s="1" t="s">
        <v>161815</v>
      </c>
      <c r="F47609" s="1" t="s">
        <v>161816</v>
      </c>
      <c r="G47609" s="1" t="s">
        <v>161744</v>
      </c>
      <c r="H47609" s="1" t="s">
        <v>161745</v>
      </c>
      <c r="I47609" s="1" t="s">
        <v>161341</v>
      </c>
      <c r="J47609" s="1" t="s">
        <v>161817</v>
      </c>
    </row>
    <row r="47610" spans="1:10" x14ac:dyDescent="0.35">
      <c r="A47610" s="1" t="s">
        <v>3965</v>
      </c>
      <c r="B47610" s="1" t="s">
        <v>161335</v>
      </c>
      <c r="C47610" s="1" t="s">
        <v>120</v>
      </c>
      <c r="D47610" s="1" t="s">
        <v>32930</v>
      </c>
      <c r="E47610" s="1" t="s">
        <v>161818</v>
      </c>
      <c r="F47610" s="1" t="s">
        <v>161819</v>
      </c>
      <c r="G47610" s="1" t="s">
        <v>161744</v>
      </c>
      <c r="H47610" s="1" t="s">
        <v>161745</v>
      </c>
      <c r="I47610" s="1" t="s">
        <v>161341</v>
      </c>
      <c r="J47610" s="1" t="s">
        <v>161820</v>
      </c>
    </row>
    <row r="47611" spans="1:10" x14ac:dyDescent="0.35">
      <c r="A47611" s="1" t="s">
        <v>3965</v>
      </c>
      <c r="B47611" s="1" t="s">
        <v>161335</v>
      </c>
      <c r="C47611" s="1" t="s">
        <v>125</v>
      </c>
      <c r="D47611" s="1" t="s">
        <v>161821</v>
      </c>
      <c r="E47611" s="1" t="s">
        <v>161822</v>
      </c>
      <c r="F47611" s="1" t="s">
        <v>161823</v>
      </c>
      <c r="G47611" s="1" t="s">
        <v>161744</v>
      </c>
      <c r="H47611" s="1" t="s">
        <v>161745</v>
      </c>
      <c r="I47611" s="1" t="s">
        <v>161341</v>
      </c>
      <c r="J47611" s="1" t="s">
        <v>161824</v>
      </c>
    </row>
    <row r="47612" spans="1:10" x14ac:dyDescent="0.35">
      <c r="A47612" s="1" t="s">
        <v>3965</v>
      </c>
      <c r="B47612" s="1" t="s">
        <v>161335</v>
      </c>
      <c r="C47612" s="1" t="s">
        <v>130</v>
      </c>
      <c r="D47612" s="1" t="s">
        <v>42013</v>
      </c>
      <c r="E47612" s="1" t="s">
        <v>161825</v>
      </c>
      <c r="F47612" s="1" t="s">
        <v>161826</v>
      </c>
      <c r="G47612" s="1" t="s">
        <v>161744</v>
      </c>
      <c r="H47612" s="1" t="s">
        <v>161745</v>
      </c>
      <c r="I47612" s="1" t="s">
        <v>161341</v>
      </c>
      <c r="J47612" s="1" t="s">
        <v>161827</v>
      </c>
    </row>
    <row r="47613" spans="1:10" x14ac:dyDescent="0.35">
      <c r="A47613" s="1" t="s">
        <v>3965</v>
      </c>
      <c r="B47613" s="1" t="s">
        <v>161335</v>
      </c>
      <c r="C47613" s="1" t="s">
        <v>135</v>
      </c>
      <c r="D47613" s="1" t="s">
        <v>74818</v>
      </c>
      <c r="E47613" s="1" t="s">
        <v>161828</v>
      </c>
      <c r="F47613" s="1" t="s">
        <v>161829</v>
      </c>
      <c r="G47613" s="1" t="s">
        <v>161744</v>
      </c>
      <c r="H47613" s="1" t="s">
        <v>161745</v>
      </c>
      <c r="I47613" s="1" t="s">
        <v>161341</v>
      </c>
      <c r="J47613" s="1" t="s">
        <v>161830</v>
      </c>
    </row>
    <row r="47614" spans="1:10" x14ac:dyDescent="0.35">
      <c r="A47614" s="1" t="s">
        <v>3965</v>
      </c>
      <c r="B47614" s="1" t="s">
        <v>161335</v>
      </c>
      <c r="C47614" s="1" t="s">
        <v>140</v>
      </c>
      <c r="D47614" s="1" t="s">
        <v>33159</v>
      </c>
      <c r="E47614" s="1" t="s">
        <v>161831</v>
      </c>
      <c r="F47614" s="1" t="s">
        <v>161832</v>
      </c>
      <c r="G47614" s="1" t="s">
        <v>161744</v>
      </c>
      <c r="H47614" s="1" t="s">
        <v>161745</v>
      </c>
      <c r="I47614" s="1" t="s">
        <v>161341</v>
      </c>
      <c r="J47614" s="1" t="s">
        <v>161833</v>
      </c>
    </row>
    <row r="47615" spans="1:10" x14ac:dyDescent="0.35">
      <c r="A47615" s="1" t="s">
        <v>3965</v>
      </c>
      <c r="B47615" s="1" t="s">
        <v>161335</v>
      </c>
      <c r="C47615" s="1" t="s">
        <v>145</v>
      </c>
      <c r="D47615" s="1" t="s">
        <v>47447</v>
      </c>
      <c r="E47615" s="1" t="s">
        <v>161834</v>
      </c>
      <c r="F47615" s="1" t="s">
        <v>161835</v>
      </c>
      <c r="G47615" s="1" t="s">
        <v>161744</v>
      </c>
      <c r="H47615" s="1" t="s">
        <v>161745</v>
      </c>
      <c r="I47615" s="1" t="s">
        <v>161341</v>
      </c>
      <c r="J47615" s="1" t="s">
        <v>161836</v>
      </c>
    </row>
    <row r="47616" spans="1:10" x14ac:dyDescent="0.35">
      <c r="A47616" s="1" t="s">
        <v>3965</v>
      </c>
      <c r="B47616" s="1" t="s">
        <v>161335</v>
      </c>
      <c r="C47616" s="1" t="s">
        <v>150</v>
      </c>
      <c r="D47616" s="1" t="s">
        <v>157023</v>
      </c>
      <c r="E47616" s="1" t="s">
        <v>161837</v>
      </c>
      <c r="F47616" s="1" t="s">
        <v>161838</v>
      </c>
      <c r="G47616" s="1" t="s">
        <v>161744</v>
      </c>
      <c r="H47616" s="1" t="s">
        <v>161745</v>
      </c>
      <c r="I47616" s="1" t="s">
        <v>161341</v>
      </c>
      <c r="J47616" s="1" t="s">
        <v>161839</v>
      </c>
    </row>
    <row r="47617" spans="1:10" x14ac:dyDescent="0.35">
      <c r="A47617" s="1" t="s">
        <v>3965</v>
      </c>
      <c r="B47617" s="1" t="s">
        <v>161335</v>
      </c>
      <c r="C47617" s="1" t="s">
        <v>155</v>
      </c>
      <c r="D47617" s="1" t="s">
        <v>47941</v>
      </c>
      <c r="E47617" s="1" t="s">
        <v>161840</v>
      </c>
      <c r="F47617" s="1" t="s">
        <v>161841</v>
      </c>
      <c r="G47617" s="1" t="s">
        <v>161744</v>
      </c>
      <c r="H47617" s="1" t="s">
        <v>161745</v>
      </c>
      <c r="I47617" s="1" t="s">
        <v>161341</v>
      </c>
      <c r="J47617" s="1" t="s">
        <v>161842</v>
      </c>
    </row>
    <row r="47618" spans="1:10" x14ac:dyDescent="0.35">
      <c r="A47618" s="1" t="s">
        <v>3965</v>
      </c>
      <c r="B47618" s="1" t="s">
        <v>161335</v>
      </c>
      <c r="C47618" s="1" t="s">
        <v>160</v>
      </c>
      <c r="D47618" s="1" t="s">
        <v>43842</v>
      </c>
      <c r="E47618" s="1" t="s">
        <v>161843</v>
      </c>
      <c r="F47618" s="1" t="s">
        <v>161844</v>
      </c>
      <c r="G47618" s="1" t="s">
        <v>161744</v>
      </c>
      <c r="H47618" s="1" t="s">
        <v>161745</v>
      </c>
      <c r="I47618" s="1" t="s">
        <v>161341</v>
      </c>
      <c r="J47618" s="1" t="s">
        <v>161845</v>
      </c>
    </row>
    <row r="47619" spans="1:10" x14ac:dyDescent="0.35">
      <c r="A47619" s="1" t="s">
        <v>3965</v>
      </c>
      <c r="B47619" s="1" t="s">
        <v>161335</v>
      </c>
      <c r="C47619" s="1" t="s">
        <v>165</v>
      </c>
      <c r="D47619" s="1" t="s">
        <v>34749</v>
      </c>
      <c r="E47619" s="1" t="s">
        <v>161846</v>
      </c>
      <c r="F47619" s="1" t="s">
        <v>161847</v>
      </c>
      <c r="G47619" s="1" t="s">
        <v>161744</v>
      </c>
      <c r="H47619" s="1" t="s">
        <v>161745</v>
      </c>
      <c r="I47619" s="1" t="s">
        <v>161341</v>
      </c>
      <c r="J47619" s="1" t="s">
        <v>161848</v>
      </c>
    </row>
    <row r="47620" spans="1:10" x14ac:dyDescent="0.35">
      <c r="A47620" s="1" t="s">
        <v>3965</v>
      </c>
      <c r="B47620" s="1" t="s">
        <v>161335</v>
      </c>
      <c r="C47620" s="1" t="s">
        <v>170</v>
      </c>
      <c r="D47620" s="1" t="s">
        <v>50536</v>
      </c>
      <c r="E47620" s="1" t="s">
        <v>161849</v>
      </c>
      <c r="F47620" s="1" t="s">
        <v>161850</v>
      </c>
      <c r="G47620" s="1" t="s">
        <v>161744</v>
      </c>
      <c r="H47620" s="1" t="s">
        <v>161745</v>
      </c>
      <c r="I47620" s="1" t="s">
        <v>161341</v>
      </c>
      <c r="J47620" s="1" t="s">
        <v>161851</v>
      </c>
    </row>
    <row r="47621" spans="1:10" x14ac:dyDescent="0.35">
      <c r="A47621" s="1" t="s">
        <v>161852</v>
      </c>
      <c r="B47621" s="1" t="s">
        <v>161335</v>
      </c>
      <c r="C47621" s="1" t="s">
        <v>8</v>
      </c>
      <c r="D47621" s="1" t="s">
        <v>50912</v>
      </c>
      <c r="E47621" s="1" t="s">
        <v>161853</v>
      </c>
      <c r="F47621" s="1" t="s">
        <v>161854</v>
      </c>
      <c r="G47621" s="1" t="s">
        <v>161855</v>
      </c>
      <c r="H47621" s="1" t="s">
        <v>161856</v>
      </c>
      <c r="I47621" s="1" t="s">
        <v>161341</v>
      </c>
      <c r="J47621" s="1" t="s">
        <v>13</v>
      </c>
    </row>
    <row r="47622" spans="1:10" x14ac:dyDescent="0.35">
      <c r="A47622" s="1" t="s">
        <v>161852</v>
      </c>
      <c r="B47622" s="1" t="s">
        <v>161335</v>
      </c>
      <c r="C47622" s="1" t="s">
        <v>15</v>
      </c>
      <c r="D47622" s="1" t="s">
        <v>9251</v>
      </c>
      <c r="E47622" s="1" t="s">
        <v>161857</v>
      </c>
      <c r="F47622" s="1" t="s">
        <v>161858</v>
      </c>
      <c r="G47622" s="1" t="s">
        <v>161855</v>
      </c>
      <c r="H47622" s="1" t="s">
        <v>161856</v>
      </c>
      <c r="I47622" s="1" t="s">
        <v>161341</v>
      </c>
      <c r="J47622" s="1" t="s">
        <v>161859</v>
      </c>
    </row>
    <row r="47623" spans="1:10" x14ac:dyDescent="0.35">
      <c r="A47623" s="1" t="s">
        <v>161852</v>
      </c>
      <c r="B47623" s="1" t="s">
        <v>161335</v>
      </c>
      <c r="C47623" s="1" t="s">
        <v>20</v>
      </c>
      <c r="D47623" s="1" t="s">
        <v>29907</v>
      </c>
      <c r="E47623" s="1" t="s">
        <v>161860</v>
      </c>
      <c r="F47623" s="1" t="s">
        <v>161861</v>
      </c>
      <c r="G47623" s="1" t="s">
        <v>161855</v>
      </c>
      <c r="H47623" s="1" t="s">
        <v>161856</v>
      </c>
      <c r="I47623" s="1" t="s">
        <v>161341</v>
      </c>
      <c r="J47623" s="1" t="s">
        <v>161862</v>
      </c>
    </row>
    <row r="47624" spans="1:10" x14ac:dyDescent="0.35">
      <c r="A47624" s="1" t="s">
        <v>161852</v>
      </c>
      <c r="B47624" s="1" t="s">
        <v>161335</v>
      </c>
      <c r="C47624" s="1" t="s">
        <v>25</v>
      </c>
      <c r="D47624" s="1" t="s">
        <v>51020</v>
      </c>
      <c r="E47624" s="1" t="s">
        <v>161863</v>
      </c>
      <c r="F47624" s="1" t="s">
        <v>161864</v>
      </c>
      <c r="G47624" s="1" t="s">
        <v>161855</v>
      </c>
      <c r="H47624" s="1" t="s">
        <v>161856</v>
      </c>
      <c r="I47624" s="1" t="s">
        <v>161341</v>
      </c>
      <c r="J47624" s="1" t="s">
        <v>161865</v>
      </c>
    </row>
    <row r="47625" spans="1:10" x14ac:dyDescent="0.35">
      <c r="A47625" s="1" t="s">
        <v>161852</v>
      </c>
      <c r="B47625" s="1" t="s">
        <v>161335</v>
      </c>
      <c r="C47625" s="1" t="s">
        <v>30</v>
      </c>
      <c r="D47625" s="1" t="s">
        <v>110670</v>
      </c>
      <c r="E47625" s="1" t="s">
        <v>161866</v>
      </c>
      <c r="F47625" s="1" t="s">
        <v>161867</v>
      </c>
      <c r="G47625" s="1" t="s">
        <v>161855</v>
      </c>
      <c r="H47625" s="1" t="s">
        <v>161856</v>
      </c>
      <c r="I47625" s="1" t="s">
        <v>161341</v>
      </c>
      <c r="J47625" s="1" t="s">
        <v>161868</v>
      </c>
    </row>
    <row r="47626" spans="1:10" x14ac:dyDescent="0.35">
      <c r="A47626" s="1" t="s">
        <v>161852</v>
      </c>
      <c r="B47626" s="1" t="s">
        <v>161335</v>
      </c>
      <c r="C47626" s="1" t="s">
        <v>35</v>
      </c>
      <c r="D47626" s="1" t="s">
        <v>1659</v>
      </c>
      <c r="E47626" s="1" t="s">
        <v>161869</v>
      </c>
      <c r="F47626" s="1" t="s">
        <v>161870</v>
      </c>
      <c r="G47626" s="1" t="s">
        <v>161855</v>
      </c>
      <c r="H47626" s="1" t="s">
        <v>161856</v>
      </c>
      <c r="I47626" s="1" t="s">
        <v>161341</v>
      </c>
      <c r="J47626" s="1" t="s">
        <v>161871</v>
      </c>
    </row>
    <row r="47627" spans="1:10" x14ac:dyDescent="0.35">
      <c r="A47627" s="1" t="s">
        <v>161852</v>
      </c>
      <c r="B47627" s="1" t="s">
        <v>161335</v>
      </c>
      <c r="C47627" s="1" t="s">
        <v>40</v>
      </c>
      <c r="D47627" s="1" t="s">
        <v>158162</v>
      </c>
      <c r="E47627" s="1" t="s">
        <v>161872</v>
      </c>
      <c r="F47627" s="1" t="s">
        <v>161873</v>
      </c>
      <c r="G47627" s="1" t="s">
        <v>161855</v>
      </c>
      <c r="H47627" s="1" t="s">
        <v>161856</v>
      </c>
      <c r="I47627" s="1" t="s">
        <v>161341</v>
      </c>
      <c r="J47627" s="1" t="s">
        <v>161874</v>
      </c>
    </row>
    <row r="47628" spans="1:10" x14ac:dyDescent="0.35">
      <c r="A47628" s="1" t="s">
        <v>161852</v>
      </c>
      <c r="B47628" s="1" t="s">
        <v>161335</v>
      </c>
      <c r="C47628" s="1" t="s">
        <v>45</v>
      </c>
      <c r="D47628" s="1" t="s">
        <v>44055</v>
      </c>
      <c r="E47628" s="1" t="s">
        <v>161875</v>
      </c>
      <c r="F47628" s="1" t="s">
        <v>161876</v>
      </c>
      <c r="G47628" s="1" t="s">
        <v>161855</v>
      </c>
      <c r="H47628" s="1" t="s">
        <v>161856</v>
      </c>
      <c r="I47628" s="1" t="s">
        <v>161341</v>
      </c>
      <c r="J47628" s="1" t="s">
        <v>161877</v>
      </c>
    </row>
    <row r="47629" spans="1:10" x14ac:dyDescent="0.35">
      <c r="A47629" s="1" t="s">
        <v>161852</v>
      </c>
      <c r="B47629" s="1" t="s">
        <v>161335</v>
      </c>
      <c r="C47629" s="1" t="s">
        <v>50</v>
      </c>
      <c r="D47629" s="1" t="s">
        <v>161878</v>
      </c>
      <c r="E47629" s="1" t="s">
        <v>161879</v>
      </c>
      <c r="F47629" s="1" t="s">
        <v>161880</v>
      </c>
      <c r="G47629" s="1" t="s">
        <v>161855</v>
      </c>
      <c r="H47629" s="1" t="s">
        <v>161856</v>
      </c>
      <c r="I47629" s="1" t="s">
        <v>161341</v>
      </c>
      <c r="J47629" s="1" t="s">
        <v>161881</v>
      </c>
    </row>
    <row r="47630" spans="1:10" x14ac:dyDescent="0.35">
      <c r="A47630" s="1" t="s">
        <v>161852</v>
      </c>
      <c r="B47630" s="1" t="s">
        <v>161335</v>
      </c>
      <c r="C47630" s="1" t="s">
        <v>55</v>
      </c>
      <c r="D47630" s="1" t="s">
        <v>7526</v>
      </c>
      <c r="E47630" s="1" t="s">
        <v>161882</v>
      </c>
      <c r="F47630" s="1" t="s">
        <v>161883</v>
      </c>
      <c r="G47630" s="1" t="s">
        <v>161855</v>
      </c>
      <c r="H47630" s="1" t="s">
        <v>161856</v>
      </c>
      <c r="I47630" s="1" t="s">
        <v>161341</v>
      </c>
      <c r="J47630" s="1" t="s">
        <v>161884</v>
      </c>
    </row>
    <row r="47631" spans="1:10" x14ac:dyDescent="0.35">
      <c r="A47631" s="1" t="s">
        <v>161852</v>
      </c>
      <c r="B47631" s="1" t="s">
        <v>161335</v>
      </c>
      <c r="C47631" s="1" t="s">
        <v>60</v>
      </c>
      <c r="D47631" s="1" t="s">
        <v>25513</v>
      </c>
      <c r="E47631" s="1" t="s">
        <v>161885</v>
      </c>
      <c r="F47631" s="1" t="s">
        <v>161886</v>
      </c>
      <c r="G47631" s="1" t="s">
        <v>161855</v>
      </c>
      <c r="H47631" s="1" t="s">
        <v>161856</v>
      </c>
      <c r="I47631" s="1" t="s">
        <v>161341</v>
      </c>
      <c r="J47631" s="1" t="s">
        <v>161887</v>
      </c>
    </row>
    <row r="47632" spans="1:10" x14ac:dyDescent="0.35">
      <c r="A47632" s="1" t="s">
        <v>161852</v>
      </c>
      <c r="B47632" s="1" t="s">
        <v>161335</v>
      </c>
      <c r="C47632" s="1" t="s">
        <v>65</v>
      </c>
      <c r="D47632" s="1" t="s">
        <v>6909</v>
      </c>
      <c r="E47632" s="1" t="s">
        <v>161888</v>
      </c>
      <c r="F47632" s="1" t="s">
        <v>161889</v>
      </c>
      <c r="G47632" s="1" t="s">
        <v>161855</v>
      </c>
      <c r="H47632" s="1" t="s">
        <v>161856</v>
      </c>
      <c r="I47632" s="1" t="s">
        <v>161341</v>
      </c>
      <c r="J47632" s="1" t="s">
        <v>161890</v>
      </c>
    </row>
    <row r="47633" spans="1:10" x14ac:dyDescent="0.35">
      <c r="A47633" s="1" t="s">
        <v>161852</v>
      </c>
      <c r="B47633" s="1" t="s">
        <v>161335</v>
      </c>
      <c r="C47633" s="1" t="s">
        <v>70</v>
      </c>
      <c r="D47633" s="1" t="s">
        <v>16321</v>
      </c>
      <c r="E47633" s="1" t="s">
        <v>161891</v>
      </c>
      <c r="F47633" s="1" t="s">
        <v>161892</v>
      </c>
      <c r="G47633" s="1" t="s">
        <v>161855</v>
      </c>
      <c r="H47633" s="1" t="s">
        <v>161856</v>
      </c>
      <c r="I47633" s="1" t="s">
        <v>161341</v>
      </c>
      <c r="J47633" s="1" t="s">
        <v>161893</v>
      </c>
    </row>
    <row r="47634" spans="1:10" x14ac:dyDescent="0.35">
      <c r="A47634" s="1" t="s">
        <v>161852</v>
      </c>
      <c r="B47634" s="1" t="s">
        <v>161335</v>
      </c>
      <c r="C47634" s="1" t="s">
        <v>75</v>
      </c>
      <c r="D47634" s="1" t="s">
        <v>14072</v>
      </c>
      <c r="E47634" s="1" t="s">
        <v>161894</v>
      </c>
      <c r="F47634" s="1" t="s">
        <v>161895</v>
      </c>
      <c r="G47634" s="1" t="s">
        <v>161855</v>
      </c>
      <c r="H47634" s="1" t="s">
        <v>161856</v>
      </c>
      <c r="I47634" s="1" t="s">
        <v>161341</v>
      </c>
      <c r="J47634" s="1" t="s">
        <v>161896</v>
      </c>
    </row>
    <row r="47635" spans="1:10" x14ac:dyDescent="0.35">
      <c r="A47635" s="1" t="s">
        <v>161852</v>
      </c>
      <c r="B47635" s="1" t="s">
        <v>161335</v>
      </c>
      <c r="C47635" s="1" t="s">
        <v>80</v>
      </c>
      <c r="D47635" s="1" t="s">
        <v>142514</v>
      </c>
      <c r="E47635" s="1" t="s">
        <v>161897</v>
      </c>
      <c r="F47635" s="1" t="s">
        <v>161898</v>
      </c>
      <c r="G47635" s="1" t="s">
        <v>161855</v>
      </c>
      <c r="H47635" s="1" t="s">
        <v>161856</v>
      </c>
      <c r="I47635" s="1" t="s">
        <v>161341</v>
      </c>
      <c r="J47635" s="1" t="s">
        <v>161899</v>
      </c>
    </row>
    <row r="47636" spans="1:10" x14ac:dyDescent="0.35">
      <c r="A47636" s="1" t="s">
        <v>161852</v>
      </c>
      <c r="B47636" s="1" t="s">
        <v>161335</v>
      </c>
      <c r="C47636" s="1" t="s">
        <v>85</v>
      </c>
      <c r="D47636" s="1" t="s">
        <v>110059</v>
      </c>
      <c r="E47636" s="1" t="s">
        <v>161900</v>
      </c>
      <c r="F47636" s="1" t="s">
        <v>161901</v>
      </c>
      <c r="G47636" s="1" t="s">
        <v>161855</v>
      </c>
      <c r="H47636" s="1" t="s">
        <v>161856</v>
      </c>
      <c r="I47636" s="1" t="s">
        <v>161341</v>
      </c>
      <c r="J47636" s="1" t="s">
        <v>161902</v>
      </c>
    </row>
    <row r="47637" spans="1:10" x14ac:dyDescent="0.35">
      <c r="A47637" s="1" t="s">
        <v>161852</v>
      </c>
      <c r="B47637" s="1" t="s">
        <v>161335</v>
      </c>
      <c r="C47637" s="1" t="s">
        <v>90</v>
      </c>
      <c r="D47637" s="1" t="s">
        <v>10319</v>
      </c>
      <c r="E47637" s="1" t="s">
        <v>161903</v>
      </c>
      <c r="F47637" s="1" t="s">
        <v>161904</v>
      </c>
      <c r="G47637" s="1" t="s">
        <v>161855</v>
      </c>
      <c r="H47637" s="1" t="s">
        <v>161856</v>
      </c>
      <c r="I47637" s="1" t="s">
        <v>161341</v>
      </c>
      <c r="J47637" s="1" t="s">
        <v>161905</v>
      </c>
    </row>
    <row r="47638" spans="1:10" x14ac:dyDescent="0.35">
      <c r="A47638" s="1" t="s">
        <v>161852</v>
      </c>
      <c r="B47638" s="1" t="s">
        <v>161335</v>
      </c>
      <c r="C47638" s="1" t="s">
        <v>95</v>
      </c>
      <c r="D47638" s="1" t="s">
        <v>115924</v>
      </c>
      <c r="E47638" s="1" t="s">
        <v>161906</v>
      </c>
      <c r="F47638" s="1" t="s">
        <v>161907</v>
      </c>
      <c r="G47638" s="1" t="s">
        <v>161855</v>
      </c>
      <c r="H47638" s="1" t="s">
        <v>161856</v>
      </c>
      <c r="I47638" s="1" t="s">
        <v>161341</v>
      </c>
      <c r="J47638" s="1" t="s">
        <v>161908</v>
      </c>
    </row>
    <row r="47639" spans="1:10" x14ac:dyDescent="0.35">
      <c r="A47639" s="1" t="s">
        <v>161852</v>
      </c>
      <c r="B47639" s="1" t="s">
        <v>161335</v>
      </c>
      <c r="C47639" s="1" t="s">
        <v>100</v>
      </c>
      <c r="D47639" s="1" t="s">
        <v>161909</v>
      </c>
      <c r="E47639" s="1" t="s">
        <v>161910</v>
      </c>
      <c r="F47639" s="1" t="s">
        <v>161911</v>
      </c>
      <c r="G47639" s="1" t="s">
        <v>161855</v>
      </c>
      <c r="H47639" s="1" t="s">
        <v>161856</v>
      </c>
      <c r="I47639" s="1" t="s">
        <v>161341</v>
      </c>
      <c r="J47639" s="1" t="s">
        <v>161912</v>
      </c>
    </row>
    <row r="47640" spans="1:10" x14ac:dyDescent="0.35">
      <c r="A47640" s="1" t="s">
        <v>161852</v>
      </c>
      <c r="B47640" s="1" t="s">
        <v>161335</v>
      </c>
      <c r="C47640" s="1" t="s">
        <v>105</v>
      </c>
      <c r="D47640" s="1" t="s">
        <v>7519</v>
      </c>
      <c r="E47640" s="1" t="s">
        <v>161913</v>
      </c>
      <c r="F47640" s="1" t="s">
        <v>161914</v>
      </c>
      <c r="G47640" s="1" t="s">
        <v>161855</v>
      </c>
      <c r="H47640" s="1" t="s">
        <v>161856</v>
      </c>
      <c r="I47640" s="1" t="s">
        <v>161341</v>
      </c>
      <c r="J47640" s="1" t="s">
        <v>161915</v>
      </c>
    </row>
    <row r="47641" spans="1:10" x14ac:dyDescent="0.35">
      <c r="A47641" s="1" t="s">
        <v>161852</v>
      </c>
      <c r="B47641" s="1" t="s">
        <v>161335</v>
      </c>
      <c r="C47641" s="1" t="s">
        <v>110</v>
      </c>
      <c r="D47641" s="1" t="s">
        <v>2596</v>
      </c>
      <c r="E47641" s="1" t="s">
        <v>161916</v>
      </c>
      <c r="F47641" s="1" t="s">
        <v>161917</v>
      </c>
      <c r="G47641" s="1" t="s">
        <v>161855</v>
      </c>
      <c r="H47641" s="1" t="s">
        <v>161856</v>
      </c>
      <c r="I47641" s="1" t="s">
        <v>161341</v>
      </c>
      <c r="J47641" s="1" t="s">
        <v>161918</v>
      </c>
    </row>
    <row r="47642" spans="1:10" x14ac:dyDescent="0.35">
      <c r="A47642" s="1" t="s">
        <v>161852</v>
      </c>
      <c r="B47642" s="1" t="s">
        <v>161335</v>
      </c>
      <c r="C47642" s="1" t="s">
        <v>115</v>
      </c>
      <c r="D47642" s="1" t="s">
        <v>2592</v>
      </c>
      <c r="E47642" s="1" t="s">
        <v>161919</v>
      </c>
      <c r="F47642" s="1" t="s">
        <v>161920</v>
      </c>
      <c r="G47642" s="1" t="s">
        <v>161855</v>
      </c>
      <c r="H47642" s="1" t="s">
        <v>161856</v>
      </c>
      <c r="I47642" s="1" t="s">
        <v>161341</v>
      </c>
      <c r="J47642" s="1" t="s">
        <v>161921</v>
      </c>
    </row>
    <row r="47643" spans="1:10" x14ac:dyDescent="0.35">
      <c r="A47643" s="1" t="s">
        <v>161852</v>
      </c>
      <c r="B47643" s="1" t="s">
        <v>161335</v>
      </c>
      <c r="C47643" s="1" t="s">
        <v>120</v>
      </c>
      <c r="D47643" s="1" t="s">
        <v>28298</v>
      </c>
      <c r="E47643" s="1" t="s">
        <v>161922</v>
      </c>
      <c r="F47643" s="1" t="s">
        <v>161923</v>
      </c>
      <c r="G47643" s="1" t="s">
        <v>161855</v>
      </c>
      <c r="H47643" s="1" t="s">
        <v>161856</v>
      </c>
      <c r="I47643" s="1" t="s">
        <v>161341</v>
      </c>
      <c r="J47643" s="1" t="s">
        <v>161924</v>
      </c>
    </row>
    <row r="47644" spans="1:10" x14ac:dyDescent="0.35">
      <c r="A47644" s="1" t="s">
        <v>161852</v>
      </c>
      <c r="B47644" s="1" t="s">
        <v>161335</v>
      </c>
      <c r="C47644" s="1" t="s">
        <v>125</v>
      </c>
      <c r="D47644" s="1" t="s">
        <v>161117</v>
      </c>
      <c r="E47644" s="1" t="s">
        <v>161925</v>
      </c>
      <c r="F47644" s="1" t="s">
        <v>161926</v>
      </c>
      <c r="G47644" s="1" t="s">
        <v>161855</v>
      </c>
      <c r="H47644" s="1" t="s">
        <v>161856</v>
      </c>
      <c r="I47644" s="1" t="s">
        <v>161341</v>
      </c>
      <c r="J47644" s="1" t="s">
        <v>161927</v>
      </c>
    </row>
    <row r="47645" spans="1:10" x14ac:dyDescent="0.35">
      <c r="A47645" s="1" t="s">
        <v>161852</v>
      </c>
      <c r="B47645" s="1" t="s">
        <v>161335</v>
      </c>
      <c r="C47645" s="1" t="s">
        <v>130</v>
      </c>
      <c r="D47645" s="1" t="s">
        <v>51111</v>
      </c>
      <c r="E47645" s="1" t="s">
        <v>161928</v>
      </c>
      <c r="F47645" s="1" t="s">
        <v>161929</v>
      </c>
      <c r="G47645" s="1" t="s">
        <v>161855</v>
      </c>
      <c r="H47645" s="1" t="s">
        <v>161856</v>
      </c>
      <c r="I47645" s="1" t="s">
        <v>161341</v>
      </c>
      <c r="J47645" s="1" t="s">
        <v>161930</v>
      </c>
    </row>
    <row r="47646" spans="1:10" x14ac:dyDescent="0.35">
      <c r="A47646" s="1" t="s">
        <v>161852</v>
      </c>
      <c r="B47646" s="1" t="s">
        <v>161335</v>
      </c>
      <c r="C47646" s="1" t="s">
        <v>135</v>
      </c>
      <c r="D47646" s="1" t="s">
        <v>14057</v>
      </c>
      <c r="E47646" s="1" t="s">
        <v>161931</v>
      </c>
      <c r="F47646" s="1" t="s">
        <v>161932</v>
      </c>
      <c r="G47646" s="1" t="s">
        <v>161855</v>
      </c>
      <c r="H47646" s="1" t="s">
        <v>161856</v>
      </c>
      <c r="I47646" s="1" t="s">
        <v>161341</v>
      </c>
      <c r="J47646" s="1" t="s">
        <v>161933</v>
      </c>
    </row>
    <row r="47647" spans="1:10" x14ac:dyDescent="0.35">
      <c r="A47647" s="1" t="s">
        <v>161852</v>
      </c>
      <c r="B47647" s="1" t="s">
        <v>161335</v>
      </c>
      <c r="C47647" s="1" t="s">
        <v>140</v>
      </c>
      <c r="D47647" s="1" t="s">
        <v>70749</v>
      </c>
      <c r="E47647" s="1" t="s">
        <v>161934</v>
      </c>
      <c r="F47647" s="1" t="s">
        <v>161935</v>
      </c>
      <c r="G47647" s="1" t="s">
        <v>161855</v>
      </c>
      <c r="H47647" s="1" t="s">
        <v>161856</v>
      </c>
      <c r="I47647" s="1" t="s">
        <v>161341</v>
      </c>
      <c r="J47647" s="1" t="s">
        <v>161936</v>
      </c>
    </row>
    <row r="47648" spans="1:10" x14ac:dyDescent="0.35">
      <c r="A47648" s="1" t="s">
        <v>161852</v>
      </c>
      <c r="B47648" s="1" t="s">
        <v>161335</v>
      </c>
      <c r="C47648" s="1" t="s">
        <v>145</v>
      </c>
      <c r="D47648" s="1" t="s">
        <v>15740</v>
      </c>
      <c r="E47648" s="1" t="s">
        <v>161937</v>
      </c>
      <c r="F47648" s="1" t="s">
        <v>161938</v>
      </c>
      <c r="G47648" s="1" t="s">
        <v>161855</v>
      </c>
      <c r="H47648" s="1" t="s">
        <v>161856</v>
      </c>
      <c r="I47648" s="1" t="s">
        <v>161341</v>
      </c>
      <c r="J47648" s="1" t="s">
        <v>161939</v>
      </c>
    </row>
    <row r="47649" spans="1:10" x14ac:dyDescent="0.35">
      <c r="A47649" s="1" t="s">
        <v>161852</v>
      </c>
      <c r="B47649" s="1" t="s">
        <v>161335</v>
      </c>
      <c r="C47649" s="1" t="s">
        <v>150</v>
      </c>
      <c r="D47649" s="1" t="s">
        <v>14549</v>
      </c>
      <c r="E47649" s="1" t="s">
        <v>161940</v>
      </c>
      <c r="F47649" s="1" t="s">
        <v>161941</v>
      </c>
      <c r="G47649" s="1" t="s">
        <v>161855</v>
      </c>
      <c r="H47649" s="1" t="s">
        <v>161856</v>
      </c>
      <c r="I47649" s="1" t="s">
        <v>161341</v>
      </c>
      <c r="J47649" s="1" t="s">
        <v>161942</v>
      </c>
    </row>
    <row r="47650" spans="1:10" x14ac:dyDescent="0.35">
      <c r="A47650" s="1" t="s">
        <v>161852</v>
      </c>
      <c r="B47650" s="1" t="s">
        <v>161335</v>
      </c>
      <c r="C47650" s="1" t="s">
        <v>155</v>
      </c>
      <c r="D47650" s="1" t="s">
        <v>34056</v>
      </c>
      <c r="E47650" s="1" t="s">
        <v>161943</v>
      </c>
      <c r="F47650" s="1" t="s">
        <v>161944</v>
      </c>
      <c r="G47650" s="1" t="s">
        <v>161855</v>
      </c>
      <c r="H47650" s="1" t="s">
        <v>161856</v>
      </c>
      <c r="I47650" s="1" t="s">
        <v>161341</v>
      </c>
      <c r="J47650" s="1" t="s">
        <v>161945</v>
      </c>
    </row>
    <row r="47651" spans="1:10" x14ac:dyDescent="0.35">
      <c r="A47651" s="1" t="s">
        <v>161852</v>
      </c>
      <c r="B47651" s="1" t="s">
        <v>161335</v>
      </c>
      <c r="C47651" s="1" t="s">
        <v>160</v>
      </c>
      <c r="D47651" s="1" t="s">
        <v>157664</v>
      </c>
      <c r="E47651" s="1" t="s">
        <v>161946</v>
      </c>
      <c r="F47651" s="1" t="s">
        <v>161947</v>
      </c>
      <c r="G47651" s="1" t="s">
        <v>161855</v>
      </c>
      <c r="H47651" s="1" t="s">
        <v>161856</v>
      </c>
      <c r="I47651" s="1" t="s">
        <v>161341</v>
      </c>
      <c r="J47651" s="1" t="s">
        <v>161948</v>
      </c>
    </row>
    <row r="47652" spans="1:10" x14ac:dyDescent="0.35">
      <c r="A47652" s="1" t="s">
        <v>161852</v>
      </c>
      <c r="B47652" s="1" t="s">
        <v>161335</v>
      </c>
      <c r="C47652" s="1" t="s">
        <v>165</v>
      </c>
      <c r="D47652" s="1" t="s">
        <v>161949</v>
      </c>
      <c r="E47652" s="1" t="s">
        <v>161950</v>
      </c>
      <c r="F47652" s="1" t="s">
        <v>161951</v>
      </c>
      <c r="G47652" s="1" t="s">
        <v>161855</v>
      </c>
      <c r="H47652" s="1" t="s">
        <v>161856</v>
      </c>
      <c r="I47652" s="1" t="s">
        <v>161341</v>
      </c>
      <c r="J47652" s="1" t="s">
        <v>161952</v>
      </c>
    </row>
    <row r="47653" spans="1:10" x14ac:dyDescent="0.35">
      <c r="A47653" s="1" t="s">
        <v>161852</v>
      </c>
      <c r="B47653" s="1" t="s">
        <v>161335</v>
      </c>
      <c r="C47653" s="1" t="s">
        <v>170</v>
      </c>
      <c r="D47653" s="1" t="s">
        <v>36170</v>
      </c>
      <c r="E47653" s="1" t="s">
        <v>161953</v>
      </c>
      <c r="F47653" s="1" t="s">
        <v>161954</v>
      </c>
      <c r="G47653" s="1" t="s">
        <v>161855</v>
      </c>
      <c r="H47653" s="1" t="s">
        <v>161856</v>
      </c>
      <c r="I47653" s="1" t="s">
        <v>161341</v>
      </c>
      <c r="J47653" s="1" t="s">
        <v>161955</v>
      </c>
    </row>
    <row r="47654" spans="1:10" x14ac:dyDescent="0.35">
      <c r="A47654" s="1" t="s">
        <v>13857</v>
      </c>
      <c r="B47654" s="1" t="s">
        <v>161335</v>
      </c>
      <c r="C47654" s="1" t="s">
        <v>8</v>
      </c>
      <c r="D47654" s="1" t="s">
        <v>11036</v>
      </c>
      <c r="E47654" s="1" t="s">
        <v>161956</v>
      </c>
      <c r="F47654" s="1" t="s">
        <v>161957</v>
      </c>
      <c r="G47654" s="1" t="s">
        <v>161958</v>
      </c>
      <c r="H47654" s="1" t="s">
        <v>161959</v>
      </c>
      <c r="I47654" s="1" t="s">
        <v>161341</v>
      </c>
      <c r="J47654" s="1" t="s">
        <v>13</v>
      </c>
    </row>
    <row r="47655" spans="1:10" x14ac:dyDescent="0.35">
      <c r="A47655" s="1" t="s">
        <v>13857</v>
      </c>
      <c r="B47655" s="1" t="s">
        <v>161335</v>
      </c>
      <c r="C47655" s="1" t="s">
        <v>15</v>
      </c>
      <c r="D47655" s="1" t="s">
        <v>51189</v>
      </c>
      <c r="E47655" s="1" t="s">
        <v>161960</v>
      </c>
      <c r="F47655" s="1" t="s">
        <v>161961</v>
      </c>
      <c r="G47655" s="1" t="s">
        <v>161958</v>
      </c>
      <c r="H47655" s="1" t="s">
        <v>161959</v>
      </c>
      <c r="I47655" s="1" t="s">
        <v>161341</v>
      </c>
      <c r="J47655" s="1" t="s">
        <v>161962</v>
      </c>
    </row>
    <row r="47656" spans="1:10" x14ac:dyDescent="0.35">
      <c r="A47656" s="1" t="s">
        <v>13857</v>
      </c>
      <c r="B47656" s="1" t="s">
        <v>161335</v>
      </c>
      <c r="C47656" s="1" t="s">
        <v>20</v>
      </c>
      <c r="D47656" s="1" t="s">
        <v>143764</v>
      </c>
      <c r="E47656" s="1" t="s">
        <v>161963</v>
      </c>
      <c r="F47656" s="1" t="s">
        <v>161964</v>
      </c>
      <c r="G47656" s="1" t="s">
        <v>161958</v>
      </c>
      <c r="H47656" s="1" t="s">
        <v>161959</v>
      </c>
      <c r="I47656" s="1" t="s">
        <v>161341</v>
      </c>
      <c r="J47656" s="1" t="s">
        <v>161965</v>
      </c>
    </row>
    <row r="47657" spans="1:10" x14ac:dyDescent="0.35">
      <c r="A47657" s="1" t="s">
        <v>13857</v>
      </c>
      <c r="B47657" s="1" t="s">
        <v>161335</v>
      </c>
      <c r="C47657" s="1" t="s">
        <v>25</v>
      </c>
      <c r="D47657" s="1" t="s">
        <v>8295</v>
      </c>
      <c r="E47657" s="1" t="s">
        <v>161966</v>
      </c>
      <c r="F47657" s="1" t="s">
        <v>161967</v>
      </c>
      <c r="G47657" s="1" t="s">
        <v>161958</v>
      </c>
      <c r="H47657" s="1" t="s">
        <v>161959</v>
      </c>
      <c r="I47657" s="1" t="s">
        <v>161341</v>
      </c>
      <c r="J47657" s="1" t="s">
        <v>161968</v>
      </c>
    </row>
    <row r="47658" spans="1:10" x14ac:dyDescent="0.35">
      <c r="A47658" s="1" t="s">
        <v>13857</v>
      </c>
      <c r="B47658" s="1" t="s">
        <v>161335</v>
      </c>
      <c r="C47658" s="1" t="s">
        <v>30</v>
      </c>
      <c r="D47658" s="1" t="s">
        <v>27798</v>
      </c>
      <c r="E47658" s="1" t="s">
        <v>161969</v>
      </c>
      <c r="F47658" s="1" t="s">
        <v>161970</v>
      </c>
      <c r="G47658" s="1" t="s">
        <v>161958</v>
      </c>
      <c r="H47658" s="1" t="s">
        <v>161959</v>
      </c>
      <c r="I47658" s="1" t="s">
        <v>161341</v>
      </c>
      <c r="J47658" s="1" t="s">
        <v>161971</v>
      </c>
    </row>
    <row r="47659" spans="1:10" x14ac:dyDescent="0.35">
      <c r="A47659" s="1" t="s">
        <v>13857</v>
      </c>
      <c r="B47659" s="1" t="s">
        <v>161335</v>
      </c>
      <c r="C47659" s="1" t="s">
        <v>35</v>
      </c>
      <c r="D47659" s="1" t="s">
        <v>27806</v>
      </c>
      <c r="E47659" s="1" t="s">
        <v>161972</v>
      </c>
      <c r="F47659" s="1" t="s">
        <v>161973</v>
      </c>
      <c r="G47659" s="1" t="s">
        <v>161958</v>
      </c>
      <c r="H47659" s="1" t="s">
        <v>161959</v>
      </c>
      <c r="I47659" s="1" t="s">
        <v>161341</v>
      </c>
      <c r="J47659" s="1" t="s">
        <v>161974</v>
      </c>
    </row>
    <row r="47660" spans="1:10" x14ac:dyDescent="0.35">
      <c r="A47660" s="1" t="s">
        <v>13857</v>
      </c>
      <c r="B47660" s="1" t="s">
        <v>161335</v>
      </c>
      <c r="C47660" s="1" t="s">
        <v>40</v>
      </c>
      <c r="D47660" s="1" t="s">
        <v>24978</v>
      </c>
      <c r="E47660" s="1" t="s">
        <v>161975</v>
      </c>
      <c r="F47660" s="1" t="s">
        <v>161976</v>
      </c>
      <c r="G47660" s="1" t="s">
        <v>161958</v>
      </c>
      <c r="H47660" s="1" t="s">
        <v>161959</v>
      </c>
      <c r="I47660" s="1" t="s">
        <v>161341</v>
      </c>
      <c r="J47660" s="1" t="s">
        <v>161977</v>
      </c>
    </row>
    <row r="47661" spans="1:10" x14ac:dyDescent="0.35">
      <c r="A47661" s="1" t="s">
        <v>13857</v>
      </c>
      <c r="B47661" s="1" t="s">
        <v>161335</v>
      </c>
      <c r="C47661" s="1" t="s">
        <v>45</v>
      </c>
      <c r="D47661" s="1" t="s">
        <v>45831</v>
      </c>
      <c r="E47661" s="1" t="s">
        <v>161978</v>
      </c>
      <c r="F47661" s="1" t="s">
        <v>161979</v>
      </c>
      <c r="G47661" s="1" t="s">
        <v>161958</v>
      </c>
      <c r="H47661" s="1" t="s">
        <v>161959</v>
      </c>
      <c r="I47661" s="1" t="s">
        <v>161341</v>
      </c>
      <c r="J47661" s="1" t="s">
        <v>161980</v>
      </c>
    </row>
    <row r="47662" spans="1:10" x14ac:dyDescent="0.35">
      <c r="A47662" s="1" t="s">
        <v>13857</v>
      </c>
      <c r="B47662" s="1" t="s">
        <v>161335</v>
      </c>
      <c r="C47662" s="1" t="s">
        <v>50</v>
      </c>
      <c r="D47662" s="1" t="s">
        <v>144672</v>
      </c>
      <c r="E47662" s="1" t="s">
        <v>161981</v>
      </c>
      <c r="F47662" s="1" t="s">
        <v>161982</v>
      </c>
      <c r="G47662" s="1" t="s">
        <v>161958</v>
      </c>
      <c r="H47662" s="1" t="s">
        <v>161959</v>
      </c>
      <c r="I47662" s="1" t="s">
        <v>161341</v>
      </c>
      <c r="J47662" s="1" t="s">
        <v>161983</v>
      </c>
    </row>
    <row r="47663" spans="1:10" x14ac:dyDescent="0.35">
      <c r="A47663" s="1" t="s">
        <v>13857</v>
      </c>
      <c r="B47663" s="1" t="s">
        <v>161335</v>
      </c>
      <c r="C47663" s="1" t="s">
        <v>55</v>
      </c>
      <c r="D47663" s="1" t="s">
        <v>8353</v>
      </c>
      <c r="E47663" s="1" t="s">
        <v>161984</v>
      </c>
      <c r="F47663" s="1" t="s">
        <v>161985</v>
      </c>
      <c r="G47663" s="1" t="s">
        <v>161958</v>
      </c>
      <c r="H47663" s="1" t="s">
        <v>161959</v>
      </c>
      <c r="I47663" s="1" t="s">
        <v>161341</v>
      </c>
      <c r="J47663" s="1" t="s">
        <v>161986</v>
      </c>
    </row>
    <row r="47664" spans="1:10" x14ac:dyDescent="0.35">
      <c r="A47664" s="1" t="s">
        <v>13857</v>
      </c>
      <c r="B47664" s="1" t="s">
        <v>161335</v>
      </c>
      <c r="C47664" s="1" t="s">
        <v>60</v>
      </c>
      <c r="D47664" s="1" t="s">
        <v>27701</v>
      </c>
      <c r="E47664" s="1" t="s">
        <v>161987</v>
      </c>
      <c r="F47664" s="1" t="s">
        <v>161988</v>
      </c>
      <c r="G47664" s="1" t="s">
        <v>161958</v>
      </c>
      <c r="H47664" s="1" t="s">
        <v>161959</v>
      </c>
      <c r="I47664" s="1" t="s">
        <v>161341</v>
      </c>
      <c r="J47664" s="1" t="s">
        <v>161989</v>
      </c>
    </row>
    <row r="47665" spans="1:10" x14ac:dyDescent="0.35">
      <c r="A47665" s="1" t="s">
        <v>13857</v>
      </c>
      <c r="B47665" s="1" t="s">
        <v>161335</v>
      </c>
      <c r="C47665" s="1" t="s">
        <v>65</v>
      </c>
      <c r="D47665" s="1" t="s">
        <v>14759</v>
      </c>
      <c r="E47665" s="1" t="s">
        <v>161990</v>
      </c>
      <c r="F47665" s="1" t="s">
        <v>161991</v>
      </c>
      <c r="G47665" s="1" t="s">
        <v>161958</v>
      </c>
      <c r="H47665" s="1" t="s">
        <v>161959</v>
      </c>
      <c r="I47665" s="1" t="s">
        <v>161341</v>
      </c>
      <c r="J47665" s="1" t="s">
        <v>161992</v>
      </c>
    </row>
    <row r="47666" spans="1:10" x14ac:dyDescent="0.35">
      <c r="A47666" s="1" t="s">
        <v>13857</v>
      </c>
      <c r="B47666" s="1" t="s">
        <v>161335</v>
      </c>
      <c r="C47666" s="1" t="s">
        <v>70</v>
      </c>
      <c r="D47666" s="1" t="s">
        <v>161993</v>
      </c>
      <c r="E47666" s="1" t="s">
        <v>161994</v>
      </c>
      <c r="F47666" s="1" t="s">
        <v>161995</v>
      </c>
      <c r="G47666" s="1" t="s">
        <v>161958</v>
      </c>
      <c r="H47666" s="1" t="s">
        <v>161959</v>
      </c>
      <c r="I47666" s="1" t="s">
        <v>161341</v>
      </c>
      <c r="J47666" s="1" t="s">
        <v>161996</v>
      </c>
    </row>
    <row r="47667" spans="1:10" x14ac:dyDescent="0.35">
      <c r="A47667" s="1" t="s">
        <v>13857</v>
      </c>
      <c r="B47667" s="1" t="s">
        <v>161335</v>
      </c>
      <c r="C47667" s="1" t="s">
        <v>75</v>
      </c>
      <c r="D47667" s="1" t="s">
        <v>161997</v>
      </c>
      <c r="E47667" s="1" t="s">
        <v>161998</v>
      </c>
      <c r="F47667" s="1" t="s">
        <v>161999</v>
      </c>
      <c r="G47667" s="1" t="s">
        <v>161958</v>
      </c>
      <c r="H47667" s="1" t="s">
        <v>161959</v>
      </c>
      <c r="I47667" s="1" t="s">
        <v>161341</v>
      </c>
      <c r="J47667" s="1" t="s">
        <v>162000</v>
      </c>
    </row>
    <row r="47668" spans="1:10" x14ac:dyDescent="0.35">
      <c r="A47668" s="1" t="s">
        <v>13857</v>
      </c>
      <c r="B47668" s="1" t="s">
        <v>161335</v>
      </c>
      <c r="C47668" s="1" t="s">
        <v>80</v>
      </c>
      <c r="D47668" s="1" t="s">
        <v>162001</v>
      </c>
      <c r="E47668" s="1" t="s">
        <v>162002</v>
      </c>
      <c r="F47668" s="1" t="s">
        <v>162003</v>
      </c>
      <c r="G47668" s="1" t="s">
        <v>161958</v>
      </c>
      <c r="H47668" s="1" t="s">
        <v>161959</v>
      </c>
      <c r="I47668" s="1" t="s">
        <v>161341</v>
      </c>
      <c r="J47668" s="1" t="s">
        <v>162004</v>
      </c>
    </row>
    <row r="47669" spans="1:10" x14ac:dyDescent="0.35">
      <c r="A47669" s="1" t="s">
        <v>13857</v>
      </c>
      <c r="B47669" s="1" t="s">
        <v>161335</v>
      </c>
      <c r="C47669" s="1" t="s">
        <v>85</v>
      </c>
      <c r="D47669" s="1" t="s">
        <v>29689</v>
      </c>
      <c r="E47669" s="1" t="s">
        <v>162005</v>
      </c>
      <c r="F47669" s="1" t="s">
        <v>162006</v>
      </c>
      <c r="G47669" s="1" t="s">
        <v>161958</v>
      </c>
      <c r="H47669" s="1" t="s">
        <v>161959</v>
      </c>
      <c r="I47669" s="1" t="s">
        <v>161341</v>
      </c>
      <c r="J47669" s="1" t="s">
        <v>162007</v>
      </c>
    </row>
    <row r="47670" spans="1:10" x14ac:dyDescent="0.35">
      <c r="A47670" s="1" t="s">
        <v>13857</v>
      </c>
      <c r="B47670" s="1" t="s">
        <v>161335</v>
      </c>
      <c r="C47670" s="1" t="s">
        <v>90</v>
      </c>
      <c r="D47670" s="1" t="s">
        <v>45849</v>
      </c>
      <c r="E47670" s="1" t="s">
        <v>162008</v>
      </c>
      <c r="F47670" s="1" t="s">
        <v>162009</v>
      </c>
      <c r="G47670" s="1" t="s">
        <v>161958</v>
      </c>
      <c r="H47670" s="1" t="s">
        <v>161959</v>
      </c>
      <c r="I47670" s="1" t="s">
        <v>161341</v>
      </c>
      <c r="J47670" s="1" t="s">
        <v>162010</v>
      </c>
    </row>
    <row r="47671" spans="1:10" x14ac:dyDescent="0.35">
      <c r="A47671" s="1" t="s">
        <v>13857</v>
      </c>
      <c r="B47671" s="1" t="s">
        <v>161335</v>
      </c>
      <c r="C47671" s="1" t="s">
        <v>95</v>
      </c>
      <c r="D47671" s="1" t="s">
        <v>28570</v>
      </c>
      <c r="E47671" s="1" t="s">
        <v>162011</v>
      </c>
      <c r="F47671" s="1" t="s">
        <v>162012</v>
      </c>
      <c r="G47671" s="1" t="s">
        <v>161958</v>
      </c>
      <c r="H47671" s="1" t="s">
        <v>161959</v>
      </c>
      <c r="I47671" s="1" t="s">
        <v>161341</v>
      </c>
      <c r="J47671" s="1" t="s">
        <v>162013</v>
      </c>
    </row>
    <row r="47672" spans="1:10" x14ac:dyDescent="0.35">
      <c r="A47672" s="1" t="s">
        <v>13857</v>
      </c>
      <c r="B47672" s="1" t="s">
        <v>161335</v>
      </c>
      <c r="C47672" s="1" t="s">
        <v>100</v>
      </c>
      <c r="D47672" s="1" t="s">
        <v>116378</v>
      </c>
      <c r="E47672" s="1" t="s">
        <v>162014</v>
      </c>
      <c r="F47672" s="1" t="s">
        <v>162015</v>
      </c>
      <c r="G47672" s="1" t="s">
        <v>161958</v>
      </c>
      <c r="H47672" s="1" t="s">
        <v>161959</v>
      </c>
      <c r="I47672" s="1" t="s">
        <v>161341</v>
      </c>
      <c r="J47672" s="1" t="s">
        <v>162016</v>
      </c>
    </row>
    <row r="47673" spans="1:10" x14ac:dyDescent="0.35">
      <c r="A47673" s="1" t="s">
        <v>13857</v>
      </c>
      <c r="B47673" s="1" t="s">
        <v>161335</v>
      </c>
      <c r="C47673" s="1" t="s">
        <v>105</v>
      </c>
      <c r="D47673" s="1" t="s">
        <v>144793</v>
      </c>
      <c r="E47673" s="1" t="s">
        <v>162017</v>
      </c>
      <c r="F47673" s="1" t="s">
        <v>162018</v>
      </c>
      <c r="G47673" s="1" t="s">
        <v>161958</v>
      </c>
      <c r="H47673" s="1" t="s">
        <v>161959</v>
      </c>
      <c r="I47673" s="1" t="s">
        <v>161341</v>
      </c>
      <c r="J47673" s="1" t="s">
        <v>162019</v>
      </c>
    </row>
    <row r="47674" spans="1:10" x14ac:dyDescent="0.35">
      <c r="A47674" s="1" t="s">
        <v>13857</v>
      </c>
      <c r="B47674" s="1" t="s">
        <v>161335</v>
      </c>
      <c r="C47674" s="1" t="s">
        <v>110</v>
      </c>
      <c r="D47674" s="1" t="s">
        <v>2905</v>
      </c>
      <c r="E47674" s="1" t="s">
        <v>162020</v>
      </c>
      <c r="F47674" s="1" t="s">
        <v>162021</v>
      </c>
      <c r="G47674" s="1" t="s">
        <v>161958</v>
      </c>
      <c r="H47674" s="1" t="s">
        <v>161959</v>
      </c>
      <c r="I47674" s="1" t="s">
        <v>161341</v>
      </c>
      <c r="J47674" s="1" t="s">
        <v>162022</v>
      </c>
    </row>
    <row r="47675" spans="1:10" x14ac:dyDescent="0.35">
      <c r="A47675" s="1" t="s">
        <v>13857</v>
      </c>
      <c r="B47675" s="1" t="s">
        <v>161335</v>
      </c>
      <c r="C47675" s="1" t="s">
        <v>115</v>
      </c>
      <c r="D47675" s="1" t="s">
        <v>120076</v>
      </c>
      <c r="E47675" s="1" t="s">
        <v>162023</v>
      </c>
      <c r="F47675" s="1" t="s">
        <v>162024</v>
      </c>
      <c r="G47675" s="1" t="s">
        <v>161958</v>
      </c>
      <c r="H47675" s="1" t="s">
        <v>161959</v>
      </c>
      <c r="I47675" s="1" t="s">
        <v>161341</v>
      </c>
      <c r="J47675" s="1" t="s">
        <v>162025</v>
      </c>
    </row>
    <row r="47676" spans="1:10" x14ac:dyDescent="0.35">
      <c r="A47676" s="1" t="s">
        <v>13857</v>
      </c>
      <c r="B47676" s="1" t="s">
        <v>161335</v>
      </c>
      <c r="C47676" s="1" t="s">
        <v>120</v>
      </c>
      <c r="D47676" s="1" t="s">
        <v>104336</v>
      </c>
      <c r="E47676" s="1" t="s">
        <v>162026</v>
      </c>
      <c r="F47676" s="1" t="s">
        <v>162027</v>
      </c>
      <c r="G47676" s="1" t="s">
        <v>161958</v>
      </c>
      <c r="H47676" s="1" t="s">
        <v>161959</v>
      </c>
      <c r="I47676" s="1" t="s">
        <v>161341</v>
      </c>
      <c r="J47676" s="1" t="s">
        <v>162028</v>
      </c>
    </row>
    <row r="47677" spans="1:10" x14ac:dyDescent="0.35">
      <c r="A47677" s="1" t="s">
        <v>13857</v>
      </c>
      <c r="B47677" s="1" t="s">
        <v>161335</v>
      </c>
      <c r="C47677" s="1" t="s">
        <v>125</v>
      </c>
      <c r="D47677" s="1" t="s">
        <v>151837</v>
      </c>
      <c r="E47677" s="1" t="s">
        <v>162029</v>
      </c>
      <c r="F47677" s="1" t="s">
        <v>162030</v>
      </c>
      <c r="G47677" s="1" t="s">
        <v>161958</v>
      </c>
      <c r="H47677" s="1" t="s">
        <v>161959</v>
      </c>
      <c r="I47677" s="1" t="s">
        <v>161341</v>
      </c>
      <c r="J47677" s="1" t="s">
        <v>162031</v>
      </c>
    </row>
    <row r="47678" spans="1:10" x14ac:dyDescent="0.35">
      <c r="A47678" s="1" t="s">
        <v>13857</v>
      </c>
      <c r="B47678" s="1" t="s">
        <v>161335</v>
      </c>
      <c r="C47678" s="1" t="s">
        <v>130</v>
      </c>
      <c r="D47678" s="1" t="s">
        <v>162032</v>
      </c>
      <c r="E47678" s="1" t="s">
        <v>162033</v>
      </c>
      <c r="F47678" s="1" t="s">
        <v>162034</v>
      </c>
      <c r="G47678" s="1" t="s">
        <v>161958</v>
      </c>
      <c r="H47678" s="1" t="s">
        <v>161959</v>
      </c>
      <c r="I47678" s="1" t="s">
        <v>161341</v>
      </c>
      <c r="J47678" s="1" t="s">
        <v>162035</v>
      </c>
    </row>
    <row r="47679" spans="1:10" x14ac:dyDescent="0.35">
      <c r="A47679" s="1" t="s">
        <v>13857</v>
      </c>
      <c r="B47679" s="1" t="s">
        <v>161335</v>
      </c>
      <c r="C47679" s="1" t="s">
        <v>135</v>
      </c>
      <c r="D47679" s="1" t="s">
        <v>162036</v>
      </c>
      <c r="E47679" s="1" t="s">
        <v>162037</v>
      </c>
      <c r="F47679" s="1" t="s">
        <v>162038</v>
      </c>
      <c r="G47679" s="1" t="s">
        <v>161958</v>
      </c>
      <c r="H47679" s="1" t="s">
        <v>161959</v>
      </c>
      <c r="I47679" s="1" t="s">
        <v>161341</v>
      </c>
      <c r="J47679" s="1" t="s">
        <v>162039</v>
      </c>
    </row>
    <row r="47680" spans="1:10" x14ac:dyDescent="0.35">
      <c r="A47680" s="1" t="s">
        <v>13857</v>
      </c>
      <c r="B47680" s="1" t="s">
        <v>161335</v>
      </c>
      <c r="C47680" s="1" t="s">
        <v>140</v>
      </c>
      <c r="D47680" s="1" t="s">
        <v>162040</v>
      </c>
      <c r="E47680" s="1" t="s">
        <v>162041</v>
      </c>
      <c r="F47680" s="1" t="s">
        <v>162042</v>
      </c>
      <c r="G47680" s="1" t="s">
        <v>161958</v>
      </c>
      <c r="H47680" s="1" t="s">
        <v>161959</v>
      </c>
      <c r="I47680" s="1" t="s">
        <v>161341</v>
      </c>
      <c r="J47680" s="1" t="s">
        <v>162043</v>
      </c>
    </row>
    <row r="47681" spans="1:10" x14ac:dyDescent="0.35">
      <c r="A47681" s="1" t="s">
        <v>13857</v>
      </c>
      <c r="B47681" s="1" t="s">
        <v>161335</v>
      </c>
      <c r="C47681" s="1" t="s">
        <v>145</v>
      </c>
      <c r="D47681" s="1" t="s">
        <v>162044</v>
      </c>
      <c r="E47681" s="1" t="s">
        <v>162045</v>
      </c>
      <c r="F47681" s="1" t="s">
        <v>162046</v>
      </c>
      <c r="G47681" s="1" t="s">
        <v>161958</v>
      </c>
      <c r="H47681" s="1" t="s">
        <v>161959</v>
      </c>
      <c r="I47681" s="1" t="s">
        <v>161341</v>
      </c>
      <c r="J47681" s="1" t="s">
        <v>162047</v>
      </c>
    </row>
    <row r="47682" spans="1:10" x14ac:dyDescent="0.35">
      <c r="A47682" s="1" t="s">
        <v>13857</v>
      </c>
      <c r="B47682" s="1" t="s">
        <v>161335</v>
      </c>
      <c r="C47682" s="1" t="s">
        <v>150</v>
      </c>
      <c r="D47682" s="1" t="s">
        <v>28303</v>
      </c>
      <c r="E47682" s="1" t="s">
        <v>162048</v>
      </c>
      <c r="F47682" s="1" t="s">
        <v>162049</v>
      </c>
      <c r="G47682" s="1" t="s">
        <v>161958</v>
      </c>
      <c r="H47682" s="1" t="s">
        <v>161959</v>
      </c>
      <c r="I47682" s="1" t="s">
        <v>161341</v>
      </c>
      <c r="J47682" s="1" t="s">
        <v>162050</v>
      </c>
    </row>
    <row r="47683" spans="1:10" x14ac:dyDescent="0.35">
      <c r="A47683" s="1" t="s">
        <v>13857</v>
      </c>
      <c r="B47683" s="1" t="s">
        <v>161335</v>
      </c>
      <c r="C47683" s="1" t="s">
        <v>155</v>
      </c>
      <c r="D47683" s="1" t="s">
        <v>162051</v>
      </c>
      <c r="E47683" s="1" t="s">
        <v>162052</v>
      </c>
      <c r="F47683" s="1" t="s">
        <v>162053</v>
      </c>
      <c r="G47683" s="1" t="s">
        <v>161958</v>
      </c>
      <c r="H47683" s="1" t="s">
        <v>161959</v>
      </c>
      <c r="I47683" s="1" t="s">
        <v>161341</v>
      </c>
      <c r="J47683" s="1" t="s">
        <v>162054</v>
      </c>
    </row>
    <row r="47684" spans="1:10" x14ac:dyDescent="0.35">
      <c r="A47684" s="1" t="s">
        <v>13857</v>
      </c>
      <c r="B47684" s="1" t="s">
        <v>161335</v>
      </c>
      <c r="C47684" s="1" t="s">
        <v>160</v>
      </c>
      <c r="D47684" s="1" t="s">
        <v>27501</v>
      </c>
      <c r="E47684" s="1" t="s">
        <v>162055</v>
      </c>
      <c r="F47684" s="1" t="s">
        <v>162056</v>
      </c>
      <c r="G47684" s="1" t="s">
        <v>161958</v>
      </c>
      <c r="H47684" s="1" t="s">
        <v>161959</v>
      </c>
      <c r="I47684" s="1" t="s">
        <v>161341</v>
      </c>
      <c r="J47684" s="1" t="s">
        <v>162057</v>
      </c>
    </row>
    <row r="47685" spans="1:10" x14ac:dyDescent="0.35">
      <c r="A47685" s="1" t="s">
        <v>13857</v>
      </c>
      <c r="B47685" s="1" t="s">
        <v>161335</v>
      </c>
      <c r="C47685" s="1" t="s">
        <v>165</v>
      </c>
      <c r="D47685" s="1" t="s">
        <v>35657</v>
      </c>
      <c r="E47685" s="1" t="s">
        <v>162058</v>
      </c>
      <c r="F47685" s="1" t="s">
        <v>162059</v>
      </c>
      <c r="G47685" s="1" t="s">
        <v>161958</v>
      </c>
      <c r="H47685" s="1" t="s">
        <v>161959</v>
      </c>
      <c r="I47685" s="1" t="s">
        <v>161341</v>
      </c>
      <c r="J47685" s="1" t="s">
        <v>162060</v>
      </c>
    </row>
    <row r="47686" spans="1:10" x14ac:dyDescent="0.35">
      <c r="A47686" s="1" t="s">
        <v>13857</v>
      </c>
      <c r="B47686" s="1" t="s">
        <v>161335</v>
      </c>
      <c r="C47686" s="1" t="s">
        <v>170</v>
      </c>
      <c r="D47686" s="1" t="s">
        <v>162061</v>
      </c>
      <c r="E47686" s="1" t="s">
        <v>162062</v>
      </c>
      <c r="F47686" s="1" t="s">
        <v>162063</v>
      </c>
      <c r="G47686" s="1" t="s">
        <v>161958</v>
      </c>
      <c r="H47686" s="1" t="s">
        <v>161959</v>
      </c>
      <c r="I47686" s="1" t="s">
        <v>161341</v>
      </c>
      <c r="J47686" s="1" t="s">
        <v>162064</v>
      </c>
    </row>
    <row r="47687" spans="1:10" x14ac:dyDescent="0.35">
      <c r="A47687" s="1" t="s">
        <v>9382</v>
      </c>
      <c r="B47687" s="1" t="s">
        <v>162065</v>
      </c>
      <c r="C47687" s="1" t="s">
        <v>8</v>
      </c>
      <c r="D47687" s="1" t="s">
        <v>162066</v>
      </c>
      <c r="E47687" s="1" t="s">
        <v>15841</v>
      </c>
      <c r="F47687" s="1" t="s">
        <v>162067</v>
      </c>
      <c r="G47687" s="1" t="s">
        <v>162068</v>
      </c>
      <c r="H47687" s="1" t="s">
        <v>162069</v>
      </c>
      <c r="I47687" s="1" t="s">
        <v>162070</v>
      </c>
      <c r="J47687" s="1" t="s">
        <v>13</v>
      </c>
    </row>
    <row r="47688" spans="1:10" x14ac:dyDescent="0.35">
      <c r="A47688" s="1" t="s">
        <v>9382</v>
      </c>
      <c r="B47688" s="1" t="s">
        <v>162065</v>
      </c>
      <c r="C47688" s="1" t="s">
        <v>15</v>
      </c>
      <c r="D47688" s="1" t="s">
        <v>162071</v>
      </c>
      <c r="E47688" s="1" t="s">
        <v>54042</v>
      </c>
      <c r="F47688" s="1" t="s">
        <v>162072</v>
      </c>
      <c r="G47688" s="1" t="s">
        <v>162068</v>
      </c>
      <c r="H47688" s="1" t="s">
        <v>162069</v>
      </c>
      <c r="I47688" s="1" t="s">
        <v>162070</v>
      </c>
      <c r="J47688" s="1" t="s">
        <v>162073</v>
      </c>
    </row>
    <row r="47689" spans="1:10" x14ac:dyDescent="0.35">
      <c r="A47689" s="1" t="s">
        <v>9382</v>
      </c>
      <c r="B47689" s="1" t="s">
        <v>162065</v>
      </c>
      <c r="C47689" s="1" t="s">
        <v>20</v>
      </c>
      <c r="D47689" s="1" t="s">
        <v>102222</v>
      </c>
      <c r="E47689" s="1" t="s">
        <v>27137</v>
      </c>
      <c r="F47689" s="1" t="s">
        <v>162074</v>
      </c>
      <c r="G47689" s="1" t="s">
        <v>162068</v>
      </c>
      <c r="H47689" s="1" t="s">
        <v>162069</v>
      </c>
      <c r="I47689" s="1" t="s">
        <v>162070</v>
      </c>
      <c r="J47689" s="1" t="s">
        <v>162075</v>
      </c>
    </row>
    <row r="47690" spans="1:10" x14ac:dyDescent="0.35">
      <c r="A47690" s="1" t="s">
        <v>9382</v>
      </c>
      <c r="B47690" s="1" t="s">
        <v>162065</v>
      </c>
      <c r="C47690" s="1" t="s">
        <v>25</v>
      </c>
      <c r="D47690" s="1" t="s">
        <v>80823</v>
      </c>
      <c r="E47690" s="1" t="s">
        <v>56923</v>
      </c>
      <c r="F47690" s="1" t="s">
        <v>162076</v>
      </c>
      <c r="G47690" s="1" t="s">
        <v>162068</v>
      </c>
      <c r="H47690" s="1" t="s">
        <v>162069</v>
      </c>
      <c r="I47690" s="1" t="s">
        <v>162070</v>
      </c>
      <c r="J47690" s="1" t="s">
        <v>162077</v>
      </c>
    </row>
    <row r="47691" spans="1:10" x14ac:dyDescent="0.35">
      <c r="A47691" s="1" t="s">
        <v>9382</v>
      </c>
      <c r="B47691" s="1" t="s">
        <v>162065</v>
      </c>
      <c r="C47691" s="1" t="s">
        <v>30</v>
      </c>
      <c r="D47691" s="1" t="s">
        <v>131756</v>
      </c>
      <c r="E47691" s="1" t="s">
        <v>15311</v>
      </c>
      <c r="F47691" s="1" t="s">
        <v>162078</v>
      </c>
      <c r="G47691" s="1" t="s">
        <v>162068</v>
      </c>
      <c r="H47691" s="1" t="s">
        <v>162069</v>
      </c>
      <c r="I47691" s="1" t="s">
        <v>162070</v>
      </c>
      <c r="J47691" s="1" t="s">
        <v>162079</v>
      </c>
    </row>
    <row r="47692" spans="1:10" x14ac:dyDescent="0.35">
      <c r="A47692" s="1" t="s">
        <v>9382</v>
      </c>
      <c r="B47692" s="1" t="s">
        <v>162065</v>
      </c>
      <c r="C47692" s="1" t="s">
        <v>35</v>
      </c>
      <c r="D47692" s="1" t="s">
        <v>54816</v>
      </c>
      <c r="E47692" s="1" t="s">
        <v>56721</v>
      </c>
      <c r="F47692" s="1" t="s">
        <v>55934</v>
      </c>
      <c r="G47692" s="1" t="s">
        <v>162068</v>
      </c>
      <c r="H47692" s="1" t="s">
        <v>162069</v>
      </c>
      <c r="I47692" s="1" t="s">
        <v>162070</v>
      </c>
      <c r="J47692" s="1" t="s">
        <v>162080</v>
      </c>
    </row>
    <row r="47693" spans="1:10" x14ac:dyDescent="0.35">
      <c r="A47693" s="1" t="s">
        <v>9382</v>
      </c>
      <c r="B47693" s="1" t="s">
        <v>162065</v>
      </c>
      <c r="C47693" s="1" t="s">
        <v>40</v>
      </c>
      <c r="D47693" s="1" t="s">
        <v>79687</v>
      </c>
      <c r="E47693" s="1" t="s">
        <v>23399</v>
      </c>
      <c r="F47693" s="1" t="s">
        <v>59050</v>
      </c>
      <c r="G47693" s="1" t="s">
        <v>162068</v>
      </c>
      <c r="H47693" s="1" t="s">
        <v>162069</v>
      </c>
      <c r="I47693" s="1" t="s">
        <v>162070</v>
      </c>
      <c r="J47693" s="1" t="s">
        <v>162081</v>
      </c>
    </row>
    <row r="47694" spans="1:10" x14ac:dyDescent="0.35">
      <c r="A47694" s="1" t="s">
        <v>9382</v>
      </c>
      <c r="B47694" s="1" t="s">
        <v>162065</v>
      </c>
      <c r="C47694" s="1" t="s">
        <v>45</v>
      </c>
      <c r="D47694" s="1" t="s">
        <v>162082</v>
      </c>
      <c r="E47694" s="1" t="s">
        <v>59053</v>
      </c>
      <c r="F47694" s="1" t="s">
        <v>162083</v>
      </c>
      <c r="G47694" s="1" t="s">
        <v>162068</v>
      </c>
      <c r="H47694" s="1" t="s">
        <v>162069</v>
      </c>
      <c r="I47694" s="1" t="s">
        <v>162070</v>
      </c>
      <c r="J47694" s="1" t="s">
        <v>162084</v>
      </c>
    </row>
    <row r="47695" spans="1:10" x14ac:dyDescent="0.35">
      <c r="A47695" s="1" t="s">
        <v>9382</v>
      </c>
      <c r="B47695" s="1" t="s">
        <v>162065</v>
      </c>
      <c r="C47695" s="1" t="s">
        <v>50</v>
      </c>
      <c r="D47695" s="1" t="s">
        <v>76068</v>
      </c>
      <c r="E47695" s="1" t="s">
        <v>68916</v>
      </c>
      <c r="F47695" s="1" t="s">
        <v>56905</v>
      </c>
      <c r="G47695" s="1" t="s">
        <v>162068</v>
      </c>
      <c r="H47695" s="1" t="s">
        <v>162069</v>
      </c>
      <c r="I47695" s="1" t="s">
        <v>162070</v>
      </c>
      <c r="J47695" s="1" t="s">
        <v>162085</v>
      </c>
    </row>
    <row r="47696" spans="1:10" x14ac:dyDescent="0.35">
      <c r="A47696" s="1" t="s">
        <v>9382</v>
      </c>
      <c r="B47696" s="1" t="s">
        <v>162065</v>
      </c>
      <c r="C47696" s="1" t="s">
        <v>55</v>
      </c>
      <c r="D47696" s="1" t="s">
        <v>138026</v>
      </c>
      <c r="E47696" s="1" t="s">
        <v>59078</v>
      </c>
      <c r="F47696" s="1" t="s">
        <v>26255</v>
      </c>
      <c r="G47696" s="1" t="s">
        <v>162068</v>
      </c>
      <c r="H47696" s="1" t="s">
        <v>162069</v>
      </c>
      <c r="I47696" s="1" t="s">
        <v>162070</v>
      </c>
      <c r="J47696" s="1" t="s">
        <v>162086</v>
      </c>
    </row>
    <row r="47697" spans="1:10" x14ac:dyDescent="0.35">
      <c r="A47697" s="1" t="s">
        <v>9382</v>
      </c>
      <c r="B47697" s="1" t="s">
        <v>162065</v>
      </c>
      <c r="C47697" s="1" t="s">
        <v>60</v>
      </c>
      <c r="D47697" s="1" t="s">
        <v>162087</v>
      </c>
      <c r="E47697" s="1" t="s">
        <v>27111</v>
      </c>
      <c r="F47697" s="1" t="s">
        <v>162088</v>
      </c>
      <c r="G47697" s="1" t="s">
        <v>162068</v>
      </c>
      <c r="H47697" s="1" t="s">
        <v>162069</v>
      </c>
      <c r="I47697" s="1" t="s">
        <v>162070</v>
      </c>
      <c r="J47697" s="1" t="s">
        <v>162089</v>
      </c>
    </row>
    <row r="47698" spans="1:10" x14ac:dyDescent="0.35">
      <c r="A47698" s="1" t="s">
        <v>9382</v>
      </c>
      <c r="B47698" s="1" t="s">
        <v>162065</v>
      </c>
      <c r="C47698" s="1" t="s">
        <v>65</v>
      </c>
      <c r="D47698" s="1" t="s">
        <v>162090</v>
      </c>
      <c r="E47698" s="1" t="s">
        <v>56254</v>
      </c>
      <c r="F47698" s="1" t="s">
        <v>162091</v>
      </c>
      <c r="G47698" s="1" t="s">
        <v>162068</v>
      </c>
      <c r="H47698" s="1" t="s">
        <v>162069</v>
      </c>
      <c r="I47698" s="1" t="s">
        <v>162070</v>
      </c>
      <c r="J47698" s="1" t="s">
        <v>162092</v>
      </c>
    </row>
    <row r="47699" spans="1:10" x14ac:dyDescent="0.35">
      <c r="A47699" s="1" t="s">
        <v>9382</v>
      </c>
      <c r="B47699" s="1" t="s">
        <v>162065</v>
      </c>
      <c r="C47699" s="1" t="s">
        <v>70</v>
      </c>
      <c r="D47699" s="1" t="s">
        <v>162093</v>
      </c>
      <c r="E47699" s="1" t="s">
        <v>24182</v>
      </c>
      <c r="F47699" s="1" t="s">
        <v>162094</v>
      </c>
      <c r="G47699" s="1" t="s">
        <v>162068</v>
      </c>
      <c r="H47699" s="1" t="s">
        <v>162069</v>
      </c>
      <c r="I47699" s="1" t="s">
        <v>162070</v>
      </c>
      <c r="J47699" s="1" t="s">
        <v>162095</v>
      </c>
    </row>
    <row r="47700" spans="1:10" x14ac:dyDescent="0.35">
      <c r="A47700" s="1" t="s">
        <v>9382</v>
      </c>
      <c r="B47700" s="1" t="s">
        <v>162065</v>
      </c>
      <c r="C47700" s="1" t="s">
        <v>75</v>
      </c>
      <c r="D47700" s="1" t="s">
        <v>7444</v>
      </c>
      <c r="E47700" s="1" t="s">
        <v>23468</v>
      </c>
      <c r="F47700" s="1" t="s">
        <v>57100</v>
      </c>
      <c r="G47700" s="1" t="s">
        <v>162068</v>
      </c>
      <c r="H47700" s="1" t="s">
        <v>162069</v>
      </c>
      <c r="I47700" s="1" t="s">
        <v>162070</v>
      </c>
      <c r="J47700" s="1" t="s">
        <v>162096</v>
      </c>
    </row>
    <row r="47701" spans="1:10" x14ac:dyDescent="0.35">
      <c r="A47701" s="1" t="s">
        <v>9382</v>
      </c>
      <c r="B47701" s="1" t="s">
        <v>162065</v>
      </c>
      <c r="C47701" s="1" t="s">
        <v>80</v>
      </c>
      <c r="D47701" s="1" t="s">
        <v>130205</v>
      </c>
      <c r="E47701" s="1" t="s">
        <v>60525</v>
      </c>
      <c r="F47701" s="1" t="s">
        <v>56367</v>
      </c>
      <c r="G47701" s="1" t="s">
        <v>162068</v>
      </c>
      <c r="H47701" s="1" t="s">
        <v>162069</v>
      </c>
      <c r="I47701" s="1" t="s">
        <v>162070</v>
      </c>
      <c r="J47701" s="1" t="s">
        <v>162097</v>
      </c>
    </row>
    <row r="47702" spans="1:10" x14ac:dyDescent="0.35">
      <c r="A47702" s="1" t="s">
        <v>9382</v>
      </c>
      <c r="B47702" s="1" t="s">
        <v>162065</v>
      </c>
      <c r="C47702" s="1" t="s">
        <v>85</v>
      </c>
      <c r="D47702" s="1" t="s">
        <v>162098</v>
      </c>
      <c r="E47702" s="1" t="s">
        <v>12853</v>
      </c>
      <c r="F47702" s="1" t="s">
        <v>162099</v>
      </c>
      <c r="G47702" s="1" t="s">
        <v>162068</v>
      </c>
      <c r="H47702" s="1" t="s">
        <v>162069</v>
      </c>
      <c r="I47702" s="1" t="s">
        <v>162070</v>
      </c>
      <c r="J47702" s="1" t="s">
        <v>162100</v>
      </c>
    </row>
    <row r="47703" spans="1:10" x14ac:dyDescent="0.35">
      <c r="A47703" s="1" t="s">
        <v>9382</v>
      </c>
      <c r="B47703" s="1" t="s">
        <v>162065</v>
      </c>
      <c r="C47703" s="1" t="s">
        <v>90</v>
      </c>
      <c r="D47703" s="1" t="s">
        <v>96049</v>
      </c>
      <c r="E47703" s="1" t="s">
        <v>32924</v>
      </c>
      <c r="F47703" s="1" t="s">
        <v>162101</v>
      </c>
      <c r="G47703" s="1" t="s">
        <v>162068</v>
      </c>
      <c r="H47703" s="1" t="s">
        <v>162069</v>
      </c>
      <c r="I47703" s="1" t="s">
        <v>162070</v>
      </c>
      <c r="J47703" s="1" t="s">
        <v>162102</v>
      </c>
    </row>
    <row r="47704" spans="1:10" x14ac:dyDescent="0.35">
      <c r="A47704" s="1" t="s">
        <v>9382</v>
      </c>
      <c r="B47704" s="1" t="s">
        <v>162065</v>
      </c>
      <c r="C47704" s="1" t="s">
        <v>95</v>
      </c>
      <c r="D47704" s="1" t="s">
        <v>38928</v>
      </c>
      <c r="E47704" s="1" t="s">
        <v>26288</v>
      </c>
      <c r="F47704" s="1" t="s">
        <v>162103</v>
      </c>
      <c r="G47704" s="1" t="s">
        <v>162068</v>
      </c>
      <c r="H47704" s="1" t="s">
        <v>162069</v>
      </c>
      <c r="I47704" s="1" t="s">
        <v>162070</v>
      </c>
      <c r="J47704" s="1" t="s">
        <v>162104</v>
      </c>
    </row>
    <row r="47705" spans="1:10" x14ac:dyDescent="0.35">
      <c r="A47705" s="1" t="s">
        <v>9382</v>
      </c>
      <c r="B47705" s="1" t="s">
        <v>162065</v>
      </c>
      <c r="C47705" s="1" t="s">
        <v>100</v>
      </c>
      <c r="D47705" s="1" t="s">
        <v>162105</v>
      </c>
      <c r="E47705" s="1" t="s">
        <v>56097</v>
      </c>
      <c r="F47705" s="1" t="s">
        <v>97189</v>
      </c>
      <c r="G47705" s="1" t="s">
        <v>162068</v>
      </c>
      <c r="H47705" s="1" t="s">
        <v>162069</v>
      </c>
      <c r="I47705" s="1" t="s">
        <v>162070</v>
      </c>
      <c r="J47705" s="1" t="s">
        <v>162106</v>
      </c>
    </row>
    <row r="47706" spans="1:10" x14ac:dyDescent="0.35">
      <c r="A47706" s="1" t="s">
        <v>9382</v>
      </c>
      <c r="B47706" s="1" t="s">
        <v>162065</v>
      </c>
      <c r="C47706" s="1" t="s">
        <v>105</v>
      </c>
      <c r="D47706" s="1" t="s">
        <v>102874</v>
      </c>
      <c r="E47706" s="1" t="s">
        <v>62154</v>
      </c>
      <c r="F47706" s="1" t="s">
        <v>162107</v>
      </c>
      <c r="G47706" s="1" t="s">
        <v>162068</v>
      </c>
      <c r="H47706" s="1" t="s">
        <v>162069</v>
      </c>
      <c r="I47706" s="1" t="s">
        <v>162070</v>
      </c>
      <c r="J47706" s="1" t="s">
        <v>162108</v>
      </c>
    </row>
    <row r="47707" spans="1:10" x14ac:dyDescent="0.35">
      <c r="A47707" s="1" t="s">
        <v>9382</v>
      </c>
      <c r="B47707" s="1" t="s">
        <v>162065</v>
      </c>
      <c r="C47707" s="1" t="s">
        <v>110</v>
      </c>
      <c r="D47707" s="1" t="s">
        <v>130271</v>
      </c>
      <c r="E47707" s="1" t="s">
        <v>24178</v>
      </c>
      <c r="F47707" s="1" t="s">
        <v>32345</v>
      </c>
      <c r="G47707" s="1" t="s">
        <v>162068</v>
      </c>
      <c r="H47707" s="1" t="s">
        <v>162069</v>
      </c>
      <c r="I47707" s="1" t="s">
        <v>162070</v>
      </c>
      <c r="J47707" s="1" t="s">
        <v>162109</v>
      </c>
    </row>
    <row r="47708" spans="1:10" x14ac:dyDescent="0.35">
      <c r="A47708" s="1" t="s">
        <v>9382</v>
      </c>
      <c r="B47708" s="1" t="s">
        <v>162065</v>
      </c>
      <c r="C47708" s="1" t="s">
        <v>115</v>
      </c>
      <c r="D47708" s="1" t="s">
        <v>162110</v>
      </c>
      <c r="E47708" s="1" t="s">
        <v>31472</v>
      </c>
      <c r="F47708" s="1" t="s">
        <v>56222</v>
      </c>
      <c r="G47708" s="1" t="s">
        <v>162068</v>
      </c>
      <c r="H47708" s="1" t="s">
        <v>162069</v>
      </c>
      <c r="I47708" s="1" t="s">
        <v>162070</v>
      </c>
      <c r="J47708" s="1" t="s">
        <v>162111</v>
      </c>
    </row>
    <row r="47709" spans="1:10" x14ac:dyDescent="0.35">
      <c r="A47709" s="1" t="s">
        <v>9382</v>
      </c>
      <c r="B47709" s="1" t="s">
        <v>162065</v>
      </c>
      <c r="C47709" s="1" t="s">
        <v>120</v>
      </c>
      <c r="D47709" s="1" t="s">
        <v>162112</v>
      </c>
      <c r="E47709" s="1" t="s">
        <v>31408</v>
      </c>
      <c r="F47709" s="1" t="s">
        <v>162113</v>
      </c>
      <c r="G47709" s="1" t="s">
        <v>162068</v>
      </c>
      <c r="H47709" s="1" t="s">
        <v>162069</v>
      </c>
      <c r="I47709" s="1" t="s">
        <v>162070</v>
      </c>
      <c r="J47709" s="1" t="s">
        <v>162114</v>
      </c>
    </row>
    <row r="47710" spans="1:10" x14ac:dyDescent="0.35">
      <c r="A47710" s="1" t="s">
        <v>9382</v>
      </c>
      <c r="B47710" s="1" t="s">
        <v>162065</v>
      </c>
      <c r="C47710" s="1" t="s">
        <v>125</v>
      </c>
      <c r="D47710" s="1" t="s">
        <v>162115</v>
      </c>
      <c r="E47710" s="1" t="s">
        <v>100195</v>
      </c>
      <c r="F47710" s="1" t="s">
        <v>162116</v>
      </c>
      <c r="G47710" s="1" t="s">
        <v>162068</v>
      </c>
      <c r="H47710" s="1" t="s">
        <v>162069</v>
      </c>
      <c r="I47710" s="1" t="s">
        <v>162070</v>
      </c>
      <c r="J47710" s="1" t="s">
        <v>162117</v>
      </c>
    </row>
    <row r="47711" spans="1:10" x14ac:dyDescent="0.35">
      <c r="A47711" s="1" t="s">
        <v>9382</v>
      </c>
      <c r="B47711" s="1" t="s">
        <v>162065</v>
      </c>
      <c r="C47711" s="1" t="s">
        <v>130</v>
      </c>
      <c r="D47711" s="1" t="s">
        <v>162118</v>
      </c>
      <c r="E47711" s="1" t="s">
        <v>57128</v>
      </c>
      <c r="F47711" s="1" t="s">
        <v>162119</v>
      </c>
      <c r="G47711" s="1" t="s">
        <v>162068</v>
      </c>
      <c r="H47711" s="1" t="s">
        <v>162069</v>
      </c>
      <c r="I47711" s="1" t="s">
        <v>162070</v>
      </c>
      <c r="J47711" s="1" t="s">
        <v>162120</v>
      </c>
    </row>
    <row r="47712" spans="1:10" x14ac:dyDescent="0.35">
      <c r="A47712" s="1" t="s">
        <v>9382</v>
      </c>
      <c r="B47712" s="1" t="s">
        <v>162065</v>
      </c>
      <c r="C47712" s="1" t="s">
        <v>135</v>
      </c>
      <c r="D47712" s="1" t="s">
        <v>162121</v>
      </c>
      <c r="E47712" s="1" t="s">
        <v>15576</v>
      </c>
      <c r="F47712" s="1" t="s">
        <v>162122</v>
      </c>
      <c r="G47712" s="1" t="s">
        <v>162068</v>
      </c>
      <c r="H47712" s="1" t="s">
        <v>162069</v>
      </c>
      <c r="I47712" s="1" t="s">
        <v>162070</v>
      </c>
      <c r="J47712" s="1" t="s">
        <v>162123</v>
      </c>
    </row>
    <row r="47713" spans="1:10" x14ac:dyDescent="0.35">
      <c r="A47713" s="1" t="s">
        <v>9382</v>
      </c>
      <c r="B47713" s="1" t="s">
        <v>162065</v>
      </c>
      <c r="C47713" s="1" t="s">
        <v>140</v>
      </c>
      <c r="D47713" s="1" t="s">
        <v>162124</v>
      </c>
      <c r="E47713" s="1" t="s">
        <v>16168</v>
      </c>
      <c r="F47713" s="1" t="s">
        <v>26226</v>
      </c>
      <c r="G47713" s="1" t="s">
        <v>162068</v>
      </c>
      <c r="H47713" s="1" t="s">
        <v>162069</v>
      </c>
      <c r="I47713" s="1" t="s">
        <v>162070</v>
      </c>
      <c r="J47713" s="1" t="s">
        <v>162125</v>
      </c>
    </row>
    <row r="47714" spans="1:10" x14ac:dyDescent="0.35">
      <c r="A47714" s="1" t="s">
        <v>9382</v>
      </c>
      <c r="B47714" s="1" t="s">
        <v>162065</v>
      </c>
      <c r="C47714" s="1" t="s">
        <v>145</v>
      </c>
      <c r="D47714" s="1" t="s">
        <v>162126</v>
      </c>
      <c r="E47714" s="1" t="s">
        <v>23509</v>
      </c>
      <c r="F47714" s="1" t="s">
        <v>162127</v>
      </c>
      <c r="G47714" s="1" t="s">
        <v>162068</v>
      </c>
      <c r="H47714" s="1" t="s">
        <v>162069</v>
      </c>
      <c r="I47714" s="1" t="s">
        <v>162070</v>
      </c>
      <c r="J47714" s="1" t="s">
        <v>162128</v>
      </c>
    </row>
    <row r="47715" spans="1:10" x14ac:dyDescent="0.35">
      <c r="A47715" s="1" t="s">
        <v>9382</v>
      </c>
      <c r="B47715" s="1" t="s">
        <v>162065</v>
      </c>
      <c r="C47715" s="1" t="s">
        <v>150</v>
      </c>
      <c r="D47715" s="1" t="s">
        <v>162129</v>
      </c>
      <c r="E47715" s="1" t="s">
        <v>15595</v>
      </c>
      <c r="F47715" s="1" t="s">
        <v>162130</v>
      </c>
      <c r="G47715" s="1" t="s">
        <v>162068</v>
      </c>
      <c r="H47715" s="1" t="s">
        <v>162069</v>
      </c>
      <c r="I47715" s="1" t="s">
        <v>162070</v>
      </c>
      <c r="J47715" s="1" t="s">
        <v>162131</v>
      </c>
    </row>
    <row r="47716" spans="1:10" x14ac:dyDescent="0.35">
      <c r="A47716" s="1" t="s">
        <v>9382</v>
      </c>
      <c r="B47716" s="1" t="s">
        <v>162065</v>
      </c>
      <c r="C47716" s="1" t="s">
        <v>155</v>
      </c>
      <c r="D47716" s="1" t="s">
        <v>162132</v>
      </c>
      <c r="E47716" s="1" t="s">
        <v>162133</v>
      </c>
      <c r="F47716" s="1" t="s">
        <v>111018</v>
      </c>
      <c r="G47716" s="1" t="s">
        <v>162068</v>
      </c>
      <c r="H47716" s="1" t="s">
        <v>162069</v>
      </c>
      <c r="I47716" s="1" t="s">
        <v>162070</v>
      </c>
      <c r="J47716" s="1" t="s">
        <v>162134</v>
      </c>
    </row>
    <row r="47717" spans="1:10" x14ac:dyDescent="0.35">
      <c r="A47717" s="1" t="s">
        <v>9382</v>
      </c>
      <c r="B47717" s="1" t="s">
        <v>162065</v>
      </c>
      <c r="C47717" s="1" t="s">
        <v>160</v>
      </c>
      <c r="D47717" s="1" t="s">
        <v>162135</v>
      </c>
      <c r="E47717" s="1" t="s">
        <v>56472</v>
      </c>
      <c r="F47717" s="1" t="s">
        <v>67251</v>
      </c>
      <c r="G47717" s="1" t="s">
        <v>162068</v>
      </c>
      <c r="H47717" s="1" t="s">
        <v>162069</v>
      </c>
      <c r="I47717" s="1" t="s">
        <v>162070</v>
      </c>
      <c r="J47717" s="1" t="s">
        <v>162136</v>
      </c>
    </row>
    <row r="47718" spans="1:10" x14ac:dyDescent="0.35">
      <c r="A47718" s="1" t="s">
        <v>9382</v>
      </c>
      <c r="B47718" s="1" t="s">
        <v>162065</v>
      </c>
      <c r="C47718" s="1" t="s">
        <v>165</v>
      </c>
      <c r="D47718" s="1" t="s">
        <v>22734</v>
      </c>
      <c r="E47718" s="1" t="s">
        <v>26191</v>
      </c>
      <c r="F47718" s="1" t="s">
        <v>82951</v>
      </c>
      <c r="G47718" s="1" t="s">
        <v>162068</v>
      </c>
      <c r="H47718" s="1" t="s">
        <v>162069</v>
      </c>
      <c r="I47718" s="1" t="s">
        <v>162070</v>
      </c>
      <c r="J47718" s="1" t="s">
        <v>162137</v>
      </c>
    </row>
    <row r="47719" spans="1:10" x14ac:dyDescent="0.35">
      <c r="A47719" s="1" t="s">
        <v>9382</v>
      </c>
      <c r="B47719" s="1" t="s">
        <v>162065</v>
      </c>
      <c r="C47719" s="1" t="s">
        <v>170</v>
      </c>
      <c r="D47719" s="1" t="s">
        <v>87568</v>
      </c>
      <c r="E47719" s="1" t="s">
        <v>32153</v>
      </c>
      <c r="F47719" s="1" t="s">
        <v>162138</v>
      </c>
      <c r="G47719" s="1" t="s">
        <v>162068</v>
      </c>
      <c r="H47719" s="1" t="s">
        <v>162069</v>
      </c>
      <c r="I47719" s="1" t="s">
        <v>162070</v>
      </c>
      <c r="J47719" s="1" t="s">
        <v>162139</v>
      </c>
    </row>
    <row r="47720" spans="1:10" x14ac:dyDescent="0.35">
      <c r="A47720" s="1" t="s">
        <v>112292</v>
      </c>
      <c r="B47720" s="1" t="s">
        <v>162065</v>
      </c>
      <c r="C47720" s="1" t="s">
        <v>8</v>
      </c>
      <c r="D47720" s="1" t="s">
        <v>162140</v>
      </c>
      <c r="E47720" s="1" t="s">
        <v>23450</v>
      </c>
      <c r="F47720" s="1" t="s">
        <v>65523</v>
      </c>
      <c r="G47720" s="1" t="s">
        <v>162141</v>
      </c>
      <c r="H47720" s="1" t="s">
        <v>162142</v>
      </c>
      <c r="I47720" s="1" t="s">
        <v>162070</v>
      </c>
      <c r="J47720" s="1" t="s">
        <v>13</v>
      </c>
    </row>
    <row r="47721" spans="1:10" x14ac:dyDescent="0.35">
      <c r="A47721" s="1" t="s">
        <v>112292</v>
      </c>
      <c r="B47721" s="1" t="s">
        <v>162065</v>
      </c>
      <c r="C47721" s="1" t="s">
        <v>15</v>
      </c>
      <c r="D47721" s="1" t="s">
        <v>129669</v>
      </c>
      <c r="E47721" s="1" t="s">
        <v>58160</v>
      </c>
      <c r="F47721" s="1" t="s">
        <v>56408</v>
      </c>
      <c r="G47721" s="1" t="s">
        <v>162141</v>
      </c>
      <c r="H47721" s="1" t="s">
        <v>162142</v>
      </c>
      <c r="I47721" s="1" t="s">
        <v>162070</v>
      </c>
      <c r="J47721" s="1" t="s">
        <v>162143</v>
      </c>
    </row>
    <row r="47722" spans="1:10" x14ac:dyDescent="0.35">
      <c r="A47722" s="1" t="s">
        <v>112292</v>
      </c>
      <c r="B47722" s="1" t="s">
        <v>162065</v>
      </c>
      <c r="C47722" s="1" t="s">
        <v>20</v>
      </c>
      <c r="D47722" s="1" t="s">
        <v>162144</v>
      </c>
      <c r="E47722" s="1" t="s">
        <v>65706</v>
      </c>
      <c r="F47722" s="1" t="s">
        <v>107424</v>
      </c>
      <c r="G47722" s="1" t="s">
        <v>162141</v>
      </c>
      <c r="H47722" s="1" t="s">
        <v>162142</v>
      </c>
      <c r="I47722" s="1" t="s">
        <v>162070</v>
      </c>
      <c r="J47722" s="1" t="s">
        <v>162145</v>
      </c>
    </row>
    <row r="47723" spans="1:10" x14ac:dyDescent="0.35">
      <c r="A47723" s="1" t="s">
        <v>112292</v>
      </c>
      <c r="B47723" s="1" t="s">
        <v>162065</v>
      </c>
      <c r="C47723" s="1" t="s">
        <v>25</v>
      </c>
      <c r="D47723" s="1" t="s">
        <v>57213</v>
      </c>
      <c r="E47723" s="1" t="s">
        <v>57412</v>
      </c>
      <c r="F47723" s="1" t="s">
        <v>162146</v>
      </c>
      <c r="G47723" s="1" t="s">
        <v>162141</v>
      </c>
      <c r="H47723" s="1" t="s">
        <v>162142</v>
      </c>
      <c r="I47723" s="1" t="s">
        <v>162070</v>
      </c>
      <c r="J47723" s="1" t="s">
        <v>162147</v>
      </c>
    </row>
    <row r="47724" spans="1:10" x14ac:dyDescent="0.35">
      <c r="A47724" s="1" t="s">
        <v>112292</v>
      </c>
      <c r="B47724" s="1" t="s">
        <v>162065</v>
      </c>
      <c r="C47724" s="1" t="s">
        <v>30</v>
      </c>
      <c r="D47724" s="1" t="s">
        <v>65902</v>
      </c>
      <c r="E47724" s="1" t="s">
        <v>32076</v>
      </c>
      <c r="F47724" s="1" t="s">
        <v>68286</v>
      </c>
      <c r="G47724" s="1" t="s">
        <v>162141</v>
      </c>
      <c r="H47724" s="1" t="s">
        <v>162142</v>
      </c>
      <c r="I47724" s="1" t="s">
        <v>162070</v>
      </c>
      <c r="J47724" s="1" t="s">
        <v>162148</v>
      </c>
    </row>
    <row r="47725" spans="1:10" x14ac:dyDescent="0.35">
      <c r="A47725" s="1" t="s">
        <v>112292</v>
      </c>
      <c r="B47725" s="1" t="s">
        <v>162065</v>
      </c>
      <c r="C47725" s="1" t="s">
        <v>35</v>
      </c>
      <c r="D47725" s="1" t="s">
        <v>129698</v>
      </c>
      <c r="E47725" s="1" t="s">
        <v>41206</v>
      </c>
      <c r="F47725" s="1" t="s">
        <v>67474</v>
      </c>
      <c r="G47725" s="1" t="s">
        <v>162141</v>
      </c>
      <c r="H47725" s="1" t="s">
        <v>162142</v>
      </c>
      <c r="I47725" s="1" t="s">
        <v>162070</v>
      </c>
      <c r="J47725" s="1" t="s">
        <v>162149</v>
      </c>
    </row>
    <row r="47726" spans="1:10" x14ac:dyDescent="0.35">
      <c r="A47726" s="1" t="s">
        <v>112292</v>
      </c>
      <c r="B47726" s="1" t="s">
        <v>162065</v>
      </c>
      <c r="C47726" s="1" t="s">
        <v>40</v>
      </c>
      <c r="D47726" s="1" t="s">
        <v>103573</v>
      </c>
      <c r="E47726" s="1" t="s">
        <v>55137</v>
      </c>
      <c r="F47726" s="1" t="s">
        <v>162150</v>
      </c>
      <c r="G47726" s="1" t="s">
        <v>162141</v>
      </c>
      <c r="H47726" s="1" t="s">
        <v>162142</v>
      </c>
      <c r="I47726" s="1" t="s">
        <v>162070</v>
      </c>
      <c r="J47726" s="1" t="s">
        <v>162151</v>
      </c>
    </row>
    <row r="47727" spans="1:10" x14ac:dyDescent="0.35">
      <c r="A47727" s="1" t="s">
        <v>112292</v>
      </c>
      <c r="B47727" s="1" t="s">
        <v>162065</v>
      </c>
      <c r="C47727" s="1" t="s">
        <v>45</v>
      </c>
      <c r="D47727" s="1" t="s">
        <v>162152</v>
      </c>
      <c r="E47727" s="1" t="s">
        <v>56254</v>
      </c>
      <c r="F47727" s="1" t="s">
        <v>105309</v>
      </c>
      <c r="G47727" s="1" t="s">
        <v>162141</v>
      </c>
      <c r="H47727" s="1" t="s">
        <v>162142</v>
      </c>
      <c r="I47727" s="1" t="s">
        <v>162070</v>
      </c>
      <c r="J47727" s="1" t="s">
        <v>162153</v>
      </c>
    </row>
    <row r="47728" spans="1:10" x14ac:dyDescent="0.35">
      <c r="A47728" s="1" t="s">
        <v>112292</v>
      </c>
      <c r="B47728" s="1" t="s">
        <v>162065</v>
      </c>
      <c r="C47728" s="1" t="s">
        <v>50</v>
      </c>
      <c r="D47728" s="1" t="s">
        <v>162154</v>
      </c>
      <c r="E47728" s="1" t="s">
        <v>60240</v>
      </c>
      <c r="F47728" s="1" t="s">
        <v>110565</v>
      </c>
      <c r="G47728" s="1" t="s">
        <v>162141</v>
      </c>
      <c r="H47728" s="1" t="s">
        <v>162142</v>
      </c>
      <c r="I47728" s="1" t="s">
        <v>162070</v>
      </c>
      <c r="J47728" s="1" t="s">
        <v>162155</v>
      </c>
    </row>
    <row r="47729" spans="1:10" x14ac:dyDescent="0.35">
      <c r="A47729" s="1" t="s">
        <v>112292</v>
      </c>
      <c r="B47729" s="1" t="s">
        <v>162065</v>
      </c>
      <c r="C47729" s="1" t="s">
        <v>55</v>
      </c>
      <c r="D47729" s="1" t="s">
        <v>162156</v>
      </c>
      <c r="E47729" s="1" t="s">
        <v>26191</v>
      </c>
      <c r="F47729" s="1" t="s">
        <v>90199</v>
      </c>
      <c r="G47729" s="1" t="s">
        <v>162141</v>
      </c>
      <c r="H47729" s="1" t="s">
        <v>162142</v>
      </c>
      <c r="I47729" s="1" t="s">
        <v>162070</v>
      </c>
      <c r="J47729" s="1" t="s">
        <v>162157</v>
      </c>
    </row>
    <row r="47730" spans="1:10" x14ac:dyDescent="0.35">
      <c r="A47730" s="1" t="s">
        <v>112292</v>
      </c>
      <c r="B47730" s="1" t="s">
        <v>162065</v>
      </c>
      <c r="C47730" s="1" t="s">
        <v>60</v>
      </c>
      <c r="D47730" s="1" t="s">
        <v>22767</v>
      </c>
      <c r="E47730" s="1" t="s">
        <v>16186</v>
      </c>
      <c r="F47730" s="1" t="s">
        <v>56105</v>
      </c>
      <c r="G47730" s="1" t="s">
        <v>162141</v>
      </c>
      <c r="H47730" s="1" t="s">
        <v>162142</v>
      </c>
      <c r="I47730" s="1" t="s">
        <v>162070</v>
      </c>
      <c r="J47730" s="1" t="s">
        <v>162158</v>
      </c>
    </row>
    <row r="47731" spans="1:10" x14ac:dyDescent="0.35">
      <c r="A47731" s="1" t="s">
        <v>112292</v>
      </c>
      <c r="B47731" s="1" t="s">
        <v>162065</v>
      </c>
      <c r="C47731" s="1" t="s">
        <v>65</v>
      </c>
      <c r="D47731" s="1" t="s">
        <v>162159</v>
      </c>
      <c r="E47731" s="1" t="s">
        <v>54478</v>
      </c>
      <c r="F47731" s="1" t="s">
        <v>56633</v>
      </c>
      <c r="G47731" s="1" t="s">
        <v>162141</v>
      </c>
      <c r="H47731" s="1" t="s">
        <v>162142</v>
      </c>
      <c r="I47731" s="1" t="s">
        <v>162070</v>
      </c>
      <c r="J47731" s="1" t="s">
        <v>162160</v>
      </c>
    </row>
    <row r="47732" spans="1:10" x14ac:dyDescent="0.35">
      <c r="A47732" s="1" t="s">
        <v>112292</v>
      </c>
      <c r="B47732" s="1" t="s">
        <v>162065</v>
      </c>
      <c r="C47732" s="1" t="s">
        <v>70</v>
      </c>
      <c r="D47732" s="1" t="s">
        <v>69437</v>
      </c>
      <c r="E47732" s="1" t="s">
        <v>61432</v>
      </c>
      <c r="F47732" s="1" t="s">
        <v>15497</v>
      </c>
      <c r="G47732" s="1" t="s">
        <v>162141</v>
      </c>
      <c r="H47732" s="1" t="s">
        <v>162142</v>
      </c>
      <c r="I47732" s="1" t="s">
        <v>162070</v>
      </c>
      <c r="J47732" s="1" t="s">
        <v>162161</v>
      </c>
    </row>
    <row r="47733" spans="1:10" x14ac:dyDescent="0.35">
      <c r="A47733" s="1" t="s">
        <v>112292</v>
      </c>
      <c r="B47733" s="1" t="s">
        <v>162065</v>
      </c>
      <c r="C47733" s="1" t="s">
        <v>75</v>
      </c>
      <c r="D47733" s="1" t="s">
        <v>98182</v>
      </c>
      <c r="E47733" s="1" t="s">
        <v>12883</v>
      </c>
      <c r="F47733" s="1" t="s">
        <v>101006</v>
      </c>
      <c r="G47733" s="1" t="s">
        <v>162141</v>
      </c>
      <c r="H47733" s="1" t="s">
        <v>162142</v>
      </c>
      <c r="I47733" s="1" t="s">
        <v>162070</v>
      </c>
      <c r="J47733" s="1" t="s">
        <v>162162</v>
      </c>
    </row>
    <row r="47734" spans="1:10" x14ac:dyDescent="0.35">
      <c r="A47734" s="1" t="s">
        <v>112292</v>
      </c>
      <c r="B47734" s="1" t="s">
        <v>162065</v>
      </c>
      <c r="C47734" s="1" t="s">
        <v>80</v>
      </c>
      <c r="D47734" s="1" t="s">
        <v>94614</v>
      </c>
      <c r="E47734" s="1" t="s">
        <v>21956</v>
      </c>
      <c r="F47734" s="1" t="s">
        <v>103463</v>
      </c>
      <c r="G47734" s="1" t="s">
        <v>162141</v>
      </c>
      <c r="H47734" s="1" t="s">
        <v>162142</v>
      </c>
      <c r="I47734" s="1" t="s">
        <v>162070</v>
      </c>
      <c r="J47734" s="1" t="s">
        <v>162163</v>
      </c>
    </row>
    <row r="47735" spans="1:10" x14ac:dyDescent="0.35">
      <c r="A47735" s="1" t="s">
        <v>112292</v>
      </c>
      <c r="B47735" s="1" t="s">
        <v>162065</v>
      </c>
      <c r="C47735" s="1" t="s">
        <v>85</v>
      </c>
      <c r="D47735" s="1" t="s">
        <v>52416</v>
      </c>
      <c r="E47735" s="1" t="s">
        <v>15228</v>
      </c>
      <c r="F47735" s="1" t="s">
        <v>57934</v>
      </c>
      <c r="G47735" s="1" t="s">
        <v>162141</v>
      </c>
      <c r="H47735" s="1" t="s">
        <v>162142</v>
      </c>
      <c r="I47735" s="1" t="s">
        <v>162070</v>
      </c>
      <c r="J47735" s="1" t="s">
        <v>162164</v>
      </c>
    </row>
    <row r="47736" spans="1:10" x14ac:dyDescent="0.35">
      <c r="A47736" s="1" t="s">
        <v>112292</v>
      </c>
      <c r="B47736" s="1" t="s">
        <v>162065</v>
      </c>
      <c r="C47736" s="1" t="s">
        <v>90</v>
      </c>
      <c r="D47736" s="1" t="s">
        <v>162165</v>
      </c>
      <c r="E47736" s="1" t="s">
        <v>16142</v>
      </c>
      <c r="F47736" s="1" t="s">
        <v>98601</v>
      </c>
      <c r="G47736" s="1" t="s">
        <v>162141</v>
      </c>
      <c r="H47736" s="1" t="s">
        <v>162142</v>
      </c>
      <c r="I47736" s="1" t="s">
        <v>162070</v>
      </c>
      <c r="J47736" s="1" t="s">
        <v>162166</v>
      </c>
    </row>
    <row r="47737" spans="1:10" x14ac:dyDescent="0.35">
      <c r="A47737" s="1" t="s">
        <v>112292</v>
      </c>
      <c r="B47737" s="1" t="s">
        <v>162065</v>
      </c>
      <c r="C47737" s="1" t="s">
        <v>95</v>
      </c>
      <c r="D47737" s="1" t="s">
        <v>162167</v>
      </c>
      <c r="E47737" s="1" t="s">
        <v>54178</v>
      </c>
      <c r="F47737" s="1" t="s">
        <v>131302</v>
      </c>
      <c r="G47737" s="1" t="s">
        <v>162141</v>
      </c>
      <c r="H47737" s="1" t="s">
        <v>162142</v>
      </c>
      <c r="I47737" s="1" t="s">
        <v>162070</v>
      </c>
      <c r="J47737" s="1" t="s">
        <v>162168</v>
      </c>
    </row>
    <row r="47738" spans="1:10" x14ac:dyDescent="0.35">
      <c r="A47738" s="1" t="s">
        <v>112292</v>
      </c>
      <c r="B47738" s="1" t="s">
        <v>162065</v>
      </c>
      <c r="C47738" s="1" t="s">
        <v>100</v>
      </c>
      <c r="D47738" s="1" t="s">
        <v>67850</v>
      </c>
      <c r="E47738" s="1" t="s">
        <v>15200</v>
      </c>
      <c r="F47738" s="1" t="s">
        <v>162169</v>
      </c>
      <c r="G47738" s="1" t="s">
        <v>162141</v>
      </c>
      <c r="H47738" s="1" t="s">
        <v>162142</v>
      </c>
      <c r="I47738" s="1" t="s">
        <v>162070</v>
      </c>
      <c r="J47738" s="1" t="s">
        <v>162170</v>
      </c>
    </row>
    <row r="47739" spans="1:10" x14ac:dyDescent="0.35">
      <c r="A47739" s="1" t="s">
        <v>112292</v>
      </c>
      <c r="B47739" s="1" t="s">
        <v>162065</v>
      </c>
      <c r="C47739" s="1" t="s">
        <v>105</v>
      </c>
      <c r="D47739" s="1" t="s">
        <v>162171</v>
      </c>
      <c r="E47739" s="1" t="s">
        <v>58783</v>
      </c>
      <c r="F47739" s="1" t="s">
        <v>162172</v>
      </c>
      <c r="G47739" s="1" t="s">
        <v>162141</v>
      </c>
      <c r="H47739" s="1" t="s">
        <v>162142</v>
      </c>
      <c r="I47739" s="1" t="s">
        <v>162070</v>
      </c>
      <c r="J47739" s="1" t="s">
        <v>162173</v>
      </c>
    </row>
    <row r="47740" spans="1:10" x14ac:dyDescent="0.35">
      <c r="A47740" s="1" t="s">
        <v>112292</v>
      </c>
      <c r="B47740" s="1" t="s">
        <v>162065</v>
      </c>
      <c r="C47740" s="1" t="s">
        <v>110</v>
      </c>
      <c r="D47740" s="1" t="s">
        <v>162174</v>
      </c>
      <c r="E47740" s="1" t="s">
        <v>56131</v>
      </c>
      <c r="F47740" s="1" t="s">
        <v>162175</v>
      </c>
      <c r="G47740" s="1" t="s">
        <v>162141</v>
      </c>
      <c r="H47740" s="1" t="s">
        <v>162142</v>
      </c>
      <c r="I47740" s="1" t="s">
        <v>162070</v>
      </c>
      <c r="J47740" s="1" t="s">
        <v>162176</v>
      </c>
    </row>
    <row r="47741" spans="1:10" x14ac:dyDescent="0.35">
      <c r="A47741" s="1" t="s">
        <v>112292</v>
      </c>
      <c r="B47741" s="1" t="s">
        <v>162065</v>
      </c>
      <c r="C47741" s="1" t="s">
        <v>115</v>
      </c>
      <c r="D47741" s="1" t="s">
        <v>87946</v>
      </c>
      <c r="E47741" s="1" t="s">
        <v>15884</v>
      </c>
      <c r="F47741" s="1" t="s">
        <v>105358</v>
      </c>
      <c r="G47741" s="1" t="s">
        <v>162141</v>
      </c>
      <c r="H47741" s="1" t="s">
        <v>162142</v>
      </c>
      <c r="I47741" s="1" t="s">
        <v>162070</v>
      </c>
      <c r="J47741" s="1" t="s">
        <v>162177</v>
      </c>
    </row>
    <row r="47742" spans="1:10" x14ac:dyDescent="0.35">
      <c r="A47742" s="1" t="s">
        <v>112292</v>
      </c>
      <c r="B47742" s="1" t="s">
        <v>162065</v>
      </c>
      <c r="C47742" s="1" t="s">
        <v>120</v>
      </c>
      <c r="D47742" s="1" t="s">
        <v>162178</v>
      </c>
      <c r="E47742" s="1" t="s">
        <v>12868</v>
      </c>
      <c r="F47742" s="1" t="s">
        <v>162179</v>
      </c>
      <c r="G47742" s="1" t="s">
        <v>162141</v>
      </c>
      <c r="H47742" s="1" t="s">
        <v>162142</v>
      </c>
      <c r="I47742" s="1" t="s">
        <v>162070</v>
      </c>
      <c r="J47742" s="1" t="s">
        <v>162180</v>
      </c>
    </row>
    <row r="47743" spans="1:10" x14ac:dyDescent="0.35">
      <c r="A47743" s="1" t="s">
        <v>112292</v>
      </c>
      <c r="B47743" s="1" t="s">
        <v>162065</v>
      </c>
      <c r="C47743" s="1" t="s">
        <v>125</v>
      </c>
      <c r="D47743" s="1" t="s">
        <v>100884</v>
      </c>
      <c r="E47743" s="1" t="s">
        <v>56215</v>
      </c>
      <c r="F47743" s="1" t="s">
        <v>66040</v>
      </c>
      <c r="G47743" s="1" t="s">
        <v>162141</v>
      </c>
      <c r="H47743" s="1" t="s">
        <v>162142</v>
      </c>
      <c r="I47743" s="1" t="s">
        <v>162070</v>
      </c>
      <c r="J47743" s="1" t="s">
        <v>162181</v>
      </c>
    </row>
    <row r="47744" spans="1:10" x14ac:dyDescent="0.35">
      <c r="A47744" s="1" t="s">
        <v>112292</v>
      </c>
      <c r="B47744" s="1" t="s">
        <v>162065</v>
      </c>
      <c r="C47744" s="1" t="s">
        <v>130</v>
      </c>
      <c r="D47744" s="1" t="s">
        <v>162182</v>
      </c>
      <c r="E47744" s="1" t="s">
        <v>56849</v>
      </c>
      <c r="F47744" s="1" t="s">
        <v>162183</v>
      </c>
      <c r="G47744" s="1" t="s">
        <v>162141</v>
      </c>
      <c r="H47744" s="1" t="s">
        <v>162142</v>
      </c>
      <c r="I47744" s="1" t="s">
        <v>162070</v>
      </c>
      <c r="J47744" s="1" t="s">
        <v>162184</v>
      </c>
    </row>
    <row r="47745" spans="1:10" x14ac:dyDescent="0.35">
      <c r="A47745" s="1" t="s">
        <v>112292</v>
      </c>
      <c r="B47745" s="1" t="s">
        <v>162065</v>
      </c>
      <c r="C47745" s="1" t="s">
        <v>135</v>
      </c>
      <c r="D47745" s="1" t="s">
        <v>131359</v>
      </c>
      <c r="E47745" s="1" t="s">
        <v>24269</v>
      </c>
      <c r="F47745" s="1" t="s">
        <v>83452</v>
      </c>
      <c r="G47745" s="1" t="s">
        <v>162141</v>
      </c>
      <c r="H47745" s="1" t="s">
        <v>162142</v>
      </c>
      <c r="I47745" s="1" t="s">
        <v>162070</v>
      </c>
      <c r="J47745" s="1" t="s">
        <v>162185</v>
      </c>
    </row>
    <row r="47746" spans="1:10" x14ac:dyDescent="0.35">
      <c r="A47746" s="1" t="s">
        <v>112292</v>
      </c>
      <c r="B47746" s="1" t="s">
        <v>162065</v>
      </c>
      <c r="C47746" s="1" t="s">
        <v>140</v>
      </c>
      <c r="D47746" s="1" t="s">
        <v>162186</v>
      </c>
      <c r="E47746" s="1" t="s">
        <v>32359</v>
      </c>
      <c r="F47746" s="1" t="s">
        <v>32048</v>
      </c>
      <c r="G47746" s="1" t="s">
        <v>162141</v>
      </c>
      <c r="H47746" s="1" t="s">
        <v>162142</v>
      </c>
      <c r="I47746" s="1" t="s">
        <v>162070</v>
      </c>
      <c r="J47746" s="1" t="s">
        <v>162187</v>
      </c>
    </row>
    <row r="47747" spans="1:10" x14ac:dyDescent="0.35">
      <c r="A47747" s="1" t="s">
        <v>112292</v>
      </c>
      <c r="B47747" s="1" t="s">
        <v>162065</v>
      </c>
      <c r="C47747" s="1" t="s">
        <v>145</v>
      </c>
      <c r="D47747" s="1" t="s">
        <v>66931</v>
      </c>
      <c r="E47747" s="1" t="s">
        <v>16153</v>
      </c>
      <c r="F47747" s="1" t="s">
        <v>26565</v>
      </c>
      <c r="G47747" s="1" t="s">
        <v>162141</v>
      </c>
      <c r="H47747" s="1" t="s">
        <v>162142</v>
      </c>
      <c r="I47747" s="1" t="s">
        <v>162070</v>
      </c>
      <c r="J47747" s="1" t="s">
        <v>162188</v>
      </c>
    </row>
    <row r="47748" spans="1:10" x14ac:dyDescent="0.35">
      <c r="A47748" s="1" t="s">
        <v>112292</v>
      </c>
      <c r="B47748" s="1" t="s">
        <v>162065</v>
      </c>
      <c r="C47748" s="1" t="s">
        <v>150</v>
      </c>
      <c r="D47748" s="1" t="s">
        <v>130271</v>
      </c>
      <c r="E47748" s="1" t="s">
        <v>23244</v>
      </c>
      <c r="F47748" s="1" t="s">
        <v>162189</v>
      </c>
      <c r="G47748" s="1" t="s">
        <v>162141</v>
      </c>
      <c r="H47748" s="1" t="s">
        <v>162142</v>
      </c>
      <c r="I47748" s="1" t="s">
        <v>162070</v>
      </c>
      <c r="J47748" s="1" t="s">
        <v>162190</v>
      </c>
    </row>
    <row r="47749" spans="1:10" x14ac:dyDescent="0.35">
      <c r="A47749" s="1" t="s">
        <v>112292</v>
      </c>
      <c r="B47749" s="1" t="s">
        <v>162065</v>
      </c>
      <c r="C47749" s="1" t="s">
        <v>155</v>
      </c>
      <c r="D47749" s="1" t="s">
        <v>162191</v>
      </c>
      <c r="E47749" s="1" t="s">
        <v>32576</v>
      </c>
      <c r="F47749" s="1" t="s">
        <v>56590</v>
      </c>
      <c r="G47749" s="1" t="s">
        <v>162141</v>
      </c>
      <c r="H47749" s="1" t="s">
        <v>162142</v>
      </c>
      <c r="I47749" s="1" t="s">
        <v>162070</v>
      </c>
      <c r="J47749" s="1" t="s">
        <v>162192</v>
      </c>
    </row>
    <row r="47750" spans="1:10" x14ac:dyDescent="0.35">
      <c r="A47750" s="1" t="s">
        <v>112292</v>
      </c>
      <c r="B47750" s="1" t="s">
        <v>162065</v>
      </c>
      <c r="C47750" s="1" t="s">
        <v>160</v>
      </c>
      <c r="D47750" s="1" t="s">
        <v>22901</v>
      </c>
      <c r="E47750" s="1" t="s">
        <v>129715</v>
      </c>
      <c r="F47750" s="1" t="s">
        <v>56902</v>
      </c>
      <c r="G47750" s="1" t="s">
        <v>162141</v>
      </c>
      <c r="H47750" s="1" t="s">
        <v>162142</v>
      </c>
      <c r="I47750" s="1" t="s">
        <v>162070</v>
      </c>
      <c r="J47750" s="1" t="s">
        <v>162193</v>
      </c>
    </row>
    <row r="47751" spans="1:10" x14ac:dyDescent="0.35">
      <c r="A47751" s="1" t="s">
        <v>112292</v>
      </c>
      <c r="B47751" s="1" t="s">
        <v>162065</v>
      </c>
      <c r="C47751" s="1" t="s">
        <v>165</v>
      </c>
      <c r="D47751" s="1" t="s">
        <v>140848</v>
      </c>
      <c r="E47751" s="1" t="s">
        <v>21830</v>
      </c>
      <c r="F47751" s="1" t="s">
        <v>61397</v>
      </c>
      <c r="G47751" s="1" t="s">
        <v>162141</v>
      </c>
      <c r="H47751" s="1" t="s">
        <v>162142</v>
      </c>
      <c r="I47751" s="1" t="s">
        <v>162070</v>
      </c>
      <c r="J47751" s="1" t="s">
        <v>162194</v>
      </c>
    </row>
    <row r="47752" spans="1:10" x14ac:dyDescent="0.35">
      <c r="A47752" s="1" t="s">
        <v>112292</v>
      </c>
      <c r="B47752" s="1" t="s">
        <v>162065</v>
      </c>
      <c r="C47752" s="1" t="s">
        <v>170</v>
      </c>
      <c r="D47752" s="1" t="s">
        <v>162195</v>
      </c>
      <c r="E47752" s="1" t="s">
        <v>15424</v>
      </c>
      <c r="F47752" s="1" t="s">
        <v>162196</v>
      </c>
      <c r="G47752" s="1" t="s">
        <v>162141</v>
      </c>
      <c r="H47752" s="1" t="s">
        <v>162142</v>
      </c>
      <c r="I47752" s="1" t="s">
        <v>162070</v>
      </c>
      <c r="J47752" s="1" t="s">
        <v>162197</v>
      </c>
    </row>
    <row r="47753" spans="1:10" x14ac:dyDescent="0.35">
      <c r="A47753" s="1" t="s">
        <v>15208</v>
      </c>
      <c r="B47753" s="1" t="s">
        <v>162065</v>
      </c>
      <c r="C47753" s="1" t="s">
        <v>8</v>
      </c>
      <c r="D47753" s="1" t="s">
        <v>32362</v>
      </c>
      <c r="E47753" s="1" t="s">
        <v>162198</v>
      </c>
      <c r="F47753" s="1" t="s">
        <v>60481</v>
      </c>
      <c r="G47753" s="1" t="s">
        <v>162199</v>
      </c>
      <c r="H47753" s="1" t="s">
        <v>162200</v>
      </c>
      <c r="I47753" s="1" t="s">
        <v>162070</v>
      </c>
      <c r="J47753" s="1" t="s">
        <v>13</v>
      </c>
    </row>
    <row r="47754" spans="1:10" x14ac:dyDescent="0.35">
      <c r="A47754" s="1" t="s">
        <v>15208</v>
      </c>
      <c r="B47754" s="1" t="s">
        <v>162065</v>
      </c>
      <c r="C47754" s="1" t="s">
        <v>15</v>
      </c>
      <c r="D47754" s="1" t="s">
        <v>77656</v>
      </c>
      <c r="E47754" s="1" t="s">
        <v>31394</v>
      </c>
      <c r="F47754" s="1" t="s">
        <v>162201</v>
      </c>
      <c r="G47754" s="1" t="s">
        <v>162199</v>
      </c>
      <c r="H47754" s="1" t="s">
        <v>162200</v>
      </c>
      <c r="I47754" s="1" t="s">
        <v>162070</v>
      </c>
      <c r="J47754" s="1" t="s">
        <v>162202</v>
      </c>
    </row>
    <row r="47755" spans="1:10" x14ac:dyDescent="0.35">
      <c r="A47755" s="1" t="s">
        <v>15208</v>
      </c>
      <c r="B47755" s="1" t="s">
        <v>162065</v>
      </c>
      <c r="C47755" s="1" t="s">
        <v>20</v>
      </c>
      <c r="D47755" s="1" t="s">
        <v>162203</v>
      </c>
      <c r="E47755" s="1" t="s">
        <v>56164</v>
      </c>
      <c r="F47755" s="1" t="s">
        <v>22107</v>
      </c>
      <c r="G47755" s="1" t="s">
        <v>162199</v>
      </c>
      <c r="H47755" s="1" t="s">
        <v>162200</v>
      </c>
      <c r="I47755" s="1" t="s">
        <v>162070</v>
      </c>
      <c r="J47755" s="1" t="s">
        <v>162204</v>
      </c>
    </row>
    <row r="47756" spans="1:10" x14ac:dyDescent="0.35">
      <c r="A47756" s="1" t="s">
        <v>15208</v>
      </c>
      <c r="B47756" s="1" t="s">
        <v>162065</v>
      </c>
      <c r="C47756" s="1" t="s">
        <v>25</v>
      </c>
      <c r="D47756" s="1" t="s">
        <v>162205</v>
      </c>
      <c r="E47756" s="1" t="s">
        <v>54478</v>
      </c>
      <c r="F47756" s="1" t="s">
        <v>105418</v>
      </c>
      <c r="G47756" s="1" t="s">
        <v>162199</v>
      </c>
      <c r="H47756" s="1" t="s">
        <v>162200</v>
      </c>
      <c r="I47756" s="1" t="s">
        <v>162070</v>
      </c>
      <c r="J47756" s="1" t="s">
        <v>162206</v>
      </c>
    </row>
    <row r="47757" spans="1:10" x14ac:dyDescent="0.35">
      <c r="A47757" s="1" t="s">
        <v>15208</v>
      </c>
      <c r="B47757" s="1" t="s">
        <v>162065</v>
      </c>
      <c r="C47757" s="1" t="s">
        <v>30</v>
      </c>
      <c r="D47757" s="1" t="s">
        <v>162207</v>
      </c>
      <c r="E47757" s="1" t="s">
        <v>15392</v>
      </c>
      <c r="F47757" s="1" t="s">
        <v>162208</v>
      </c>
      <c r="G47757" s="1" t="s">
        <v>162199</v>
      </c>
      <c r="H47757" s="1" t="s">
        <v>162200</v>
      </c>
      <c r="I47757" s="1" t="s">
        <v>162070</v>
      </c>
      <c r="J47757" s="1" t="s">
        <v>162209</v>
      </c>
    </row>
    <row r="47758" spans="1:10" x14ac:dyDescent="0.35">
      <c r="A47758" s="1" t="s">
        <v>15208</v>
      </c>
      <c r="B47758" s="1" t="s">
        <v>162065</v>
      </c>
      <c r="C47758" s="1" t="s">
        <v>35</v>
      </c>
      <c r="D47758" s="1" t="s">
        <v>77487</v>
      </c>
      <c r="E47758" s="1" t="s">
        <v>32557</v>
      </c>
      <c r="F47758" s="1" t="s">
        <v>72779</v>
      </c>
      <c r="G47758" s="1" t="s">
        <v>162199</v>
      </c>
      <c r="H47758" s="1" t="s">
        <v>162200</v>
      </c>
      <c r="I47758" s="1" t="s">
        <v>162070</v>
      </c>
      <c r="J47758" s="1" t="s">
        <v>162210</v>
      </c>
    </row>
    <row r="47759" spans="1:10" x14ac:dyDescent="0.35">
      <c r="A47759" s="1" t="s">
        <v>15208</v>
      </c>
      <c r="B47759" s="1" t="s">
        <v>162065</v>
      </c>
      <c r="C47759" s="1" t="s">
        <v>40</v>
      </c>
      <c r="D47759" s="1" t="s">
        <v>162211</v>
      </c>
      <c r="E47759" s="1" t="s">
        <v>21772</v>
      </c>
      <c r="F47759" s="1" t="s">
        <v>105348</v>
      </c>
      <c r="G47759" s="1" t="s">
        <v>162199</v>
      </c>
      <c r="H47759" s="1" t="s">
        <v>162200</v>
      </c>
      <c r="I47759" s="1" t="s">
        <v>162070</v>
      </c>
      <c r="J47759" s="1" t="s">
        <v>162212</v>
      </c>
    </row>
    <row r="47760" spans="1:10" x14ac:dyDescent="0.35">
      <c r="A47760" s="1" t="s">
        <v>15208</v>
      </c>
      <c r="B47760" s="1" t="s">
        <v>162065</v>
      </c>
      <c r="C47760" s="1" t="s">
        <v>45</v>
      </c>
      <c r="D47760" s="1" t="s">
        <v>162213</v>
      </c>
      <c r="E47760" s="1" t="s">
        <v>26586</v>
      </c>
      <c r="F47760" s="1" t="s">
        <v>162214</v>
      </c>
      <c r="G47760" s="1" t="s">
        <v>162199</v>
      </c>
      <c r="H47760" s="1" t="s">
        <v>162200</v>
      </c>
      <c r="I47760" s="1" t="s">
        <v>162070</v>
      </c>
      <c r="J47760" s="1" t="s">
        <v>162215</v>
      </c>
    </row>
    <row r="47761" spans="1:10" x14ac:dyDescent="0.35">
      <c r="A47761" s="1" t="s">
        <v>15208</v>
      </c>
      <c r="B47761" s="1" t="s">
        <v>162065</v>
      </c>
      <c r="C47761" s="1" t="s">
        <v>50</v>
      </c>
      <c r="D47761" s="1" t="s">
        <v>65535</v>
      </c>
      <c r="E47761" s="1" t="s">
        <v>27122</v>
      </c>
      <c r="F47761" s="1" t="s">
        <v>162216</v>
      </c>
      <c r="G47761" s="1" t="s">
        <v>162199</v>
      </c>
      <c r="H47761" s="1" t="s">
        <v>162200</v>
      </c>
      <c r="I47761" s="1" t="s">
        <v>162070</v>
      </c>
      <c r="J47761" s="1" t="s">
        <v>162217</v>
      </c>
    </row>
    <row r="47762" spans="1:10" x14ac:dyDescent="0.35">
      <c r="A47762" s="1" t="s">
        <v>15208</v>
      </c>
      <c r="B47762" s="1" t="s">
        <v>162065</v>
      </c>
      <c r="C47762" s="1" t="s">
        <v>55</v>
      </c>
      <c r="D47762" s="1" t="s">
        <v>106511</v>
      </c>
      <c r="E47762" s="1" t="s">
        <v>56849</v>
      </c>
      <c r="F47762" s="1" t="s">
        <v>162218</v>
      </c>
      <c r="G47762" s="1" t="s">
        <v>162199</v>
      </c>
      <c r="H47762" s="1" t="s">
        <v>162200</v>
      </c>
      <c r="I47762" s="1" t="s">
        <v>162070</v>
      </c>
      <c r="J47762" s="1" t="s">
        <v>162219</v>
      </c>
    </row>
    <row r="47763" spans="1:10" x14ac:dyDescent="0.35">
      <c r="A47763" s="1" t="s">
        <v>15208</v>
      </c>
      <c r="B47763" s="1" t="s">
        <v>162065</v>
      </c>
      <c r="C47763" s="1" t="s">
        <v>60</v>
      </c>
      <c r="D47763" s="1" t="s">
        <v>134085</v>
      </c>
      <c r="E47763" s="1" t="s">
        <v>23252</v>
      </c>
      <c r="F47763" s="1" t="s">
        <v>162220</v>
      </c>
      <c r="G47763" s="1" t="s">
        <v>162199</v>
      </c>
      <c r="H47763" s="1" t="s">
        <v>162200</v>
      </c>
      <c r="I47763" s="1" t="s">
        <v>162070</v>
      </c>
      <c r="J47763" s="1" t="s">
        <v>162221</v>
      </c>
    </row>
    <row r="47764" spans="1:10" x14ac:dyDescent="0.35">
      <c r="A47764" s="1" t="s">
        <v>15208</v>
      </c>
      <c r="B47764" s="1" t="s">
        <v>162065</v>
      </c>
      <c r="C47764" s="1" t="s">
        <v>65</v>
      </c>
      <c r="D47764" s="1" t="s">
        <v>162222</v>
      </c>
      <c r="E47764" s="1" t="s">
        <v>15903</v>
      </c>
      <c r="F47764" s="1" t="s">
        <v>58491</v>
      </c>
      <c r="G47764" s="1" t="s">
        <v>162199</v>
      </c>
      <c r="H47764" s="1" t="s">
        <v>162200</v>
      </c>
      <c r="I47764" s="1" t="s">
        <v>162070</v>
      </c>
      <c r="J47764" s="1" t="s">
        <v>162223</v>
      </c>
    </row>
    <row r="47765" spans="1:10" x14ac:dyDescent="0.35">
      <c r="A47765" s="1" t="s">
        <v>15208</v>
      </c>
      <c r="B47765" s="1" t="s">
        <v>162065</v>
      </c>
      <c r="C47765" s="1" t="s">
        <v>70</v>
      </c>
      <c r="D47765" s="1" t="s">
        <v>19646</v>
      </c>
      <c r="E47765" s="1" t="s">
        <v>59633</v>
      </c>
      <c r="F47765" s="1" t="s">
        <v>162224</v>
      </c>
      <c r="G47765" s="1" t="s">
        <v>162199</v>
      </c>
      <c r="H47765" s="1" t="s">
        <v>162200</v>
      </c>
      <c r="I47765" s="1" t="s">
        <v>162070</v>
      </c>
      <c r="J47765" s="1" t="s">
        <v>162225</v>
      </c>
    </row>
    <row r="47766" spans="1:10" x14ac:dyDescent="0.35">
      <c r="A47766" s="1" t="s">
        <v>15208</v>
      </c>
      <c r="B47766" s="1" t="s">
        <v>162065</v>
      </c>
      <c r="C47766" s="1" t="s">
        <v>75</v>
      </c>
      <c r="D47766" s="1" t="s">
        <v>162226</v>
      </c>
      <c r="E47766" s="1" t="s">
        <v>56164</v>
      </c>
      <c r="F47766" s="1" t="s">
        <v>162227</v>
      </c>
      <c r="G47766" s="1" t="s">
        <v>162199</v>
      </c>
      <c r="H47766" s="1" t="s">
        <v>162200</v>
      </c>
      <c r="I47766" s="1" t="s">
        <v>162070</v>
      </c>
      <c r="J47766" s="1" t="s">
        <v>162228</v>
      </c>
    </row>
    <row r="47767" spans="1:10" x14ac:dyDescent="0.35">
      <c r="A47767" s="1" t="s">
        <v>15208</v>
      </c>
      <c r="B47767" s="1" t="s">
        <v>162065</v>
      </c>
      <c r="C47767" s="1" t="s">
        <v>80</v>
      </c>
      <c r="D47767" s="1" t="s">
        <v>162229</v>
      </c>
      <c r="E47767" s="1" t="s">
        <v>31472</v>
      </c>
      <c r="F47767" s="1" t="s">
        <v>65870</v>
      </c>
      <c r="G47767" s="1" t="s">
        <v>162199</v>
      </c>
      <c r="H47767" s="1" t="s">
        <v>162200</v>
      </c>
      <c r="I47767" s="1" t="s">
        <v>162070</v>
      </c>
      <c r="J47767" s="1" t="s">
        <v>162230</v>
      </c>
    </row>
    <row r="47768" spans="1:10" x14ac:dyDescent="0.35">
      <c r="A47768" s="1" t="s">
        <v>15208</v>
      </c>
      <c r="B47768" s="1" t="s">
        <v>162065</v>
      </c>
      <c r="C47768" s="1" t="s">
        <v>85</v>
      </c>
      <c r="D47768" s="1" t="s">
        <v>162231</v>
      </c>
      <c r="E47768" s="1" t="s">
        <v>26478</v>
      </c>
      <c r="F47768" s="1" t="s">
        <v>162232</v>
      </c>
      <c r="G47768" s="1" t="s">
        <v>162199</v>
      </c>
      <c r="H47768" s="1" t="s">
        <v>162200</v>
      </c>
      <c r="I47768" s="1" t="s">
        <v>162070</v>
      </c>
      <c r="J47768" s="1" t="s">
        <v>162233</v>
      </c>
    </row>
    <row r="47769" spans="1:10" x14ac:dyDescent="0.35">
      <c r="A47769" s="1" t="s">
        <v>15208</v>
      </c>
      <c r="B47769" s="1" t="s">
        <v>162065</v>
      </c>
      <c r="C47769" s="1" t="s">
        <v>90</v>
      </c>
      <c r="D47769" s="1" t="s">
        <v>162234</v>
      </c>
      <c r="E47769" s="1" t="s">
        <v>162235</v>
      </c>
      <c r="F47769" s="1" t="s">
        <v>162236</v>
      </c>
      <c r="G47769" s="1" t="s">
        <v>162199</v>
      </c>
      <c r="H47769" s="1" t="s">
        <v>162200</v>
      </c>
      <c r="I47769" s="1" t="s">
        <v>162070</v>
      </c>
      <c r="J47769" s="1" t="s">
        <v>162237</v>
      </c>
    </row>
    <row r="47770" spans="1:10" x14ac:dyDescent="0.35">
      <c r="A47770" s="1" t="s">
        <v>15208</v>
      </c>
      <c r="B47770" s="1" t="s">
        <v>162065</v>
      </c>
      <c r="C47770" s="1" t="s">
        <v>95</v>
      </c>
      <c r="D47770" s="1" t="s">
        <v>162238</v>
      </c>
      <c r="E47770" s="1" t="s">
        <v>32913</v>
      </c>
      <c r="F47770" s="1" t="s">
        <v>162239</v>
      </c>
      <c r="G47770" s="1" t="s">
        <v>162199</v>
      </c>
      <c r="H47770" s="1" t="s">
        <v>162200</v>
      </c>
      <c r="I47770" s="1" t="s">
        <v>162070</v>
      </c>
      <c r="J47770" s="1" t="s">
        <v>162240</v>
      </c>
    </row>
    <row r="47771" spans="1:10" x14ac:dyDescent="0.35">
      <c r="A47771" s="1" t="s">
        <v>15208</v>
      </c>
      <c r="B47771" s="1" t="s">
        <v>162065</v>
      </c>
      <c r="C47771" s="1" t="s">
        <v>100</v>
      </c>
      <c r="D47771" s="1" t="s">
        <v>162241</v>
      </c>
      <c r="E47771" s="1" t="s">
        <v>31828</v>
      </c>
      <c r="F47771" s="1" t="s">
        <v>162242</v>
      </c>
      <c r="G47771" s="1" t="s">
        <v>162199</v>
      </c>
      <c r="H47771" s="1" t="s">
        <v>162200</v>
      </c>
      <c r="I47771" s="1" t="s">
        <v>162070</v>
      </c>
      <c r="J47771" s="1" t="s">
        <v>162243</v>
      </c>
    </row>
    <row r="47772" spans="1:10" x14ac:dyDescent="0.35">
      <c r="A47772" s="1" t="s">
        <v>15208</v>
      </c>
      <c r="B47772" s="1" t="s">
        <v>162065</v>
      </c>
      <c r="C47772" s="1" t="s">
        <v>105</v>
      </c>
      <c r="D47772" s="1" t="s">
        <v>162244</v>
      </c>
      <c r="E47772" s="1" t="s">
        <v>60798</v>
      </c>
      <c r="F47772" s="1" t="s">
        <v>56839</v>
      </c>
      <c r="G47772" s="1" t="s">
        <v>162199</v>
      </c>
      <c r="H47772" s="1" t="s">
        <v>162200</v>
      </c>
      <c r="I47772" s="1" t="s">
        <v>162070</v>
      </c>
      <c r="J47772" s="1" t="s">
        <v>162245</v>
      </c>
    </row>
    <row r="47773" spans="1:10" x14ac:dyDescent="0.35">
      <c r="A47773" s="1" t="s">
        <v>15208</v>
      </c>
      <c r="B47773" s="1" t="s">
        <v>162065</v>
      </c>
      <c r="C47773" s="1" t="s">
        <v>110</v>
      </c>
      <c r="D47773" s="1" t="s">
        <v>162246</v>
      </c>
      <c r="E47773" s="1" t="s">
        <v>12790</v>
      </c>
      <c r="F47773" s="1" t="s">
        <v>86934</v>
      </c>
      <c r="G47773" s="1" t="s">
        <v>162199</v>
      </c>
      <c r="H47773" s="1" t="s">
        <v>162200</v>
      </c>
      <c r="I47773" s="1" t="s">
        <v>162070</v>
      </c>
      <c r="J47773" s="1" t="s">
        <v>162247</v>
      </c>
    </row>
    <row r="47774" spans="1:10" x14ac:dyDescent="0.35">
      <c r="A47774" s="1" t="s">
        <v>15208</v>
      </c>
      <c r="B47774" s="1" t="s">
        <v>162065</v>
      </c>
      <c r="C47774" s="1" t="s">
        <v>115</v>
      </c>
      <c r="D47774" s="1" t="s">
        <v>162248</v>
      </c>
      <c r="E47774" s="1" t="s">
        <v>22263</v>
      </c>
      <c r="F47774" s="1" t="s">
        <v>162249</v>
      </c>
      <c r="G47774" s="1" t="s">
        <v>162199</v>
      </c>
      <c r="H47774" s="1" t="s">
        <v>162200</v>
      </c>
      <c r="I47774" s="1" t="s">
        <v>162070</v>
      </c>
      <c r="J47774" s="1" t="s">
        <v>162250</v>
      </c>
    </row>
    <row r="47775" spans="1:10" x14ac:dyDescent="0.35">
      <c r="A47775" s="1" t="s">
        <v>15208</v>
      </c>
      <c r="B47775" s="1" t="s">
        <v>162065</v>
      </c>
      <c r="C47775" s="1" t="s">
        <v>120</v>
      </c>
      <c r="D47775" s="1" t="s">
        <v>162251</v>
      </c>
      <c r="E47775" s="1" t="s">
        <v>53864</v>
      </c>
      <c r="F47775" s="1" t="s">
        <v>162252</v>
      </c>
      <c r="G47775" s="1" t="s">
        <v>162199</v>
      </c>
      <c r="H47775" s="1" t="s">
        <v>162200</v>
      </c>
      <c r="I47775" s="1" t="s">
        <v>162070</v>
      </c>
      <c r="J47775" s="1" t="s">
        <v>162253</v>
      </c>
    </row>
    <row r="47776" spans="1:10" x14ac:dyDescent="0.35">
      <c r="A47776" s="1" t="s">
        <v>15208</v>
      </c>
      <c r="B47776" s="1" t="s">
        <v>162065</v>
      </c>
      <c r="C47776" s="1" t="s">
        <v>125</v>
      </c>
      <c r="D47776" s="1" t="s">
        <v>162254</v>
      </c>
      <c r="E47776" s="1" t="s">
        <v>162255</v>
      </c>
      <c r="F47776" s="1" t="s">
        <v>162256</v>
      </c>
      <c r="G47776" s="1" t="s">
        <v>162199</v>
      </c>
      <c r="H47776" s="1" t="s">
        <v>162200</v>
      </c>
      <c r="I47776" s="1" t="s">
        <v>162070</v>
      </c>
      <c r="J47776" s="1" t="s">
        <v>162257</v>
      </c>
    </row>
    <row r="47777" spans="1:10" x14ac:dyDescent="0.35">
      <c r="A47777" s="1" t="s">
        <v>15208</v>
      </c>
      <c r="B47777" s="1" t="s">
        <v>162065</v>
      </c>
      <c r="C47777" s="1" t="s">
        <v>130</v>
      </c>
      <c r="D47777" s="1" t="s">
        <v>23615</v>
      </c>
      <c r="E47777" s="1" t="s">
        <v>31514</v>
      </c>
      <c r="F47777" s="1" t="s">
        <v>162258</v>
      </c>
      <c r="G47777" s="1" t="s">
        <v>162199</v>
      </c>
      <c r="H47777" s="1" t="s">
        <v>162200</v>
      </c>
      <c r="I47777" s="1" t="s">
        <v>162070</v>
      </c>
      <c r="J47777" s="1" t="s">
        <v>162259</v>
      </c>
    </row>
    <row r="47778" spans="1:10" x14ac:dyDescent="0.35">
      <c r="A47778" s="1" t="s">
        <v>15208</v>
      </c>
      <c r="B47778" s="1" t="s">
        <v>162065</v>
      </c>
      <c r="C47778" s="1" t="s">
        <v>135</v>
      </c>
      <c r="D47778" s="1" t="s">
        <v>162260</v>
      </c>
      <c r="E47778" s="1" t="s">
        <v>26637</v>
      </c>
      <c r="F47778" s="1" t="s">
        <v>162261</v>
      </c>
      <c r="G47778" s="1" t="s">
        <v>162199</v>
      </c>
      <c r="H47778" s="1" t="s">
        <v>162200</v>
      </c>
      <c r="I47778" s="1" t="s">
        <v>162070</v>
      </c>
      <c r="J47778" s="1" t="s">
        <v>162262</v>
      </c>
    </row>
    <row r="47779" spans="1:10" x14ac:dyDescent="0.35">
      <c r="A47779" s="1" t="s">
        <v>15208</v>
      </c>
      <c r="B47779" s="1" t="s">
        <v>162065</v>
      </c>
      <c r="C47779" s="1" t="s">
        <v>140</v>
      </c>
      <c r="D47779" s="1" t="s">
        <v>162263</v>
      </c>
      <c r="E47779" s="1" t="s">
        <v>53997</v>
      </c>
      <c r="F47779" s="1" t="s">
        <v>68986</v>
      </c>
      <c r="G47779" s="1" t="s">
        <v>162199</v>
      </c>
      <c r="H47779" s="1" t="s">
        <v>162200</v>
      </c>
      <c r="I47779" s="1" t="s">
        <v>162070</v>
      </c>
      <c r="J47779" s="1" t="s">
        <v>162264</v>
      </c>
    </row>
    <row r="47780" spans="1:10" x14ac:dyDescent="0.35">
      <c r="A47780" s="1" t="s">
        <v>15208</v>
      </c>
      <c r="B47780" s="1" t="s">
        <v>162065</v>
      </c>
      <c r="C47780" s="1" t="s">
        <v>145</v>
      </c>
      <c r="D47780" s="1" t="s">
        <v>84157</v>
      </c>
      <c r="E47780" s="1" t="s">
        <v>58124</v>
      </c>
      <c r="F47780" s="1" t="s">
        <v>162265</v>
      </c>
      <c r="G47780" s="1" t="s">
        <v>162199</v>
      </c>
      <c r="H47780" s="1" t="s">
        <v>162200</v>
      </c>
      <c r="I47780" s="1" t="s">
        <v>162070</v>
      </c>
      <c r="J47780" s="1" t="s">
        <v>162266</v>
      </c>
    </row>
    <row r="47781" spans="1:10" x14ac:dyDescent="0.35">
      <c r="A47781" s="1" t="s">
        <v>15208</v>
      </c>
      <c r="B47781" s="1" t="s">
        <v>162065</v>
      </c>
      <c r="C47781" s="1" t="s">
        <v>150</v>
      </c>
      <c r="D47781" s="1" t="s">
        <v>162267</v>
      </c>
      <c r="E47781" s="1" t="s">
        <v>162268</v>
      </c>
      <c r="F47781" s="1" t="s">
        <v>57632</v>
      </c>
      <c r="G47781" s="1" t="s">
        <v>162199</v>
      </c>
      <c r="H47781" s="1" t="s">
        <v>162200</v>
      </c>
      <c r="I47781" s="1" t="s">
        <v>162070</v>
      </c>
      <c r="J47781" s="1" t="s">
        <v>162269</v>
      </c>
    </row>
    <row r="47782" spans="1:10" x14ac:dyDescent="0.35">
      <c r="A47782" s="1" t="s">
        <v>15208</v>
      </c>
      <c r="B47782" s="1" t="s">
        <v>162065</v>
      </c>
      <c r="C47782" s="1" t="s">
        <v>155</v>
      </c>
      <c r="D47782" s="1" t="s">
        <v>162270</v>
      </c>
      <c r="E47782" s="1" t="s">
        <v>60543</v>
      </c>
      <c r="F47782" s="1" t="s">
        <v>105995</v>
      </c>
      <c r="G47782" s="1" t="s">
        <v>162199</v>
      </c>
      <c r="H47782" s="1" t="s">
        <v>162200</v>
      </c>
      <c r="I47782" s="1" t="s">
        <v>162070</v>
      </c>
      <c r="J47782" s="1" t="s">
        <v>162271</v>
      </c>
    </row>
    <row r="47783" spans="1:10" x14ac:dyDescent="0.35">
      <c r="A47783" s="1" t="s">
        <v>15208</v>
      </c>
      <c r="B47783" s="1" t="s">
        <v>162065</v>
      </c>
      <c r="C47783" s="1" t="s">
        <v>160</v>
      </c>
      <c r="D47783" s="1" t="s">
        <v>162272</v>
      </c>
      <c r="E47783" s="1" t="s">
        <v>15571</v>
      </c>
      <c r="F47783" s="1" t="s">
        <v>26630</v>
      </c>
      <c r="G47783" s="1" t="s">
        <v>162199</v>
      </c>
      <c r="H47783" s="1" t="s">
        <v>162200</v>
      </c>
      <c r="I47783" s="1" t="s">
        <v>162070</v>
      </c>
      <c r="J47783" s="1" t="s">
        <v>162273</v>
      </c>
    </row>
    <row r="47784" spans="1:10" x14ac:dyDescent="0.35">
      <c r="A47784" s="1" t="s">
        <v>15208</v>
      </c>
      <c r="B47784" s="1" t="s">
        <v>162065</v>
      </c>
      <c r="C47784" s="1" t="s">
        <v>165</v>
      </c>
      <c r="D47784" s="1" t="s">
        <v>162274</v>
      </c>
      <c r="E47784" s="1" t="s">
        <v>16157</v>
      </c>
      <c r="F47784" s="1" t="s">
        <v>162275</v>
      </c>
      <c r="G47784" s="1" t="s">
        <v>162199</v>
      </c>
      <c r="H47784" s="1" t="s">
        <v>162200</v>
      </c>
      <c r="I47784" s="1" t="s">
        <v>162070</v>
      </c>
      <c r="J47784" s="1" t="s">
        <v>162276</v>
      </c>
    </row>
    <row r="47785" spans="1:10" x14ac:dyDescent="0.35">
      <c r="A47785" s="1" t="s">
        <v>15208</v>
      </c>
      <c r="B47785" s="1" t="s">
        <v>162065</v>
      </c>
      <c r="C47785" s="1" t="s">
        <v>170</v>
      </c>
      <c r="D47785" s="1" t="s">
        <v>162277</v>
      </c>
      <c r="E47785" s="1" t="s">
        <v>32028</v>
      </c>
      <c r="F47785" s="1" t="s">
        <v>162278</v>
      </c>
      <c r="G47785" s="1" t="s">
        <v>162199</v>
      </c>
      <c r="H47785" s="1" t="s">
        <v>162200</v>
      </c>
      <c r="I47785" s="1" t="s">
        <v>162070</v>
      </c>
      <c r="J47785" s="1" t="s">
        <v>162279</v>
      </c>
    </row>
    <row r="47786" spans="1:10" x14ac:dyDescent="0.35">
      <c r="A47786" s="1" t="s">
        <v>5494</v>
      </c>
      <c r="B47786" s="1" t="s">
        <v>162065</v>
      </c>
      <c r="C47786" s="1" t="s">
        <v>8</v>
      </c>
      <c r="D47786" s="1" t="s">
        <v>162280</v>
      </c>
      <c r="E47786" s="1" t="s">
        <v>56164</v>
      </c>
      <c r="F47786" s="1" t="s">
        <v>103931</v>
      </c>
      <c r="G47786" s="1" t="s">
        <v>162281</v>
      </c>
      <c r="H47786" s="1" t="s">
        <v>162282</v>
      </c>
      <c r="I47786" s="1" t="s">
        <v>162070</v>
      </c>
      <c r="J47786" s="1" t="s">
        <v>13</v>
      </c>
    </row>
    <row r="47787" spans="1:10" x14ac:dyDescent="0.35">
      <c r="A47787" s="1" t="s">
        <v>5494</v>
      </c>
      <c r="B47787" s="1" t="s">
        <v>162065</v>
      </c>
      <c r="C47787" s="1" t="s">
        <v>15</v>
      </c>
      <c r="D47787" s="1" t="s">
        <v>162283</v>
      </c>
      <c r="E47787" s="1" t="s">
        <v>26178</v>
      </c>
      <c r="F47787" s="1" t="s">
        <v>66175</v>
      </c>
      <c r="G47787" s="1" t="s">
        <v>162281</v>
      </c>
      <c r="H47787" s="1" t="s">
        <v>162282</v>
      </c>
      <c r="I47787" s="1" t="s">
        <v>162070</v>
      </c>
      <c r="J47787" s="1" t="s">
        <v>162284</v>
      </c>
    </row>
    <row r="47788" spans="1:10" x14ac:dyDescent="0.35">
      <c r="A47788" s="1" t="s">
        <v>5494</v>
      </c>
      <c r="B47788" s="1" t="s">
        <v>162065</v>
      </c>
      <c r="C47788" s="1" t="s">
        <v>20</v>
      </c>
      <c r="D47788" s="1" t="s">
        <v>67952</v>
      </c>
      <c r="E47788" s="1" t="s">
        <v>26586</v>
      </c>
      <c r="F47788" s="1" t="s">
        <v>162285</v>
      </c>
      <c r="G47788" s="1" t="s">
        <v>162281</v>
      </c>
      <c r="H47788" s="1" t="s">
        <v>162282</v>
      </c>
      <c r="I47788" s="1" t="s">
        <v>162070</v>
      </c>
      <c r="J47788" s="1" t="s">
        <v>162286</v>
      </c>
    </row>
    <row r="47789" spans="1:10" x14ac:dyDescent="0.35">
      <c r="A47789" s="1" t="s">
        <v>5494</v>
      </c>
      <c r="B47789" s="1" t="s">
        <v>162065</v>
      </c>
      <c r="C47789" s="1" t="s">
        <v>25</v>
      </c>
      <c r="D47789" s="1" t="s">
        <v>162287</v>
      </c>
      <c r="E47789" s="1" t="s">
        <v>32359</v>
      </c>
      <c r="F47789" s="1" t="s">
        <v>162288</v>
      </c>
      <c r="G47789" s="1" t="s">
        <v>162281</v>
      </c>
      <c r="H47789" s="1" t="s">
        <v>162282</v>
      </c>
      <c r="I47789" s="1" t="s">
        <v>162070</v>
      </c>
      <c r="J47789" s="1" t="s">
        <v>162289</v>
      </c>
    </row>
    <row r="47790" spans="1:10" x14ac:dyDescent="0.35">
      <c r="A47790" s="1" t="s">
        <v>5494</v>
      </c>
      <c r="B47790" s="1" t="s">
        <v>162065</v>
      </c>
      <c r="C47790" s="1" t="s">
        <v>30</v>
      </c>
      <c r="D47790" s="1" t="s">
        <v>162290</v>
      </c>
      <c r="E47790" s="1" t="s">
        <v>32576</v>
      </c>
      <c r="F47790" s="1" t="s">
        <v>162291</v>
      </c>
      <c r="G47790" s="1" t="s">
        <v>162281</v>
      </c>
      <c r="H47790" s="1" t="s">
        <v>162282</v>
      </c>
      <c r="I47790" s="1" t="s">
        <v>162070</v>
      </c>
      <c r="J47790" s="1" t="s">
        <v>162292</v>
      </c>
    </row>
    <row r="47791" spans="1:10" x14ac:dyDescent="0.35">
      <c r="A47791" s="1" t="s">
        <v>5494</v>
      </c>
      <c r="B47791" s="1" t="s">
        <v>162065</v>
      </c>
      <c r="C47791" s="1" t="s">
        <v>35</v>
      </c>
      <c r="D47791" s="1" t="s">
        <v>52616</v>
      </c>
      <c r="E47791" s="1" t="s">
        <v>23468</v>
      </c>
      <c r="F47791" s="1" t="s">
        <v>101457</v>
      </c>
      <c r="G47791" s="1" t="s">
        <v>162281</v>
      </c>
      <c r="H47791" s="1" t="s">
        <v>162282</v>
      </c>
      <c r="I47791" s="1" t="s">
        <v>162070</v>
      </c>
      <c r="J47791" s="1" t="s">
        <v>162293</v>
      </c>
    </row>
    <row r="47792" spans="1:10" x14ac:dyDescent="0.35">
      <c r="A47792" s="1" t="s">
        <v>5494</v>
      </c>
      <c r="B47792" s="1" t="s">
        <v>162065</v>
      </c>
      <c r="C47792" s="1" t="s">
        <v>40</v>
      </c>
      <c r="D47792" s="1" t="s">
        <v>162294</v>
      </c>
      <c r="E47792" s="1" t="s">
        <v>62462</v>
      </c>
      <c r="F47792" s="1" t="s">
        <v>57613</v>
      </c>
      <c r="G47792" s="1" t="s">
        <v>162281</v>
      </c>
      <c r="H47792" s="1" t="s">
        <v>162282</v>
      </c>
      <c r="I47792" s="1" t="s">
        <v>162070</v>
      </c>
      <c r="J47792" s="1" t="s">
        <v>162295</v>
      </c>
    </row>
    <row r="47793" spans="1:10" x14ac:dyDescent="0.35">
      <c r="A47793" s="1" t="s">
        <v>5494</v>
      </c>
      <c r="B47793" s="1" t="s">
        <v>162065</v>
      </c>
      <c r="C47793" s="1" t="s">
        <v>45</v>
      </c>
      <c r="D47793" s="1" t="s">
        <v>61145</v>
      </c>
      <c r="E47793" s="1" t="s">
        <v>15413</v>
      </c>
      <c r="F47793" s="1" t="s">
        <v>162296</v>
      </c>
      <c r="G47793" s="1" t="s">
        <v>162281</v>
      </c>
      <c r="H47793" s="1" t="s">
        <v>162282</v>
      </c>
      <c r="I47793" s="1" t="s">
        <v>162070</v>
      </c>
      <c r="J47793" s="1" t="s">
        <v>162297</v>
      </c>
    </row>
    <row r="47794" spans="1:10" x14ac:dyDescent="0.35">
      <c r="A47794" s="1" t="s">
        <v>5494</v>
      </c>
      <c r="B47794" s="1" t="s">
        <v>162065</v>
      </c>
      <c r="C47794" s="1" t="s">
        <v>50</v>
      </c>
      <c r="D47794" s="1" t="s">
        <v>69556</v>
      </c>
      <c r="E47794" s="1" t="s">
        <v>57707</v>
      </c>
      <c r="F47794" s="1" t="s">
        <v>96944</v>
      </c>
      <c r="G47794" s="1" t="s">
        <v>162281</v>
      </c>
      <c r="H47794" s="1" t="s">
        <v>162282</v>
      </c>
      <c r="I47794" s="1" t="s">
        <v>162070</v>
      </c>
      <c r="J47794" s="1" t="s">
        <v>162298</v>
      </c>
    </row>
    <row r="47795" spans="1:10" x14ac:dyDescent="0.35">
      <c r="A47795" s="1" t="s">
        <v>5494</v>
      </c>
      <c r="B47795" s="1" t="s">
        <v>162065</v>
      </c>
      <c r="C47795" s="1" t="s">
        <v>55</v>
      </c>
      <c r="D47795" s="1" t="s">
        <v>162299</v>
      </c>
      <c r="E47795" s="1" t="s">
        <v>56250</v>
      </c>
      <c r="F47795" s="1" t="s">
        <v>67774</v>
      </c>
      <c r="G47795" s="1" t="s">
        <v>162281</v>
      </c>
      <c r="H47795" s="1" t="s">
        <v>162282</v>
      </c>
      <c r="I47795" s="1" t="s">
        <v>162070</v>
      </c>
      <c r="J47795" s="1" t="s">
        <v>162300</v>
      </c>
    </row>
    <row r="47796" spans="1:10" x14ac:dyDescent="0.35">
      <c r="A47796" s="1" t="s">
        <v>5494</v>
      </c>
      <c r="B47796" s="1" t="s">
        <v>162065</v>
      </c>
      <c r="C47796" s="1" t="s">
        <v>60</v>
      </c>
      <c r="D47796" s="1" t="s">
        <v>95416</v>
      </c>
      <c r="E47796" s="1" t="s">
        <v>15407</v>
      </c>
      <c r="F47796" s="1" t="s">
        <v>26508</v>
      </c>
      <c r="G47796" s="1" t="s">
        <v>162281</v>
      </c>
      <c r="H47796" s="1" t="s">
        <v>162282</v>
      </c>
      <c r="I47796" s="1" t="s">
        <v>162070</v>
      </c>
      <c r="J47796" s="1" t="s">
        <v>162301</v>
      </c>
    </row>
    <row r="47797" spans="1:10" x14ac:dyDescent="0.35">
      <c r="A47797" s="1" t="s">
        <v>5494</v>
      </c>
      <c r="B47797" s="1" t="s">
        <v>162065</v>
      </c>
      <c r="C47797" s="1" t="s">
        <v>65</v>
      </c>
      <c r="D47797" s="1" t="s">
        <v>93287</v>
      </c>
      <c r="E47797" s="1" t="s">
        <v>68930</v>
      </c>
      <c r="F47797" s="1" t="s">
        <v>144890</v>
      </c>
      <c r="G47797" s="1" t="s">
        <v>162281</v>
      </c>
      <c r="H47797" s="1" t="s">
        <v>162282</v>
      </c>
      <c r="I47797" s="1" t="s">
        <v>162070</v>
      </c>
      <c r="J47797" s="1" t="s">
        <v>162302</v>
      </c>
    </row>
    <row r="47798" spans="1:10" x14ac:dyDescent="0.35">
      <c r="A47798" s="1" t="s">
        <v>5494</v>
      </c>
      <c r="B47798" s="1" t="s">
        <v>162065</v>
      </c>
      <c r="C47798" s="1" t="s">
        <v>70</v>
      </c>
      <c r="D47798" s="1" t="s">
        <v>162303</v>
      </c>
      <c r="E47798" s="1" t="s">
        <v>100698</v>
      </c>
      <c r="F47798" s="1" t="s">
        <v>162304</v>
      </c>
      <c r="G47798" s="1" t="s">
        <v>162281</v>
      </c>
      <c r="H47798" s="1" t="s">
        <v>162282</v>
      </c>
      <c r="I47798" s="1" t="s">
        <v>162070</v>
      </c>
      <c r="J47798" s="1" t="s">
        <v>162305</v>
      </c>
    </row>
    <row r="47799" spans="1:10" x14ac:dyDescent="0.35">
      <c r="A47799" s="1" t="s">
        <v>5494</v>
      </c>
      <c r="B47799" s="1" t="s">
        <v>162065</v>
      </c>
      <c r="C47799" s="1" t="s">
        <v>75</v>
      </c>
      <c r="D47799" s="1" t="s">
        <v>63189</v>
      </c>
      <c r="E47799" s="1" t="s">
        <v>15388</v>
      </c>
      <c r="F47799" s="1" t="s">
        <v>132294</v>
      </c>
      <c r="G47799" s="1" t="s">
        <v>162281</v>
      </c>
      <c r="H47799" s="1" t="s">
        <v>162282</v>
      </c>
      <c r="I47799" s="1" t="s">
        <v>162070</v>
      </c>
      <c r="J47799" s="1" t="s">
        <v>162306</v>
      </c>
    </row>
    <row r="47800" spans="1:10" x14ac:dyDescent="0.35">
      <c r="A47800" s="1" t="s">
        <v>5494</v>
      </c>
      <c r="B47800" s="1" t="s">
        <v>162065</v>
      </c>
      <c r="C47800" s="1" t="s">
        <v>80</v>
      </c>
      <c r="D47800" s="1" t="s">
        <v>54009</v>
      </c>
      <c r="E47800" s="1" t="s">
        <v>26556</v>
      </c>
      <c r="F47800" s="1" t="s">
        <v>58387</v>
      </c>
      <c r="G47800" s="1" t="s">
        <v>162281</v>
      </c>
      <c r="H47800" s="1" t="s">
        <v>162282</v>
      </c>
      <c r="I47800" s="1" t="s">
        <v>162070</v>
      </c>
      <c r="J47800" s="1" t="s">
        <v>162307</v>
      </c>
    </row>
    <row r="47801" spans="1:10" x14ac:dyDescent="0.35">
      <c r="A47801" s="1" t="s">
        <v>5494</v>
      </c>
      <c r="B47801" s="1" t="s">
        <v>162065</v>
      </c>
      <c r="C47801" s="1" t="s">
        <v>85</v>
      </c>
      <c r="D47801" s="1" t="s">
        <v>85750</v>
      </c>
      <c r="E47801" s="1" t="s">
        <v>15841</v>
      </c>
      <c r="F47801" s="1" t="s">
        <v>107420</v>
      </c>
      <c r="G47801" s="1" t="s">
        <v>162281</v>
      </c>
      <c r="H47801" s="1" t="s">
        <v>162282</v>
      </c>
      <c r="I47801" s="1" t="s">
        <v>162070</v>
      </c>
      <c r="J47801" s="1" t="s">
        <v>162308</v>
      </c>
    </row>
    <row r="47802" spans="1:10" x14ac:dyDescent="0.35">
      <c r="A47802" s="1" t="s">
        <v>5494</v>
      </c>
      <c r="B47802" s="1" t="s">
        <v>162065</v>
      </c>
      <c r="C47802" s="1" t="s">
        <v>90</v>
      </c>
      <c r="D47802" s="1" t="s">
        <v>57376</v>
      </c>
      <c r="E47802" s="1" t="s">
        <v>58124</v>
      </c>
      <c r="F47802" s="1" t="s">
        <v>32568</v>
      </c>
      <c r="G47802" s="1" t="s">
        <v>162281</v>
      </c>
      <c r="H47802" s="1" t="s">
        <v>162282</v>
      </c>
      <c r="I47802" s="1" t="s">
        <v>162070</v>
      </c>
      <c r="J47802" s="1" t="s">
        <v>162309</v>
      </c>
    </row>
    <row r="47803" spans="1:10" x14ac:dyDescent="0.35">
      <c r="A47803" s="1" t="s">
        <v>5494</v>
      </c>
      <c r="B47803" s="1" t="s">
        <v>162065</v>
      </c>
      <c r="C47803" s="1" t="s">
        <v>95</v>
      </c>
      <c r="D47803" s="1" t="s">
        <v>162310</v>
      </c>
      <c r="E47803" s="1" t="s">
        <v>54165</v>
      </c>
      <c r="F47803" s="1" t="s">
        <v>162311</v>
      </c>
      <c r="G47803" s="1" t="s">
        <v>162281</v>
      </c>
      <c r="H47803" s="1" t="s">
        <v>162282</v>
      </c>
      <c r="I47803" s="1" t="s">
        <v>162070</v>
      </c>
      <c r="J47803" s="1" t="s">
        <v>162312</v>
      </c>
    </row>
    <row r="47804" spans="1:10" x14ac:dyDescent="0.35">
      <c r="A47804" s="1" t="s">
        <v>5494</v>
      </c>
      <c r="B47804" s="1" t="s">
        <v>162065</v>
      </c>
      <c r="C47804" s="1" t="s">
        <v>100</v>
      </c>
      <c r="D47804" s="1" t="s">
        <v>162182</v>
      </c>
      <c r="E47804" s="1" t="s">
        <v>22267</v>
      </c>
      <c r="F47804" s="1" t="s">
        <v>58821</v>
      </c>
      <c r="G47804" s="1" t="s">
        <v>162281</v>
      </c>
      <c r="H47804" s="1" t="s">
        <v>162282</v>
      </c>
      <c r="I47804" s="1" t="s">
        <v>162070</v>
      </c>
      <c r="J47804" s="1" t="s">
        <v>162313</v>
      </c>
    </row>
    <row r="47805" spans="1:10" x14ac:dyDescent="0.35">
      <c r="A47805" s="1" t="s">
        <v>5494</v>
      </c>
      <c r="B47805" s="1" t="s">
        <v>162065</v>
      </c>
      <c r="C47805" s="1" t="s">
        <v>105</v>
      </c>
      <c r="D47805" s="1" t="s">
        <v>162314</v>
      </c>
      <c r="E47805" s="1" t="s">
        <v>15417</v>
      </c>
      <c r="F47805" s="1" t="s">
        <v>162315</v>
      </c>
      <c r="G47805" s="1" t="s">
        <v>162281</v>
      </c>
      <c r="H47805" s="1" t="s">
        <v>162282</v>
      </c>
      <c r="I47805" s="1" t="s">
        <v>162070</v>
      </c>
      <c r="J47805" s="1" t="s">
        <v>162316</v>
      </c>
    </row>
    <row r="47806" spans="1:10" x14ac:dyDescent="0.35">
      <c r="A47806" s="1" t="s">
        <v>5494</v>
      </c>
      <c r="B47806" s="1" t="s">
        <v>162065</v>
      </c>
      <c r="C47806" s="1" t="s">
        <v>110</v>
      </c>
      <c r="D47806" s="1" t="s">
        <v>162317</v>
      </c>
      <c r="E47806" s="1" t="s">
        <v>53965</v>
      </c>
      <c r="F47806" s="1" t="s">
        <v>111035</v>
      </c>
      <c r="G47806" s="1" t="s">
        <v>162281</v>
      </c>
      <c r="H47806" s="1" t="s">
        <v>162282</v>
      </c>
      <c r="I47806" s="1" t="s">
        <v>162070</v>
      </c>
      <c r="J47806" s="1" t="s">
        <v>162318</v>
      </c>
    </row>
    <row r="47807" spans="1:10" x14ac:dyDescent="0.35">
      <c r="A47807" s="1" t="s">
        <v>5494</v>
      </c>
      <c r="B47807" s="1" t="s">
        <v>162065</v>
      </c>
      <c r="C47807" s="1" t="s">
        <v>115</v>
      </c>
      <c r="D47807" s="1" t="s">
        <v>64335</v>
      </c>
      <c r="E47807" s="1" t="s">
        <v>65430</v>
      </c>
      <c r="F47807" s="1" t="s">
        <v>61778</v>
      </c>
      <c r="G47807" s="1" t="s">
        <v>162281</v>
      </c>
      <c r="H47807" s="1" t="s">
        <v>162282</v>
      </c>
      <c r="I47807" s="1" t="s">
        <v>162070</v>
      </c>
      <c r="J47807" s="1" t="s">
        <v>162319</v>
      </c>
    </row>
    <row r="47808" spans="1:10" x14ac:dyDescent="0.35">
      <c r="A47808" s="1" t="s">
        <v>5494</v>
      </c>
      <c r="B47808" s="1" t="s">
        <v>162065</v>
      </c>
      <c r="C47808" s="1" t="s">
        <v>120</v>
      </c>
      <c r="D47808" s="1" t="s">
        <v>162320</v>
      </c>
      <c r="E47808" s="1" t="s">
        <v>15841</v>
      </c>
      <c r="F47808" s="1" t="s">
        <v>162321</v>
      </c>
      <c r="G47808" s="1" t="s">
        <v>162281</v>
      </c>
      <c r="H47808" s="1" t="s">
        <v>162282</v>
      </c>
      <c r="I47808" s="1" t="s">
        <v>162070</v>
      </c>
      <c r="J47808" s="1" t="s">
        <v>162322</v>
      </c>
    </row>
    <row r="47809" spans="1:10" x14ac:dyDescent="0.35">
      <c r="A47809" s="1" t="s">
        <v>5494</v>
      </c>
      <c r="B47809" s="1" t="s">
        <v>162065</v>
      </c>
      <c r="C47809" s="1" t="s">
        <v>125</v>
      </c>
      <c r="D47809" s="1" t="s">
        <v>62663</v>
      </c>
      <c r="E47809" s="1" t="s">
        <v>16150</v>
      </c>
      <c r="F47809" s="1" t="s">
        <v>63970</v>
      </c>
      <c r="G47809" s="1" t="s">
        <v>162281</v>
      </c>
      <c r="H47809" s="1" t="s">
        <v>162282</v>
      </c>
      <c r="I47809" s="1" t="s">
        <v>162070</v>
      </c>
      <c r="J47809" s="1" t="s">
        <v>162323</v>
      </c>
    </row>
    <row r="47810" spans="1:10" x14ac:dyDescent="0.35">
      <c r="A47810" s="1" t="s">
        <v>5494</v>
      </c>
      <c r="B47810" s="1" t="s">
        <v>162065</v>
      </c>
      <c r="C47810" s="1" t="s">
        <v>130</v>
      </c>
      <c r="D47810" s="1" t="s">
        <v>103304</v>
      </c>
      <c r="E47810" s="1" t="s">
        <v>15571</v>
      </c>
      <c r="F47810" s="1" t="s">
        <v>98632</v>
      </c>
      <c r="G47810" s="1" t="s">
        <v>162281</v>
      </c>
      <c r="H47810" s="1" t="s">
        <v>162282</v>
      </c>
      <c r="I47810" s="1" t="s">
        <v>162070</v>
      </c>
      <c r="J47810" s="1" t="s">
        <v>162324</v>
      </c>
    </row>
    <row r="47811" spans="1:10" x14ac:dyDescent="0.35">
      <c r="A47811" s="1" t="s">
        <v>5494</v>
      </c>
      <c r="B47811" s="1" t="s">
        <v>162065</v>
      </c>
      <c r="C47811" s="1" t="s">
        <v>135</v>
      </c>
      <c r="D47811" s="1" t="s">
        <v>162325</v>
      </c>
      <c r="E47811" s="1" t="s">
        <v>55432</v>
      </c>
      <c r="F47811" s="1" t="s">
        <v>32962</v>
      </c>
      <c r="G47811" s="1" t="s">
        <v>162281</v>
      </c>
      <c r="H47811" s="1" t="s">
        <v>162282</v>
      </c>
      <c r="I47811" s="1" t="s">
        <v>162070</v>
      </c>
      <c r="J47811" s="1" t="s">
        <v>162326</v>
      </c>
    </row>
    <row r="47812" spans="1:10" x14ac:dyDescent="0.35">
      <c r="A47812" s="1" t="s">
        <v>5494</v>
      </c>
      <c r="B47812" s="1" t="s">
        <v>162065</v>
      </c>
      <c r="C47812" s="1" t="s">
        <v>140</v>
      </c>
      <c r="D47812" s="1" t="s">
        <v>162327</v>
      </c>
      <c r="E47812" s="1" t="s">
        <v>15865</v>
      </c>
      <c r="F47812" s="1" t="s">
        <v>26431</v>
      </c>
      <c r="G47812" s="1" t="s">
        <v>162281</v>
      </c>
      <c r="H47812" s="1" t="s">
        <v>162282</v>
      </c>
      <c r="I47812" s="1" t="s">
        <v>162070</v>
      </c>
      <c r="J47812" s="1" t="s">
        <v>162328</v>
      </c>
    </row>
    <row r="47813" spans="1:10" x14ac:dyDescent="0.35">
      <c r="A47813" s="1" t="s">
        <v>5494</v>
      </c>
      <c r="B47813" s="1" t="s">
        <v>162065</v>
      </c>
      <c r="C47813" s="1" t="s">
        <v>145</v>
      </c>
      <c r="D47813" s="1" t="s">
        <v>137027</v>
      </c>
      <c r="E47813" s="1" t="s">
        <v>26654</v>
      </c>
      <c r="F47813" s="1" t="s">
        <v>55426</v>
      </c>
      <c r="G47813" s="1" t="s">
        <v>162281</v>
      </c>
      <c r="H47813" s="1" t="s">
        <v>162282</v>
      </c>
      <c r="I47813" s="1" t="s">
        <v>162070</v>
      </c>
      <c r="J47813" s="1" t="s">
        <v>162329</v>
      </c>
    </row>
    <row r="47814" spans="1:10" x14ac:dyDescent="0.35">
      <c r="A47814" s="1" t="s">
        <v>5494</v>
      </c>
      <c r="B47814" s="1" t="s">
        <v>162065</v>
      </c>
      <c r="C47814" s="1" t="s">
        <v>150</v>
      </c>
      <c r="D47814" s="1" t="s">
        <v>64364</v>
      </c>
      <c r="E47814" s="1" t="s">
        <v>15923</v>
      </c>
      <c r="F47814" s="1" t="s">
        <v>129548</v>
      </c>
      <c r="G47814" s="1" t="s">
        <v>162281</v>
      </c>
      <c r="H47814" s="1" t="s">
        <v>162282</v>
      </c>
      <c r="I47814" s="1" t="s">
        <v>162070</v>
      </c>
      <c r="J47814" s="1" t="s">
        <v>162330</v>
      </c>
    </row>
    <row r="47815" spans="1:10" x14ac:dyDescent="0.35">
      <c r="A47815" s="1" t="s">
        <v>5494</v>
      </c>
      <c r="B47815" s="1" t="s">
        <v>162065</v>
      </c>
      <c r="C47815" s="1" t="s">
        <v>155</v>
      </c>
      <c r="D47815" s="1" t="s">
        <v>134509</v>
      </c>
      <c r="E47815" s="1" t="s">
        <v>27160</v>
      </c>
      <c r="F47815" s="1" t="s">
        <v>162331</v>
      </c>
      <c r="G47815" s="1" t="s">
        <v>162281</v>
      </c>
      <c r="H47815" s="1" t="s">
        <v>162282</v>
      </c>
      <c r="I47815" s="1" t="s">
        <v>162070</v>
      </c>
      <c r="J47815" s="1" t="s">
        <v>162332</v>
      </c>
    </row>
    <row r="47816" spans="1:10" x14ac:dyDescent="0.35">
      <c r="A47816" s="1" t="s">
        <v>5494</v>
      </c>
      <c r="B47816" s="1" t="s">
        <v>162065</v>
      </c>
      <c r="C47816" s="1" t="s">
        <v>160</v>
      </c>
      <c r="D47816" s="1" t="s">
        <v>162333</v>
      </c>
      <c r="E47816" s="1" t="s">
        <v>100272</v>
      </c>
      <c r="F47816" s="1" t="s">
        <v>32360</v>
      </c>
      <c r="G47816" s="1" t="s">
        <v>162281</v>
      </c>
      <c r="H47816" s="1" t="s">
        <v>162282</v>
      </c>
      <c r="I47816" s="1" t="s">
        <v>162070</v>
      </c>
      <c r="J47816" s="1" t="s">
        <v>162334</v>
      </c>
    </row>
    <row r="47817" spans="1:10" x14ac:dyDescent="0.35">
      <c r="A47817" s="1" t="s">
        <v>5494</v>
      </c>
      <c r="B47817" s="1" t="s">
        <v>162065</v>
      </c>
      <c r="C47817" s="1" t="s">
        <v>165</v>
      </c>
      <c r="D47817" s="1" t="s">
        <v>162335</v>
      </c>
      <c r="E47817" s="1" t="s">
        <v>59099</v>
      </c>
      <c r="F47817" s="1" t="s">
        <v>63745</v>
      </c>
      <c r="G47817" s="1" t="s">
        <v>162281</v>
      </c>
      <c r="H47817" s="1" t="s">
        <v>162282</v>
      </c>
      <c r="I47817" s="1" t="s">
        <v>162070</v>
      </c>
      <c r="J47817" s="1" t="s">
        <v>162336</v>
      </c>
    </row>
    <row r="47818" spans="1:10" x14ac:dyDescent="0.35">
      <c r="A47818" s="1" t="s">
        <v>5494</v>
      </c>
      <c r="B47818" s="1" t="s">
        <v>162065</v>
      </c>
      <c r="C47818" s="1" t="s">
        <v>170</v>
      </c>
      <c r="D47818" s="1" t="s">
        <v>162337</v>
      </c>
      <c r="E47818" s="1" t="s">
        <v>94808</v>
      </c>
      <c r="F47818" s="1" t="s">
        <v>57920</v>
      </c>
      <c r="G47818" s="1" t="s">
        <v>162281</v>
      </c>
      <c r="H47818" s="1" t="s">
        <v>162282</v>
      </c>
      <c r="I47818" s="1" t="s">
        <v>162070</v>
      </c>
      <c r="J47818" s="1" t="s">
        <v>162338</v>
      </c>
    </row>
    <row r="47819" spans="1:10" x14ac:dyDescent="0.35">
      <c r="A47819" s="1" t="s">
        <v>3912</v>
      </c>
      <c r="B47819" s="1" t="s">
        <v>162065</v>
      </c>
      <c r="C47819" s="1" t="s">
        <v>8</v>
      </c>
      <c r="D47819" s="1" t="s">
        <v>162339</v>
      </c>
      <c r="E47819" s="1" t="s">
        <v>162340</v>
      </c>
      <c r="F47819" s="1" t="s">
        <v>162341</v>
      </c>
      <c r="G47819" s="1" t="s">
        <v>162342</v>
      </c>
      <c r="H47819" s="1" t="s">
        <v>162343</v>
      </c>
      <c r="I47819" s="1" t="s">
        <v>162070</v>
      </c>
      <c r="J47819" s="1" t="s">
        <v>13</v>
      </c>
    </row>
    <row r="47820" spans="1:10" x14ac:dyDescent="0.35">
      <c r="A47820" s="1" t="s">
        <v>3912</v>
      </c>
      <c r="B47820" s="1" t="s">
        <v>162065</v>
      </c>
      <c r="C47820" s="1" t="s">
        <v>15</v>
      </c>
      <c r="D47820" s="1" t="s">
        <v>162344</v>
      </c>
      <c r="E47820" s="1" t="s">
        <v>162345</v>
      </c>
      <c r="F47820" s="1" t="s">
        <v>162346</v>
      </c>
      <c r="G47820" s="1" t="s">
        <v>162342</v>
      </c>
      <c r="H47820" s="1" t="s">
        <v>162343</v>
      </c>
      <c r="I47820" s="1" t="s">
        <v>162070</v>
      </c>
      <c r="J47820" s="1" t="s">
        <v>162347</v>
      </c>
    </row>
    <row r="47821" spans="1:10" x14ac:dyDescent="0.35">
      <c r="A47821" s="1" t="s">
        <v>3912</v>
      </c>
      <c r="B47821" s="1" t="s">
        <v>162065</v>
      </c>
      <c r="C47821" s="1" t="s">
        <v>20</v>
      </c>
      <c r="D47821" s="1" t="s">
        <v>162348</v>
      </c>
      <c r="E47821" s="1" t="s">
        <v>162349</v>
      </c>
      <c r="F47821" s="1" t="s">
        <v>162350</v>
      </c>
      <c r="G47821" s="1" t="s">
        <v>162342</v>
      </c>
      <c r="H47821" s="1" t="s">
        <v>162343</v>
      </c>
      <c r="I47821" s="1" t="s">
        <v>162070</v>
      </c>
      <c r="J47821" s="1" t="s">
        <v>162351</v>
      </c>
    </row>
    <row r="47822" spans="1:10" x14ac:dyDescent="0.35">
      <c r="A47822" s="1" t="s">
        <v>3912</v>
      </c>
      <c r="B47822" s="1" t="s">
        <v>162065</v>
      </c>
      <c r="C47822" s="1" t="s">
        <v>25</v>
      </c>
      <c r="D47822" s="1" t="s">
        <v>114934</v>
      </c>
      <c r="E47822" s="1" t="s">
        <v>162352</v>
      </c>
      <c r="F47822" s="1" t="s">
        <v>162353</v>
      </c>
      <c r="G47822" s="1" t="s">
        <v>162342</v>
      </c>
      <c r="H47822" s="1" t="s">
        <v>162343</v>
      </c>
      <c r="I47822" s="1" t="s">
        <v>162070</v>
      </c>
      <c r="J47822" s="1" t="s">
        <v>162354</v>
      </c>
    </row>
    <row r="47823" spans="1:10" x14ac:dyDescent="0.35">
      <c r="A47823" s="1" t="s">
        <v>3912</v>
      </c>
      <c r="B47823" s="1" t="s">
        <v>162065</v>
      </c>
      <c r="C47823" s="1" t="s">
        <v>30</v>
      </c>
      <c r="D47823" s="1" t="s">
        <v>162355</v>
      </c>
      <c r="E47823" s="1" t="s">
        <v>162356</v>
      </c>
      <c r="F47823" s="1" t="s">
        <v>162357</v>
      </c>
      <c r="G47823" s="1" t="s">
        <v>162342</v>
      </c>
      <c r="H47823" s="1" t="s">
        <v>162343</v>
      </c>
      <c r="I47823" s="1" t="s">
        <v>162070</v>
      </c>
      <c r="J47823" s="1" t="s">
        <v>162358</v>
      </c>
    </row>
    <row r="47824" spans="1:10" x14ac:dyDescent="0.35">
      <c r="A47824" s="1" t="s">
        <v>3912</v>
      </c>
      <c r="B47824" s="1" t="s">
        <v>162065</v>
      </c>
      <c r="C47824" s="1" t="s">
        <v>35</v>
      </c>
      <c r="D47824" s="1" t="s">
        <v>142177</v>
      </c>
      <c r="E47824" s="1" t="s">
        <v>162359</v>
      </c>
      <c r="F47824" s="1" t="s">
        <v>162360</v>
      </c>
      <c r="G47824" s="1" t="s">
        <v>162342</v>
      </c>
      <c r="H47824" s="1" t="s">
        <v>162343</v>
      </c>
      <c r="I47824" s="1" t="s">
        <v>162070</v>
      </c>
      <c r="J47824" s="1" t="s">
        <v>162361</v>
      </c>
    </row>
    <row r="47825" spans="1:10" x14ac:dyDescent="0.35">
      <c r="A47825" s="1" t="s">
        <v>3912</v>
      </c>
      <c r="B47825" s="1" t="s">
        <v>162065</v>
      </c>
      <c r="C47825" s="1" t="s">
        <v>40</v>
      </c>
      <c r="D47825" s="1" t="s">
        <v>162283</v>
      </c>
      <c r="E47825" s="1" t="s">
        <v>162362</v>
      </c>
      <c r="F47825" s="1" t="s">
        <v>162363</v>
      </c>
      <c r="G47825" s="1" t="s">
        <v>162342</v>
      </c>
      <c r="H47825" s="1" t="s">
        <v>162343</v>
      </c>
      <c r="I47825" s="1" t="s">
        <v>162070</v>
      </c>
      <c r="J47825" s="1" t="s">
        <v>162364</v>
      </c>
    </row>
    <row r="47826" spans="1:10" x14ac:dyDescent="0.35">
      <c r="A47826" s="1" t="s">
        <v>3912</v>
      </c>
      <c r="B47826" s="1" t="s">
        <v>162065</v>
      </c>
      <c r="C47826" s="1" t="s">
        <v>45</v>
      </c>
      <c r="D47826" s="1" t="s">
        <v>20283</v>
      </c>
      <c r="E47826" s="1" t="s">
        <v>162365</v>
      </c>
      <c r="F47826" s="1" t="s">
        <v>162366</v>
      </c>
      <c r="G47826" s="1" t="s">
        <v>162342</v>
      </c>
      <c r="H47826" s="1" t="s">
        <v>162343</v>
      </c>
      <c r="I47826" s="1" t="s">
        <v>162070</v>
      </c>
      <c r="J47826" s="1" t="s">
        <v>162367</v>
      </c>
    </row>
    <row r="47827" spans="1:10" x14ac:dyDescent="0.35">
      <c r="A47827" s="1" t="s">
        <v>3912</v>
      </c>
      <c r="B47827" s="1" t="s">
        <v>162065</v>
      </c>
      <c r="C47827" s="1" t="s">
        <v>50</v>
      </c>
      <c r="D47827" s="1" t="s">
        <v>162368</v>
      </c>
      <c r="E47827" s="1" t="s">
        <v>162369</v>
      </c>
      <c r="F47827" s="1" t="s">
        <v>162370</v>
      </c>
      <c r="G47827" s="1" t="s">
        <v>162342</v>
      </c>
      <c r="H47827" s="1" t="s">
        <v>162343</v>
      </c>
      <c r="I47827" s="1" t="s">
        <v>162070</v>
      </c>
      <c r="J47827" s="1" t="s">
        <v>162371</v>
      </c>
    </row>
    <row r="47828" spans="1:10" x14ac:dyDescent="0.35">
      <c r="A47828" s="1" t="s">
        <v>3912</v>
      </c>
      <c r="B47828" s="1" t="s">
        <v>162065</v>
      </c>
      <c r="C47828" s="1" t="s">
        <v>55</v>
      </c>
      <c r="D47828" s="1" t="s">
        <v>78144</v>
      </c>
      <c r="E47828" s="1" t="s">
        <v>162372</v>
      </c>
      <c r="F47828" s="1" t="s">
        <v>162373</v>
      </c>
      <c r="G47828" s="1" t="s">
        <v>162342</v>
      </c>
      <c r="H47828" s="1" t="s">
        <v>162343</v>
      </c>
      <c r="I47828" s="1" t="s">
        <v>162070</v>
      </c>
      <c r="J47828" s="1" t="s">
        <v>162374</v>
      </c>
    </row>
    <row r="47829" spans="1:10" x14ac:dyDescent="0.35">
      <c r="A47829" s="1" t="s">
        <v>3912</v>
      </c>
      <c r="B47829" s="1" t="s">
        <v>162065</v>
      </c>
      <c r="C47829" s="1" t="s">
        <v>60</v>
      </c>
      <c r="D47829" s="1" t="s">
        <v>66566</v>
      </c>
      <c r="E47829" s="1" t="s">
        <v>24221</v>
      </c>
      <c r="F47829" s="1" t="s">
        <v>162375</v>
      </c>
      <c r="G47829" s="1" t="s">
        <v>162342</v>
      </c>
      <c r="H47829" s="1" t="s">
        <v>162343</v>
      </c>
      <c r="I47829" s="1" t="s">
        <v>162070</v>
      </c>
      <c r="J47829" s="1" t="s">
        <v>162376</v>
      </c>
    </row>
    <row r="47830" spans="1:10" x14ac:dyDescent="0.35">
      <c r="A47830" s="1" t="s">
        <v>3912</v>
      </c>
      <c r="B47830" s="1" t="s">
        <v>162065</v>
      </c>
      <c r="C47830" s="1" t="s">
        <v>65</v>
      </c>
      <c r="D47830" s="1" t="s">
        <v>162377</v>
      </c>
      <c r="E47830" s="1" t="s">
        <v>162378</v>
      </c>
      <c r="F47830" s="1" t="s">
        <v>162379</v>
      </c>
      <c r="G47830" s="1" t="s">
        <v>162342</v>
      </c>
      <c r="H47830" s="1" t="s">
        <v>162343</v>
      </c>
      <c r="I47830" s="1" t="s">
        <v>162070</v>
      </c>
      <c r="J47830" s="1" t="s">
        <v>162380</v>
      </c>
    </row>
    <row r="47831" spans="1:10" x14ac:dyDescent="0.35">
      <c r="A47831" s="1" t="s">
        <v>3912</v>
      </c>
      <c r="B47831" s="1" t="s">
        <v>162065</v>
      </c>
      <c r="C47831" s="1" t="s">
        <v>70</v>
      </c>
      <c r="D47831" s="1" t="s">
        <v>59014</v>
      </c>
      <c r="E47831" s="1" t="s">
        <v>162381</v>
      </c>
      <c r="F47831" s="1" t="s">
        <v>162382</v>
      </c>
      <c r="G47831" s="1" t="s">
        <v>162342</v>
      </c>
      <c r="H47831" s="1" t="s">
        <v>162343</v>
      </c>
      <c r="I47831" s="1" t="s">
        <v>162070</v>
      </c>
      <c r="J47831" s="1" t="s">
        <v>162383</v>
      </c>
    </row>
    <row r="47832" spans="1:10" x14ac:dyDescent="0.35">
      <c r="A47832" s="1" t="s">
        <v>3912</v>
      </c>
      <c r="B47832" s="1" t="s">
        <v>162065</v>
      </c>
      <c r="C47832" s="1" t="s">
        <v>75</v>
      </c>
      <c r="D47832" s="1" t="s">
        <v>95976</v>
      </c>
      <c r="E47832" s="1" t="s">
        <v>162384</v>
      </c>
      <c r="F47832" s="1" t="s">
        <v>162385</v>
      </c>
      <c r="G47832" s="1" t="s">
        <v>162342</v>
      </c>
      <c r="H47832" s="1" t="s">
        <v>162343</v>
      </c>
      <c r="I47832" s="1" t="s">
        <v>162070</v>
      </c>
      <c r="J47832" s="1" t="s">
        <v>162386</v>
      </c>
    </row>
    <row r="47833" spans="1:10" x14ac:dyDescent="0.35">
      <c r="A47833" s="1" t="s">
        <v>3912</v>
      </c>
      <c r="B47833" s="1" t="s">
        <v>162065</v>
      </c>
      <c r="C47833" s="1" t="s">
        <v>80</v>
      </c>
      <c r="D47833" s="1" t="s">
        <v>162387</v>
      </c>
      <c r="E47833" s="1" t="s">
        <v>162388</v>
      </c>
      <c r="F47833" s="1" t="s">
        <v>162389</v>
      </c>
      <c r="G47833" s="1" t="s">
        <v>162342</v>
      </c>
      <c r="H47833" s="1" t="s">
        <v>162343</v>
      </c>
      <c r="I47833" s="1" t="s">
        <v>162070</v>
      </c>
      <c r="J47833" s="1" t="s">
        <v>162390</v>
      </c>
    </row>
    <row r="47834" spans="1:10" x14ac:dyDescent="0.35">
      <c r="A47834" s="1" t="s">
        <v>3912</v>
      </c>
      <c r="B47834" s="1" t="s">
        <v>162065</v>
      </c>
      <c r="C47834" s="1" t="s">
        <v>85</v>
      </c>
      <c r="D47834" s="1" t="s">
        <v>138334</v>
      </c>
      <c r="E47834" s="1" t="s">
        <v>162391</v>
      </c>
      <c r="F47834" s="1" t="s">
        <v>162392</v>
      </c>
      <c r="G47834" s="1" t="s">
        <v>162342</v>
      </c>
      <c r="H47834" s="1" t="s">
        <v>162343</v>
      </c>
      <c r="I47834" s="1" t="s">
        <v>162070</v>
      </c>
      <c r="J47834" s="1" t="s">
        <v>162393</v>
      </c>
    </row>
    <row r="47835" spans="1:10" x14ac:dyDescent="0.35">
      <c r="A47835" s="1" t="s">
        <v>3912</v>
      </c>
      <c r="B47835" s="1" t="s">
        <v>162065</v>
      </c>
      <c r="C47835" s="1" t="s">
        <v>90</v>
      </c>
      <c r="D47835" s="1" t="s">
        <v>162394</v>
      </c>
      <c r="E47835" s="1" t="s">
        <v>162395</v>
      </c>
      <c r="F47835" s="1" t="s">
        <v>162396</v>
      </c>
      <c r="G47835" s="1" t="s">
        <v>162342</v>
      </c>
      <c r="H47835" s="1" t="s">
        <v>162343</v>
      </c>
      <c r="I47835" s="1" t="s">
        <v>162070</v>
      </c>
      <c r="J47835" s="1" t="s">
        <v>162397</v>
      </c>
    </row>
    <row r="47836" spans="1:10" x14ac:dyDescent="0.35">
      <c r="A47836" s="1" t="s">
        <v>3912</v>
      </c>
      <c r="B47836" s="1" t="s">
        <v>162065</v>
      </c>
      <c r="C47836" s="1" t="s">
        <v>95</v>
      </c>
      <c r="D47836" s="1" t="s">
        <v>61983</v>
      </c>
      <c r="E47836" s="1" t="s">
        <v>162398</v>
      </c>
      <c r="F47836" s="1" t="s">
        <v>162399</v>
      </c>
      <c r="G47836" s="1" t="s">
        <v>162342</v>
      </c>
      <c r="H47836" s="1" t="s">
        <v>162343</v>
      </c>
      <c r="I47836" s="1" t="s">
        <v>162070</v>
      </c>
      <c r="J47836" s="1" t="s">
        <v>162400</v>
      </c>
    </row>
    <row r="47837" spans="1:10" x14ac:dyDescent="0.35">
      <c r="A47837" s="1" t="s">
        <v>3912</v>
      </c>
      <c r="B47837" s="1" t="s">
        <v>162065</v>
      </c>
      <c r="C47837" s="1" t="s">
        <v>100</v>
      </c>
      <c r="D47837" s="1" t="s">
        <v>162401</v>
      </c>
      <c r="E47837" s="1" t="s">
        <v>162402</v>
      </c>
      <c r="F47837" s="1" t="s">
        <v>162403</v>
      </c>
      <c r="G47837" s="1" t="s">
        <v>162342</v>
      </c>
      <c r="H47837" s="1" t="s">
        <v>162343</v>
      </c>
      <c r="I47837" s="1" t="s">
        <v>162070</v>
      </c>
      <c r="J47837" s="1" t="s">
        <v>162404</v>
      </c>
    </row>
    <row r="47838" spans="1:10" x14ac:dyDescent="0.35">
      <c r="A47838" s="1" t="s">
        <v>3912</v>
      </c>
      <c r="B47838" s="1" t="s">
        <v>162065</v>
      </c>
      <c r="C47838" s="1" t="s">
        <v>105</v>
      </c>
      <c r="D47838" s="1" t="s">
        <v>90124</v>
      </c>
      <c r="E47838" s="1" t="s">
        <v>162405</v>
      </c>
      <c r="F47838" s="1" t="s">
        <v>162406</v>
      </c>
      <c r="G47838" s="1" t="s">
        <v>162342</v>
      </c>
      <c r="H47838" s="1" t="s">
        <v>162343</v>
      </c>
      <c r="I47838" s="1" t="s">
        <v>162070</v>
      </c>
      <c r="J47838" s="1" t="s">
        <v>162407</v>
      </c>
    </row>
    <row r="47839" spans="1:10" x14ac:dyDescent="0.35">
      <c r="A47839" s="1" t="s">
        <v>3912</v>
      </c>
      <c r="B47839" s="1" t="s">
        <v>162065</v>
      </c>
      <c r="C47839" s="1" t="s">
        <v>110</v>
      </c>
      <c r="D47839" s="1" t="s">
        <v>131132</v>
      </c>
      <c r="E47839" s="1" t="s">
        <v>162408</v>
      </c>
      <c r="F47839" s="1" t="s">
        <v>162409</v>
      </c>
      <c r="G47839" s="1" t="s">
        <v>162342</v>
      </c>
      <c r="H47839" s="1" t="s">
        <v>162343</v>
      </c>
      <c r="I47839" s="1" t="s">
        <v>162070</v>
      </c>
      <c r="J47839" s="1" t="s">
        <v>162410</v>
      </c>
    </row>
    <row r="47840" spans="1:10" x14ac:dyDescent="0.35">
      <c r="A47840" s="1" t="s">
        <v>3912</v>
      </c>
      <c r="B47840" s="1" t="s">
        <v>162065</v>
      </c>
      <c r="C47840" s="1" t="s">
        <v>115</v>
      </c>
      <c r="D47840" s="1" t="s">
        <v>56916</v>
      </c>
      <c r="E47840" s="1" t="s">
        <v>162411</v>
      </c>
      <c r="F47840" s="1" t="s">
        <v>162412</v>
      </c>
      <c r="G47840" s="1" t="s">
        <v>162342</v>
      </c>
      <c r="H47840" s="1" t="s">
        <v>162343</v>
      </c>
      <c r="I47840" s="1" t="s">
        <v>162070</v>
      </c>
      <c r="J47840" s="1" t="s">
        <v>162413</v>
      </c>
    </row>
    <row r="47841" spans="1:10" x14ac:dyDescent="0.35">
      <c r="A47841" s="1" t="s">
        <v>3912</v>
      </c>
      <c r="B47841" s="1" t="s">
        <v>162065</v>
      </c>
      <c r="C47841" s="1" t="s">
        <v>120</v>
      </c>
      <c r="D47841" s="1" t="s">
        <v>68433</v>
      </c>
      <c r="E47841" s="1" t="s">
        <v>162414</v>
      </c>
      <c r="F47841" s="1" t="s">
        <v>162415</v>
      </c>
      <c r="G47841" s="1" t="s">
        <v>162342</v>
      </c>
      <c r="H47841" s="1" t="s">
        <v>162343</v>
      </c>
      <c r="I47841" s="1" t="s">
        <v>162070</v>
      </c>
      <c r="J47841" s="1" t="s">
        <v>162416</v>
      </c>
    </row>
    <row r="47842" spans="1:10" x14ac:dyDescent="0.35">
      <c r="A47842" s="1" t="s">
        <v>3912</v>
      </c>
      <c r="B47842" s="1" t="s">
        <v>162065</v>
      </c>
      <c r="C47842" s="1" t="s">
        <v>125</v>
      </c>
      <c r="D47842" s="1" t="s">
        <v>87376</v>
      </c>
      <c r="E47842" s="1" t="s">
        <v>162417</v>
      </c>
      <c r="F47842" s="1" t="s">
        <v>162418</v>
      </c>
      <c r="G47842" s="1" t="s">
        <v>162342</v>
      </c>
      <c r="H47842" s="1" t="s">
        <v>162343</v>
      </c>
      <c r="I47842" s="1" t="s">
        <v>162070</v>
      </c>
      <c r="J47842" s="1" t="s">
        <v>162419</v>
      </c>
    </row>
    <row r="47843" spans="1:10" x14ac:dyDescent="0.35">
      <c r="A47843" s="1" t="s">
        <v>3912</v>
      </c>
      <c r="B47843" s="1" t="s">
        <v>162065</v>
      </c>
      <c r="C47843" s="1" t="s">
        <v>130</v>
      </c>
      <c r="D47843" s="1" t="s">
        <v>162420</v>
      </c>
      <c r="E47843" s="1" t="s">
        <v>162421</v>
      </c>
      <c r="F47843" s="1" t="s">
        <v>162422</v>
      </c>
      <c r="G47843" s="1" t="s">
        <v>162342</v>
      </c>
      <c r="H47843" s="1" t="s">
        <v>162343</v>
      </c>
      <c r="I47843" s="1" t="s">
        <v>162070</v>
      </c>
      <c r="J47843" s="1" t="s">
        <v>162423</v>
      </c>
    </row>
    <row r="47844" spans="1:10" x14ac:dyDescent="0.35">
      <c r="A47844" s="1" t="s">
        <v>3912</v>
      </c>
      <c r="B47844" s="1" t="s">
        <v>162065</v>
      </c>
      <c r="C47844" s="1" t="s">
        <v>135</v>
      </c>
      <c r="D47844" s="1" t="s">
        <v>134385</v>
      </c>
      <c r="E47844" s="1" t="s">
        <v>162424</v>
      </c>
      <c r="F47844" s="1" t="s">
        <v>162425</v>
      </c>
      <c r="G47844" s="1" t="s">
        <v>162342</v>
      </c>
      <c r="H47844" s="1" t="s">
        <v>162343</v>
      </c>
      <c r="I47844" s="1" t="s">
        <v>162070</v>
      </c>
      <c r="J47844" s="1" t="s">
        <v>162426</v>
      </c>
    </row>
    <row r="47845" spans="1:10" x14ac:dyDescent="0.35">
      <c r="A47845" s="1" t="s">
        <v>3912</v>
      </c>
      <c r="B47845" s="1" t="s">
        <v>162065</v>
      </c>
      <c r="C47845" s="1" t="s">
        <v>140</v>
      </c>
      <c r="D47845" s="1" t="s">
        <v>162427</v>
      </c>
      <c r="E47845" s="1" t="s">
        <v>162428</v>
      </c>
      <c r="F47845" s="1" t="s">
        <v>162429</v>
      </c>
      <c r="G47845" s="1" t="s">
        <v>162342</v>
      </c>
      <c r="H47845" s="1" t="s">
        <v>162343</v>
      </c>
      <c r="I47845" s="1" t="s">
        <v>162070</v>
      </c>
      <c r="J47845" s="1" t="s">
        <v>162430</v>
      </c>
    </row>
    <row r="47846" spans="1:10" x14ac:dyDescent="0.35">
      <c r="A47846" s="1" t="s">
        <v>3912</v>
      </c>
      <c r="B47846" s="1" t="s">
        <v>162065</v>
      </c>
      <c r="C47846" s="1" t="s">
        <v>145</v>
      </c>
      <c r="D47846" s="1" t="s">
        <v>128922</v>
      </c>
      <c r="E47846" s="1" t="s">
        <v>162431</v>
      </c>
      <c r="F47846" s="1" t="s">
        <v>162432</v>
      </c>
      <c r="G47846" s="1" t="s">
        <v>162342</v>
      </c>
      <c r="H47846" s="1" t="s">
        <v>162343</v>
      </c>
      <c r="I47846" s="1" t="s">
        <v>162070</v>
      </c>
      <c r="J47846" s="1" t="s">
        <v>162433</v>
      </c>
    </row>
    <row r="47847" spans="1:10" x14ac:dyDescent="0.35">
      <c r="A47847" s="1" t="s">
        <v>3912</v>
      </c>
      <c r="B47847" s="1" t="s">
        <v>162065</v>
      </c>
      <c r="C47847" s="1" t="s">
        <v>150</v>
      </c>
      <c r="D47847" s="1" t="s">
        <v>40300</v>
      </c>
      <c r="E47847" s="1" t="s">
        <v>162434</v>
      </c>
      <c r="F47847" s="1" t="s">
        <v>162435</v>
      </c>
      <c r="G47847" s="1" t="s">
        <v>162342</v>
      </c>
      <c r="H47847" s="1" t="s">
        <v>162343</v>
      </c>
      <c r="I47847" s="1" t="s">
        <v>162070</v>
      </c>
      <c r="J47847" s="1" t="s">
        <v>162436</v>
      </c>
    </row>
    <row r="47848" spans="1:10" x14ac:dyDescent="0.35">
      <c r="A47848" s="1" t="s">
        <v>3912</v>
      </c>
      <c r="B47848" s="1" t="s">
        <v>162065</v>
      </c>
      <c r="C47848" s="1" t="s">
        <v>155</v>
      </c>
      <c r="D47848" s="1" t="s">
        <v>162437</v>
      </c>
      <c r="E47848" s="1" t="s">
        <v>22298</v>
      </c>
      <c r="F47848" s="1" t="s">
        <v>162438</v>
      </c>
      <c r="G47848" s="1" t="s">
        <v>162342</v>
      </c>
      <c r="H47848" s="1" t="s">
        <v>162343</v>
      </c>
      <c r="I47848" s="1" t="s">
        <v>162070</v>
      </c>
      <c r="J47848" s="1" t="s">
        <v>162439</v>
      </c>
    </row>
    <row r="47849" spans="1:10" x14ac:dyDescent="0.35">
      <c r="A47849" s="1" t="s">
        <v>3912</v>
      </c>
      <c r="B47849" s="1" t="s">
        <v>162065</v>
      </c>
      <c r="C47849" s="1" t="s">
        <v>160</v>
      </c>
      <c r="D47849" s="1" t="s">
        <v>162440</v>
      </c>
      <c r="E47849" s="1" t="s">
        <v>162441</v>
      </c>
      <c r="F47849" s="1" t="s">
        <v>162442</v>
      </c>
      <c r="G47849" s="1" t="s">
        <v>162342</v>
      </c>
      <c r="H47849" s="1" t="s">
        <v>162343</v>
      </c>
      <c r="I47849" s="1" t="s">
        <v>162070</v>
      </c>
      <c r="J47849" s="1" t="s">
        <v>162443</v>
      </c>
    </row>
    <row r="47850" spans="1:10" x14ac:dyDescent="0.35">
      <c r="A47850" s="1" t="s">
        <v>3912</v>
      </c>
      <c r="B47850" s="1" t="s">
        <v>162065</v>
      </c>
      <c r="C47850" s="1" t="s">
        <v>165</v>
      </c>
      <c r="D47850" s="1" t="s">
        <v>55847</v>
      </c>
      <c r="E47850" s="1" t="s">
        <v>162444</v>
      </c>
      <c r="F47850" s="1" t="s">
        <v>162445</v>
      </c>
      <c r="G47850" s="1" t="s">
        <v>162342</v>
      </c>
      <c r="H47850" s="1" t="s">
        <v>162343</v>
      </c>
      <c r="I47850" s="1" t="s">
        <v>162070</v>
      </c>
      <c r="J47850" s="1" t="s">
        <v>162446</v>
      </c>
    </row>
    <row r="47851" spans="1:10" x14ac:dyDescent="0.35">
      <c r="A47851" s="1" t="s">
        <v>3912</v>
      </c>
      <c r="B47851" s="1" t="s">
        <v>162065</v>
      </c>
      <c r="C47851" s="1" t="s">
        <v>170</v>
      </c>
      <c r="D47851" s="1" t="s">
        <v>97637</v>
      </c>
      <c r="E47851" s="1" t="s">
        <v>162447</v>
      </c>
      <c r="F47851" s="1" t="s">
        <v>162448</v>
      </c>
      <c r="G47851" s="1" t="s">
        <v>162342</v>
      </c>
      <c r="H47851" s="1" t="s">
        <v>162343</v>
      </c>
      <c r="I47851" s="1" t="s">
        <v>162070</v>
      </c>
      <c r="J47851" s="1" t="s">
        <v>162449</v>
      </c>
    </row>
    <row r="47852" spans="1:10" x14ac:dyDescent="0.35">
      <c r="A47852" s="1" t="s">
        <v>12970</v>
      </c>
      <c r="B47852" s="1" t="s">
        <v>162065</v>
      </c>
      <c r="C47852" s="1" t="s">
        <v>8</v>
      </c>
      <c r="D47852" s="1" t="s">
        <v>162450</v>
      </c>
      <c r="E47852" s="1" t="s">
        <v>162451</v>
      </c>
      <c r="F47852" s="1" t="s">
        <v>162452</v>
      </c>
      <c r="G47852" s="1" t="s">
        <v>162453</v>
      </c>
      <c r="H47852" s="1" t="s">
        <v>162454</v>
      </c>
      <c r="I47852" s="1" t="s">
        <v>162070</v>
      </c>
      <c r="J47852" s="1" t="s">
        <v>13</v>
      </c>
    </row>
    <row r="47853" spans="1:10" x14ac:dyDescent="0.35">
      <c r="A47853" s="1" t="s">
        <v>12970</v>
      </c>
      <c r="B47853" s="1" t="s">
        <v>162065</v>
      </c>
      <c r="C47853" s="1" t="s">
        <v>15</v>
      </c>
      <c r="D47853" s="1" t="s">
        <v>162455</v>
      </c>
      <c r="E47853" s="1" t="s">
        <v>162456</v>
      </c>
      <c r="F47853" s="1" t="s">
        <v>162457</v>
      </c>
      <c r="G47853" s="1" t="s">
        <v>162453</v>
      </c>
      <c r="H47853" s="1" t="s">
        <v>162454</v>
      </c>
      <c r="I47853" s="1" t="s">
        <v>162070</v>
      </c>
      <c r="J47853" s="1" t="s">
        <v>162458</v>
      </c>
    </row>
    <row r="47854" spans="1:10" x14ac:dyDescent="0.35">
      <c r="A47854" s="1" t="s">
        <v>12970</v>
      </c>
      <c r="B47854" s="1" t="s">
        <v>162065</v>
      </c>
      <c r="C47854" s="1" t="s">
        <v>20</v>
      </c>
      <c r="D47854" s="1" t="s">
        <v>78906</v>
      </c>
      <c r="E47854" s="1" t="s">
        <v>162459</v>
      </c>
      <c r="F47854" s="1" t="s">
        <v>162460</v>
      </c>
      <c r="G47854" s="1" t="s">
        <v>162453</v>
      </c>
      <c r="H47854" s="1" t="s">
        <v>162454</v>
      </c>
      <c r="I47854" s="1" t="s">
        <v>162070</v>
      </c>
      <c r="J47854" s="1" t="s">
        <v>162461</v>
      </c>
    </row>
    <row r="47855" spans="1:10" x14ac:dyDescent="0.35">
      <c r="A47855" s="1" t="s">
        <v>12970</v>
      </c>
      <c r="B47855" s="1" t="s">
        <v>162065</v>
      </c>
      <c r="C47855" s="1" t="s">
        <v>25</v>
      </c>
      <c r="D47855" s="1" t="s">
        <v>162093</v>
      </c>
      <c r="E47855" s="1" t="s">
        <v>162462</v>
      </c>
      <c r="F47855" s="1" t="s">
        <v>162463</v>
      </c>
      <c r="G47855" s="1" t="s">
        <v>162453</v>
      </c>
      <c r="H47855" s="1" t="s">
        <v>162454</v>
      </c>
      <c r="I47855" s="1" t="s">
        <v>162070</v>
      </c>
      <c r="J47855" s="1" t="s">
        <v>162464</v>
      </c>
    </row>
    <row r="47856" spans="1:10" x14ac:dyDescent="0.35">
      <c r="A47856" s="1" t="s">
        <v>12970</v>
      </c>
      <c r="B47856" s="1" t="s">
        <v>162065</v>
      </c>
      <c r="C47856" s="1" t="s">
        <v>30</v>
      </c>
      <c r="D47856" s="1" t="s">
        <v>60834</v>
      </c>
      <c r="E47856" s="1" t="s">
        <v>162465</v>
      </c>
      <c r="F47856" s="1" t="s">
        <v>162466</v>
      </c>
      <c r="G47856" s="1" t="s">
        <v>162453</v>
      </c>
      <c r="H47856" s="1" t="s">
        <v>162454</v>
      </c>
      <c r="I47856" s="1" t="s">
        <v>162070</v>
      </c>
      <c r="J47856" s="1" t="s">
        <v>162467</v>
      </c>
    </row>
    <row r="47857" spans="1:10" x14ac:dyDescent="0.35">
      <c r="A47857" s="1" t="s">
        <v>12970</v>
      </c>
      <c r="B47857" s="1" t="s">
        <v>162065</v>
      </c>
      <c r="C47857" s="1" t="s">
        <v>35</v>
      </c>
      <c r="D47857" s="1" t="s">
        <v>63542</v>
      </c>
      <c r="E47857" s="1" t="s">
        <v>162468</v>
      </c>
      <c r="F47857" s="1" t="s">
        <v>162469</v>
      </c>
      <c r="G47857" s="1" t="s">
        <v>162453</v>
      </c>
      <c r="H47857" s="1" t="s">
        <v>162454</v>
      </c>
      <c r="I47857" s="1" t="s">
        <v>162070</v>
      </c>
      <c r="J47857" s="1" t="s">
        <v>162470</v>
      </c>
    </row>
    <row r="47858" spans="1:10" x14ac:dyDescent="0.35">
      <c r="A47858" s="1" t="s">
        <v>12970</v>
      </c>
      <c r="B47858" s="1" t="s">
        <v>162065</v>
      </c>
      <c r="C47858" s="1" t="s">
        <v>40</v>
      </c>
      <c r="D47858" s="1" t="s">
        <v>54339</v>
      </c>
      <c r="E47858" s="1" t="s">
        <v>162471</v>
      </c>
      <c r="F47858" s="1" t="s">
        <v>162472</v>
      </c>
      <c r="G47858" s="1" t="s">
        <v>162453</v>
      </c>
      <c r="H47858" s="1" t="s">
        <v>162454</v>
      </c>
      <c r="I47858" s="1" t="s">
        <v>162070</v>
      </c>
      <c r="J47858" s="1" t="s">
        <v>162473</v>
      </c>
    </row>
    <row r="47859" spans="1:10" x14ac:dyDescent="0.35">
      <c r="A47859" s="1" t="s">
        <v>12970</v>
      </c>
      <c r="B47859" s="1" t="s">
        <v>162065</v>
      </c>
      <c r="C47859" s="1" t="s">
        <v>45</v>
      </c>
      <c r="D47859" s="1" t="s">
        <v>130760</v>
      </c>
      <c r="E47859" s="1" t="s">
        <v>162474</v>
      </c>
      <c r="F47859" s="1" t="s">
        <v>162475</v>
      </c>
      <c r="G47859" s="1" t="s">
        <v>162453</v>
      </c>
      <c r="H47859" s="1" t="s">
        <v>162454</v>
      </c>
      <c r="I47859" s="1" t="s">
        <v>162070</v>
      </c>
      <c r="J47859" s="1" t="s">
        <v>162476</v>
      </c>
    </row>
    <row r="47860" spans="1:10" x14ac:dyDescent="0.35">
      <c r="A47860" s="1" t="s">
        <v>12970</v>
      </c>
      <c r="B47860" s="1" t="s">
        <v>162065</v>
      </c>
      <c r="C47860" s="1" t="s">
        <v>50</v>
      </c>
      <c r="D47860" s="1" t="s">
        <v>162477</v>
      </c>
      <c r="E47860" s="1" t="s">
        <v>162478</v>
      </c>
      <c r="F47860" s="1" t="s">
        <v>162479</v>
      </c>
      <c r="G47860" s="1" t="s">
        <v>162453</v>
      </c>
      <c r="H47860" s="1" t="s">
        <v>162454</v>
      </c>
      <c r="I47860" s="1" t="s">
        <v>162070</v>
      </c>
      <c r="J47860" s="1" t="s">
        <v>162480</v>
      </c>
    </row>
    <row r="47861" spans="1:10" x14ac:dyDescent="0.35">
      <c r="A47861" s="1" t="s">
        <v>12970</v>
      </c>
      <c r="B47861" s="1" t="s">
        <v>162065</v>
      </c>
      <c r="C47861" s="1" t="s">
        <v>55</v>
      </c>
      <c r="D47861" s="1" t="s">
        <v>162481</v>
      </c>
      <c r="E47861" s="1" t="s">
        <v>162482</v>
      </c>
      <c r="F47861" s="1" t="s">
        <v>162483</v>
      </c>
      <c r="G47861" s="1" t="s">
        <v>162453</v>
      </c>
      <c r="H47861" s="1" t="s">
        <v>162454</v>
      </c>
      <c r="I47861" s="1" t="s">
        <v>162070</v>
      </c>
      <c r="J47861" s="1" t="s">
        <v>162484</v>
      </c>
    </row>
    <row r="47862" spans="1:10" x14ac:dyDescent="0.35">
      <c r="A47862" s="1" t="s">
        <v>12970</v>
      </c>
      <c r="B47862" s="1" t="s">
        <v>162065</v>
      </c>
      <c r="C47862" s="1" t="s">
        <v>60</v>
      </c>
      <c r="D47862" s="1" t="s">
        <v>27246</v>
      </c>
      <c r="E47862" s="1" t="s">
        <v>162485</v>
      </c>
      <c r="F47862" s="1" t="s">
        <v>162486</v>
      </c>
      <c r="G47862" s="1" t="s">
        <v>162453</v>
      </c>
      <c r="H47862" s="1" t="s">
        <v>162454</v>
      </c>
      <c r="I47862" s="1" t="s">
        <v>162070</v>
      </c>
      <c r="J47862" s="1" t="s">
        <v>162487</v>
      </c>
    </row>
    <row r="47863" spans="1:10" x14ac:dyDescent="0.35">
      <c r="A47863" s="1" t="s">
        <v>12970</v>
      </c>
      <c r="B47863" s="1" t="s">
        <v>162065</v>
      </c>
      <c r="C47863" s="1" t="s">
        <v>65</v>
      </c>
      <c r="D47863" s="1" t="s">
        <v>162488</v>
      </c>
      <c r="E47863" s="1" t="s">
        <v>162489</v>
      </c>
      <c r="F47863" s="1" t="s">
        <v>162490</v>
      </c>
      <c r="G47863" s="1" t="s">
        <v>162453</v>
      </c>
      <c r="H47863" s="1" t="s">
        <v>162454</v>
      </c>
      <c r="I47863" s="1" t="s">
        <v>162070</v>
      </c>
      <c r="J47863" s="1" t="s">
        <v>162491</v>
      </c>
    </row>
    <row r="47864" spans="1:10" x14ac:dyDescent="0.35">
      <c r="A47864" s="1" t="s">
        <v>12970</v>
      </c>
      <c r="B47864" s="1" t="s">
        <v>162065</v>
      </c>
      <c r="C47864" s="1" t="s">
        <v>70</v>
      </c>
      <c r="D47864" s="1" t="s">
        <v>162492</v>
      </c>
      <c r="E47864" s="1" t="s">
        <v>162493</v>
      </c>
      <c r="F47864" s="1" t="s">
        <v>162494</v>
      </c>
      <c r="G47864" s="1" t="s">
        <v>162453</v>
      </c>
      <c r="H47864" s="1" t="s">
        <v>162454</v>
      </c>
      <c r="I47864" s="1" t="s">
        <v>162070</v>
      </c>
      <c r="J47864" s="1" t="s">
        <v>162495</v>
      </c>
    </row>
    <row r="47865" spans="1:10" x14ac:dyDescent="0.35">
      <c r="A47865" s="1" t="s">
        <v>12970</v>
      </c>
      <c r="B47865" s="1" t="s">
        <v>162065</v>
      </c>
      <c r="C47865" s="1" t="s">
        <v>75</v>
      </c>
      <c r="D47865" s="1" t="s">
        <v>162496</v>
      </c>
      <c r="E47865" s="1" t="s">
        <v>162497</v>
      </c>
      <c r="F47865" s="1" t="s">
        <v>162498</v>
      </c>
      <c r="G47865" s="1" t="s">
        <v>162453</v>
      </c>
      <c r="H47865" s="1" t="s">
        <v>162454</v>
      </c>
      <c r="I47865" s="1" t="s">
        <v>162070</v>
      </c>
      <c r="J47865" s="1" t="s">
        <v>162499</v>
      </c>
    </row>
    <row r="47866" spans="1:10" x14ac:dyDescent="0.35">
      <c r="A47866" s="1" t="s">
        <v>12970</v>
      </c>
      <c r="B47866" s="1" t="s">
        <v>162065</v>
      </c>
      <c r="C47866" s="1" t="s">
        <v>80</v>
      </c>
      <c r="D47866" s="1" t="s">
        <v>162500</v>
      </c>
      <c r="E47866" s="1" t="s">
        <v>162501</v>
      </c>
      <c r="F47866" s="1" t="s">
        <v>162502</v>
      </c>
      <c r="G47866" s="1" t="s">
        <v>162453</v>
      </c>
      <c r="H47866" s="1" t="s">
        <v>162454</v>
      </c>
      <c r="I47866" s="1" t="s">
        <v>162070</v>
      </c>
      <c r="J47866" s="1" t="s">
        <v>162503</v>
      </c>
    </row>
    <row r="47867" spans="1:10" x14ac:dyDescent="0.35">
      <c r="A47867" s="1" t="s">
        <v>12970</v>
      </c>
      <c r="B47867" s="1" t="s">
        <v>162065</v>
      </c>
      <c r="C47867" s="1" t="s">
        <v>85</v>
      </c>
      <c r="D47867" s="1" t="s">
        <v>97565</v>
      </c>
      <c r="E47867" s="1" t="s">
        <v>162504</v>
      </c>
      <c r="F47867" s="1" t="s">
        <v>162505</v>
      </c>
      <c r="G47867" s="1" t="s">
        <v>162453</v>
      </c>
      <c r="H47867" s="1" t="s">
        <v>162454</v>
      </c>
      <c r="I47867" s="1" t="s">
        <v>162070</v>
      </c>
      <c r="J47867" s="1" t="s">
        <v>162506</v>
      </c>
    </row>
    <row r="47868" spans="1:10" x14ac:dyDescent="0.35">
      <c r="A47868" s="1" t="s">
        <v>12970</v>
      </c>
      <c r="B47868" s="1" t="s">
        <v>162065</v>
      </c>
      <c r="C47868" s="1" t="s">
        <v>90</v>
      </c>
      <c r="D47868" s="1" t="s">
        <v>162507</v>
      </c>
      <c r="E47868" s="1" t="s">
        <v>162508</v>
      </c>
      <c r="F47868" s="1" t="s">
        <v>162509</v>
      </c>
      <c r="G47868" s="1" t="s">
        <v>162453</v>
      </c>
      <c r="H47868" s="1" t="s">
        <v>162454</v>
      </c>
      <c r="I47868" s="1" t="s">
        <v>162070</v>
      </c>
      <c r="J47868" s="1" t="s">
        <v>162510</v>
      </c>
    </row>
    <row r="47869" spans="1:10" x14ac:dyDescent="0.35">
      <c r="A47869" s="1" t="s">
        <v>12970</v>
      </c>
      <c r="B47869" s="1" t="s">
        <v>162065</v>
      </c>
      <c r="C47869" s="1" t="s">
        <v>95</v>
      </c>
      <c r="D47869" s="1" t="s">
        <v>162511</v>
      </c>
      <c r="E47869" s="1" t="s">
        <v>162512</v>
      </c>
      <c r="F47869" s="1" t="s">
        <v>162513</v>
      </c>
      <c r="G47869" s="1" t="s">
        <v>162453</v>
      </c>
      <c r="H47869" s="1" t="s">
        <v>162454</v>
      </c>
      <c r="I47869" s="1" t="s">
        <v>162070</v>
      </c>
      <c r="J47869" s="1" t="s">
        <v>162514</v>
      </c>
    </row>
    <row r="47870" spans="1:10" x14ac:dyDescent="0.35">
      <c r="A47870" s="1" t="s">
        <v>12970</v>
      </c>
      <c r="B47870" s="1" t="s">
        <v>162065</v>
      </c>
      <c r="C47870" s="1" t="s">
        <v>100</v>
      </c>
      <c r="D47870" s="1" t="s">
        <v>162515</v>
      </c>
      <c r="E47870" s="1" t="s">
        <v>162516</v>
      </c>
      <c r="F47870" s="1" t="s">
        <v>162517</v>
      </c>
      <c r="G47870" s="1" t="s">
        <v>162453</v>
      </c>
      <c r="H47870" s="1" t="s">
        <v>162454</v>
      </c>
      <c r="I47870" s="1" t="s">
        <v>162070</v>
      </c>
      <c r="J47870" s="1" t="s">
        <v>162518</v>
      </c>
    </row>
    <row r="47871" spans="1:10" x14ac:dyDescent="0.35">
      <c r="A47871" s="1" t="s">
        <v>12970</v>
      </c>
      <c r="B47871" s="1" t="s">
        <v>162065</v>
      </c>
      <c r="C47871" s="1" t="s">
        <v>105</v>
      </c>
      <c r="D47871" s="1" t="s">
        <v>162519</v>
      </c>
      <c r="E47871" s="1" t="s">
        <v>162520</v>
      </c>
      <c r="F47871" s="1" t="s">
        <v>162521</v>
      </c>
      <c r="G47871" s="1" t="s">
        <v>162453</v>
      </c>
      <c r="H47871" s="1" t="s">
        <v>162454</v>
      </c>
      <c r="I47871" s="1" t="s">
        <v>162070</v>
      </c>
      <c r="J47871" s="1" t="s">
        <v>162522</v>
      </c>
    </row>
    <row r="47872" spans="1:10" x14ac:dyDescent="0.35">
      <c r="A47872" s="1" t="s">
        <v>12970</v>
      </c>
      <c r="B47872" s="1" t="s">
        <v>162065</v>
      </c>
      <c r="C47872" s="1" t="s">
        <v>110</v>
      </c>
      <c r="D47872" s="1" t="s">
        <v>162523</v>
      </c>
      <c r="E47872" s="1" t="s">
        <v>162524</v>
      </c>
      <c r="F47872" s="1" t="s">
        <v>162525</v>
      </c>
      <c r="G47872" s="1" t="s">
        <v>162453</v>
      </c>
      <c r="H47872" s="1" t="s">
        <v>162454</v>
      </c>
      <c r="I47872" s="1" t="s">
        <v>162070</v>
      </c>
      <c r="J47872" s="1" t="s">
        <v>162526</v>
      </c>
    </row>
    <row r="47873" spans="1:10" x14ac:dyDescent="0.35">
      <c r="A47873" s="1" t="s">
        <v>12970</v>
      </c>
      <c r="B47873" s="1" t="s">
        <v>162065</v>
      </c>
      <c r="C47873" s="1" t="s">
        <v>115</v>
      </c>
      <c r="D47873" s="1" t="s">
        <v>162527</v>
      </c>
      <c r="E47873" s="1" t="s">
        <v>162528</v>
      </c>
      <c r="F47873" s="1" t="s">
        <v>162529</v>
      </c>
      <c r="G47873" s="1" t="s">
        <v>162453</v>
      </c>
      <c r="H47873" s="1" t="s">
        <v>162454</v>
      </c>
      <c r="I47873" s="1" t="s">
        <v>162070</v>
      </c>
      <c r="J47873" s="1" t="s">
        <v>162530</v>
      </c>
    </row>
    <row r="47874" spans="1:10" x14ac:dyDescent="0.35">
      <c r="A47874" s="1" t="s">
        <v>12970</v>
      </c>
      <c r="B47874" s="1" t="s">
        <v>162065</v>
      </c>
      <c r="C47874" s="1" t="s">
        <v>120</v>
      </c>
      <c r="D47874" s="1" t="s">
        <v>162531</v>
      </c>
      <c r="E47874" s="1" t="s">
        <v>162532</v>
      </c>
      <c r="F47874" s="1" t="s">
        <v>162533</v>
      </c>
      <c r="G47874" s="1" t="s">
        <v>162453</v>
      </c>
      <c r="H47874" s="1" t="s">
        <v>162454</v>
      </c>
      <c r="I47874" s="1" t="s">
        <v>162070</v>
      </c>
      <c r="J47874" s="1" t="s">
        <v>162534</v>
      </c>
    </row>
    <row r="47875" spans="1:10" x14ac:dyDescent="0.35">
      <c r="A47875" s="1" t="s">
        <v>12970</v>
      </c>
      <c r="B47875" s="1" t="s">
        <v>162065</v>
      </c>
      <c r="C47875" s="1" t="s">
        <v>125</v>
      </c>
      <c r="D47875" s="1" t="s">
        <v>162535</v>
      </c>
      <c r="E47875" s="1" t="s">
        <v>162536</v>
      </c>
      <c r="F47875" s="1" t="s">
        <v>162537</v>
      </c>
      <c r="G47875" s="1" t="s">
        <v>162453</v>
      </c>
      <c r="H47875" s="1" t="s">
        <v>162454</v>
      </c>
      <c r="I47875" s="1" t="s">
        <v>162070</v>
      </c>
      <c r="J47875" s="1" t="s">
        <v>162538</v>
      </c>
    </row>
    <row r="47876" spans="1:10" x14ac:dyDescent="0.35">
      <c r="A47876" s="1" t="s">
        <v>12970</v>
      </c>
      <c r="B47876" s="1" t="s">
        <v>162065</v>
      </c>
      <c r="C47876" s="1" t="s">
        <v>130</v>
      </c>
      <c r="D47876" s="1" t="s">
        <v>162539</v>
      </c>
      <c r="E47876" s="1" t="s">
        <v>162540</v>
      </c>
      <c r="F47876" s="1" t="s">
        <v>162541</v>
      </c>
      <c r="G47876" s="1" t="s">
        <v>162453</v>
      </c>
      <c r="H47876" s="1" t="s">
        <v>162454</v>
      </c>
      <c r="I47876" s="1" t="s">
        <v>162070</v>
      </c>
      <c r="J47876" s="1" t="s">
        <v>162542</v>
      </c>
    </row>
    <row r="47877" spans="1:10" x14ac:dyDescent="0.35">
      <c r="A47877" s="1" t="s">
        <v>12970</v>
      </c>
      <c r="B47877" s="1" t="s">
        <v>162065</v>
      </c>
      <c r="C47877" s="1" t="s">
        <v>135</v>
      </c>
      <c r="D47877" s="1" t="s">
        <v>162543</v>
      </c>
      <c r="E47877" s="1" t="s">
        <v>162544</v>
      </c>
      <c r="F47877" s="1" t="s">
        <v>162545</v>
      </c>
      <c r="G47877" s="1" t="s">
        <v>162453</v>
      </c>
      <c r="H47877" s="1" t="s">
        <v>162454</v>
      </c>
      <c r="I47877" s="1" t="s">
        <v>162070</v>
      </c>
      <c r="J47877" s="1" t="s">
        <v>162546</v>
      </c>
    </row>
    <row r="47878" spans="1:10" x14ac:dyDescent="0.35">
      <c r="A47878" s="1" t="s">
        <v>12970</v>
      </c>
      <c r="B47878" s="1" t="s">
        <v>162065</v>
      </c>
      <c r="C47878" s="1" t="s">
        <v>140</v>
      </c>
      <c r="D47878" s="1" t="s">
        <v>162547</v>
      </c>
      <c r="E47878" s="1" t="s">
        <v>162548</v>
      </c>
      <c r="F47878" s="1" t="s">
        <v>162549</v>
      </c>
      <c r="G47878" s="1" t="s">
        <v>162453</v>
      </c>
      <c r="H47878" s="1" t="s">
        <v>162454</v>
      </c>
      <c r="I47878" s="1" t="s">
        <v>162070</v>
      </c>
      <c r="J47878" s="1" t="s">
        <v>162550</v>
      </c>
    </row>
    <row r="47879" spans="1:10" x14ac:dyDescent="0.35">
      <c r="A47879" s="1" t="s">
        <v>12970</v>
      </c>
      <c r="B47879" s="1" t="s">
        <v>162065</v>
      </c>
      <c r="C47879" s="1" t="s">
        <v>145</v>
      </c>
      <c r="D47879" s="1" t="s">
        <v>162551</v>
      </c>
      <c r="E47879" s="1" t="s">
        <v>162552</v>
      </c>
      <c r="F47879" s="1" t="s">
        <v>162553</v>
      </c>
      <c r="G47879" s="1" t="s">
        <v>162453</v>
      </c>
      <c r="H47879" s="1" t="s">
        <v>162454</v>
      </c>
      <c r="I47879" s="1" t="s">
        <v>162070</v>
      </c>
      <c r="J47879" s="1" t="s">
        <v>162554</v>
      </c>
    </row>
    <row r="47880" spans="1:10" x14ac:dyDescent="0.35">
      <c r="A47880" s="1" t="s">
        <v>12970</v>
      </c>
      <c r="B47880" s="1" t="s">
        <v>162065</v>
      </c>
      <c r="C47880" s="1" t="s">
        <v>150</v>
      </c>
      <c r="D47880" s="1" t="s">
        <v>162555</v>
      </c>
      <c r="E47880" s="1" t="s">
        <v>162556</v>
      </c>
      <c r="F47880" s="1" t="s">
        <v>162557</v>
      </c>
      <c r="G47880" s="1" t="s">
        <v>162453</v>
      </c>
      <c r="H47880" s="1" t="s">
        <v>162454</v>
      </c>
      <c r="I47880" s="1" t="s">
        <v>162070</v>
      </c>
      <c r="J47880" s="1" t="s">
        <v>162558</v>
      </c>
    </row>
    <row r="47881" spans="1:10" x14ac:dyDescent="0.35">
      <c r="A47881" s="1" t="s">
        <v>12970</v>
      </c>
      <c r="B47881" s="1" t="s">
        <v>162065</v>
      </c>
      <c r="C47881" s="1" t="s">
        <v>155</v>
      </c>
      <c r="D47881" s="1" t="s">
        <v>162559</v>
      </c>
      <c r="E47881" s="1" t="s">
        <v>162560</v>
      </c>
      <c r="F47881" s="1" t="s">
        <v>162561</v>
      </c>
      <c r="G47881" s="1" t="s">
        <v>162453</v>
      </c>
      <c r="H47881" s="1" t="s">
        <v>162454</v>
      </c>
      <c r="I47881" s="1" t="s">
        <v>162070</v>
      </c>
      <c r="J47881" s="1" t="s">
        <v>162562</v>
      </c>
    </row>
    <row r="47882" spans="1:10" x14ac:dyDescent="0.35">
      <c r="A47882" s="1" t="s">
        <v>12970</v>
      </c>
      <c r="B47882" s="1" t="s">
        <v>162065</v>
      </c>
      <c r="C47882" s="1" t="s">
        <v>160</v>
      </c>
      <c r="D47882" s="1" t="s">
        <v>162563</v>
      </c>
      <c r="E47882" s="1" t="s">
        <v>162564</v>
      </c>
      <c r="F47882" s="1" t="s">
        <v>162565</v>
      </c>
      <c r="G47882" s="1" t="s">
        <v>162453</v>
      </c>
      <c r="H47882" s="1" t="s">
        <v>162454</v>
      </c>
      <c r="I47882" s="1" t="s">
        <v>162070</v>
      </c>
      <c r="J47882" s="1" t="s">
        <v>162566</v>
      </c>
    </row>
    <row r="47883" spans="1:10" x14ac:dyDescent="0.35">
      <c r="A47883" s="1" t="s">
        <v>12970</v>
      </c>
      <c r="B47883" s="1" t="s">
        <v>162065</v>
      </c>
      <c r="C47883" s="1" t="s">
        <v>165</v>
      </c>
      <c r="D47883" s="1" t="s">
        <v>162567</v>
      </c>
      <c r="E47883" s="1" t="s">
        <v>162568</v>
      </c>
      <c r="F47883" s="1" t="s">
        <v>162569</v>
      </c>
      <c r="G47883" s="1" t="s">
        <v>162453</v>
      </c>
      <c r="H47883" s="1" t="s">
        <v>162454</v>
      </c>
      <c r="I47883" s="1" t="s">
        <v>162070</v>
      </c>
      <c r="J47883" s="1" t="s">
        <v>162570</v>
      </c>
    </row>
    <row r="47884" spans="1:10" x14ac:dyDescent="0.35">
      <c r="A47884" s="1" t="s">
        <v>12970</v>
      </c>
      <c r="B47884" s="1" t="s">
        <v>162065</v>
      </c>
      <c r="C47884" s="1" t="s">
        <v>170</v>
      </c>
      <c r="D47884" s="1" t="s">
        <v>162571</v>
      </c>
      <c r="E47884" s="1" t="s">
        <v>162572</v>
      </c>
      <c r="F47884" s="1" t="s">
        <v>162573</v>
      </c>
      <c r="G47884" s="1" t="s">
        <v>162453</v>
      </c>
      <c r="H47884" s="1" t="s">
        <v>162454</v>
      </c>
      <c r="I47884" s="1" t="s">
        <v>162070</v>
      </c>
      <c r="J47884" s="1" t="s">
        <v>162574</v>
      </c>
    </row>
    <row r="47885" spans="1:10" x14ac:dyDescent="0.35">
      <c r="A47885" s="1" t="s">
        <v>12077</v>
      </c>
      <c r="B47885" s="1" t="s">
        <v>162065</v>
      </c>
      <c r="C47885" s="1" t="s">
        <v>8</v>
      </c>
      <c r="D47885" s="1" t="s">
        <v>162575</v>
      </c>
      <c r="E47885" s="1" t="s">
        <v>54197</v>
      </c>
      <c r="F47885" s="1" t="s">
        <v>162576</v>
      </c>
      <c r="G47885" s="1" t="s">
        <v>162577</v>
      </c>
      <c r="H47885" s="1" t="s">
        <v>162578</v>
      </c>
      <c r="I47885" s="1" t="s">
        <v>162070</v>
      </c>
      <c r="J47885" s="1" t="s">
        <v>13</v>
      </c>
    </row>
    <row r="47886" spans="1:10" x14ac:dyDescent="0.35">
      <c r="A47886" s="1" t="s">
        <v>12077</v>
      </c>
      <c r="B47886" s="1" t="s">
        <v>162065</v>
      </c>
      <c r="C47886" s="1" t="s">
        <v>15</v>
      </c>
      <c r="D47886" s="1" t="s">
        <v>162579</v>
      </c>
      <c r="E47886" s="1" t="s">
        <v>57926</v>
      </c>
      <c r="F47886" s="1" t="s">
        <v>162580</v>
      </c>
      <c r="G47886" s="1" t="s">
        <v>162577</v>
      </c>
      <c r="H47886" s="1" t="s">
        <v>162578</v>
      </c>
      <c r="I47886" s="1" t="s">
        <v>162070</v>
      </c>
      <c r="J47886" s="1" t="s">
        <v>162581</v>
      </c>
    </row>
    <row r="47887" spans="1:10" x14ac:dyDescent="0.35">
      <c r="A47887" s="1" t="s">
        <v>12077</v>
      </c>
      <c r="B47887" s="1" t="s">
        <v>162065</v>
      </c>
      <c r="C47887" s="1" t="s">
        <v>20</v>
      </c>
      <c r="D47887" s="1" t="s">
        <v>162582</v>
      </c>
      <c r="E47887" s="1" t="s">
        <v>12841</v>
      </c>
      <c r="F47887" s="1" t="s">
        <v>162583</v>
      </c>
      <c r="G47887" s="1" t="s">
        <v>162577</v>
      </c>
      <c r="H47887" s="1" t="s">
        <v>162578</v>
      </c>
      <c r="I47887" s="1" t="s">
        <v>162070</v>
      </c>
      <c r="J47887" s="1" t="s">
        <v>162584</v>
      </c>
    </row>
    <row r="47888" spans="1:10" x14ac:dyDescent="0.35">
      <c r="A47888" s="1" t="s">
        <v>12077</v>
      </c>
      <c r="B47888" s="1" t="s">
        <v>162065</v>
      </c>
      <c r="C47888" s="1" t="s">
        <v>25</v>
      </c>
      <c r="D47888" s="1" t="s">
        <v>162585</v>
      </c>
      <c r="E47888" s="1" t="s">
        <v>55907</v>
      </c>
      <c r="F47888" s="1" t="s">
        <v>162586</v>
      </c>
      <c r="G47888" s="1" t="s">
        <v>162577</v>
      </c>
      <c r="H47888" s="1" t="s">
        <v>162578</v>
      </c>
      <c r="I47888" s="1" t="s">
        <v>162070</v>
      </c>
      <c r="J47888" s="1" t="s">
        <v>162587</v>
      </c>
    </row>
    <row r="47889" spans="1:10" x14ac:dyDescent="0.35">
      <c r="A47889" s="1" t="s">
        <v>12077</v>
      </c>
      <c r="B47889" s="1" t="s">
        <v>162065</v>
      </c>
      <c r="C47889" s="1" t="s">
        <v>30</v>
      </c>
      <c r="D47889" s="1" t="s">
        <v>162588</v>
      </c>
      <c r="E47889" s="1" t="s">
        <v>53965</v>
      </c>
      <c r="F47889" s="1" t="s">
        <v>162589</v>
      </c>
      <c r="G47889" s="1" t="s">
        <v>162577</v>
      </c>
      <c r="H47889" s="1" t="s">
        <v>162578</v>
      </c>
      <c r="I47889" s="1" t="s">
        <v>162070</v>
      </c>
      <c r="J47889" s="1" t="s">
        <v>162590</v>
      </c>
    </row>
    <row r="47890" spans="1:10" x14ac:dyDescent="0.35">
      <c r="A47890" s="1" t="s">
        <v>12077</v>
      </c>
      <c r="B47890" s="1" t="s">
        <v>162065</v>
      </c>
      <c r="C47890" s="1" t="s">
        <v>35</v>
      </c>
      <c r="D47890" s="1" t="s">
        <v>162591</v>
      </c>
      <c r="E47890" s="1" t="s">
        <v>54077</v>
      </c>
      <c r="F47890" s="1" t="s">
        <v>100858</v>
      </c>
      <c r="G47890" s="1" t="s">
        <v>162577</v>
      </c>
      <c r="H47890" s="1" t="s">
        <v>162578</v>
      </c>
      <c r="I47890" s="1" t="s">
        <v>162070</v>
      </c>
      <c r="J47890" s="1" t="s">
        <v>162592</v>
      </c>
    </row>
    <row r="47891" spans="1:10" x14ac:dyDescent="0.35">
      <c r="A47891" s="1" t="s">
        <v>12077</v>
      </c>
      <c r="B47891" s="1" t="s">
        <v>162065</v>
      </c>
      <c r="C47891" s="1" t="s">
        <v>40</v>
      </c>
      <c r="D47891" s="1" t="s">
        <v>65580</v>
      </c>
      <c r="E47891" s="1" t="s">
        <v>23314</v>
      </c>
      <c r="F47891" s="1" t="s">
        <v>162593</v>
      </c>
      <c r="G47891" s="1" t="s">
        <v>162577</v>
      </c>
      <c r="H47891" s="1" t="s">
        <v>162578</v>
      </c>
      <c r="I47891" s="1" t="s">
        <v>162070</v>
      </c>
      <c r="J47891" s="1" t="s">
        <v>162594</v>
      </c>
    </row>
    <row r="47892" spans="1:10" x14ac:dyDescent="0.35">
      <c r="A47892" s="1" t="s">
        <v>12077</v>
      </c>
      <c r="B47892" s="1" t="s">
        <v>162065</v>
      </c>
      <c r="C47892" s="1" t="s">
        <v>45</v>
      </c>
      <c r="D47892" s="1" t="s">
        <v>162595</v>
      </c>
      <c r="E47892" s="1" t="s">
        <v>21853</v>
      </c>
      <c r="F47892" s="1" t="s">
        <v>54674</v>
      </c>
      <c r="G47892" s="1" t="s">
        <v>162577</v>
      </c>
      <c r="H47892" s="1" t="s">
        <v>162578</v>
      </c>
      <c r="I47892" s="1" t="s">
        <v>162070</v>
      </c>
      <c r="J47892" s="1" t="s">
        <v>162596</v>
      </c>
    </row>
    <row r="47893" spans="1:10" x14ac:dyDescent="0.35">
      <c r="A47893" s="1" t="s">
        <v>12077</v>
      </c>
      <c r="B47893" s="1" t="s">
        <v>162065</v>
      </c>
      <c r="C47893" s="1" t="s">
        <v>50</v>
      </c>
      <c r="D47893" s="1" t="s">
        <v>162597</v>
      </c>
      <c r="E47893" s="1" t="s">
        <v>12757</v>
      </c>
      <c r="F47893" s="1" t="s">
        <v>162598</v>
      </c>
      <c r="G47893" s="1" t="s">
        <v>162577</v>
      </c>
      <c r="H47893" s="1" t="s">
        <v>162578</v>
      </c>
      <c r="I47893" s="1" t="s">
        <v>162070</v>
      </c>
      <c r="J47893" s="1" t="s">
        <v>162599</v>
      </c>
    </row>
    <row r="47894" spans="1:10" x14ac:dyDescent="0.35">
      <c r="A47894" s="1" t="s">
        <v>12077</v>
      </c>
      <c r="B47894" s="1" t="s">
        <v>162065</v>
      </c>
      <c r="C47894" s="1" t="s">
        <v>55</v>
      </c>
      <c r="D47894" s="1" t="s">
        <v>162600</v>
      </c>
      <c r="E47894" s="1" t="s">
        <v>32359</v>
      </c>
      <c r="F47894" s="1" t="s">
        <v>162601</v>
      </c>
      <c r="G47894" s="1" t="s">
        <v>162577</v>
      </c>
      <c r="H47894" s="1" t="s">
        <v>162578</v>
      </c>
      <c r="I47894" s="1" t="s">
        <v>162070</v>
      </c>
      <c r="J47894" s="1" t="s">
        <v>162602</v>
      </c>
    </row>
    <row r="47895" spans="1:10" x14ac:dyDescent="0.35">
      <c r="A47895" s="1" t="s">
        <v>12077</v>
      </c>
      <c r="B47895" s="1" t="s">
        <v>162065</v>
      </c>
      <c r="C47895" s="1" t="s">
        <v>60</v>
      </c>
      <c r="D47895" s="1" t="s">
        <v>162603</v>
      </c>
      <c r="E47895" s="1" t="s">
        <v>32359</v>
      </c>
      <c r="F47895" s="1" t="s">
        <v>162604</v>
      </c>
      <c r="G47895" s="1" t="s">
        <v>162577</v>
      </c>
      <c r="H47895" s="1" t="s">
        <v>162578</v>
      </c>
      <c r="I47895" s="1" t="s">
        <v>162070</v>
      </c>
      <c r="J47895" s="1" t="s">
        <v>162605</v>
      </c>
    </row>
    <row r="47896" spans="1:10" x14ac:dyDescent="0.35">
      <c r="A47896" s="1" t="s">
        <v>12077</v>
      </c>
      <c r="B47896" s="1" t="s">
        <v>162065</v>
      </c>
      <c r="C47896" s="1" t="s">
        <v>65</v>
      </c>
      <c r="D47896" s="1" t="s">
        <v>162606</v>
      </c>
      <c r="E47896" s="1" t="s">
        <v>32407</v>
      </c>
      <c r="F47896" s="1" t="s">
        <v>99145</v>
      </c>
      <c r="G47896" s="1" t="s">
        <v>162577</v>
      </c>
      <c r="H47896" s="1" t="s">
        <v>162578</v>
      </c>
      <c r="I47896" s="1" t="s">
        <v>162070</v>
      </c>
      <c r="J47896" s="1" t="s">
        <v>162607</v>
      </c>
    </row>
    <row r="47897" spans="1:10" x14ac:dyDescent="0.35">
      <c r="A47897" s="1" t="s">
        <v>12077</v>
      </c>
      <c r="B47897" s="1" t="s">
        <v>162065</v>
      </c>
      <c r="C47897" s="1" t="s">
        <v>70</v>
      </c>
      <c r="D47897" s="1" t="s">
        <v>162608</v>
      </c>
      <c r="E47897" s="1" t="s">
        <v>140922</v>
      </c>
      <c r="F47897" s="1" t="s">
        <v>162609</v>
      </c>
      <c r="G47897" s="1" t="s">
        <v>162577</v>
      </c>
      <c r="H47897" s="1" t="s">
        <v>162578</v>
      </c>
      <c r="I47897" s="1" t="s">
        <v>162070</v>
      </c>
      <c r="J47897" s="1" t="s">
        <v>162610</v>
      </c>
    </row>
    <row r="47898" spans="1:10" x14ac:dyDescent="0.35">
      <c r="A47898" s="1" t="s">
        <v>12077</v>
      </c>
      <c r="B47898" s="1" t="s">
        <v>162065</v>
      </c>
      <c r="C47898" s="1" t="s">
        <v>75</v>
      </c>
      <c r="D47898" s="1" t="s">
        <v>162611</v>
      </c>
      <c r="E47898" s="1" t="s">
        <v>12853</v>
      </c>
      <c r="F47898" s="1" t="s">
        <v>162612</v>
      </c>
      <c r="G47898" s="1" t="s">
        <v>162577</v>
      </c>
      <c r="H47898" s="1" t="s">
        <v>162578</v>
      </c>
      <c r="I47898" s="1" t="s">
        <v>162070</v>
      </c>
      <c r="J47898" s="1" t="s">
        <v>162613</v>
      </c>
    </row>
    <row r="47899" spans="1:10" x14ac:dyDescent="0.35">
      <c r="A47899" s="1" t="s">
        <v>12077</v>
      </c>
      <c r="B47899" s="1" t="s">
        <v>162065</v>
      </c>
      <c r="C47899" s="1" t="s">
        <v>80</v>
      </c>
      <c r="D47899" s="1" t="s">
        <v>162614</v>
      </c>
      <c r="E47899" s="1" t="s">
        <v>65690</v>
      </c>
      <c r="F47899" s="1" t="s">
        <v>162615</v>
      </c>
      <c r="G47899" s="1" t="s">
        <v>162577</v>
      </c>
      <c r="H47899" s="1" t="s">
        <v>162578</v>
      </c>
      <c r="I47899" s="1" t="s">
        <v>162070</v>
      </c>
      <c r="J47899" s="1" t="s">
        <v>162616</v>
      </c>
    </row>
    <row r="47900" spans="1:10" x14ac:dyDescent="0.35">
      <c r="A47900" s="1" t="s">
        <v>12077</v>
      </c>
      <c r="B47900" s="1" t="s">
        <v>162065</v>
      </c>
      <c r="C47900" s="1" t="s">
        <v>85</v>
      </c>
      <c r="D47900" s="1" t="s">
        <v>162617</v>
      </c>
      <c r="E47900" s="1" t="s">
        <v>63475</v>
      </c>
      <c r="F47900" s="1" t="s">
        <v>68233</v>
      </c>
      <c r="G47900" s="1" t="s">
        <v>162577</v>
      </c>
      <c r="H47900" s="1" t="s">
        <v>162578</v>
      </c>
      <c r="I47900" s="1" t="s">
        <v>162070</v>
      </c>
      <c r="J47900" s="1" t="s">
        <v>162618</v>
      </c>
    </row>
    <row r="47901" spans="1:10" x14ac:dyDescent="0.35">
      <c r="A47901" s="1" t="s">
        <v>12077</v>
      </c>
      <c r="B47901" s="1" t="s">
        <v>162065</v>
      </c>
      <c r="C47901" s="1" t="s">
        <v>90</v>
      </c>
      <c r="D47901" s="1" t="s">
        <v>162619</v>
      </c>
      <c r="E47901" s="1" t="s">
        <v>54158</v>
      </c>
      <c r="F47901" s="1" t="s">
        <v>61170</v>
      </c>
      <c r="G47901" s="1" t="s">
        <v>162577</v>
      </c>
      <c r="H47901" s="1" t="s">
        <v>162578</v>
      </c>
      <c r="I47901" s="1" t="s">
        <v>162070</v>
      </c>
      <c r="J47901" s="1" t="s">
        <v>162620</v>
      </c>
    </row>
    <row r="47902" spans="1:10" x14ac:dyDescent="0.35">
      <c r="A47902" s="1" t="s">
        <v>12077</v>
      </c>
      <c r="B47902" s="1" t="s">
        <v>162065</v>
      </c>
      <c r="C47902" s="1" t="s">
        <v>95</v>
      </c>
      <c r="D47902" s="1" t="s">
        <v>162621</v>
      </c>
      <c r="E47902" s="1" t="s">
        <v>59709</v>
      </c>
      <c r="F47902" s="1" t="s">
        <v>96907</v>
      </c>
      <c r="G47902" s="1" t="s">
        <v>162577</v>
      </c>
      <c r="H47902" s="1" t="s">
        <v>162578</v>
      </c>
      <c r="I47902" s="1" t="s">
        <v>162070</v>
      </c>
      <c r="J47902" s="1" t="s">
        <v>162622</v>
      </c>
    </row>
    <row r="47903" spans="1:10" x14ac:dyDescent="0.35">
      <c r="A47903" s="1" t="s">
        <v>12077</v>
      </c>
      <c r="B47903" s="1" t="s">
        <v>162065</v>
      </c>
      <c r="C47903" s="1" t="s">
        <v>100</v>
      </c>
      <c r="D47903" s="1" t="s">
        <v>162623</v>
      </c>
      <c r="E47903" s="1" t="s">
        <v>63890</v>
      </c>
      <c r="F47903" s="1" t="s">
        <v>162624</v>
      </c>
      <c r="G47903" s="1" t="s">
        <v>162577</v>
      </c>
      <c r="H47903" s="1" t="s">
        <v>162578</v>
      </c>
      <c r="I47903" s="1" t="s">
        <v>162070</v>
      </c>
      <c r="J47903" s="1" t="s">
        <v>162625</v>
      </c>
    </row>
    <row r="47904" spans="1:10" x14ac:dyDescent="0.35">
      <c r="A47904" s="1" t="s">
        <v>12077</v>
      </c>
      <c r="B47904" s="1" t="s">
        <v>162065</v>
      </c>
      <c r="C47904" s="1" t="s">
        <v>105</v>
      </c>
      <c r="D47904" s="1" t="s">
        <v>162626</v>
      </c>
      <c r="E47904" s="1" t="s">
        <v>21799</v>
      </c>
      <c r="F47904" s="1" t="s">
        <v>56872</v>
      </c>
      <c r="G47904" s="1" t="s">
        <v>162577</v>
      </c>
      <c r="H47904" s="1" t="s">
        <v>162578</v>
      </c>
      <c r="I47904" s="1" t="s">
        <v>162070</v>
      </c>
      <c r="J47904" s="1" t="s">
        <v>162627</v>
      </c>
    </row>
    <row r="47905" spans="1:10" x14ac:dyDescent="0.35">
      <c r="A47905" s="1" t="s">
        <v>12077</v>
      </c>
      <c r="B47905" s="1" t="s">
        <v>162065</v>
      </c>
      <c r="C47905" s="1" t="s">
        <v>110</v>
      </c>
      <c r="D47905" s="1" t="s">
        <v>162628</v>
      </c>
      <c r="E47905" s="1" t="s">
        <v>57026</v>
      </c>
      <c r="F47905" s="1" t="s">
        <v>67271</v>
      </c>
      <c r="G47905" s="1" t="s">
        <v>162577</v>
      </c>
      <c r="H47905" s="1" t="s">
        <v>162578</v>
      </c>
      <c r="I47905" s="1" t="s">
        <v>162070</v>
      </c>
      <c r="J47905" s="1" t="s">
        <v>162629</v>
      </c>
    </row>
    <row r="47906" spans="1:10" x14ac:dyDescent="0.35">
      <c r="A47906" s="1" t="s">
        <v>12077</v>
      </c>
      <c r="B47906" s="1" t="s">
        <v>162065</v>
      </c>
      <c r="C47906" s="1" t="s">
        <v>115</v>
      </c>
      <c r="D47906" s="1" t="s">
        <v>162630</v>
      </c>
      <c r="E47906" s="1" t="s">
        <v>22267</v>
      </c>
      <c r="F47906" s="1" t="s">
        <v>162631</v>
      </c>
      <c r="G47906" s="1" t="s">
        <v>162577</v>
      </c>
      <c r="H47906" s="1" t="s">
        <v>162578</v>
      </c>
      <c r="I47906" s="1" t="s">
        <v>162070</v>
      </c>
      <c r="J47906" s="1" t="s">
        <v>162632</v>
      </c>
    </row>
    <row r="47907" spans="1:10" x14ac:dyDescent="0.35">
      <c r="A47907" s="1" t="s">
        <v>12077</v>
      </c>
      <c r="B47907" s="1" t="s">
        <v>162065</v>
      </c>
      <c r="C47907" s="1" t="s">
        <v>120</v>
      </c>
      <c r="D47907" s="1" t="s">
        <v>162633</v>
      </c>
      <c r="E47907" s="1" t="s">
        <v>56345</v>
      </c>
      <c r="F47907" s="1" t="s">
        <v>162634</v>
      </c>
      <c r="G47907" s="1" t="s">
        <v>162577</v>
      </c>
      <c r="H47907" s="1" t="s">
        <v>162578</v>
      </c>
      <c r="I47907" s="1" t="s">
        <v>162070</v>
      </c>
      <c r="J47907" s="1" t="s">
        <v>162635</v>
      </c>
    </row>
    <row r="47908" spans="1:10" x14ac:dyDescent="0.35">
      <c r="A47908" s="1" t="s">
        <v>12077</v>
      </c>
      <c r="B47908" s="1" t="s">
        <v>162065</v>
      </c>
      <c r="C47908" s="1" t="s">
        <v>125</v>
      </c>
      <c r="D47908" s="1" t="s">
        <v>162636</v>
      </c>
      <c r="E47908" s="1" t="s">
        <v>41188</v>
      </c>
      <c r="F47908" s="1" t="s">
        <v>162637</v>
      </c>
      <c r="G47908" s="1" t="s">
        <v>162577</v>
      </c>
      <c r="H47908" s="1" t="s">
        <v>162578</v>
      </c>
      <c r="I47908" s="1" t="s">
        <v>162070</v>
      </c>
      <c r="J47908" s="1" t="s">
        <v>162638</v>
      </c>
    </row>
    <row r="47909" spans="1:10" x14ac:dyDescent="0.35">
      <c r="A47909" s="1" t="s">
        <v>12077</v>
      </c>
      <c r="B47909" s="1" t="s">
        <v>162065</v>
      </c>
      <c r="C47909" s="1" t="s">
        <v>130</v>
      </c>
      <c r="D47909" s="1" t="s">
        <v>162639</v>
      </c>
      <c r="E47909" s="1" t="s">
        <v>15392</v>
      </c>
      <c r="F47909" s="1" t="s">
        <v>162640</v>
      </c>
      <c r="G47909" s="1" t="s">
        <v>162577</v>
      </c>
      <c r="H47909" s="1" t="s">
        <v>162578</v>
      </c>
      <c r="I47909" s="1" t="s">
        <v>162070</v>
      </c>
      <c r="J47909" s="1" t="s">
        <v>162641</v>
      </c>
    </row>
    <row r="47910" spans="1:10" x14ac:dyDescent="0.35">
      <c r="A47910" s="1" t="s">
        <v>12077</v>
      </c>
      <c r="B47910" s="1" t="s">
        <v>162065</v>
      </c>
      <c r="C47910" s="1" t="s">
        <v>135</v>
      </c>
      <c r="D47910" s="1" t="s">
        <v>162642</v>
      </c>
      <c r="E47910" s="1" t="s">
        <v>23221</v>
      </c>
      <c r="F47910" s="1" t="s">
        <v>162643</v>
      </c>
      <c r="G47910" s="1" t="s">
        <v>162577</v>
      </c>
      <c r="H47910" s="1" t="s">
        <v>162578</v>
      </c>
      <c r="I47910" s="1" t="s">
        <v>162070</v>
      </c>
      <c r="J47910" s="1" t="s">
        <v>162644</v>
      </c>
    </row>
    <row r="47911" spans="1:10" x14ac:dyDescent="0.35">
      <c r="A47911" s="1" t="s">
        <v>12077</v>
      </c>
      <c r="B47911" s="1" t="s">
        <v>162065</v>
      </c>
      <c r="C47911" s="1" t="s">
        <v>140</v>
      </c>
      <c r="D47911" s="1" t="s">
        <v>11970</v>
      </c>
      <c r="E47911" s="1" t="s">
        <v>15853</v>
      </c>
      <c r="F47911" s="1" t="s">
        <v>98810</v>
      </c>
      <c r="G47911" s="1" t="s">
        <v>162577</v>
      </c>
      <c r="H47911" s="1" t="s">
        <v>162578</v>
      </c>
      <c r="I47911" s="1" t="s">
        <v>162070</v>
      </c>
      <c r="J47911" s="1" t="s">
        <v>162645</v>
      </c>
    </row>
    <row r="47912" spans="1:10" x14ac:dyDescent="0.35">
      <c r="A47912" s="1" t="s">
        <v>12077</v>
      </c>
      <c r="B47912" s="1" t="s">
        <v>162065</v>
      </c>
      <c r="C47912" s="1" t="s">
        <v>145</v>
      </c>
      <c r="D47912" s="1" t="s">
        <v>162646</v>
      </c>
      <c r="E47912" s="1" t="s">
        <v>15857</v>
      </c>
      <c r="F47912" s="1" t="s">
        <v>162647</v>
      </c>
      <c r="G47912" s="1" t="s">
        <v>162577</v>
      </c>
      <c r="H47912" s="1" t="s">
        <v>162578</v>
      </c>
      <c r="I47912" s="1" t="s">
        <v>162070</v>
      </c>
      <c r="J47912" s="1" t="s">
        <v>162648</v>
      </c>
    </row>
    <row r="47913" spans="1:10" x14ac:dyDescent="0.35">
      <c r="A47913" s="1" t="s">
        <v>12077</v>
      </c>
      <c r="B47913" s="1" t="s">
        <v>162065</v>
      </c>
      <c r="C47913" s="1" t="s">
        <v>150</v>
      </c>
      <c r="D47913" s="1" t="s">
        <v>162649</v>
      </c>
      <c r="E47913" s="1" t="s">
        <v>54219</v>
      </c>
      <c r="F47913" s="1" t="s">
        <v>66011</v>
      </c>
      <c r="G47913" s="1" t="s">
        <v>162577</v>
      </c>
      <c r="H47913" s="1" t="s">
        <v>162578</v>
      </c>
      <c r="I47913" s="1" t="s">
        <v>162070</v>
      </c>
      <c r="J47913" s="1" t="s">
        <v>162650</v>
      </c>
    </row>
    <row r="47914" spans="1:10" x14ac:dyDescent="0.35">
      <c r="A47914" s="1" t="s">
        <v>12077</v>
      </c>
      <c r="B47914" s="1" t="s">
        <v>162065</v>
      </c>
      <c r="C47914" s="1" t="s">
        <v>155</v>
      </c>
      <c r="D47914" s="1" t="s">
        <v>162651</v>
      </c>
      <c r="E47914" s="1" t="s">
        <v>15235</v>
      </c>
      <c r="F47914" s="1" t="s">
        <v>162652</v>
      </c>
      <c r="G47914" s="1" t="s">
        <v>162577</v>
      </c>
      <c r="H47914" s="1" t="s">
        <v>162578</v>
      </c>
      <c r="I47914" s="1" t="s">
        <v>162070</v>
      </c>
      <c r="J47914" s="1" t="s">
        <v>162653</v>
      </c>
    </row>
    <row r="47915" spans="1:10" x14ac:dyDescent="0.35">
      <c r="A47915" s="1" t="s">
        <v>12077</v>
      </c>
      <c r="B47915" s="1" t="s">
        <v>162065</v>
      </c>
      <c r="C47915" s="1" t="s">
        <v>160</v>
      </c>
      <c r="D47915" s="1" t="s">
        <v>70312</v>
      </c>
      <c r="E47915" s="1" t="s">
        <v>56046</v>
      </c>
      <c r="F47915" s="1" t="s">
        <v>162654</v>
      </c>
      <c r="G47915" s="1" t="s">
        <v>162577</v>
      </c>
      <c r="H47915" s="1" t="s">
        <v>162578</v>
      </c>
      <c r="I47915" s="1" t="s">
        <v>162070</v>
      </c>
      <c r="J47915" s="1" t="s">
        <v>162655</v>
      </c>
    </row>
    <row r="47916" spans="1:10" x14ac:dyDescent="0.35">
      <c r="A47916" s="1" t="s">
        <v>12077</v>
      </c>
      <c r="B47916" s="1" t="s">
        <v>162065</v>
      </c>
      <c r="C47916" s="1" t="s">
        <v>165</v>
      </c>
      <c r="D47916" s="1" t="s">
        <v>162656</v>
      </c>
      <c r="E47916" s="1" t="s">
        <v>56822</v>
      </c>
      <c r="F47916" s="1" t="s">
        <v>162657</v>
      </c>
      <c r="G47916" s="1" t="s">
        <v>162577</v>
      </c>
      <c r="H47916" s="1" t="s">
        <v>162578</v>
      </c>
      <c r="I47916" s="1" t="s">
        <v>162070</v>
      </c>
      <c r="J47916" s="1" t="s">
        <v>162658</v>
      </c>
    </row>
    <row r="47917" spans="1:10" x14ac:dyDescent="0.35">
      <c r="A47917" s="1" t="s">
        <v>12077</v>
      </c>
      <c r="B47917" s="1" t="s">
        <v>162065</v>
      </c>
      <c r="C47917" s="1" t="s">
        <v>170</v>
      </c>
      <c r="D47917" s="1" t="s">
        <v>162659</v>
      </c>
      <c r="E47917" s="1" t="s">
        <v>22345</v>
      </c>
      <c r="F47917" s="1" t="s">
        <v>65362</v>
      </c>
      <c r="G47917" s="1" t="s">
        <v>162577</v>
      </c>
      <c r="H47917" s="1" t="s">
        <v>162578</v>
      </c>
      <c r="I47917" s="1" t="s">
        <v>162070</v>
      </c>
      <c r="J47917" s="1" t="s">
        <v>162660</v>
      </c>
    </row>
    <row r="47918" spans="1:10" x14ac:dyDescent="0.35">
      <c r="A47918" s="1" t="s">
        <v>143454</v>
      </c>
      <c r="B47918" s="1" t="s">
        <v>162065</v>
      </c>
      <c r="C47918" s="1" t="s">
        <v>8</v>
      </c>
      <c r="D47918" s="1" t="s">
        <v>162661</v>
      </c>
      <c r="E47918" s="1" t="s">
        <v>23240</v>
      </c>
      <c r="F47918" s="1" t="s">
        <v>162662</v>
      </c>
      <c r="G47918" s="1" t="s">
        <v>162663</v>
      </c>
      <c r="H47918" s="1" t="s">
        <v>162664</v>
      </c>
      <c r="I47918" s="1" t="s">
        <v>162070</v>
      </c>
      <c r="J47918" s="1" t="s">
        <v>13</v>
      </c>
    </row>
    <row r="47919" spans="1:10" x14ac:dyDescent="0.35">
      <c r="A47919" s="1" t="s">
        <v>143454</v>
      </c>
      <c r="B47919" s="1" t="s">
        <v>162065</v>
      </c>
      <c r="C47919" s="1" t="s">
        <v>15</v>
      </c>
      <c r="D47919" s="1" t="s">
        <v>162665</v>
      </c>
      <c r="E47919" s="1" t="s">
        <v>27070</v>
      </c>
      <c r="F47919" s="1" t="s">
        <v>162666</v>
      </c>
      <c r="G47919" s="1" t="s">
        <v>162663</v>
      </c>
      <c r="H47919" s="1" t="s">
        <v>162664</v>
      </c>
      <c r="I47919" s="1" t="s">
        <v>162070</v>
      </c>
      <c r="J47919" s="1" t="s">
        <v>162667</v>
      </c>
    </row>
    <row r="47920" spans="1:10" x14ac:dyDescent="0.35">
      <c r="A47920" s="1" t="s">
        <v>143454</v>
      </c>
      <c r="B47920" s="1" t="s">
        <v>162065</v>
      </c>
      <c r="C47920" s="1" t="s">
        <v>20</v>
      </c>
      <c r="D47920" s="1" t="s">
        <v>77268</v>
      </c>
      <c r="E47920" s="1" t="s">
        <v>56849</v>
      </c>
      <c r="F47920" s="1" t="s">
        <v>162668</v>
      </c>
      <c r="G47920" s="1" t="s">
        <v>162663</v>
      </c>
      <c r="H47920" s="1" t="s">
        <v>162664</v>
      </c>
      <c r="I47920" s="1" t="s">
        <v>162070</v>
      </c>
      <c r="J47920" s="1" t="s">
        <v>162669</v>
      </c>
    </row>
    <row r="47921" spans="1:10" x14ac:dyDescent="0.35">
      <c r="A47921" s="1" t="s">
        <v>143454</v>
      </c>
      <c r="B47921" s="1" t="s">
        <v>162065</v>
      </c>
      <c r="C47921" s="1" t="s">
        <v>25</v>
      </c>
      <c r="D47921" s="1" t="s">
        <v>43974</v>
      </c>
      <c r="E47921" s="1" t="s">
        <v>12786</v>
      </c>
      <c r="F47921" s="1" t="s">
        <v>162670</v>
      </c>
      <c r="G47921" s="1" t="s">
        <v>162663</v>
      </c>
      <c r="H47921" s="1" t="s">
        <v>162664</v>
      </c>
      <c r="I47921" s="1" t="s">
        <v>162070</v>
      </c>
      <c r="J47921" s="1" t="s">
        <v>162671</v>
      </c>
    </row>
    <row r="47922" spans="1:10" x14ac:dyDescent="0.35">
      <c r="A47922" s="1" t="s">
        <v>143454</v>
      </c>
      <c r="B47922" s="1" t="s">
        <v>162065</v>
      </c>
      <c r="C47922" s="1" t="s">
        <v>30</v>
      </c>
      <c r="D47922" s="1" t="s">
        <v>162672</v>
      </c>
      <c r="E47922" s="1" t="s">
        <v>162198</v>
      </c>
      <c r="F47922" s="1" t="s">
        <v>162673</v>
      </c>
      <c r="G47922" s="1" t="s">
        <v>162663</v>
      </c>
      <c r="H47922" s="1" t="s">
        <v>162664</v>
      </c>
      <c r="I47922" s="1" t="s">
        <v>162070</v>
      </c>
      <c r="J47922" s="1" t="s">
        <v>162674</v>
      </c>
    </row>
    <row r="47923" spans="1:10" x14ac:dyDescent="0.35">
      <c r="A47923" s="1" t="s">
        <v>143454</v>
      </c>
      <c r="B47923" s="1" t="s">
        <v>162065</v>
      </c>
      <c r="C47923" s="1" t="s">
        <v>35</v>
      </c>
      <c r="D47923" s="1" t="s">
        <v>162675</v>
      </c>
      <c r="E47923" s="1" t="s">
        <v>31441</v>
      </c>
      <c r="F47923" s="1" t="s">
        <v>162676</v>
      </c>
      <c r="G47923" s="1" t="s">
        <v>162663</v>
      </c>
      <c r="H47923" s="1" t="s">
        <v>162664</v>
      </c>
      <c r="I47923" s="1" t="s">
        <v>162070</v>
      </c>
      <c r="J47923" s="1" t="s">
        <v>162677</v>
      </c>
    </row>
    <row r="47924" spans="1:10" x14ac:dyDescent="0.35">
      <c r="A47924" s="1" t="s">
        <v>143454</v>
      </c>
      <c r="B47924" s="1" t="s">
        <v>162065</v>
      </c>
      <c r="C47924" s="1" t="s">
        <v>40</v>
      </c>
      <c r="D47924" s="1" t="s">
        <v>64472</v>
      </c>
      <c r="E47924" s="1" t="s">
        <v>66906</v>
      </c>
      <c r="F47924" s="1" t="s">
        <v>82938</v>
      </c>
      <c r="G47924" s="1" t="s">
        <v>162663</v>
      </c>
      <c r="H47924" s="1" t="s">
        <v>162664</v>
      </c>
      <c r="I47924" s="1" t="s">
        <v>162070</v>
      </c>
      <c r="J47924" s="1" t="s">
        <v>162678</v>
      </c>
    </row>
    <row r="47925" spans="1:10" x14ac:dyDescent="0.35">
      <c r="A47925" s="1" t="s">
        <v>143454</v>
      </c>
      <c r="B47925" s="1" t="s">
        <v>162065</v>
      </c>
      <c r="C47925" s="1" t="s">
        <v>45</v>
      </c>
      <c r="D47925" s="1" t="s">
        <v>162679</v>
      </c>
      <c r="E47925" s="1" t="s">
        <v>27058</v>
      </c>
      <c r="F47925" s="1" t="s">
        <v>53822</v>
      </c>
      <c r="G47925" s="1" t="s">
        <v>162663</v>
      </c>
      <c r="H47925" s="1" t="s">
        <v>162664</v>
      </c>
      <c r="I47925" s="1" t="s">
        <v>162070</v>
      </c>
      <c r="J47925" s="1" t="s">
        <v>162680</v>
      </c>
    </row>
    <row r="47926" spans="1:10" x14ac:dyDescent="0.35">
      <c r="A47926" s="1" t="s">
        <v>143454</v>
      </c>
      <c r="B47926" s="1" t="s">
        <v>162065</v>
      </c>
      <c r="C47926" s="1" t="s">
        <v>50</v>
      </c>
      <c r="D47926" s="1" t="s">
        <v>162681</v>
      </c>
      <c r="E47926" s="1" t="s">
        <v>27097</v>
      </c>
      <c r="F47926" s="1" t="s">
        <v>142930</v>
      </c>
      <c r="G47926" s="1" t="s">
        <v>162663</v>
      </c>
      <c r="H47926" s="1" t="s">
        <v>162664</v>
      </c>
      <c r="I47926" s="1" t="s">
        <v>162070</v>
      </c>
      <c r="J47926" s="1" t="s">
        <v>162682</v>
      </c>
    </row>
    <row r="47927" spans="1:10" x14ac:dyDescent="0.35">
      <c r="A47927" s="1" t="s">
        <v>143454</v>
      </c>
      <c r="B47927" s="1" t="s">
        <v>162065</v>
      </c>
      <c r="C47927" s="1" t="s">
        <v>55</v>
      </c>
      <c r="D47927" s="1" t="s">
        <v>55204</v>
      </c>
      <c r="E47927" s="1" t="s">
        <v>32147</v>
      </c>
      <c r="F47927" s="1" t="s">
        <v>162683</v>
      </c>
      <c r="G47927" s="1" t="s">
        <v>162663</v>
      </c>
      <c r="H47927" s="1" t="s">
        <v>162664</v>
      </c>
      <c r="I47927" s="1" t="s">
        <v>162070</v>
      </c>
      <c r="J47927" s="1" t="s">
        <v>162684</v>
      </c>
    </row>
    <row r="47928" spans="1:10" x14ac:dyDescent="0.35">
      <c r="A47928" s="1" t="s">
        <v>143454</v>
      </c>
      <c r="B47928" s="1" t="s">
        <v>162065</v>
      </c>
      <c r="C47928" s="1" t="s">
        <v>60</v>
      </c>
      <c r="D47928" s="1" t="s">
        <v>132169</v>
      </c>
      <c r="E47928" s="1" t="s">
        <v>26210</v>
      </c>
      <c r="F47928" s="1" t="s">
        <v>162685</v>
      </c>
      <c r="G47928" s="1" t="s">
        <v>162663</v>
      </c>
      <c r="H47928" s="1" t="s">
        <v>162664</v>
      </c>
      <c r="I47928" s="1" t="s">
        <v>162070</v>
      </c>
      <c r="J47928" s="1" t="s">
        <v>162686</v>
      </c>
    </row>
    <row r="47929" spans="1:10" x14ac:dyDescent="0.35">
      <c r="A47929" s="1" t="s">
        <v>143454</v>
      </c>
      <c r="B47929" s="1" t="s">
        <v>162065</v>
      </c>
      <c r="C47929" s="1" t="s">
        <v>65</v>
      </c>
      <c r="D47929" s="1" t="s">
        <v>162687</v>
      </c>
      <c r="E47929" s="1" t="s">
        <v>15837</v>
      </c>
      <c r="F47929" s="1" t="s">
        <v>162688</v>
      </c>
      <c r="G47929" s="1" t="s">
        <v>162663</v>
      </c>
      <c r="H47929" s="1" t="s">
        <v>162664</v>
      </c>
      <c r="I47929" s="1" t="s">
        <v>162070</v>
      </c>
      <c r="J47929" s="1" t="s">
        <v>162689</v>
      </c>
    </row>
    <row r="47930" spans="1:10" x14ac:dyDescent="0.35">
      <c r="A47930" s="1" t="s">
        <v>143454</v>
      </c>
      <c r="B47930" s="1" t="s">
        <v>162065</v>
      </c>
      <c r="C47930" s="1" t="s">
        <v>70</v>
      </c>
      <c r="D47930" s="1" t="s">
        <v>12494</v>
      </c>
      <c r="E47930" s="1" t="s">
        <v>22317</v>
      </c>
      <c r="F47930" s="1" t="s">
        <v>57674</v>
      </c>
      <c r="G47930" s="1" t="s">
        <v>162663</v>
      </c>
      <c r="H47930" s="1" t="s">
        <v>162664</v>
      </c>
      <c r="I47930" s="1" t="s">
        <v>162070</v>
      </c>
      <c r="J47930" s="1" t="s">
        <v>162690</v>
      </c>
    </row>
    <row r="47931" spans="1:10" x14ac:dyDescent="0.35">
      <c r="A47931" s="1" t="s">
        <v>143454</v>
      </c>
      <c r="B47931" s="1" t="s">
        <v>162065</v>
      </c>
      <c r="C47931" s="1" t="s">
        <v>75</v>
      </c>
      <c r="D47931" s="1" t="s">
        <v>162691</v>
      </c>
      <c r="E47931" s="1" t="s">
        <v>54803</v>
      </c>
      <c r="F47931" s="1" t="s">
        <v>30639</v>
      </c>
      <c r="G47931" s="1" t="s">
        <v>162663</v>
      </c>
      <c r="H47931" s="1" t="s">
        <v>162664</v>
      </c>
      <c r="I47931" s="1" t="s">
        <v>162070</v>
      </c>
      <c r="J47931" s="1" t="s">
        <v>162692</v>
      </c>
    </row>
    <row r="47932" spans="1:10" x14ac:dyDescent="0.35">
      <c r="A47932" s="1" t="s">
        <v>143454</v>
      </c>
      <c r="B47932" s="1" t="s">
        <v>162065</v>
      </c>
      <c r="C47932" s="1" t="s">
        <v>80</v>
      </c>
      <c r="D47932" s="1" t="s">
        <v>162693</v>
      </c>
      <c r="E47932" s="1" t="s">
        <v>23262</v>
      </c>
      <c r="F47932" s="1" t="s">
        <v>162694</v>
      </c>
      <c r="G47932" s="1" t="s">
        <v>162663</v>
      </c>
      <c r="H47932" s="1" t="s">
        <v>162664</v>
      </c>
      <c r="I47932" s="1" t="s">
        <v>162070</v>
      </c>
      <c r="J47932" s="1" t="s">
        <v>162695</v>
      </c>
    </row>
    <row r="47933" spans="1:10" x14ac:dyDescent="0.35">
      <c r="A47933" s="1" t="s">
        <v>143454</v>
      </c>
      <c r="B47933" s="1" t="s">
        <v>162065</v>
      </c>
      <c r="C47933" s="1" t="s">
        <v>85</v>
      </c>
      <c r="D47933" s="1" t="s">
        <v>55747</v>
      </c>
      <c r="E47933" s="1" t="s">
        <v>26539</v>
      </c>
      <c r="F47933" s="1" t="s">
        <v>162696</v>
      </c>
      <c r="G47933" s="1" t="s">
        <v>162663</v>
      </c>
      <c r="H47933" s="1" t="s">
        <v>162664</v>
      </c>
      <c r="I47933" s="1" t="s">
        <v>162070</v>
      </c>
      <c r="J47933" s="1" t="s">
        <v>162697</v>
      </c>
    </row>
    <row r="47934" spans="1:10" x14ac:dyDescent="0.35">
      <c r="A47934" s="1" t="s">
        <v>143454</v>
      </c>
      <c r="B47934" s="1" t="s">
        <v>162065</v>
      </c>
      <c r="C47934" s="1" t="s">
        <v>90</v>
      </c>
      <c r="D47934" s="1" t="s">
        <v>162698</v>
      </c>
      <c r="E47934" s="1" t="s">
        <v>30597</v>
      </c>
      <c r="F47934" s="1" t="s">
        <v>26456</v>
      </c>
      <c r="G47934" s="1" t="s">
        <v>162663</v>
      </c>
      <c r="H47934" s="1" t="s">
        <v>162664</v>
      </c>
      <c r="I47934" s="1" t="s">
        <v>162070</v>
      </c>
      <c r="J47934" s="1" t="s">
        <v>162699</v>
      </c>
    </row>
    <row r="47935" spans="1:10" x14ac:dyDescent="0.35">
      <c r="A47935" s="1" t="s">
        <v>143454</v>
      </c>
      <c r="B47935" s="1" t="s">
        <v>162065</v>
      </c>
      <c r="C47935" s="1" t="s">
        <v>95</v>
      </c>
      <c r="D47935" s="1" t="s">
        <v>58875</v>
      </c>
      <c r="E47935" s="1" t="s">
        <v>26644</v>
      </c>
      <c r="F47935" s="1" t="s">
        <v>162700</v>
      </c>
      <c r="G47935" s="1" t="s">
        <v>162663</v>
      </c>
      <c r="H47935" s="1" t="s">
        <v>162664</v>
      </c>
      <c r="I47935" s="1" t="s">
        <v>162070</v>
      </c>
      <c r="J47935" s="1" t="s">
        <v>162701</v>
      </c>
    </row>
    <row r="47936" spans="1:10" x14ac:dyDescent="0.35">
      <c r="A47936" s="1" t="s">
        <v>143454</v>
      </c>
      <c r="B47936" s="1" t="s">
        <v>162065</v>
      </c>
      <c r="C47936" s="1" t="s">
        <v>100</v>
      </c>
      <c r="D47936" s="1" t="s">
        <v>162702</v>
      </c>
      <c r="E47936" s="1" t="s">
        <v>15380</v>
      </c>
      <c r="F47936" s="1" t="s">
        <v>162703</v>
      </c>
      <c r="G47936" s="1" t="s">
        <v>162663</v>
      </c>
      <c r="H47936" s="1" t="s">
        <v>162664</v>
      </c>
      <c r="I47936" s="1" t="s">
        <v>162070</v>
      </c>
      <c r="J47936" s="1" t="s">
        <v>162704</v>
      </c>
    </row>
    <row r="47937" spans="1:10" x14ac:dyDescent="0.35">
      <c r="A47937" s="1" t="s">
        <v>143454</v>
      </c>
      <c r="B47937" s="1" t="s">
        <v>162065</v>
      </c>
      <c r="C47937" s="1" t="s">
        <v>105</v>
      </c>
      <c r="D47937" s="1" t="s">
        <v>162705</v>
      </c>
      <c r="E47937" s="1" t="s">
        <v>22302</v>
      </c>
      <c r="F47937" s="1" t="s">
        <v>59508</v>
      </c>
      <c r="G47937" s="1" t="s">
        <v>162663</v>
      </c>
      <c r="H47937" s="1" t="s">
        <v>162664</v>
      </c>
      <c r="I47937" s="1" t="s">
        <v>162070</v>
      </c>
      <c r="J47937" s="1" t="s">
        <v>162706</v>
      </c>
    </row>
    <row r="47938" spans="1:10" x14ac:dyDescent="0.35">
      <c r="A47938" s="1" t="s">
        <v>143454</v>
      </c>
      <c r="B47938" s="1" t="s">
        <v>162065</v>
      </c>
      <c r="C47938" s="1" t="s">
        <v>110</v>
      </c>
      <c r="D47938" s="1" t="s">
        <v>162707</v>
      </c>
      <c r="E47938" s="1" t="s">
        <v>12778</v>
      </c>
      <c r="F47938" s="1" t="s">
        <v>127152</v>
      </c>
      <c r="G47938" s="1" t="s">
        <v>162663</v>
      </c>
      <c r="H47938" s="1" t="s">
        <v>162664</v>
      </c>
      <c r="I47938" s="1" t="s">
        <v>162070</v>
      </c>
      <c r="J47938" s="1" t="s">
        <v>162708</v>
      </c>
    </row>
    <row r="47939" spans="1:10" x14ac:dyDescent="0.35">
      <c r="A47939" s="1" t="s">
        <v>143454</v>
      </c>
      <c r="B47939" s="1" t="s">
        <v>162065</v>
      </c>
      <c r="C47939" s="1" t="s">
        <v>115</v>
      </c>
      <c r="D47939" s="1" t="s">
        <v>43629</v>
      </c>
      <c r="E47939" s="1" t="s">
        <v>32946</v>
      </c>
      <c r="F47939" s="1" t="s">
        <v>133354</v>
      </c>
      <c r="G47939" s="1" t="s">
        <v>162663</v>
      </c>
      <c r="H47939" s="1" t="s">
        <v>162664</v>
      </c>
      <c r="I47939" s="1" t="s">
        <v>162070</v>
      </c>
      <c r="J47939" s="1" t="s">
        <v>162709</v>
      </c>
    </row>
    <row r="47940" spans="1:10" x14ac:dyDescent="0.35">
      <c r="A47940" s="1" t="s">
        <v>143454</v>
      </c>
      <c r="B47940" s="1" t="s">
        <v>162065</v>
      </c>
      <c r="C47940" s="1" t="s">
        <v>120</v>
      </c>
      <c r="D47940" s="1" t="s">
        <v>81692</v>
      </c>
      <c r="E47940" s="1" t="s">
        <v>15263</v>
      </c>
      <c r="F47940" s="1" t="s">
        <v>162710</v>
      </c>
      <c r="G47940" s="1" t="s">
        <v>162663</v>
      </c>
      <c r="H47940" s="1" t="s">
        <v>162664</v>
      </c>
      <c r="I47940" s="1" t="s">
        <v>162070</v>
      </c>
      <c r="J47940" s="1" t="s">
        <v>162711</v>
      </c>
    </row>
    <row r="47941" spans="1:10" x14ac:dyDescent="0.35">
      <c r="A47941" s="1" t="s">
        <v>143454</v>
      </c>
      <c r="B47941" s="1" t="s">
        <v>162065</v>
      </c>
      <c r="C47941" s="1" t="s">
        <v>125</v>
      </c>
      <c r="D47941" s="1" t="s">
        <v>162712</v>
      </c>
      <c r="E47941" s="1" t="s">
        <v>54219</v>
      </c>
      <c r="F47941" s="1" t="s">
        <v>162713</v>
      </c>
      <c r="G47941" s="1" t="s">
        <v>162663</v>
      </c>
      <c r="H47941" s="1" t="s">
        <v>162664</v>
      </c>
      <c r="I47941" s="1" t="s">
        <v>162070</v>
      </c>
      <c r="J47941" s="1" t="s">
        <v>162714</v>
      </c>
    </row>
    <row r="47942" spans="1:10" x14ac:dyDescent="0.35">
      <c r="A47942" s="1" t="s">
        <v>143454</v>
      </c>
      <c r="B47942" s="1" t="s">
        <v>162065</v>
      </c>
      <c r="C47942" s="1" t="s">
        <v>130</v>
      </c>
      <c r="D47942" s="1" t="s">
        <v>162715</v>
      </c>
      <c r="E47942" s="1" t="s">
        <v>31500</v>
      </c>
      <c r="F47942" s="1" t="s">
        <v>162716</v>
      </c>
      <c r="G47942" s="1" t="s">
        <v>162663</v>
      </c>
      <c r="H47942" s="1" t="s">
        <v>162664</v>
      </c>
      <c r="I47942" s="1" t="s">
        <v>162070</v>
      </c>
      <c r="J47942" s="1" t="s">
        <v>162717</v>
      </c>
    </row>
    <row r="47943" spans="1:10" x14ac:dyDescent="0.35">
      <c r="A47943" s="1" t="s">
        <v>143454</v>
      </c>
      <c r="B47943" s="1" t="s">
        <v>162065</v>
      </c>
      <c r="C47943" s="1" t="s">
        <v>135</v>
      </c>
      <c r="D47943" s="1" t="s">
        <v>133951</v>
      </c>
      <c r="E47943" s="1" t="s">
        <v>32604</v>
      </c>
      <c r="F47943" s="1" t="s">
        <v>162718</v>
      </c>
      <c r="G47943" s="1" t="s">
        <v>162663</v>
      </c>
      <c r="H47943" s="1" t="s">
        <v>162664</v>
      </c>
      <c r="I47943" s="1" t="s">
        <v>162070</v>
      </c>
      <c r="J47943" s="1" t="s">
        <v>162719</v>
      </c>
    </row>
    <row r="47944" spans="1:10" x14ac:dyDescent="0.35">
      <c r="A47944" s="1" t="s">
        <v>143454</v>
      </c>
      <c r="B47944" s="1" t="s">
        <v>162065</v>
      </c>
      <c r="C47944" s="1" t="s">
        <v>140</v>
      </c>
      <c r="D47944" s="1" t="s">
        <v>162720</v>
      </c>
      <c r="E47944" s="1" t="s">
        <v>56250</v>
      </c>
      <c r="F47944" s="1" t="s">
        <v>162721</v>
      </c>
      <c r="G47944" s="1" t="s">
        <v>162663</v>
      </c>
      <c r="H47944" s="1" t="s">
        <v>162664</v>
      </c>
      <c r="I47944" s="1" t="s">
        <v>162070</v>
      </c>
      <c r="J47944" s="1" t="s">
        <v>162722</v>
      </c>
    </row>
    <row r="47945" spans="1:10" x14ac:dyDescent="0.35">
      <c r="A47945" s="1" t="s">
        <v>143454</v>
      </c>
      <c r="B47945" s="1" t="s">
        <v>162065</v>
      </c>
      <c r="C47945" s="1" t="s">
        <v>145</v>
      </c>
      <c r="D47945" s="1" t="s">
        <v>162723</v>
      </c>
      <c r="E47945" s="1" t="s">
        <v>105145</v>
      </c>
      <c r="F47945" s="1" t="s">
        <v>162724</v>
      </c>
      <c r="G47945" s="1" t="s">
        <v>162663</v>
      </c>
      <c r="H47945" s="1" t="s">
        <v>162664</v>
      </c>
      <c r="I47945" s="1" t="s">
        <v>162070</v>
      </c>
      <c r="J47945" s="1" t="s">
        <v>162725</v>
      </c>
    </row>
    <row r="47946" spans="1:10" x14ac:dyDescent="0.35">
      <c r="A47946" s="1" t="s">
        <v>143454</v>
      </c>
      <c r="B47946" s="1" t="s">
        <v>162065</v>
      </c>
      <c r="C47946" s="1" t="s">
        <v>150</v>
      </c>
      <c r="D47946" s="1" t="s">
        <v>162726</v>
      </c>
      <c r="E47946" s="1" t="s">
        <v>31754</v>
      </c>
      <c r="F47946" s="1" t="s">
        <v>54777</v>
      </c>
      <c r="G47946" s="1" t="s">
        <v>162663</v>
      </c>
      <c r="H47946" s="1" t="s">
        <v>162664</v>
      </c>
      <c r="I47946" s="1" t="s">
        <v>162070</v>
      </c>
      <c r="J47946" s="1" t="s">
        <v>162727</v>
      </c>
    </row>
    <row r="47947" spans="1:10" x14ac:dyDescent="0.35">
      <c r="A47947" s="1" t="s">
        <v>143454</v>
      </c>
      <c r="B47947" s="1" t="s">
        <v>162065</v>
      </c>
      <c r="C47947" s="1" t="s">
        <v>155</v>
      </c>
      <c r="D47947" s="1" t="s">
        <v>41763</v>
      </c>
      <c r="E47947" s="1" t="s">
        <v>129771</v>
      </c>
      <c r="F47947" s="1" t="s">
        <v>162728</v>
      </c>
      <c r="G47947" s="1" t="s">
        <v>162663</v>
      </c>
      <c r="H47947" s="1" t="s">
        <v>162664</v>
      </c>
      <c r="I47947" s="1" t="s">
        <v>162070</v>
      </c>
      <c r="J47947" s="1" t="s">
        <v>162729</v>
      </c>
    </row>
    <row r="47948" spans="1:10" x14ac:dyDescent="0.35">
      <c r="A47948" s="1" t="s">
        <v>143454</v>
      </c>
      <c r="B47948" s="1" t="s">
        <v>162065</v>
      </c>
      <c r="C47948" s="1" t="s">
        <v>160</v>
      </c>
      <c r="D47948" s="1" t="s">
        <v>162730</v>
      </c>
      <c r="E47948" s="1" t="s">
        <v>129751</v>
      </c>
      <c r="F47948" s="1" t="s">
        <v>53874</v>
      </c>
      <c r="G47948" s="1" t="s">
        <v>162663</v>
      </c>
      <c r="H47948" s="1" t="s">
        <v>162664</v>
      </c>
      <c r="I47948" s="1" t="s">
        <v>162070</v>
      </c>
      <c r="J47948" s="1" t="s">
        <v>162731</v>
      </c>
    </row>
    <row r="47949" spans="1:10" x14ac:dyDescent="0.35">
      <c r="A47949" s="1" t="s">
        <v>143454</v>
      </c>
      <c r="B47949" s="1" t="s">
        <v>162065</v>
      </c>
      <c r="C47949" s="1" t="s">
        <v>165</v>
      </c>
      <c r="D47949" s="1" t="s">
        <v>162732</v>
      </c>
      <c r="E47949" s="1" t="s">
        <v>22317</v>
      </c>
      <c r="F47949" s="1" t="s">
        <v>23499</v>
      </c>
      <c r="G47949" s="1" t="s">
        <v>162663</v>
      </c>
      <c r="H47949" s="1" t="s">
        <v>162664</v>
      </c>
      <c r="I47949" s="1" t="s">
        <v>162070</v>
      </c>
      <c r="J47949" s="1" t="s">
        <v>162733</v>
      </c>
    </row>
    <row r="47950" spans="1:10" x14ac:dyDescent="0.35">
      <c r="A47950" s="1" t="s">
        <v>143454</v>
      </c>
      <c r="B47950" s="1" t="s">
        <v>162065</v>
      </c>
      <c r="C47950" s="1" t="s">
        <v>170</v>
      </c>
      <c r="D47950" s="1" t="s">
        <v>162734</v>
      </c>
      <c r="E47950" s="1" t="s">
        <v>26292</v>
      </c>
      <c r="F47950" s="1" t="s">
        <v>63627</v>
      </c>
      <c r="G47950" s="1" t="s">
        <v>162663</v>
      </c>
      <c r="H47950" s="1" t="s">
        <v>162664</v>
      </c>
      <c r="I47950" s="1" t="s">
        <v>162070</v>
      </c>
      <c r="J47950" s="1" t="s">
        <v>162735</v>
      </c>
    </row>
    <row r="47951" spans="1:10" x14ac:dyDescent="0.35">
      <c r="A47951" s="1" t="s">
        <v>146618</v>
      </c>
      <c r="B47951" s="1" t="s">
        <v>162065</v>
      </c>
      <c r="C47951" s="1" t="s">
        <v>8</v>
      </c>
      <c r="D47951" s="1" t="s">
        <v>99771</v>
      </c>
      <c r="E47951" s="1" t="s">
        <v>23164</v>
      </c>
      <c r="F47951" s="1" t="s">
        <v>162736</v>
      </c>
      <c r="G47951" s="1" t="s">
        <v>162737</v>
      </c>
      <c r="H47951" s="1" t="s">
        <v>162738</v>
      </c>
      <c r="I47951" s="1" t="s">
        <v>162070</v>
      </c>
      <c r="J47951" s="1" t="s">
        <v>13</v>
      </c>
    </row>
    <row r="47952" spans="1:10" x14ac:dyDescent="0.35">
      <c r="A47952" s="1" t="s">
        <v>146618</v>
      </c>
      <c r="B47952" s="1" t="s">
        <v>162065</v>
      </c>
      <c r="C47952" s="1" t="s">
        <v>15</v>
      </c>
      <c r="D47952" s="1" t="s">
        <v>22118</v>
      </c>
      <c r="E47952" s="1" t="s">
        <v>22056</v>
      </c>
      <c r="F47952" s="1" t="s">
        <v>101173</v>
      </c>
      <c r="G47952" s="1" t="s">
        <v>162737</v>
      </c>
      <c r="H47952" s="1" t="s">
        <v>162738</v>
      </c>
      <c r="I47952" s="1" t="s">
        <v>162070</v>
      </c>
      <c r="J47952" s="1" t="s">
        <v>162739</v>
      </c>
    </row>
    <row r="47953" spans="1:10" x14ac:dyDescent="0.35">
      <c r="A47953" s="1" t="s">
        <v>146618</v>
      </c>
      <c r="B47953" s="1" t="s">
        <v>162065</v>
      </c>
      <c r="C47953" s="1" t="s">
        <v>20</v>
      </c>
      <c r="D47953" s="1" t="s">
        <v>91014</v>
      </c>
      <c r="E47953" s="1" t="s">
        <v>16168</v>
      </c>
      <c r="F47953" s="1" t="s">
        <v>58926</v>
      </c>
      <c r="G47953" s="1" t="s">
        <v>162737</v>
      </c>
      <c r="H47953" s="1" t="s">
        <v>162738</v>
      </c>
      <c r="I47953" s="1" t="s">
        <v>162070</v>
      </c>
      <c r="J47953" s="1" t="s">
        <v>162740</v>
      </c>
    </row>
    <row r="47954" spans="1:10" x14ac:dyDescent="0.35">
      <c r="A47954" s="1" t="s">
        <v>146618</v>
      </c>
      <c r="B47954" s="1" t="s">
        <v>162065</v>
      </c>
      <c r="C47954" s="1" t="s">
        <v>25</v>
      </c>
      <c r="D47954" s="1" t="s">
        <v>93385</v>
      </c>
      <c r="E47954" s="1" t="s">
        <v>56917</v>
      </c>
      <c r="F47954" s="1" t="s">
        <v>66878</v>
      </c>
      <c r="G47954" s="1" t="s">
        <v>162737</v>
      </c>
      <c r="H47954" s="1" t="s">
        <v>162738</v>
      </c>
      <c r="I47954" s="1" t="s">
        <v>162070</v>
      </c>
      <c r="J47954" s="1" t="s">
        <v>162741</v>
      </c>
    </row>
    <row r="47955" spans="1:10" x14ac:dyDescent="0.35">
      <c r="A47955" s="1" t="s">
        <v>146618</v>
      </c>
      <c r="B47955" s="1" t="s">
        <v>162065</v>
      </c>
      <c r="C47955" s="1" t="s">
        <v>30</v>
      </c>
      <c r="D47955" s="1" t="s">
        <v>162742</v>
      </c>
      <c r="E47955" s="1" t="s">
        <v>32584</v>
      </c>
      <c r="F47955" s="1" t="s">
        <v>162743</v>
      </c>
      <c r="G47955" s="1" t="s">
        <v>162737</v>
      </c>
      <c r="H47955" s="1" t="s">
        <v>162738</v>
      </c>
      <c r="I47955" s="1" t="s">
        <v>162070</v>
      </c>
      <c r="J47955" s="1" t="s">
        <v>162744</v>
      </c>
    </row>
    <row r="47956" spans="1:10" x14ac:dyDescent="0.35">
      <c r="A47956" s="1" t="s">
        <v>146618</v>
      </c>
      <c r="B47956" s="1" t="s">
        <v>162065</v>
      </c>
      <c r="C47956" s="1" t="s">
        <v>35</v>
      </c>
      <c r="D47956" s="1" t="s">
        <v>40238</v>
      </c>
      <c r="E47956" s="1" t="s">
        <v>12805</v>
      </c>
      <c r="F47956" s="1" t="s">
        <v>162745</v>
      </c>
      <c r="G47956" s="1" t="s">
        <v>162737</v>
      </c>
      <c r="H47956" s="1" t="s">
        <v>162738</v>
      </c>
      <c r="I47956" s="1" t="s">
        <v>162070</v>
      </c>
      <c r="J47956" s="1" t="s">
        <v>162746</v>
      </c>
    </row>
    <row r="47957" spans="1:10" x14ac:dyDescent="0.35">
      <c r="A47957" s="1" t="s">
        <v>146618</v>
      </c>
      <c r="B47957" s="1" t="s">
        <v>162065</v>
      </c>
      <c r="C47957" s="1" t="s">
        <v>40</v>
      </c>
      <c r="D47957" s="1" t="s">
        <v>98618</v>
      </c>
      <c r="E47957" s="1" t="s">
        <v>162747</v>
      </c>
      <c r="F47957" s="1" t="s">
        <v>162748</v>
      </c>
      <c r="G47957" s="1" t="s">
        <v>162737</v>
      </c>
      <c r="H47957" s="1" t="s">
        <v>162738</v>
      </c>
      <c r="I47957" s="1" t="s">
        <v>162070</v>
      </c>
      <c r="J47957" s="1" t="s">
        <v>162749</v>
      </c>
    </row>
    <row r="47958" spans="1:10" x14ac:dyDescent="0.35">
      <c r="A47958" s="1" t="s">
        <v>146618</v>
      </c>
      <c r="B47958" s="1" t="s">
        <v>162065</v>
      </c>
      <c r="C47958" s="1" t="s">
        <v>45</v>
      </c>
      <c r="D47958" s="1" t="s">
        <v>66566</v>
      </c>
      <c r="E47958" s="1" t="s">
        <v>64929</v>
      </c>
      <c r="F47958" s="1" t="s">
        <v>162750</v>
      </c>
      <c r="G47958" s="1" t="s">
        <v>162737</v>
      </c>
      <c r="H47958" s="1" t="s">
        <v>162738</v>
      </c>
      <c r="I47958" s="1" t="s">
        <v>162070</v>
      </c>
      <c r="J47958" s="1" t="s">
        <v>162751</v>
      </c>
    </row>
    <row r="47959" spans="1:10" x14ac:dyDescent="0.35">
      <c r="A47959" s="1" t="s">
        <v>146618</v>
      </c>
      <c r="B47959" s="1" t="s">
        <v>162065</v>
      </c>
      <c r="C47959" s="1" t="s">
        <v>50</v>
      </c>
      <c r="D47959" s="1" t="s">
        <v>88162</v>
      </c>
      <c r="E47959" s="1" t="s">
        <v>41344</v>
      </c>
      <c r="F47959" s="1" t="s">
        <v>162752</v>
      </c>
      <c r="G47959" s="1" t="s">
        <v>162737</v>
      </c>
      <c r="H47959" s="1" t="s">
        <v>162738</v>
      </c>
      <c r="I47959" s="1" t="s">
        <v>162070</v>
      </c>
      <c r="J47959" s="1" t="s">
        <v>162753</v>
      </c>
    </row>
    <row r="47960" spans="1:10" x14ac:dyDescent="0.35">
      <c r="A47960" s="1" t="s">
        <v>146618</v>
      </c>
      <c r="B47960" s="1" t="s">
        <v>162065</v>
      </c>
      <c r="C47960" s="1" t="s">
        <v>55</v>
      </c>
      <c r="D47960" s="1" t="s">
        <v>96286</v>
      </c>
      <c r="E47960" s="1" t="s">
        <v>15857</v>
      </c>
      <c r="F47960" s="1" t="s">
        <v>60298</v>
      </c>
      <c r="G47960" s="1" t="s">
        <v>162737</v>
      </c>
      <c r="H47960" s="1" t="s">
        <v>162738</v>
      </c>
      <c r="I47960" s="1" t="s">
        <v>162070</v>
      </c>
      <c r="J47960" s="1" t="s">
        <v>162754</v>
      </c>
    </row>
    <row r="47961" spans="1:10" x14ac:dyDescent="0.35">
      <c r="A47961" s="1" t="s">
        <v>146618</v>
      </c>
      <c r="B47961" s="1" t="s">
        <v>162065</v>
      </c>
      <c r="C47961" s="1" t="s">
        <v>60</v>
      </c>
      <c r="D47961" s="1" t="s">
        <v>89653</v>
      </c>
      <c r="E47961" s="1" t="s">
        <v>22259</v>
      </c>
      <c r="F47961" s="1" t="s">
        <v>58854</v>
      </c>
      <c r="G47961" s="1" t="s">
        <v>162737</v>
      </c>
      <c r="H47961" s="1" t="s">
        <v>162738</v>
      </c>
      <c r="I47961" s="1" t="s">
        <v>162070</v>
      </c>
      <c r="J47961" s="1" t="s">
        <v>162755</v>
      </c>
    </row>
    <row r="47962" spans="1:10" x14ac:dyDescent="0.35">
      <c r="A47962" s="1" t="s">
        <v>146618</v>
      </c>
      <c r="B47962" s="1" t="s">
        <v>162065</v>
      </c>
      <c r="C47962" s="1" t="s">
        <v>65</v>
      </c>
      <c r="D47962" s="1" t="s">
        <v>39233</v>
      </c>
      <c r="E47962" s="1" t="s">
        <v>56202</v>
      </c>
      <c r="F47962" s="1" t="s">
        <v>57579</v>
      </c>
      <c r="G47962" s="1" t="s">
        <v>162737</v>
      </c>
      <c r="H47962" s="1" t="s">
        <v>162738</v>
      </c>
      <c r="I47962" s="1" t="s">
        <v>162070</v>
      </c>
      <c r="J47962" s="1" t="s">
        <v>162756</v>
      </c>
    </row>
    <row r="47963" spans="1:10" x14ac:dyDescent="0.35">
      <c r="A47963" s="1" t="s">
        <v>146618</v>
      </c>
      <c r="B47963" s="1" t="s">
        <v>162065</v>
      </c>
      <c r="C47963" s="1" t="s">
        <v>70</v>
      </c>
      <c r="D47963" s="1" t="s">
        <v>162757</v>
      </c>
      <c r="E47963" s="1" t="s">
        <v>26492</v>
      </c>
      <c r="F47963" s="1" t="s">
        <v>22073</v>
      </c>
      <c r="G47963" s="1" t="s">
        <v>162737</v>
      </c>
      <c r="H47963" s="1" t="s">
        <v>162738</v>
      </c>
      <c r="I47963" s="1" t="s">
        <v>162070</v>
      </c>
      <c r="J47963" s="1" t="s">
        <v>162758</v>
      </c>
    </row>
    <row r="47964" spans="1:10" x14ac:dyDescent="0.35">
      <c r="A47964" s="1" t="s">
        <v>146618</v>
      </c>
      <c r="B47964" s="1" t="s">
        <v>162065</v>
      </c>
      <c r="C47964" s="1" t="s">
        <v>75</v>
      </c>
      <c r="D47964" s="1" t="s">
        <v>87895</v>
      </c>
      <c r="E47964" s="1" t="s">
        <v>53864</v>
      </c>
      <c r="F47964" s="1" t="s">
        <v>149388</v>
      </c>
      <c r="G47964" s="1" t="s">
        <v>162737</v>
      </c>
      <c r="H47964" s="1" t="s">
        <v>162738</v>
      </c>
      <c r="I47964" s="1" t="s">
        <v>162070</v>
      </c>
      <c r="J47964" s="1" t="s">
        <v>162759</v>
      </c>
    </row>
    <row r="47965" spans="1:10" x14ac:dyDescent="0.35">
      <c r="A47965" s="1" t="s">
        <v>146618</v>
      </c>
      <c r="B47965" s="1" t="s">
        <v>162065</v>
      </c>
      <c r="C47965" s="1" t="s">
        <v>80</v>
      </c>
      <c r="D47965" s="1" t="s">
        <v>162760</v>
      </c>
      <c r="E47965" s="1" t="s">
        <v>56393</v>
      </c>
      <c r="F47965" s="1" t="s">
        <v>162761</v>
      </c>
      <c r="G47965" s="1" t="s">
        <v>162737</v>
      </c>
      <c r="H47965" s="1" t="s">
        <v>162738</v>
      </c>
      <c r="I47965" s="1" t="s">
        <v>162070</v>
      </c>
      <c r="J47965" s="1" t="s">
        <v>162762</v>
      </c>
    </row>
    <row r="47966" spans="1:10" x14ac:dyDescent="0.35">
      <c r="A47966" s="1" t="s">
        <v>146618</v>
      </c>
      <c r="B47966" s="1" t="s">
        <v>162065</v>
      </c>
      <c r="C47966" s="1" t="s">
        <v>85</v>
      </c>
      <c r="D47966" s="1" t="s">
        <v>162763</v>
      </c>
      <c r="E47966" s="1" t="s">
        <v>31408</v>
      </c>
      <c r="F47966" s="1" t="s">
        <v>64276</v>
      </c>
      <c r="G47966" s="1" t="s">
        <v>162737</v>
      </c>
      <c r="H47966" s="1" t="s">
        <v>162738</v>
      </c>
      <c r="I47966" s="1" t="s">
        <v>162070</v>
      </c>
      <c r="J47966" s="1" t="s">
        <v>162764</v>
      </c>
    </row>
    <row r="47967" spans="1:10" x14ac:dyDescent="0.35">
      <c r="A47967" s="1" t="s">
        <v>146618</v>
      </c>
      <c r="B47967" s="1" t="s">
        <v>162065</v>
      </c>
      <c r="C47967" s="1" t="s">
        <v>90</v>
      </c>
      <c r="D47967" s="1" t="s">
        <v>89080</v>
      </c>
      <c r="E47967" s="1" t="s">
        <v>54154</v>
      </c>
      <c r="F47967" s="1" t="s">
        <v>62641</v>
      </c>
      <c r="G47967" s="1" t="s">
        <v>162737</v>
      </c>
      <c r="H47967" s="1" t="s">
        <v>162738</v>
      </c>
      <c r="I47967" s="1" t="s">
        <v>162070</v>
      </c>
      <c r="J47967" s="1" t="s">
        <v>162765</v>
      </c>
    </row>
    <row r="47968" spans="1:10" x14ac:dyDescent="0.35">
      <c r="A47968" s="1" t="s">
        <v>146618</v>
      </c>
      <c r="B47968" s="1" t="s">
        <v>162065</v>
      </c>
      <c r="C47968" s="1" t="s">
        <v>95</v>
      </c>
      <c r="D47968" s="1" t="s">
        <v>58345</v>
      </c>
      <c r="E47968" s="1" t="s">
        <v>26225</v>
      </c>
      <c r="F47968" s="1" t="s">
        <v>162766</v>
      </c>
      <c r="G47968" s="1" t="s">
        <v>162737</v>
      </c>
      <c r="H47968" s="1" t="s">
        <v>162738</v>
      </c>
      <c r="I47968" s="1" t="s">
        <v>162070</v>
      </c>
      <c r="J47968" s="1" t="s">
        <v>162767</v>
      </c>
    </row>
    <row r="47969" spans="1:10" x14ac:dyDescent="0.35">
      <c r="A47969" s="1" t="s">
        <v>146618</v>
      </c>
      <c r="B47969" s="1" t="s">
        <v>162065</v>
      </c>
      <c r="C47969" s="1" t="s">
        <v>100</v>
      </c>
      <c r="D47969" s="1" t="s">
        <v>162768</v>
      </c>
      <c r="E47969" s="1" t="s">
        <v>15340</v>
      </c>
      <c r="F47969" s="1" t="s">
        <v>83449</v>
      </c>
      <c r="G47969" s="1" t="s">
        <v>162737</v>
      </c>
      <c r="H47969" s="1" t="s">
        <v>162738</v>
      </c>
      <c r="I47969" s="1" t="s">
        <v>162070</v>
      </c>
      <c r="J47969" s="1" t="s">
        <v>162769</v>
      </c>
    </row>
    <row r="47970" spans="1:10" x14ac:dyDescent="0.35">
      <c r="A47970" s="1" t="s">
        <v>146618</v>
      </c>
      <c r="B47970" s="1" t="s">
        <v>162065</v>
      </c>
      <c r="C47970" s="1" t="s">
        <v>105</v>
      </c>
      <c r="D47970" s="1" t="s">
        <v>162770</v>
      </c>
      <c r="E47970" s="1" t="s">
        <v>53936</v>
      </c>
      <c r="F47970" s="1" t="s">
        <v>59117</v>
      </c>
      <c r="G47970" s="1" t="s">
        <v>162737</v>
      </c>
      <c r="H47970" s="1" t="s">
        <v>162738</v>
      </c>
      <c r="I47970" s="1" t="s">
        <v>162070</v>
      </c>
      <c r="J47970" s="1" t="s">
        <v>162771</v>
      </c>
    </row>
    <row r="47971" spans="1:10" x14ac:dyDescent="0.35">
      <c r="A47971" s="1" t="s">
        <v>146618</v>
      </c>
      <c r="B47971" s="1" t="s">
        <v>162065</v>
      </c>
      <c r="C47971" s="1" t="s">
        <v>110</v>
      </c>
      <c r="D47971" s="1" t="s">
        <v>81285</v>
      </c>
      <c r="E47971" s="1" t="s">
        <v>56956</v>
      </c>
      <c r="F47971" s="1" t="s">
        <v>55908</v>
      </c>
      <c r="G47971" s="1" t="s">
        <v>162737</v>
      </c>
      <c r="H47971" s="1" t="s">
        <v>162738</v>
      </c>
      <c r="I47971" s="1" t="s">
        <v>162070</v>
      </c>
      <c r="J47971" s="1" t="s">
        <v>162772</v>
      </c>
    </row>
    <row r="47972" spans="1:10" x14ac:dyDescent="0.35">
      <c r="A47972" s="1" t="s">
        <v>146618</v>
      </c>
      <c r="B47972" s="1" t="s">
        <v>162065</v>
      </c>
      <c r="C47972" s="1" t="s">
        <v>115</v>
      </c>
      <c r="D47972" s="1" t="s">
        <v>67509</v>
      </c>
      <c r="E47972" s="1" t="s">
        <v>15865</v>
      </c>
      <c r="F47972" s="1" t="s">
        <v>68927</v>
      </c>
      <c r="G47972" s="1" t="s">
        <v>162737</v>
      </c>
      <c r="H47972" s="1" t="s">
        <v>162738</v>
      </c>
      <c r="I47972" s="1" t="s">
        <v>162070</v>
      </c>
      <c r="J47972" s="1" t="s">
        <v>162773</v>
      </c>
    </row>
    <row r="47973" spans="1:10" x14ac:dyDescent="0.35">
      <c r="A47973" s="1" t="s">
        <v>146618</v>
      </c>
      <c r="B47973" s="1" t="s">
        <v>162065</v>
      </c>
      <c r="C47973" s="1" t="s">
        <v>120</v>
      </c>
      <c r="D47973" s="1" t="s">
        <v>162774</v>
      </c>
      <c r="E47973" s="1" t="s">
        <v>56966</v>
      </c>
      <c r="F47973" s="1" t="s">
        <v>108854</v>
      </c>
      <c r="G47973" s="1" t="s">
        <v>162737</v>
      </c>
      <c r="H47973" s="1" t="s">
        <v>162738</v>
      </c>
      <c r="I47973" s="1" t="s">
        <v>162070</v>
      </c>
      <c r="J47973" s="1" t="s">
        <v>162775</v>
      </c>
    </row>
    <row r="47974" spans="1:10" x14ac:dyDescent="0.35">
      <c r="A47974" s="1" t="s">
        <v>146618</v>
      </c>
      <c r="B47974" s="1" t="s">
        <v>162065</v>
      </c>
      <c r="C47974" s="1" t="s">
        <v>125</v>
      </c>
      <c r="D47974" s="1" t="s">
        <v>162776</v>
      </c>
      <c r="E47974" s="1" t="s">
        <v>16090</v>
      </c>
      <c r="F47974" s="1" t="s">
        <v>162777</v>
      </c>
      <c r="G47974" s="1" t="s">
        <v>162737</v>
      </c>
      <c r="H47974" s="1" t="s">
        <v>162738</v>
      </c>
      <c r="I47974" s="1" t="s">
        <v>162070</v>
      </c>
      <c r="J47974" s="1" t="s">
        <v>162778</v>
      </c>
    </row>
    <row r="47975" spans="1:10" x14ac:dyDescent="0.35">
      <c r="A47975" s="1" t="s">
        <v>146618</v>
      </c>
      <c r="B47975" s="1" t="s">
        <v>162065</v>
      </c>
      <c r="C47975" s="1" t="s">
        <v>130</v>
      </c>
      <c r="D47975" s="1" t="s">
        <v>162779</v>
      </c>
      <c r="E47975" s="1" t="s">
        <v>26637</v>
      </c>
      <c r="F47975" s="1" t="s">
        <v>162780</v>
      </c>
      <c r="G47975" s="1" t="s">
        <v>162737</v>
      </c>
      <c r="H47975" s="1" t="s">
        <v>162738</v>
      </c>
      <c r="I47975" s="1" t="s">
        <v>162070</v>
      </c>
      <c r="J47975" s="1" t="s">
        <v>162781</v>
      </c>
    </row>
    <row r="47976" spans="1:10" x14ac:dyDescent="0.35">
      <c r="A47976" s="1" t="s">
        <v>146618</v>
      </c>
      <c r="B47976" s="1" t="s">
        <v>162065</v>
      </c>
      <c r="C47976" s="1" t="s">
        <v>135</v>
      </c>
      <c r="D47976" s="1" t="s">
        <v>69775</v>
      </c>
      <c r="E47976" s="1" t="s">
        <v>63929</v>
      </c>
      <c r="F47976" s="1" t="s">
        <v>63730</v>
      </c>
      <c r="G47976" s="1" t="s">
        <v>162737</v>
      </c>
      <c r="H47976" s="1" t="s">
        <v>162738</v>
      </c>
      <c r="I47976" s="1" t="s">
        <v>162070</v>
      </c>
      <c r="J47976" s="1" t="s">
        <v>162782</v>
      </c>
    </row>
    <row r="47977" spans="1:10" x14ac:dyDescent="0.35">
      <c r="A47977" s="1" t="s">
        <v>146618</v>
      </c>
      <c r="B47977" s="1" t="s">
        <v>162065</v>
      </c>
      <c r="C47977" s="1" t="s">
        <v>140</v>
      </c>
      <c r="D47977" s="1" t="s">
        <v>162783</v>
      </c>
      <c r="E47977" s="1" t="s">
        <v>54650</v>
      </c>
      <c r="F47977" s="1" t="s">
        <v>132058</v>
      </c>
      <c r="G47977" s="1" t="s">
        <v>162737</v>
      </c>
      <c r="H47977" s="1" t="s">
        <v>162738</v>
      </c>
      <c r="I47977" s="1" t="s">
        <v>162070</v>
      </c>
      <c r="J47977" s="1" t="s">
        <v>162784</v>
      </c>
    </row>
    <row r="47978" spans="1:10" x14ac:dyDescent="0.35">
      <c r="A47978" s="1" t="s">
        <v>146618</v>
      </c>
      <c r="B47978" s="1" t="s">
        <v>162065</v>
      </c>
      <c r="C47978" s="1" t="s">
        <v>145</v>
      </c>
      <c r="D47978" s="1" t="s">
        <v>162785</v>
      </c>
      <c r="E47978" s="1" t="s">
        <v>15384</v>
      </c>
      <c r="F47978" s="1" t="s">
        <v>162786</v>
      </c>
      <c r="G47978" s="1" t="s">
        <v>162737</v>
      </c>
      <c r="H47978" s="1" t="s">
        <v>162738</v>
      </c>
      <c r="I47978" s="1" t="s">
        <v>162070</v>
      </c>
      <c r="J47978" s="1" t="s">
        <v>162787</v>
      </c>
    </row>
    <row r="47979" spans="1:10" x14ac:dyDescent="0.35">
      <c r="A47979" s="1" t="s">
        <v>146618</v>
      </c>
      <c r="B47979" s="1" t="s">
        <v>162065</v>
      </c>
      <c r="C47979" s="1" t="s">
        <v>150</v>
      </c>
      <c r="D47979" s="1" t="s">
        <v>162788</v>
      </c>
      <c r="E47979" s="1" t="s">
        <v>31449</v>
      </c>
      <c r="F47979" s="1" t="s">
        <v>162789</v>
      </c>
      <c r="G47979" s="1" t="s">
        <v>162737</v>
      </c>
      <c r="H47979" s="1" t="s">
        <v>162738</v>
      </c>
      <c r="I47979" s="1" t="s">
        <v>162070</v>
      </c>
      <c r="J47979" s="1" t="s">
        <v>162790</v>
      </c>
    </row>
    <row r="47980" spans="1:10" x14ac:dyDescent="0.35">
      <c r="A47980" s="1" t="s">
        <v>146618</v>
      </c>
      <c r="B47980" s="1" t="s">
        <v>162065</v>
      </c>
      <c r="C47980" s="1" t="s">
        <v>155</v>
      </c>
      <c r="D47980" s="1" t="s">
        <v>162791</v>
      </c>
      <c r="E47980" s="1" t="s">
        <v>26625</v>
      </c>
      <c r="F47980" s="1" t="s">
        <v>162792</v>
      </c>
      <c r="G47980" s="1" t="s">
        <v>162737</v>
      </c>
      <c r="H47980" s="1" t="s">
        <v>162738</v>
      </c>
      <c r="I47980" s="1" t="s">
        <v>162070</v>
      </c>
      <c r="J47980" s="1" t="s">
        <v>162793</v>
      </c>
    </row>
    <row r="47981" spans="1:10" x14ac:dyDescent="0.35">
      <c r="A47981" s="1" t="s">
        <v>146618</v>
      </c>
      <c r="B47981" s="1" t="s">
        <v>162065</v>
      </c>
      <c r="C47981" s="1" t="s">
        <v>160</v>
      </c>
      <c r="D47981" s="1" t="s">
        <v>162794</v>
      </c>
      <c r="E47981" s="1" t="s">
        <v>22320</v>
      </c>
      <c r="F47981" s="1" t="s">
        <v>162795</v>
      </c>
      <c r="G47981" s="1" t="s">
        <v>162737</v>
      </c>
      <c r="H47981" s="1" t="s">
        <v>162738</v>
      </c>
      <c r="I47981" s="1" t="s">
        <v>162070</v>
      </c>
      <c r="J47981" s="1" t="s">
        <v>162796</v>
      </c>
    </row>
    <row r="47982" spans="1:10" x14ac:dyDescent="0.35">
      <c r="A47982" s="1" t="s">
        <v>146618</v>
      </c>
      <c r="B47982" s="1" t="s">
        <v>162065</v>
      </c>
      <c r="C47982" s="1" t="s">
        <v>165</v>
      </c>
      <c r="D47982" s="1" t="s">
        <v>162797</v>
      </c>
      <c r="E47982" s="1" t="s">
        <v>56784</v>
      </c>
      <c r="F47982" s="1" t="s">
        <v>132819</v>
      </c>
      <c r="G47982" s="1" t="s">
        <v>162737</v>
      </c>
      <c r="H47982" s="1" t="s">
        <v>162738</v>
      </c>
      <c r="I47982" s="1" t="s">
        <v>162070</v>
      </c>
      <c r="J47982" s="1" t="s">
        <v>162798</v>
      </c>
    </row>
    <row r="47983" spans="1:10" x14ac:dyDescent="0.35">
      <c r="A47983" s="1" t="s">
        <v>146618</v>
      </c>
      <c r="B47983" s="1" t="s">
        <v>162065</v>
      </c>
      <c r="C47983" s="1" t="s">
        <v>170</v>
      </c>
      <c r="D47983" s="1" t="s">
        <v>162799</v>
      </c>
      <c r="E47983" s="1" t="s">
        <v>99141</v>
      </c>
      <c r="F47983" s="1" t="s">
        <v>101931</v>
      </c>
      <c r="G47983" s="1" t="s">
        <v>162737</v>
      </c>
      <c r="H47983" s="1" t="s">
        <v>162738</v>
      </c>
      <c r="I47983" s="1" t="s">
        <v>162070</v>
      </c>
      <c r="J47983" s="1" t="s">
        <v>162800</v>
      </c>
    </row>
    <row r="47984" spans="1:10" x14ac:dyDescent="0.35">
      <c r="A47984" s="1" t="s">
        <v>5538</v>
      </c>
      <c r="B47984" s="1" t="s">
        <v>162065</v>
      </c>
      <c r="C47984" s="1" t="s">
        <v>8</v>
      </c>
      <c r="D47984" s="1" t="s">
        <v>63064</v>
      </c>
      <c r="E47984" s="1" t="s">
        <v>27137</v>
      </c>
      <c r="F47984" s="1" t="s">
        <v>162801</v>
      </c>
      <c r="G47984" s="1" t="s">
        <v>162802</v>
      </c>
      <c r="H47984" s="1" t="s">
        <v>162803</v>
      </c>
      <c r="I47984" s="1" t="s">
        <v>162070</v>
      </c>
      <c r="J47984" s="1" t="s">
        <v>13</v>
      </c>
    </row>
    <row r="47985" spans="1:10" x14ac:dyDescent="0.35">
      <c r="A47985" s="1" t="s">
        <v>5538</v>
      </c>
      <c r="B47985" s="1" t="s">
        <v>162065</v>
      </c>
      <c r="C47985" s="1" t="s">
        <v>15</v>
      </c>
      <c r="D47985" s="1" t="s">
        <v>162804</v>
      </c>
      <c r="E47985" s="1" t="s">
        <v>162805</v>
      </c>
      <c r="F47985" s="1" t="s">
        <v>103631</v>
      </c>
      <c r="G47985" s="1" t="s">
        <v>162802</v>
      </c>
      <c r="H47985" s="1" t="s">
        <v>162803</v>
      </c>
      <c r="I47985" s="1" t="s">
        <v>162070</v>
      </c>
      <c r="J47985" s="1" t="s">
        <v>162806</v>
      </c>
    </row>
    <row r="47986" spans="1:10" x14ac:dyDescent="0.35">
      <c r="A47986" s="1" t="s">
        <v>5538</v>
      </c>
      <c r="B47986" s="1" t="s">
        <v>162065</v>
      </c>
      <c r="C47986" s="1" t="s">
        <v>20</v>
      </c>
      <c r="D47986" s="1" t="s">
        <v>162807</v>
      </c>
      <c r="E47986" s="1" t="s">
        <v>54207</v>
      </c>
      <c r="F47986" s="1" t="s">
        <v>162808</v>
      </c>
      <c r="G47986" s="1" t="s">
        <v>162802</v>
      </c>
      <c r="H47986" s="1" t="s">
        <v>162803</v>
      </c>
      <c r="I47986" s="1" t="s">
        <v>162070</v>
      </c>
      <c r="J47986" s="1" t="s">
        <v>162809</v>
      </c>
    </row>
    <row r="47987" spans="1:10" x14ac:dyDescent="0.35">
      <c r="A47987" s="1" t="s">
        <v>5538</v>
      </c>
      <c r="B47987" s="1" t="s">
        <v>162065</v>
      </c>
      <c r="C47987" s="1" t="s">
        <v>25</v>
      </c>
      <c r="D47987" s="1" t="s">
        <v>162810</v>
      </c>
      <c r="E47987" s="1" t="s">
        <v>40741</v>
      </c>
      <c r="F47987" s="1" t="s">
        <v>64411</v>
      </c>
      <c r="G47987" s="1" t="s">
        <v>162802</v>
      </c>
      <c r="H47987" s="1" t="s">
        <v>162803</v>
      </c>
      <c r="I47987" s="1" t="s">
        <v>162070</v>
      </c>
      <c r="J47987" s="1" t="s">
        <v>162811</v>
      </c>
    </row>
    <row r="47988" spans="1:10" x14ac:dyDescent="0.35">
      <c r="A47988" s="1" t="s">
        <v>5538</v>
      </c>
      <c r="B47988" s="1" t="s">
        <v>162065</v>
      </c>
      <c r="C47988" s="1" t="s">
        <v>30</v>
      </c>
      <c r="D47988" s="1" t="s">
        <v>162812</v>
      </c>
      <c r="E47988" s="1" t="s">
        <v>16168</v>
      </c>
      <c r="F47988" s="1" t="s">
        <v>162813</v>
      </c>
      <c r="G47988" s="1" t="s">
        <v>162802</v>
      </c>
      <c r="H47988" s="1" t="s">
        <v>162803</v>
      </c>
      <c r="I47988" s="1" t="s">
        <v>162070</v>
      </c>
      <c r="J47988" s="1" t="s">
        <v>162814</v>
      </c>
    </row>
    <row r="47989" spans="1:10" x14ac:dyDescent="0.35">
      <c r="A47989" s="1" t="s">
        <v>5538</v>
      </c>
      <c r="B47989" s="1" t="s">
        <v>162065</v>
      </c>
      <c r="C47989" s="1" t="s">
        <v>35</v>
      </c>
      <c r="D47989" s="1" t="s">
        <v>132099</v>
      </c>
      <c r="E47989" s="1" t="s">
        <v>15340</v>
      </c>
      <c r="F47989" s="1" t="s">
        <v>66040</v>
      </c>
      <c r="G47989" s="1" t="s">
        <v>162802</v>
      </c>
      <c r="H47989" s="1" t="s">
        <v>162803</v>
      </c>
      <c r="I47989" s="1" t="s">
        <v>162070</v>
      </c>
      <c r="J47989" s="1" t="s">
        <v>162815</v>
      </c>
    </row>
    <row r="47990" spans="1:10" x14ac:dyDescent="0.35">
      <c r="A47990" s="1" t="s">
        <v>5538</v>
      </c>
      <c r="B47990" s="1" t="s">
        <v>162065</v>
      </c>
      <c r="C47990" s="1" t="s">
        <v>40</v>
      </c>
      <c r="D47990" s="1" t="s">
        <v>162816</v>
      </c>
      <c r="E47990" s="1" t="s">
        <v>23399</v>
      </c>
      <c r="F47990" s="1" t="s">
        <v>61726</v>
      </c>
      <c r="G47990" s="1" t="s">
        <v>162802</v>
      </c>
      <c r="H47990" s="1" t="s">
        <v>162803</v>
      </c>
      <c r="I47990" s="1" t="s">
        <v>162070</v>
      </c>
      <c r="J47990" s="1" t="s">
        <v>162817</v>
      </c>
    </row>
    <row r="47991" spans="1:10" x14ac:dyDescent="0.35">
      <c r="A47991" s="1" t="s">
        <v>5538</v>
      </c>
      <c r="B47991" s="1" t="s">
        <v>162065</v>
      </c>
      <c r="C47991" s="1" t="s">
        <v>45</v>
      </c>
      <c r="D47991" s="1" t="s">
        <v>162818</v>
      </c>
      <c r="E47991" s="1" t="s">
        <v>16150</v>
      </c>
      <c r="F47991" s="1" t="s">
        <v>105388</v>
      </c>
      <c r="G47991" s="1" t="s">
        <v>162802</v>
      </c>
      <c r="H47991" s="1" t="s">
        <v>162803</v>
      </c>
      <c r="I47991" s="1" t="s">
        <v>162070</v>
      </c>
      <c r="J47991" s="1" t="s">
        <v>162819</v>
      </c>
    </row>
    <row r="47992" spans="1:10" x14ac:dyDescent="0.35">
      <c r="A47992" s="1" t="s">
        <v>5538</v>
      </c>
      <c r="B47992" s="1" t="s">
        <v>162065</v>
      </c>
      <c r="C47992" s="1" t="s">
        <v>50</v>
      </c>
      <c r="D47992" s="1" t="s">
        <v>162820</v>
      </c>
      <c r="E47992" s="1" t="s">
        <v>26185</v>
      </c>
      <c r="F47992" s="1" t="s">
        <v>162821</v>
      </c>
      <c r="G47992" s="1" t="s">
        <v>162802</v>
      </c>
      <c r="H47992" s="1" t="s">
        <v>162803</v>
      </c>
      <c r="I47992" s="1" t="s">
        <v>162070</v>
      </c>
      <c r="J47992" s="1" t="s">
        <v>162822</v>
      </c>
    </row>
    <row r="47993" spans="1:10" x14ac:dyDescent="0.35">
      <c r="A47993" s="1" t="s">
        <v>5538</v>
      </c>
      <c r="B47993" s="1" t="s">
        <v>162065</v>
      </c>
      <c r="C47993" s="1" t="s">
        <v>55</v>
      </c>
      <c r="D47993" s="1" t="s">
        <v>162823</v>
      </c>
      <c r="E47993" s="1" t="s">
        <v>26556</v>
      </c>
      <c r="F47993" s="1" t="s">
        <v>162824</v>
      </c>
      <c r="G47993" s="1" t="s">
        <v>162802</v>
      </c>
      <c r="H47993" s="1" t="s">
        <v>162803</v>
      </c>
      <c r="I47993" s="1" t="s">
        <v>162070</v>
      </c>
      <c r="J47993" s="1" t="s">
        <v>162825</v>
      </c>
    </row>
    <row r="47994" spans="1:10" x14ac:dyDescent="0.35">
      <c r="A47994" s="1" t="s">
        <v>5538</v>
      </c>
      <c r="B47994" s="1" t="s">
        <v>162065</v>
      </c>
      <c r="C47994" s="1" t="s">
        <v>60</v>
      </c>
      <c r="D47994" s="1" t="s">
        <v>162826</v>
      </c>
      <c r="E47994" s="1" t="s">
        <v>26520</v>
      </c>
      <c r="F47994" s="1" t="s">
        <v>103911</v>
      </c>
      <c r="G47994" s="1" t="s">
        <v>162802</v>
      </c>
      <c r="H47994" s="1" t="s">
        <v>162803</v>
      </c>
      <c r="I47994" s="1" t="s">
        <v>162070</v>
      </c>
      <c r="J47994" s="1" t="s">
        <v>162827</v>
      </c>
    </row>
    <row r="47995" spans="1:10" x14ac:dyDescent="0.35">
      <c r="A47995" s="1" t="s">
        <v>5538</v>
      </c>
      <c r="B47995" s="1" t="s">
        <v>162065</v>
      </c>
      <c r="C47995" s="1" t="s">
        <v>65</v>
      </c>
      <c r="D47995" s="1" t="s">
        <v>162828</v>
      </c>
      <c r="E47995" s="1" t="s">
        <v>26629</v>
      </c>
      <c r="F47995" s="1" t="s">
        <v>162829</v>
      </c>
      <c r="G47995" s="1" t="s">
        <v>162802</v>
      </c>
      <c r="H47995" s="1" t="s">
        <v>162803</v>
      </c>
      <c r="I47995" s="1" t="s">
        <v>162070</v>
      </c>
      <c r="J47995" s="1" t="s">
        <v>162830</v>
      </c>
    </row>
    <row r="47996" spans="1:10" x14ac:dyDescent="0.35">
      <c r="A47996" s="1" t="s">
        <v>5538</v>
      </c>
      <c r="B47996" s="1" t="s">
        <v>162065</v>
      </c>
      <c r="C47996" s="1" t="s">
        <v>70</v>
      </c>
      <c r="D47996" s="1" t="s">
        <v>11938</v>
      </c>
      <c r="E47996" s="1" t="s">
        <v>26507</v>
      </c>
      <c r="F47996" s="1" t="s">
        <v>162831</v>
      </c>
      <c r="G47996" s="1" t="s">
        <v>162802</v>
      </c>
      <c r="H47996" s="1" t="s">
        <v>162803</v>
      </c>
      <c r="I47996" s="1" t="s">
        <v>162070</v>
      </c>
      <c r="J47996" s="1" t="s">
        <v>162832</v>
      </c>
    </row>
    <row r="47997" spans="1:10" x14ac:dyDescent="0.35">
      <c r="A47997" s="1" t="s">
        <v>5538</v>
      </c>
      <c r="B47997" s="1" t="s">
        <v>162065</v>
      </c>
      <c r="C47997" s="1" t="s">
        <v>75</v>
      </c>
      <c r="D47997" s="1" t="s">
        <v>162833</v>
      </c>
      <c r="E47997" s="1" t="s">
        <v>27137</v>
      </c>
      <c r="F47997" s="1" t="s">
        <v>162834</v>
      </c>
      <c r="G47997" s="1" t="s">
        <v>162802</v>
      </c>
      <c r="H47997" s="1" t="s">
        <v>162803</v>
      </c>
      <c r="I47997" s="1" t="s">
        <v>162070</v>
      </c>
      <c r="J47997" s="1" t="s">
        <v>162835</v>
      </c>
    </row>
    <row r="47998" spans="1:10" x14ac:dyDescent="0.35">
      <c r="A47998" s="1" t="s">
        <v>5538</v>
      </c>
      <c r="B47998" s="1" t="s">
        <v>162065</v>
      </c>
      <c r="C47998" s="1" t="s">
        <v>80</v>
      </c>
      <c r="D47998" s="1" t="s">
        <v>162836</v>
      </c>
      <c r="E47998" s="1" t="s">
        <v>23472</v>
      </c>
      <c r="F47998" s="1" t="s">
        <v>162837</v>
      </c>
      <c r="G47998" s="1" t="s">
        <v>162802</v>
      </c>
      <c r="H47998" s="1" t="s">
        <v>162803</v>
      </c>
      <c r="I47998" s="1" t="s">
        <v>162070</v>
      </c>
      <c r="J47998" s="1" t="s">
        <v>162838</v>
      </c>
    </row>
    <row r="47999" spans="1:10" x14ac:dyDescent="0.35">
      <c r="A47999" s="1" t="s">
        <v>5538</v>
      </c>
      <c r="B47999" s="1" t="s">
        <v>162065</v>
      </c>
      <c r="C47999" s="1" t="s">
        <v>85</v>
      </c>
      <c r="D47999" s="1" t="s">
        <v>162839</v>
      </c>
      <c r="E47999" s="1" t="s">
        <v>12853</v>
      </c>
      <c r="F47999" s="1" t="s">
        <v>162840</v>
      </c>
      <c r="G47999" s="1" t="s">
        <v>162802</v>
      </c>
      <c r="H47999" s="1" t="s">
        <v>162803</v>
      </c>
      <c r="I47999" s="1" t="s">
        <v>162070</v>
      </c>
      <c r="J47999" s="1" t="s">
        <v>162841</v>
      </c>
    </row>
    <row r="48000" spans="1:10" x14ac:dyDescent="0.35">
      <c r="A48000" s="1" t="s">
        <v>5538</v>
      </c>
      <c r="B48000" s="1" t="s">
        <v>162065</v>
      </c>
      <c r="C48000" s="1" t="s">
        <v>90</v>
      </c>
      <c r="D48000" s="1" t="s">
        <v>162842</v>
      </c>
      <c r="E48000" s="1" t="s">
        <v>26488</v>
      </c>
      <c r="F48000" s="1" t="s">
        <v>162843</v>
      </c>
      <c r="G48000" s="1" t="s">
        <v>162802</v>
      </c>
      <c r="H48000" s="1" t="s">
        <v>162803</v>
      </c>
      <c r="I48000" s="1" t="s">
        <v>162070</v>
      </c>
      <c r="J48000" s="1" t="s">
        <v>162844</v>
      </c>
    </row>
    <row r="48001" spans="1:10" x14ac:dyDescent="0.35">
      <c r="A48001" s="1" t="s">
        <v>5538</v>
      </c>
      <c r="B48001" s="1" t="s">
        <v>162065</v>
      </c>
      <c r="C48001" s="1" t="s">
        <v>95</v>
      </c>
      <c r="D48001" s="1" t="s">
        <v>162845</v>
      </c>
      <c r="E48001" s="1" t="s">
        <v>24236</v>
      </c>
      <c r="F48001" s="1" t="s">
        <v>20259</v>
      </c>
      <c r="G48001" s="1" t="s">
        <v>162802</v>
      </c>
      <c r="H48001" s="1" t="s">
        <v>162803</v>
      </c>
      <c r="I48001" s="1" t="s">
        <v>162070</v>
      </c>
      <c r="J48001" s="1" t="s">
        <v>162846</v>
      </c>
    </row>
    <row r="48002" spans="1:10" x14ac:dyDescent="0.35">
      <c r="A48002" s="1" t="s">
        <v>5538</v>
      </c>
      <c r="B48002" s="1" t="s">
        <v>162065</v>
      </c>
      <c r="C48002" s="1" t="s">
        <v>100</v>
      </c>
      <c r="D48002" s="1" t="s">
        <v>162847</v>
      </c>
      <c r="E48002" s="1" t="s">
        <v>53936</v>
      </c>
      <c r="F48002" s="1" t="s">
        <v>58786</v>
      </c>
      <c r="G48002" s="1" t="s">
        <v>162802</v>
      </c>
      <c r="H48002" s="1" t="s">
        <v>162803</v>
      </c>
      <c r="I48002" s="1" t="s">
        <v>162070</v>
      </c>
      <c r="J48002" s="1" t="s">
        <v>162848</v>
      </c>
    </row>
    <row r="48003" spans="1:10" x14ac:dyDescent="0.35">
      <c r="A48003" s="1" t="s">
        <v>5538</v>
      </c>
      <c r="B48003" s="1" t="s">
        <v>162065</v>
      </c>
      <c r="C48003" s="1" t="s">
        <v>105</v>
      </c>
      <c r="D48003" s="1" t="s">
        <v>162849</v>
      </c>
      <c r="E48003" s="1" t="s">
        <v>21830</v>
      </c>
      <c r="F48003" s="1" t="s">
        <v>63018</v>
      </c>
      <c r="G48003" s="1" t="s">
        <v>162802</v>
      </c>
      <c r="H48003" s="1" t="s">
        <v>162803</v>
      </c>
      <c r="I48003" s="1" t="s">
        <v>162070</v>
      </c>
      <c r="J48003" s="1" t="s">
        <v>162850</v>
      </c>
    </row>
    <row r="48004" spans="1:10" x14ac:dyDescent="0.35">
      <c r="A48004" s="1" t="s">
        <v>5538</v>
      </c>
      <c r="B48004" s="1" t="s">
        <v>162065</v>
      </c>
      <c r="C48004" s="1" t="s">
        <v>110</v>
      </c>
      <c r="D48004" s="1" t="s">
        <v>162851</v>
      </c>
      <c r="E48004" s="1" t="s">
        <v>24377</v>
      </c>
      <c r="F48004" s="1" t="s">
        <v>162852</v>
      </c>
      <c r="G48004" s="1" t="s">
        <v>162802</v>
      </c>
      <c r="H48004" s="1" t="s">
        <v>162803</v>
      </c>
      <c r="I48004" s="1" t="s">
        <v>162070</v>
      </c>
      <c r="J48004" s="1" t="s">
        <v>162853</v>
      </c>
    </row>
    <row r="48005" spans="1:10" x14ac:dyDescent="0.35">
      <c r="A48005" s="1" t="s">
        <v>5538</v>
      </c>
      <c r="B48005" s="1" t="s">
        <v>162065</v>
      </c>
      <c r="C48005" s="1" t="s">
        <v>115</v>
      </c>
      <c r="D48005" s="1" t="s">
        <v>162854</v>
      </c>
      <c r="E48005" s="1" t="s">
        <v>68942</v>
      </c>
      <c r="F48005" s="1" t="s">
        <v>97212</v>
      </c>
      <c r="G48005" s="1" t="s">
        <v>162802</v>
      </c>
      <c r="H48005" s="1" t="s">
        <v>162803</v>
      </c>
      <c r="I48005" s="1" t="s">
        <v>162070</v>
      </c>
      <c r="J48005" s="1" t="s">
        <v>162855</v>
      </c>
    </row>
    <row r="48006" spans="1:10" x14ac:dyDescent="0.35">
      <c r="A48006" s="1" t="s">
        <v>5538</v>
      </c>
      <c r="B48006" s="1" t="s">
        <v>162065</v>
      </c>
      <c r="C48006" s="1" t="s">
        <v>120</v>
      </c>
      <c r="D48006" s="1" t="s">
        <v>162856</v>
      </c>
      <c r="E48006" s="1" t="s">
        <v>64410</v>
      </c>
      <c r="F48006" s="1" t="s">
        <v>98777</v>
      </c>
      <c r="G48006" s="1" t="s">
        <v>162802</v>
      </c>
      <c r="H48006" s="1" t="s">
        <v>162803</v>
      </c>
      <c r="I48006" s="1" t="s">
        <v>162070</v>
      </c>
      <c r="J48006" s="1" t="s">
        <v>162857</v>
      </c>
    </row>
    <row r="48007" spans="1:10" x14ac:dyDescent="0.35">
      <c r="A48007" s="1" t="s">
        <v>5538</v>
      </c>
      <c r="B48007" s="1" t="s">
        <v>162065</v>
      </c>
      <c r="C48007" s="1" t="s">
        <v>125</v>
      </c>
      <c r="D48007" s="1" t="s">
        <v>162858</v>
      </c>
      <c r="E48007" s="1" t="s">
        <v>54783</v>
      </c>
      <c r="F48007" s="1" t="s">
        <v>56142</v>
      </c>
      <c r="G48007" s="1" t="s">
        <v>162802</v>
      </c>
      <c r="H48007" s="1" t="s">
        <v>162803</v>
      </c>
      <c r="I48007" s="1" t="s">
        <v>162070</v>
      </c>
      <c r="J48007" s="1" t="s">
        <v>162859</v>
      </c>
    </row>
    <row r="48008" spans="1:10" x14ac:dyDescent="0.35">
      <c r="A48008" s="1" t="s">
        <v>5538</v>
      </c>
      <c r="B48008" s="1" t="s">
        <v>162065</v>
      </c>
      <c r="C48008" s="1" t="s">
        <v>130</v>
      </c>
      <c r="D48008" s="1" t="s">
        <v>162860</v>
      </c>
      <c r="E48008" s="1" t="s">
        <v>15357</v>
      </c>
      <c r="F48008" s="1" t="s">
        <v>162861</v>
      </c>
      <c r="G48008" s="1" t="s">
        <v>162802</v>
      </c>
      <c r="H48008" s="1" t="s">
        <v>162803</v>
      </c>
      <c r="I48008" s="1" t="s">
        <v>162070</v>
      </c>
      <c r="J48008" s="1" t="s">
        <v>162862</v>
      </c>
    </row>
    <row r="48009" spans="1:10" x14ac:dyDescent="0.35">
      <c r="A48009" s="1" t="s">
        <v>5538</v>
      </c>
      <c r="B48009" s="1" t="s">
        <v>162065</v>
      </c>
      <c r="C48009" s="1" t="s">
        <v>135</v>
      </c>
      <c r="D48009" s="1" t="s">
        <v>162863</v>
      </c>
      <c r="E48009" s="1" t="s">
        <v>57609</v>
      </c>
      <c r="F48009" s="1" t="s">
        <v>162864</v>
      </c>
      <c r="G48009" s="1" t="s">
        <v>162802</v>
      </c>
      <c r="H48009" s="1" t="s">
        <v>162803</v>
      </c>
      <c r="I48009" s="1" t="s">
        <v>162070</v>
      </c>
      <c r="J48009" s="1" t="s">
        <v>162865</v>
      </c>
    </row>
    <row r="48010" spans="1:10" x14ac:dyDescent="0.35">
      <c r="A48010" s="1" t="s">
        <v>5538</v>
      </c>
      <c r="B48010" s="1" t="s">
        <v>162065</v>
      </c>
      <c r="C48010" s="1" t="s">
        <v>140</v>
      </c>
      <c r="D48010" s="1" t="s">
        <v>162866</v>
      </c>
      <c r="E48010" s="1" t="s">
        <v>60525</v>
      </c>
      <c r="F48010" s="1" t="s">
        <v>65417</v>
      </c>
      <c r="G48010" s="1" t="s">
        <v>162802</v>
      </c>
      <c r="H48010" s="1" t="s">
        <v>162803</v>
      </c>
      <c r="I48010" s="1" t="s">
        <v>162070</v>
      </c>
      <c r="J48010" s="1" t="s">
        <v>162867</v>
      </c>
    </row>
    <row r="48011" spans="1:10" x14ac:dyDescent="0.35">
      <c r="A48011" s="1" t="s">
        <v>5538</v>
      </c>
      <c r="B48011" s="1" t="s">
        <v>162065</v>
      </c>
      <c r="C48011" s="1" t="s">
        <v>145</v>
      </c>
      <c r="D48011" s="1" t="s">
        <v>162868</v>
      </c>
      <c r="E48011" s="1" t="s">
        <v>15413</v>
      </c>
      <c r="F48011" s="1" t="s">
        <v>162869</v>
      </c>
      <c r="G48011" s="1" t="s">
        <v>162802</v>
      </c>
      <c r="H48011" s="1" t="s">
        <v>162803</v>
      </c>
      <c r="I48011" s="1" t="s">
        <v>162070</v>
      </c>
      <c r="J48011" s="1" t="s">
        <v>162870</v>
      </c>
    </row>
    <row r="48012" spans="1:10" x14ac:dyDescent="0.35">
      <c r="A48012" s="1" t="s">
        <v>5538</v>
      </c>
      <c r="B48012" s="1" t="s">
        <v>162065</v>
      </c>
      <c r="C48012" s="1" t="s">
        <v>150</v>
      </c>
      <c r="D48012" s="1" t="s">
        <v>162871</v>
      </c>
      <c r="E48012" s="1" t="s">
        <v>99110</v>
      </c>
      <c r="F48012" s="1" t="s">
        <v>32922</v>
      </c>
      <c r="G48012" s="1" t="s">
        <v>162802</v>
      </c>
      <c r="H48012" s="1" t="s">
        <v>162803</v>
      </c>
      <c r="I48012" s="1" t="s">
        <v>162070</v>
      </c>
      <c r="J48012" s="1" t="s">
        <v>162872</v>
      </c>
    </row>
    <row r="48013" spans="1:10" x14ac:dyDescent="0.35">
      <c r="A48013" s="1" t="s">
        <v>5538</v>
      </c>
      <c r="B48013" s="1" t="s">
        <v>162065</v>
      </c>
      <c r="C48013" s="1" t="s">
        <v>155</v>
      </c>
      <c r="D48013" s="1" t="s">
        <v>162873</v>
      </c>
      <c r="E48013" s="1" t="s">
        <v>15580</v>
      </c>
      <c r="F48013" s="1" t="s">
        <v>131318</v>
      </c>
      <c r="G48013" s="1" t="s">
        <v>162802</v>
      </c>
      <c r="H48013" s="1" t="s">
        <v>162803</v>
      </c>
      <c r="I48013" s="1" t="s">
        <v>162070</v>
      </c>
      <c r="J48013" s="1" t="s">
        <v>162874</v>
      </c>
    </row>
    <row r="48014" spans="1:10" x14ac:dyDescent="0.35">
      <c r="A48014" s="1" t="s">
        <v>5538</v>
      </c>
      <c r="B48014" s="1" t="s">
        <v>162065</v>
      </c>
      <c r="C48014" s="1" t="s">
        <v>160</v>
      </c>
      <c r="D48014" s="1" t="s">
        <v>162875</v>
      </c>
      <c r="E48014" s="1" t="s">
        <v>27089</v>
      </c>
      <c r="F48014" s="1" t="s">
        <v>162876</v>
      </c>
      <c r="G48014" s="1" t="s">
        <v>162802</v>
      </c>
      <c r="H48014" s="1" t="s">
        <v>162803</v>
      </c>
      <c r="I48014" s="1" t="s">
        <v>162070</v>
      </c>
      <c r="J48014" s="1" t="s">
        <v>162877</v>
      </c>
    </row>
    <row r="48015" spans="1:10" x14ac:dyDescent="0.35">
      <c r="A48015" s="1" t="s">
        <v>5538</v>
      </c>
      <c r="B48015" s="1" t="s">
        <v>162065</v>
      </c>
      <c r="C48015" s="1" t="s">
        <v>165</v>
      </c>
      <c r="D48015" s="1" t="s">
        <v>162878</v>
      </c>
      <c r="E48015" s="1" t="s">
        <v>97228</v>
      </c>
      <c r="F48015" s="1" t="s">
        <v>26258</v>
      </c>
      <c r="G48015" s="1" t="s">
        <v>162802</v>
      </c>
      <c r="H48015" s="1" t="s">
        <v>162803</v>
      </c>
      <c r="I48015" s="1" t="s">
        <v>162070</v>
      </c>
      <c r="J48015" s="1" t="s">
        <v>162879</v>
      </c>
    </row>
    <row r="48016" spans="1:10" x14ac:dyDescent="0.35">
      <c r="A48016" s="1" t="s">
        <v>5538</v>
      </c>
      <c r="B48016" s="1" t="s">
        <v>162065</v>
      </c>
      <c r="C48016" s="1" t="s">
        <v>170</v>
      </c>
      <c r="D48016" s="1" t="s">
        <v>162880</v>
      </c>
      <c r="E48016" s="1" t="s">
        <v>96539</v>
      </c>
      <c r="F48016" s="1" t="s">
        <v>162881</v>
      </c>
      <c r="G48016" s="1" t="s">
        <v>162802</v>
      </c>
      <c r="H48016" s="1" t="s">
        <v>162803</v>
      </c>
      <c r="I48016" s="1" t="s">
        <v>162070</v>
      </c>
      <c r="J48016" s="1" t="s">
        <v>162882</v>
      </c>
    </row>
    <row r="48017" spans="1:10" x14ac:dyDescent="0.35">
      <c r="A48017" s="1" t="s">
        <v>3916</v>
      </c>
      <c r="B48017" s="1" t="s">
        <v>162065</v>
      </c>
      <c r="C48017" s="1" t="s">
        <v>8</v>
      </c>
      <c r="D48017" s="1" t="s">
        <v>107053</v>
      </c>
      <c r="E48017" s="1" t="s">
        <v>162883</v>
      </c>
      <c r="F48017" s="1" t="s">
        <v>66419</v>
      </c>
      <c r="G48017" s="1" t="s">
        <v>162884</v>
      </c>
      <c r="H48017" s="1" t="s">
        <v>162885</v>
      </c>
      <c r="I48017" s="1" t="s">
        <v>162070</v>
      </c>
      <c r="J48017" s="1" t="s">
        <v>13</v>
      </c>
    </row>
    <row r="48018" spans="1:10" x14ac:dyDescent="0.35">
      <c r="A48018" s="1" t="s">
        <v>3916</v>
      </c>
      <c r="B48018" s="1" t="s">
        <v>162065</v>
      </c>
      <c r="C48018" s="1" t="s">
        <v>15</v>
      </c>
      <c r="D48018" s="1" t="s">
        <v>162886</v>
      </c>
      <c r="E48018" s="1" t="s">
        <v>53834</v>
      </c>
      <c r="F48018" s="1" t="s">
        <v>162887</v>
      </c>
      <c r="G48018" s="1" t="s">
        <v>162884</v>
      </c>
      <c r="H48018" s="1" t="s">
        <v>162885</v>
      </c>
      <c r="I48018" s="1" t="s">
        <v>162070</v>
      </c>
      <c r="J48018" s="1" t="s">
        <v>162888</v>
      </c>
    </row>
    <row r="48019" spans="1:10" x14ac:dyDescent="0.35">
      <c r="A48019" s="1" t="s">
        <v>3916</v>
      </c>
      <c r="B48019" s="1" t="s">
        <v>162065</v>
      </c>
      <c r="C48019" s="1" t="s">
        <v>20</v>
      </c>
      <c r="D48019" s="1" t="s">
        <v>137669</v>
      </c>
      <c r="E48019" s="1" t="s">
        <v>15841</v>
      </c>
      <c r="F48019" s="1" t="s">
        <v>162889</v>
      </c>
      <c r="G48019" s="1" t="s">
        <v>162884</v>
      </c>
      <c r="H48019" s="1" t="s">
        <v>162885</v>
      </c>
      <c r="I48019" s="1" t="s">
        <v>162070</v>
      </c>
      <c r="J48019" s="1" t="s">
        <v>162890</v>
      </c>
    </row>
    <row r="48020" spans="1:10" x14ac:dyDescent="0.35">
      <c r="A48020" s="1" t="s">
        <v>3916</v>
      </c>
      <c r="B48020" s="1" t="s">
        <v>162065</v>
      </c>
      <c r="C48020" s="1" t="s">
        <v>25</v>
      </c>
      <c r="D48020" s="1" t="s">
        <v>103742</v>
      </c>
      <c r="E48020" s="1" t="s">
        <v>32351</v>
      </c>
      <c r="F48020" s="1" t="s">
        <v>162891</v>
      </c>
      <c r="G48020" s="1" t="s">
        <v>162884</v>
      </c>
      <c r="H48020" s="1" t="s">
        <v>162885</v>
      </c>
      <c r="I48020" s="1" t="s">
        <v>162070</v>
      </c>
      <c r="J48020" s="1" t="s">
        <v>162892</v>
      </c>
    </row>
    <row r="48021" spans="1:10" x14ac:dyDescent="0.35">
      <c r="A48021" s="1" t="s">
        <v>3916</v>
      </c>
      <c r="B48021" s="1" t="s">
        <v>162065</v>
      </c>
      <c r="C48021" s="1" t="s">
        <v>30</v>
      </c>
      <c r="D48021" s="1" t="s">
        <v>162893</v>
      </c>
      <c r="E48021" s="1" t="s">
        <v>24221</v>
      </c>
      <c r="F48021" s="1" t="s">
        <v>162894</v>
      </c>
      <c r="G48021" s="1" t="s">
        <v>162884</v>
      </c>
      <c r="H48021" s="1" t="s">
        <v>162885</v>
      </c>
      <c r="I48021" s="1" t="s">
        <v>162070</v>
      </c>
      <c r="J48021" s="1" t="s">
        <v>162895</v>
      </c>
    </row>
    <row r="48022" spans="1:10" x14ac:dyDescent="0.35">
      <c r="A48022" s="1" t="s">
        <v>3916</v>
      </c>
      <c r="B48022" s="1" t="s">
        <v>162065</v>
      </c>
      <c r="C48022" s="1" t="s">
        <v>35</v>
      </c>
      <c r="D48022" s="1" t="s">
        <v>91885</v>
      </c>
      <c r="E48022" s="1" t="s">
        <v>21902</v>
      </c>
      <c r="F48022" s="1" t="s">
        <v>62138</v>
      </c>
      <c r="G48022" s="1" t="s">
        <v>162884</v>
      </c>
      <c r="H48022" s="1" t="s">
        <v>162885</v>
      </c>
      <c r="I48022" s="1" t="s">
        <v>162070</v>
      </c>
      <c r="J48022" s="1" t="s">
        <v>162896</v>
      </c>
    </row>
    <row r="48023" spans="1:10" x14ac:dyDescent="0.35">
      <c r="A48023" s="1" t="s">
        <v>3916</v>
      </c>
      <c r="B48023" s="1" t="s">
        <v>162065</v>
      </c>
      <c r="C48023" s="1" t="s">
        <v>40</v>
      </c>
      <c r="D48023" s="1" t="s">
        <v>162897</v>
      </c>
      <c r="E48023" s="1" t="s">
        <v>21941</v>
      </c>
      <c r="F48023" s="1" t="s">
        <v>162898</v>
      </c>
      <c r="G48023" s="1" t="s">
        <v>162884</v>
      </c>
      <c r="H48023" s="1" t="s">
        <v>162885</v>
      </c>
      <c r="I48023" s="1" t="s">
        <v>162070</v>
      </c>
      <c r="J48023" s="1" t="s">
        <v>162899</v>
      </c>
    </row>
    <row r="48024" spans="1:10" x14ac:dyDescent="0.35">
      <c r="A48024" s="1" t="s">
        <v>3916</v>
      </c>
      <c r="B48024" s="1" t="s">
        <v>162065</v>
      </c>
      <c r="C48024" s="1" t="s">
        <v>45</v>
      </c>
      <c r="D48024" s="1" t="s">
        <v>162900</v>
      </c>
      <c r="E48024" s="1" t="s">
        <v>23232</v>
      </c>
      <c r="F48024" s="1" t="s">
        <v>162901</v>
      </c>
      <c r="G48024" s="1" t="s">
        <v>162884</v>
      </c>
      <c r="H48024" s="1" t="s">
        <v>162885</v>
      </c>
      <c r="I48024" s="1" t="s">
        <v>162070</v>
      </c>
      <c r="J48024" s="1" t="s">
        <v>162902</v>
      </c>
    </row>
    <row r="48025" spans="1:10" x14ac:dyDescent="0.35">
      <c r="A48025" s="1" t="s">
        <v>3916</v>
      </c>
      <c r="B48025" s="1" t="s">
        <v>162065</v>
      </c>
      <c r="C48025" s="1" t="s">
        <v>50</v>
      </c>
      <c r="D48025" s="1" t="s">
        <v>87935</v>
      </c>
      <c r="E48025" s="1" t="s">
        <v>21834</v>
      </c>
      <c r="F48025" s="1" t="s">
        <v>23648</v>
      </c>
      <c r="G48025" s="1" t="s">
        <v>162884</v>
      </c>
      <c r="H48025" s="1" t="s">
        <v>162885</v>
      </c>
      <c r="I48025" s="1" t="s">
        <v>162070</v>
      </c>
      <c r="J48025" s="1" t="s">
        <v>162903</v>
      </c>
    </row>
    <row r="48026" spans="1:10" x14ac:dyDescent="0.35">
      <c r="A48026" s="1" t="s">
        <v>3916</v>
      </c>
      <c r="B48026" s="1" t="s">
        <v>162065</v>
      </c>
      <c r="C48026" s="1" t="s">
        <v>55</v>
      </c>
      <c r="D48026" s="1" t="s">
        <v>162904</v>
      </c>
      <c r="E48026" s="1" t="s">
        <v>56737</v>
      </c>
      <c r="F48026" s="1" t="s">
        <v>162905</v>
      </c>
      <c r="G48026" s="1" t="s">
        <v>162884</v>
      </c>
      <c r="H48026" s="1" t="s">
        <v>162885</v>
      </c>
      <c r="I48026" s="1" t="s">
        <v>162070</v>
      </c>
      <c r="J48026" s="1" t="s">
        <v>162906</v>
      </c>
    </row>
    <row r="48027" spans="1:10" x14ac:dyDescent="0.35">
      <c r="A48027" s="1" t="s">
        <v>3916</v>
      </c>
      <c r="B48027" s="1" t="s">
        <v>162065</v>
      </c>
      <c r="C48027" s="1" t="s">
        <v>60</v>
      </c>
      <c r="D48027" s="1" t="s">
        <v>162907</v>
      </c>
      <c r="E48027" s="1" t="s">
        <v>57707</v>
      </c>
      <c r="F48027" s="1" t="s">
        <v>162908</v>
      </c>
      <c r="G48027" s="1" t="s">
        <v>162884</v>
      </c>
      <c r="H48027" s="1" t="s">
        <v>162885</v>
      </c>
      <c r="I48027" s="1" t="s">
        <v>162070</v>
      </c>
      <c r="J48027" s="1" t="s">
        <v>162909</v>
      </c>
    </row>
    <row r="48028" spans="1:10" x14ac:dyDescent="0.35">
      <c r="A48028" s="1" t="s">
        <v>3916</v>
      </c>
      <c r="B48028" s="1" t="s">
        <v>162065</v>
      </c>
      <c r="C48028" s="1" t="s">
        <v>65</v>
      </c>
      <c r="D48028" s="1" t="s">
        <v>162910</v>
      </c>
      <c r="E48028" s="1" t="s">
        <v>60377</v>
      </c>
      <c r="F48028" s="1" t="s">
        <v>132071</v>
      </c>
      <c r="G48028" s="1" t="s">
        <v>162884</v>
      </c>
      <c r="H48028" s="1" t="s">
        <v>162885</v>
      </c>
      <c r="I48028" s="1" t="s">
        <v>162070</v>
      </c>
      <c r="J48028" s="1" t="s">
        <v>162911</v>
      </c>
    </row>
    <row r="48029" spans="1:10" x14ac:dyDescent="0.35">
      <c r="A48029" s="1" t="s">
        <v>3916</v>
      </c>
      <c r="B48029" s="1" t="s">
        <v>162065</v>
      </c>
      <c r="C48029" s="1" t="s">
        <v>70</v>
      </c>
      <c r="D48029" s="1" t="s">
        <v>103823</v>
      </c>
      <c r="E48029" s="1" t="s">
        <v>23491</v>
      </c>
      <c r="F48029" s="1" t="s">
        <v>59181</v>
      </c>
      <c r="G48029" s="1" t="s">
        <v>162884</v>
      </c>
      <c r="H48029" s="1" t="s">
        <v>162885</v>
      </c>
      <c r="I48029" s="1" t="s">
        <v>162070</v>
      </c>
      <c r="J48029" s="1" t="s">
        <v>162912</v>
      </c>
    </row>
    <row r="48030" spans="1:10" x14ac:dyDescent="0.35">
      <c r="A48030" s="1" t="s">
        <v>3916</v>
      </c>
      <c r="B48030" s="1" t="s">
        <v>162065</v>
      </c>
      <c r="C48030" s="1" t="s">
        <v>75</v>
      </c>
      <c r="D48030" s="1" t="s">
        <v>162913</v>
      </c>
      <c r="E48030" s="1" t="s">
        <v>23195</v>
      </c>
      <c r="F48030" s="1" t="s">
        <v>66929</v>
      </c>
      <c r="G48030" s="1" t="s">
        <v>162884</v>
      </c>
      <c r="H48030" s="1" t="s">
        <v>162885</v>
      </c>
      <c r="I48030" s="1" t="s">
        <v>162070</v>
      </c>
      <c r="J48030" s="1" t="s">
        <v>162914</v>
      </c>
    </row>
    <row r="48031" spans="1:10" x14ac:dyDescent="0.35">
      <c r="A48031" s="1" t="s">
        <v>3916</v>
      </c>
      <c r="B48031" s="1" t="s">
        <v>162065</v>
      </c>
      <c r="C48031" s="1" t="s">
        <v>80</v>
      </c>
      <c r="D48031" s="1" t="s">
        <v>76534</v>
      </c>
      <c r="E48031" s="1" t="s">
        <v>15311</v>
      </c>
      <c r="F48031" s="1" t="s">
        <v>162915</v>
      </c>
      <c r="G48031" s="1" t="s">
        <v>162884</v>
      </c>
      <c r="H48031" s="1" t="s">
        <v>162885</v>
      </c>
      <c r="I48031" s="1" t="s">
        <v>162070</v>
      </c>
      <c r="J48031" s="1" t="s">
        <v>162916</v>
      </c>
    </row>
    <row r="48032" spans="1:10" x14ac:dyDescent="0.35">
      <c r="A48032" s="1" t="s">
        <v>3916</v>
      </c>
      <c r="B48032" s="1" t="s">
        <v>162065</v>
      </c>
      <c r="C48032" s="1" t="s">
        <v>85</v>
      </c>
      <c r="D48032" s="1" t="s">
        <v>39269</v>
      </c>
      <c r="E48032" s="1" t="s">
        <v>63935</v>
      </c>
      <c r="F48032" s="1" t="s">
        <v>21982</v>
      </c>
      <c r="G48032" s="1" t="s">
        <v>162884</v>
      </c>
      <c r="H48032" s="1" t="s">
        <v>162885</v>
      </c>
      <c r="I48032" s="1" t="s">
        <v>162070</v>
      </c>
      <c r="J48032" s="1" t="s">
        <v>162917</v>
      </c>
    </row>
    <row r="48033" spans="1:10" x14ac:dyDescent="0.35">
      <c r="A48033" s="1" t="s">
        <v>3916</v>
      </c>
      <c r="B48033" s="1" t="s">
        <v>162065</v>
      </c>
      <c r="C48033" s="1" t="s">
        <v>90</v>
      </c>
      <c r="D48033" s="1" t="s">
        <v>162918</v>
      </c>
      <c r="E48033" s="1" t="s">
        <v>32143</v>
      </c>
      <c r="F48033" s="1" t="s">
        <v>55134</v>
      </c>
      <c r="G48033" s="1" t="s">
        <v>162884</v>
      </c>
      <c r="H48033" s="1" t="s">
        <v>162885</v>
      </c>
      <c r="I48033" s="1" t="s">
        <v>162070</v>
      </c>
      <c r="J48033" s="1" t="s">
        <v>162919</v>
      </c>
    </row>
    <row r="48034" spans="1:10" x14ac:dyDescent="0.35">
      <c r="A48034" s="1" t="s">
        <v>3916</v>
      </c>
      <c r="B48034" s="1" t="s">
        <v>162065</v>
      </c>
      <c r="C48034" s="1" t="s">
        <v>95</v>
      </c>
      <c r="D48034" s="1" t="s">
        <v>162920</v>
      </c>
      <c r="E48034" s="1" t="s">
        <v>15392</v>
      </c>
      <c r="F48034" s="1" t="s">
        <v>162921</v>
      </c>
      <c r="G48034" s="1" t="s">
        <v>162884</v>
      </c>
      <c r="H48034" s="1" t="s">
        <v>162885</v>
      </c>
      <c r="I48034" s="1" t="s">
        <v>162070</v>
      </c>
      <c r="J48034" s="1" t="s">
        <v>162922</v>
      </c>
    </row>
    <row r="48035" spans="1:10" x14ac:dyDescent="0.35">
      <c r="A48035" s="1" t="s">
        <v>3916</v>
      </c>
      <c r="B48035" s="1" t="s">
        <v>162065</v>
      </c>
      <c r="C48035" s="1" t="s">
        <v>100</v>
      </c>
      <c r="D48035" s="1" t="s">
        <v>19678</v>
      </c>
      <c r="E48035" s="1" t="s">
        <v>56254</v>
      </c>
      <c r="F48035" s="1" t="s">
        <v>162923</v>
      </c>
      <c r="G48035" s="1" t="s">
        <v>162884</v>
      </c>
      <c r="H48035" s="1" t="s">
        <v>162885</v>
      </c>
      <c r="I48035" s="1" t="s">
        <v>162070</v>
      </c>
      <c r="J48035" s="1" t="s">
        <v>162924</v>
      </c>
    </row>
    <row r="48036" spans="1:10" x14ac:dyDescent="0.35">
      <c r="A48036" s="1" t="s">
        <v>3916</v>
      </c>
      <c r="B48036" s="1" t="s">
        <v>162065</v>
      </c>
      <c r="C48036" s="1" t="s">
        <v>105</v>
      </c>
      <c r="D48036" s="1" t="s">
        <v>162925</v>
      </c>
      <c r="E48036" s="1" t="s">
        <v>57388</v>
      </c>
      <c r="F48036" s="1" t="s">
        <v>69649</v>
      </c>
      <c r="G48036" s="1" t="s">
        <v>162884</v>
      </c>
      <c r="H48036" s="1" t="s">
        <v>162885</v>
      </c>
      <c r="I48036" s="1" t="s">
        <v>162070</v>
      </c>
      <c r="J48036" s="1" t="s">
        <v>162926</v>
      </c>
    </row>
    <row r="48037" spans="1:10" x14ac:dyDescent="0.35">
      <c r="A48037" s="1" t="s">
        <v>3916</v>
      </c>
      <c r="B48037" s="1" t="s">
        <v>162065</v>
      </c>
      <c r="C48037" s="1" t="s">
        <v>110</v>
      </c>
      <c r="D48037" s="1" t="s">
        <v>162927</v>
      </c>
      <c r="E48037" s="1" t="s">
        <v>59155</v>
      </c>
      <c r="F48037" s="1" t="s">
        <v>162928</v>
      </c>
      <c r="G48037" s="1" t="s">
        <v>162884</v>
      </c>
      <c r="H48037" s="1" t="s">
        <v>162885</v>
      </c>
      <c r="I48037" s="1" t="s">
        <v>162070</v>
      </c>
      <c r="J48037" s="1" t="s">
        <v>162929</v>
      </c>
    </row>
    <row r="48038" spans="1:10" x14ac:dyDescent="0.35">
      <c r="A48038" s="1" t="s">
        <v>3916</v>
      </c>
      <c r="B48038" s="1" t="s">
        <v>162065</v>
      </c>
      <c r="C48038" s="1" t="s">
        <v>115</v>
      </c>
      <c r="D48038" s="1" t="s">
        <v>162930</v>
      </c>
      <c r="E48038" s="1" t="s">
        <v>15865</v>
      </c>
      <c r="F48038" s="1" t="s">
        <v>64898</v>
      </c>
      <c r="G48038" s="1" t="s">
        <v>162884</v>
      </c>
      <c r="H48038" s="1" t="s">
        <v>162885</v>
      </c>
      <c r="I48038" s="1" t="s">
        <v>162070</v>
      </c>
      <c r="J48038" s="1" t="s">
        <v>162931</v>
      </c>
    </row>
    <row r="48039" spans="1:10" x14ac:dyDescent="0.35">
      <c r="A48039" s="1" t="s">
        <v>3916</v>
      </c>
      <c r="B48039" s="1" t="s">
        <v>162065</v>
      </c>
      <c r="C48039" s="1" t="s">
        <v>120</v>
      </c>
      <c r="D48039" s="1" t="s">
        <v>99852</v>
      </c>
      <c r="E48039" s="1" t="s">
        <v>63935</v>
      </c>
      <c r="F48039" s="1" t="s">
        <v>162932</v>
      </c>
      <c r="G48039" s="1" t="s">
        <v>162884</v>
      </c>
      <c r="H48039" s="1" t="s">
        <v>162885</v>
      </c>
      <c r="I48039" s="1" t="s">
        <v>162070</v>
      </c>
      <c r="J48039" s="1" t="s">
        <v>162933</v>
      </c>
    </row>
    <row r="48040" spans="1:10" x14ac:dyDescent="0.35">
      <c r="A48040" s="1" t="s">
        <v>3916</v>
      </c>
      <c r="B48040" s="1" t="s">
        <v>162065</v>
      </c>
      <c r="C48040" s="1" t="s">
        <v>125</v>
      </c>
      <c r="D48040" s="1" t="s">
        <v>162934</v>
      </c>
      <c r="E48040" s="1" t="s">
        <v>31368</v>
      </c>
      <c r="F48040" s="1" t="s">
        <v>69341</v>
      </c>
      <c r="G48040" s="1" t="s">
        <v>162884</v>
      </c>
      <c r="H48040" s="1" t="s">
        <v>162885</v>
      </c>
      <c r="I48040" s="1" t="s">
        <v>162070</v>
      </c>
      <c r="J48040" s="1" t="s">
        <v>162935</v>
      </c>
    </row>
    <row r="48041" spans="1:10" x14ac:dyDescent="0.35">
      <c r="A48041" s="1" t="s">
        <v>3916</v>
      </c>
      <c r="B48041" s="1" t="s">
        <v>162065</v>
      </c>
      <c r="C48041" s="1" t="s">
        <v>130</v>
      </c>
      <c r="D48041" s="1" t="s">
        <v>21230</v>
      </c>
      <c r="E48041" s="1" t="s">
        <v>27134</v>
      </c>
      <c r="F48041" s="1" t="s">
        <v>162936</v>
      </c>
      <c r="G48041" s="1" t="s">
        <v>162884</v>
      </c>
      <c r="H48041" s="1" t="s">
        <v>162885</v>
      </c>
      <c r="I48041" s="1" t="s">
        <v>162070</v>
      </c>
      <c r="J48041" s="1" t="s">
        <v>162937</v>
      </c>
    </row>
    <row r="48042" spans="1:10" x14ac:dyDescent="0.35">
      <c r="A48042" s="1" t="s">
        <v>3916</v>
      </c>
      <c r="B48042" s="1" t="s">
        <v>162065</v>
      </c>
      <c r="C48042" s="1" t="s">
        <v>135</v>
      </c>
      <c r="D48042" s="1" t="s">
        <v>162938</v>
      </c>
      <c r="E48042" s="1" t="s">
        <v>57707</v>
      </c>
      <c r="F48042" s="1" t="s">
        <v>58719</v>
      </c>
      <c r="G48042" s="1" t="s">
        <v>162884</v>
      </c>
      <c r="H48042" s="1" t="s">
        <v>162885</v>
      </c>
      <c r="I48042" s="1" t="s">
        <v>162070</v>
      </c>
      <c r="J48042" s="1" t="s">
        <v>162939</v>
      </c>
    </row>
    <row r="48043" spans="1:10" x14ac:dyDescent="0.35">
      <c r="A48043" s="1" t="s">
        <v>3916</v>
      </c>
      <c r="B48043" s="1" t="s">
        <v>162065</v>
      </c>
      <c r="C48043" s="1" t="s">
        <v>140</v>
      </c>
      <c r="D48043" s="1" t="s">
        <v>162940</v>
      </c>
      <c r="E48043" s="1" t="s">
        <v>58010</v>
      </c>
      <c r="F48043" s="1" t="s">
        <v>54166</v>
      </c>
      <c r="G48043" s="1" t="s">
        <v>162884</v>
      </c>
      <c r="H48043" s="1" t="s">
        <v>162885</v>
      </c>
      <c r="I48043" s="1" t="s">
        <v>162070</v>
      </c>
      <c r="J48043" s="1" t="s">
        <v>162941</v>
      </c>
    </row>
    <row r="48044" spans="1:10" x14ac:dyDescent="0.35">
      <c r="A48044" s="1" t="s">
        <v>3916</v>
      </c>
      <c r="B48044" s="1" t="s">
        <v>162065</v>
      </c>
      <c r="C48044" s="1" t="s">
        <v>145</v>
      </c>
      <c r="D48044" s="1" t="s">
        <v>162942</v>
      </c>
      <c r="E48044" s="1" t="s">
        <v>16142</v>
      </c>
      <c r="F48044" s="1" t="s">
        <v>162943</v>
      </c>
      <c r="G48044" s="1" t="s">
        <v>162884</v>
      </c>
      <c r="H48044" s="1" t="s">
        <v>162885</v>
      </c>
      <c r="I48044" s="1" t="s">
        <v>162070</v>
      </c>
      <c r="J48044" s="1" t="s">
        <v>162944</v>
      </c>
    </row>
    <row r="48045" spans="1:10" x14ac:dyDescent="0.35">
      <c r="A48045" s="1" t="s">
        <v>3916</v>
      </c>
      <c r="B48045" s="1" t="s">
        <v>162065</v>
      </c>
      <c r="C48045" s="1" t="s">
        <v>150</v>
      </c>
      <c r="D48045" s="1" t="s">
        <v>162945</v>
      </c>
      <c r="E48045" s="1" t="s">
        <v>15927</v>
      </c>
      <c r="F48045" s="1" t="s">
        <v>162946</v>
      </c>
      <c r="G48045" s="1" t="s">
        <v>162884</v>
      </c>
      <c r="H48045" s="1" t="s">
        <v>162885</v>
      </c>
      <c r="I48045" s="1" t="s">
        <v>162070</v>
      </c>
      <c r="J48045" s="1" t="s">
        <v>162947</v>
      </c>
    </row>
    <row r="48046" spans="1:10" x14ac:dyDescent="0.35">
      <c r="A48046" s="1" t="s">
        <v>3916</v>
      </c>
      <c r="B48046" s="1" t="s">
        <v>162065</v>
      </c>
      <c r="C48046" s="1" t="s">
        <v>155</v>
      </c>
      <c r="D48046" s="1" t="s">
        <v>162948</v>
      </c>
      <c r="E48046" s="1" t="s">
        <v>24276</v>
      </c>
      <c r="F48046" s="1" t="s">
        <v>94726</v>
      </c>
      <c r="G48046" s="1" t="s">
        <v>162884</v>
      </c>
      <c r="H48046" s="1" t="s">
        <v>162885</v>
      </c>
      <c r="I48046" s="1" t="s">
        <v>162070</v>
      </c>
      <c r="J48046" s="1" t="s">
        <v>162949</v>
      </c>
    </row>
    <row r="48047" spans="1:10" x14ac:dyDescent="0.35">
      <c r="A48047" s="1" t="s">
        <v>3916</v>
      </c>
      <c r="B48047" s="1" t="s">
        <v>162065</v>
      </c>
      <c r="C48047" s="1" t="s">
        <v>160</v>
      </c>
      <c r="D48047" s="1" t="s">
        <v>162950</v>
      </c>
      <c r="E48047" s="1" t="s">
        <v>64270</v>
      </c>
      <c r="F48047" s="1" t="s">
        <v>162951</v>
      </c>
      <c r="G48047" s="1" t="s">
        <v>162884</v>
      </c>
      <c r="H48047" s="1" t="s">
        <v>162885</v>
      </c>
      <c r="I48047" s="1" t="s">
        <v>162070</v>
      </c>
      <c r="J48047" s="1" t="s">
        <v>162952</v>
      </c>
    </row>
    <row r="48048" spans="1:10" x14ac:dyDescent="0.35">
      <c r="A48048" s="1" t="s">
        <v>3916</v>
      </c>
      <c r="B48048" s="1" t="s">
        <v>162065</v>
      </c>
      <c r="C48048" s="1" t="s">
        <v>165</v>
      </c>
      <c r="D48048" s="1" t="s">
        <v>162953</v>
      </c>
      <c r="E48048" s="1" t="s">
        <v>24258</v>
      </c>
      <c r="F48048" s="1" t="s">
        <v>56352</v>
      </c>
      <c r="G48048" s="1" t="s">
        <v>162884</v>
      </c>
      <c r="H48048" s="1" t="s">
        <v>162885</v>
      </c>
      <c r="I48048" s="1" t="s">
        <v>162070</v>
      </c>
      <c r="J48048" s="1" t="s">
        <v>162954</v>
      </c>
    </row>
    <row r="48049" spans="1:10" x14ac:dyDescent="0.35">
      <c r="A48049" s="1" t="s">
        <v>3916</v>
      </c>
      <c r="B48049" s="1" t="s">
        <v>162065</v>
      </c>
      <c r="C48049" s="1" t="s">
        <v>170</v>
      </c>
      <c r="D48049" s="1" t="s">
        <v>162955</v>
      </c>
      <c r="E48049" s="1" t="s">
        <v>24276</v>
      </c>
      <c r="F48049" s="1" t="s">
        <v>162956</v>
      </c>
      <c r="G48049" s="1" t="s">
        <v>162884</v>
      </c>
      <c r="H48049" s="1" t="s">
        <v>162885</v>
      </c>
      <c r="I48049" s="1" t="s">
        <v>162070</v>
      </c>
      <c r="J48049" s="1" t="s">
        <v>162957</v>
      </c>
    </row>
    <row r="48050" spans="1:10" x14ac:dyDescent="0.35">
      <c r="A48050" s="1" t="s">
        <v>5686</v>
      </c>
      <c r="B48050" s="1" t="s">
        <v>162065</v>
      </c>
      <c r="C48050" s="1" t="s">
        <v>8</v>
      </c>
      <c r="D48050" s="1" t="s">
        <v>66795</v>
      </c>
      <c r="E48050" s="1" t="s">
        <v>26564</v>
      </c>
      <c r="F48050" s="1" t="s">
        <v>66963</v>
      </c>
      <c r="G48050" s="1" t="s">
        <v>162958</v>
      </c>
      <c r="H48050" s="1" t="s">
        <v>162959</v>
      </c>
      <c r="I48050" s="1" t="s">
        <v>162070</v>
      </c>
      <c r="J48050" s="1" t="s">
        <v>13</v>
      </c>
    </row>
    <row r="48051" spans="1:10" x14ac:dyDescent="0.35">
      <c r="A48051" s="1" t="s">
        <v>5686</v>
      </c>
      <c r="B48051" s="1" t="s">
        <v>162065</v>
      </c>
      <c r="C48051" s="1" t="s">
        <v>15</v>
      </c>
      <c r="D48051" s="1" t="s">
        <v>162960</v>
      </c>
      <c r="E48051" s="1" t="s">
        <v>41206</v>
      </c>
      <c r="F48051" s="1" t="s">
        <v>62182</v>
      </c>
      <c r="G48051" s="1" t="s">
        <v>162958</v>
      </c>
      <c r="H48051" s="1" t="s">
        <v>162959</v>
      </c>
      <c r="I48051" s="1" t="s">
        <v>162070</v>
      </c>
      <c r="J48051" s="1" t="s">
        <v>162961</v>
      </c>
    </row>
    <row r="48052" spans="1:10" x14ac:dyDescent="0.35">
      <c r="A48052" s="1" t="s">
        <v>5686</v>
      </c>
      <c r="B48052" s="1" t="s">
        <v>162065</v>
      </c>
      <c r="C48052" s="1" t="s">
        <v>20</v>
      </c>
      <c r="D48052" s="1" t="s">
        <v>162962</v>
      </c>
      <c r="E48052" s="1" t="s">
        <v>55373</v>
      </c>
      <c r="F48052" s="1" t="s">
        <v>162963</v>
      </c>
      <c r="G48052" s="1" t="s">
        <v>162958</v>
      </c>
      <c r="H48052" s="1" t="s">
        <v>162959</v>
      </c>
      <c r="I48052" s="1" t="s">
        <v>162070</v>
      </c>
      <c r="J48052" s="1" t="s">
        <v>162964</v>
      </c>
    </row>
    <row r="48053" spans="1:10" x14ac:dyDescent="0.35">
      <c r="A48053" s="1" t="s">
        <v>5686</v>
      </c>
      <c r="B48053" s="1" t="s">
        <v>162065</v>
      </c>
      <c r="C48053" s="1" t="s">
        <v>25</v>
      </c>
      <c r="D48053" s="1" t="s">
        <v>85795</v>
      </c>
      <c r="E48053" s="1" t="s">
        <v>24384</v>
      </c>
      <c r="F48053" s="1" t="s">
        <v>66154</v>
      </c>
      <c r="G48053" s="1" t="s">
        <v>162958</v>
      </c>
      <c r="H48053" s="1" t="s">
        <v>162959</v>
      </c>
      <c r="I48053" s="1" t="s">
        <v>162070</v>
      </c>
      <c r="J48053" s="1" t="s">
        <v>162965</v>
      </c>
    </row>
    <row r="48054" spans="1:10" x14ac:dyDescent="0.35">
      <c r="A48054" s="1" t="s">
        <v>5686</v>
      </c>
      <c r="B48054" s="1" t="s">
        <v>162065</v>
      </c>
      <c r="C48054" s="1" t="s">
        <v>30</v>
      </c>
      <c r="D48054" s="1" t="s">
        <v>24926</v>
      </c>
      <c r="E48054" s="1" t="s">
        <v>27122</v>
      </c>
      <c r="F48054" s="1" t="s">
        <v>94251</v>
      </c>
      <c r="G48054" s="1" t="s">
        <v>162958</v>
      </c>
      <c r="H48054" s="1" t="s">
        <v>162959</v>
      </c>
      <c r="I48054" s="1" t="s">
        <v>162070</v>
      </c>
      <c r="J48054" s="1" t="s">
        <v>162966</v>
      </c>
    </row>
    <row r="48055" spans="1:10" x14ac:dyDescent="0.35">
      <c r="A48055" s="1" t="s">
        <v>5686</v>
      </c>
      <c r="B48055" s="1" t="s">
        <v>162065</v>
      </c>
      <c r="C48055" s="1" t="s">
        <v>35</v>
      </c>
      <c r="D48055" s="1" t="s">
        <v>162967</v>
      </c>
      <c r="E48055" s="1" t="s">
        <v>23521</v>
      </c>
      <c r="F48055" s="1" t="s">
        <v>64666</v>
      </c>
      <c r="G48055" s="1" t="s">
        <v>162958</v>
      </c>
      <c r="H48055" s="1" t="s">
        <v>162959</v>
      </c>
      <c r="I48055" s="1" t="s">
        <v>162070</v>
      </c>
      <c r="J48055" s="1" t="s">
        <v>162968</v>
      </c>
    </row>
    <row r="48056" spans="1:10" x14ac:dyDescent="0.35">
      <c r="A48056" s="1" t="s">
        <v>5686</v>
      </c>
      <c r="B48056" s="1" t="s">
        <v>162065</v>
      </c>
      <c r="C48056" s="1" t="s">
        <v>40</v>
      </c>
      <c r="D48056" s="1" t="s">
        <v>76285</v>
      </c>
      <c r="E48056" s="1" t="s">
        <v>23126</v>
      </c>
      <c r="F48056" s="1" t="s">
        <v>162969</v>
      </c>
      <c r="G48056" s="1" t="s">
        <v>162958</v>
      </c>
      <c r="H48056" s="1" t="s">
        <v>162959</v>
      </c>
      <c r="I48056" s="1" t="s">
        <v>162070</v>
      </c>
      <c r="J48056" s="1" t="s">
        <v>162970</v>
      </c>
    </row>
    <row r="48057" spans="1:10" x14ac:dyDescent="0.35">
      <c r="A48057" s="1" t="s">
        <v>5686</v>
      </c>
      <c r="B48057" s="1" t="s">
        <v>162065</v>
      </c>
      <c r="C48057" s="1" t="s">
        <v>45</v>
      </c>
      <c r="D48057" s="1" t="s">
        <v>88574</v>
      </c>
      <c r="E48057" s="1" t="s">
        <v>16138</v>
      </c>
      <c r="F48057" s="1" t="s">
        <v>162971</v>
      </c>
      <c r="G48057" s="1" t="s">
        <v>162958</v>
      </c>
      <c r="H48057" s="1" t="s">
        <v>162959</v>
      </c>
      <c r="I48057" s="1" t="s">
        <v>162070</v>
      </c>
      <c r="J48057" s="1" t="s">
        <v>162972</v>
      </c>
    </row>
    <row r="48058" spans="1:10" x14ac:dyDescent="0.35">
      <c r="A48058" s="1" t="s">
        <v>5686</v>
      </c>
      <c r="B48058" s="1" t="s">
        <v>162065</v>
      </c>
      <c r="C48058" s="1" t="s">
        <v>50</v>
      </c>
      <c r="D48058" s="1" t="s">
        <v>69472</v>
      </c>
      <c r="E48058" s="1" t="s">
        <v>21860</v>
      </c>
      <c r="F48058" s="1" t="s">
        <v>40695</v>
      </c>
      <c r="G48058" s="1" t="s">
        <v>162958</v>
      </c>
      <c r="H48058" s="1" t="s">
        <v>162959</v>
      </c>
      <c r="I48058" s="1" t="s">
        <v>162070</v>
      </c>
      <c r="J48058" s="1" t="s">
        <v>162973</v>
      </c>
    </row>
    <row r="48059" spans="1:10" x14ac:dyDescent="0.35">
      <c r="A48059" s="1" t="s">
        <v>5686</v>
      </c>
      <c r="B48059" s="1" t="s">
        <v>162065</v>
      </c>
      <c r="C48059" s="1" t="s">
        <v>55</v>
      </c>
      <c r="D48059" s="1" t="s">
        <v>162974</v>
      </c>
      <c r="E48059" s="1" t="s">
        <v>26586</v>
      </c>
      <c r="F48059" s="1" t="s">
        <v>63062</v>
      </c>
      <c r="G48059" s="1" t="s">
        <v>162958</v>
      </c>
      <c r="H48059" s="1" t="s">
        <v>162959</v>
      </c>
      <c r="I48059" s="1" t="s">
        <v>162070</v>
      </c>
      <c r="J48059" s="1" t="s">
        <v>162975</v>
      </c>
    </row>
    <row r="48060" spans="1:10" x14ac:dyDescent="0.35">
      <c r="A48060" s="1" t="s">
        <v>5686</v>
      </c>
      <c r="B48060" s="1" t="s">
        <v>162065</v>
      </c>
      <c r="C48060" s="1" t="s">
        <v>60</v>
      </c>
      <c r="D48060" s="1" t="s">
        <v>133998</v>
      </c>
      <c r="E48060" s="1" t="s">
        <v>27074</v>
      </c>
      <c r="F48060" s="1" t="s">
        <v>162976</v>
      </c>
      <c r="G48060" s="1" t="s">
        <v>162958</v>
      </c>
      <c r="H48060" s="1" t="s">
        <v>162959</v>
      </c>
      <c r="I48060" s="1" t="s">
        <v>162070</v>
      </c>
      <c r="J48060" s="1" t="s">
        <v>162977</v>
      </c>
    </row>
    <row r="48061" spans="1:10" x14ac:dyDescent="0.35">
      <c r="A48061" s="1" t="s">
        <v>5686</v>
      </c>
      <c r="B48061" s="1" t="s">
        <v>162065</v>
      </c>
      <c r="C48061" s="1" t="s">
        <v>65</v>
      </c>
      <c r="D48061" s="1" t="s">
        <v>162978</v>
      </c>
      <c r="E48061" s="1" t="s">
        <v>15289</v>
      </c>
      <c r="F48061" s="1" t="s">
        <v>149049</v>
      </c>
      <c r="G48061" s="1" t="s">
        <v>162958</v>
      </c>
      <c r="H48061" s="1" t="s">
        <v>162959</v>
      </c>
      <c r="I48061" s="1" t="s">
        <v>162070</v>
      </c>
      <c r="J48061" s="1" t="s">
        <v>162979</v>
      </c>
    </row>
    <row r="48062" spans="1:10" x14ac:dyDescent="0.35">
      <c r="A48062" s="1" t="s">
        <v>5686</v>
      </c>
      <c r="B48062" s="1" t="s">
        <v>162065</v>
      </c>
      <c r="C48062" s="1" t="s">
        <v>70</v>
      </c>
      <c r="D48062" s="1" t="s">
        <v>65290</v>
      </c>
      <c r="E48062" s="1" t="s">
        <v>15865</v>
      </c>
      <c r="F48062" s="1" t="s">
        <v>162980</v>
      </c>
      <c r="G48062" s="1" t="s">
        <v>162958</v>
      </c>
      <c r="H48062" s="1" t="s">
        <v>162959</v>
      </c>
      <c r="I48062" s="1" t="s">
        <v>162070</v>
      </c>
      <c r="J48062" s="1" t="s">
        <v>162981</v>
      </c>
    </row>
    <row r="48063" spans="1:10" x14ac:dyDescent="0.35">
      <c r="A48063" s="1" t="s">
        <v>5686</v>
      </c>
      <c r="B48063" s="1" t="s">
        <v>162065</v>
      </c>
      <c r="C48063" s="1" t="s">
        <v>75</v>
      </c>
      <c r="D48063" s="1" t="s">
        <v>162982</v>
      </c>
      <c r="E48063" s="1" t="s">
        <v>53890</v>
      </c>
      <c r="F48063" s="1" t="s">
        <v>162983</v>
      </c>
      <c r="G48063" s="1" t="s">
        <v>162958</v>
      </c>
      <c r="H48063" s="1" t="s">
        <v>162959</v>
      </c>
      <c r="I48063" s="1" t="s">
        <v>162070</v>
      </c>
      <c r="J48063" s="1" t="s">
        <v>162984</v>
      </c>
    </row>
    <row r="48064" spans="1:10" x14ac:dyDescent="0.35">
      <c r="A48064" s="1" t="s">
        <v>5686</v>
      </c>
      <c r="B48064" s="1" t="s">
        <v>162065</v>
      </c>
      <c r="C48064" s="1" t="s">
        <v>80</v>
      </c>
      <c r="D48064" s="1" t="s">
        <v>162985</v>
      </c>
      <c r="E48064" s="1" t="s">
        <v>31953</v>
      </c>
      <c r="F48064" s="1" t="s">
        <v>130366</v>
      </c>
      <c r="G48064" s="1" t="s">
        <v>162958</v>
      </c>
      <c r="H48064" s="1" t="s">
        <v>162959</v>
      </c>
      <c r="I48064" s="1" t="s">
        <v>162070</v>
      </c>
      <c r="J48064" s="1" t="s">
        <v>162986</v>
      </c>
    </row>
    <row r="48065" spans="1:10" x14ac:dyDescent="0.35">
      <c r="A48065" s="1" t="s">
        <v>5686</v>
      </c>
      <c r="B48065" s="1" t="s">
        <v>162065</v>
      </c>
      <c r="C48065" s="1" t="s">
        <v>85</v>
      </c>
      <c r="D48065" s="1" t="s">
        <v>162987</v>
      </c>
      <c r="E48065" s="1" t="s">
        <v>23476</v>
      </c>
      <c r="F48065" s="1" t="s">
        <v>162988</v>
      </c>
      <c r="G48065" s="1" t="s">
        <v>162958</v>
      </c>
      <c r="H48065" s="1" t="s">
        <v>162959</v>
      </c>
      <c r="I48065" s="1" t="s">
        <v>162070</v>
      </c>
      <c r="J48065" s="1" t="s">
        <v>162989</v>
      </c>
    </row>
    <row r="48066" spans="1:10" x14ac:dyDescent="0.35">
      <c r="A48066" s="1" t="s">
        <v>5686</v>
      </c>
      <c r="B48066" s="1" t="s">
        <v>162065</v>
      </c>
      <c r="C48066" s="1" t="s">
        <v>90</v>
      </c>
      <c r="D48066" s="1" t="s">
        <v>162990</v>
      </c>
      <c r="E48066" s="1" t="s">
        <v>65430</v>
      </c>
      <c r="F48066" s="1" t="s">
        <v>162991</v>
      </c>
      <c r="G48066" s="1" t="s">
        <v>162958</v>
      </c>
      <c r="H48066" s="1" t="s">
        <v>162959</v>
      </c>
      <c r="I48066" s="1" t="s">
        <v>162070</v>
      </c>
      <c r="J48066" s="1" t="s">
        <v>162992</v>
      </c>
    </row>
    <row r="48067" spans="1:10" x14ac:dyDescent="0.35">
      <c r="A48067" s="1" t="s">
        <v>5686</v>
      </c>
      <c r="B48067" s="1" t="s">
        <v>162065</v>
      </c>
      <c r="C48067" s="1" t="s">
        <v>95</v>
      </c>
      <c r="D48067" s="1" t="s">
        <v>162993</v>
      </c>
      <c r="E48067" s="1" t="s">
        <v>56849</v>
      </c>
      <c r="F48067" s="1" t="s">
        <v>162994</v>
      </c>
      <c r="G48067" s="1" t="s">
        <v>162958</v>
      </c>
      <c r="H48067" s="1" t="s">
        <v>162959</v>
      </c>
      <c r="I48067" s="1" t="s">
        <v>162070</v>
      </c>
      <c r="J48067" s="1" t="s">
        <v>162995</v>
      </c>
    </row>
    <row r="48068" spans="1:10" x14ac:dyDescent="0.35">
      <c r="A48068" s="1" t="s">
        <v>5686</v>
      </c>
      <c r="B48068" s="1" t="s">
        <v>162065</v>
      </c>
      <c r="C48068" s="1" t="s">
        <v>100</v>
      </c>
      <c r="D48068" s="1" t="s">
        <v>162996</v>
      </c>
      <c r="E48068" s="1" t="s">
        <v>53864</v>
      </c>
      <c r="F48068" s="1" t="s">
        <v>26536</v>
      </c>
      <c r="G48068" s="1" t="s">
        <v>162958</v>
      </c>
      <c r="H48068" s="1" t="s">
        <v>162959</v>
      </c>
      <c r="I48068" s="1" t="s">
        <v>162070</v>
      </c>
      <c r="J48068" s="1" t="s">
        <v>162997</v>
      </c>
    </row>
    <row r="48069" spans="1:10" x14ac:dyDescent="0.35">
      <c r="A48069" s="1" t="s">
        <v>5686</v>
      </c>
      <c r="B48069" s="1" t="s">
        <v>162065</v>
      </c>
      <c r="C48069" s="1" t="s">
        <v>105</v>
      </c>
      <c r="D48069" s="1" t="s">
        <v>162998</v>
      </c>
      <c r="E48069" s="1" t="s">
        <v>53940</v>
      </c>
      <c r="F48069" s="1" t="s">
        <v>107471</v>
      </c>
      <c r="G48069" s="1" t="s">
        <v>162958</v>
      </c>
      <c r="H48069" s="1" t="s">
        <v>162959</v>
      </c>
      <c r="I48069" s="1" t="s">
        <v>162070</v>
      </c>
      <c r="J48069" s="1" t="s">
        <v>162999</v>
      </c>
    </row>
    <row r="48070" spans="1:10" x14ac:dyDescent="0.35">
      <c r="A48070" s="1" t="s">
        <v>5686</v>
      </c>
      <c r="B48070" s="1" t="s">
        <v>162065</v>
      </c>
      <c r="C48070" s="1" t="s">
        <v>110</v>
      </c>
      <c r="D48070" s="1" t="s">
        <v>163000</v>
      </c>
      <c r="E48070" s="1" t="s">
        <v>55586</v>
      </c>
      <c r="F48070" s="1" t="s">
        <v>98620</v>
      </c>
      <c r="G48070" s="1" t="s">
        <v>162958</v>
      </c>
      <c r="H48070" s="1" t="s">
        <v>162959</v>
      </c>
      <c r="I48070" s="1" t="s">
        <v>162070</v>
      </c>
      <c r="J48070" s="1" t="s">
        <v>163001</v>
      </c>
    </row>
    <row r="48071" spans="1:10" x14ac:dyDescent="0.35">
      <c r="A48071" s="1" t="s">
        <v>5686</v>
      </c>
      <c r="B48071" s="1" t="s">
        <v>162065</v>
      </c>
      <c r="C48071" s="1" t="s">
        <v>115</v>
      </c>
      <c r="D48071" s="1" t="s">
        <v>163002</v>
      </c>
      <c r="E48071" s="1" t="s">
        <v>56849</v>
      </c>
      <c r="F48071" s="1" t="s">
        <v>32920</v>
      </c>
      <c r="G48071" s="1" t="s">
        <v>162958</v>
      </c>
      <c r="H48071" s="1" t="s">
        <v>162959</v>
      </c>
      <c r="I48071" s="1" t="s">
        <v>162070</v>
      </c>
      <c r="J48071" s="1" t="s">
        <v>163003</v>
      </c>
    </row>
    <row r="48072" spans="1:10" x14ac:dyDescent="0.35">
      <c r="A48072" s="1" t="s">
        <v>5686</v>
      </c>
      <c r="B48072" s="1" t="s">
        <v>162065</v>
      </c>
      <c r="C48072" s="1" t="s">
        <v>120</v>
      </c>
      <c r="D48072" s="1" t="s">
        <v>163004</v>
      </c>
      <c r="E48072" s="1" t="s">
        <v>32344</v>
      </c>
      <c r="F48072" s="1" t="s">
        <v>163005</v>
      </c>
      <c r="G48072" s="1" t="s">
        <v>162958</v>
      </c>
      <c r="H48072" s="1" t="s">
        <v>162959</v>
      </c>
      <c r="I48072" s="1" t="s">
        <v>162070</v>
      </c>
      <c r="J48072" s="1" t="s">
        <v>163006</v>
      </c>
    </row>
    <row r="48073" spans="1:10" x14ac:dyDescent="0.35">
      <c r="A48073" s="1" t="s">
        <v>5686</v>
      </c>
      <c r="B48073" s="1" t="s">
        <v>162065</v>
      </c>
      <c r="C48073" s="1" t="s">
        <v>125</v>
      </c>
      <c r="D48073" s="1" t="s">
        <v>163007</v>
      </c>
      <c r="E48073" s="1" t="s">
        <v>32344</v>
      </c>
      <c r="F48073" s="1" t="s">
        <v>163008</v>
      </c>
      <c r="G48073" s="1" t="s">
        <v>162958</v>
      </c>
      <c r="H48073" s="1" t="s">
        <v>162959</v>
      </c>
      <c r="I48073" s="1" t="s">
        <v>162070</v>
      </c>
      <c r="J48073" s="1" t="s">
        <v>163009</v>
      </c>
    </row>
    <row r="48074" spans="1:10" x14ac:dyDescent="0.35">
      <c r="A48074" s="1" t="s">
        <v>5686</v>
      </c>
      <c r="B48074" s="1" t="s">
        <v>162065</v>
      </c>
      <c r="C48074" s="1" t="s">
        <v>130</v>
      </c>
      <c r="D48074" s="1" t="s">
        <v>163010</v>
      </c>
      <c r="E48074" s="1" t="s">
        <v>67868</v>
      </c>
      <c r="F48074" s="1" t="s">
        <v>56237</v>
      </c>
      <c r="G48074" s="1" t="s">
        <v>162958</v>
      </c>
      <c r="H48074" s="1" t="s">
        <v>162959</v>
      </c>
      <c r="I48074" s="1" t="s">
        <v>162070</v>
      </c>
      <c r="J48074" s="1" t="s">
        <v>163011</v>
      </c>
    </row>
    <row r="48075" spans="1:10" x14ac:dyDescent="0.35">
      <c r="A48075" s="1" t="s">
        <v>5686</v>
      </c>
      <c r="B48075" s="1" t="s">
        <v>162065</v>
      </c>
      <c r="C48075" s="1" t="s">
        <v>135</v>
      </c>
      <c r="D48075" s="1" t="s">
        <v>163012</v>
      </c>
      <c r="E48075" s="1" t="s">
        <v>23509</v>
      </c>
      <c r="F48075" s="1" t="s">
        <v>163013</v>
      </c>
      <c r="G48075" s="1" t="s">
        <v>162958</v>
      </c>
      <c r="H48075" s="1" t="s">
        <v>162959</v>
      </c>
      <c r="I48075" s="1" t="s">
        <v>162070</v>
      </c>
      <c r="J48075" s="1" t="s">
        <v>163014</v>
      </c>
    </row>
    <row r="48076" spans="1:10" x14ac:dyDescent="0.35">
      <c r="A48076" s="1" t="s">
        <v>5686</v>
      </c>
      <c r="B48076" s="1" t="s">
        <v>162065</v>
      </c>
      <c r="C48076" s="1" t="s">
        <v>140</v>
      </c>
      <c r="D48076" s="1" t="s">
        <v>163015</v>
      </c>
      <c r="E48076" s="1" t="s">
        <v>68930</v>
      </c>
      <c r="F48076" s="1" t="s">
        <v>96544</v>
      </c>
      <c r="G48076" s="1" t="s">
        <v>162958</v>
      </c>
      <c r="H48076" s="1" t="s">
        <v>162959</v>
      </c>
      <c r="I48076" s="1" t="s">
        <v>162070</v>
      </c>
      <c r="J48076" s="1" t="s">
        <v>163016</v>
      </c>
    </row>
    <row r="48077" spans="1:10" x14ac:dyDescent="0.35">
      <c r="A48077" s="1" t="s">
        <v>5686</v>
      </c>
      <c r="B48077" s="1" t="s">
        <v>162065</v>
      </c>
      <c r="C48077" s="1" t="s">
        <v>145</v>
      </c>
      <c r="D48077" s="1" t="s">
        <v>163017</v>
      </c>
      <c r="E48077" s="1" t="s">
        <v>67157</v>
      </c>
      <c r="F48077" s="1" t="s">
        <v>27165</v>
      </c>
      <c r="G48077" s="1" t="s">
        <v>162958</v>
      </c>
      <c r="H48077" s="1" t="s">
        <v>162959</v>
      </c>
      <c r="I48077" s="1" t="s">
        <v>162070</v>
      </c>
      <c r="J48077" s="1" t="s">
        <v>163018</v>
      </c>
    </row>
    <row r="48078" spans="1:10" x14ac:dyDescent="0.35">
      <c r="A48078" s="1" t="s">
        <v>5686</v>
      </c>
      <c r="B48078" s="1" t="s">
        <v>162065</v>
      </c>
      <c r="C48078" s="1" t="s">
        <v>150</v>
      </c>
      <c r="D48078" s="1" t="s">
        <v>163019</v>
      </c>
      <c r="E48078" s="1" t="s">
        <v>23269</v>
      </c>
      <c r="F48078" s="1" t="s">
        <v>163020</v>
      </c>
      <c r="G48078" s="1" t="s">
        <v>162958</v>
      </c>
      <c r="H48078" s="1" t="s">
        <v>162959</v>
      </c>
      <c r="I48078" s="1" t="s">
        <v>162070</v>
      </c>
      <c r="J48078" s="1" t="s">
        <v>163021</v>
      </c>
    </row>
    <row r="48079" spans="1:10" x14ac:dyDescent="0.35">
      <c r="A48079" s="1" t="s">
        <v>5686</v>
      </c>
      <c r="B48079" s="1" t="s">
        <v>162065</v>
      </c>
      <c r="C48079" s="1" t="s">
        <v>155</v>
      </c>
      <c r="D48079" s="1" t="s">
        <v>101000</v>
      </c>
      <c r="E48079" s="1" t="s">
        <v>163022</v>
      </c>
      <c r="F48079" s="1" t="s">
        <v>163023</v>
      </c>
      <c r="G48079" s="1" t="s">
        <v>162958</v>
      </c>
      <c r="H48079" s="1" t="s">
        <v>162959</v>
      </c>
      <c r="I48079" s="1" t="s">
        <v>162070</v>
      </c>
      <c r="J48079" s="1" t="s">
        <v>163024</v>
      </c>
    </row>
    <row r="48080" spans="1:10" x14ac:dyDescent="0.35">
      <c r="A48080" s="1" t="s">
        <v>5686</v>
      </c>
      <c r="B48080" s="1" t="s">
        <v>162065</v>
      </c>
      <c r="C48080" s="1" t="s">
        <v>160</v>
      </c>
      <c r="D48080" s="1" t="s">
        <v>163025</v>
      </c>
      <c r="E48080" s="1" t="s">
        <v>32153</v>
      </c>
      <c r="F48080" s="1" t="s">
        <v>163026</v>
      </c>
      <c r="G48080" s="1" t="s">
        <v>162958</v>
      </c>
      <c r="H48080" s="1" t="s">
        <v>162959</v>
      </c>
      <c r="I48080" s="1" t="s">
        <v>162070</v>
      </c>
      <c r="J48080" s="1" t="s">
        <v>163027</v>
      </c>
    </row>
    <row r="48081" spans="1:10" x14ac:dyDescent="0.35">
      <c r="A48081" s="1" t="s">
        <v>5686</v>
      </c>
      <c r="B48081" s="1" t="s">
        <v>162065</v>
      </c>
      <c r="C48081" s="1" t="s">
        <v>165</v>
      </c>
      <c r="D48081" s="1" t="s">
        <v>163028</v>
      </c>
      <c r="E48081" s="1" t="s">
        <v>56517</v>
      </c>
      <c r="F48081" s="1" t="s">
        <v>163029</v>
      </c>
      <c r="G48081" s="1" t="s">
        <v>162958</v>
      </c>
      <c r="H48081" s="1" t="s">
        <v>162959</v>
      </c>
      <c r="I48081" s="1" t="s">
        <v>162070</v>
      </c>
      <c r="J48081" s="1" t="s">
        <v>163030</v>
      </c>
    </row>
    <row r="48082" spans="1:10" x14ac:dyDescent="0.35">
      <c r="A48082" s="1" t="s">
        <v>5686</v>
      </c>
      <c r="B48082" s="1" t="s">
        <v>162065</v>
      </c>
      <c r="C48082" s="1" t="s">
        <v>170</v>
      </c>
      <c r="D48082" s="1" t="s">
        <v>163031</v>
      </c>
      <c r="E48082" s="1" t="s">
        <v>31824</v>
      </c>
      <c r="F48082" s="1" t="s">
        <v>107257</v>
      </c>
      <c r="G48082" s="1" t="s">
        <v>162958</v>
      </c>
      <c r="H48082" s="1" t="s">
        <v>162959</v>
      </c>
      <c r="I48082" s="1" t="s">
        <v>162070</v>
      </c>
      <c r="J48082" s="1" t="s">
        <v>163032</v>
      </c>
    </row>
    <row r="48083" spans="1:10" x14ac:dyDescent="0.35">
      <c r="A48083" s="1" t="s">
        <v>3972</v>
      </c>
      <c r="B48083" s="1" t="s">
        <v>162065</v>
      </c>
      <c r="C48083" s="1" t="s">
        <v>8</v>
      </c>
      <c r="D48083" s="1" t="s">
        <v>163033</v>
      </c>
      <c r="E48083" s="1" t="s">
        <v>31435</v>
      </c>
      <c r="F48083" s="1" t="s">
        <v>61754</v>
      </c>
      <c r="G48083" s="1" t="s">
        <v>163034</v>
      </c>
      <c r="H48083" s="1" t="s">
        <v>163035</v>
      </c>
      <c r="I48083" s="1" t="s">
        <v>162070</v>
      </c>
      <c r="J48083" s="1" t="s">
        <v>13</v>
      </c>
    </row>
    <row r="48084" spans="1:10" x14ac:dyDescent="0.35">
      <c r="A48084" s="1" t="s">
        <v>3972</v>
      </c>
      <c r="B48084" s="1" t="s">
        <v>162065</v>
      </c>
      <c r="C48084" s="1" t="s">
        <v>15</v>
      </c>
      <c r="D48084" s="1" t="s">
        <v>163036</v>
      </c>
      <c r="E48084" s="1" t="s">
        <v>21190</v>
      </c>
      <c r="F48084" s="1" t="s">
        <v>67277</v>
      </c>
      <c r="G48084" s="1" t="s">
        <v>163034</v>
      </c>
      <c r="H48084" s="1" t="s">
        <v>163035</v>
      </c>
      <c r="I48084" s="1" t="s">
        <v>162070</v>
      </c>
      <c r="J48084" s="1" t="s">
        <v>163037</v>
      </c>
    </row>
    <row r="48085" spans="1:10" x14ac:dyDescent="0.35">
      <c r="A48085" s="1" t="s">
        <v>3972</v>
      </c>
      <c r="B48085" s="1" t="s">
        <v>162065</v>
      </c>
      <c r="C48085" s="1" t="s">
        <v>20</v>
      </c>
      <c r="D48085" s="1" t="s">
        <v>90486</v>
      </c>
      <c r="E48085" s="1" t="s">
        <v>27070</v>
      </c>
      <c r="F48085" s="1" t="s">
        <v>60895</v>
      </c>
      <c r="G48085" s="1" t="s">
        <v>163034</v>
      </c>
      <c r="H48085" s="1" t="s">
        <v>163035</v>
      </c>
      <c r="I48085" s="1" t="s">
        <v>162070</v>
      </c>
      <c r="J48085" s="1" t="s">
        <v>163038</v>
      </c>
    </row>
    <row r="48086" spans="1:10" x14ac:dyDescent="0.35">
      <c r="A48086" s="1" t="s">
        <v>3972</v>
      </c>
      <c r="B48086" s="1" t="s">
        <v>162065</v>
      </c>
      <c r="C48086" s="1" t="s">
        <v>25</v>
      </c>
      <c r="D48086" s="1" t="s">
        <v>43468</v>
      </c>
      <c r="E48086" s="1" t="s">
        <v>56221</v>
      </c>
      <c r="F48086" s="1" t="s">
        <v>163039</v>
      </c>
      <c r="G48086" s="1" t="s">
        <v>163034</v>
      </c>
      <c r="H48086" s="1" t="s">
        <v>163035</v>
      </c>
      <c r="I48086" s="1" t="s">
        <v>162070</v>
      </c>
      <c r="J48086" s="1" t="s">
        <v>163040</v>
      </c>
    </row>
    <row r="48087" spans="1:10" x14ac:dyDescent="0.35">
      <c r="A48087" s="1" t="s">
        <v>3972</v>
      </c>
      <c r="B48087" s="1" t="s">
        <v>162065</v>
      </c>
      <c r="C48087" s="1" t="s">
        <v>30</v>
      </c>
      <c r="D48087" s="1" t="s">
        <v>163041</v>
      </c>
      <c r="E48087" s="1" t="s">
        <v>15328</v>
      </c>
      <c r="F48087" s="1" t="s">
        <v>163042</v>
      </c>
      <c r="G48087" s="1" t="s">
        <v>163034</v>
      </c>
      <c r="H48087" s="1" t="s">
        <v>163035</v>
      </c>
      <c r="I48087" s="1" t="s">
        <v>162070</v>
      </c>
      <c r="J48087" s="1" t="s">
        <v>163043</v>
      </c>
    </row>
    <row r="48088" spans="1:10" x14ac:dyDescent="0.35">
      <c r="A48088" s="1" t="s">
        <v>3972</v>
      </c>
      <c r="B48088" s="1" t="s">
        <v>162065</v>
      </c>
      <c r="C48088" s="1" t="s">
        <v>35</v>
      </c>
      <c r="D48088" s="1" t="s">
        <v>70509</v>
      </c>
      <c r="E48088" s="1" t="s">
        <v>55182</v>
      </c>
      <c r="F48088" s="1" t="s">
        <v>163044</v>
      </c>
      <c r="G48088" s="1" t="s">
        <v>163034</v>
      </c>
      <c r="H48088" s="1" t="s">
        <v>163035</v>
      </c>
      <c r="I48088" s="1" t="s">
        <v>162070</v>
      </c>
      <c r="J48088" s="1" t="s">
        <v>163045</v>
      </c>
    </row>
    <row r="48089" spans="1:10" x14ac:dyDescent="0.35">
      <c r="A48089" s="1" t="s">
        <v>3972</v>
      </c>
      <c r="B48089" s="1" t="s">
        <v>162065</v>
      </c>
      <c r="C48089" s="1" t="s">
        <v>40</v>
      </c>
      <c r="D48089" s="1" t="s">
        <v>137929</v>
      </c>
      <c r="E48089" s="1" t="s">
        <v>163046</v>
      </c>
      <c r="F48089" s="1" t="s">
        <v>155943</v>
      </c>
      <c r="G48089" s="1" t="s">
        <v>163034</v>
      </c>
      <c r="H48089" s="1" t="s">
        <v>163035</v>
      </c>
      <c r="I48089" s="1" t="s">
        <v>162070</v>
      </c>
      <c r="J48089" s="1" t="s">
        <v>163047</v>
      </c>
    </row>
    <row r="48090" spans="1:10" x14ac:dyDescent="0.35">
      <c r="A48090" s="1" t="s">
        <v>3972</v>
      </c>
      <c r="B48090" s="1" t="s">
        <v>162065</v>
      </c>
      <c r="C48090" s="1" t="s">
        <v>45</v>
      </c>
      <c r="D48090" s="1" t="s">
        <v>163048</v>
      </c>
      <c r="E48090" s="1" t="s">
        <v>57650</v>
      </c>
      <c r="F48090" s="1" t="s">
        <v>163049</v>
      </c>
      <c r="G48090" s="1" t="s">
        <v>163034</v>
      </c>
      <c r="H48090" s="1" t="s">
        <v>163035</v>
      </c>
      <c r="I48090" s="1" t="s">
        <v>162070</v>
      </c>
      <c r="J48090" s="1" t="s">
        <v>163050</v>
      </c>
    </row>
    <row r="48091" spans="1:10" x14ac:dyDescent="0.35">
      <c r="A48091" s="1" t="s">
        <v>3972</v>
      </c>
      <c r="B48091" s="1" t="s">
        <v>162065</v>
      </c>
      <c r="C48091" s="1" t="s">
        <v>50</v>
      </c>
      <c r="D48091" s="1" t="s">
        <v>163051</v>
      </c>
      <c r="E48091" s="1" t="s">
        <v>32302</v>
      </c>
      <c r="F48091" s="1" t="s">
        <v>163052</v>
      </c>
      <c r="G48091" s="1" t="s">
        <v>163034</v>
      </c>
      <c r="H48091" s="1" t="s">
        <v>163035</v>
      </c>
      <c r="I48091" s="1" t="s">
        <v>162070</v>
      </c>
      <c r="J48091" s="1" t="s">
        <v>163053</v>
      </c>
    </row>
    <row r="48092" spans="1:10" x14ac:dyDescent="0.35">
      <c r="A48092" s="1" t="s">
        <v>3972</v>
      </c>
      <c r="B48092" s="1" t="s">
        <v>162065</v>
      </c>
      <c r="C48092" s="1" t="s">
        <v>55</v>
      </c>
      <c r="D48092" s="1" t="s">
        <v>12724</v>
      </c>
      <c r="E48092" s="1" t="s">
        <v>163054</v>
      </c>
      <c r="F48092" s="1" t="s">
        <v>57645</v>
      </c>
      <c r="G48092" s="1" t="s">
        <v>163034</v>
      </c>
      <c r="H48092" s="1" t="s">
        <v>163035</v>
      </c>
      <c r="I48092" s="1" t="s">
        <v>162070</v>
      </c>
      <c r="J48092" s="1" t="s">
        <v>163055</v>
      </c>
    </row>
    <row r="48093" spans="1:10" x14ac:dyDescent="0.35">
      <c r="A48093" s="1" t="s">
        <v>3972</v>
      </c>
      <c r="B48093" s="1" t="s">
        <v>162065</v>
      </c>
      <c r="C48093" s="1" t="s">
        <v>60</v>
      </c>
      <c r="D48093" s="1" t="s">
        <v>163056</v>
      </c>
      <c r="E48093" s="1" t="s">
        <v>26629</v>
      </c>
      <c r="F48093" s="1" t="s">
        <v>108859</v>
      </c>
      <c r="G48093" s="1" t="s">
        <v>163034</v>
      </c>
      <c r="H48093" s="1" t="s">
        <v>163035</v>
      </c>
      <c r="I48093" s="1" t="s">
        <v>162070</v>
      </c>
      <c r="J48093" s="1" t="s">
        <v>163057</v>
      </c>
    </row>
    <row r="48094" spans="1:10" x14ac:dyDescent="0.35">
      <c r="A48094" s="1" t="s">
        <v>3972</v>
      </c>
      <c r="B48094" s="1" t="s">
        <v>162065</v>
      </c>
      <c r="C48094" s="1" t="s">
        <v>65</v>
      </c>
      <c r="D48094" s="1" t="s">
        <v>163058</v>
      </c>
      <c r="E48094" s="1" t="s">
        <v>59319</v>
      </c>
      <c r="F48094" s="1" t="s">
        <v>103671</v>
      </c>
      <c r="G48094" s="1" t="s">
        <v>163034</v>
      </c>
      <c r="H48094" s="1" t="s">
        <v>163035</v>
      </c>
      <c r="I48094" s="1" t="s">
        <v>162070</v>
      </c>
      <c r="J48094" s="1" t="s">
        <v>163059</v>
      </c>
    </row>
    <row r="48095" spans="1:10" x14ac:dyDescent="0.35">
      <c r="A48095" s="1" t="s">
        <v>3972</v>
      </c>
      <c r="B48095" s="1" t="s">
        <v>162065</v>
      </c>
      <c r="C48095" s="1" t="s">
        <v>70</v>
      </c>
      <c r="D48095" s="1" t="s">
        <v>86437</v>
      </c>
      <c r="E48095" s="1" t="s">
        <v>16105</v>
      </c>
      <c r="F48095" s="1" t="s">
        <v>163060</v>
      </c>
      <c r="G48095" s="1" t="s">
        <v>163034</v>
      </c>
      <c r="H48095" s="1" t="s">
        <v>163035</v>
      </c>
      <c r="I48095" s="1" t="s">
        <v>162070</v>
      </c>
      <c r="J48095" s="1" t="s">
        <v>163061</v>
      </c>
    </row>
    <row r="48096" spans="1:10" x14ac:dyDescent="0.35">
      <c r="A48096" s="1" t="s">
        <v>3972</v>
      </c>
      <c r="B48096" s="1" t="s">
        <v>162065</v>
      </c>
      <c r="C48096" s="1" t="s">
        <v>75</v>
      </c>
      <c r="D48096" s="1" t="s">
        <v>163062</v>
      </c>
      <c r="E48096" s="1" t="s">
        <v>54467</v>
      </c>
      <c r="F48096" s="1" t="s">
        <v>62933</v>
      </c>
      <c r="G48096" s="1" t="s">
        <v>163034</v>
      </c>
      <c r="H48096" s="1" t="s">
        <v>163035</v>
      </c>
      <c r="I48096" s="1" t="s">
        <v>162070</v>
      </c>
      <c r="J48096" s="1" t="s">
        <v>163063</v>
      </c>
    </row>
    <row r="48097" spans="1:10" x14ac:dyDescent="0.35">
      <c r="A48097" s="1" t="s">
        <v>3972</v>
      </c>
      <c r="B48097" s="1" t="s">
        <v>162065</v>
      </c>
      <c r="C48097" s="1" t="s">
        <v>80</v>
      </c>
      <c r="D48097" s="1" t="s">
        <v>163064</v>
      </c>
      <c r="E48097" s="1" t="s">
        <v>54783</v>
      </c>
      <c r="F48097" s="1" t="s">
        <v>163065</v>
      </c>
      <c r="G48097" s="1" t="s">
        <v>163034</v>
      </c>
      <c r="H48097" s="1" t="s">
        <v>163035</v>
      </c>
      <c r="I48097" s="1" t="s">
        <v>162070</v>
      </c>
      <c r="J48097" s="1" t="s">
        <v>163066</v>
      </c>
    </row>
    <row r="48098" spans="1:10" x14ac:dyDescent="0.35">
      <c r="A48098" s="1" t="s">
        <v>3972</v>
      </c>
      <c r="B48098" s="1" t="s">
        <v>162065</v>
      </c>
      <c r="C48098" s="1" t="s">
        <v>85</v>
      </c>
      <c r="D48098" s="1" t="s">
        <v>68533</v>
      </c>
      <c r="E48098" s="1" t="s">
        <v>56082</v>
      </c>
      <c r="F48098" s="1" t="s">
        <v>64457</v>
      </c>
      <c r="G48098" s="1" t="s">
        <v>163034</v>
      </c>
      <c r="H48098" s="1" t="s">
        <v>163035</v>
      </c>
      <c r="I48098" s="1" t="s">
        <v>162070</v>
      </c>
      <c r="J48098" s="1" t="s">
        <v>163067</v>
      </c>
    </row>
    <row r="48099" spans="1:10" x14ac:dyDescent="0.35">
      <c r="A48099" s="1" t="s">
        <v>3972</v>
      </c>
      <c r="B48099" s="1" t="s">
        <v>162065</v>
      </c>
      <c r="C48099" s="1" t="s">
        <v>90</v>
      </c>
      <c r="D48099" s="1" t="s">
        <v>137468</v>
      </c>
      <c r="E48099" s="1" t="s">
        <v>16132</v>
      </c>
      <c r="F48099" s="1" t="s">
        <v>163068</v>
      </c>
      <c r="G48099" s="1" t="s">
        <v>163034</v>
      </c>
      <c r="H48099" s="1" t="s">
        <v>163035</v>
      </c>
      <c r="I48099" s="1" t="s">
        <v>162070</v>
      </c>
      <c r="J48099" s="1" t="s">
        <v>163069</v>
      </c>
    </row>
    <row r="48100" spans="1:10" x14ac:dyDescent="0.35">
      <c r="A48100" s="1" t="s">
        <v>3972</v>
      </c>
      <c r="B48100" s="1" t="s">
        <v>162065</v>
      </c>
      <c r="C48100" s="1" t="s">
        <v>95</v>
      </c>
      <c r="D48100" s="1" t="s">
        <v>163070</v>
      </c>
      <c r="E48100" s="1" t="s">
        <v>26239</v>
      </c>
      <c r="F48100" s="1" t="s">
        <v>163071</v>
      </c>
      <c r="G48100" s="1" t="s">
        <v>163034</v>
      </c>
      <c r="H48100" s="1" t="s">
        <v>163035</v>
      </c>
      <c r="I48100" s="1" t="s">
        <v>162070</v>
      </c>
      <c r="J48100" s="1" t="s">
        <v>163072</v>
      </c>
    </row>
    <row r="48101" spans="1:10" x14ac:dyDescent="0.35">
      <c r="A48101" s="1" t="s">
        <v>3972</v>
      </c>
      <c r="B48101" s="1" t="s">
        <v>162065</v>
      </c>
      <c r="C48101" s="1" t="s">
        <v>100</v>
      </c>
      <c r="D48101" s="1" t="s">
        <v>92347</v>
      </c>
      <c r="E48101" s="1" t="s">
        <v>23457</v>
      </c>
      <c r="F48101" s="1" t="s">
        <v>163073</v>
      </c>
      <c r="G48101" s="1" t="s">
        <v>163034</v>
      </c>
      <c r="H48101" s="1" t="s">
        <v>163035</v>
      </c>
      <c r="I48101" s="1" t="s">
        <v>162070</v>
      </c>
      <c r="J48101" s="1" t="s">
        <v>163074</v>
      </c>
    </row>
    <row r="48102" spans="1:10" x14ac:dyDescent="0.35">
      <c r="A48102" s="1" t="s">
        <v>3972</v>
      </c>
      <c r="B48102" s="1" t="s">
        <v>162065</v>
      </c>
      <c r="C48102" s="1" t="s">
        <v>105</v>
      </c>
      <c r="D48102" s="1" t="s">
        <v>163075</v>
      </c>
      <c r="E48102" s="1" t="s">
        <v>41247</v>
      </c>
      <c r="F48102" s="1" t="s">
        <v>32037</v>
      </c>
      <c r="G48102" s="1" t="s">
        <v>163034</v>
      </c>
      <c r="H48102" s="1" t="s">
        <v>163035</v>
      </c>
      <c r="I48102" s="1" t="s">
        <v>162070</v>
      </c>
      <c r="J48102" s="1" t="s">
        <v>163076</v>
      </c>
    </row>
    <row r="48103" spans="1:10" x14ac:dyDescent="0.35">
      <c r="A48103" s="1" t="s">
        <v>3972</v>
      </c>
      <c r="B48103" s="1" t="s">
        <v>162065</v>
      </c>
      <c r="C48103" s="1" t="s">
        <v>110</v>
      </c>
      <c r="D48103" s="1" t="s">
        <v>163077</v>
      </c>
      <c r="E48103" s="1" t="s">
        <v>56177</v>
      </c>
      <c r="F48103" s="1" t="s">
        <v>31554</v>
      </c>
      <c r="G48103" s="1" t="s">
        <v>163034</v>
      </c>
      <c r="H48103" s="1" t="s">
        <v>163035</v>
      </c>
      <c r="I48103" s="1" t="s">
        <v>162070</v>
      </c>
      <c r="J48103" s="1" t="s">
        <v>163078</v>
      </c>
    </row>
    <row r="48104" spans="1:10" x14ac:dyDescent="0.35">
      <c r="A48104" s="1" t="s">
        <v>3972</v>
      </c>
      <c r="B48104" s="1" t="s">
        <v>162065</v>
      </c>
      <c r="C48104" s="1" t="s">
        <v>115</v>
      </c>
      <c r="D48104" s="1" t="s">
        <v>26961</v>
      </c>
      <c r="E48104" s="1" t="s">
        <v>54634</v>
      </c>
      <c r="F48104" s="1" t="s">
        <v>163079</v>
      </c>
      <c r="G48104" s="1" t="s">
        <v>163034</v>
      </c>
      <c r="H48104" s="1" t="s">
        <v>163035</v>
      </c>
      <c r="I48104" s="1" t="s">
        <v>162070</v>
      </c>
      <c r="J48104" s="1" t="s">
        <v>163080</v>
      </c>
    </row>
    <row r="48105" spans="1:10" x14ac:dyDescent="0.35">
      <c r="A48105" s="1" t="s">
        <v>3972</v>
      </c>
      <c r="B48105" s="1" t="s">
        <v>162065</v>
      </c>
      <c r="C48105" s="1" t="s">
        <v>120</v>
      </c>
      <c r="D48105" s="1" t="s">
        <v>139740</v>
      </c>
      <c r="E48105" s="1" t="s">
        <v>60199</v>
      </c>
      <c r="F48105" s="1" t="s">
        <v>70174</v>
      </c>
      <c r="G48105" s="1" t="s">
        <v>163034</v>
      </c>
      <c r="H48105" s="1" t="s">
        <v>163035</v>
      </c>
      <c r="I48105" s="1" t="s">
        <v>162070</v>
      </c>
      <c r="J48105" s="1" t="s">
        <v>163081</v>
      </c>
    </row>
    <row r="48106" spans="1:10" x14ac:dyDescent="0.35">
      <c r="A48106" s="1" t="s">
        <v>3972</v>
      </c>
      <c r="B48106" s="1" t="s">
        <v>162065</v>
      </c>
      <c r="C48106" s="1" t="s">
        <v>125</v>
      </c>
      <c r="D48106" s="1" t="s">
        <v>131342</v>
      </c>
      <c r="E48106" s="1" t="s">
        <v>55182</v>
      </c>
      <c r="F48106" s="1" t="s">
        <v>65616</v>
      </c>
      <c r="G48106" s="1" t="s">
        <v>163034</v>
      </c>
      <c r="H48106" s="1" t="s">
        <v>163035</v>
      </c>
      <c r="I48106" s="1" t="s">
        <v>162070</v>
      </c>
      <c r="J48106" s="1" t="s">
        <v>163082</v>
      </c>
    </row>
    <row r="48107" spans="1:10" x14ac:dyDescent="0.35">
      <c r="A48107" s="1" t="s">
        <v>3972</v>
      </c>
      <c r="B48107" s="1" t="s">
        <v>162065</v>
      </c>
      <c r="C48107" s="1" t="s">
        <v>130</v>
      </c>
      <c r="D48107" s="1" t="s">
        <v>89140</v>
      </c>
      <c r="E48107" s="1" t="s">
        <v>58602</v>
      </c>
      <c r="F48107" s="1" t="s">
        <v>64879</v>
      </c>
      <c r="G48107" s="1" t="s">
        <v>163034</v>
      </c>
      <c r="H48107" s="1" t="s">
        <v>163035</v>
      </c>
      <c r="I48107" s="1" t="s">
        <v>162070</v>
      </c>
      <c r="J48107" s="1" t="s">
        <v>163083</v>
      </c>
    </row>
    <row r="48108" spans="1:10" x14ac:dyDescent="0.35">
      <c r="A48108" s="1" t="s">
        <v>3972</v>
      </c>
      <c r="B48108" s="1" t="s">
        <v>162065</v>
      </c>
      <c r="C48108" s="1" t="s">
        <v>135</v>
      </c>
      <c r="D48108" s="1" t="s">
        <v>163084</v>
      </c>
      <c r="E48108" s="1" t="s">
        <v>32384</v>
      </c>
      <c r="F48108" s="1" t="s">
        <v>163085</v>
      </c>
      <c r="G48108" s="1" t="s">
        <v>163034</v>
      </c>
      <c r="H48108" s="1" t="s">
        <v>163035</v>
      </c>
      <c r="I48108" s="1" t="s">
        <v>162070</v>
      </c>
      <c r="J48108" s="1" t="s">
        <v>163086</v>
      </c>
    </row>
    <row r="48109" spans="1:10" x14ac:dyDescent="0.35">
      <c r="A48109" s="1" t="s">
        <v>3972</v>
      </c>
      <c r="B48109" s="1" t="s">
        <v>162065</v>
      </c>
      <c r="C48109" s="1" t="s">
        <v>140</v>
      </c>
      <c r="D48109" s="1" t="s">
        <v>163087</v>
      </c>
      <c r="E48109" s="1" t="s">
        <v>56021</v>
      </c>
      <c r="F48109" s="1" t="s">
        <v>66478</v>
      </c>
      <c r="G48109" s="1" t="s">
        <v>163034</v>
      </c>
      <c r="H48109" s="1" t="s">
        <v>163035</v>
      </c>
      <c r="I48109" s="1" t="s">
        <v>162070</v>
      </c>
      <c r="J48109" s="1" t="s">
        <v>163088</v>
      </c>
    </row>
    <row r="48110" spans="1:10" x14ac:dyDescent="0.35">
      <c r="A48110" s="1" t="s">
        <v>3972</v>
      </c>
      <c r="B48110" s="1" t="s">
        <v>162065</v>
      </c>
      <c r="C48110" s="1" t="s">
        <v>145</v>
      </c>
      <c r="D48110" s="1" t="s">
        <v>163089</v>
      </c>
      <c r="E48110" s="1" t="s">
        <v>41226</v>
      </c>
      <c r="F48110" s="1" t="s">
        <v>163090</v>
      </c>
      <c r="G48110" s="1" t="s">
        <v>163034</v>
      </c>
      <c r="H48110" s="1" t="s">
        <v>163035</v>
      </c>
      <c r="I48110" s="1" t="s">
        <v>162070</v>
      </c>
      <c r="J48110" s="1" t="s">
        <v>163091</v>
      </c>
    </row>
    <row r="48111" spans="1:10" x14ac:dyDescent="0.35">
      <c r="A48111" s="1" t="s">
        <v>3972</v>
      </c>
      <c r="B48111" s="1" t="s">
        <v>162065</v>
      </c>
      <c r="C48111" s="1" t="s">
        <v>150</v>
      </c>
      <c r="D48111" s="1" t="s">
        <v>131069</v>
      </c>
      <c r="E48111" s="1" t="s">
        <v>59078</v>
      </c>
      <c r="F48111" s="1" t="s">
        <v>108846</v>
      </c>
      <c r="G48111" s="1" t="s">
        <v>163034</v>
      </c>
      <c r="H48111" s="1" t="s">
        <v>163035</v>
      </c>
      <c r="I48111" s="1" t="s">
        <v>162070</v>
      </c>
      <c r="J48111" s="1" t="s">
        <v>163092</v>
      </c>
    </row>
    <row r="48112" spans="1:10" x14ac:dyDescent="0.35">
      <c r="A48112" s="1" t="s">
        <v>3972</v>
      </c>
      <c r="B48112" s="1" t="s">
        <v>162065</v>
      </c>
      <c r="C48112" s="1" t="s">
        <v>155</v>
      </c>
      <c r="D48112" s="1" t="s">
        <v>60660</v>
      </c>
      <c r="E48112" s="1" t="s">
        <v>16157</v>
      </c>
      <c r="F48112" s="1" t="s">
        <v>109236</v>
      </c>
      <c r="G48112" s="1" t="s">
        <v>163034</v>
      </c>
      <c r="H48112" s="1" t="s">
        <v>163035</v>
      </c>
      <c r="I48112" s="1" t="s">
        <v>162070</v>
      </c>
      <c r="J48112" s="1" t="s">
        <v>163093</v>
      </c>
    </row>
    <row r="48113" spans="1:10" x14ac:dyDescent="0.35">
      <c r="A48113" s="1" t="s">
        <v>3972</v>
      </c>
      <c r="B48113" s="1" t="s">
        <v>162065</v>
      </c>
      <c r="C48113" s="1" t="s">
        <v>160</v>
      </c>
      <c r="D48113" s="1" t="s">
        <v>22467</v>
      </c>
      <c r="E48113" s="1" t="s">
        <v>24236</v>
      </c>
      <c r="F48113" s="1" t="s">
        <v>55993</v>
      </c>
      <c r="G48113" s="1" t="s">
        <v>163034</v>
      </c>
      <c r="H48113" s="1" t="s">
        <v>163035</v>
      </c>
      <c r="I48113" s="1" t="s">
        <v>162070</v>
      </c>
      <c r="J48113" s="1" t="s">
        <v>163094</v>
      </c>
    </row>
    <row r="48114" spans="1:10" x14ac:dyDescent="0.35">
      <c r="A48114" s="1" t="s">
        <v>3972</v>
      </c>
      <c r="B48114" s="1" t="s">
        <v>162065</v>
      </c>
      <c r="C48114" s="1" t="s">
        <v>165</v>
      </c>
      <c r="D48114" s="1" t="s">
        <v>163095</v>
      </c>
      <c r="E48114" s="1" t="s">
        <v>24225</v>
      </c>
      <c r="F48114" s="1" t="s">
        <v>23173</v>
      </c>
      <c r="G48114" s="1" t="s">
        <v>163034</v>
      </c>
      <c r="H48114" s="1" t="s">
        <v>163035</v>
      </c>
      <c r="I48114" s="1" t="s">
        <v>162070</v>
      </c>
      <c r="J48114" s="1" t="s">
        <v>163096</v>
      </c>
    </row>
    <row r="48115" spans="1:10" x14ac:dyDescent="0.35">
      <c r="A48115" s="1" t="s">
        <v>3972</v>
      </c>
      <c r="B48115" s="1" t="s">
        <v>162065</v>
      </c>
      <c r="C48115" s="1" t="s">
        <v>170</v>
      </c>
      <c r="D48115" s="1" t="s">
        <v>163097</v>
      </c>
      <c r="E48115" s="1" t="s">
        <v>26488</v>
      </c>
      <c r="F48115" s="1" t="s">
        <v>163098</v>
      </c>
      <c r="G48115" s="1" t="s">
        <v>163034</v>
      </c>
      <c r="H48115" s="1" t="s">
        <v>163035</v>
      </c>
      <c r="I48115" s="1" t="s">
        <v>162070</v>
      </c>
      <c r="J48115" s="1" t="s">
        <v>163099</v>
      </c>
    </row>
    <row r="48116" spans="1:10" x14ac:dyDescent="0.35">
      <c r="A48116" s="1" t="s">
        <v>3900</v>
      </c>
      <c r="B48116" s="1" t="s">
        <v>162065</v>
      </c>
      <c r="C48116" s="1" t="s">
        <v>8</v>
      </c>
      <c r="D48116" s="1" t="s">
        <v>163100</v>
      </c>
      <c r="E48116" s="1" t="s">
        <v>32584</v>
      </c>
      <c r="F48116" s="1" t="s">
        <v>57066</v>
      </c>
      <c r="G48116" s="1" t="s">
        <v>163101</v>
      </c>
      <c r="H48116" s="1" t="s">
        <v>163102</v>
      </c>
      <c r="I48116" s="1" t="s">
        <v>162070</v>
      </c>
      <c r="J48116" s="1" t="s">
        <v>13</v>
      </c>
    </row>
    <row r="48117" spans="1:10" x14ac:dyDescent="0.35">
      <c r="A48117" s="1" t="s">
        <v>3900</v>
      </c>
      <c r="B48117" s="1" t="s">
        <v>162065</v>
      </c>
      <c r="C48117" s="1" t="s">
        <v>15</v>
      </c>
      <c r="D48117" s="1" t="s">
        <v>153971</v>
      </c>
      <c r="E48117" s="1" t="s">
        <v>15252</v>
      </c>
      <c r="F48117" s="1" t="s">
        <v>100205</v>
      </c>
      <c r="G48117" s="1" t="s">
        <v>163101</v>
      </c>
      <c r="H48117" s="1" t="s">
        <v>163102</v>
      </c>
      <c r="I48117" s="1" t="s">
        <v>162070</v>
      </c>
      <c r="J48117" s="1" t="s">
        <v>163103</v>
      </c>
    </row>
    <row r="48118" spans="1:10" x14ac:dyDescent="0.35">
      <c r="A48118" s="1" t="s">
        <v>3900</v>
      </c>
      <c r="B48118" s="1" t="s">
        <v>162065</v>
      </c>
      <c r="C48118" s="1" t="s">
        <v>20</v>
      </c>
      <c r="D48118" s="1" t="s">
        <v>163104</v>
      </c>
      <c r="E48118" s="1" t="s">
        <v>23232</v>
      </c>
      <c r="F48118" s="1" t="s">
        <v>130429</v>
      </c>
      <c r="G48118" s="1" t="s">
        <v>163101</v>
      </c>
      <c r="H48118" s="1" t="s">
        <v>163102</v>
      </c>
      <c r="I48118" s="1" t="s">
        <v>162070</v>
      </c>
      <c r="J48118" s="1" t="s">
        <v>163105</v>
      </c>
    </row>
    <row r="48119" spans="1:10" x14ac:dyDescent="0.35">
      <c r="A48119" s="1" t="s">
        <v>3900</v>
      </c>
      <c r="B48119" s="1" t="s">
        <v>162065</v>
      </c>
      <c r="C48119" s="1" t="s">
        <v>25</v>
      </c>
      <c r="D48119" s="1" t="s">
        <v>163106</v>
      </c>
      <c r="E48119" s="1" t="s">
        <v>24373</v>
      </c>
      <c r="F48119" s="1" t="s">
        <v>163107</v>
      </c>
      <c r="G48119" s="1" t="s">
        <v>163101</v>
      </c>
      <c r="H48119" s="1" t="s">
        <v>163102</v>
      </c>
      <c r="I48119" s="1" t="s">
        <v>162070</v>
      </c>
      <c r="J48119" s="1" t="s">
        <v>163108</v>
      </c>
    </row>
    <row r="48120" spans="1:10" x14ac:dyDescent="0.35">
      <c r="A48120" s="1" t="s">
        <v>3900</v>
      </c>
      <c r="B48120" s="1" t="s">
        <v>162065</v>
      </c>
      <c r="C48120" s="1" t="s">
        <v>30</v>
      </c>
      <c r="D48120" s="1" t="s">
        <v>93973</v>
      </c>
      <c r="E48120" s="1" t="s">
        <v>66955</v>
      </c>
      <c r="F48120" s="1" t="s">
        <v>66125</v>
      </c>
      <c r="G48120" s="1" t="s">
        <v>163101</v>
      </c>
      <c r="H48120" s="1" t="s">
        <v>163102</v>
      </c>
      <c r="I48120" s="1" t="s">
        <v>162070</v>
      </c>
      <c r="J48120" s="1" t="s">
        <v>163109</v>
      </c>
    </row>
    <row r="48121" spans="1:10" x14ac:dyDescent="0.35">
      <c r="A48121" s="1" t="s">
        <v>3900</v>
      </c>
      <c r="B48121" s="1" t="s">
        <v>162065</v>
      </c>
      <c r="C48121" s="1" t="s">
        <v>35</v>
      </c>
      <c r="D48121" s="1" t="s">
        <v>54908</v>
      </c>
      <c r="E48121" s="1" t="s">
        <v>55234</v>
      </c>
      <c r="F48121" s="1" t="s">
        <v>26436</v>
      </c>
      <c r="G48121" s="1" t="s">
        <v>163101</v>
      </c>
      <c r="H48121" s="1" t="s">
        <v>163102</v>
      </c>
      <c r="I48121" s="1" t="s">
        <v>162070</v>
      </c>
      <c r="J48121" s="1" t="s">
        <v>163110</v>
      </c>
    </row>
    <row r="48122" spans="1:10" x14ac:dyDescent="0.35">
      <c r="A48122" s="1" t="s">
        <v>3900</v>
      </c>
      <c r="B48122" s="1" t="s">
        <v>162065</v>
      </c>
      <c r="C48122" s="1" t="s">
        <v>40</v>
      </c>
      <c r="D48122" s="1" t="s">
        <v>163111</v>
      </c>
      <c r="E48122" s="1" t="s">
        <v>60105</v>
      </c>
      <c r="F48122" s="1" t="s">
        <v>163112</v>
      </c>
      <c r="G48122" s="1" t="s">
        <v>163101</v>
      </c>
      <c r="H48122" s="1" t="s">
        <v>163102</v>
      </c>
      <c r="I48122" s="1" t="s">
        <v>162070</v>
      </c>
      <c r="J48122" s="1" t="s">
        <v>163113</v>
      </c>
    </row>
    <row r="48123" spans="1:10" x14ac:dyDescent="0.35">
      <c r="A48123" s="1" t="s">
        <v>3900</v>
      </c>
      <c r="B48123" s="1" t="s">
        <v>162065</v>
      </c>
      <c r="C48123" s="1" t="s">
        <v>45</v>
      </c>
      <c r="D48123" s="1" t="s">
        <v>163114</v>
      </c>
      <c r="E48123" s="1" t="s">
        <v>131634</v>
      </c>
      <c r="F48123" s="1" t="s">
        <v>163115</v>
      </c>
      <c r="G48123" s="1" t="s">
        <v>163101</v>
      </c>
      <c r="H48123" s="1" t="s">
        <v>163102</v>
      </c>
      <c r="I48123" s="1" t="s">
        <v>162070</v>
      </c>
      <c r="J48123" s="1" t="s">
        <v>163116</v>
      </c>
    </row>
    <row r="48124" spans="1:10" x14ac:dyDescent="0.35">
      <c r="A48124" s="1" t="s">
        <v>3900</v>
      </c>
      <c r="B48124" s="1" t="s">
        <v>162065</v>
      </c>
      <c r="C48124" s="1" t="s">
        <v>50</v>
      </c>
      <c r="D48124" s="1" t="s">
        <v>54416</v>
      </c>
      <c r="E48124" s="1" t="s">
        <v>23176</v>
      </c>
      <c r="F48124" s="1" t="s">
        <v>65365</v>
      </c>
      <c r="G48124" s="1" t="s">
        <v>163101</v>
      </c>
      <c r="H48124" s="1" t="s">
        <v>163102</v>
      </c>
      <c r="I48124" s="1" t="s">
        <v>162070</v>
      </c>
      <c r="J48124" s="1" t="s">
        <v>163117</v>
      </c>
    </row>
    <row r="48125" spans="1:10" x14ac:dyDescent="0.35">
      <c r="A48125" s="1" t="s">
        <v>3900</v>
      </c>
      <c r="B48125" s="1" t="s">
        <v>162065</v>
      </c>
      <c r="C48125" s="1" t="s">
        <v>55</v>
      </c>
      <c r="D48125" s="1" t="s">
        <v>95595</v>
      </c>
      <c r="E48125" s="1" t="s">
        <v>56931</v>
      </c>
      <c r="F48125" s="1" t="s">
        <v>22045</v>
      </c>
      <c r="G48125" s="1" t="s">
        <v>163101</v>
      </c>
      <c r="H48125" s="1" t="s">
        <v>163102</v>
      </c>
      <c r="I48125" s="1" t="s">
        <v>162070</v>
      </c>
      <c r="J48125" s="1" t="s">
        <v>163118</v>
      </c>
    </row>
    <row r="48126" spans="1:10" x14ac:dyDescent="0.35">
      <c r="A48126" s="1" t="s">
        <v>3900</v>
      </c>
      <c r="B48126" s="1" t="s">
        <v>162065</v>
      </c>
      <c r="C48126" s="1" t="s">
        <v>60</v>
      </c>
      <c r="D48126" s="1" t="s">
        <v>133173</v>
      </c>
      <c r="E48126" s="1" t="s">
        <v>22267</v>
      </c>
      <c r="F48126" s="1" t="s">
        <v>103952</v>
      </c>
      <c r="G48126" s="1" t="s">
        <v>163101</v>
      </c>
      <c r="H48126" s="1" t="s">
        <v>163102</v>
      </c>
      <c r="I48126" s="1" t="s">
        <v>162070</v>
      </c>
      <c r="J48126" s="1" t="s">
        <v>163119</v>
      </c>
    </row>
    <row r="48127" spans="1:10" x14ac:dyDescent="0.35">
      <c r="A48127" s="1" t="s">
        <v>3900</v>
      </c>
      <c r="B48127" s="1" t="s">
        <v>162065</v>
      </c>
      <c r="C48127" s="1" t="s">
        <v>65</v>
      </c>
      <c r="D48127" s="1" t="s">
        <v>163120</v>
      </c>
      <c r="E48127" s="1" t="s">
        <v>54387</v>
      </c>
      <c r="F48127" s="1" t="s">
        <v>163121</v>
      </c>
      <c r="G48127" s="1" t="s">
        <v>163101</v>
      </c>
      <c r="H48127" s="1" t="s">
        <v>163102</v>
      </c>
      <c r="I48127" s="1" t="s">
        <v>162070</v>
      </c>
      <c r="J48127" s="1" t="s">
        <v>163122</v>
      </c>
    </row>
    <row r="48128" spans="1:10" x14ac:dyDescent="0.35">
      <c r="A48128" s="1" t="s">
        <v>3900</v>
      </c>
      <c r="B48128" s="1" t="s">
        <v>162065</v>
      </c>
      <c r="C48128" s="1" t="s">
        <v>70</v>
      </c>
      <c r="D48128" s="1" t="s">
        <v>137804</v>
      </c>
      <c r="E48128" s="1" t="s">
        <v>59640</v>
      </c>
      <c r="F48128" s="1" t="s">
        <v>163123</v>
      </c>
      <c r="G48128" s="1" t="s">
        <v>163101</v>
      </c>
      <c r="H48128" s="1" t="s">
        <v>163102</v>
      </c>
      <c r="I48128" s="1" t="s">
        <v>162070</v>
      </c>
      <c r="J48128" s="1" t="s">
        <v>163124</v>
      </c>
    </row>
    <row r="48129" spans="1:10" x14ac:dyDescent="0.35">
      <c r="A48129" s="1" t="s">
        <v>3900</v>
      </c>
      <c r="B48129" s="1" t="s">
        <v>162065</v>
      </c>
      <c r="C48129" s="1" t="s">
        <v>75</v>
      </c>
      <c r="D48129" s="1" t="s">
        <v>26640</v>
      </c>
      <c r="E48129" s="1" t="s">
        <v>12813</v>
      </c>
      <c r="F48129" s="1" t="s">
        <v>115014</v>
      </c>
      <c r="G48129" s="1" t="s">
        <v>163101</v>
      </c>
      <c r="H48129" s="1" t="s">
        <v>163102</v>
      </c>
      <c r="I48129" s="1" t="s">
        <v>162070</v>
      </c>
      <c r="J48129" s="1" t="s">
        <v>163125</v>
      </c>
    </row>
    <row r="48130" spans="1:10" x14ac:dyDescent="0.35">
      <c r="A48130" s="1" t="s">
        <v>3900</v>
      </c>
      <c r="B48130" s="1" t="s">
        <v>162065</v>
      </c>
      <c r="C48130" s="1" t="s">
        <v>80</v>
      </c>
      <c r="D48130" s="1" t="s">
        <v>53404</v>
      </c>
      <c r="E48130" s="1" t="s">
        <v>21956</v>
      </c>
      <c r="F48130" s="1" t="s">
        <v>131387</v>
      </c>
      <c r="G48130" s="1" t="s">
        <v>163101</v>
      </c>
      <c r="H48130" s="1" t="s">
        <v>163102</v>
      </c>
      <c r="I48130" s="1" t="s">
        <v>162070</v>
      </c>
      <c r="J48130" s="1" t="s">
        <v>163126</v>
      </c>
    </row>
    <row r="48131" spans="1:10" x14ac:dyDescent="0.35">
      <c r="A48131" s="1" t="s">
        <v>3900</v>
      </c>
      <c r="B48131" s="1" t="s">
        <v>162065</v>
      </c>
      <c r="C48131" s="1" t="s">
        <v>85</v>
      </c>
      <c r="D48131" s="1" t="s">
        <v>163127</v>
      </c>
      <c r="E48131" s="1" t="s">
        <v>57237</v>
      </c>
      <c r="F48131" s="1" t="s">
        <v>163128</v>
      </c>
      <c r="G48131" s="1" t="s">
        <v>163101</v>
      </c>
      <c r="H48131" s="1" t="s">
        <v>163102</v>
      </c>
      <c r="I48131" s="1" t="s">
        <v>162070</v>
      </c>
      <c r="J48131" s="1" t="s">
        <v>163129</v>
      </c>
    </row>
    <row r="48132" spans="1:10" x14ac:dyDescent="0.35">
      <c r="A48132" s="1" t="s">
        <v>3900</v>
      </c>
      <c r="B48132" s="1" t="s">
        <v>162065</v>
      </c>
      <c r="C48132" s="1" t="s">
        <v>90</v>
      </c>
      <c r="D48132" s="1" t="s">
        <v>163130</v>
      </c>
      <c r="E48132" s="1" t="s">
        <v>22282</v>
      </c>
      <c r="F48132" s="1" t="s">
        <v>163131</v>
      </c>
      <c r="G48132" s="1" t="s">
        <v>163101</v>
      </c>
      <c r="H48132" s="1" t="s">
        <v>163102</v>
      </c>
      <c r="I48132" s="1" t="s">
        <v>162070</v>
      </c>
      <c r="J48132" s="1" t="s">
        <v>163132</v>
      </c>
    </row>
    <row r="48133" spans="1:10" x14ac:dyDescent="0.35">
      <c r="A48133" s="1" t="s">
        <v>3900</v>
      </c>
      <c r="B48133" s="1" t="s">
        <v>162065</v>
      </c>
      <c r="C48133" s="1" t="s">
        <v>95</v>
      </c>
      <c r="D48133" s="1" t="s">
        <v>163133</v>
      </c>
      <c r="E48133" s="1" t="s">
        <v>63929</v>
      </c>
      <c r="F48133" s="1" t="s">
        <v>163134</v>
      </c>
      <c r="G48133" s="1" t="s">
        <v>163101</v>
      </c>
      <c r="H48133" s="1" t="s">
        <v>163102</v>
      </c>
      <c r="I48133" s="1" t="s">
        <v>162070</v>
      </c>
      <c r="J48133" s="1" t="s">
        <v>163135</v>
      </c>
    </row>
    <row r="48134" spans="1:10" x14ac:dyDescent="0.35">
      <c r="A48134" s="1" t="s">
        <v>3900</v>
      </c>
      <c r="B48134" s="1" t="s">
        <v>162065</v>
      </c>
      <c r="C48134" s="1" t="s">
        <v>100</v>
      </c>
      <c r="D48134" s="1" t="s">
        <v>163136</v>
      </c>
      <c r="E48134" s="1" t="s">
        <v>12809</v>
      </c>
      <c r="F48134" s="1" t="s">
        <v>64502</v>
      </c>
      <c r="G48134" s="1" t="s">
        <v>163101</v>
      </c>
      <c r="H48134" s="1" t="s">
        <v>163102</v>
      </c>
      <c r="I48134" s="1" t="s">
        <v>162070</v>
      </c>
      <c r="J48134" s="1" t="s">
        <v>163137</v>
      </c>
    </row>
    <row r="48135" spans="1:10" x14ac:dyDescent="0.35">
      <c r="A48135" s="1" t="s">
        <v>3900</v>
      </c>
      <c r="B48135" s="1" t="s">
        <v>162065</v>
      </c>
      <c r="C48135" s="1" t="s">
        <v>105</v>
      </c>
      <c r="D48135" s="1" t="s">
        <v>66938</v>
      </c>
      <c r="E48135" s="1" t="s">
        <v>12790</v>
      </c>
      <c r="F48135" s="1" t="s">
        <v>57603</v>
      </c>
      <c r="G48135" s="1" t="s">
        <v>163101</v>
      </c>
      <c r="H48135" s="1" t="s">
        <v>163102</v>
      </c>
      <c r="I48135" s="1" t="s">
        <v>162070</v>
      </c>
      <c r="J48135" s="1" t="s">
        <v>163138</v>
      </c>
    </row>
    <row r="48136" spans="1:10" x14ac:dyDescent="0.35">
      <c r="A48136" s="1" t="s">
        <v>3900</v>
      </c>
      <c r="B48136" s="1" t="s">
        <v>162065</v>
      </c>
      <c r="C48136" s="1" t="s">
        <v>110</v>
      </c>
      <c r="D48136" s="1" t="s">
        <v>39992</v>
      </c>
      <c r="E48136" s="1" t="s">
        <v>59162</v>
      </c>
      <c r="F48136" s="1" t="s">
        <v>163139</v>
      </c>
      <c r="G48136" s="1" t="s">
        <v>163101</v>
      </c>
      <c r="H48136" s="1" t="s">
        <v>163102</v>
      </c>
      <c r="I48136" s="1" t="s">
        <v>162070</v>
      </c>
      <c r="J48136" s="1" t="s">
        <v>163140</v>
      </c>
    </row>
    <row r="48137" spans="1:10" x14ac:dyDescent="0.35">
      <c r="A48137" s="1" t="s">
        <v>3900</v>
      </c>
      <c r="B48137" s="1" t="s">
        <v>162065</v>
      </c>
      <c r="C48137" s="1" t="s">
        <v>115</v>
      </c>
      <c r="D48137" s="1" t="s">
        <v>163141</v>
      </c>
      <c r="E48137" s="1" t="s">
        <v>26191</v>
      </c>
      <c r="F48137" s="1" t="s">
        <v>67024</v>
      </c>
      <c r="G48137" s="1" t="s">
        <v>163101</v>
      </c>
      <c r="H48137" s="1" t="s">
        <v>163102</v>
      </c>
      <c r="I48137" s="1" t="s">
        <v>162070</v>
      </c>
      <c r="J48137" s="1" t="s">
        <v>163142</v>
      </c>
    </row>
    <row r="48138" spans="1:10" x14ac:dyDescent="0.35">
      <c r="A48138" s="1" t="s">
        <v>3900</v>
      </c>
      <c r="B48138" s="1" t="s">
        <v>162065</v>
      </c>
      <c r="C48138" s="1" t="s">
        <v>120</v>
      </c>
      <c r="D48138" s="1" t="s">
        <v>163143</v>
      </c>
      <c r="E48138" s="1" t="s">
        <v>60442</v>
      </c>
      <c r="F48138" s="1" t="s">
        <v>162604</v>
      </c>
      <c r="G48138" s="1" t="s">
        <v>163101</v>
      </c>
      <c r="H48138" s="1" t="s">
        <v>163102</v>
      </c>
      <c r="I48138" s="1" t="s">
        <v>162070</v>
      </c>
      <c r="J48138" s="1" t="s">
        <v>163144</v>
      </c>
    </row>
    <row r="48139" spans="1:10" x14ac:dyDescent="0.35">
      <c r="A48139" s="1" t="s">
        <v>3900</v>
      </c>
      <c r="B48139" s="1" t="s">
        <v>162065</v>
      </c>
      <c r="C48139" s="1" t="s">
        <v>125</v>
      </c>
      <c r="D48139" s="1" t="s">
        <v>163145</v>
      </c>
      <c r="E48139" s="1" t="s">
        <v>55315</v>
      </c>
      <c r="F48139" s="1" t="s">
        <v>163146</v>
      </c>
      <c r="G48139" s="1" t="s">
        <v>163101</v>
      </c>
      <c r="H48139" s="1" t="s">
        <v>163102</v>
      </c>
      <c r="I48139" s="1" t="s">
        <v>162070</v>
      </c>
      <c r="J48139" s="1" t="s">
        <v>163147</v>
      </c>
    </row>
    <row r="48140" spans="1:10" x14ac:dyDescent="0.35">
      <c r="A48140" s="1" t="s">
        <v>3900</v>
      </c>
      <c r="B48140" s="1" t="s">
        <v>162065</v>
      </c>
      <c r="C48140" s="1" t="s">
        <v>130</v>
      </c>
      <c r="D48140" s="1" t="s">
        <v>26502</v>
      </c>
      <c r="E48140" s="1" t="s">
        <v>32924</v>
      </c>
      <c r="F48140" s="1" t="s">
        <v>163148</v>
      </c>
      <c r="G48140" s="1" t="s">
        <v>163101</v>
      </c>
      <c r="H48140" s="1" t="s">
        <v>163102</v>
      </c>
      <c r="I48140" s="1" t="s">
        <v>162070</v>
      </c>
      <c r="J48140" s="1" t="s">
        <v>163149</v>
      </c>
    </row>
    <row r="48141" spans="1:10" x14ac:dyDescent="0.35">
      <c r="A48141" s="1" t="s">
        <v>3900</v>
      </c>
      <c r="B48141" s="1" t="s">
        <v>162065</v>
      </c>
      <c r="C48141" s="1" t="s">
        <v>135</v>
      </c>
      <c r="D48141" s="1" t="s">
        <v>22221</v>
      </c>
      <c r="E48141" s="1" t="s">
        <v>22267</v>
      </c>
      <c r="F48141" s="1" t="s">
        <v>163150</v>
      </c>
      <c r="G48141" s="1" t="s">
        <v>163101</v>
      </c>
      <c r="H48141" s="1" t="s">
        <v>163102</v>
      </c>
      <c r="I48141" s="1" t="s">
        <v>162070</v>
      </c>
      <c r="J48141" s="1" t="s">
        <v>163151</v>
      </c>
    </row>
    <row r="48142" spans="1:10" x14ac:dyDescent="0.35">
      <c r="A48142" s="1" t="s">
        <v>3900</v>
      </c>
      <c r="B48142" s="1" t="s">
        <v>162065</v>
      </c>
      <c r="C48142" s="1" t="s">
        <v>140</v>
      </c>
      <c r="D48142" s="1" t="s">
        <v>163152</v>
      </c>
      <c r="E48142" s="1" t="s">
        <v>12821</v>
      </c>
      <c r="F48142" s="1" t="s">
        <v>54166</v>
      </c>
      <c r="G48142" s="1" t="s">
        <v>163101</v>
      </c>
      <c r="H48142" s="1" t="s">
        <v>163102</v>
      </c>
      <c r="I48142" s="1" t="s">
        <v>162070</v>
      </c>
      <c r="J48142" s="1" t="s">
        <v>163153</v>
      </c>
    </row>
    <row r="48143" spans="1:10" x14ac:dyDescent="0.35">
      <c r="A48143" s="1" t="s">
        <v>3900</v>
      </c>
      <c r="B48143" s="1" t="s">
        <v>162065</v>
      </c>
      <c r="C48143" s="1" t="s">
        <v>145</v>
      </c>
      <c r="D48143" s="1" t="s">
        <v>163154</v>
      </c>
      <c r="E48143" s="1" t="s">
        <v>15880</v>
      </c>
      <c r="F48143" s="1" t="s">
        <v>163155</v>
      </c>
      <c r="G48143" s="1" t="s">
        <v>163101</v>
      </c>
      <c r="H48143" s="1" t="s">
        <v>163102</v>
      </c>
      <c r="I48143" s="1" t="s">
        <v>162070</v>
      </c>
      <c r="J48143" s="1" t="s">
        <v>163156</v>
      </c>
    </row>
    <row r="48144" spans="1:10" x14ac:dyDescent="0.35">
      <c r="A48144" s="1" t="s">
        <v>3900</v>
      </c>
      <c r="B48144" s="1" t="s">
        <v>162065</v>
      </c>
      <c r="C48144" s="1" t="s">
        <v>150</v>
      </c>
      <c r="D48144" s="1" t="s">
        <v>103823</v>
      </c>
      <c r="E48144" s="1" t="s">
        <v>15903</v>
      </c>
      <c r="F48144" s="1" t="s">
        <v>54132</v>
      </c>
      <c r="G48144" s="1" t="s">
        <v>163101</v>
      </c>
      <c r="H48144" s="1" t="s">
        <v>163102</v>
      </c>
      <c r="I48144" s="1" t="s">
        <v>162070</v>
      </c>
      <c r="J48144" s="1" t="s">
        <v>163157</v>
      </c>
    </row>
    <row r="48145" spans="1:10" x14ac:dyDescent="0.35">
      <c r="A48145" s="1" t="s">
        <v>3900</v>
      </c>
      <c r="B48145" s="1" t="s">
        <v>162065</v>
      </c>
      <c r="C48145" s="1" t="s">
        <v>155</v>
      </c>
      <c r="D48145" s="1" t="s">
        <v>129785</v>
      </c>
      <c r="E48145" s="1" t="s">
        <v>22247</v>
      </c>
      <c r="F48145" s="1" t="s">
        <v>163158</v>
      </c>
      <c r="G48145" s="1" t="s">
        <v>163101</v>
      </c>
      <c r="H48145" s="1" t="s">
        <v>163102</v>
      </c>
      <c r="I48145" s="1" t="s">
        <v>162070</v>
      </c>
      <c r="J48145" s="1" t="s">
        <v>163159</v>
      </c>
    </row>
    <row r="48146" spans="1:10" x14ac:dyDescent="0.35">
      <c r="A48146" s="1" t="s">
        <v>3900</v>
      </c>
      <c r="B48146" s="1" t="s">
        <v>162065</v>
      </c>
      <c r="C48146" s="1" t="s">
        <v>160</v>
      </c>
      <c r="D48146" s="1" t="s">
        <v>21959</v>
      </c>
      <c r="E48146" s="1" t="s">
        <v>130275</v>
      </c>
      <c r="F48146" s="1" t="s">
        <v>163160</v>
      </c>
      <c r="G48146" s="1" t="s">
        <v>163101</v>
      </c>
      <c r="H48146" s="1" t="s">
        <v>163102</v>
      </c>
      <c r="I48146" s="1" t="s">
        <v>162070</v>
      </c>
      <c r="J48146" s="1" t="s">
        <v>163161</v>
      </c>
    </row>
    <row r="48147" spans="1:10" x14ac:dyDescent="0.35">
      <c r="A48147" s="1" t="s">
        <v>3900</v>
      </c>
      <c r="B48147" s="1" t="s">
        <v>162065</v>
      </c>
      <c r="C48147" s="1" t="s">
        <v>165</v>
      </c>
      <c r="D48147" s="1" t="s">
        <v>163162</v>
      </c>
      <c r="E48147" s="1" t="s">
        <v>62230</v>
      </c>
      <c r="F48147" s="1" t="s">
        <v>163163</v>
      </c>
      <c r="G48147" s="1" t="s">
        <v>163101</v>
      </c>
      <c r="H48147" s="1" t="s">
        <v>163102</v>
      </c>
      <c r="I48147" s="1" t="s">
        <v>162070</v>
      </c>
      <c r="J48147" s="1" t="s">
        <v>163164</v>
      </c>
    </row>
    <row r="48148" spans="1:10" x14ac:dyDescent="0.35">
      <c r="A48148" s="1" t="s">
        <v>3900</v>
      </c>
      <c r="B48148" s="1" t="s">
        <v>162065</v>
      </c>
      <c r="C48148" s="1" t="s">
        <v>170</v>
      </c>
      <c r="D48148" s="1" t="s">
        <v>100801</v>
      </c>
      <c r="E48148" s="1" t="s">
        <v>32576</v>
      </c>
      <c r="F48148" s="1" t="s">
        <v>163165</v>
      </c>
      <c r="G48148" s="1" t="s">
        <v>163101</v>
      </c>
      <c r="H48148" s="1" t="s">
        <v>163102</v>
      </c>
      <c r="I48148" s="1" t="s">
        <v>162070</v>
      </c>
      <c r="J48148" s="1" t="s">
        <v>163166</v>
      </c>
    </row>
    <row r="48149" spans="1:10" x14ac:dyDescent="0.35">
      <c r="A48149" s="1" t="s">
        <v>4365</v>
      </c>
      <c r="B48149" s="1" t="s">
        <v>162065</v>
      </c>
      <c r="C48149" s="1" t="s">
        <v>8</v>
      </c>
      <c r="D48149" s="1" t="s">
        <v>163167</v>
      </c>
      <c r="E48149" s="1" t="s">
        <v>31510</v>
      </c>
      <c r="F48149" s="1" t="s">
        <v>163168</v>
      </c>
      <c r="G48149" s="1" t="s">
        <v>163169</v>
      </c>
      <c r="H48149" s="1" t="s">
        <v>163170</v>
      </c>
      <c r="I48149" s="1" t="s">
        <v>162070</v>
      </c>
      <c r="J48149" s="1" t="s">
        <v>13</v>
      </c>
    </row>
    <row r="48150" spans="1:10" x14ac:dyDescent="0.35">
      <c r="A48150" s="1" t="s">
        <v>4365</v>
      </c>
      <c r="B48150" s="1" t="s">
        <v>162065</v>
      </c>
      <c r="C48150" s="1" t="s">
        <v>15</v>
      </c>
      <c r="D48150" s="1" t="s">
        <v>163171</v>
      </c>
      <c r="E48150" s="1" t="s">
        <v>55234</v>
      </c>
      <c r="F48150" s="1" t="s">
        <v>66212</v>
      </c>
      <c r="G48150" s="1" t="s">
        <v>163169</v>
      </c>
      <c r="H48150" s="1" t="s">
        <v>163170</v>
      </c>
      <c r="I48150" s="1" t="s">
        <v>162070</v>
      </c>
      <c r="J48150" s="1" t="s">
        <v>163172</v>
      </c>
    </row>
    <row r="48151" spans="1:10" x14ac:dyDescent="0.35">
      <c r="A48151" s="1" t="s">
        <v>4365</v>
      </c>
      <c r="B48151" s="1" t="s">
        <v>162065</v>
      </c>
      <c r="C48151" s="1" t="s">
        <v>20</v>
      </c>
      <c r="D48151" s="1" t="s">
        <v>42469</v>
      </c>
      <c r="E48151" s="1" t="s">
        <v>59738</v>
      </c>
      <c r="F48151" s="1" t="s">
        <v>69519</v>
      </c>
      <c r="G48151" s="1" t="s">
        <v>163169</v>
      </c>
      <c r="H48151" s="1" t="s">
        <v>163170</v>
      </c>
      <c r="I48151" s="1" t="s">
        <v>162070</v>
      </c>
      <c r="J48151" s="1" t="s">
        <v>163173</v>
      </c>
    </row>
    <row r="48152" spans="1:10" x14ac:dyDescent="0.35">
      <c r="A48152" s="1" t="s">
        <v>4365</v>
      </c>
      <c r="B48152" s="1" t="s">
        <v>162065</v>
      </c>
      <c r="C48152" s="1" t="s">
        <v>25</v>
      </c>
      <c r="D48152" s="1" t="s">
        <v>80643</v>
      </c>
      <c r="E48152" s="1" t="s">
        <v>12766</v>
      </c>
      <c r="F48152" s="1" t="s">
        <v>56991</v>
      </c>
      <c r="G48152" s="1" t="s">
        <v>163169</v>
      </c>
      <c r="H48152" s="1" t="s">
        <v>163170</v>
      </c>
      <c r="I48152" s="1" t="s">
        <v>162070</v>
      </c>
      <c r="J48152" s="1" t="s">
        <v>163174</v>
      </c>
    </row>
    <row r="48153" spans="1:10" x14ac:dyDescent="0.35">
      <c r="A48153" s="1" t="s">
        <v>4365</v>
      </c>
      <c r="B48153" s="1" t="s">
        <v>162065</v>
      </c>
      <c r="C48153" s="1" t="s">
        <v>30</v>
      </c>
      <c r="D48153" s="1" t="s">
        <v>94182</v>
      </c>
      <c r="E48153" s="1" t="s">
        <v>62230</v>
      </c>
      <c r="F48153" s="1" t="s">
        <v>163175</v>
      </c>
      <c r="G48153" s="1" t="s">
        <v>163169</v>
      </c>
      <c r="H48153" s="1" t="s">
        <v>163170</v>
      </c>
      <c r="I48153" s="1" t="s">
        <v>162070</v>
      </c>
      <c r="J48153" s="1" t="s">
        <v>163176</v>
      </c>
    </row>
    <row r="48154" spans="1:10" x14ac:dyDescent="0.35">
      <c r="A48154" s="1" t="s">
        <v>4365</v>
      </c>
      <c r="B48154" s="1" t="s">
        <v>162065</v>
      </c>
      <c r="C48154" s="1" t="s">
        <v>35</v>
      </c>
      <c r="D48154" s="1" t="s">
        <v>71529</v>
      </c>
      <c r="E48154" s="1" t="s">
        <v>60442</v>
      </c>
      <c r="F48154" s="1" t="s">
        <v>163177</v>
      </c>
      <c r="G48154" s="1" t="s">
        <v>163169</v>
      </c>
      <c r="H48154" s="1" t="s">
        <v>163170</v>
      </c>
      <c r="I48154" s="1" t="s">
        <v>162070</v>
      </c>
      <c r="J48154" s="1" t="s">
        <v>163178</v>
      </c>
    </row>
    <row r="48155" spans="1:10" x14ac:dyDescent="0.35">
      <c r="A48155" s="1" t="s">
        <v>4365</v>
      </c>
      <c r="B48155" s="1" t="s">
        <v>162065</v>
      </c>
      <c r="C48155" s="1" t="s">
        <v>40</v>
      </c>
      <c r="D48155" s="1" t="s">
        <v>97211</v>
      </c>
      <c r="E48155" s="1" t="s">
        <v>24315</v>
      </c>
      <c r="F48155" s="1" t="s">
        <v>70160</v>
      </c>
      <c r="G48155" s="1" t="s">
        <v>163169</v>
      </c>
      <c r="H48155" s="1" t="s">
        <v>163170</v>
      </c>
      <c r="I48155" s="1" t="s">
        <v>162070</v>
      </c>
      <c r="J48155" s="1" t="s">
        <v>163179</v>
      </c>
    </row>
    <row r="48156" spans="1:10" x14ac:dyDescent="0.35">
      <c r="A48156" s="1" t="s">
        <v>4365</v>
      </c>
      <c r="B48156" s="1" t="s">
        <v>162065</v>
      </c>
      <c r="C48156" s="1" t="s">
        <v>45</v>
      </c>
      <c r="D48156" s="1" t="s">
        <v>163180</v>
      </c>
      <c r="E48156" s="1" t="s">
        <v>64293</v>
      </c>
      <c r="F48156" s="1" t="s">
        <v>163181</v>
      </c>
      <c r="G48156" s="1" t="s">
        <v>163169</v>
      </c>
      <c r="H48156" s="1" t="s">
        <v>163170</v>
      </c>
      <c r="I48156" s="1" t="s">
        <v>162070</v>
      </c>
      <c r="J48156" s="1" t="s">
        <v>163182</v>
      </c>
    </row>
    <row r="48157" spans="1:10" x14ac:dyDescent="0.35">
      <c r="A48157" s="1" t="s">
        <v>4365</v>
      </c>
      <c r="B48157" s="1" t="s">
        <v>162065</v>
      </c>
      <c r="C48157" s="1" t="s">
        <v>50</v>
      </c>
      <c r="D48157" s="1" t="s">
        <v>163183</v>
      </c>
      <c r="E48157" s="1" t="s">
        <v>27070</v>
      </c>
      <c r="F48157" s="1" t="s">
        <v>56645</v>
      </c>
      <c r="G48157" s="1" t="s">
        <v>163169</v>
      </c>
      <c r="H48157" s="1" t="s">
        <v>163170</v>
      </c>
      <c r="I48157" s="1" t="s">
        <v>162070</v>
      </c>
      <c r="J48157" s="1" t="s">
        <v>163184</v>
      </c>
    </row>
    <row r="48158" spans="1:10" x14ac:dyDescent="0.35">
      <c r="A48158" s="1" t="s">
        <v>4365</v>
      </c>
      <c r="B48158" s="1" t="s">
        <v>162065</v>
      </c>
      <c r="C48158" s="1" t="s">
        <v>55</v>
      </c>
      <c r="D48158" s="1" t="s">
        <v>163185</v>
      </c>
      <c r="E48158" s="1" t="s">
        <v>27111</v>
      </c>
      <c r="F48158" s="1" t="s">
        <v>163186</v>
      </c>
      <c r="G48158" s="1" t="s">
        <v>163169</v>
      </c>
      <c r="H48158" s="1" t="s">
        <v>163170</v>
      </c>
      <c r="I48158" s="1" t="s">
        <v>162070</v>
      </c>
      <c r="J48158" s="1" t="s">
        <v>163187</v>
      </c>
    </row>
    <row r="48159" spans="1:10" x14ac:dyDescent="0.35">
      <c r="A48159" s="1" t="s">
        <v>4365</v>
      </c>
      <c r="B48159" s="1" t="s">
        <v>162065</v>
      </c>
      <c r="C48159" s="1" t="s">
        <v>60</v>
      </c>
      <c r="D48159" s="1" t="s">
        <v>109495</v>
      </c>
      <c r="E48159" s="1" t="s">
        <v>31949</v>
      </c>
      <c r="F48159" s="1" t="s">
        <v>108890</v>
      </c>
      <c r="G48159" s="1" t="s">
        <v>163169</v>
      </c>
      <c r="H48159" s="1" t="s">
        <v>163170</v>
      </c>
      <c r="I48159" s="1" t="s">
        <v>162070</v>
      </c>
      <c r="J48159" s="1" t="s">
        <v>163188</v>
      </c>
    </row>
    <row r="48160" spans="1:10" x14ac:dyDescent="0.35">
      <c r="A48160" s="1" t="s">
        <v>4365</v>
      </c>
      <c r="B48160" s="1" t="s">
        <v>162065</v>
      </c>
      <c r="C48160" s="1" t="s">
        <v>65</v>
      </c>
      <c r="D48160" s="1" t="s">
        <v>94540</v>
      </c>
      <c r="E48160" s="1" t="s">
        <v>57099</v>
      </c>
      <c r="F48160" s="1" t="s">
        <v>163189</v>
      </c>
      <c r="G48160" s="1" t="s">
        <v>163169</v>
      </c>
      <c r="H48160" s="1" t="s">
        <v>163170</v>
      </c>
      <c r="I48160" s="1" t="s">
        <v>162070</v>
      </c>
      <c r="J48160" s="1" t="s">
        <v>163190</v>
      </c>
    </row>
    <row r="48161" spans="1:10" x14ac:dyDescent="0.35">
      <c r="A48161" s="1" t="s">
        <v>4365</v>
      </c>
      <c r="B48161" s="1" t="s">
        <v>162065</v>
      </c>
      <c r="C48161" s="1" t="s">
        <v>70</v>
      </c>
      <c r="D48161" s="1" t="s">
        <v>163191</v>
      </c>
      <c r="E48161" s="1" t="s">
        <v>32368</v>
      </c>
      <c r="F48161" s="1" t="s">
        <v>67585</v>
      </c>
      <c r="G48161" s="1" t="s">
        <v>163169</v>
      </c>
      <c r="H48161" s="1" t="s">
        <v>163170</v>
      </c>
      <c r="I48161" s="1" t="s">
        <v>162070</v>
      </c>
      <c r="J48161" s="1" t="s">
        <v>163192</v>
      </c>
    </row>
    <row r="48162" spans="1:10" x14ac:dyDescent="0.35">
      <c r="A48162" s="1" t="s">
        <v>4365</v>
      </c>
      <c r="B48162" s="1" t="s">
        <v>162065</v>
      </c>
      <c r="C48162" s="1" t="s">
        <v>75</v>
      </c>
      <c r="D48162" s="1" t="s">
        <v>85167</v>
      </c>
      <c r="E48162" s="1" t="s">
        <v>12786</v>
      </c>
      <c r="F48162" s="1" t="s">
        <v>163193</v>
      </c>
      <c r="G48162" s="1" t="s">
        <v>163169</v>
      </c>
      <c r="H48162" s="1" t="s">
        <v>163170</v>
      </c>
      <c r="I48162" s="1" t="s">
        <v>162070</v>
      </c>
      <c r="J48162" s="1" t="s">
        <v>163194</v>
      </c>
    </row>
    <row r="48163" spans="1:10" x14ac:dyDescent="0.35">
      <c r="A48163" s="1" t="s">
        <v>4365</v>
      </c>
      <c r="B48163" s="1" t="s">
        <v>162065</v>
      </c>
      <c r="C48163" s="1" t="s">
        <v>80</v>
      </c>
      <c r="D48163" s="1" t="s">
        <v>12820</v>
      </c>
      <c r="E48163" s="1" t="s">
        <v>32384</v>
      </c>
      <c r="F48163" s="1" t="s">
        <v>128287</v>
      </c>
      <c r="G48163" s="1" t="s">
        <v>163169</v>
      </c>
      <c r="H48163" s="1" t="s">
        <v>163170</v>
      </c>
      <c r="I48163" s="1" t="s">
        <v>162070</v>
      </c>
      <c r="J48163" s="1" t="s">
        <v>163195</v>
      </c>
    </row>
    <row r="48164" spans="1:10" x14ac:dyDescent="0.35">
      <c r="A48164" s="1" t="s">
        <v>4365</v>
      </c>
      <c r="B48164" s="1" t="s">
        <v>162065</v>
      </c>
      <c r="C48164" s="1" t="s">
        <v>85</v>
      </c>
      <c r="D48164" s="1" t="s">
        <v>163196</v>
      </c>
      <c r="E48164" s="1" t="s">
        <v>54690</v>
      </c>
      <c r="F48164" s="1" t="s">
        <v>163197</v>
      </c>
      <c r="G48164" s="1" t="s">
        <v>163169</v>
      </c>
      <c r="H48164" s="1" t="s">
        <v>163170</v>
      </c>
      <c r="I48164" s="1" t="s">
        <v>162070</v>
      </c>
      <c r="J48164" s="1" t="s">
        <v>163198</v>
      </c>
    </row>
    <row r="48165" spans="1:10" x14ac:dyDescent="0.35">
      <c r="A48165" s="1" t="s">
        <v>4365</v>
      </c>
      <c r="B48165" s="1" t="s">
        <v>162065</v>
      </c>
      <c r="C48165" s="1" t="s">
        <v>90</v>
      </c>
      <c r="D48165" s="1" t="s">
        <v>163199</v>
      </c>
      <c r="E48165" s="1" t="s">
        <v>65601</v>
      </c>
      <c r="F48165" s="1" t="s">
        <v>163200</v>
      </c>
      <c r="G48165" s="1" t="s">
        <v>163169</v>
      </c>
      <c r="H48165" s="1" t="s">
        <v>163170</v>
      </c>
      <c r="I48165" s="1" t="s">
        <v>162070</v>
      </c>
      <c r="J48165" s="1" t="s">
        <v>163201</v>
      </c>
    </row>
    <row r="48166" spans="1:10" x14ac:dyDescent="0.35">
      <c r="A48166" s="1" t="s">
        <v>4365</v>
      </c>
      <c r="B48166" s="1" t="s">
        <v>162065</v>
      </c>
      <c r="C48166" s="1" t="s">
        <v>95</v>
      </c>
      <c r="D48166" s="1" t="s">
        <v>163202</v>
      </c>
      <c r="E48166" s="1" t="s">
        <v>163203</v>
      </c>
      <c r="F48166" s="1" t="s">
        <v>59060</v>
      </c>
      <c r="G48166" s="1" t="s">
        <v>163169</v>
      </c>
      <c r="H48166" s="1" t="s">
        <v>163170</v>
      </c>
      <c r="I48166" s="1" t="s">
        <v>162070</v>
      </c>
      <c r="J48166" s="1" t="s">
        <v>163204</v>
      </c>
    </row>
    <row r="48167" spans="1:10" x14ac:dyDescent="0.35">
      <c r="A48167" s="1" t="s">
        <v>4365</v>
      </c>
      <c r="B48167" s="1" t="s">
        <v>162065</v>
      </c>
      <c r="C48167" s="1" t="s">
        <v>100</v>
      </c>
      <c r="D48167" s="1" t="s">
        <v>163205</v>
      </c>
      <c r="E48167" s="1" t="s">
        <v>57621</v>
      </c>
      <c r="F48167" s="1" t="s">
        <v>163206</v>
      </c>
      <c r="G48167" s="1" t="s">
        <v>163169</v>
      </c>
      <c r="H48167" s="1" t="s">
        <v>163170</v>
      </c>
      <c r="I48167" s="1" t="s">
        <v>162070</v>
      </c>
      <c r="J48167" s="1" t="s">
        <v>163207</v>
      </c>
    </row>
    <row r="48168" spans="1:10" x14ac:dyDescent="0.35">
      <c r="A48168" s="1" t="s">
        <v>4365</v>
      </c>
      <c r="B48168" s="1" t="s">
        <v>162065</v>
      </c>
      <c r="C48168" s="1" t="s">
        <v>105</v>
      </c>
      <c r="D48168" s="1" t="s">
        <v>163208</v>
      </c>
      <c r="E48168" s="1" t="s">
        <v>32317</v>
      </c>
      <c r="F48168" s="1" t="s">
        <v>105318</v>
      </c>
      <c r="G48168" s="1" t="s">
        <v>163169</v>
      </c>
      <c r="H48168" s="1" t="s">
        <v>163170</v>
      </c>
      <c r="I48168" s="1" t="s">
        <v>162070</v>
      </c>
      <c r="J48168" s="1" t="s">
        <v>163209</v>
      </c>
    </row>
    <row r="48169" spans="1:10" x14ac:dyDescent="0.35">
      <c r="A48169" s="1" t="s">
        <v>4365</v>
      </c>
      <c r="B48169" s="1" t="s">
        <v>162065</v>
      </c>
      <c r="C48169" s="1" t="s">
        <v>110</v>
      </c>
      <c r="D48169" s="1" t="s">
        <v>163210</v>
      </c>
      <c r="E48169" s="1" t="s">
        <v>41442</v>
      </c>
      <c r="F48169" s="1" t="s">
        <v>163211</v>
      </c>
      <c r="G48169" s="1" t="s">
        <v>163169</v>
      </c>
      <c r="H48169" s="1" t="s">
        <v>163170</v>
      </c>
      <c r="I48169" s="1" t="s">
        <v>162070</v>
      </c>
      <c r="J48169" s="1" t="s">
        <v>163212</v>
      </c>
    </row>
    <row r="48170" spans="1:10" x14ac:dyDescent="0.35">
      <c r="A48170" s="1" t="s">
        <v>4365</v>
      </c>
      <c r="B48170" s="1" t="s">
        <v>162065</v>
      </c>
      <c r="C48170" s="1" t="s">
        <v>115</v>
      </c>
      <c r="D48170" s="1" t="s">
        <v>62712</v>
      </c>
      <c r="E48170" s="1" t="s">
        <v>15880</v>
      </c>
      <c r="F48170" s="1" t="s">
        <v>162099</v>
      </c>
      <c r="G48170" s="1" t="s">
        <v>163169</v>
      </c>
      <c r="H48170" s="1" t="s">
        <v>163170</v>
      </c>
      <c r="I48170" s="1" t="s">
        <v>162070</v>
      </c>
      <c r="J48170" s="1" t="s">
        <v>163213</v>
      </c>
    </row>
    <row r="48171" spans="1:10" x14ac:dyDescent="0.35">
      <c r="A48171" s="1" t="s">
        <v>4365</v>
      </c>
      <c r="B48171" s="1" t="s">
        <v>162065</v>
      </c>
      <c r="C48171" s="1" t="s">
        <v>120</v>
      </c>
      <c r="D48171" s="1" t="s">
        <v>163214</v>
      </c>
      <c r="E48171" s="1" t="s">
        <v>54074</v>
      </c>
      <c r="F48171" s="1" t="s">
        <v>65852</v>
      </c>
      <c r="G48171" s="1" t="s">
        <v>163169</v>
      </c>
      <c r="H48171" s="1" t="s">
        <v>163170</v>
      </c>
      <c r="I48171" s="1" t="s">
        <v>162070</v>
      </c>
      <c r="J48171" s="1" t="s">
        <v>163215</v>
      </c>
    </row>
    <row r="48172" spans="1:10" x14ac:dyDescent="0.35">
      <c r="A48172" s="1" t="s">
        <v>4365</v>
      </c>
      <c r="B48172" s="1" t="s">
        <v>162065</v>
      </c>
      <c r="C48172" s="1" t="s">
        <v>125</v>
      </c>
      <c r="D48172" s="1" t="s">
        <v>163216</v>
      </c>
      <c r="E48172" s="1" t="s">
        <v>54783</v>
      </c>
      <c r="F48172" s="1" t="s">
        <v>163217</v>
      </c>
      <c r="G48172" s="1" t="s">
        <v>163169</v>
      </c>
      <c r="H48172" s="1" t="s">
        <v>163170</v>
      </c>
      <c r="I48172" s="1" t="s">
        <v>162070</v>
      </c>
      <c r="J48172" s="1" t="s">
        <v>163218</v>
      </c>
    </row>
    <row r="48173" spans="1:10" x14ac:dyDescent="0.35">
      <c r="A48173" s="1" t="s">
        <v>4365</v>
      </c>
      <c r="B48173" s="1" t="s">
        <v>162065</v>
      </c>
      <c r="C48173" s="1" t="s">
        <v>130</v>
      </c>
      <c r="D48173" s="1" t="s">
        <v>12593</v>
      </c>
      <c r="E48173" s="1" t="s">
        <v>32622</v>
      </c>
      <c r="F48173" s="1" t="s">
        <v>66992</v>
      </c>
      <c r="G48173" s="1" t="s">
        <v>163169</v>
      </c>
      <c r="H48173" s="1" t="s">
        <v>163170</v>
      </c>
      <c r="I48173" s="1" t="s">
        <v>162070</v>
      </c>
      <c r="J48173" s="1" t="s">
        <v>163219</v>
      </c>
    </row>
    <row r="48174" spans="1:10" x14ac:dyDescent="0.35">
      <c r="A48174" s="1" t="s">
        <v>4365</v>
      </c>
      <c r="B48174" s="1" t="s">
        <v>162065</v>
      </c>
      <c r="C48174" s="1" t="s">
        <v>135</v>
      </c>
      <c r="D48174" s="1" t="s">
        <v>80581</v>
      </c>
      <c r="E48174" s="1" t="s">
        <v>22290</v>
      </c>
      <c r="F48174" s="1" t="s">
        <v>61155</v>
      </c>
      <c r="G48174" s="1" t="s">
        <v>163169</v>
      </c>
      <c r="H48174" s="1" t="s">
        <v>163170</v>
      </c>
      <c r="I48174" s="1" t="s">
        <v>162070</v>
      </c>
      <c r="J48174" s="1" t="s">
        <v>163220</v>
      </c>
    </row>
    <row r="48175" spans="1:10" x14ac:dyDescent="0.35">
      <c r="A48175" s="1" t="s">
        <v>4365</v>
      </c>
      <c r="B48175" s="1" t="s">
        <v>162065</v>
      </c>
      <c r="C48175" s="1" t="s">
        <v>140</v>
      </c>
      <c r="D48175" s="1" t="s">
        <v>163221</v>
      </c>
      <c r="E48175" s="1" t="s">
        <v>24269</v>
      </c>
      <c r="F48175" s="1" t="s">
        <v>163222</v>
      </c>
      <c r="G48175" s="1" t="s">
        <v>163169</v>
      </c>
      <c r="H48175" s="1" t="s">
        <v>163170</v>
      </c>
      <c r="I48175" s="1" t="s">
        <v>162070</v>
      </c>
      <c r="J48175" s="1" t="s">
        <v>163223</v>
      </c>
    </row>
    <row r="48176" spans="1:10" x14ac:dyDescent="0.35">
      <c r="A48176" s="1" t="s">
        <v>4365</v>
      </c>
      <c r="B48176" s="1" t="s">
        <v>162065</v>
      </c>
      <c r="C48176" s="1" t="s">
        <v>145</v>
      </c>
      <c r="D48176" s="1" t="s">
        <v>84412</v>
      </c>
      <c r="E48176" s="1" t="s">
        <v>58602</v>
      </c>
      <c r="F48176" s="1" t="s">
        <v>65162</v>
      </c>
      <c r="G48176" s="1" t="s">
        <v>163169</v>
      </c>
      <c r="H48176" s="1" t="s">
        <v>163170</v>
      </c>
      <c r="I48176" s="1" t="s">
        <v>162070</v>
      </c>
      <c r="J48176" s="1" t="s">
        <v>163224</v>
      </c>
    </row>
    <row r="48177" spans="1:10" x14ac:dyDescent="0.35">
      <c r="A48177" s="1" t="s">
        <v>4365</v>
      </c>
      <c r="B48177" s="1" t="s">
        <v>162065</v>
      </c>
      <c r="C48177" s="1" t="s">
        <v>150</v>
      </c>
      <c r="D48177" s="1" t="s">
        <v>163225</v>
      </c>
      <c r="E48177" s="1" t="s">
        <v>23509</v>
      </c>
      <c r="F48177" s="1" t="s">
        <v>54194</v>
      </c>
      <c r="G48177" s="1" t="s">
        <v>163169</v>
      </c>
      <c r="H48177" s="1" t="s">
        <v>163170</v>
      </c>
      <c r="I48177" s="1" t="s">
        <v>162070</v>
      </c>
      <c r="J48177" s="1" t="s">
        <v>163226</v>
      </c>
    </row>
    <row r="48178" spans="1:10" x14ac:dyDescent="0.35">
      <c r="A48178" s="1" t="s">
        <v>4365</v>
      </c>
      <c r="B48178" s="1" t="s">
        <v>162065</v>
      </c>
      <c r="C48178" s="1" t="s">
        <v>155</v>
      </c>
      <c r="D48178" s="1" t="s">
        <v>103709</v>
      </c>
      <c r="E48178" s="1" t="s">
        <v>26265</v>
      </c>
      <c r="F48178" s="1" t="s">
        <v>163227</v>
      </c>
      <c r="G48178" s="1" t="s">
        <v>163169</v>
      </c>
      <c r="H48178" s="1" t="s">
        <v>163170</v>
      </c>
      <c r="I48178" s="1" t="s">
        <v>162070</v>
      </c>
      <c r="J48178" s="1" t="s">
        <v>163228</v>
      </c>
    </row>
    <row r="48179" spans="1:10" x14ac:dyDescent="0.35">
      <c r="A48179" s="1" t="s">
        <v>4365</v>
      </c>
      <c r="B48179" s="1" t="s">
        <v>162065</v>
      </c>
      <c r="C48179" s="1" t="s">
        <v>160</v>
      </c>
      <c r="D48179" s="1" t="s">
        <v>139985</v>
      </c>
      <c r="E48179" s="1" t="s">
        <v>64743</v>
      </c>
      <c r="F48179" s="1" t="s">
        <v>19897</v>
      </c>
      <c r="G48179" s="1" t="s">
        <v>163169</v>
      </c>
      <c r="H48179" s="1" t="s">
        <v>163170</v>
      </c>
      <c r="I48179" s="1" t="s">
        <v>162070</v>
      </c>
      <c r="J48179" s="1" t="s">
        <v>163229</v>
      </c>
    </row>
    <row r="48180" spans="1:10" x14ac:dyDescent="0.35">
      <c r="A48180" s="1" t="s">
        <v>4365</v>
      </c>
      <c r="B48180" s="1" t="s">
        <v>162065</v>
      </c>
      <c r="C48180" s="1" t="s">
        <v>165</v>
      </c>
      <c r="D48180" s="1" t="s">
        <v>87564</v>
      </c>
      <c r="E48180" s="1" t="s">
        <v>26478</v>
      </c>
      <c r="F48180" s="1" t="s">
        <v>63082</v>
      </c>
      <c r="G48180" s="1" t="s">
        <v>163169</v>
      </c>
      <c r="H48180" s="1" t="s">
        <v>163170</v>
      </c>
      <c r="I48180" s="1" t="s">
        <v>162070</v>
      </c>
      <c r="J48180" s="1" t="s">
        <v>163230</v>
      </c>
    </row>
    <row r="48181" spans="1:10" x14ac:dyDescent="0.35">
      <c r="A48181" s="1" t="s">
        <v>4365</v>
      </c>
      <c r="B48181" s="1" t="s">
        <v>162065</v>
      </c>
      <c r="C48181" s="1" t="s">
        <v>170</v>
      </c>
      <c r="D48181" s="1" t="s">
        <v>163231</v>
      </c>
      <c r="E48181" s="1" t="s">
        <v>59120</v>
      </c>
      <c r="F48181" s="1" t="s">
        <v>163232</v>
      </c>
      <c r="G48181" s="1" t="s">
        <v>163169</v>
      </c>
      <c r="H48181" s="1" t="s">
        <v>163170</v>
      </c>
      <c r="I48181" s="1" t="s">
        <v>162070</v>
      </c>
      <c r="J48181" s="1" t="s">
        <v>163233</v>
      </c>
    </row>
    <row r="48182" spans="1:10" x14ac:dyDescent="0.35">
      <c r="A48182" s="1" t="s">
        <v>1209</v>
      </c>
      <c r="B48182" s="1" t="s">
        <v>163234</v>
      </c>
      <c r="C48182" s="1" t="s">
        <v>8</v>
      </c>
      <c r="D48182" s="1" t="s">
        <v>163235</v>
      </c>
      <c r="E48182" s="1" t="s">
        <v>163236</v>
      </c>
      <c r="F48182" s="1" t="s">
        <v>163237</v>
      </c>
      <c r="G48182" s="1" t="s">
        <v>163238</v>
      </c>
      <c r="H48182" s="1" t="s">
        <v>163239</v>
      </c>
      <c r="I48182" s="1" t="s">
        <v>163240</v>
      </c>
      <c r="J48182" s="1" t="s">
        <v>13</v>
      </c>
    </row>
    <row r="48183" spans="1:10" x14ac:dyDescent="0.35">
      <c r="A48183" s="1" t="s">
        <v>1209</v>
      </c>
      <c r="B48183" s="1" t="s">
        <v>163234</v>
      </c>
      <c r="C48183" s="1" t="s">
        <v>15</v>
      </c>
      <c r="D48183" s="1" t="s">
        <v>163241</v>
      </c>
      <c r="E48183" s="1" t="s">
        <v>163242</v>
      </c>
      <c r="F48183" s="1" t="s">
        <v>163243</v>
      </c>
      <c r="G48183" s="1" t="s">
        <v>163238</v>
      </c>
      <c r="H48183" s="1" t="s">
        <v>163239</v>
      </c>
      <c r="I48183" s="1" t="s">
        <v>163240</v>
      </c>
      <c r="J48183" s="1" t="s">
        <v>163244</v>
      </c>
    </row>
    <row r="48184" spans="1:10" x14ac:dyDescent="0.35">
      <c r="A48184" s="1" t="s">
        <v>1209</v>
      </c>
      <c r="B48184" s="1" t="s">
        <v>163234</v>
      </c>
      <c r="C48184" s="1" t="s">
        <v>20</v>
      </c>
      <c r="D48184" s="1" t="s">
        <v>163245</v>
      </c>
      <c r="E48184" s="1" t="s">
        <v>163246</v>
      </c>
      <c r="F48184" s="1" t="s">
        <v>163247</v>
      </c>
      <c r="G48184" s="1" t="s">
        <v>163238</v>
      </c>
      <c r="H48184" s="1" t="s">
        <v>163239</v>
      </c>
      <c r="I48184" s="1" t="s">
        <v>163240</v>
      </c>
      <c r="J48184" s="1" t="s">
        <v>163248</v>
      </c>
    </row>
    <row r="48185" spans="1:10" x14ac:dyDescent="0.35">
      <c r="A48185" s="1" t="s">
        <v>1209</v>
      </c>
      <c r="B48185" s="1" t="s">
        <v>163234</v>
      </c>
      <c r="C48185" s="1" t="s">
        <v>25</v>
      </c>
      <c r="D48185" s="1" t="s">
        <v>91420</v>
      </c>
      <c r="E48185" s="1" t="s">
        <v>163249</v>
      </c>
      <c r="F48185" s="1" t="s">
        <v>163250</v>
      </c>
      <c r="G48185" s="1" t="s">
        <v>163238</v>
      </c>
      <c r="H48185" s="1" t="s">
        <v>163239</v>
      </c>
      <c r="I48185" s="1" t="s">
        <v>163240</v>
      </c>
      <c r="J48185" s="1" t="s">
        <v>163251</v>
      </c>
    </row>
    <row r="48186" spans="1:10" x14ac:dyDescent="0.35">
      <c r="A48186" s="1" t="s">
        <v>1209</v>
      </c>
      <c r="B48186" s="1" t="s">
        <v>163234</v>
      </c>
      <c r="C48186" s="1" t="s">
        <v>30</v>
      </c>
      <c r="D48186" s="1" t="s">
        <v>131648</v>
      </c>
      <c r="E48186" s="1" t="s">
        <v>163252</v>
      </c>
      <c r="F48186" s="1" t="s">
        <v>163253</v>
      </c>
      <c r="G48186" s="1" t="s">
        <v>163238</v>
      </c>
      <c r="H48186" s="1" t="s">
        <v>163239</v>
      </c>
      <c r="I48186" s="1" t="s">
        <v>163240</v>
      </c>
      <c r="J48186" s="1" t="s">
        <v>163254</v>
      </c>
    </row>
    <row r="48187" spans="1:10" x14ac:dyDescent="0.35">
      <c r="A48187" s="1" t="s">
        <v>1209</v>
      </c>
      <c r="B48187" s="1" t="s">
        <v>163234</v>
      </c>
      <c r="C48187" s="1" t="s">
        <v>35</v>
      </c>
      <c r="D48187" s="1" t="s">
        <v>163255</v>
      </c>
      <c r="E48187" s="1" t="s">
        <v>163256</v>
      </c>
      <c r="F48187" s="1" t="s">
        <v>163257</v>
      </c>
      <c r="G48187" s="1" t="s">
        <v>163238</v>
      </c>
      <c r="H48187" s="1" t="s">
        <v>163239</v>
      </c>
      <c r="I48187" s="1" t="s">
        <v>163240</v>
      </c>
      <c r="J48187" s="1" t="s">
        <v>163258</v>
      </c>
    </row>
    <row r="48188" spans="1:10" x14ac:dyDescent="0.35">
      <c r="A48188" s="1" t="s">
        <v>1209</v>
      </c>
      <c r="B48188" s="1" t="s">
        <v>163234</v>
      </c>
      <c r="C48188" s="1" t="s">
        <v>40</v>
      </c>
      <c r="D48188" s="1" t="s">
        <v>163259</v>
      </c>
      <c r="E48188" s="1" t="s">
        <v>163260</v>
      </c>
      <c r="F48188" s="1" t="s">
        <v>163261</v>
      </c>
      <c r="G48188" s="1" t="s">
        <v>163238</v>
      </c>
      <c r="H48188" s="1" t="s">
        <v>163239</v>
      </c>
      <c r="I48188" s="1" t="s">
        <v>163240</v>
      </c>
      <c r="J48188" s="1" t="s">
        <v>163262</v>
      </c>
    </row>
    <row r="48189" spans="1:10" x14ac:dyDescent="0.35">
      <c r="A48189" s="1" t="s">
        <v>1209</v>
      </c>
      <c r="B48189" s="1" t="s">
        <v>163234</v>
      </c>
      <c r="C48189" s="1" t="s">
        <v>45</v>
      </c>
      <c r="D48189" s="1" t="s">
        <v>163263</v>
      </c>
      <c r="E48189" s="1" t="s">
        <v>163264</v>
      </c>
      <c r="F48189" s="1" t="s">
        <v>163265</v>
      </c>
      <c r="G48189" s="1" t="s">
        <v>163238</v>
      </c>
      <c r="H48189" s="1" t="s">
        <v>163239</v>
      </c>
      <c r="I48189" s="1" t="s">
        <v>163240</v>
      </c>
      <c r="J48189" s="1" t="s">
        <v>163266</v>
      </c>
    </row>
    <row r="48190" spans="1:10" x14ac:dyDescent="0.35">
      <c r="A48190" s="1" t="s">
        <v>1209</v>
      </c>
      <c r="B48190" s="1" t="s">
        <v>163234</v>
      </c>
      <c r="C48190" s="1" t="s">
        <v>50</v>
      </c>
      <c r="D48190" s="1" t="s">
        <v>163267</v>
      </c>
      <c r="E48190" s="1" t="s">
        <v>163268</v>
      </c>
      <c r="F48190" s="1" t="s">
        <v>163269</v>
      </c>
      <c r="G48190" s="1" t="s">
        <v>163238</v>
      </c>
      <c r="H48190" s="1" t="s">
        <v>163239</v>
      </c>
      <c r="I48190" s="1" t="s">
        <v>163240</v>
      </c>
      <c r="J48190" s="1" t="s">
        <v>163270</v>
      </c>
    </row>
    <row r="48191" spans="1:10" x14ac:dyDescent="0.35">
      <c r="A48191" s="1" t="s">
        <v>1209</v>
      </c>
      <c r="B48191" s="1" t="s">
        <v>163234</v>
      </c>
      <c r="C48191" s="1" t="s">
        <v>55</v>
      </c>
      <c r="D48191" s="1" t="s">
        <v>162226</v>
      </c>
      <c r="E48191" s="1" t="s">
        <v>163271</v>
      </c>
      <c r="F48191" s="1" t="s">
        <v>163272</v>
      </c>
      <c r="G48191" s="1" t="s">
        <v>163238</v>
      </c>
      <c r="H48191" s="1" t="s">
        <v>163239</v>
      </c>
      <c r="I48191" s="1" t="s">
        <v>163240</v>
      </c>
      <c r="J48191" s="1" t="s">
        <v>163273</v>
      </c>
    </row>
    <row r="48192" spans="1:10" x14ac:dyDescent="0.35">
      <c r="A48192" s="1" t="s">
        <v>1209</v>
      </c>
      <c r="B48192" s="1" t="s">
        <v>163234</v>
      </c>
      <c r="C48192" s="1" t="s">
        <v>60</v>
      </c>
      <c r="D48192" s="1" t="s">
        <v>163274</v>
      </c>
      <c r="E48192" s="1" t="s">
        <v>163275</v>
      </c>
      <c r="F48192" s="1" t="s">
        <v>163276</v>
      </c>
      <c r="G48192" s="1" t="s">
        <v>163238</v>
      </c>
      <c r="H48192" s="1" t="s">
        <v>163239</v>
      </c>
      <c r="I48192" s="1" t="s">
        <v>163240</v>
      </c>
      <c r="J48192" s="1" t="s">
        <v>163277</v>
      </c>
    </row>
    <row r="48193" spans="1:10" x14ac:dyDescent="0.35">
      <c r="A48193" s="1" t="s">
        <v>1209</v>
      </c>
      <c r="B48193" s="1" t="s">
        <v>163234</v>
      </c>
      <c r="C48193" s="1" t="s">
        <v>65</v>
      </c>
      <c r="D48193" s="1" t="s">
        <v>163278</v>
      </c>
      <c r="E48193" s="1" t="s">
        <v>163279</v>
      </c>
      <c r="F48193" s="1" t="s">
        <v>163280</v>
      </c>
      <c r="G48193" s="1" t="s">
        <v>163238</v>
      </c>
      <c r="H48193" s="1" t="s">
        <v>163239</v>
      </c>
      <c r="I48193" s="1" t="s">
        <v>163240</v>
      </c>
      <c r="J48193" s="1" t="s">
        <v>163281</v>
      </c>
    </row>
    <row r="48194" spans="1:10" x14ac:dyDescent="0.35">
      <c r="A48194" s="1" t="s">
        <v>1209</v>
      </c>
      <c r="B48194" s="1" t="s">
        <v>163234</v>
      </c>
      <c r="C48194" s="1" t="s">
        <v>70</v>
      </c>
      <c r="D48194" s="1" t="s">
        <v>163282</v>
      </c>
      <c r="E48194" s="1" t="s">
        <v>163283</v>
      </c>
      <c r="F48194" s="1" t="s">
        <v>163284</v>
      </c>
      <c r="G48194" s="1" t="s">
        <v>163238</v>
      </c>
      <c r="H48194" s="1" t="s">
        <v>163239</v>
      </c>
      <c r="I48194" s="1" t="s">
        <v>163240</v>
      </c>
      <c r="J48194" s="1" t="s">
        <v>163285</v>
      </c>
    </row>
    <row r="48195" spans="1:10" x14ac:dyDescent="0.35">
      <c r="A48195" s="1" t="s">
        <v>1209</v>
      </c>
      <c r="B48195" s="1" t="s">
        <v>163234</v>
      </c>
      <c r="C48195" s="1" t="s">
        <v>75</v>
      </c>
      <c r="D48195" s="1" t="s">
        <v>163286</v>
      </c>
      <c r="E48195" s="1" t="s">
        <v>163287</v>
      </c>
      <c r="F48195" s="1" t="s">
        <v>163288</v>
      </c>
      <c r="G48195" s="1" t="s">
        <v>163238</v>
      </c>
      <c r="H48195" s="1" t="s">
        <v>163239</v>
      </c>
      <c r="I48195" s="1" t="s">
        <v>163240</v>
      </c>
      <c r="J48195" s="1" t="s">
        <v>163289</v>
      </c>
    </row>
    <row r="48196" spans="1:10" x14ac:dyDescent="0.35">
      <c r="A48196" s="1" t="s">
        <v>1209</v>
      </c>
      <c r="B48196" s="1" t="s">
        <v>163234</v>
      </c>
      <c r="C48196" s="1" t="s">
        <v>80</v>
      </c>
      <c r="D48196" s="1" t="s">
        <v>163290</v>
      </c>
      <c r="E48196" s="1" t="s">
        <v>163291</v>
      </c>
      <c r="F48196" s="1" t="s">
        <v>163292</v>
      </c>
      <c r="G48196" s="1" t="s">
        <v>163238</v>
      </c>
      <c r="H48196" s="1" t="s">
        <v>163239</v>
      </c>
      <c r="I48196" s="1" t="s">
        <v>163240</v>
      </c>
      <c r="J48196" s="1" t="s">
        <v>163293</v>
      </c>
    </row>
    <row r="48197" spans="1:10" x14ac:dyDescent="0.35">
      <c r="A48197" s="1" t="s">
        <v>1209</v>
      </c>
      <c r="B48197" s="1" t="s">
        <v>163234</v>
      </c>
      <c r="C48197" s="1" t="s">
        <v>85</v>
      </c>
      <c r="D48197" s="1" t="s">
        <v>163294</v>
      </c>
      <c r="E48197" s="1" t="s">
        <v>163295</v>
      </c>
      <c r="F48197" s="1" t="s">
        <v>163296</v>
      </c>
      <c r="G48197" s="1" t="s">
        <v>163238</v>
      </c>
      <c r="H48197" s="1" t="s">
        <v>163239</v>
      </c>
      <c r="I48197" s="1" t="s">
        <v>163240</v>
      </c>
      <c r="J48197" s="1" t="s">
        <v>163297</v>
      </c>
    </row>
    <row r="48198" spans="1:10" x14ac:dyDescent="0.35">
      <c r="A48198" s="1" t="s">
        <v>1209</v>
      </c>
      <c r="B48198" s="1" t="s">
        <v>163234</v>
      </c>
      <c r="C48198" s="1" t="s">
        <v>90</v>
      </c>
      <c r="D48198" s="1" t="s">
        <v>163298</v>
      </c>
      <c r="E48198" s="1" t="s">
        <v>163299</v>
      </c>
      <c r="F48198" s="1" t="s">
        <v>163300</v>
      </c>
      <c r="G48198" s="1" t="s">
        <v>163238</v>
      </c>
      <c r="H48198" s="1" t="s">
        <v>163239</v>
      </c>
      <c r="I48198" s="1" t="s">
        <v>163240</v>
      </c>
      <c r="J48198" s="1" t="s">
        <v>163301</v>
      </c>
    </row>
    <row r="48199" spans="1:10" x14ac:dyDescent="0.35">
      <c r="A48199" s="1" t="s">
        <v>1209</v>
      </c>
      <c r="B48199" s="1" t="s">
        <v>163234</v>
      </c>
      <c r="C48199" s="1" t="s">
        <v>95</v>
      </c>
      <c r="D48199" s="1" t="s">
        <v>163302</v>
      </c>
      <c r="E48199" s="1" t="s">
        <v>163303</v>
      </c>
      <c r="F48199" s="1" t="s">
        <v>163304</v>
      </c>
      <c r="G48199" s="1" t="s">
        <v>163238</v>
      </c>
      <c r="H48199" s="1" t="s">
        <v>163239</v>
      </c>
      <c r="I48199" s="1" t="s">
        <v>163240</v>
      </c>
      <c r="J48199" s="1" t="s">
        <v>163305</v>
      </c>
    </row>
    <row r="48200" spans="1:10" x14ac:dyDescent="0.35">
      <c r="A48200" s="1" t="s">
        <v>1209</v>
      </c>
      <c r="B48200" s="1" t="s">
        <v>163234</v>
      </c>
      <c r="C48200" s="1" t="s">
        <v>100</v>
      </c>
      <c r="D48200" s="1" t="s">
        <v>163306</v>
      </c>
      <c r="E48200" s="1" t="s">
        <v>163307</v>
      </c>
      <c r="F48200" s="1" t="s">
        <v>163308</v>
      </c>
      <c r="G48200" s="1" t="s">
        <v>163238</v>
      </c>
      <c r="H48200" s="1" t="s">
        <v>163239</v>
      </c>
      <c r="I48200" s="1" t="s">
        <v>163240</v>
      </c>
      <c r="J48200" s="1" t="s">
        <v>163309</v>
      </c>
    </row>
    <row r="48201" spans="1:10" x14ac:dyDescent="0.35">
      <c r="A48201" s="1" t="s">
        <v>1209</v>
      </c>
      <c r="B48201" s="1" t="s">
        <v>163234</v>
      </c>
      <c r="C48201" s="1" t="s">
        <v>105</v>
      </c>
      <c r="D48201" s="1" t="s">
        <v>163310</v>
      </c>
      <c r="E48201" s="1" t="s">
        <v>163311</v>
      </c>
      <c r="F48201" s="1" t="s">
        <v>163312</v>
      </c>
      <c r="G48201" s="1" t="s">
        <v>163238</v>
      </c>
      <c r="H48201" s="1" t="s">
        <v>163239</v>
      </c>
      <c r="I48201" s="1" t="s">
        <v>163240</v>
      </c>
      <c r="J48201" s="1" t="s">
        <v>163313</v>
      </c>
    </row>
    <row r="48202" spans="1:10" x14ac:dyDescent="0.35">
      <c r="A48202" s="1" t="s">
        <v>1209</v>
      </c>
      <c r="B48202" s="1" t="s">
        <v>163234</v>
      </c>
      <c r="C48202" s="1" t="s">
        <v>110</v>
      </c>
      <c r="D48202" s="1" t="s">
        <v>23755</v>
      </c>
      <c r="E48202" s="1" t="s">
        <v>163314</v>
      </c>
      <c r="F48202" s="1" t="s">
        <v>163315</v>
      </c>
      <c r="G48202" s="1" t="s">
        <v>163238</v>
      </c>
      <c r="H48202" s="1" t="s">
        <v>163239</v>
      </c>
      <c r="I48202" s="1" t="s">
        <v>163240</v>
      </c>
      <c r="J48202" s="1" t="s">
        <v>163316</v>
      </c>
    </row>
    <row r="48203" spans="1:10" x14ac:dyDescent="0.35">
      <c r="A48203" s="1" t="s">
        <v>1209</v>
      </c>
      <c r="B48203" s="1" t="s">
        <v>163234</v>
      </c>
      <c r="C48203" s="1" t="s">
        <v>115</v>
      </c>
      <c r="D48203" s="1" t="s">
        <v>163317</v>
      </c>
      <c r="E48203" s="1" t="s">
        <v>163318</v>
      </c>
      <c r="F48203" s="1" t="s">
        <v>163319</v>
      </c>
      <c r="G48203" s="1" t="s">
        <v>163238</v>
      </c>
      <c r="H48203" s="1" t="s">
        <v>163239</v>
      </c>
      <c r="I48203" s="1" t="s">
        <v>163240</v>
      </c>
      <c r="J48203" s="1" t="s">
        <v>163320</v>
      </c>
    </row>
    <row r="48204" spans="1:10" x14ac:dyDescent="0.35">
      <c r="A48204" s="1" t="s">
        <v>1209</v>
      </c>
      <c r="B48204" s="1" t="s">
        <v>163234</v>
      </c>
      <c r="C48204" s="1" t="s">
        <v>120</v>
      </c>
      <c r="D48204" s="1" t="s">
        <v>163321</v>
      </c>
      <c r="E48204" s="1" t="s">
        <v>163322</v>
      </c>
      <c r="F48204" s="1" t="s">
        <v>163323</v>
      </c>
      <c r="G48204" s="1" t="s">
        <v>163238</v>
      </c>
      <c r="H48204" s="1" t="s">
        <v>163239</v>
      </c>
      <c r="I48204" s="1" t="s">
        <v>163240</v>
      </c>
      <c r="J48204" s="1" t="s">
        <v>163324</v>
      </c>
    </row>
    <row r="48205" spans="1:10" x14ac:dyDescent="0.35">
      <c r="A48205" s="1" t="s">
        <v>1209</v>
      </c>
      <c r="B48205" s="1" t="s">
        <v>163234</v>
      </c>
      <c r="C48205" s="1" t="s">
        <v>125</v>
      </c>
      <c r="D48205" s="1" t="s">
        <v>163325</v>
      </c>
      <c r="E48205" s="1" t="s">
        <v>163326</v>
      </c>
      <c r="F48205" s="1" t="s">
        <v>163327</v>
      </c>
      <c r="G48205" s="1" t="s">
        <v>163238</v>
      </c>
      <c r="H48205" s="1" t="s">
        <v>163239</v>
      </c>
      <c r="I48205" s="1" t="s">
        <v>163240</v>
      </c>
      <c r="J48205" s="1" t="s">
        <v>163328</v>
      </c>
    </row>
    <row r="48206" spans="1:10" x14ac:dyDescent="0.35">
      <c r="A48206" s="1" t="s">
        <v>1209</v>
      </c>
      <c r="B48206" s="1" t="s">
        <v>163234</v>
      </c>
      <c r="C48206" s="1" t="s">
        <v>130</v>
      </c>
      <c r="D48206" s="1" t="s">
        <v>163329</v>
      </c>
      <c r="E48206" s="1" t="s">
        <v>163330</v>
      </c>
      <c r="F48206" s="1" t="s">
        <v>163331</v>
      </c>
      <c r="G48206" s="1" t="s">
        <v>163238</v>
      </c>
      <c r="H48206" s="1" t="s">
        <v>163239</v>
      </c>
      <c r="I48206" s="1" t="s">
        <v>163240</v>
      </c>
      <c r="J48206" s="1" t="s">
        <v>163332</v>
      </c>
    </row>
    <row r="48207" spans="1:10" x14ac:dyDescent="0.35">
      <c r="A48207" s="1" t="s">
        <v>1209</v>
      </c>
      <c r="B48207" s="1" t="s">
        <v>163234</v>
      </c>
      <c r="C48207" s="1" t="s">
        <v>135</v>
      </c>
      <c r="D48207" s="1" t="s">
        <v>163333</v>
      </c>
      <c r="E48207" s="1" t="s">
        <v>163334</v>
      </c>
      <c r="F48207" s="1" t="s">
        <v>163335</v>
      </c>
      <c r="G48207" s="1" t="s">
        <v>163238</v>
      </c>
      <c r="H48207" s="1" t="s">
        <v>163239</v>
      </c>
      <c r="I48207" s="1" t="s">
        <v>163240</v>
      </c>
      <c r="J48207" s="1" t="s">
        <v>163336</v>
      </c>
    </row>
    <row r="48208" spans="1:10" x14ac:dyDescent="0.35">
      <c r="A48208" s="1" t="s">
        <v>1209</v>
      </c>
      <c r="B48208" s="1" t="s">
        <v>163234</v>
      </c>
      <c r="C48208" s="1" t="s">
        <v>140</v>
      </c>
      <c r="D48208" s="1" t="s">
        <v>163337</v>
      </c>
      <c r="E48208" s="1" t="s">
        <v>163338</v>
      </c>
      <c r="F48208" s="1" t="s">
        <v>163339</v>
      </c>
      <c r="G48208" s="1" t="s">
        <v>163238</v>
      </c>
      <c r="H48208" s="1" t="s">
        <v>163239</v>
      </c>
      <c r="I48208" s="1" t="s">
        <v>163240</v>
      </c>
      <c r="J48208" s="1" t="s">
        <v>163340</v>
      </c>
    </row>
    <row r="48209" spans="1:10" x14ac:dyDescent="0.35">
      <c r="A48209" s="1" t="s">
        <v>1209</v>
      </c>
      <c r="B48209" s="1" t="s">
        <v>163234</v>
      </c>
      <c r="C48209" s="1" t="s">
        <v>145</v>
      </c>
      <c r="D48209" s="1" t="s">
        <v>163341</v>
      </c>
      <c r="E48209" s="1" t="s">
        <v>163342</v>
      </c>
      <c r="F48209" s="1" t="s">
        <v>163343</v>
      </c>
      <c r="G48209" s="1" t="s">
        <v>163238</v>
      </c>
      <c r="H48209" s="1" t="s">
        <v>163239</v>
      </c>
      <c r="I48209" s="1" t="s">
        <v>163240</v>
      </c>
      <c r="J48209" s="1" t="s">
        <v>163344</v>
      </c>
    </row>
    <row r="48210" spans="1:10" x14ac:dyDescent="0.35">
      <c r="A48210" s="1" t="s">
        <v>1209</v>
      </c>
      <c r="B48210" s="1" t="s">
        <v>163234</v>
      </c>
      <c r="C48210" s="1" t="s">
        <v>150</v>
      </c>
      <c r="D48210" s="1" t="s">
        <v>163345</v>
      </c>
      <c r="E48210" s="1" t="s">
        <v>163346</v>
      </c>
      <c r="F48210" s="1" t="s">
        <v>163347</v>
      </c>
      <c r="G48210" s="1" t="s">
        <v>163238</v>
      </c>
      <c r="H48210" s="1" t="s">
        <v>163239</v>
      </c>
      <c r="I48210" s="1" t="s">
        <v>163240</v>
      </c>
      <c r="J48210" s="1" t="s">
        <v>163348</v>
      </c>
    </row>
    <row r="48211" spans="1:10" x14ac:dyDescent="0.35">
      <c r="A48211" s="1" t="s">
        <v>1209</v>
      </c>
      <c r="B48211" s="1" t="s">
        <v>163234</v>
      </c>
      <c r="C48211" s="1" t="s">
        <v>155</v>
      </c>
      <c r="D48211" s="1" t="s">
        <v>163349</v>
      </c>
      <c r="E48211" s="1" t="s">
        <v>163350</v>
      </c>
      <c r="F48211" s="1" t="s">
        <v>163351</v>
      </c>
      <c r="G48211" s="1" t="s">
        <v>163238</v>
      </c>
      <c r="H48211" s="1" t="s">
        <v>163239</v>
      </c>
      <c r="I48211" s="1" t="s">
        <v>163240</v>
      </c>
      <c r="J48211" s="1" t="s">
        <v>163352</v>
      </c>
    </row>
    <row r="48212" spans="1:10" x14ac:dyDescent="0.35">
      <c r="A48212" s="1" t="s">
        <v>1209</v>
      </c>
      <c r="B48212" s="1" t="s">
        <v>163234</v>
      </c>
      <c r="C48212" s="1" t="s">
        <v>160</v>
      </c>
      <c r="D48212" s="1" t="s">
        <v>163353</v>
      </c>
      <c r="E48212" s="1" t="s">
        <v>163354</v>
      </c>
      <c r="F48212" s="1" t="s">
        <v>163355</v>
      </c>
      <c r="G48212" s="1" t="s">
        <v>163238</v>
      </c>
      <c r="H48212" s="1" t="s">
        <v>163239</v>
      </c>
      <c r="I48212" s="1" t="s">
        <v>163240</v>
      </c>
      <c r="J48212" s="1" t="s">
        <v>163356</v>
      </c>
    </row>
    <row r="48213" spans="1:10" x14ac:dyDescent="0.35">
      <c r="A48213" s="1" t="s">
        <v>1209</v>
      </c>
      <c r="B48213" s="1" t="s">
        <v>163234</v>
      </c>
      <c r="C48213" s="1" t="s">
        <v>165</v>
      </c>
      <c r="D48213" s="1" t="s">
        <v>163357</v>
      </c>
      <c r="E48213" s="1" t="s">
        <v>163358</v>
      </c>
      <c r="F48213" s="1" t="s">
        <v>163359</v>
      </c>
      <c r="G48213" s="1" t="s">
        <v>163238</v>
      </c>
      <c r="H48213" s="1" t="s">
        <v>163239</v>
      </c>
      <c r="I48213" s="1" t="s">
        <v>163240</v>
      </c>
      <c r="J48213" s="1" t="s">
        <v>163360</v>
      </c>
    </row>
    <row r="48214" spans="1:10" x14ac:dyDescent="0.35">
      <c r="A48214" s="1" t="s">
        <v>1209</v>
      </c>
      <c r="B48214" s="1" t="s">
        <v>163234</v>
      </c>
      <c r="C48214" s="1" t="s">
        <v>170</v>
      </c>
      <c r="D48214" s="1" t="s">
        <v>84207</v>
      </c>
      <c r="E48214" s="1" t="s">
        <v>163361</v>
      </c>
      <c r="F48214" s="1" t="s">
        <v>163362</v>
      </c>
      <c r="G48214" s="1" t="s">
        <v>163238</v>
      </c>
      <c r="H48214" s="1" t="s">
        <v>163239</v>
      </c>
      <c r="I48214" s="1" t="s">
        <v>163240</v>
      </c>
      <c r="J48214" s="1" t="s">
        <v>163363</v>
      </c>
    </row>
    <row r="48215" spans="1:10" x14ac:dyDescent="0.35">
      <c r="A48215" s="1" t="s">
        <v>117908</v>
      </c>
      <c r="B48215" s="1" t="s">
        <v>163234</v>
      </c>
      <c r="C48215" s="1" t="s">
        <v>8</v>
      </c>
      <c r="D48215" s="1" t="s">
        <v>93715</v>
      </c>
      <c r="E48215" s="1" t="s">
        <v>163364</v>
      </c>
      <c r="F48215" s="1" t="s">
        <v>163365</v>
      </c>
      <c r="G48215" s="1" t="s">
        <v>163366</v>
      </c>
      <c r="H48215" s="1" t="s">
        <v>163367</v>
      </c>
      <c r="I48215" s="1" t="s">
        <v>163240</v>
      </c>
      <c r="J48215" s="1" t="s">
        <v>13</v>
      </c>
    </row>
    <row r="48216" spans="1:10" x14ac:dyDescent="0.35">
      <c r="A48216" s="1" t="s">
        <v>117908</v>
      </c>
      <c r="B48216" s="1" t="s">
        <v>163234</v>
      </c>
      <c r="C48216" s="1" t="s">
        <v>15</v>
      </c>
      <c r="D48216" s="1" t="s">
        <v>33383</v>
      </c>
      <c r="E48216" s="1" t="s">
        <v>163368</v>
      </c>
      <c r="F48216" s="1" t="s">
        <v>163369</v>
      </c>
      <c r="G48216" s="1" t="s">
        <v>163366</v>
      </c>
      <c r="H48216" s="1" t="s">
        <v>163367</v>
      </c>
      <c r="I48216" s="1" t="s">
        <v>163240</v>
      </c>
      <c r="J48216" s="1" t="s">
        <v>163370</v>
      </c>
    </row>
    <row r="48217" spans="1:10" x14ac:dyDescent="0.35">
      <c r="A48217" s="1" t="s">
        <v>117908</v>
      </c>
      <c r="B48217" s="1" t="s">
        <v>163234</v>
      </c>
      <c r="C48217" s="1" t="s">
        <v>20</v>
      </c>
      <c r="D48217" s="1" t="s">
        <v>163371</v>
      </c>
      <c r="E48217" s="1" t="s">
        <v>163372</v>
      </c>
      <c r="F48217" s="1" t="s">
        <v>163373</v>
      </c>
      <c r="G48217" s="1" t="s">
        <v>163366</v>
      </c>
      <c r="H48217" s="1" t="s">
        <v>163367</v>
      </c>
      <c r="I48217" s="1" t="s">
        <v>163240</v>
      </c>
      <c r="J48217" s="1" t="s">
        <v>163374</v>
      </c>
    </row>
    <row r="48218" spans="1:10" x14ac:dyDescent="0.35">
      <c r="A48218" s="1" t="s">
        <v>117908</v>
      </c>
      <c r="B48218" s="1" t="s">
        <v>163234</v>
      </c>
      <c r="C48218" s="1" t="s">
        <v>25</v>
      </c>
      <c r="D48218" s="1" t="s">
        <v>64337</v>
      </c>
      <c r="E48218" s="1" t="s">
        <v>163375</v>
      </c>
      <c r="F48218" s="1" t="s">
        <v>163376</v>
      </c>
      <c r="G48218" s="1" t="s">
        <v>163366</v>
      </c>
      <c r="H48218" s="1" t="s">
        <v>163367</v>
      </c>
      <c r="I48218" s="1" t="s">
        <v>163240</v>
      </c>
      <c r="J48218" s="1" t="s">
        <v>163377</v>
      </c>
    </row>
    <row r="48219" spans="1:10" x14ac:dyDescent="0.35">
      <c r="A48219" s="1" t="s">
        <v>117908</v>
      </c>
      <c r="B48219" s="1" t="s">
        <v>163234</v>
      </c>
      <c r="C48219" s="1" t="s">
        <v>30</v>
      </c>
      <c r="D48219" s="1" t="s">
        <v>13447</v>
      </c>
      <c r="E48219" s="1" t="s">
        <v>163378</v>
      </c>
      <c r="F48219" s="1" t="s">
        <v>163379</v>
      </c>
      <c r="G48219" s="1" t="s">
        <v>163366</v>
      </c>
      <c r="H48219" s="1" t="s">
        <v>163367</v>
      </c>
      <c r="I48219" s="1" t="s">
        <v>163240</v>
      </c>
      <c r="J48219" s="1" t="s">
        <v>163380</v>
      </c>
    </row>
    <row r="48220" spans="1:10" x14ac:dyDescent="0.35">
      <c r="A48220" s="1" t="s">
        <v>117908</v>
      </c>
      <c r="B48220" s="1" t="s">
        <v>163234</v>
      </c>
      <c r="C48220" s="1" t="s">
        <v>35</v>
      </c>
      <c r="D48220" s="1" t="s">
        <v>56605</v>
      </c>
      <c r="E48220" s="1" t="s">
        <v>163381</v>
      </c>
      <c r="F48220" s="1" t="s">
        <v>163382</v>
      </c>
      <c r="G48220" s="1" t="s">
        <v>163366</v>
      </c>
      <c r="H48220" s="1" t="s">
        <v>163367</v>
      </c>
      <c r="I48220" s="1" t="s">
        <v>163240</v>
      </c>
      <c r="J48220" s="1" t="s">
        <v>163383</v>
      </c>
    </row>
    <row r="48221" spans="1:10" x14ac:dyDescent="0.35">
      <c r="A48221" s="1" t="s">
        <v>117908</v>
      </c>
      <c r="B48221" s="1" t="s">
        <v>163234</v>
      </c>
      <c r="C48221" s="1" t="s">
        <v>40</v>
      </c>
      <c r="D48221" s="1" t="s">
        <v>163384</v>
      </c>
      <c r="E48221" s="1" t="s">
        <v>163385</v>
      </c>
      <c r="F48221" s="1" t="s">
        <v>163386</v>
      </c>
      <c r="G48221" s="1" t="s">
        <v>163366</v>
      </c>
      <c r="H48221" s="1" t="s">
        <v>163367</v>
      </c>
      <c r="I48221" s="1" t="s">
        <v>163240</v>
      </c>
      <c r="J48221" s="1" t="s">
        <v>163387</v>
      </c>
    </row>
    <row r="48222" spans="1:10" x14ac:dyDescent="0.35">
      <c r="A48222" s="1" t="s">
        <v>117908</v>
      </c>
      <c r="B48222" s="1" t="s">
        <v>163234</v>
      </c>
      <c r="C48222" s="1" t="s">
        <v>45</v>
      </c>
      <c r="D48222" s="1" t="s">
        <v>163388</v>
      </c>
      <c r="E48222" s="1" t="s">
        <v>163389</v>
      </c>
      <c r="F48222" s="1" t="s">
        <v>163390</v>
      </c>
      <c r="G48222" s="1" t="s">
        <v>163366</v>
      </c>
      <c r="H48222" s="1" t="s">
        <v>163367</v>
      </c>
      <c r="I48222" s="1" t="s">
        <v>163240</v>
      </c>
      <c r="J48222" s="1" t="s">
        <v>163391</v>
      </c>
    </row>
    <row r="48223" spans="1:10" x14ac:dyDescent="0.35">
      <c r="A48223" s="1" t="s">
        <v>117908</v>
      </c>
      <c r="B48223" s="1" t="s">
        <v>163234</v>
      </c>
      <c r="C48223" s="1" t="s">
        <v>50</v>
      </c>
      <c r="D48223" s="1" t="s">
        <v>163392</v>
      </c>
      <c r="E48223" s="1" t="s">
        <v>163393</v>
      </c>
      <c r="F48223" s="1" t="s">
        <v>163394</v>
      </c>
      <c r="G48223" s="1" t="s">
        <v>163366</v>
      </c>
      <c r="H48223" s="1" t="s">
        <v>163367</v>
      </c>
      <c r="I48223" s="1" t="s">
        <v>163240</v>
      </c>
      <c r="J48223" s="1" t="s">
        <v>163395</v>
      </c>
    </row>
    <row r="48224" spans="1:10" x14ac:dyDescent="0.35">
      <c r="A48224" s="1" t="s">
        <v>117908</v>
      </c>
      <c r="B48224" s="1" t="s">
        <v>163234</v>
      </c>
      <c r="C48224" s="1" t="s">
        <v>55</v>
      </c>
      <c r="D48224" s="1" t="s">
        <v>163396</v>
      </c>
      <c r="E48224" s="1" t="s">
        <v>163397</v>
      </c>
      <c r="F48224" s="1" t="s">
        <v>163398</v>
      </c>
      <c r="G48224" s="1" t="s">
        <v>163366</v>
      </c>
      <c r="H48224" s="1" t="s">
        <v>163367</v>
      </c>
      <c r="I48224" s="1" t="s">
        <v>163240</v>
      </c>
      <c r="J48224" s="1" t="s">
        <v>163399</v>
      </c>
    </row>
    <row r="48225" spans="1:10" x14ac:dyDescent="0.35">
      <c r="A48225" s="1" t="s">
        <v>117908</v>
      </c>
      <c r="B48225" s="1" t="s">
        <v>163234</v>
      </c>
      <c r="C48225" s="1" t="s">
        <v>60</v>
      </c>
      <c r="D48225" s="1" t="s">
        <v>163400</v>
      </c>
      <c r="E48225" s="1" t="s">
        <v>163401</v>
      </c>
      <c r="F48225" s="1" t="s">
        <v>163402</v>
      </c>
      <c r="G48225" s="1" t="s">
        <v>163366</v>
      </c>
      <c r="H48225" s="1" t="s">
        <v>163367</v>
      </c>
      <c r="I48225" s="1" t="s">
        <v>163240</v>
      </c>
      <c r="J48225" s="1" t="s">
        <v>163403</v>
      </c>
    </row>
    <row r="48226" spans="1:10" x14ac:dyDescent="0.35">
      <c r="A48226" s="1" t="s">
        <v>117908</v>
      </c>
      <c r="B48226" s="1" t="s">
        <v>163234</v>
      </c>
      <c r="C48226" s="1" t="s">
        <v>65</v>
      </c>
      <c r="D48226" s="1" t="s">
        <v>163404</v>
      </c>
      <c r="E48226" s="1" t="s">
        <v>163405</v>
      </c>
      <c r="F48226" s="1" t="s">
        <v>163406</v>
      </c>
      <c r="G48226" s="1" t="s">
        <v>163366</v>
      </c>
      <c r="H48226" s="1" t="s">
        <v>163367</v>
      </c>
      <c r="I48226" s="1" t="s">
        <v>163240</v>
      </c>
      <c r="J48226" s="1" t="s">
        <v>163407</v>
      </c>
    </row>
    <row r="48227" spans="1:10" x14ac:dyDescent="0.35">
      <c r="A48227" s="1" t="s">
        <v>117908</v>
      </c>
      <c r="B48227" s="1" t="s">
        <v>163234</v>
      </c>
      <c r="C48227" s="1" t="s">
        <v>70</v>
      </c>
      <c r="D48227" s="1" t="s">
        <v>133933</v>
      </c>
      <c r="E48227" s="1" t="s">
        <v>163408</v>
      </c>
      <c r="F48227" s="1" t="s">
        <v>163409</v>
      </c>
      <c r="G48227" s="1" t="s">
        <v>163366</v>
      </c>
      <c r="H48227" s="1" t="s">
        <v>163367</v>
      </c>
      <c r="I48227" s="1" t="s">
        <v>163240</v>
      </c>
      <c r="J48227" s="1" t="s">
        <v>163410</v>
      </c>
    </row>
    <row r="48228" spans="1:10" x14ac:dyDescent="0.35">
      <c r="A48228" s="1" t="s">
        <v>117908</v>
      </c>
      <c r="B48228" s="1" t="s">
        <v>163234</v>
      </c>
      <c r="C48228" s="1" t="s">
        <v>75</v>
      </c>
      <c r="D48228" s="1" t="s">
        <v>163411</v>
      </c>
      <c r="E48228" s="1" t="s">
        <v>163412</v>
      </c>
      <c r="F48228" s="1" t="s">
        <v>163413</v>
      </c>
      <c r="G48228" s="1" t="s">
        <v>163366</v>
      </c>
      <c r="H48228" s="1" t="s">
        <v>163367</v>
      </c>
      <c r="I48228" s="1" t="s">
        <v>163240</v>
      </c>
      <c r="J48228" s="1" t="s">
        <v>163414</v>
      </c>
    </row>
    <row r="48229" spans="1:10" x14ac:dyDescent="0.35">
      <c r="A48229" s="1" t="s">
        <v>117908</v>
      </c>
      <c r="B48229" s="1" t="s">
        <v>163234</v>
      </c>
      <c r="C48229" s="1" t="s">
        <v>80</v>
      </c>
      <c r="D48229" s="1" t="s">
        <v>163415</v>
      </c>
      <c r="E48229" s="1" t="s">
        <v>163416</v>
      </c>
      <c r="F48229" s="1" t="s">
        <v>163417</v>
      </c>
      <c r="G48229" s="1" t="s">
        <v>163366</v>
      </c>
      <c r="H48229" s="1" t="s">
        <v>163367</v>
      </c>
      <c r="I48229" s="1" t="s">
        <v>163240</v>
      </c>
      <c r="J48229" s="1" t="s">
        <v>163418</v>
      </c>
    </row>
    <row r="48230" spans="1:10" x14ac:dyDescent="0.35">
      <c r="A48230" s="1" t="s">
        <v>117908</v>
      </c>
      <c r="B48230" s="1" t="s">
        <v>163234</v>
      </c>
      <c r="C48230" s="1" t="s">
        <v>85</v>
      </c>
      <c r="D48230" s="1" t="s">
        <v>40772</v>
      </c>
      <c r="E48230" s="1" t="s">
        <v>163419</v>
      </c>
      <c r="F48230" s="1" t="s">
        <v>163420</v>
      </c>
      <c r="G48230" s="1" t="s">
        <v>163366</v>
      </c>
      <c r="H48230" s="1" t="s">
        <v>163367</v>
      </c>
      <c r="I48230" s="1" t="s">
        <v>163240</v>
      </c>
      <c r="J48230" s="1" t="s">
        <v>163421</v>
      </c>
    </row>
    <row r="48231" spans="1:10" x14ac:dyDescent="0.35">
      <c r="A48231" s="1" t="s">
        <v>117908</v>
      </c>
      <c r="B48231" s="1" t="s">
        <v>163234</v>
      </c>
      <c r="C48231" s="1" t="s">
        <v>90</v>
      </c>
      <c r="D48231" s="1" t="s">
        <v>163422</v>
      </c>
      <c r="E48231" s="1" t="s">
        <v>163423</v>
      </c>
      <c r="F48231" s="1" t="s">
        <v>163424</v>
      </c>
      <c r="G48231" s="1" t="s">
        <v>163366</v>
      </c>
      <c r="H48231" s="1" t="s">
        <v>163367</v>
      </c>
      <c r="I48231" s="1" t="s">
        <v>163240</v>
      </c>
      <c r="J48231" s="1" t="s">
        <v>163425</v>
      </c>
    </row>
    <row r="48232" spans="1:10" x14ac:dyDescent="0.35">
      <c r="A48232" s="1" t="s">
        <v>117908</v>
      </c>
      <c r="B48232" s="1" t="s">
        <v>163234</v>
      </c>
      <c r="C48232" s="1" t="s">
        <v>95</v>
      </c>
      <c r="D48232" s="1" t="s">
        <v>163426</v>
      </c>
      <c r="E48232" s="1" t="s">
        <v>163427</v>
      </c>
      <c r="F48232" s="1" t="s">
        <v>163428</v>
      </c>
      <c r="G48232" s="1" t="s">
        <v>163366</v>
      </c>
      <c r="H48232" s="1" t="s">
        <v>163367</v>
      </c>
      <c r="I48232" s="1" t="s">
        <v>163240</v>
      </c>
      <c r="J48232" s="1" t="s">
        <v>163429</v>
      </c>
    </row>
    <row r="48233" spans="1:10" x14ac:dyDescent="0.35">
      <c r="A48233" s="1" t="s">
        <v>117908</v>
      </c>
      <c r="B48233" s="1" t="s">
        <v>163234</v>
      </c>
      <c r="C48233" s="1" t="s">
        <v>100</v>
      </c>
      <c r="D48233" s="1" t="s">
        <v>163430</v>
      </c>
      <c r="E48233" s="1" t="s">
        <v>163431</v>
      </c>
      <c r="F48233" s="1" t="s">
        <v>163432</v>
      </c>
      <c r="G48233" s="1" t="s">
        <v>163366</v>
      </c>
      <c r="H48233" s="1" t="s">
        <v>163367</v>
      </c>
      <c r="I48233" s="1" t="s">
        <v>163240</v>
      </c>
      <c r="J48233" s="1" t="s">
        <v>163433</v>
      </c>
    </row>
    <row r="48234" spans="1:10" x14ac:dyDescent="0.35">
      <c r="A48234" s="1" t="s">
        <v>117908</v>
      </c>
      <c r="B48234" s="1" t="s">
        <v>163234</v>
      </c>
      <c r="C48234" s="1" t="s">
        <v>105</v>
      </c>
      <c r="D48234" s="1" t="s">
        <v>163434</v>
      </c>
      <c r="E48234" s="1" t="s">
        <v>163435</v>
      </c>
      <c r="F48234" s="1" t="s">
        <v>163436</v>
      </c>
      <c r="G48234" s="1" t="s">
        <v>163366</v>
      </c>
      <c r="H48234" s="1" t="s">
        <v>163367</v>
      </c>
      <c r="I48234" s="1" t="s">
        <v>163240</v>
      </c>
      <c r="J48234" s="1" t="s">
        <v>163437</v>
      </c>
    </row>
    <row r="48235" spans="1:10" x14ac:dyDescent="0.35">
      <c r="A48235" s="1" t="s">
        <v>117908</v>
      </c>
      <c r="B48235" s="1" t="s">
        <v>163234</v>
      </c>
      <c r="C48235" s="1" t="s">
        <v>110</v>
      </c>
      <c r="D48235" s="1" t="s">
        <v>163438</v>
      </c>
      <c r="E48235" s="1" t="s">
        <v>163439</v>
      </c>
      <c r="F48235" s="1" t="s">
        <v>163440</v>
      </c>
      <c r="G48235" s="1" t="s">
        <v>163366</v>
      </c>
      <c r="H48235" s="1" t="s">
        <v>163367</v>
      </c>
      <c r="I48235" s="1" t="s">
        <v>163240</v>
      </c>
      <c r="J48235" s="1" t="s">
        <v>163441</v>
      </c>
    </row>
    <row r="48236" spans="1:10" x14ac:dyDescent="0.35">
      <c r="A48236" s="1" t="s">
        <v>117908</v>
      </c>
      <c r="B48236" s="1" t="s">
        <v>163234</v>
      </c>
      <c r="C48236" s="1" t="s">
        <v>115</v>
      </c>
      <c r="D48236" s="1" t="s">
        <v>90071</v>
      </c>
      <c r="E48236" s="1" t="s">
        <v>163442</v>
      </c>
      <c r="F48236" s="1" t="s">
        <v>163443</v>
      </c>
      <c r="G48236" s="1" t="s">
        <v>163366</v>
      </c>
      <c r="H48236" s="1" t="s">
        <v>163367</v>
      </c>
      <c r="I48236" s="1" t="s">
        <v>163240</v>
      </c>
      <c r="J48236" s="1" t="s">
        <v>163444</v>
      </c>
    </row>
    <row r="48237" spans="1:10" x14ac:dyDescent="0.35">
      <c r="A48237" s="1" t="s">
        <v>117908</v>
      </c>
      <c r="B48237" s="1" t="s">
        <v>163234</v>
      </c>
      <c r="C48237" s="1" t="s">
        <v>120</v>
      </c>
      <c r="D48237" s="1" t="s">
        <v>163445</v>
      </c>
      <c r="E48237" s="1" t="s">
        <v>163446</v>
      </c>
      <c r="F48237" s="1" t="s">
        <v>163447</v>
      </c>
      <c r="G48237" s="1" t="s">
        <v>163366</v>
      </c>
      <c r="H48237" s="1" t="s">
        <v>163367</v>
      </c>
      <c r="I48237" s="1" t="s">
        <v>163240</v>
      </c>
      <c r="J48237" s="1" t="s">
        <v>163448</v>
      </c>
    </row>
    <row r="48238" spans="1:10" x14ac:dyDescent="0.35">
      <c r="A48238" s="1" t="s">
        <v>117908</v>
      </c>
      <c r="B48238" s="1" t="s">
        <v>163234</v>
      </c>
      <c r="C48238" s="1" t="s">
        <v>125</v>
      </c>
      <c r="D48238" s="1" t="s">
        <v>41605</v>
      </c>
      <c r="E48238" s="1" t="s">
        <v>163449</v>
      </c>
      <c r="F48238" s="1" t="s">
        <v>163450</v>
      </c>
      <c r="G48238" s="1" t="s">
        <v>163366</v>
      </c>
      <c r="H48238" s="1" t="s">
        <v>163367</v>
      </c>
      <c r="I48238" s="1" t="s">
        <v>163240</v>
      </c>
      <c r="J48238" s="1" t="s">
        <v>163451</v>
      </c>
    </row>
    <row r="48239" spans="1:10" x14ac:dyDescent="0.35">
      <c r="A48239" s="1" t="s">
        <v>117908</v>
      </c>
      <c r="B48239" s="1" t="s">
        <v>163234</v>
      </c>
      <c r="C48239" s="1" t="s">
        <v>130</v>
      </c>
      <c r="D48239" s="1" t="s">
        <v>163452</v>
      </c>
      <c r="E48239" s="1" t="s">
        <v>163453</v>
      </c>
      <c r="F48239" s="1" t="s">
        <v>163454</v>
      </c>
      <c r="G48239" s="1" t="s">
        <v>163366</v>
      </c>
      <c r="H48239" s="1" t="s">
        <v>163367</v>
      </c>
      <c r="I48239" s="1" t="s">
        <v>163240</v>
      </c>
      <c r="J48239" s="1" t="s">
        <v>163455</v>
      </c>
    </row>
    <row r="48240" spans="1:10" x14ac:dyDescent="0.35">
      <c r="A48240" s="1" t="s">
        <v>117908</v>
      </c>
      <c r="B48240" s="1" t="s">
        <v>163234</v>
      </c>
      <c r="C48240" s="1" t="s">
        <v>135</v>
      </c>
      <c r="D48240" s="1" t="s">
        <v>163456</v>
      </c>
      <c r="E48240" s="1" t="s">
        <v>163457</v>
      </c>
      <c r="F48240" s="1" t="s">
        <v>163458</v>
      </c>
      <c r="G48240" s="1" t="s">
        <v>163366</v>
      </c>
      <c r="H48240" s="1" t="s">
        <v>163367</v>
      </c>
      <c r="I48240" s="1" t="s">
        <v>163240</v>
      </c>
      <c r="J48240" s="1" t="s">
        <v>163459</v>
      </c>
    </row>
    <row r="48241" spans="1:10" x14ac:dyDescent="0.35">
      <c r="A48241" s="1" t="s">
        <v>117908</v>
      </c>
      <c r="B48241" s="1" t="s">
        <v>163234</v>
      </c>
      <c r="C48241" s="1" t="s">
        <v>140</v>
      </c>
      <c r="D48241" s="1" t="s">
        <v>61428</v>
      </c>
      <c r="E48241" s="1" t="s">
        <v>163460</v>
      </c>
      <c r="F48241" s="1" t="s">
        <v>163461</v>
      </c>
      <c r="G48241" s="1" t="s">
        <v>163366</v>
      </c>
      <c r="H48241" s="1" t="s">
        <v>163367</v>
      </c>
      <c r="I48241" s="1" t="s">
        <v>163240</v>
      </c>
      <c r="J48241" s="1" t="s">
        <v>163462</v>
      </c>
    </row>
    <row r="48242" spans="1:10" x14ac:dyDescent="0.35">
      <c r="A48242" s="1" t="s">
        <v>117908</v>
      </c>
      <c r="B48242" s="1" t="s">
        <v>163234</v>
      </c>
      <c r="C48242" s="1" t="s">
        <v>145</v>
      </c>
      <c r="D48242" s="1" t="s">
        <v>163463</v>
      </c>
      <c r="E48242" s="1" t="s">
        <v>163464</v>
      </c>
      <c r="F48242" s="1" t="s">
        <v>163465</v>
      </c>
      <c r="G48242" s="1" t="s">
        <v>163366</v>
      </c>
      <c r="H48242" s="1" t="s">
        <v>163367</v>
      </c>
      <c r="I48242" s="1" t="s">
        <v>163240</v>
      </c>
      <c r="J48242" s="1" t="s">
        <v>163466</v>
      </c>
    </row>
    <row r="48243" spans="1:10" x14ac:dyDescent="0.35">
      <c r="A48243" s="1" t="s">
        <v>117908</v>
      </c>
      <c r="B48243" s="1" t="s">
        <v>163234</v>
      </c>
      <c r="C48243" s="1" t="s">
        <v>150</v>
      </c>
      <c r="D48243" s="1" t="s">
        <v>163467</v>
      </c>
      <c r="E48243" s="1" t="s">
        <v>163468</v>
      </c>
      <c r="F48243" s="1" t="s">
        <v>163469</v>
      </c>
      <c r="G48243" s="1" t="s">
        <v>163366</v>
      </c>
      <c r="H48243" s="1" t="s">
        <v>163367</v>
      </c>
      <c r="I48243" s="1" t="s">
        <v>163240</v>
      </c>
      <c r="J48243" s="1" t="s">
        <v>163470</v>
      </c>
    </row>
    <row r="48244" spans="1:10" x14ac:dyDescent="0.35">
      <c r="A48244" s="1" t="s">
        <v>117908</v>
      </c>
      <c r="B48244" s="1" t="s">
        <v>163234</v>
      </c>
      <c r="C48244" s="1" t="s">
        <v>155</v>
      </c>
      <c r="D48244" s="1" t="s">
        <v>163471</v>
      </c>
      <c r="E48244" s="1" t="s">
        <v>163472</v>
      </c>
      <c r="F48244" s="1" t="s">
        <v>163473</v>
      </c>
      <c r="G48244" s="1" t="s">
        <v>163366</v>
      </c>
      <c r="H48244" s="1" t="s">
        <v>163367</v>
      </c>
      <c r="I48244" s="1" t="s">
        <v>163240</v>
      </c>
      <c r="J48244" s="1" t="s">
        <v>163474</v>
      </c>
    </row>
    <row r="48245" spans="1:10" x14ac:dyDescent="0.35">
      <c r="A48245" s="1" t="s">
        <v>117908</v>
      </c>
      <c r="B48245" s="1" t="s">
        <v>163234</v>
      </c>
      <c r="C48245" s="1" t="s">
        <v>160</v>
      </c>
      <c r="D48245" s="1" t="s">
        <v>163475</v>
      </c>
      <c r="E48245" s="1" t="s">
        <v>163476</v>
      </c>
      <c r="F48245" s="1" t="s">
        <v>163477</v>
      </c>
      <c r="G48245" s="1" t="s">
        <v>163366</v>
      </c>
      <c r="H48245" s="1" t="s">
        <v>163367</v>
      </c>
      <c r="I48245" s="1" t="s">
        <v>163240</v>
      </c>
      <c r="J48245" s="1" t="s">
        <v>163478</v>
      </c>
    </row>
    <row r="48246" spans="1:10" x14ac:dyDescent="0.35">
      <c r="A48246" s="1" t="s">
        <v>117908</v>
      </c>
      <c r="B48246" s="1" t="s">
        <v>163234</v>
      </c>
      <c r="C48246" s="1" t="s">
        <v>165</v>
      </c>
      <c r="D48246" s="1" t="s">
        <v>163479</v>
      </c>
      <c r="E48246" s="1" t="s">
        <v>163480</v>
      </c>
      <c r="F48246" s="1" t="s">
        <v>163481</v>
      </c>
      <c r="G48246" s="1" t="s">
        <v>163366</v>
      </c>
      <c r="H48246" s="1" t="s">
        <v>163367</v>
      </c>
      <c r="I48246" s="1" t="s">
        <v>163240</v>
      </c>
      <c r="J48246" s="1" t="s">
        <v>163482</v>
      </c>
    </row>
    <row r="48247" spans="1:10" x14ac:dyDescent="0.35">
      <c r="A48247" s="1" t="s">
        <v>117908</v>
      </c>
      <c r="B48247" s="1" t="s">
        <v>163234</v>
      </c>
      <c r="C48247" s="1" t="s">
        <v>170</v>
      </c>
      <c r="D48247" s="1" t="s">
        <v>128462</v>
      </c>
      <c r="E48247" s="1" t="s">
        <v>163483</v>
      </c>
      <c r="F48247" s="1" t="s">
        <v>163484</v>
      </c>
      <c r="G48247" s="1" t="s">
        <v>163366</v>
      </c>
      <c r="H48247" s="1" t="s">
        <v>163367</v>
      </c>
      <c r="I48247" s="1" t="s">
        <v>163240</v>
      </c>
      <c r="J48247" s="1" t="s">
        <v>163485</v>
      </c>
    </row>
    <row r="48248" spans="1:10" x14ac:dyDescent="0.35">
      <c r="A48248" s="1" t="s">
        <v>6407</v>
      </c>
      <c r="B48248" s="1" t="s">
        <v>163234</v>
      </c>
      <c r="C48248" s="1" t="s">
        <v>8</v>
      </c>
      <c r="D48248" s="1" t="s">
        <v>162317</v>
      </c>
      <c r="E48248" s="1" t="s">
        <v>163486</v>
      </c>
      <c r="F48248" s="1" t="s">
        <v>163487</v>
      </c>
      <c r="G48248" s="1" t="s">
        <v>163488</v>
      </c>
      <c r="H48248" s="1" t="s">
        <v>163489</v>
      </c>
      <c r="I48248" s="1" t="s">
        <v>163240</v>
      </c>
      <c r="J48248" s="1" t="s">
        <v>13</v>
      </c>
    </row>
    <row r="48249" spans="1:10" x14ac:dyDescent="0.35">
      <c r="A48249" s="1" t="s">
        <v>6407</v>
      </c>
      <c r="B48249" s="1" t="s">
        <v>163234</v>
      </c>
      <c r="C48249" s="1" t="s">
        <v>15</v>
      </c>
      <c r="D48249" s="1" t="s">
        <v>163490</v>
      </c>
      <c r="E48249" s="1" t="s">
        <v>163491</v>
      </c>
      <c r="F48249" s="1" t="s">
        <v>163492</v>
      </c>
      <c r="G48249" s="1" t="s">
        <v>163488</v>
      </c>
      <c r="H48249" s="1" t="s">
        <v>163489</v>
      </c>
      <c r="I48249" s="1" t="s">
        <v>163240</v>
      </c>
      <c r="J48249" s="1" t="s">
        <v>163493</v>
      </c>
    </row>
    <row r="48250" spans="1:10" x14ac:dyDescent="0.35">
      <c r="A48250" s="1" t="s">
        <v>6407</v>
      </c>
      <c r="B48250" s="1" t="s">
        <v>163234</v>
      </c>
      <c r="C48250" s="1" t="s">
        <v>20</v>
      </c>
      <c r="D48250" s="1" t="s">
        <v>19245</v>
      </c>
      <c r="E48250" s="1" t="s">
        <v>163494</v>
      </c>
      <c r="F48250" s="1" t="s">
        <v>163495</v>
      </c>
      <c r="G48250" s="1" t="s">
        <v>163488</v>
      </c>
      <c r="H48250" s="1" t="s">
        <v>163489</v>
      </c>
      <c r="I48250" s="1" t="s">
        <v>163240</v>
      </c>
      <c r="J48250" s="1" t="s">
        <v>163496</v>
      </c>
    </row>
    <row r="48251" spans="1:10" x14ac:dyDescent="0.35">
      <c r="A48251" s="1" t="s">
        <v>6407</v>
      </c>
      <c r="B48251" s="1" t="s">
        <v>163234</v>
      </c>
      <c r="C48251" s="1" t="s">
        <v>25</v>
      </c>
      <c r="D48251" s="1" t="s">
        <v>163497</v>
      </c>
      <c r="E48251" s="1" t="s">
        <v>163498</v>
      </c>
      <c r="F48251" s="1" t="s">
        <v>163499</v>
      </c>
      <c r="G48251" s="1" t="s">
        <v>163488</v>
      </c>
      <c r="H48251" s="1" t="s">
        <v>163489</v>
      </c>
      <c r="I48251" s="1" t="s">
        <v>163240</v>
      </c>
      <c r="J48251" s="1" t="s">
        <v>163500</v>
      </c>
    </row>
    <row r="48252" spans="1:10" x14ac:dyDescent="0.35">
      <c r="A48252" s="1" t="s">
        <v>6407</v>
      </c>
      <c r="B48252" s="1" t="s">
        <v>163234</v>
      </c>
      <c r="C48252" s="1" t="s">
        <v>30</v>
      </c>
      <c r="D48252" s="1" t="s">
        <v>163501</v>
      </c>
      <c r="E48252" s="1" t="s">
        <v>163502</v>
      </c>
      <c r="F48252" s="1" t="s">
        <v>163503</v>
      </c>
      <c r="G48252" s="1" t="s">
        <v>163488</v>
      </c>
      <c r="H48252" s="1" t="s">
        <v>163489</v>
      </c>
      <c r="I48252" s="1" t="s">
        <v>163240</v>
      </c>
      <c r="J48252" s="1" t="s">
        <v>163504</v>
      </c>
    </row>
    <row r="48253" spans="1:10" x14ac:dyDescent="0.35">
      <c r="A48253" s="1" t="s">
        <v>6407</v>
      </c>
      <c r="B48253" s="1" t="s">
        <v>163234</v>
      </c>
      <c r="C48253" s="1" t="s">
        <v>35</v>
      </c>
      <c r="D48253" s="1" t="s">
        <v>163505</v>
      </c>
      <c r="E48253" s="1" t="s">
        <v>163506</v>
      </c>
      <c r="F48253" s="1" t="s">
        <v>163507</v>
      </c>
      <c r="G48253" s="1" t="s">
        <v>163488</v>
      </c>
      <c r="H48253" s="1" t="s">
        <v>163489</v>
      </c>
      <c r="I48253" s="1" t="s">
        <v>163240</v>
      </c>
      <c r="J48253" s="1" t="s">
        <v>163508</v>
      </c>
    </row>
    <row r="48254" spans="1:10" x14ac:dyDescent="0.35">
      <c r="A48254" s="1" t="s">
        <v>6407</v>
      </c>
      <c r="B48254" s="1" t="s">
        <v>163234</v>
      </c>
      <c r="C48254" s="1" t="s">
        <v>40</v>
      </c>
      <c r="D48254" s="1" t="s">
        <v>103621</v>
      </c>
      <c r="E48254" s="1" t="s">
        <v>163509</v>
      </c>
      <c r="F48254" s="1" t="s">
        <v>163510</v>
      </c>
      <c r="G48254" s="1" t="s">
        <v>163488</v>
      </c>
      <c r="H48254" s="1" t="s">
        <v>163489</v>
      </c>
      <c r="I48254" s="1" t="s">
        <v>163240</v>
      </c>
      <c r="J48254" s="1" t="s">
        <v>163511</v>
      </c>
    </row>
    <row r="48255" spans="1:10" x14ac:dyDescent="0.35">
      <c r="A48255" s="1" t="s">
        <v>6407</v>
      </c>
      <c r="B48255" s="1" t="s">
        <v>163234</v>
      </c>
      <c r="C48255" s="1" t="s">
        <v>45</v>
      </c>
      <c r="D48255" s="1" t="s">
        <v>134747</v>
      </c>
      <c r="E48255" s="1" t="s">
        <v>163512</v>
      </c>
      <c r="F48255" s="1" t="s">
        <v>163513</v>
      </c>
      <c r="G48255" s="1" t="s">
        <v>163488</v>
      </c>
      <c r="H48255" s="1" t="s">
        <v>163489</v>
      </c>
      <c r="I48255" s="1" t="s">
        <v>163240</v>
      </c>
      <c r="J48255" s="1" t="s">
        <v>163514</v>
      </c>
    </row>
    <row r="48256" spans="1:10" x14ac:dyDescent="0.35">
      <c r="A48256" s="1" t="s">
        <v>6407</v>
      </c>
      <c r="B48256" s="1" t="s">
        <v>163234</v>
      </c>
      <c r="C48256" s="1" t="s">
        <v>50</v>
      </c>
      <c r="D48256" s="1" t="s">
        <v>163515</v>
      </c>
      <c r="E48256" s="1" t="s">
        <v>163516</v>
      </c>
      <c r="F48256" s="1" t="s">
        <v>163517</v>
      </c>
      <c r="G48256" s="1" t="s">
        <v>163488</v>
      </c>
      <c r="H48256" s="1" t="s">
        <v>163489</v>
      </c>
      <c r="I48256" s="1" t="s">
        <v>163240</v>
      </c>
      <c r="J48256" s="1" t="s">
        <v>163518</v>
      </c>
    </row>
    <row r="48257" spans="1:10" x14ac:dyDescent="0.35">
      <c r="A48257" s="1" t="s">
        <v>6407</v>
      </c>
      <c r="B48257" s="1" t="s">
        <v>163234</v>
      </c>
      <c r="C48257" s="1" t="s">
        <v>55</v>
      </c>
      <c r="D48257" s="1" t="s">
        <v>163519</v>
      </c>
      <c r="E48257" s="1" t="s">
        <v>163520</v>
      </c>
      <c r="F48257" s="1" t="s">
        <v>163521</v>
      </c>
      <c r="G48257" s="1" t="s">
        <v>163488</v>
      </c>
      <c r="H48257" s="1" t="s">
        <v>163489</v>
      </c>
      <c r="I48257" s="1" t="s">
        <v>163240</v>
      </c>
      <c r="J48257" s="1" t="s">
        <v>163522</v>
      </c>
    </row>
    <row r="48258" spans="1:10" x14ac:dyDescent="0.35">
      <c r="A48258" s="1" t="s">
        <v>6407</v>
      </c>
      <c r="B48258" s="1" t="s">
        <v>163234</v>
      </c>
      <c r="C48258" s="1" t="s">
        <v>60</v>
      </c>
      <c r="D48258" s="1" t="s">
        <v>163523</v>
      </c>
      <c r="E48258" s="1" t="s">
        <v>163524</v>
      </c>
      <c r="F48258" s="1" t="s">
        <v>163525</v>
      </c>
      <c r="G48258" s="1" t="s">
        <v>163488</v>
      </c>
      <c r="H48258" s="1" t="s">
        <v>163489</v>
      </c>
      <c r="I48258" s="1" t="s">
        <v>163240</v>
      </c>
      <c r="J48258" s="1" t="s">
        <v>163526</v>
      </c>
    </row>
    <row r="48259" spans="1:10" x14ac:dyDescent="0.35">
      <c r="A48259" s="1" t="s">
        <v>6407</v>
      </c>
      <c r="B48259" s="1" t="s">
        <v>163234</v>
      </c>
      <c r="C48259" s="1" t="s">
        <v>65</v>
      </c>
      <c r="D48259" s="1" t="s">
        <v>163527</v>
      </c>
      <c r="E48259" s="1" t="s">
        <v>163528</v>
      </c>
      <c r="F48259" s="1" t="s">
        <v>163529</v>
      </c>
      <c r="G48259" s="1" t="s">
        <v>163488</v>
      </c>
      <c r="H48259" s="1" t="s">
        <v>163489</v>
      </c>
      <c r="I48259" s="1" t="s">
        <v>163240</v>
      </c>
      <c r="J48259" s="1" t="s">
        <v>163530</v>
      </c>
    </row>
    <row r="48260" spans="1:10" x14ac:dyDescent="0.35">
      <c r="A48260" s="1" t="s">
        <v>6407</v>
      </c>
      <c r="B48260" s="1" t="s">
        <v>163234</v>
      </c>
      <c r="C48260" s="1" t="s">
        <v>70</v>
      </c>
      <c r="D48260" s="1" t="s">
        <v>163531</v>
      </c>
      <c r="E48260" s="1" t="s">
        <v>163532</v>
      </c>
      <c r="F48260" s="1" t="s">
        <v>163533</v>
      </c>
      <c r="G48260" s="1" t="s">
        <v>163488</v>
      </c>
      <c r="H48260" s="1" t="s">
        <v>163489</v>
      </c>
      <c r="I48260" s="1" t="s">
        <v>163240</v>
      </c>
      <c r="J48260" s="1" t="s">
        <v>163534</v>
      </c>
    </row>
    <row r="48261" spans="1:10" x14ac:dyDescent="0.35">
      <c r="A48261" s="1" t="s">
        <v>6407</v>
      </c>
      <c r="B48261" s="1" t="s">
        <v>163234</v>
      </c>
      <c r="C48261" s="1" t="s">
        <v>75</v>
      </c>
      <c r="D48261" s="1" t="s">
        <v>163535</v>
      </c>
      <c r="E48261" s="1" t="s">
        <v>163536</v>
      </c>
      <c r="F48261" s="1" t="s">
        <v>163537</v>
      </c>
      <c r="G48261" s="1" t="s">
        <v>163488</v>
      </c>
      <c r="H48261" s="1" t="s">
        <v>163489</v>
      </c>
      <c r="I48261" s="1" t="s">
        <v>163240</v>
      </c>
      <c r="J48261" s="1" t="s">
        <v>163538</v>
      </c>
    </row>
    <row r="48262" spans="1:10" x14ac:dyDescent="0.35">
      <c r="A48262" s="1" t="s">
        <v>6407</v>
      </c>
      <c r="B48262" s="1" t="s">
        <v>163234</v>
      </c>
      <c r="C48262" s="1" t="s">
        <v>80</v>
      </c>
      <c r="D48262" s="1" t="s">
        <v>163539</v>
      </c>
      <c r="E48262" s="1" t="s">
        <v>163540</v>
      </c>
      <c r="F48262" s="1" t="s">
        <v>163541</v>
      </c>
      <c r="G48262" s="1" t="s">
        <v>163488</v>
      </c>
      <c r="H48262" s="1" t="s">
        <v>163489</v>
      </c>
      <c r="I48262" s="1" t="s">
        <v>163240</v>
      </c>
      <c r="J48262" s="1" t="s">
        <v>163542</v>
      </c>
    </row>
    <row r="48263" spans="1:10" x14ac:dyDescent="0.35">
      <c r="A48263" s="1" t="s">
        <v>6407</v>
      </c>
      <c r="B48263" s="1" t="s">
        <v>163234</v>
      </c>
      <c r="C48263" s="1" t="s">
        <v>85</v>
      </c>
      <c r="D48263" s="1" t="s">
        <v>163543</v>
      </c>
      <c r="E48263" s="1" t="s">
        <v>163544</v>
      </c>
      <c r="F48263" s="1" t="s">
        <v>163545</v>
      </c>
      <c r="G48263" s="1" t="s">
        <v>163488</v>
      </c>
      <c r="H48263" s="1" t="s">
        <v>163489</v>
      </c>
      <c r="I48263" s="1" t="s">
        <v>163240</v>
      </c>
      <c r="J48263" s="1" t="s">
        <v>163546</v>
      </c>
    </row>
    <row r="48264" spans="1:10" x14ac:dyDescent="0.35">
      <c r="A48264" s="1" t="s">
        <v>6407</v>
      </c>
      <c r="B48264" s="1" t="s">
        <v>163234</v>
      </c>
      <c r="C48264" s="1" t="s">
        <v>90</v>
      </c>
      <c r="D48264" s="1" t="s">
        <v>163547</v>
      </c>
      <c r="E48264" s="1" t="s">
        <v>163548</v>
      </c>
      <c r="F48264" s="1" t="s">
        <v>163549</v>
      </c>
      <c r="G48264" s="1" t="s">
        <v>163488</v>
      </c>
      <c r="H48264" s="1" t="s">
        <v>163489</v>
      </c>
      <c r="I48264" s="1" t="s">
        <v>163240</v>
      </c>
      <c r="J48264" s="1" t="s">
        <v>163550</v>
      </c>
    </row>
    <row r="48265" spans="1:10" x14ac:dyDescent="0.35">
      <c r="A48265" s="1" t="s">
        <v>6407</v>
      </c>
      <c r="B48265" s="1" t="s">
        <v>163234</v>
      </c>
      <c r="C48265" s="1" t="s">
        <v>95</v>
      </c>
      <c r="D48265" s="1" t="s">
        <v>163551</v>
      </c>
      <c r="E48265" s="1" t="s">
        <v>163552</v>
      </c>
      <c r="F48265" s="1" t="s">
        <v>163553</v>
      </c>
      <c r="G48265" s="1" t="s">
        <v>163488</v>
      </c>
      <c r="H48265" s="1" t="s">
        <v>163489</v>
      </c>
      <c r="I48265" s="1" t="s">
        <v>163240</v>
      </c>
      <c r="J48265" s="1" t="s">
        <v>163554</v>
      </c>
    </row>
    <row r="48266" spans="1:10" x14ac:dyDescent="0.35">
      <c r="A48266" s="1" t="s">
        <v>6407</v>
      </c>
      <c r="B48266" s="1" t="s">
        <v>163234</v>
      </c>
      <c r="C48266" s="1" t="s">
        <v>100</v>
      </c>
      <c r="D48266" s="1" t="s">
        <v>163555</v>
      </c>
      <c r="E48266" s="1" t="s">
        <v>163556</v>
      </c>
      <c r="F48266" s="1" t="s">
        <v>163557</v>
      </c>
      <c r="G48266" s="1" t="s">
        <v>163488</v>
      </c>
      <c r="H48266" s="1" t="s">
        <v>163489</v>
      </c>
      <c r="I48266" s="1" t="s">
        <v>163240</v>
      </c>
      <c r="J48266" s="1" t="s">
        <v>163558</v>
      </c>
    </row>
    <row r="48267" spans="1:10" x14ac:dyDescent="0.35">
      <c r="A48267" s="1" t="s">
        <v>6407</v>
      </c>
      <c r="B48267" s="1" t="s">
        <v>163234</v>
      </c>
      <c r="C48267" s="1" t="s">
        <v>105</v>
      </c>
      <c r="D48267" s="1" t="s">
        <v>163559</v>
      </c>
      <c r="E48267" s="1" t="s">
        <v>163560</v>
      </c>
      <c r="F48267" s="1" t="s">
        <v>163561</v>
      </c>
      <c r="G48267" s="1" t="s">
        <v>163488</v>
      </c>
      <c r="H48267" s="1" t="s">
        <v>163489</v>
      </c>
      <c r="I48267" s="1" t="s">
        <v>163240</v>
      </c>
      <c r="J48267" s="1" t="s">
        <v>163562</v>
      </c>
    </row>
    <row r="48268" spans="1:10" x14ac:dyDescent="0.35">
      <c r="A48268" s="1" t="s">
        <v>6407</v>
      </c>
      <c r="B48268" s="1" t="s">
        <v>163234</v>
      </c>
      <c r="C48268" s="1" t="s">
        <v>110</v>
      </c>
      <c r="D48268" s="1" t="s">
        <v>163563</v>
      </c>
      <c r="E48268" s="1" t="s">
        <v>163564</v>
      </c>
      <c r="F48268" s="1" t="s">
        <v>163565</v>
      </c>
      <c r="G48268" s="1" t="s">
        <v>163488</v>
      </c>
      <c r="H48268" s="1" t="s">
        <v>163489</v>
      </c>
      <c r="I48268" s="1" t="s">
        <v>163240</v>
      </c>
      <c r="J48268" s="1" t="s">
        <v>163566</v>
      </c>
    </row>
    <row r="48269" spans="1:10" x14ac:dyDescent="0.35">
      <c r="A48269" s="1" t="s">
        <v>6407</v>
      </c>
      <c r="B48269" s="1" t="s">
        <v>163234</v>
      </c>
      <c r="C48269" s="1" t="s">
        <v>115</v>
      </c>
      <c r="D48269" s="1" t="s">
        <v>163567</v>
      </c>
      <c r="E48269" s="1" t="s">
        <v>163568</v>
      </c>
      <c r="F48269" s="1" t="s">
        <v>163569</v>
      </c>
      <c r="G48269" s="1" t="s">
        <v>163488</v>
      </c>
      <c r="H48269" s="1" t="s">
        <v>163489</v>
      </c>
      <c r="I48269" s="1" t="s">
        <v>163240</v>
      </c>
      <c r="J48269" s="1" t="s">
        <v>163570</v>
      </c>
    </row>
    <row r="48270" spans="1:10" x14ac:dyDescent="0.35">
      <c r="A48270" s="1" t="s">
        <v>6407</v>
      </c>
      <c r="B48270" s="1" t="s">
        <v>163234</v>
      </c>
      <c r="C48270" s="1" t="s">
        <v>120</v>
      </c>
      <c r="D48270" s="1" t="s">
        <v>163571</v>
      </c>
      <c r="E48270" s="1" t="s">
        <v>163572</v>
      </c>
      <c r="F48270" s="1" t="s">
        <v>163573</v>
      </c>
      <c r="G48270" s="1" t="s">
        <v>163488</v>
      </c>
      <c r="H48270" s="1" t="s">
        <v>163489</v>
      </c>
      <c r="I48270" s="1" t="s">
        <v>163240</v>
      </c>
      <c r="J48270" s="1" t="s">
        <v>163574</v>
      </c>
    </row>
    <row r="48271" spans="1:10" x14ac:dyDescent="0.35">
      <c r="A48271" s="1" t="s">
        <v>6407</v>
      </c>
      <c r="B48271" s="1" t="s">
        <v>163234</v>
      </c>
      <c r="C48271" s="1" t="s">
        <v>125</v>
      </c>
      <c r="D48271" s="1" t="s">
        <v>23220</v>
      </c>
      <c r="E48271" s="1" t="s">
        <v>163575</v>
      </c>
      <c r="F48271" s="1" t="s">
        <v>163576</v>
      </c>
      <c r="G48271" s="1" t="s">
        <v>163488</v>
      </c>
      <c r="H48271" s="1" t="s">
        <v>163489</v>
      </c>
      <c r="I48271" s="1" t="s">
        <v>163240</v>
      </c>
      <c r="J48271" s="1" t="s">
        <v>163577</v>
      </c>
    </row>
    <row r="48272" spans="1:10" x14ac:dyDescent="0.35">
      <c r="A48272" s="1" t="s">
        <v>6407</v>
      </c>
      <c r="B48272" s="1" t="s">
        <v>163234</v>
      </c>
      <c r="C48272" s="1" t="s">
        <v>130</v>
      </c>
      <c r="D48272" s="1" t="s">
        <v>163578</v>
      </c>
      <c r="E48272" s="1" t="s">
        <v>163579</v>
      </c>
      <c r="F48272" s="1" t="s">
        <v>163580</v>
      </c>
      <c r="G48272" s="1" t="s">
        <v>163488</v>
      </c>
      <c r="H48272" s="1" t="s">
        <v>163489</v>
      </c>
      <c r="I48272" s="1" t="s">
        <v>163240</v>
      </c>
      <c r="J48272" s="1" t="s">
        <v>163581</v>
      </c>
    </row>
    <row r="48273" spans="1:10" x14ac:dyDescent="0.35">
      <c r="A48273" s="1" t="s">
        <v>6407</v>
      </c>
      <c r="B48273" s="1" t="s">
        <v>163234</v>
      </c>
      <c r="C48273" s="1" t="s">
        <v>135</v>
      </c>
      <c r="D48273" s="1" t="s">
        <v>163582</v>
      </c>
      <c r="E48273" s="1" t="s">
        <v>163583</v>
      </c>
      <c r="F48273" s="1" t="s">
        <v>163584</v>
      </c>
      <c r="G48273" s="1" t="s">
        <v>163488</v>
      </c>
      <c r="H48273" s="1" t="s">
        <v>163489</v>
      </c>
      <c r="I48273" s="1" t="s">
        <v>163240</v>
      </c>
      <c r="J48273" s="1" t="s">
        <v>163585</v>
      </c>
    </row>
    <row r="48274" spans="1:10" x14ac:dyDescent="0.35">
      <c r="A48274" s="1" t="s">
        <v>6407</v>
      </c>
      <c r="B48274" s="1" t="s">
        <v>163234</v>
      </c>
      <c r="C48274" s="1" t="s">
        <v>140</v>
      </c>
      <c r="D48274" s="1" t="s">
        <v>163586</v>
      </c>
      <c r="E48274" s="1" t="s">
        <v>163587</v>
      </c>
      <c r="F48274" s="1" t="s">
        <v>163588</v>
      </c>
      <c r="G48274" s="1" t="s">
        <v>163488</v>
      </c>
      <c r="H48274" s="1" t="s">
        <v>163489</v>
      </c>
      <c r="I48274" s="1" t="s">
        <v>163240</v>
      </c>
      <c r="J48274" s="1" t="s">
        <v>163589</v>
      </c>
    </row>
    <row r="48275" spans="1:10" x14ac:dyDescent="0.35">
      <c r="A48275" s="1" t="s">
        <v>6407</v>
      </c>
      <c r="B48275" s="1" t="s">
        <v>163234</v>
      </c>
      <c r="C48275" s="1" t="s">
        <v>145</v>
      </c>
      <c r="D48275" s="1" t="s">
        <v>102484</v>
      </c>
      <c r="E48275" s="1" t="s">
        <v>163590</v>
      </c>
      <c r="F48275" s="1" t="s">
        <v>163591</v>
      </c>
      <c r="G48275" s="1" t="s">
        <v>163488</v>
      </c>
      <c r="H48275" s="1" t="s">
        <v>163489</v>
      </c>
      <c r="I48275" s="1" t="s">
        <v>163240</v>
      </c>
      <c r="J48275" s="1" t="s">
        <v>163592</v>
      </c>
    </row>
    <row r="48276" spans="1:10" x14ac:dyDescent="0.35">
      <c r="A48276" s="1" t="s">
        <v>6407</v>
      </c>
      <c r="B48276" s="1" t="s">
        <v>163234</v>
      </c>
      <c r="C48276" s="1" t="s">
        <v>150</v>
      </c>
      <c r="D48276" s="1" t="s">
        <v>163593</v>
      </c>
      <c r="E48276" s="1" t="s">
        <v>163594</v>
      </c>
      <c r="F48276" s="1" t="s">
        <v>163595</v>
      </c>
      <c r="G48276" s="1" t="s">
        <v>163488</v>
      </c>
      <c r="H48276" s="1" t="s">
        <v>163489</v>
      </c>
      <c r="I48276" s="1" t="s">
        <v>163240</v>
      </c>
      <c r="J48276" s="1" t="s">
        <v>163596</v>
      </c>
    </row>
    <row r="48277" spans="1:10" x14ac:dyDescent="0.35">
      <c r="A48277" s="1" t="s">
        <v>6407</v>
      </c>
      <c r="B48277" s="1" t="s">
        <v>163234</v>
      </c>
      <c r="C48277" s="1" t="s">
        <v>155</v>
      </c>
      <c r="D48277" s="1" t="s">
        <v>163597</v>
      </c>
      <c r="E48277" s="1" t="s">
        <v>163598</v>
      </c>
      <c r="F48277" s="1" t="s">
        <v>163599</v>
      </c>
      <c r="G48277" s="1" t="s">
        <v>163488</v>
      </c>
      <c r="H48277" s="1" t="s">
        <v>163489</v>
      </c>
      <c r="I48277" s="1" t="s">
        <v>163240</v>
      </c>
      <c r="J48277" s="1" t="s">
        <v>163600</v>
      </c>
    </row>
    <row r="48278" spans="1:10" x14ac:dyDescent="0.35">
      <c r="A48278" s="1" t="s">
        <v>6407</v>
      </c>
      <c r="B48278" s="1" t="s">
        <v>163234</v>
      </c>
      <c r="C48278" s="1" t="s">
        <v>160</v>
      </c>
      <c r="D48278" s="1" t="s">
        <v>163601</v>
      </c>
      <c r="E48278" s="1" t="s">
        <v>163602</v>
      </c>
      <c r="F48278" s="1" t="s">
        <v>163603</v>
      </c>
      <c r="G48278" s="1" t="s">
        <v>163488</v>
      </c>
      <c r="H48278" s="1" t="s">
        <v>163489</v>
      </c>
      <c r="I48278" s="1" t="s">
        <v>163240</v>
      </c>
      <c r="J48278" s="1" t="s">
        <v>163604</v>
      </c>
    </row>
    <row r="48279" spans="1:10" x14ac:dyDescent="0.35">
      <c r="A48279" s="1" t="s">
        <v>6407</v>
      </c>
      <c r="B48279" s="1" t="s">
        <v>163234</v>
      </c>
      <c r="C48279" s="1" t="s">
        <v>165</v>
      </c>
      <c r="D48279" s="1" t="s">
        <v>163605</v>
      </c>
      <c r="E48279" s="1" t="s">
        <v>163606</v>
      </c>
      <c r="F48279" s="1" t="s">
        <v>163607</v>
      </c>
      <c r="G48279" s="1" t="s">
        <v>163488</v>
      </c>
      <c r="H48279" s="1" t="s">
        <v>163489</v>
      </c>
      <c r="I48279" s="1" t="s">
        <v>163240</v>
      </c>
      <c r="J48279" s="1" t="s">
        <v>163608</v>
      </c>
    </row>
    <row r="48280" spans="1:10" x14ac:dyDescent="0.35">
      <c r="A48280" s="1" t="s">
        <v>6407</v>
      </c>
      <c r="B48280" s="1" t="s">
        <v>163234</v>
      </c>
      <c r="C48280" s="1" t="s">
        <v>170</v>
      </c>
      <c r="D48280" s="1" t="s">
        <v>21286</v>
      </c>
      <c r="E48280" s="1" t="s">
        <v>163609</v>
      </c>
      <c r="F48280" s="1" t="s">
        <v>163610</v>
      </c>
      <c r="G48280" s="1" t="s">
        <v>163488</v>
      </c>
      <c r="H48280" s="1" t="s">
        <v>163489</v>
      </c>
      <c r="I48280" s="1" t="s">
        <v>163240</v>
      </c>
      <c r="J48280" s="1" t="s">
        <v>163611</v>
      </c>
    </row>
    <row r="48281" spans="1:10" x14ac:dyDescent="0.35">
      <c r="A48281" s="1" t="s">
        <v>5491</v>
      </c>
      <c r="B48281" s="1" t="s">
        <v>163234</v>
      </c>
      <c r="C48281" s="1" t="s">
        <v>8</v>
      </c>
      <c r="D48281" s="1" t="s">
        <v>163612</v>
      </c>
      <c r="E48281" s="1" t="s">
        <v>163613</v>
      </c>
      <c r="F48281" s="1" t="s">
        <v>163614</v>
      </c>
      <c r="G48281" s="1" t="s">
        <v>163615</v>
      </c>
      <c r="H48281" s="1" t="s">
        <v>163616</v>
      </c>
      <c r="I48281" s="1" t="s">
        <v>163240</v>
      </c>
      <c r="J48281" s="1" t="s">
        <v>13</v>
      </c>
    </row>
    <row r="48282" spans="1:10" x14ac:dyDescent="0.35">
      <c r="A48282" s="1" t="s">
        <v>5491</v>
      </c>
      <c r="B48282" s="1" t="s">
        <v>163234</v>
      </c>
      <c r="C48282" s="1" t="s">
        <v>15</v>
      </c>
      <c r="D48282" s="1" t="s">
        <v>134377</v>
      </c>
      <c r="E48282" s="1" t="s">
        <v>163617</v>
      </c>
      <c r="F48282" s="1" t="s">
        <v>163618</v>
      </c>
      <c r="G48282" s="1" t="s">
        <v>163615</v>
      </c>
      <c r="H48282" s="1" t="s">
        <v>163616</v>
      </c>
      <c r="I48282" s="1" t="s">
        <v>163240</v>
      </c>
      <c r="J48282" s="1" t="s">
        <v>163619</v>
      </c>
    </row>
    <row r="48283" spans="1:10" x14ac:dyDescent="0.35">
      <c r="A48283" s="1" t="s">
        <v>5491</v>
      </c>
      <c r="B48283" s="1" t="s">
        <v>163234</v>
      </c>
      <c r="C48283" s="1" t="s">
        <v>20</v>
      </c>
      <c r="D48283" s="1" t="s">
        <v>147740</v>
      </c>
      <c r="E48283" s="1" t="s">
        <v>163620</v>
      </c>
      <c r="F48283" s="1" t="s">
        <v>163621</v>
      </c>
      <c r="G48283" s="1" t="s">
        <v>163615</v>
      </c>
      <c r="H48283" s="1" t="s">
        <v>163616</v>
      </c>
      <c r="I48283" s="1" t="s">
        <v>163240</v>
      </c>
      <c r="J48283" s="1" t="s">
        <v>163622</v>
      </c>
    </row>
    <row r="48284" spans="1:10" x14ac:dyDescent="0.35">
      <c r="A48284" s="1" t="s">
        <v>5491</v>
      </c>
      <c r="B48284" s="1" t="s">
        <v>163234</v>
      </c>
      <c r="C48284" s="1" t="s">
        <v>25</v>
      </c>
      <c r="D48284" s="1" t="s">
        <v>163623</v>
      </c>
      <c r="E48284" s="1" t="s">
        <v>163624</v>
      </c>
      <c r="F48284" s="1" t="s">
        <v>163625</v>
      </c>
      <c r="G48284" s="1" t="s">
        <v>163615</v>
      </c>
      <c r="H48284" s="1" t="s">
        <v>163616</v>
      </c>
      <c r="I48284" s="1" t="s">
        <v>163240</v>
      </c>
      <c r="J48284" s="1" t="s">
        <v>163626</v>
      </c>
    </row>
    <row r="48285" spans="1:10" x14ac:dyDescent="0.35">
      <c r="A48285" s="1" t="s">
        <v>5491</v>
      </c>
      <c r="B48285" s="1" t="s">
        <v>163234</v>
      </c>
      <c r="C48285" s="1" t="s">
        <v>30</v>
      </c>
      <c r="D48285" s="1" t="s">
        <v>65692</v>
      </c>
      <c r="E48285" s="1" t="s">
        <v>163627</v>
      </c>
      <c r="F48285" s="1" t="s">
        <v>163628</v>
      </c>
      <c r="G48285" s="1" t="s">
        <v>163615</v>
      </c>
      <c r="H48285" s="1" t="s">
        <v>163616</v>
      </c>
      <c r="I48285" s="1" t="s">
        <v>163240</v>
      </c>
      <c r="J48285" s="1" t="s">
        <v>163629</v>
      </c>
    </row>
    <row r="48286" spans="1:10" x14ac:dyDescent="0.35">
      <c r="A48286" s="1" t="s">
        <v>5491</v>
      </c>
      <c r="B48286" s="1" t="s">
        <v>163234</v>
      </c>
      <c r="C48286" s="1" t="s">
        <v>35</v>
      </c>
      <c r="D48286" s="1" t="s">
        <v>60018</v>
      </c>
      <c r="E48286" s="1" t="s">
        <v>163630</v>
      </c>
      <c r="F48286" s="1" t="s">
        <v>163631</v>
      </c>
      <c r="G48286" s="1" t="s">
        <v>163615</v>
      </c>
      <c r="H48286" s="1" t="s">
        <v>163616</v>
      </c>
      <c r="I48286" s="1" t="s">
        <v>163240</v>
      </c>
      <c r="J48286" s="1" t="s">
        <v>163632</v>
      </c>
    </row>
    <row r="48287" spans="1:10" x14ac:dyDescent="0.35">
      <c r="A48287" s="1" t="s">
        <v>5491</v>
      </c>
      <c r="B48287" s="1" t="s">
        <v>163234</v>
      </c>
      <c r="C48287" s="1" t="s">
        <v>40</v>
      </c>
      <c r="D48287" s="1" t="s">
        <v>163633</v>
      </c>
      <c r="E48287" s="1" t="s">
        <v>163634</v>
      </c>
      <c r="F48287" s="1" t="s">
        <v>163635</v>
      </c>
      <c r="G48287" s="1" t="s">
        <v>163615</v>
      </c>
      <c r="H48287" s="1" t="s">
        <v>163616</v>
      </c>
      <c r="I48287" s="1" t="s">
        <v>163240</v>
      </c>
      <c r="J48287" s="1" t="s">
        <v>163636</v>
      </c>
    </row>
    <row r="48288" spans="1:10" x14ac:dyDescent="0.35">
      <c r="A48288" s="1" t="s">
        <v>5491</v>
      </c>
      <c r="B48288" s="1" t="s">
        <v>163234</v>
      </c>
      <c r="C48288" s="1" t="s">
        <v>45</v>
      </c>
      <c r="D48288" s="1" t="s">
        <v>92320</v>
      </c>
      <c r="E48288" s="1" t="s">
        <v>163637</v>
      </c>
      <c r="F48288" s="1" t="s">
        <v>163638</v>
      </c>
      <c r="G48288" s="1" t="s">
        <v>163615</v>
      </c>
      <c r="H48288" s="1" t="s">
        <v>163616</v>
      </c>
      <c r="I48288" s="1" t="s">
        <v>163240</v>
      </c>
      <c r="J48288" s="1" t="s">
        <v>163639</v>
      </c>
    </row>
    <row r="48289" spans="1:10" x14ac:dyDescent="0.35">
      <c r="A48289" s="1" t="s">
        <v>5491</v>
      </c>
      <c r="B48289" s="1" t="s">
        <v>163234</v>
      </c>
      <c r="C48289" s="1" t="s">
        <v>50</v>
      </c>
      <c r="D48289" s="1" t="s">
        <v>163640</v>
      </c>
      <c r="E48289" s="1" t="s">
        <v>163641</v>
      </c>
      <c r="F48289" s="1" t="s">
        <v>163642</v>
      </c>
      <c r="G48289" s="1" t="s">
        <v>163615</v>
      </c>
      <c r="H48289" s="1" t="s">
        <v>163616</v>
      </c>
      <c r="I48289" s="1" t="s">
        <v>163240</v>
      </c>
      <c r="J48289" s="1" t="s">
        <v>163643</v>
      </c>
    </row>
    <row r="48290" spans="1:10" x14ac:dyDescent="0.35">
      <c r="A48290" s="1" t="s">
        <v>5491</v>
      </c>
      <c r="B48290" s="1" t="s">
        <v>163234</v>
      </c>
      <c r="C48290" s="1" t="s">
        <v>55</v>
      </c>
      <c r="D48290" s="1" t="s">
        <v>163644</v>
      </c>
      <c r="E48290" s="1" t="s">
        <v>163645</v>
      </c>
      <c r="F48290" s="1" t="s">
        <v>163646</v>
      </c>
      <c r="G48290" s="1" t="s">
        <v>163615</v>
      </c>
      <c r="H48290" s="1" t="s">
        <v>163616</v>
      </c>
      <c r="I48290" s="1" t="s">
        <v>163240</v>
      </c>
      <c r="J48290" s="1" t="s">
        <v>163647</v>
      </c>
    </row>
    <row r="48291" spans="1:10" x14ac:dyDescent="0.35">
      <c r="A48291" s="1" t="s">
        <v>5491</v>
      </c>
      <c r="B48291" s="1" t="s">
        <v>163234</v>
      </c>
      <c r="C48291" s="1" t="s">
        <v>60</v>
      </c>
      <c r="D48291" s="1" t="s">
        <v>163648</v>
      </c>
      <c r="E48291" s="1" t="s">
        <v>163649</v>
      </c>
      <c r="F48291" s="1" t="s">
        <v>163650</v>
      </c>
      <c r="G48291" s="1" t="s">
        <v>163615</v>
      </c>
      <c r="H48291" s="1" t="s">
        <v>163616</v>
      </c>
      <c r="I48291" s="1" t="s">
        <v>163240</v>
      </c>
      <c r="J48291" s="1" t="s">
        <v>163651</v>
      </c>
    </row>
    <row r="48292" spans="1:10" x14ac:dyDescent="0.35">
      <c r="A48292" s="1" t="s">
        <v>5491</v>
      </c>
      <c r="B48292" s="1" t="s">
        <v>163234</v>
      </c>
      <c r="C48292" s="1" t="s">
        <v>65</v>
      </c>
      <c r="D48292" s="1" t="s">
        <v>163652</v>
      </c>
      <c r="E48292" s="1" t="s">
        <v>163653</v>
      </c>
      <c r="F48292" s="1" t="s">
        <v>163654</v>
      </c>
      <c r="G48292" s="1" t="s">
        <v>163615</v>
      </c>
      <c r="H48292" s="1" t="s">
        <v>163616</v>
      </c>
      <c r="I48292" s="1" t="s">
        <v>163240</v>
      </c>
      <c r="J48292" s="1" t="s">
        <v>163655</v>
      </c>
    </row>
    <row r="48293" spans="1:10" x14ac:dyDescent="0.35">
      <c r="A48293" s="1" t="s">
        <v>5491</v>
      </c>
      <c r="B48293" s="1" t="s">
        <v>163234</v>
      </c>
      <c r="C48293" s="1" t="s">
        <v>70</v>
      </c>
      <c r="D48293" s="1" t="s">
        <v>163656</v>
      </c>
      <c r="E48293" s="1" t="s">
        <v>163657</v>
      </c>
      <c r="F48293" s="1" t="s">
        <v>163658</v>
      </c>
      <c r="G48293" s="1" t="s">
        <v>163615</v>
      </c>
      <c r="H48293" s="1" t="s">
        <v>163616</v>
      </c>
      <c r="I48293" s="1" t="s">
        <v>163240</v>
      </c>
      <c r="J48293" s="1" t="s">
        <v>163659</v>
      </c>
    </row>
    <row r="48294" spans="1:10" x14ac:dyDescent="0.35">
      <c r="A48294" s="1" t="s">
        <v>5491</v>
      </c>
      <c r="B48294" s="1" t="s">
        <v>163234</v>
      </c>
      <c r="C48294" s="1" t="s">
        <v>75</v>
      </c>
      <c r="D48294" s="1" t="s">
        <v>163660</v>
      </c>
      <c r="E48294" s="1" t="s">
        <v>163661</v>
      </c>
      <c r="F48294" s="1" t="s">
        <v>163662</v>
      </c>
      <c r="G48294" s="1" t="s">
        <v>163615</v>
      </c>
      <c r="H48294" s="1" t="s">
        <v>163616</v>
      </c>
      <c r="I48294" s="1" t="s">
        <v>163240</v>
      </c>
      <c r="J48294" s="1" t="s">
        <v>163663</v>
      </c>
    </row>
    <row r="48295" spans="1:10" x14ac:dyDescent="0.35">
      <c r="A48295" s="1" t="s">
        <v>5491</v>
      </c>
      <c r="B48295" s="1" t="s">
        <v>163234</v>
      </c>
      <c r="C48295" s="1" t="s">
        <v>80</v>
      </c>
      <c r="D48295" s="1" t="s">
        <v>163664</v>
      </c>
      <c r="E48295" s="1" t="s">
        <v>163665</v>
      </c>
      <c r="F48295" s="1" t="s">
        <v>163666</v>
      </c>
      <c r="G48295" s="1" t="s">
        <v>163615</v>
      </c>
      <c r="H48295" s="1" t="s">
        <v>163616</v>
      </c>
      <c r="I48295" s="1" t="s">
        <v>163240</v>
      </c>
      <c r="J48295" s="1" t="s">
        <v>163667</v>
      </c>
    </row>
    <row r="48296" spans="1:10" x14ac:dyDescent="0.35">
      <c r="A48296" s="1" t="s">
        <v>5491</v>
      </c>
      <c r="B48296" s="1" t="s">
        <v>163234</v>
      </c>
      <c r="C48296" s="1" t="s">
        <v>85</v>
      </c>
      <c r="D48296" s="1" t="s">
        <v>105836</v>
      </c>
      <c r="E48296" s="1" t="s">
        <v>163668</v>
      </c>
      <c r="F48296" s="1" t="s">
        <v>163669</v>
      </c>
      <c r="G48296" s="1" t="s">
        <v>163615</v>
      </c>
      <c r="H48296" s="1" t="s">
        <v>163616</v>
      </c>
      <c r="I48296" s="1" t="s">
        <v>163240</v>
      </c>
      <c r="J48296" s="1" t="s">
        <v>163670</v>
      </c>
    </row>
    <row r="48297" spans="1:10" x14ac:dyDescent="0.35">
      <c r="A48297" s="1" t="s">
        <v>5491</v>
      </c>
      <c r="B48297" s="1" t="s">
        <v>163234</v>
      </c>
      <c r="C48297" s="1" t="s">
        <v>90</v>
      </c>
      <c r="D48297" s="1" t="s">
        <v>163671</v>
      </c>
      <c r="E48297" s="1" t="s">
        <v>163672</v>
      </c>
      <c r="F48297" s="1" t="s">
        <v>163673</v>
      </c>
      <c r="G48297" s="1" t="s">
        <v>163615</v>
      </c>
      <c r="H48297" s="1" t="s">
        <v>163616</v>
      </c>
      <c r="I48297" s="1" t="s">
        <v>163240</v>
      </c>
      <c r="J48297" s="1" t="s">
        <v>163674</v>
      </c>
    </row>
    <row r="48298" spans="1:10" x14ac:dyDescent="0.35">
      <c r="A48298" s="1" t="s">
        <v>5491</v>
      </c>
      <c r="B48298" s="1" t="s">
        <v>163234</v>
      </c>
      <c r="C48298" s="1" t="s">
        <v>95</v>
      </c>
      <c r="D48298" s="1" t="s">
        <v>163675</v>
      </c>
      <c r="E48298" s="1" t="s">
        <v>163676</v>
      </c>
      <c r="F48298" s="1" t="s">
        <v>163677</v>
      </c>
      <c r="G48298" s="1" t="s">
        <v>163615</v>
      </c>
      <c r="H48298" s="1" t="s">
        <v>163616</v>
      </c>
      <c r="I48298" s="1" t="s">
        <v>163240</v>
      </c>
      <c r="J48298" s="1" t="s">
        <v>163678</v>
      </c>
    </row>
    <row r="48299" spans="1:10" x14ac:dyDescent="0.35">
      <c r="A48299" s="1" t="s">
        <v>5491</v>
      </c>
      <c r="B48299" s="1" t="s">
        <v>163234</v>
      </c>
      <c r="C48299" s="1" t="s">
        <v>100</v>
      </c>
      <c r="D48299" s="1" t="s">
        <v>163679</v>
      </c>
      <c r="E48299" s="1" t="s">
        <v>163680</v>
      </c>
      <c r="F48299" s="1" t="s">
        <v>163681</v>
      </c>
      <c r="G48299" s="1" t="s">
        <v>163615</v>
      </c>
      <c r="H48299" s="1" t="s">
        <v>163616</v>
      </c>
      <c r="I48299" s="1" t="s">
        <v>163240</v>
      </c>
      <c r="J48299" s="1" t="s">
        <v>163682</v>
      </c>
    </row>
    <row r="48300" spans="1:10" x14ac:dyDescent="0.35">
      <c r="A48300" s="1" t="s">
        <v>5491</v>
      </c>
      <c r="B48300" s="1" t="s">
        <v>163234</v>
      </c>
      <c r="C48300" s="1" t="s">
        <v>105</v>
      </c>
      <c r="D48300" s="1" t="s">
        <v>163683</v>
      </c>
      <c r="E48300" s="1" t="s">
        <v>163684</v>
      </c>
      <c r="F48300" s="1" t="s">
        <v>163685</v>
      </c>
      <c r="G48300" s="1" t="s">
        <v>163615</v>
      </c>
      <c r="H48300" s="1" t="s">
        <v>163616</v>
      </c>
      <c r="I48300" s="1" t="s">
        <v>163240</v>
      </c>
      <c r="J48300" s="1" t="s">
        <v>163686</v>
      </c>
    </row>
    <row r="48301" spans="1:10" x14ac:dyDescent="0.35">
      <c r="A48301" s="1" t="s">
        <v>5491</v>
      </c>
      <c r="B48301" s="1" t="s">
        <v>163234</v>
      </c>
      <c r="C48301" s="1" t="s">
        <v>110</v>
      </c>
      <c r="D48301" s="1" t="s">
        <v>163687</v>
      </c>
      <c r="E48301" s="1" t="s">
        <v>163688</v>
      </c>
      <c r="F48301" s="1" t="s">
        <v>163689</v>
      </c>
      <c r="G48301" s="1" t="s">
        <v>163615</v>
      </c>
      <c r="H48301" s="1" t="s">
        <v>163616</v>
      </c>
      <c r="I48301" s="1" t="s">
        <v>163240</v>
      </c>
      <c r="J48301" s="1" t="s">
        <v>163690</v>
      </c>
    </row>
    <row r="48302" spans="1:10" x14ac:dyDescent="0.35">
      <c r="A48302" s="1" t="s">
        <v>5491</v>
      </c>
      <c r="B48302" s="1" t="s">
        <v>163234</v>
      </c>
      <c r="C48302" s="1" t="s">
        <v>115</v>
      </c>
      <c r="D48302" s="1" t="s">
        <v>163691</v>
      </c>
      <c r="E48302" s="1" t="s">
        <v>163692</v>
      </c>
      <c r="F48302" s="1" t="s">
        <v>163693</v>
      </c>
      <c r="G48302" s="1" t="s">
        <v>163615</v>
      </c>
      <c r="H48302" s="1" t="s">
        <v>163616</v>
      </c>
      <c r="I48302" s="1" t="s">
        <v>163240</v>
      </c>
      <c r="J48302" s="1" t="s">
        <v>163694</v>
      </c>
    </row>
    <row r="48303" spans="1:10" x14ac:dyDescent="0.35">
      <c r="A48303" s="1" t="s">
        <v>5491</v>
      </c>
      <c r="B48303" s="1" t="s">
        <v>163234</v>
      </c>
      <c r="C48303" s="1" t="s">
        <v>120</v>
      </c>
      <c r="D48303" s="1" t="s">
        <v>163695</v>
      </c>
      <c r="E48303" s="1" t="s">
        <v>163696</v>
      </c>
      <c r="F48303" s="1" t="s">
        <v>163697</v>
      </c>
      <c r="G48303" s="1" t="s">
        <v>163615</v>
      </c>
      <c r="H48303" s="1" t="s">
        <v>163616</v>
      </c>
      <c r="I48303" s="1" t="s">
        <v>163240</v>
      </c>
      <c r="J48303" s="1" t="s">
        <v>163698</v>
      </c>
    </row>
    <row r="48304" spans="1:10" x14ac:dyDescent="0.35">
      <c r="A48304" s="1" t="s">
        <v>5491</v>
      </c>
      <c r="B48304" s="1" t="s">
        <v>163234</v>
      </c>
      <c r="C48304" s="1" t="s">
        <v>125</v>
      </c>
      <c r="D48304" s="1" t="s">
        <v>163699</v>
      </c>
      <c r="E48304" s="1" t="s">
        <v>163700</v>
      </c>
      <c r="F48304" s="1" t="s">
        <v>163701</v>
      </c>
      <c r="G48304" s="1" t="s">
        <v>163615</v>
      </c>
      <c r="H48304" s="1" t="s">
        <v>163616</v>
      </c>
      <c r="I48304" s="1" t="s">
        <v>163240</v>
      </c>
      <c r="J48304" s="1" t="s">
        <v>163702</v>
      </c>
    </row>
    <row r="48305" spans="1:10" x14ac:dyDescent="0.35">
      <c r="A48305" s="1" t="s">
        <v>5491</v>
      </c>
      <c r="B48305" s="1" t="s">
        <v>163234</v>
      </c>
      <c r="C48305" s="1" t="s">
        <v>130</v>
      </c>
      <c r="D48305" s="1" t="s">
        <v>163703</v>
      </c>
      <c r="E48305" s="1" t="s">
        <v>163704</v>
      </c>
      <c r="F48305" s="1" t="s">
        <v>163705</v>
      </c>
      <c r="G48305" s="1" t="s">
        <v>163615</v>
      </c>
      <c r="H48305" s="1" t="s">
        <v>163616</v>
      </c>
      <c r="I48305" s="1" t="s">
        <v>163240</v>
      </c>
      <c r="J48305" s="1" t="s">
        <v>163706</v>
      </c>
    </row>
    <row r="48306" spans="1:10" x14ac:dyDescent="0.35">
      <c r="A48306" s="1" t="s">
        <v>5491</v>
      </c>
      <c r="B48306" s="1" t="s">
        <v>163234</v>
      </c>
      <c r="C48306" s="1" t="s">
        <v>135</v>
      </c>
      <c r="D48306" s="1" t="s">
        <v>163707</v>
      </c>
      <c r="E48306" s="1" t="s">
        <v>163708</v>
      </c>
      <c r="F48306" s="1" t="s">
        <v>163709</v>
      </c>
      <c r="G48306" s="1" t="s">
        <v>163615</v>
      </c>
      <c r="H48306" s="1" t="s">
        <v>163616</v>
      </c>
      <c r="I48306" s="1" t="s">
        <v>163240</v>
      </c>
      <c r="J48306" s="1" t="s">
        <v>163710</v>
      </c>
    </row>
    <row r="48307" spans="1:10" x14ac:dyDescent="0.35">
      <c r="A48307" s="1" t="s">
        <v>5491</v>
      </c>
      <c r="B48307" s="1" t="s">
        <v>163234</v>
      </c>
      <c r="C48307" s="1" t="s">
        <v>140</v>
      </c>
      <c r="D48307" s="1" t="s">
        <v>163711</v>
      </c>
      <c r="E48307" s="1" t="s">
        <v>163712</v>
      </c>
      <c r="F48307" s="1" t="s">
        <v>163713</v>
      </c>
      <c r="G48307" s="1" t="s">
        <v>163615</v>
      </c>
      <c r="H48307" s="1" t="s">
        <v>163616</v>
      </c>
      <c r="I48307" s="1" t="s">
        <v>163240</v>
      </c>
      <c r="J48307" s="1" t="s">
        <v>163714</v>
      </c>
    </row>
    <row r="48308" spans="1:10" x14ac:dyDescent="0.35">
      <c r="A48308" s="1" t="s">
        <v>5491</v>
      </c>
      <c r="B48308" s="1" t="s">
        <v>163234</v>
      </c>
      <c r="C48308" s="1" t="s">
        <v>145</v>
      </c>
      <c r="D48308" s="1" t="s">
        <v>163715</v>
      </c>
      <c r="E48308" s="1" t="s">
        <v>163716</v>
      </c>
      <c r="F48308" s="1" t="s">
        <v>163717</v>
      </c>
      <c r="G48308" s="1" t="s">
        <v>163615</v>
      </c>
      <c r="H48308" s="1" t="s">
        <v>163616</v>
      </c>
      <c r="I48308" s="1" t="s">
        <v>163240</v>
      </c>
      <c r="J48308" s="1" t="s">
        <v>163718</v>
      </c>
    </row>
    <row r="48309" spans="1:10" x14ac:dyDescent="0.35">
      <c r="A48309" s="1" t="s">
        <v>5491</v>
      </c>
      <c r="B48309" s="1" t="s">
        <v>163234</v>
      </c>
      <c r="C48309" s="1" t="s">
        <v>150</v>
      </c>
      <c r="D48309" s="1" t="s">
        <v>163719</v>
      </c>
      <c r="E48309" s="1" t="s">
        <v>163720</v>
      </c>
      <c r="F48309" s="1" t="s">
        <v>163721</v>
      </c>
      <c r="G48309" s="1" t="s">
        <v>163615</v>
      </c>
      <c r="H48309" s="1" t="s">
        <v>163616</v>
      </c>
      <c r="I48309" s="1" t="s">
        <v>163240</v>
      </c>
      <c r="J48309" s="1" t="s">
        <v>163722</v>
      </c>
    </row>
    <row r="48310" spans="1:10" x14ac:dyDescent="0.35">
      <c r="A48310" s="1" t="s">
        <v>5491</v>
      </c>
      <c r="B48310" s="1" t="s">
        <v>163234</v>
      </c>
      <c r="C48310" s="1" t="s">
        <v>155</v>
      </c>
      <c r="D48310" s="1" t="s">
        <v>163723</v>
      </c>
      <c r="E48310" s="1" t="s">
        <v>163724</v>
      </c>
      <c r="F48310" s="1" t="s">
        <v>163725</v>
      </c>
      <c r="G48310" s="1" t="s">
        <v>163615</v>
      </c>
      <c r="H48310" s="1" t="s">
        <v>163616</v>
      </c>
      <c r="I48310" s="1" t="s">
        <v>163240</v>
      </c>
      <c r="J48310" s="1" t="s">
        <v>163726</v>
      </c>
    </row>
    <row r="48311" spans="1:10" x14ac:dyDescent="0.35">
      <c r="A48311" s="1" t="s">
        <v>5491</v>
      </c>
      <c r="B48311" s="1" t="s">
        <v>163234</v>
      </c>
      <c r="C48311" s="1" t="s">
        <v>160</v>
      </c>
      <c r="D48311" s="1" t="s">
        <v>163727</v>
      </c>
      <c r="E48311" s="1" t="s">
        <v>163728</v>
      </c>
      <c r="F48311" s="1" t="s">
        <v>163729</v>
      </c>
      <c r="G48311" s="1" t="s">
        <v>163615</v>
      </c>
      <c r="H48311" s="1" t="s">
        <v>163616</v>
      </c>
      <c r="I48311" s="1" t="s">
        <v>163240</v>
      </c>
      <c r="J48311" s="1" t="s">
        <v>163730</v>
      </c>
    </row>
    <row r="48312" spans="1:10" x14ac:dyDescent="0.35">
      <c r="A48312" s="1" t="s">
        <v>5491</v>
      </c>
      <c r="B48312" s="1" t="s">
        <v>163234</v>
      </c>
      <c r="C48312" s="1" t="s">
        <v>165</v>
      </c>
      <c r="D48312" s="1" t="s">
        <v>163731</v>
      </c>
      <c r="E48312" s="1" t="s">
        <v>163732</v>
      </c>
      <c r="F48312" s="1" t="s">
        <v>163733</v>
      </c>
      <c r="G48312" s="1" t="s">
        <v>163615</v>
      </c>
      <c r="H48312" s="1" t="s">
        <v>163616</v>
      </c>
      <c r="I48312" s="1" t="s">
        <v>163240</v>
      </c>
      <c r="J48312" s="1" t="s">
        <v>163734</v>
      </c>
    </row>
    <row r="48313" spans="1:10" x14ac:dyDescent="0.35">
      <c r="A48313" s="1" t="s">
        <v>5491</v>
      </c>
      <c r="B48313" s="1" t="s">
        <v>163234</v>
      </c>
      <c r="C48313" s="1" t="s">
        <v>170</v>
      </c>
      <c r="D48313" s="1" t="s">
        <v>163735</v>
      </c>
      <c r="E48313" s="1" t="s">
        <v>163736</v>
      </c>
      <c r="F48313" s="1" t="s">
        <v>163737</v>
      </c>
      <c r="G48313" s="1" t="s">
        <v>163615</v>
      </c>
      <c r="H48313" s="1" t="s">
        <v>163616</v>
      </c>
      <c r="I48313" s="1" t="s">
        <v>163240</v>
      </c>
      <c r="J48313" s="1" t="s">
        <v>163738</v>
      </c>
    </row>
    <row r="48314" spans="1:10" x14ac:dyDescent="0.35">
      <c r="A48314" s="1" t="s">
        <v>12978</v>
      </c>
      <c r="B48314" s="1" t="s">
        <v>163234</v>
      </c>
      <c r="C48314" s="1" t="s">
        <v>8</v>
      </c>
      <c r="D48314" s="1" t="s">
        <v>163739</v>
      </c>
      <c r="E48314" s="1" t="s">
        <v>163740</v>
      </c>
      <c r="F48314" s="1" t="s">
        <v>163741</v>
      </c>
      <c r="G48314" s="1" t="s">
        <v>163742</v>
      </c>
      <c r="H48314" s="1" t="s">
        <v>163743</v>
      </c>
      <c r="I48314" s="1" t="s">
        <v>163240</v>
      </c>
      <c r="J48314" s="1" t="s">
        <v>13</v>
      </c>
    </row>
    <row r="48315" spans="1:10" x14ac:dyDescent="0.35">
      <c r="A48315" s="1" t="s">
        <v>12978</v>
      </c>
      <c r="B48315" s="1" t="s">
        <v>163234</v>
      </c>
      <c r="C48315" s="1" t="s">
        <v>15</v>
      </c>
      <c r="D48315" s="1" t="s">
        <v>92118</v>
      </c>
      <c r="E48315" s="1" t="s">
        <v>163744</v>
      </c>
      <c r="F48315" s="1" t="s">
        <v>163745</v>
      </c>
      <c r="G48315" s="1" t="s">
        <v>163742</v>
      </c>
      <c r="H48315" s="1" t="s">
        <v>163743</v>
      </c>
      <c r="I48315" s="1" t="s">
        <v>163240</v>
      </c>
      <c r="J48315" s="1" t="s">
        <v>163746</v>
      </c>
    </row>
    <row r="48316" spans="1:10" x14ac:dyDescent="0.35">
      <c r="A48316" s="1" t="s">
        <v>12978</v>
      </c>
      <c r="B48316" s="1" t="s">
        <v>163234</v>
      </c>
      <c r="C48316" s="1" t="s">
        <v>20</v>
      </c>
      <c r="D48316" s="1" t="s">
        <v>96142</v>
      </c>
      <c r="E48316" s="1" t="s">
        <v>163747</v>
      </c>
      <c r="F48316" s="1" t="s">
        <v>163748</v>
      </c>
      <c r="G48316" s="1" t="s">
        <v>163742</v>
      </c>
      <c r="H48316" s="1" t="s">
        <v>163743</v>
      </c>
      <c r="I48316" s="1" t="s">
        <v>163240</v>
      </c>
      <c r="J48316" s="1" t="s">
        <v>163749</v>
      </c>
    </row>
    <row r="48317" spans="1:10" x14ac:dyDescent="0.35">
      <c r="A48317" s="1" t="s">
        <v>12978</v>
      </c>
      <c r="B48317" s="1" t="s">
        <v>163234</v>
      </c>
      <c r="C48317" s="1" t="s">
        <v>25</v>
      </c>
      <c r="D48317" s="1" t="s">
        <v>65012</v>
      </c>
      <c r="E48317" s="1" t="s">
        <v>163750</v>
      </c>
      <c r="F48317" s="1" t="s">
        <v>163751</v>
      </c>
      <c r="G48317" s="1" t="s">
        <v>163742</v>
      </c>
      <c r="H48317" s="1" t="s">
        <v>163743</v>
      </c>
      <c r="I48317" s="1" t="s">
        <v>163240</v>
      </c>
      <c r="J48317" s="1" t="s">
        <v>163752</v>
      </c>
    </row>
    <row r="48318" spans="1:10" x14ac:dyDescent="0.35">
      <c r="A48318" s="1" t="s">
        <v>12978</v>
      </c>
      <c r="B48318" s="1" t="s">
        <v>163234</v>
      </c>
      <c r="C48318" s="1" t="s">
        <v>30</v>
      </c>
      <c r="D48318" s="1" t="s">
        <v>163753</v>
      </c>
      <c r="E48318" s="1" t="s">
        <v>163754</v>
      </c>
      <c r="F48318" s="1" t="s">
        <v>163755</v>
      </c>
      <c r="G48318" s="1" t="s">
        <v>163742</v>
      </c>
      <c r="H48318" s="1" t="s">
        <v>163743</v>
      </c>
      <c r="I48318" s="1" t="s">
        <v>163240</v>
      </c>
      <c r="J48318" s="1" t="s">
        <v>163756</v>
      </c>
    </row>
    <row r="48319" spans="1:10" x14ac:dyDescent="0.35">
      <c r="A48319" s="1" t="s">
        <v>12978</v>
      </c>
      <c r="B48319" s="1" t="s">
        <v>163234</v>
      </c>
      <c r="C48319" s="1" t="s">
        <v>35</v>
      </c>
      <c r="D48319" s="1" t="s">
        <v>60834</v>
      </c>
      <c r="E48319" s="1" t="s">
        <v>163757</v>
      </c>
      <c r="F48319" s="1" t="s">
        <v>163758</v>
      </c>
      <c r="G48319" s="1" t="s">
        <v>163742</v>
      </c>
      <c r="H48319" s="1" t="s">
        <v>163743</v>
      </c>
      <c r="I48319" s="1" t="s">
        <v>163240</v>
      </c>
      <c r="J48319" s="1" t="s">
        <v>73094</v>
      </c>
    </row>
    <row r="48320" spans="1:10" x14ac:dyDescent="0.35">
      <c r="A48320" s="1" t="s">
        <v>12978</v>
      </c>
      <c r="B48320" s="1" t="s">
        <v>163234</v>
      </c>
      <c r="C48320" s="1" t="s">
        <v>40</v>
      </c>
      <c r="D48320" s="1" t="s">
        <v>98233</v>
      </c>
      <c r="E48320" s="1" t="s">
        <v>163759</v>
      </c>
      <c r="F48320" s="1" t="s">
        <v>163760</v>
      </c>
      <c r="G48320" s="1" t="s">
        <v>163742</v>
      </c>
      <c r="H48320" s="1" t="s">
        <v>163743</v>
      </c>
      <c r="I48320" s="1" t="s">
        <v>163240</v>
      </c>
      <c r="J48320" s="1" t="s">
        <v>163761</v>
      </c>
    </row>
    <row r="48321" spans="1:10" x14ac:dyDescent="0.35">
      <c r="A48321" s="1" t="s">
        <v>12978</v>
      </c>
      <c r="B48321" s="1" t="s">
        <v>163234</v>
      </c>
      <c r="C48321" s="1" t="s">
        <v>45</v>
      </c>
      <c r="D48321" s="1" t="s">
        <v>128868</v>
      </c>
      <c r="E48321" s="1" t="s">
        <v>163762</v>
      </c>
      <c r="F48321" s="1" t="s">
        <v>163763</v>
      </c>
      <c r="G48321" s="1" t="s">
        <v>163742</v>
      </c>
      <c r="H48321" s="1" t="s">
        <v>163743</v>
      </c>
      <c r="I48321" s="1" t="s">
        <v>163240</v>
      </c>
      <c r="J48321" s="1" t="s">
        <v>163764</v>
      </c>
    </row>
    <row r="48322" spans="1:10" x14ac:dyDescent="0.35">
      <c r="A48322" s="1" t="s">
        <v>12978</v>
      </c>
      <c r="B48322" s="1" t="s">
        <v>163234</v>
      </c>
      <c r="C48322" s="1" t="s">
        <v>50</v>
      </c>
      <c r="D48322" s="1" t="s">
        <v>163765</v>
      </c>
      <c r="E48322" s="1" t="s">
        <v>163766</v>
      </c>
      <c r="F48322" s="1" t="s">
        <v>163767</v>
      </c>
      <c r="G48322" s="1" t="s">
        <v>163742</v>
      </c>
      <c r="H48322" s="1" t="s">
        <v>163743</v>
      </c>
      <c r="I48322" s="1" t="s">
        <v>163240</v>
      </c>
      <c r="J48322" s="1" t="s">
        <v>163768</v>
      </c>
    </row>
    <row r="48323" spans="1:10" x14ac:dyDescent="0.35">
      <c r="A48323" s="1" t="s">
        <v>12978</v>
      </c>
      <c r="B48323" s="1" t="s">
        <v>163234</v>
      </c>
      <c r="C48323" s="1" t="s">
        <v>55</v>
      </c>
      <c r="D48323" s="1" t="s">
        <v>56858</v>
      </c>
      <c r="E48323" s="1" t="s">
        <v>163769</v>
      </c>
      <c r="F48323" s="1" t="s">
        <v>163770</v>
      </c>
      <c r="G48323" s="1" t="s">
        <v>163742</v>
      </c>
      <c r="H48323" s="1" t="s">
        <v>163743</v>
      </c>
      <c r="I48323" s="1" t="s">
        <v>163240</v>
      </c>
      <c r="J48323" s="1" t="s">
        <v>163771</v>
      </c>
    </row>
    <row r="48324" spans="1:10" x14ac:dyDescent="0.35">
      <c r="A48324" s="1" t="s">
        <v>12978</v>
      </c>
      <c r="B48324" s="1" t="s">
        <v>163234</v>
      </c>
      <c r="C48324" s="1" t="s">
        <v>60</v>
      </c>
      <c r="D48324" s="1" t="s">
        <v>163772</v>
      </c>
      <c r="E48324" s="1" t="s">
        <v>163773</v>
      </c>
      <c r="F48324" s="1" t="s">
        <v>163774</v>
      </c>
      <c r="G48324" s="1" t="s">
        <v>163742</v>
      </c>
      <c r="H48324" s="1" t="s">
        <v>163743</v>
      </c>
      <c r="I48324" s="1" t="s">
        <v>163240</v>
      </c>
      <c r="J48324" s="1" t="s">
        <v>163775</v>
      </c>
    </row>
    <row r="48325" spans="1:10" x14ac:dyDescent="0.35">
      <c r="A48325" s="1" t="s">
        <v>12978</v>
      </c>
      <c r="B48325" s="1" t="s">
        <v>163234</v>
      </c>
      <c r="C48325" s="1" t="s">
        <v>65</v>
      </c>
      <c r="D48325" s="1" t="s">
        <v>163776</v>
      </c>
      <c r="E48325" s="1" t="s">
        <v>163777</v>
      </c>
      <c r="F48325" s="1" t="s">
        <v>163778</v>
      </c>
      <c r="G48325" s="1" t="s">
        <v>163742</v>
      </c>
      <c r="H48325" s="1" t="s">
        <v>163743</v>
      </c>
      <c r="I48325" s="1" t="s">
        <v>163240</v>
      </c>
      <c r="J48325" s="1" t="s">
        <v>163779</v>
      </c>
    </row>
    <row r="48326" spans="1:10" x14ac:dyDescent="0.35">
      <c r="A48326" s="1" t="s">
        <v>12978</v>
      </c>
      <c r="B48326" s="1" t="s">
        <v>163234</v>
      </c>
      <c r="C48326" s="1" t="s">
        <v>70</v>
      </c>
      <c r="D48326" s="1" t="s">
        <v>97562</v>
      </c>
      <c r="E48326" s="1" t="s">
        <v>163780</v>
      </c>
      <c r="F48326" s="1" t="s">
        <v>163781</v>
      </c>
      <c r="G48326" s="1" t="s">
        <v>163742</v>
      </c>
      <c r="H48326" s="1" t="s">
        <v>163743</v>
      </c>
      <c r="I48326" s="1" t="s">
        <v>163240</v>
      </c>
      <c r="J48326" s="1" t="s">
        <v>163782</v>
      </c>
    </row>
    <row r="48327" spans="1:10" x14ac:dyDescent="0.35">
      <c r="A48327" s="1" t="s">
        <v>12978</v>
      </c>
      <c r="B48327" s="1" t="s">
        <v>163234</v>
      </c>
      <c r="C48327" s="1" t="s">
        <v>75</v>
      </c>
      <c r="D48327" s="1" t="s">
        <v>127341</v>
      </c>
      <c r="E48327" s="1" t="s">
        <v>163783</v>
      </c>
      <c r="F48327" s="1" t="s">
        <v>163784</v>
      </c>
      <c r="G48327" s="1" t="s">
        <v>163742</v>
      </c>
      <c r="H48327" s="1" t="s">
        <v>163743</v>
      </c>
      <c r="I48327" s="1" t="s">
        <v>163240</v>
      </c>
      <c r="J48327" s="1" t="s">
        <v>163785</v>
      </c>
    </row>
    <row r="48328" spans="1:10" x14ac:dyDescent="0.35">
      <c r="A48328" s="1" t="s">
        <v>12978</v>
      </c>
      <c r="B48328" s="1" t="s">
        <v>163234</v>
      </c>
      <c r="C48328" s="1" t="s">
        <v>80</v>
      </c>
      <c r="D48328" s="1" t="s">
        <v>163786</v>
      </c>
      <c r="E48328" s="1" t="s">
        <v>163787</v>
      </c>
      <c r="F48328" s="1" t="s">
        <v>163788</v>
      </c>
      <c r="G48328" s="1" t="s">
        <v>163742</v>
      </c>
      <c r="H48328" s="1" t="s">
        <v>163743</v>
      </c>
      <c r="I48328" s="1" t="s">
        <v>163240</v>
      </c>
      <c r="J48328" s="1" t="s">
        <v>163789</v>
      </c>
    </row>
    <row r="48329" spans="1:10" x14ac:dyDescent="0.35">
      <c r="A48329" s="1" t="s">
        <v>12978</v>
      </c>
      <c r="B48329" s="1" t="s">
        <v>163234</v>
      </c>
      <c r="C48329" s="1" t="s">
        <v>85</v>
      </c>
      <c r="D48329" s="1" t="s">
        <v>163790</v>
      </c>
      <c r="E48329" s="1" t="s">
        <v>163791</v>
      </c>
      <c r="F48329" s="1" t="s">
        <v>163792</v>
      </c>
      <c r="G48329" s="1" t="s">
        <v>163742</v>
      </c>
      <c r="H48329" s="1" t="s">
        <v>163743</v>
      </c>
      <c r="I48329" s="1" t="s">
        <v>163240</v>
      </c>
      <c r="J48329" s="1" t="s">
        <v>163793</v>
      </c>
    </row>
    <row r="48330" spans="1:10" x14ac:dyDescent="0.35">
      <c r="A48330" s="1" t="s">
        <v>12978</v>
      </c>
      <c r="B48330" s="1" t="s">
        <v>163234</v>
      </c>
      <c r="C48330" s="1" t="s">
        <v>90</v>
      </c>
      <c r="D48330" s="1" t="s">
        <v>163794</v>
      </c>
      <c r="E48330" s="1" t="s">
        <v>163795</v>
      </c>
      <c r="F48330" s="1" t="s">
        <v>163796</v>
      </c>
      <c r="G48330" s="1" t="s">
        <v>163742</v>
      </c>
      <c r="H48330" s="1" t="s">
        <v>163743</v>
      </c>
      <c r="I48330" s="1" t="s">
        <v>163240</v>
      </c>
      <c r="J48330" s="1" t="s">
        <v>163797</v>
      </c>
    </row>
    <row r="48331" spans="1:10" x14ac:dyDescent="0.35">
      <c r="A48331" s="1" t="s">
        <v>12978</v>
      </c>
      <c r="B48331" s="1" t="s">
        <v>163234</v>
      </c>
      <c r="C48331" s="1" t="s">
        <v>95</v>
      </c>
      <c r="D48331" s="1" t="s">
        <v>163798</v>
      </c>
      <c r="E48331" s="1" t="s">
        <v>163799</v>
      </c>
      <c r="F48331" s="1" t="s">
        <v>163800</v>
      </c>
      <c r="G48331" s="1" t="s">
        <v>163742</v>
      </c>
      <c r="H48331" s="1" t="s">
        <v>163743</v>
      </c>
      <c r="I48331" s="1" t="s">
        <v>163240</v>
      </c>
      <c r="J48331" s="1" t="s">
        <v>163801</v>
      </c>
    </row>
    <row r="48332" spans="1:10" x14ac:dyDescent="0.35">
      <c r="A48332" s="1" t="s">
        <v>12978</v>
      </c>
      <c r="B48332" s="1" t="s">
        <v>163234</v>
      </c>
      <c r="C48332" s="1" t="s">
        <v>100</v>
      </c>
      <c r="D48332" s="1" t="s">
        <v>27242</v>
      </c>
      <c r="E48332" s="1" t="s">
        <v>163802</v>
      </c>
      <c r="F48332" s="1" t="s">
        <v>163803</v>
      </c>
      <c r="G48332" s="1" t="s">
        <v>163742</v>
      </c>
      <c r="H48332" s="1" t="s">
        <v>163743</v>
      </c>
      <c r="I48332" s="1" t="s">
        <v>163240</v>
      </c>
      <c r="J48332" s="1" t="s">
        <v>163804</v>
      </c>
    </row>
    <row r="48333" spans="1:10" x14ac:dyDescent="0.35">
      <c r="A48333" s="1" t="s">
        <v>12978</v>
      </c>
      <c r="B48333" s="1" t="s">
        <v>163234</v>
      </c>
      <c r="C48333" s="1" t="s">
        <v>105</v>
      </c>
      <c r="D48333" s="1" t="s">
        <v>58634</v>
      </c>
      <c r="E48333" s="1" t="s">
        <v>163805</v>
      </c>
      <c r="F48333" s="1" t="s">
        <v>163806</v>
      </c>
      <c r="G48333" s="1" t="s">
        <v>163742</v>
      </c>
      <c r="H48333" s="1" t="s">
        <v>163743</v>
      </c>
      <c r="I48333" s="1" t="s">
        <v>163240</v>
      </c>
      <c r="J48333" s="1" t="s">
        <v>163807</v>
      </c>
    </row>
    <row r="48334" spans="1:10" x14ac:dyDescent="0.35">
      <c r="A48334" s="1" t="s">
        <v>12978</v>
      </c>
      <c r="B48334" s="1" t="s">
        <v>163234</v>
      </c>
      <c r="C48334" s="1" t="s">
        <v>110</v>
      </c>
      <c r="D48334" s="1" t="s">
        <v>131432</v>
      </c>
      <c r="E48334" s="1" t="s">
        <v>163808</v>
      </c>
      <c r="F48334" s="1" t="s">
        <v>163809</v>
      </c>
      <c r="G48334" s="1" t="s">
        <v>163742</v>
      </c>
      <c r="H48334" s="1" t="s">
        <v>163743</v>
      </c>
      <c r="I48334" s="1" t="s">
        <v>163240</v>
      </c>
      <c r="J48334" s="1" t="s">
        <v>163810</v>
      </c>
    </row>
    <row r="48335" spans="1:10" x14ac:dyDescent="0.35">
      <c r="A48335" s="1" t="s">
        <v>12978</v>
      </c>
      <c r="B48335" s="1" t="s">
        <v>163234</v>
      </c>
      <c r="C48335" s="1" t="s">
        <v>115</v>
      </c>
      <c r="D48335" s="1" t="s">
        <v>163811</v>
      </c>
      <c r="E48335" s="1" t="s">
        <v>163812</v>
      </c>
      <c r="F48335" s="1" t="s">
        <v>163813</v>
      </c>
      <c r="G48335" s="1" t="s">
        <v>163742</v>
      </c>
      <c r="H48335" s="1" t="s">
        <v>163743</v>
      </c>
      <c r="I48335" s="1" t="s">
        <v>163240</v>
      </c>
      <c r="J48335" s="1" t="s">
        <v>163814</v>
      </c>
    </row>
    <row r="48336" spans="1:10" x14ac:dyDescent="0.35">
      <c r="A48336" s="1" t="s">
        <v>12978</v>
      </c>
      <c r="B48336" s="1" t="s">
        <v>163234</v>
      </c>
      <c r="C48336" s="1" t="s">
        <v>120</v>
      </c>
      <c r="D48336" s="1" t="s">
        <v>62723</v>
      </c>
      <c r="E48336" s="1" t="s">
        <v>163815</v>
      </c>
      <c r="F48336" s="1" t="s">
        <v>163816</v>
      </c>
      <c r="G48336" s="1" t="s">
        <v>163742</v>
      </c>
      <c r="H48336" s="1" t="s">
        <v>163743</v>
      </c>
      <c r="I48336" s="1" t="s">
        <v>163240</v>
      </c>
      <c r="J48336" s="1" t="s">
        <v>163817</v>
      </c>
    </row>
    <row r="48337" spans="1:10" x14ac:dyDescent="0.35">
      <c r="A48337" s="1" t="s">
        <v>12978</v>
      </c>
      <c r="B48337" s="1" t="s">
        <v>163234</v>
      </c>
      <c r="C48337" s="1" t="s">
        <v>125</v>
      </c>
      <c r="D48337" s="1" t="s">
        <v>84081</v>
      </c>
      <c r="E48337" s="1" t="s">
        <v>163818</v>
      </c>
      <c r="F48337" s="1" t="s">
        <v>163819</v>
      </c>
      <c r="G48337" s="1" t="s">
        <v>163742</v>
      </c>
      <c r="H48337" s="1" t="s">
        <v>163743</v>
      </c>
      <c r="I48337" s="1" t="s">
        <v>163240</v>
      </c>
      <c r="J48337" s="1" t="s">
        <v>163820</v>
      </c>
    </row>
    <row r="48338" spans="1:10" x14ac:dyDescent="0.35">
      <c r="A48338" s="1" t="s">
        <v>12978</v>
      </c>
      <c r="B48338" s="1" t="s">
        <v>163234</v>
      </c>
      <c r="C48338" s="1" t="s">
        <v>130</v>
      </c>
      <c r="D48338" s="1" t="s">
        <v>163821</v>
      </c>
      <c r="E48338" s="1" t="s">
        <v>163822</v>
      </c>
      <c r="F48338" s="1" t="s">
        <v>163823</v>
      </c>
      <c r="G48338" s="1" t="s">
        <v>163742</v>
      </c>
      <c r="H48338" s="1" t="s">
        <v>163743</v>
      </c>
      <c r="I48338" s="1" t="s">
        <v>163240</v>
      </c>
      <c r="J48338" s="1" t="s">
        <v>163824</v>
      </c>
    </row>
    <row r="48339" spans="1:10" x14ac:dyDescent="0.35">
      <c r="A48339" s="1" t="s">
        <v>12978</v>
      </c>
      <c r="B48339" s="1" t="s">
        <v>163234</v>
      </c>
      <c r="C48339" s="1" t="s">
        <v>135</v>
      </c>
      <c r="D48339" s="1" t="s">
        <v>163825</v>
      </c>
      <c r="E48339" s="1" t="s">
        <v>163826</v>
      </c>
      <c r="F48339" s="1" t="s">
        <v>163827</v>
      </c>
      <c r="G48339" s="1" t="s">
        <v>163742</v>
      </c>
      <c r="H48339" s="1" t="s">
        <v>163743</v>
      </c>
      <c r="I48339" s="1" t="s">
        <v>163240</v>
      </c>
      <c r="J48339" s="1" t="s">
        <v>163828</v>
      </c>
    </row>
    <row r="48340" spans="1:10" x14ac:dyDescent="0.35">
      <c r="A48340" s="1" t="s">
        <v>12978</v>
      </c>
      <c r="B48340" s="1" t="s">
        <v>163234</v>
      </c>
      <c r="C48340" s="1" t="s">
        <v>140</v>
      </c>
      <c r="D48340" s="1" t="s">
        <v>163829</v>
      </c>
      <c r="E48340" s="1" t="s">
        <v>163830</v>
      </c>
      <c r="F48340" s="1" t="s">
        <v>163831</v>
      </c>
      <c r="G48340" s="1" t="s">
        <v>163742</v>
      </c>
      <c r="H48340" s="1" t="s">
        <v>163743</v>
      </c>
      <c r="I48340" s="1" t="s">
        <v>163240</v>
      </c>
      <c r="J48340" s="1" t="s">
        <v>163832</v>
      </c>
    </row>
    <row r="48341" spans="1:10" x14ac:dyDescent="0.35">
      <c r="A48341" s="1" t="s">
        <v>12978</v>
      </c>
      <c r="B48341" s="1" t="s">
        <v>163234</v>
      </c>
      <c r="C48341" s="1" t="s">
        <v>145</v>
      </c>
      <c r="D48341" s="1" t="s">
        <v>163833</v>
      </c>
      <c r="E48341" s="1" t="s">
        <v>163834</v>
      </c>
      <c r="F48341" s="1" t="s">
        <v>163835</v>
      </c>
      <c r="G48341" s="1" t="s">
        <v>163742</v>
      </c>
      <c r="H48341" s="1" t="s">
        <v>163743</v>
      </c>
      <c r="I48341" s="1" t="s">
        <v>163240</v>
      </c>
      <c r="J48341" s="1" t="s">
        <v>163836</v>
      </c>
    </row>
    <row r="48342" spans="1:10" x14ac:dyDescent="0.35">
      <c r="A48342" s="1" t="s">
        <v>12978</v>
      </c>
      <c r="B48342" s="1" t="s">
        <v>163234</v>
      </c>
      <c r="C48342" s="1" t="s">
        <v>150</v>
      </c>
      <c r="D48342" s="1" t="s">
        <v>163837</v>
      </c>
      <c r="E48342" s="1" t="s">
        <v>163838</v>
      </c>
      <c r="F48342" s="1" t="s">
        <v>163839</v>
      </c>
      <c r="G48342" s="1" t="s">
        <v>163742</v>
      </c>
      <c r="H48342" s="1" t="s">
        <v>163743</v>
      </c>
      <c r="I48342" s="1" t="s">
        <v>163240</v>
      </c>
      <c r="J48342" s="1" t="s">
        <v>163840</v>
      </c>
    </row>
    <row r="48343" spans="1:10" x14ac:dyDescent="0.35">
      <c r="A48343" s="1" t="s">
        <v>12978</v>
      </c>
      <c r="B48343" s="1" t="s">
        <v>163234</v>
      </c>
      <c r="C48343" s="1" t="s">
        <v>155</v>
      </c>
      <c r="D48343" s="1" t="s">
        <v>163841</v>
      </c>
      <c r="E48343" s="1" t="s">
        <v>163842</v>
      </c>
      <c r="F48343" s="1" t="s">
        <v>163843</v>
      </c>
      <c r="G48343" s="1" t="s">
        <v>163742</v>
      </c>
      <c r="H48343" s="1" t="s">
        <v>163743</v>
      </c>
      <c r="I48343" s="1" t="s">
        <v>163240</v>
      </c>
      <c r="J48343" s="1" t="s">
        <v>163844</v>
      </c>
    </row>
    <row r="48344" spans="1:10" x14ac:dyDescent="0.35">
      <c r="A48344" s="1" t="s">
        <v>12978</v>
      </c>
      <c r="B48344" s="1" t="s">
        <v>163234</v>
      </c>
      <c r="C48344" s="1" t="s">
        <v>160</v>
      </c>
      <c r="D48344" s="1" t="s">
        <v>82061</v>
      </c>
      <c r="E48344" s="1" t="s">
        <v>163845</v>
      </c>
      <c r="F48344" s="1" t="s">
        <v>163846</v>
      </c>
      <c r="G48344" s="1" t="s">
        <v>163742</v>
      </c>
      <c r="H48344" s="1" t="s">
        <v>163743</v>
      </c>
      <c r="I48344" s="1" t="s">
        <v>163240</v>
      </c>
      <c r="J48344" s="1" t="s">
        <v>163847</v>
      </c>
    </row>
    <row r="48345" spans="1:10" x14ac:dyDescent="0.35">
      <c r="A48345" s="1" t="s">
        <v>12978</v>
      </c>
      <c r="B48345" s="1" t="s">
        <v>163234</v>
      </c>
      <c r="C48345" s="1" t="s">
        <v>165</v>
      </c>
      <c r="D48345" s="1" t="s">
        <v>163848</v>
      </c>
      <c r="E48345" s="1" t="s">
        <v>163849</v>
      </c>
      <c r="F48345" s="1" t="s">
        <v>163850</v>
      </c>
      <c r="G48345" s="1" t="s">
        <v>163742</v>
      </c>
      <c r="H48345" s="1" t="s">
        <v>163743</v>
      </c>
      <c r="I48345" s="1" t="s">
        <v>163240</v>
      </c>
      <c r="J48345" s="1" t="s">
        <v>163851</v>
      </c>
    </row>
    <row r="48346" spans="1:10" x14ac:dyDescent="0.35">
      <c r="A48346" s="1" t="s">
        <v>12978</v>
      </c>
      <c r="B48346" s="1" t="s">
        <v>163234</v>
      </c>
      <c r="C48346" s="1" t="s">
        <v>170</v>
      </c>
      <c r="D48346" s="1" t="s">
        <v>163852</v>
      </c>
      <c r="E48346" s="1" t="s">
        <v>163853</v>
      </c>
      <c r="F48346" s="1" t="s">
        <v>163854</v>
      </c>
      <c r="G48346" s="1" t="s">
        <v>163742</v>
      </c>
      <c r="H48346" s="1" t="s">
        <v>163743</v>
      </c>
      <c r="I48346" s="1" t="s">
        <v>163240</v>
      </c>
      <c r="J48346" s="1" t="s">
        <v>163855</v>
      </c>
    </row>
    <row r="48347" spans="1:10" x14ac:dyDescent="0.35">
      <c r="A48347" s="1" t="s">
        <v>27323</v>
      </c>
      <c r="B48347" s="1" t="s">
        <v>163234</v>
      </c>
      <c r="C48347" s="1" t="s">
        <v>8</v>
      </c>
      <c r="D48347" s="1" t="s">
        <v>60654</v>
      </c>
      <c r="E48347" s="1" t="s">
        <v>163856</v>
      </c>
      <c r="F48347" s="1" t="s">
        <v>163857</v>
      </c>
      <c r="G48347" s="1" t="s">
        <v>163858</v>
      </c>
      <c r="H48347" s="1" t="s">
        <v>163859</v>
      </c>
      <c r="I48347" s="1" t="s">
        <v>163240</v>
      </c>
      <c r="J48347" s="1" t="s">
        <v>13</v>
      </c>
    </row>
    <row r="48348" spans="1:10" x14ac:dyDescent="0.35">
      <c r="A48348" s="1" t="s">
        <v>27323</v>
      </c>
      <c r="B48348" s="1" t="s">
        <v>163234</v>
      </c>
      <c r="C48348" s="1" t="s">
        <v>15</v>
      </c>
      <c r="D48348" s="1" t="s">
        <v>20363</v>
      </c>
      <c r="E48348" s="1" t="s">
        <v>163860</v>
      </c>
      <c r="F48348" s="1" t="s">
        <v>163861</v>
      </c>
      <c r="G48348" s="1" t="s">
        <v>163858</v>
      </c>
      <c r="H48348" s="1" t="s">
        <v>163859</v>
      </c>
      <c r="I48348" s="1" t="s">
        <v>163240</v>
      </c>
      <c r="J48348" s="1" t="s">
        <v>163862</v>
      </c>
    </row>
    <row r="48349" spans="1:10" x14ac:dyDescent="0.35">
      <c r="A48349" s="1" t="s">
        <v>27323</v>
      </c>
      <c r="B48349" s="1" t="s">
        <v>163234</v>
      </c>
      <c r="C48349" s="1" t="s">
        <v>20</v>
      </c>
      <c r="D48349" s="1" t="s">
        <v>163863</v>
      </c>
      <c r="E48349" s="1" t="s">
        <v>163864</v>
      </c>
      <c r="F48349" s="1" t="s">
        <v>163865</v>
      </c>
      <c r="G48349" s="1" t="s">
        <v>163858</v>
      </c>
      <c r="H48349" s="1" t="s">
        <v>163859</v>
      </c>
      <c r="I48349" s="1" t="s">
        <v>163240</v>
      </c>
      <c r="J48349" s="1" t="s">
        <v>163866</v>
      </c>
    </row>
    <row r="48350" spans="1:10" x14ac:dyDescent="0.35">
      <c r="A48350" s="1" t="s">
        <v>27323</v>
      </c>
      <c r="B48350" s="1" t="s">
        <v>163234</v>
      </c>
      <c r="C48350" s="1" t="s">
        <v>25</v>
      </c>
      <c r="D48350" s="1" t="s">
        <v>163867</v>
      </c>
      <c r="E48350" s="1" t="s">
        <v>163868</v>
      </c>
      <c r="F48350" s="1" t="s">
        <v>163869</v>
      </c>
      <c r="G48350" s="1" t="s">
        <v>163858</v>
      </c>
      <c r="H48350" s="1" t="s">
        <v>163859</v>
      </c>
      <c r="I48350" s="1" t="s">
        <v>163240</v>
      </c>
      <c r="J48350" s="1" t="s">
        <v>163870</v>
      </c>
    </row>
    <row r="48351" spans="1:10" x14ac:dyDescent="0.35">
      <c r="A48351" s="1" t="s">
        <v>27323</v>
      </c>
      <c r="B48351" s="1" t="s">
        <v>163234</v>
      </c>
      <c r="C48351" s="1" t="s">
        <v>30</v>
      </c>
      <c r="D48351" s="1" t="s">
        <v>163871</v>
      </c>
      <c r="E48351" s="1" t="s">
        <v>163872</v>
      </c>
      <c r="F48351" s="1" t="s">
        <v>163873</v>
      </c>
      <c r="G48351" s="1" t="s">
        <v>163858</v>
      </c>
      <c r="H48351" s="1" t="s">
        <v>163859</v>
      </c>
      <c r="I48351" s="1" t="s">
        <v>163240</v>
      </c>
      <c r="J48351" s="1" t="s">
        <v>163874</v>
      </c>
    </row>
    <row r="48352" spans="1:10" x14ac:dyDescent="0.35">
      <c r="A48352" s="1" t="s">
        <v>27323</v>
      </c>
      <c r="B48352" s="1" t="s">
        <v>163234</v>
      </c>
      <c r="C48352" s="1" t="s">
        <v>35</v>
      </c>
      <c r="D48352" s="1" t="s">
        <v>162500</v>
      </c>
      <c r="E48352" s="1" t="s">
        <v>163875</v>
      </c>
      <c r="F48352" s="1" t="s">
        <v>163876</v>
      </c>
      <c r="G48352" s="1" t="s">
        <v>163858</v>
      </c>
      <c r="H48352" s="1" t="s">
        <v>163859</v>
      </c>
      <c r="I48352" s="1" t="s">
        <v>163240</v>
      </c>
      <c r="J48352" s="1" t="s">
        <v>163877</v>
      </c>
    </row>
    <row r="48353" spans="1:10" x14ac:dyDescent="0.35">
      <c r="A48353" s="1" t="s">
        <v>27323</v>
      </c>
      <c r="B48353" s="1" t="s">
        <v>163234</v>
      </c>
      <c r="C48353" s="1" t="s">
        <v>40</v>
      </c>
      <c r="D48353" s="1" t="s">
        <v>163878</v>
      </c>
      <c r="E48353" s="1" t="s">
        <v>163879</v>
      </c>
      <c r="F48353" s="1" t="s">
        <v>163880</v>
      </c>
      <c r="G48353" s="1" t="s">
        <v>163858</v>
      </c>
      <c r="H48353" s="1" t="s">
        <v>163859</v>
      </c>
      <c r="I48353" s="1" t="s">
        <v>163240</v>
      </c>
      <c r="J48353" s="1" t="s">
        <v>163881</v>
      </c>
    </row>
    <row r="48354" spans="1:10" x14ac:dyDescent="0.35">
      <c r="A48354" s="1" t="s">
        <v>27323</v>
      </c>
      <c r="B48354" s="1" t="s">
        <v>163234</v>
      </c>
      <c r="C48354" s="1" t="s">
        <v>45</v>
      </c>
      <c r="D48354" s="1" t="s">
        <v>163882</v>
      </c>
      <c r="E48354" s="1" t="s">
        <v>163883</v>
      </c>
      <c r="F48354" s="1" t="s">
        <v>163884</v>
      </c>
      <c r="G48354" s="1" t="s">
        <v>163858</v>
      </c>
      <c r="H48354" s="1" t="s">
        <v>163859</v>
      </c>
      <c r="I48354" s="1" t="s">
        <v>163240</v>
      </c>
      <c r="J48354" s="1" t="s">
        <v>163885</v>
      </c>
    </row>
    <row r="48355" spans="1:10" x14ac:dyDescent="0.35">
      <c r="A48355" s="1" t="s">
        <v>27323</v>
      </c>
      <c r="B48355" s="1" t="s">
        <v>163234</v>
      </c>
      <c r="C48355" s="1" t="s">
        <v>50</v>
      </c>
      <c r="D48355" s="1" t="s">
        <v>163886</v>
      </c>
      <c r="E48355" s="1" t="s">
        <v>163887</v>
      </c>
      <c r="F48355" s="1" t="s">
        <v>163888</v>
      </c>
      <c r="G48355" s="1" t="s">
        <v>163858</v>
      </c>
      <c r="H48355" s="1" t="s">
        <v>163859</v>
      </c>
      <c r="I48355" s="1" t="s">
        <v>163240</v>
      </c>
      <c r="J48355" s="1" t="s">
        <v>163889</v>
      </c>
    </row>
    <row r="48356" spans="1:10" x14ac:dyDescent="0.35">
      <c r="A48356" s="1" t="s">
        <v>27323</v>
      </c>
      <c r="B48356" s="1" t="s">
        <v>163234</v>
      </c>
      <c r="C48356" s="1" t="s">
        <v>55</v>
      </c>
      <c r="D48356" s="1" t="s">
        <v>163890</v>
      </c>
      <c r="E48356" s="1" t="s">
        <v>163891</v>
      </c>
      <c r="F48356" s="1" t="s">
        <v>163892</v>
      </c>
      <c r="G48356" s="1" t="s">
        <v>163858</v>
      </c>
      <c r="H48356" s="1" t="s">
        <v>163859</v>
      </c>
      <c r="I48356" s="1" t="s">
        <v>163240</v>
      </c>
      <c r="J48356" s="1" t="s">
        <v>163893</v>
      </c>
    </row>
    <row r="48357" spans="1:10" x14ac:dyDescent="0.35">
      <c r="A48357" s="1" t="s">
        <v>27323</v>
      </c>
      <c r="B48357" s="1" t="s">
        <v>163234</v>
      </c>
      <c r="C48357" s="1" t="s">
        <v>60</v>
      </c>
      <c r="D48357" s="1" t="s">
        <v>163894</v>
      </c>
      <c r="E48357" s="1" t="s">
        <v>163895</v>
      </c>
      <c r="F48357" s="1" t="s">
        <v>163896</v>
      </c>
      <c r="G48357" s="1" t="s">
        <v>163858</v>
      </c>
      <c r="H48357" s="1" t="s">
        <v>163859</v>
      </c>
      <c r="I48357" s="1" t="s">
        <v>163240</v>
      </c>
      <c r="J48357" s="1" t="s">
        <v>163897</v>
      </c>
    </row>
    <row r="48358" spans="1:10" x14ac:dyDescent="0.35">
      <c r="A48358" s="1" t="s">
        <v>27323</v>
      </c>
      <c r="B48358" s="1" t="s">
        <v>163234</v>
      </c>
      <c r="C48358" s="1" t="s">
        <v>65</v>
      </c>
      <c r="D48358" s="1" t="s">
        <v>163898</v>
      </c>
      <c r="E48358" s="1" t="s">
        <v>163899</v>
      </c>
      <c r="F48358" s="1" t="s">
        <v>163900</v>
      </c>
      <c r="G48358" s="1" t="s">
        <v>163858</v>
      </c>
      <c r="H48358" s="1" t="s">
        <v>163859</v>
      </c>
      <c r="I48358" s="1" t="s">
        <v>163240</v>
      </c>
      <c r="J48358" s="1" t="s">
        <v>163901</v>
      </c>
    </row>
    <row r="48359" spans="1:10" x14ac:dyDescent="0.35">
      <c r="A48359" s="1" t="s">
        <v>27323</v>
      </c>
      <c r="B48359" s="1" t="s">
        <v>163234</v>
      </c>
      <c r="C48359" s="1" t="s">
        <v>70</v>
      </c>
      <c r="D48359" s="1" t="s">
        <v>163902</v>
      </c>
      <c r="E48359" s="1" t="s">
        <v>163903</v>
      </c>
      <c r="F48359" s="1" t="s">
        <v>163904</v>
      </c>
      <c r="G48359" s="1" t="s">
        <v>163858</v>
      </c>
      <c r="H48359" s="1" t="s">
        <v>163859</v>
      </c>
      <c r="I48359" s="1" t="s">
        <v>163240</v>
      </c>
      <c r="J48359" s="1" t="s">
        <v>163905</v>
      </c>
    </row>
    <row r="48360" spans="1:10" x14ac:dyDescent="0.35">
      <c r="A48360" s="1" t="s">
        <v>27323</v>
      </c>
      <c r="B48360" s="1" t="s">
        <v>163234</v>
      </c>
      <c r="C48360" s="1" t="s">
        <v>75</v>
      </c>
      <c r="D48360" s="1" t="s">
        <v>163906</v>
      </c>
      <c r="E48360" s="1" t="s">
        <v>163907</v>
      </c>
      <c r="F48360" s="1" t="s">
        <v>163908</v>
      </c>
      <c r="G48360" s="1" t="s">
        <v>163858</v>
      </c>
      <c r="H48360" s="1" t="s">
        <v>163859</v>
      </c>
      <c r="I48360" s="1" t="s">
        <v>163240</v>
      </c>
      <c r="J48360" s="1" t="s">
        <v>163909</v>
      </c>
    </row>
    <row r="48361" spans="1:10" x14ac:dyDescent="0.35">
      <c r="A48361" s="1" t="s">
        <v>27323</v>
      </c>
      <c r="B48361" s="1" t="s">
        <v>163234</v>
      </c>
      <c r="C48361" s="1" t="s">
        <v>80</v>
      </c>
      <c r="D48361" s="1" t="s">
        <v>163910</v>
      </c>
      <c r="E48361" s="1" t="s">
        <v>163911</v>
      </c>
      <c r="F48361" s="1" t="s">
        <v>163912</v>
      </c>
      <c r="G48361" s="1" t="s">
        <v>163858</v>
      </c>
      <c r="H48361" s="1" t="s">
        <v>163859</v>
      </c>
      <c r="I48361" s="1" t="s">
        <v>163240</v>
      </c>
      <c r="J48361" s="1" t="s">
        <v>163913</v>
      </c>
    </row>
    <row r="48362" spans="1:10" x14ac:dyDescent="0.35">
      <c r="A48362" s="1" t="s">
        <v>27323</v>
      </c>
      <c r="B48362" s="1" t="s">
        <v>163234</v>
      </c>
      <c r="C48362" s="1" t="s">
        <v>85</v>
      </c>
      <c r="D48362" s="1" t="s">
        <v>163914</v>
      </c>
      <c r="E48362" s="1" t="s">
        <v>163915</v>
      </c>
      <c r="F48362" s="1" t="s">
        <v>163916</v>
      </c>
      <c r="G48362" s="1" t="s">
        <v>163858</v>
      </c>
      <c r="H48362" s="1" t="s">
        <v>163859</v>
      </c>
      <c r="I48362" s="1" t="s">
        <v>163240</v>
      </c>
      <c r="J48362" s="1" t="s">
        <v>163917</v>
      </c>
    </row>
    <row r="48363" spans="1:10" x14ac:dyDescent="0.35">
      <c r="A48363" s="1" t="s">
        <v>27323</v>
      </c>
      <c r="B48363" s="1" t="s">
        <v>163234</v>
      </c>
      <c r="C48363" s="1" t="s">
        <v>90</v>
      </c>
      <c r="D48363" s="1" t="s">
        <v>163918</v>
      </c>
      <c r="E48363" s="1" t="s">
        <v>163919</v>
      </c>
      <c r="F48363" s="1" t="s">
        <v>163920</v>
      </c>
      <c r="G48363" s="1" t="s">
        <v>163858</v>
      </c>
      <c r="H48363" s="1" t="s">
        <v>163859</v>
      </c>
      <c r="I48363" s="1" t="s">
        <v>163240</v>
      </c>
      <c r="J48363" s="1" t="s">
        <v>163921</v>
      </c>
    </row>
    <row r="48364" spans="1:10" x14ac:dyDescent="0.35">
      <c r="A48364" s="1" t="s">
        <v>27323</v>
      </c>
      <c r="B48364" s="1" t="s">
        <v>163234</v>
      </c>
      <c r="C48364" s="1" t="s">
        <v>95</v>
      </c>
      <c r="D48364" s="1" t="s">
        <v>163922</v>
      </c>
      <c r="E48364" s="1" t="s">
        <v>163923</v>
      </c>
      <c r="F48364" s="1" t="s">
        <v>163924</v>
      </c>
      <c r="G48364" s="1" t="s">
        <v>163858</v>
      </c>
      <c r="H48364" s="1" t="s">
        <v>163859</v>
      </c>
      <c r="I48364" s="1" t="s">
        <v>163240</v>
      </c>
      <c r="J48364" s="1" t="s">
        <v>163925</v>
      </c>
    </row>
    <row r="48365" spans="1:10" x14ac:dyDescent="0.35">
      <c r="A48365" s="1" t="s">
        <v>27323</v>
      </c>
      <c r="B48365" s="1" t="s">
        <v>163234</v>
      </c>
      <c r="C48365" s="1" t="s">
        <v>100</v>
      </c>
      <c r="D48365" s="1" t="s">
        <v>163926</v>
      </c>
      <c r="E48365" s="1" t="s">
        <v>163927</v>
      </c>
      <c r="F48365" s="1" t="s">
        <v>163928</v>
      </c>
      <c r="G48365" s="1" t="s">
        <v>163858</v>
      </c>
      <c r="H48365" s="1" t="s">
        <v>163859</v>
      </c>
      <c r="I48365" s="1" t="s">
        <v>163240</v>
      </c>
      <c r="J48365" s="1" t="s">
        <v>163929</v>
      </c>
    </row>
    <row r="48366" spans="1:10" x14ac:dyDescent="0.35">
      <c r="A48366" s="1" t="s">
        <v>27323</v>
      </c>
      <c r="B48366" s="1" t="s">
        <v>163234</v>
      </c>
      <c r="C48366" s="1" t="s">
        <v>105</v>
      </c>
      <c r="D48366" s="1" t="s">
        <v>163930</v>
      </c>
      <c r="E48366" s="1" t="s">
        <v>163931</v>
      </c>
      <c r="F48366" s="1" t="s">
        <v>163932</v>
      </c>
      <c r="G48366" s="1" t="s">
        <v>163858</v>
      </c>
      <c r="H48366" s="1" t="s">
        <v>163859</v>
      </c>
      <c r="I48366" s="1" t="s">
        <v>163240</v>
      </c>
      <c r="J48366" s="1" t="s">
        <v>163933</v>
      </c>
    </row>
    <row r="48367" spans="1:10" x14ac:dyDescent="0.35">
      <c r="A48367" s="1" t="s">
        <v>27323</v>
      </c>
      <c r="B48367" s="1" t="s">
        <v>163234</v>
      </c>
      <c r="C48367" s="1" t="s">
        <v>110</v>
      </c>
      <c r="D48367" s="1" t="s">
        <v>163934</v>
      </c>
      <c r="E48367" s="1" t="s">
        <v>163935</v>
      </c>
      <c r="F48367" s="1" t="s">
        <v>163936</v>
      </c>
      <c r="G48367" s="1" t="s">
        <v>163858</v>
      </c>
      <c r="H48367" s="1" t="s">
        <v>163859</v>
      </c>
      <c r="I48367" s="1" t="s">
        <v>163240</v>
      </c>
      <c r="J48367" s="1" t="s">
        <v>163937</v>
      </c>
    </row>
    <row r="48368" spans="1:10" x14ac:dyDescent="0.35">
      <c r="A48368" s="1" t="s">
        <v>27323</v>
      </c>
      <c r="B48368" s="1" t="s">
        <v>163234</v>
      </c>
      <c r="C48368" s="1" t="s">
        <v>115</v>
      </c>
      <c r="D48368" s="1" t="s">
        <v>163938</v>
      </c>
      <c r="E48368" s="1" t="s">
        <v>163939</v>
      </c>
      <c r="F48368" s="1" t="s">
        <v>163940</v>
      </c>
      <c r="G48368" s="1" t="s">
        <v>163858</v>
      </c>
      <c r="H48368" s="1" t="s">
        <v>163859</v>
      </c>
      <c r="I48368" s="1" t="s">
        <v>163240</v>
      </c>
      <c r="J48368" s="1" t="s">
        <v>163941</v>
      </c>
    </row>
    <row r="48369" spans="1:10" x14ac:dyDescent="0.35">
      <c r="A48369" s="1" t="s">
        <v>27323</v>
      </c>
      <c r="B48369" s="1" t="s">
        <v>163234</v>
      </c>
      <c r="C48369" s="1" t="s">
        <v>120</v>
      </c>
      <c r="D48369" s="1" t="s">
        <v>163942</v>
      </c>
      <c r="E48369" s="1" t="s">
        <v>163943</v>
      </c>
      <c r="F48369" s="1" t="s">
        <v>163944</v>
      </c>
      <c r="G48369" s="1" t="s">
        <v>163858</v>
      </c>
      <c r="H48369" s="1" t="s">
        <v>163859</v>
      </c>
      <c r="I48369" s="1" t="s">
        <v>163240</v>
      </c>
      <c r="J48369" s="1" t="s">
        <v>163945</v>
      </c>
    </row>
    <row r="48370" spans="1:10" x14ac:dyDescent="0.35">
      <c r="A48370" s="1" t="s">
        <v>27323</v>
      </c>
      <c r="B48370" s="1" t="s">
        <v>163234</v>
      </c>
      <c r="C48370" s="1" t="s">
        <v>125</v>
      </c>
      <c r="D48370" s="1" t="s">
        <v>163946</v>
      </c>
      <c r="E48370" s="1" t="s">
        <v>163947</v>
      </c>
      <c r="F48370" s="1" t="s">
        <v>163948</v>
      </c>
      <c r="G48370" s="1" t="s">
        <v>163858</v>
      </c>
      <c r="H48370" s="1" t="s">
        <v>163859</v>
      </c>
      <c r="I48370" s="1" t="s">
        <v>163240</v>
      </c>
      <c r="J48370" s="1" t="s">
        <v>163949</v>
      </c>
    </row>
    <row r="48371" spans="1:10" x14ac:dyDescent="0.35">
      <c r="A48371" s="1" t="s">
        <v>27323</v>
      </c>
      <c r="B48371" s="1" t="s">
        <v>163234</v>
      </c>
      <c r="C48371" s="1" t="s">
        <v>130</v>
      </c>
      <c r="D48371" s="1" t="s">
        <v>163950</v>
      </c>
      <c r="E48371" s="1" t="s">
        <v>163951</v>
      </c>
      <c r="F48371" s="1" t="s">
        <v>163952</v>
      </c>
      <c r="G48371" s="1" t="s">
        <v>163858</v>
      </c>
      <c r="H48371" s="1" t="s">
        <v>163859</v>
      </c>
      <c r="I48371" s="1" t="s">
        <v>163240</v>
      </c>
      <c r="J48371" s="1" t="s">
        <v>163953</v>
      </c>
    </row>
    <row r="48372" spans="1:10" x14ac:dyDescent="0.35">
      <c r="A48372" s="1" t="s">
        <v>27323</v>
      </c>
      <c r="B48372" s="1" t="s">
        <v>163234</v>
      </c>
      <c r="C48372" s="1" t="s">
        <v>135</v>
      </c>
      <c r="D48372" s="1" t="s">
        <v>163954</v>
      </c>
      <c r="E48372" s="1" t="s">
        <v>163955</v>
      </c>
      <c r="F48372" s="1" t="s">
        <v>163956</v>
      </c>
      <c r="G48372" s="1" t="s">
        <v>163858</v>
      </c>
      <c r="H48372" s="1" t="s">
        <v>163859</v>
      </c>
      <c r="I48372" s="1" t="s">
        <v>163240</v>
      </c>
      <c r="J48372" s="1" t="s">
        <v>163957</v>
      </c>
    </row>
    <row r="48373" spans="1:10" x14ac:dyDescent="0.35">
      <c r="A48373" s="1" t="s">
        <v>27323</v>
      </c>
      <c r="B48373" s="1" t="s">
        <v>163234</v>
      </c>
      <c r="C48373" s="1" t="s">
        <v>140</v>
      </c>
      <c r="D48373" s="1" t="s">
        <v>163958</v>
      </c>
      <c r="E48373" s="1" t="s">
        <v>163959</v>
      </c>
      <c r="F48373" s="1" t="s">
        <v>163960</v>
      </c>
      <c r="G48373" s="1" t="s">
        <v>163858</v>
      </c>
      <c r="H48373" s="1" t="s">
        <v>163859</v>
      </c>
      <c r="I48373" s="1" t="s">
        <v>163240</v>
      </c>
      <c r="J48373" s="1" t="s">
        <v>163961</v>
      </c>
    </row>
    <row r="48374" spans="1:10" x14ac:dyDescent="0.35">
      <c r="A48374" s="1" t="s">
        <v>27323</v>
      </c>
      <c r="B48374" s="1" t="s">
        <v>163234</v>
      </c>
      <c r="C48374" s="1" t="s">
        <v>145</v>
      </c>
      <c r="D48374" s="1" t="s">
        <v>163962</v>
      </c>
      <c r="E48374" s="1" t="s">
        <v>163963</v>
      </c>
      <c r="F48374" s="1" t="s">
        <v>163964</v>
      </c>
      <c r="G48374" s="1" t="s">
        <v>163858</v>
      </c>
      <c r="H48374" s="1" t="s">
        <v>163859</v>
      </c>
      <c r="I48374" s="1" t="s">
        <v>163240</v>
      </c>
      <c r="J48374" s="1" t="s">
        <v>163965</v>
      </c>
    </row>
    <row r="48375" spans="1:10" x14ac:dyDescent="0.35">
      <c r="A48375" s="1" t="s">
        <v>27323</v>
      </c>
      <c r="B48375" s="1" t="s">
        <v>163234</v>
      </c>
      <c r="C48375" s="1" t="s">
        <v>150</v>
      </c>
      <c r="D48375" s="1" t="s">
        <v>163966</v>
      </c>
      <c r="E48375" s="1" t="s">
        <v>163967</v>
      </c>
      <c r="F48375" s="1" t="s">
        <v>163968</v>
      </c>
      <c r="G48375" s="1" t="s">
        <v>163858</v>
      </c>
      <c r="H48375" s="1" t="s">
        <v>163859</v>
      </c>
      <c r="I48375" s="1" t="s">
        <v>163240</v>
      </c>
      <c r="J48375" s="1" t="s">
        <v>163969</v>
      </c>
    </row>
    <row r="48376" spans="1:10" x14ac:dyDescent="0.35">
      <c r="A48376" s="1" t="s">
        <v>27323</v>
      </c>
      <c r="B48376" s="1" t="s">
        <v>163234</v>
      </c>
      <c r="C48376" s="1" t="s">
        <v>155</v>
      </c>
      <c r="D48376" s="1" t="s">
        <v>163970</v>
      </c>
      <c r="E48376" s="1" t="s">
        <v>163971</v>
      </c>
      <c r="F48376" s="1" t="s">
        <v>163972</v>
      </c>
      <c r="G48376" s="1" t="s">
        <v>163858</v>
      </c>
      <c r="H48376" s="1" t="s">
        <v>163859</v>
      </c>
      <c r="I48376" s="1" t="s">
        <v>163240</v>
      </c>
      <c r="J48376" s="1" t="s">
        <v>163973</v>
      </c>
    </row>
    <row r="48377" spans="1:10" x14ac:dyDescent="0.35">
      <c r="A48377" s="1" t="s">
        <v>27323</v>
      </c>
      <c r="B48377" s="1" t="s">
        <v>163234</v>
      </c>
      <c r="C48377" s="1" t="s">
        <v>160</v>
      </c>
      <c r="D48377" s="1" t="s">
        <v>11994</v>
      </c>
      <c r="E48377" s="1" t="s">
        <v>163974</v>
      </c>
      <c r="F48377" s="1" t="s">
        <v>163975</v>
      </c>
      <c r="G48377" s="1" t="s">
        <v>163858</v>
      </c>
      <c r="H48377" s="1" t="s">
        <v>163859</v>
      </c>
      <c r="I48377" s="1" t="s">
        <v>163240</v>
      </c>
      <c r="J48377" s="1" t="s">
        <v>163976</v>
      </c>
    </row>
    <row r="48378" spans="1:10" x14ac:dyDescent="0.35">
      <c r="A48378" s="1" t="s">
        <v>27323</v>
      </c>
      <c r="B48378" s="1" t="s">
        <v>163234</v>
      </c>
      <c r="C48378" s="1" t="s">
        <v>165</v>
      </c>
      <c r="D48378" s="1" t="s">
        <v>163977</v>
      </c>
      <c r="E48378" s="1" t="s">
        <v>163978</v>
      </c>
      <c r="F48378" s="1" t="s">
        <v>163979</v>
      </c>
      <c r="G48378" s="1" t="s">
        <v>163858</v>
      </c>
      <c r="H48378" s="1" t="s">
        <v>163859</v>
      </c>
      <c r="I48378" s="1" t="s">
        <v>163240</v>
      </c>
      <c r="J48378" s="1" t="s">
        <v>163980</v>
      </c>
    </row>
    <row r="48379" spans="1:10" x14ac:dyDescent="0.35">
      <c r="A48379" s="1" t="s">
        <v>27323</v>
      </c>
      <c r="B48379" s="1" t="s">
        <v>163234</v>
      </c>
      <c r="C48379" s="1" t="s">
        <v>170</v>
      </c>
      <c r="D48379" s="1" t="s">
        <v>163981</v>
      </c>
      <c r="E48379" s="1" t="s">
        <v>163982</v>
      </c>
      <c r="F48379" s="1" t="s">
        <v>163983</v>
      </c>
      <c r="G48379" s="1" t="s">
        <v>163858</v>
      </c>
      <c r="H48379" s="1" t="s">
        <v>163859</v>
      </c>
      <c r="I48379" s="1" t="s">
        <v>163240</v>
      </c>
      <c r="J48379" s="1" t="s">
        <v>163984</v>
      </c>
    </row>
    <row r="48380" spans="1:10" x14ac:dyDescent="0.35">
      <c r="A48380" s="1" t="s">
        <v>25386</v>
      </c>
      <c r="B48380" s="1" t="s">
        <v>163234</v>
      </c>
      <c r="C48380" s="1" t="s">
        <v>8</v>
      </c>
      <c r="D48380" s="1" t="s">
        <v>83826</v>
      </c>
      <c r="E48380" s="1" t="s">
        <v>163985</v>
      </c>
      <c r="F48380" s="1" t="s">
        <v>163986</v>
      </c>
      <c r="G48380" s="1" t="s">
        <v>163987</v>
      </c>
      <c r="H48380" s="1" t="s">
        <v>163988</v>
      </c>
      <c r="I48380" s="1" t="s">
        <v>163240</v>
      </c>
      <c r="J48380" s="1" t="s">
        <v>13</v>
      </c>
    </row>
    <row r="48381" spans="1:10" x14ac:dyDescent="0.35">
      <c r="A48381" s="1" t="s">
        <v>25386</v>
      </c>
      <c r="B48381" s="1" t="s">
        <v>163234</v>
      </c>
      <c r="C48381" s="1" t="s">
        <v>15</v>
      </c>
      <c r="D48381" s="1" t="s">
        <v>59570</v>
      </c>
      <c r="E48381" s="1" t="s">
        <v>163989</v>
      </c>
      <c r="F48381" s="1" t="s">
        <v>163990</v>
      </c>
      <c r="G48381" s="1" t="s">
        <v>163987</v>
      </c>
      <c r="H48381" s="1" t="s">
        <v>163988</v>
      </c>
      <c r="I48381" s="1" t="s">
        <v>163240</v>
      </c>
      <c r="J48381" s="1" t="s">
        <v>163991</v>
      </c>
    </row>
    <row r="48382" spans="1:10" x14ac:dyDescent="0.35">
      <c r="A48382" s="1" t="s">
        <v>25386</v>
      </c>
      <c r="B48382" s="1" t="s">
        <v>163234</v>
      </c>
      <c r="C48382" s="1" t="s">
        <v>20</v>
      </c>
      <c r="D48382" s="1" t="s">
        <v>163992</v>
      </c>
      <c r="E48382" s="1" t="s">
        <v>163993</v>
      </c>
      <c r="F48382" s="1" t="s">
        <v>163994</v>
      </c>
      <c r="G48382" s="1" t="s">
        <v>163987</v>
      </c>
      <c r="H48382" s="1" t="s">
        <v>163988</v>
      </c>
      <c r="I48382" s="1" t="s">
        <v>163240</v>
      </c>
      <c r="J48382" s="1" t="s">
        <v>163995</v>
      </c>
    </row>
    <row r="48383" spans="1:10" x14ac:dyDescent="0.35">
      <c r="A48383" s="1" t="s">
        <v>25386</v>
      </c>
      <c r="B48383" s="1" t="s">
        <v>163234</v>
      </c>
      <c r="C48383" s="1" t="s">
        <v>25</v>
      </c>
      <c r="D48383" s="1" t="s">
        <v>163996</v>
      </c>
      <c r="E48383" s="1" t="s">
        <v>163997</v>
      </c>
      <c r="F48383" s="1" t="s">
        <v>163998</v>
      </c>
      <c r="G48383" s="1" t="s">
        <v>163987</v>
      </c>
      <c r="H48383" s="1" t="s">
        <v>163988</v>
      </c>
      <c r="I48383" s="1" t="s">
        <v>163240</v>
      </c>
      <c r="J48383" s="1" t="s">
        <v>163999</v>
      </c>
    </row>
    <row r="48384" spans="1:10" x14ac:dyDescent="0.35">
      <c r="A48384" s="1" t="s">
        <v>25386</v>
      </c>
      <c r="B48384" s="1" t="s">
        <v>163234</v>
      </c>
      <c r="C48384" s="1" t="s">
        <v>30</v>
      </c>
      <c r="D48384" s="1" t="s">
        <v>96665</v>
      </c>
      <c r="E48384" s="1" t="s">
        <v>164000</v>
      </c>
      <c r="F48384" s="1" t="s">
        <v>164001</v>
      </c>
      <c r="G48384" s="1" t="s">
        <v>163987</v>
      </c>
      <c r="H48384" s="1" t="s">
        <v>163988</v>
      </c>
      <c r="I48384" s="1" t="s">
        <v>163240</v>
      </c>
      <c r="J48384" s="1" t="s">
        <v>164002</v>
      </c>
    </row>
    <row r="48385" spans="1:10" x14ac:dyDescent="0.35">
      <c r="A48385" s="1" t="s">
        <v>25386</v>
      </c>
      <c r="B48385" s="1" t="s">
        <v>163234</v>
      </c>
      <c r="C48385" s="1" t="s">
        <v>35</v>
      </c>
      <c r="D48385" s="1" t="s">
        <v>40426</v>
      </c>
      <c r="E48385" s="1" t="s">
        <v>164003</v>
      </c>
      <c r="F48385" s="1" t="s">
        <v>164004</v>
      </c>
      <c r="G48385" s="1" t="s">
        <v>163987</v>
      </c>
      <c r="H48385" s="1" t="s">
        <v>163988</v>
      </c>
      <c r="I48385" s="1" t="s">
        <v>163240</v>
      </c>
      <c r="J48385" s="1" t="s">
        <v>164005</v>
      </c>
    </row>
    <row r="48386" spans="1:10" x14ac:dyDescent="0.35">
      <c r="A48386" s="1" t="s">
        <v>25386</v>
      </c>
      <c r="B48386" s="1" t="s">
        <v>163234</v>
      </c>
      <c r="C48386" s="1" t="s">
        <v>40</v>
      </c>
      <c r="D48386" s="1" t="s">
        <v>164006</v>
      </c>
      <c r="E48386" s="1" t="s">
        <v>164007</v>
      </c>
      <c r="F48386" s="1" t="s">
        <v>164008</v>
      </c>
      <c r="G48386" s="1" t="s">
        <v>163987</v>
      </c>
      <c r="H48386" s="1" t="s">
        <v>163988</v>
      </c>
      <c r="I48386" s="1" t="s">
        <v>163240</v>
      </c>
      <c r="J48386" s="1" t="s">
        <v>164009</v>
      </c>
    </row>
    <row r="48387" spans="1:10" x14ac:dyDescent="0.35">
      <c r="A48387" s="1" t="s">
        <v>25386</v>
      </c>
      <c r="B48387" s="1" t="s">
        <v>163234</v>
      </c>
      <c r="C48387" s="1" t="s">
        <v>45</v>
      </c>
      <c r="D48387" s="1" t="s">
        <v>23209</v>
      </c>
      <c r="E48387" s="1" t="s">
        <v>164010</v>
      </c>
      <c r="F48387" s="1" t="s">
        <v>164011</v>
      </c>
      <c r="G48387" s="1" t="s">
        <v>163987</v>
      </c>
      <c r="H48387" s="1" t="s">
        <v>163988</v>
      </c>
      <c r="I48387" s="1" t="s">
        <v>163240</v>
      </c>
      <c r="J48387" s="1" t="s">
        <v>164012</v>
      </c>
    </row>
    <row r="48388" spans="1:10" x14ac:dyDescent="0.35">
      <c r="A48388" s="1" t="s">
        <v>25386</v>
      </c>
      <c r="B48388" s="1" t="s">
        <v>163234</v>
      </c>
      <c r="C48388" s="1" t="s">
        <v>50</v>
      </c>
      <c r="D48388" s="1" t="s">
        <v>164013</v>
      </c>
      <c r="E48388" s="1" t="s">
        <v>164014</v>
      </c>
      <c r="F48388" s="1" t="s">
        <v>164015</v>
      </c>
      <c r="G48388" s="1" t="s">
        <v>163987</v>
      </c>
      <c r="H48388" s="1" t="s">
        <v>163988</v>
      </c>
      <c r="I48388" s="1" t="s">
        <v>163240</v>
      </c>
      <c r="J48388" s="1" t="s">
        <v>164016</v>
      </c>
    </row>
    <row r="48389" spans="1:10" x14ac:dyDescent="0.35">
      <c r="A48389" s="1" t="s">
        <v>25386</v>
      </c>
      <c r="B48389" s="1" t="s">
        <v>163234</v>
      </c>
      <c r="C48389" s="1" t="s">
        <v>55</v>
      </c>
      <c r="D48389" s="1" t="s">
        <v>164017</v>
      </c>
      <c r="E48389" s="1" t="s">
        <v>164018</v>
      </c>
      <c r="F48389" s="1" t="s">
        <v>164019</v>
      </c>
      <c r="G48389" s="1" t="s">
        <v>163987</v>
      </c>
      <c r="H48389" s="1" t="s">
        <v>163988</v>
      </c>
      <c r="I48389" s="1" t="s">
        <v>163240</v>
      </c>
      <c r="J48389" s="1" t="s">
        <v>164020</v>
      </c>
    </row>
    <row r="48390" spans="1:10" x14ac:dyDescent="0.35">
      <c r="A48390" s="1" t="s">
        <v>25386</v>
      </c>
      <c r="B48390" s="1" t="s">
        <v>163234</v>
      </c>
      <c r="C48390" s="1" t="s">
        <v>60</v>
      </c>
      <c r="D48390" s="1" t="s">
        <v>164021</v>
      </c>
      <c r="E48390" s="1" t="s">
        <v>164022</v>
      </c>
      <c r="F48390" s="1" t="s">
        <v>164023</v>
      </c>
      <c r="G48390" s="1" t="s">
        <v>163987</v>
      </c>
      <c r="H48390" s="1" t="s">
        <v>163988</v>
      </c>
      <c r="I48390" s="1" t="s">
        <v>163240</v>
      </c>
      <c r="J48390" s="1" t="s">
        <v>164024</v>
      </c>
    </row>
    <row r="48391" spans="1:10" x14ac:dyDescent="0.35">
      <c r="A48391" s="1" t="s">
        <v>25386</v>
      </c>
      <c r="B48391" s="1" t="s">
        <v>163234</v>
      </c>
      <c r="C48391" s="1" t="s">
        <v>65</v>
      </c>
      <c r="D48391" s="1" t="s">
        <v>164025</v>
      </c>
      <c r="E48391" s="1" t="s">
        <v>164026</v>
      </c>
      <c r="F48391" s="1" t="s">
        <v>164027</v>
      </c>
      <c r="G48391" s="1" t="s">
        <v>163987</v>
      </c>
      <c r="H48391" s="1" t="s">
        <v>163988</v>
      </c>
      <c r="I48391" s="1" t="s">
        <v>163240</v>
      </c>
      <c r="J48391" s="1" t="s">
        <v>164028</v>
      </c>
    </row>
    <row r="48392" spans="1:10" x14ac:dyDescent="0.35">
      <c r="A48392" s="1" t="s">
        <v>25386</v>
      </c>
      <c r="B48392" s="1" t="s">
        <v>163234</v>
      </c>
      <c r="C48392" s="1" t="s">
        <v>70</v>
      </c>
      <c r="D48392" s="1" t="s">
        <v>164029</v>
      </c>
      <c r="E48392" s="1" t="s">
        <v>164030</v>
      </c>
      <c r="F48392" s="1" t="s">
        <v>164031</v>
      </c>
      <c r="G48392" s="1" t="s">
        <v>163987</v>
      </c>
      <c r="H48392" s="1" t="s">
        <v>163988</v>
      </c>
      <c r="I48392" s="1" t="s">
        <v>163240</v>
      </c>
      <c r="J48392" s="1" t="s">
        <v>164032</v>
      </c>
    </row>
    <row r="48393" spans="1:10" x14ac:dyDescent="0.35">
      <c r="A48393" s="1" t="s">
        <v>25386</v>
      </c>
      <c r="B48393" s="1" t="s">
        <v>163234</v>
      </c>
      <c r="C48393" s="1" t="s">
        <v>75</v>
      </c>
      <c r="D48393" s="1" t="s">
        <v>41130</v>
      </c>
      <c r="E48393" s="1" t="s">
        <v>164033</v>
      </c>
      <c r="F48393" s="1" t="s">
        <v>164034</v>
      </c>
      <c r="G48393" s="1" t="s">
        <v>163987</v>
      </c>
      <c r="H48393" s="1" t="s">
        <v>163988</v>
      </c>
      <c r="I48393" s="1" t="s">
        <v>163240</v>
      </c>
      <c r="J48393" s="1" t="s">
        <v>164035</v>
      </c>
    </row>
    <row r="48394" spans="1:10" x14ac:dyDescent="0.35">
      <c r="A48394" s="1" t="s">
        <v>25386</v>
      </c>
      <c r="B48394" s="1" t="s">
        <v>163234</v>
      </c>
      <c r="C48394" s="1" t="s">
        <v>80</v>
      </c>
      <c r="D48394" s="1" t="s">
        <v>164036</v>
      </c>
      <c r="E48394" s="1" t="s">
        <v>164037</v>
      </c>
      <c r="F48394" s="1" t="s">
        <v>164038</v>
      </c>
      <c r="G48394" s="1" t="s">
        <v>163987</v>
      </c>
      <c r="H48394" s="1" t="s">
        <v>163988</v>
      </c>
      <c r="I48394" s="1" t="s">
        <v>163240</v>
      </c>
      <c r="J48394" s="1" t="s">
        <v>164039</v>
      </c>
    </row>
    <row r="48395" spans="1:10" x14ac:dyDescent="0.35">
      <c r="A48395" s="1" t="s">
        <v>25386</v>
      </c>
      <c r="B48395" s="1" t="s">
        <v>163234</v>
      </c>
      <c r="C48395" s="1" t="s">
        <v>85</v>
      </c>
      <c r="D48395" s="1" t="s">
        <v>164040</v>
      </c>
      <c r="E48395" s="1" t="s">
        <v>164041</v>
      </c>
      <c r="F48395" s="1" t="s">
        <v>164042</v>
      </c>
      <c r="G48395" s="1" t="s">
        <v>163987</v>
      </c>
      <c r="H48395" s="1" t="s">
        <v>163988</v>
      </c>
      <c r="I48395" s="1" t="s">
        <v>163240</v>
      </c>
      <c r="J48395" s="1" t="s">
        <v>164043</v>
      </c>
    </row>
    <row r="48396" spans="1:10" x14ac:dyDescent="0.35">
      <c r="A48396" s="1" t="s">
        <v>25386</v>
      </c>
      <c r="B48396" s="1" t="s">
        <v>163234</v>
      </c>
      <c r="C48396" s="1" t="s">
        <v>90</v>
      </c>
      <c r="D48396" s="1" t="s">
        <v>164044</v>
      </c>
      <c r="E48396" s="1" t="s">
        <v>164045</v>
      </c>
      <c r="F48396" s="1" t="s">
        <v>164046</v>
      </c>
      <c r="G48396" s="1" t="s">
        <v>163987</v>
      </c>
      <c r="H48396" s="1" t="s">
        <v>163988</v>
      </c>
      <c r="I48396" s="1" t="s">
        <v>163240</v>
      </c>
      <c r="J48396" s="1" t="s">
        <v>164047</v>
      </c>
    </row>
    <row r="48397" spans="1:10" x14ac:dyDescent="0.35">
      <c r="A48397" s="1" t="s">
        <v>25386</v>
      </c>
      <c r="B48397" s="1" t="s">
        <v>163234</v>
      </c>
      <c r="C48397" s="1" t="s">
        <v>95</v>
      </c>
      <c r="D48397" s="1" t="s">
        <v>164048</v>
      </c>
      <c r="E48397" s="1" t="s">
        <v>164049</v>
      </c>
      <c r="F48397" s="1" t="s">
        <v>164050</v>
      </c>
      <c r="G48397" s="1" t="s">
        <v>163987</v>
      </c>
      <c r="H48397" s="1" t="s">
        <v>163988</v>
      </c>
      <c r="I48397" s="1" t="s">
        <v>163240</v>
      </c>
      <c r="J48397" s="1" t="s">
        <v>164051</v>
      </c>
    </row>
    <row r="48398" spans="1:10" x14ac:dyDescent="0.35">
      <c r="A48398" s="1" t="s">
        <v>25386</v>
      </c>
      <c r="B48398" s="1" t="s">
        <v>163234</v>
      </c>
      <c r="C48398" s="1" t="s">
        <v>100</v>
      </c>
      <c r="D48398" s="1" t="s">
        <v>164052</v>
      </c>
      <c r="E48398" s="1" t="s">
        <v>164053</v>
      </c>
      <c r="F48398" s="1" t="s">
        <v>164054</v>
      </c>
      <c r="G48398" s="1" t="s">
        <v>163987</v>
      </c>
      <c r="H48398" s="1" t="s">
        <v>163988</v>
      </c>
      <c r="I48398" s="1" t="s">
        <v>163240</v>
      </c>
      <c r="J48398" s="1" t="s">
        <v>164055</v>
      </c>
    </row>
    <row r="48399" spans="1:10" x14ac:dyDescent="0.35">
      <c r="A48399" s="1" t="s">
        <v>25386</v>
      </c>
      <c r="B48399" s="1" t="s">
        <v>163234</v>
      </c>
      <c r="C48399" s="1" t="s">
        <v>105</v>
      </c>
      <c r="D48399" s="1" t="s">
        <v>164056</v>
      </c>
      <c r="E48399" s="1" t="s">
        <v>164057</v>
      </c>
      <c r="F48399" s="1" t="s">
        <v>164058</v>
      </c>
      <c r="G48399" s="1" t="s">
        <v>163987</v>
      </c>
      <c r="H48399" s="1" t="s">
        <v>163988</v>
      </c>
      <c r="I48399" s="1" t="s">
        <v>163240</v>
      </c>
      <c r="J48399" s="1" t="s">
        <v>164059</v>
      </c>
    </row>
    <row r="48400" spans="1:10" x14ac:dyDescent="0.35">
      <c r="A48400" s="1" t="s">
        <v>25386</v>
      </c>
      <c r="B48400" s="1" t="s">
        <v>163234</v>
      </c>
      <c r="C48400" s="1" t="s">
        <v>110</v>
      </c>
      <c r="D48400" s="1" t="s">
        <v>164060</v>
      </c>
      <c r="E48400" s="1" t="s">
        <v>164061</v>
      </c>
      <c r="F48400" s="1" t="s">
        <v>164062</v>
      </c>
      <c r="G48400" s="1" t="s">
        <v>163987</v>
      </c>
      <c r="H48400" s="1" t="s">
        <v>163988</v>
      </c>
      <c r="I48400" s="1" t="s">
        <v>163240</v>
      </c>
      <c r="J48400" s="1" t="s">
        <v>164063</v>
      </c>
    </row>
    <row r="48401" spans="1:10" x14ac:dyDescent="0.35">
      <c r="A48401" s="1" t="s">
        <v>25386</v>
      </c>
      <c r="B48401" s="1" t="s">
        <v>163234</v>
      </c>
      <c r="C48401" s="1" t="s">
        <v>115</v>
      </c>
      <c r="D48401" s="1" t="s">
        <v>164064</v>
      </c>
      <c r="E48401" s="1" t="s">
        <v>164065</v>
      </c>
      <c r="F48401" s="1" t="s">
        <v>164066</v>
      </c>
      <c r="G48401" s="1" t="s">
        <v>163987</v>
      </c>
      <c r="H48401" s="1" t="s">
        <v>163988</v>
      </c>
      <c r="I48401" s="1" t="s">
        <v>163240</v>
      </c>
      <c r="J48401" s="1" t="s">
        <v>164067</v>
      </c>
    </row>
    <row r="48402" spans="1:10" x14ac:dyDescent="0.35">
      <c r="A48402" s="1" t="s">
        <v>25386</v>
      </c>
      <c r="B48402" s="1" t="s">
        <v>163234</v>
      </c>
      <c r="C48402" s="1" t="s">
        <v>120</v>
      </c>
      <c r="D48402" s="1" t="s">
        <v>164068</v>
      </c>
      <c r="E48402" s="1" t="s">
        <v>164069</v>
      </c>
      <c r="F48402" s="1" t="s">
        <v>164070</v>
      </c>
      <c r="G48402" s="1" t="s">
        <v>163987</v>
      </c>
      <c r="H48402" s="1" t="s">
        <v>163988</v>
      </c>
      <c r="I48402" s="1" t="s">
        <v>163240</v>
      </c>
      <c r="J48402" s="1" t="s">
        <v>164071</v>
      </c>
    </row>
    <row r="48403" spans="1:10" x14ac:dyDescent="0.35">
      <c r="A48403" s="1" t="s">
        <v>25386</v>
      </c>
      <c r="B48403" s="1" t="s">
        <v>163234</v>
      </c>
      <c r="C48403" s="1" t="s">
        <v>125</v>
      </c>
      <c r="D48403" s="1" t="s">
        <v>164072</v>
      </c>
      <c r="E48403" s="1" t="s">
        <v>164073</v>
      </c>
      <c r="F48403" s="1" t="s">
        <v>164074</v>
      </c>
      <c r="G48403" s="1" t="s">
        <v>163987</v>
      </c>
      <c r="H48403" s="1" t="s">
        <v>163988</v>
      </c>
      <c r="I48403" s="1" t="s">
        <v>163240</v>
      </c>
      <c r="J48403" s="1" t="s">
        <v>164075</v>
      </c>
    </row>
    <row r="48404" spans="1:10" x14ac:dyDescent="0.35">
      <c r="A48404" s="1" t="s">
        <v>25386</v>
      </c>
      <c r="B48404" s="1" t="s">
        <v>163234</v>
      </c>
      <c r="C48404" s="1" t="s">
        <v>130</v>
      </c>
      <c r="D48404" s="1" t="s">
        <v>164076</v>
      </c>
      <c r="E48404" s="1" t="s">
        <v>164077</v>
      </c>
      <c r="F48404" s="1" t="s">
        <v>164078</v>
      </c>
      <c r="G48404" s="1" t="s">
        <v>163987</v>
      </c>
      <c r="H48404" s="1" t="s">
        <v>163988</v>
      </c>
      <c r="I48404" s="1" t="s">
        <v>163240</v>
      </c>
      <c r="J48404" s="1" t="s">
        <v>164079</v>
      </c>
    </row>
    <row r="48405" spans="1:10" x14ac:dyDescent="0.35">
      <c r="A48405" s="1" t="s">
        <v>25386</v>
      </c>
      <c r="B48405" s="1" t="s">
        <v>163234</v>
      </c>
      <c r="C48405" s="1" t="s">
        <v>135</v>
      </c>
      <c r="D48405" s="1" t="s">
        <v>164080</v>
      </c>
      <c r="E48405" s="1" t="s">
        <v>164081</v>
      </c>
      <c r="F48405" s="1" t="s">
        <v>164082</v>
      </c>
      <c r="G48405" s="1" t="s">
        <v>163987</v>
      </c>
      <c r="H48405" s="1" t="s">
        <v>163988</v>
      </c>
      <c r="I48405" s="1" t="s">
        <v>163240</v>
      </c>
      <c r="J48405" s="1" t="s">
        <v>164083</v>
      </c>
    </row>
    <row r="48406" spans="1:10" x14ac:dyDescent="0.35">
      <c r="A48406" s="1" t="s">
        <v>25386</v>
      </c>
      <c r="B48406" s="1" t="s">
        <v>163234</v>
      </c>
      <c r="C48406" s="1" t="s">
        <v>140</v>
      </c>
      <c r="D48406" s="1" t="s">
        <v>164084</v>
      </c>
      <c r="E48406" s="1" t="s">
        <v>164085</v>
      </c>
      <c r="F48406" s="1" t="s">
        <v>164086</v>
      </c>
      <c r="G48406" s="1" t="s">
        <v>163987</v>
      </c>
      <c r="H48406" s="1" t="s">
        <v>163988</v>
      </c>
      <c r="I48406" s="1" t="s">
        <v>163240</v>
      </c>
      <c r="J48406" s="1" t="s">
        <v>164087</v>
      </c>
    </row>
    <row r="48407" spans="1:10" x14ac:dyDescent="0.35">
      <c r="A48407" s="1" t="s">
        <v>25386</v>
      </c>
      <c r="B48407" s="1" t="s">
        <v>163234</v>
      </c>
      <c r="C48407" s="1" t="s">
        <v>145</v>
      </c>
      <c r="D48407" s="1" t="s">
        <v>164088</v>
      </c>
      <c r="E48407" s="1" t="s">
        <v>164089</v>
      </c>
      <c r="F48407" s="1" t="s">
        <v>164090</v>
      </c>
      <c r="G48407" s="1" t="s">
        <v>163987</v>
      </c>
      <c r="H48407" s="1" t="s">
        <v>163988</v>
      </c>
      <c r="I48407" s="1" t="s">
        <v>163240</v>
      </c>
      <c r="J48407" s="1" t="s">
        <v>164091</v>
      </c>
    </row>
    <row r="48408" spans="1:10" x14ac:dyDescent="0.35">
      <c r="A48408" s="1" t="s">
        <v>25386</v>
      </c>
      <c r="B48408" s="1" t="s">
        <v>163234</v>
      </c>
      <c r="C48408" s="1" t="s">
        <v>150</v>
      </c>
      <c r="D48408" s="1" t="s">
        <v>164092</v>
      </c>
      <c r="E48408" s="1" t="s">
        <v>164093</v>
      </c>
      <c r="F48408" s="1" t="s">
        <v>164094</v>
      </c>
      <c r="G48408" s="1" t="s">
        <v>163987</v>
      </c>
      <c r="H48408" s="1" t="s">
        <v>163988</v>
      </c>
      <c r="I48408" s="1" t="s">
        <v>163240</v>
      </c>
      <c r="J48408" s="1" t="s">
        <v>164095</v>
      </c>
    </row>
    <row r="48409" spans="1:10" x14ac:dyDescent="0.35">
      <c r="A48409" s="1" t="s">
        <v>25386</v>
      </c>
      <c r="B48409" s="1" t="s">
        <v>163234</v>
      </c>
      <c r="C48409" s="1" t="s">
        <v>155</v>
      </c>
      <c r="D48409" s="1" t="s">
        <v>164096</v>
      </c>
      <c r="E48409" s="1" t="s">
        <v>164097</v>
      </c>
      <c r="F48409" s="1" t="s">
        <v>164098</v>
      </c>
      <c r="G48409" s="1" t="s">
        <v>163987</v>
      </c>
      <c r="H48409" s="1" t="s">
        <v>163988</v>
      </c>
      <c r="I48409" s="1" t="s">
        <v>163240</v>
      </c>
      <c r="J48409" s="1" t="s">
        <v>164099</v>
      </c>
    </row>
    <row r="48410" spans="1:10" x14ac:dyDescent="0.35">
      <c r="A48410" s="1" t="s">
        <v>25386</v>
      </c>
      <c r="B48410" s="1" t="s">
        <v>163234</v>
      </c>
      <c r="C48410" s="1" t="s">
        <v>160</v>
      </c>
      <c r="D48410" s="1" t="s">
        <v>164100</v>
      </c>
      <c r="E48410" s="1" t="s">
        <v>164101</v>
      </c>
      <c r="F48410" s="1" t="s">
        <v>164102</v>
      </c>
      <c r="G48410" s="1" t="s">
        <v>163987</v>
      </c>
      <c r="H48410" s="1" t="s">
        <v>163988</v>
      </c>
      <c r="I48410" s="1" t="s">
        <v>163240</v>
      </c>
      <c r="J48410" s="1" t="s">
        <v>164103</v>
      </c>
    </row>
    <row r="48411" spans="1:10" x14ac:dyDescent="0.35">
      <c r="A48411" s="1" t="s">
        <v>25386</v>
      </c>
      <c r="B48411" s="1" t="s">
        <v>163234</v>
      </c>
      <c r="C48411" s="1" t="s">
        <v>165</v>
      </c>
      <c r="D48411" s="1" t="s">
        <v>164104</v>
      </c>
      <c r="E48411" s="1" t="s">
        <v>164105</v>
      </c>
      <c r="F48411" s="1" t="s">
        <v>164106</v>
      </c>
      <c r="G48411" s="1" t="s">
        <v>163987</v>
      </c>
      <c r="H48411" s="1" t="s">
        <v>163988</v>
      </c>
      <c r="I48411" s="1" t="s">
        <v>163240</v>
      </c>
      <c r="J48411" s="1" t="s">
        <v>164107</v>
      </c>
    </row>
    <row r="48412" spans="1:10" x14ac:dyDescent="0.35">
      <c r="A48412" s="1" t="s">
        <v>25386</v>
      </c>
      <c r="B48412" s="1" t="s">
        <v>163234</v>
      </c>
      <c r="C48412" s="1" t="s">
        <v>170</v>
      </c>
      <c r="D48412" s="1" t="s">
        <v>164108</v>
      </c>
      <c r="E48412" s="1" t="s">
        <v>164109</v>
      </c>
      <c r="F48412" s="1" t="s">
        <v>164110</v>
      </c>
      <c r="G48412" s="1" t="s">
        <v>163987</v>
      </c>
      <c r="H48412" s="1" t="s">
        <v>163988</v>
      </c>
      <c r="I48412" s="1" t="s">
        <v>163240</v>
      </c>
      <c r="J48412" s="1" t="s">
        <v>164111</v>
      </c>
    </row>
    <row r="48413" spans="1:10" x14ac:dyDescent="0.35">
      <c r="A48413" s="1" t="s">
        <v>29301</v>
      </c>
      <c r="B48413" s="1" t="s">
        <v>163234</v>
      </c>
      <c r="C48413" s="1" t="s">
        <v>8</v>
      </c>
      <c r="D48413" s="1" t="s">
        <v>164112</v>
      </c>
      <c r="E48413" s="1" t="s">
        <v>164113</v>
      </c>
      <c r="F48413" s="1" t="s">
        <v>164114</v>
      </c>
      <c r="G48413" s="1" t="s">
        <v>164115</v>
      </c>
      <c r="H48413" s="1" t="s">
        <v>164116</v>
      </c>
      <c r="I48413" s="1" t="s">
        <v>163240</v>
      </c>
      <c r="J48413" s="1" t="s">
        <v>13</v>
      </c>
    </row>
    <row r="48414" spans="1:10" x14ac:dyDescent="0.35">
      <c r="A48414" s="1" t="s">
        <v>29301</v>
      </c>
      <c r="B48414" s="1" t="s">
        <v>163234</v>
      </c>
      <c r="C48414" s="1" t="s">
        <v>15</v>
      </c>
      <c r="D48414" s="1" t="s">
        <v>164117</v>
      </c>
      <c r="E48414" s="1" t="s">
        <v>164118</v>
      </c>
      <c r="F48414" s="1" t="s">
        <v>164119</v>
      </c>
      <c r="G48414" s="1" t="s">
        <v>164115</v>
      </c>
      <c r="H48414" s="1" t="s">
        <v>164116</v>
      </c>
      <c r="I48414" s="1" t="s">
        <v>163240</v>
      </c>
      <c r="J48414" s="1" t="s">
        <v>164120</v>
      </c>
    </row>
    <row r="48415" spans="1:10" x14ac:dyDescent="0.35">
      <c r="A48415" s="1" t="s">
        <v>29301</v>
      </c>
      <c r="B48415" s="1" t="s">
        <v>163234</v>
      </c>
      <c r="C48415" s="1" t="s">
        <v>20</v>
      </c>
      <c r="D48415" s="1" t="s">
        <v>63797</v>
      </c>
      <c r="E48415" s="1" t="s">
        <v>164121</v>
      </c>
      <c r="F48415" s="1" t="s">
        <v>164122</v>
      </c>
      <c r="G48415" s="1" t="s">
        <v>164115</v>
      </c>
      <c r="H48415" s="1" t="s">
        <v>164116</v>
      </c>
      <c r="I48415" s="1" t="s">
        <v>163240</v>
      </c>
      <c r="J48415" s="1" t="s">
        <v>164123</v>
      </c>
    </row>
    <row r="48416" spans="1:10" x14ac:dyDescent="0.35">
      <c r="A48416" s="1" t="s">
        <v>29301</v>
      </c>
      <c r="B48416" s="1" t="s">
        <v>163234</v>
      </c>
      <c r="C48416" s="1" t="s">
        <v>25</v>
      </c>
      <c r="D48416" s="1" t="s">
        <v>164124</v>
      </c>
      <c r="E48416" s="1" t="s">
        <v>164125</v>
      </c>
      <c r="F48416" s="1" t="s">
        <v>164126</v>
      </c>
      <c r="G48416" s="1" t="s">
        <v>164115</v>
      </c>
      <c r="H48416" s="1" t="s">
        <v>164116</v>
      </c>
      <c r="I48416" s="1" t="s">
        <v>163240</v>
      </c>
      <c r="J48416" s="1" t="s">
        <v>164127</v>
      </c>
    </row>
    <row r="48417" spans="1:10" x14ac:dyDescent="0.35">
      <c r="A48417" s="1" t="s">
        <v>29301</v>
      </c>
      <c r="B48417" s="1" t="s">
        <v>163234</v>
      </c>
      <c r="C48417" s="1" t="s">
        <v>30</v>
      </c>
      <c r="D48417" s="1" t="s">
        <v>164128</v>
      </c>
      <c r="E48417" s="1" t="s">
        <v>164129</v>
      </c>
      <c r="F48417" s="1" t="s">
        <v>164130</v>
      </c>
      <c r="G48417" s="1" t="s">
        <v>164115</v>
      </c>
      <c r="H48417" s="1" t="s">
        <v>164116</v>
      </c>
      <c r="I48417" s="1" t="s">
        <v>163240</v>
      </c>
      <c r="J48417" s="1" t="s">
        <v>164131</v>
      </c>
    </row>
    <row r="48418" spans="1:10" x14ac:dyDescent="0.35">
      <c r="A48418" s="1" t="s">
        <v>29301</v>
      </c>
      <c r="B48418" s="1" t="s">
        <v>163234</v>
      </c>
      <c r="C48418" s="1" t="s">
        <v>35</v>
      </c>
      <c r="D48418" s="1" t="s">
        <v>164132</v>
      </c>
      <c r="E48418" s="1" t="s">
        <v>164133</v>
      </c>
      <c r="F48418" s="1" t="s">
        <v>164134</v>
      </c>
      <c r="G48418" s="1" t="s">
        <v>164115</v>
      </c>
      <c r="H48418" s="1" t="s">
        <v>164116</v>
      </c>
      <c r="I48418" s="1" t="s">
        <v>163240</v>
      </c>
      <c r="J48418" s="1" t="s">
        <v>164135</v>
      </c>
    </row>
    <row r="48419" spans="1:10" x14ac:dyDescent="0.35">
      <c r="A48419" s="1" t="s">
        <v>29301</v>
      </c>
      <c r="B48419" s="1" t="s">
        <v>163234</v>
      </c>
      <c r="C48419" s="1" t="s">
        <v>40</v>
      </c>
      <c r="D48419" s="1" t="s">
        <v>63389</v>
      </c>
      <c r="E48419" s="1" t="s">
        <v>164136</v>
      </c>
      <c r="F48419" s="1" t="s">
        <v>164137</v>
      </c>
      <c r="G48419" s="1" t="s">
        <v>164115</v>
      </c>
      <c r="H48419" s="1" t="s">
        <v>164116</v>
      </c>
      <c r="I48419" s="1" t="s">
        <v>163240</v>
      </c>
      <c r="J48419" s="1" t="s">
        <v>164138</v>
      </c>
    </row>
    <row r="48420" spans="1:10" x14ac:dyDescent="0.35">
      <c r="A48420" s="1" t="s">
        <v>29301</v>
      </c>
      <c r="B48420" s="1" t="s">
        <v>163234</v>
      </c>
      <c r="C48420" s="1" t="s">
        <v>45</v>
      </c>
      <c r="D48420" s="1" t="s">
        <v>84838</v>
      </c>
      <c r="E48420" s="1" t="s">
        <v>164139</v>
      </c>
      <c r="F48420" s="1" t="s">
        <v>164140</v>
      </c>
      <c r="G48420" s="1" t="s">
        <v>164115</v>
      </c>
      <c r="H48420" s="1" t="s">
        <v>164116</v>
      </c>
      <c r="I48420" s="1" t="s">
        <v>163240</v>
      </c>
      <c r="J48420" s="1" t="s">
        <v>164141</v>
      </c>
    </row>
    <row r="48421" spans="1:10" x14ac:dyDescent="0.35">
      <c r="A48421" s="1" t="s">
        <v>29301</v>
      </c>
      <c r="B48421" s="1" t="s">
        <v>163234</v>
      </c>
      <c r="C48421" s="1" t="s">
        <v>50</v>
      </c>
      <c r="D48421" s="1" t="s">
        <v>69005</v>
      </c>
      <c r="E48421" s="1" t="s">
        <v>164142</v>
      </c>
      <c r="F48421" s="1" t="s">
        <v>164143</v>
      </c>
      <c r="G48421" s="1" t="s">
        <v>164115</v>
      </c>
      <c r="H48421" s="1" t="s">
        <v>164116</v>
      </c>
      <c r="I48421" s="1" t="s">
        <v>163240</v>
      </c>
      <c r="J48421" s="1" t="s">
        <v>164144</v>
      </c>
    </row>
    <row r="48422" spans="1:10" x14ac:dyDescent="0.35">
      <c r="A48422" s="1" t="s">
        <v>29301</v>
      </c>
      <c r="B48422" s="1" t="s">
        <v>163234</v>
      </c>
      <c r="C48422" s="1" t="s">
        <v>55</v>
      </c>
      <c r="D48422" s="1" t="s">
        <v>152880</v>
      </c>
      <c r="E48422" s="1" t="s">
        <v>164145</v>
      </c>
      <c r="F48422" s="1" t="s">
        <v>164146</v>
      </c>
      <c r="G48422" s="1" t="s">
        <v>164115</v>
      </c>
      <c r="H48422" s="1" t="s">
        <v>164116</v>
      </c>
      <c r="I48422" s="1" t="s">
        <v>163240</v>
      </c>
      <c r="J48422" s="1" t="s">
        <v>164147</v>
      </c>
    </row>
    <row r="48423" spans="1:10" x14ac:dyDescent="0.35">
      <c r="A48423" s="1" t="s">
        <v>29301</v>
      </c>
      <c r="B48423" s="1" t="s">
        <v>163234</v>
      </c>
      <c r="C48423" s="1" t="s">
        <v>60</v>
      </c>
      <c r="D48423" s="1" t="s">
        <v>164148</v>
      </c>
      <c r="E48423" s="1" t="s">
        <v>164149</v>
      </c>
      <c r="F48423" s="1" t="s">
        <v>164150</v>
      </c>
      <c r="G48423" s="1" t="s">
        <v>164115</v>
      </c>
      <c r="H48423" s="1" t="s">
        <v>164116</v>
      </c>
      <c r="I48423" s="1" t="s">
        <v>163240</v>
      </c>
      <c r="J48423" s="1" t="s">
        <v>164151</v>
      </c>
    </row>
    <row r="48424" spans="1:10" x14ac:dyDescent="0.35">
      <c r="A48424" s="1" t="s">
        <v>29301</v>
      </c>
      <c r="B48424" s="1" t="s">
        <v>163234</v>
      </c>
      <c r="C48424" s="1" t="s">
        <v>65</v>
      </c>
      <c r="D48424" s="1" t="s">
        <v>164152</v>
      </c>
      <c r="E48424" s="1" t="s">
        <v>164153</v>
      </c>
      <c r="F48424" s="1" t="s">
        <v>164154</v>
      </c>
      <c r="G48424" s="1" t="s">
        <v>164115</v>
      </c>
      <c r="H48424" s="1" t="s">
        <v>164116</v>
      </c>
      <c r="I48424" s="1" t="s">
        <v>163240</v>
      </c>
      <c r="J48424" s="1" t="s">
        <v>164155</v>
      </c>
    </row>
    <row r="48425" spans="1:10" x14ac:dyDescent="0.35">
      <c r="A48425" s="1" t="s">
        <v>29301</v>
      </c>
      <c r="B48425" s="1" t="s">
        <v>163234</v>
      </c>
      <c r="C48425" s="1" t="s">
        <v>70</v>
      </c>
      <c r="D48425" s="1" t="s">
        <v>164156</v>
      </c>
      <c r="E48425" s="1" t="s">
        <v>164157</v>
      </c>
      <c r="F48425" s="1" t="s">
        <v>164158</v>
      </c>
      <c r="G48425" s="1" t="s">
        <v>164115</v>
      </c>
      <c r="H48425" s="1" t="s">
        <v>164116</v>
      </c>
      <c r="I48425" s="1" t="s">
        <v>163240</v>
      </c>
      <c r="J48425" s="1" t="s">
        <v>164159</v>
      </c>
    </row>
    <row r="48426" spans="1:10" x14ac:dyDescent="0.35">
      <c r="A48426" s="1" t="s">
        <v>29301</v>
      </c>
      <c r="B48426" s="1" t="s">
        <v>163234</v>
      </c>
      <c r="C48426" s="1" t="s">
        <v>75</v>
      </c>
      <c r="D48426" s="1" t="s">
        <v>164160</v>
      </c>
      <c r="E48426" s="1" t="s">
        <v>164161</v>
      </c>
      <c r="F48426" s="1" t="s">
        <v>164162</v>
      </c>
      <c r="G48426" s="1" t="s">
        <v>164115</v>
      </c>
      <c r="H48426" s="1" t="s">
        <v>164116</v>
      </c>
      <c r="I48426" s="1" t="s">
        <v>163240</v>
      </c>
      <c r="J48426" s="1" t="s">
        <v>164163</v>
      </c>
    </row>
    <row r="48427" spans="1:10" x14ac:dyDescent="0.35">
      <c r="A48427" s="1" t="s">
        <v>29301</v>
      </c>
      <c r="B48427" s="1" t="s">
        <v>163234</v>
      </c>
      <c r="C48427" s="1" t="s">
        <v>80</v>
      </c>
      <c r="D48427" s="1" t="s">
        <v>164164</v>
      </c>
      <c r="E48427" s="1" t="s">
        <v>164165</v>
      </c>
      <c r="F48427" s="1" t="s">
        <v>164166</v>
      </c>
      <c r="G48427" s="1" t="s">
        <v>164115</v>
      </c>
      <c r="H48427" s="1" t="s">
        <v>164116</v>
      </c>
      <c r="I48427" s="1" t="s">
        <v>163240</v>
      </c>
      <c r="J48427" s="1" t="s">
        <v>164167</v>
      </c>
    </row>
    <row r="48428" spans="1:10" x14ac:dyDescent="0.35">
      <c r="A48428" s="1" t="s">
        <v>29301</v>
      </c>
      <c r="B48428" s="1" t="s">
        <v>163234</v>
      </c>
      <c r="C48428" s="1" t="s">
        <v>85</v>
      </c>
      <c r="D48428" s="1" t="s">
        <v>164168</v>
      </c>
      <c r="E48428" s="1" t="s">
        <v>164169</v>
      </c>
      <c r="F48428" s="1" t="s">
        <v>164170</v>
      </c>
      <c r="G48428" s="1" t="s">
        <v>164115</v>
      </c>
      <c r="H48428" s="1" t="s">
        <v>164116</v>
      </c>
      <c r="I48428" s="1" t="s">
        <v>163240</v>
      </c>
      <c r="J48428" s="1" t="s">
        <v>164171</v>
      </c>
    </row>
    <row r="48429" spans="1:10" x14ac:dyDescent="0.35">
      <c r="A48429" s="1" t="s">
        <v>29301</v>
      </c>
      <c r="B48429" s="1" t="s">
        <v>163234</v>
      </c>
      <c r="C48429" s="1" t="s">
        <v>90</v>
      </c>
      <c r="D48429" s="1" t="s">
        <v>164172</v>
      </c>
      <c r="E48429" s="1" t="s">
        <v>164173</v>
      </c>
      <c r="F48429" s="1" t="s">
        <v>164174</v>
      </c>
      <c r="G48429" s="1" t="s">
        <v>164115</v>
      </c>
      <c r="H48429" s="1" t="s">
        <v>164116</v>
      </c>
      <c r="I48429" s="1" t="s">
        <v>163240</v>
      </c>
      <c r="J48429" s="1" t="s">
        <v>164175</v>
      </c>
    </row>
    <row r="48430" spans="1:10" x14ac:dyDescent="0.35">
      <c r="A48430" s="1" t="s">
        <v>29301</v>
      </c>
      <c r="B48430" s="1" t="s">
        <v>163234</v>
      </c>
      <c r="C48430" s="1" t="s">
        <v>95</v>
      </c>
      <c r="D48430" s="1" t="s">
        <v>141339</v>
      </c>
      <c r="E48430" s="1" t="s">
        <v>164176</v>
      </c>
      <c r="F48430" s="1" t="s">
        <v>164177</v>
      </c>
      <c r="G48430" s="1" t="s">
        <v>164115</v>
      </c>
      <c r="H48430" s="1" t="s">
        <v>164116</v>
      </c>
      <c r="I48430" s="1" t="s">
        <v>163240</v>
      </c>
      <c r="J48430" s="1" t="s">
        <v>164178</v>
      </c>
    </row>
    <row r="48431" spans="1:10" x14ac:dyDescent="0.35">
      <c r="A48431" s="1" t="s">
        <v>29301</v>
      </c>
      <c r="B48431" s="1" t="s">
        <v>163234</v>
      </c>
      <c r="C48431" s="1" t="s">
        <v>100</v>
      </c>
      <c r="D48431" s="1" t="s">
        <v>164179</v>
      </c>
      <c r="E48431" s="1" t="s">
        <v>164180</v>
      </c>
      <c r="F48431" s="1" t="s">
        <v>164181</v>
      </c>
      <c r="G48431" s="1" t="s">
        <v>164115</v>
      </c>
      <c r="H48431" s="1" t="s">
        <v>164116</v>
      </c>
      <c r="I48431" s="1" t="s">
        <v>163240</v>
      </c>
      <c r="J48431" s="1" t="s">
        <v>164182</v>
      </c>
    </row>
    <row r="48432" spans="1:10" x14ac:dyDescent="0.35">
      <c r="A48432" s="1" t="s">
        <v>29301</v>
      </c>
      <c r="B48432" s="1" t="s">
        <v>163234</v>
      </c>
      <c r="C48432" s="1" t="s">
        <v>105</v>
      </c>
      <c r="D48432" s="1" t="s">
        <v>164183</v>
      </c>
      <c r="E48432" s="1" t="s">
        <v>164184</v>
      </c>
      <c r="F48432" s="1" t="s">
        <v>164185</v>
      </c>
      <c r="G48432" s="1" t="s">
        <v>164115</v>
      </c>
      <c r="H48432" s="1" t="s">
        <v>164116</v>
      </c>
      <c r="I48432" s="1" t="s">
        <v>163240</v>
      </c>
      <c r="J48432" s="1" t="s">
        <v>164186</v>
      </c>
    </row>
    <row r="48433" spans="1:10" x14ac:dyDescent="0.35">
      <c r="A48433" s="1" t="s">
        <v>29301</v>
      </c>
      <c r="B48433" s="1" t="s">
        <v>163234</v>
      </c>
      <c r="C48433" s="1" t="s">
        <v>110</v>
      </c>
      <c r="D48433" s="1" t="s">
        <v>164187</v>
      </c>
      <c r="E48433" s="1" t="s">
        <v>164188</v>
      </c>
      <c r="F48433" s="1" t="s">
        <v>164189</v>
      </c>
      <c r="G48433" s="1" t="s">
        <v>164115</v>
      </c>
      <c r="H48433" s="1" t="s">
        <v>164116</v>
      </c>
      <c r="I48433" s="1" t="s">
        <v>163240</v>
      </c>
      <c r="J48433" s="1" t="s">
        <v>164190</v>
      </c>
    </row>
    <row r="48434" spans="1:10" x14ac:dyDescent="0.35">
      <c r="A48434" s="1" t="s">
        <v>29301</v>
      </c>
      <c r="B48434" s="1" t="s">
        <v>163234</v>
      </c>
      <c r="C48434" s="1" t="s">
        <v>115</v>
      </c>
      <c r="D48434" s="1" t="s">
        <v>61211</v>
      </c>
      <c r="E48434" s="1" t="s">
        <v>164191</v>
      </c>
      <c r="F48434" s="1" t="s">
        <v>164192</v>
      </c>
      <c r="G48434" s="1" t="s">
        <v>164115</v>
      </c>
      <c r="H48434" s="1" t="s">
        <v>164116</v>
      </c>
      <c r="I48434" s="1" t="s">
        <v>163240</v>
      </c>
      <c r="J48434" s="1" t="s">
        <v>164193</v>
      </c>
    </row>
    <row r="48435" spans="1:10" x14ac:dyDescent="0.35">
      <c r="A48435" s="1" t="s">
        <v>29301</v>
      </c>
      <c r="B48435" s="1" t="s">
        <v>163234</v>
      </c>
      <c r="C48435" s="1" t="s">
        <v>120</v>
      </c>
      <c r="D48435" s="1" t="s">
        <v>164194</v>
      </c>
      <c r="E48435" s="1" t="s">
        <v>164195</v>
      </c>
      <c r="F48435" s="1" t="s">
        <v>164196</v>
      </c>
      <c r="G48435" s="1" t="s">
        <v>164115</v>
      </c>
      <c r="H48435" s="1" t="s">
        <v>164116</v>
      </c>
      <c r="I48435" s="1" t="s">
        <v>163240</v>
      </c>
      <c r="J48435" s="1" t="s">
        <v>164197</v>
      </c>
    </row>
    <row r="48436" spans="1:10" x14ac:dyDescent="0.35">
      <c r="A48436" s="1" t="s">
        <v>29301</v>
      </c>
      <c r="B48436" s="1" t="s">
        <v>163234</v>
      </c>
      <c r="C48436" s="1" t="s">
        <v>125</v>
      </c>
      <c r="D48436" s="1" t="s">
        <v>76504</v>
      </c>
      <c r="E48436" s="1" t="s">
        <v>164198</v>
      </c>
      <c r="F48436" s="1" t="s">
        <v>164199</v>
      </c>
      <c r="G48436" s="1" t="s">
        <v>164115</v>
      </c>
      <c r="H48436" s="1" t="s">
        <v>164116</v>
      </c>
      <c r="I48436" s="1" t="s">
        <v>163240</v>
      </c>
      <c r="J48436" s="1" t="s">
        <v>164200</v>
      </c>
    </row>
    <row r="48437" spans="1:10" x14ac:dyDescent="0.35">
      <c r="A48437" s="1" t="s">
        <v>29301</v>
      </c>
      <c r="B48437" s="1" t="s">
        <v>163234</v>
      </c>
      <c r="C48437" s="1" t="s">
        <v>130</v>
      </c>
      <c r="D48437" s="1" t="s">
        <v>164201</v>
      </c>
      <c r="E48437" s="1" t="s">
        <v>164202</v>
      </c>
      <c r="F48437" s="1" t="s">
        <v>164203</v>
      </c>
      <c r="G48437" s="1" t="s">
        <v>164115</v>
      </c>
      <c r="H48437" s="1" t="s">
        <v>164116</v>
      </c>
      <c r="I48437" s="1" t="s">
        <v>163240</v>
      </c>
      <c r="J48437" s="1" t="s">
        <v>164204</v>
      </c>
    </row>
    <row r="48438" spans="1:10" x14ac:dyDescent="0.35">
      <c r="A48438" s="1" t="s">
        <v>29301</v>
      </c>
      <c r="B48438" s="1" t="s">
        <v>163234</v>
      </c>
      <c r="C48438" s="1" t="s">
        <v>135</v>
      </c>
      <c r="D48438" s="1" t="s">
        <v>40027</v>
      </c>
      <c r="E48438" s="1" t="s">
        <v>164205</v>
      </c>
      <c r="F48438" s="1" t="s">
        <v>164206</v>
      </c>
      <c r="G48438" s="1" t="s">
        <v>164115</v>
      </c>
      <c r="H48438" s="1" t="s">
        <v>164116</v>
      </c>
      <c r="I48438" s="1" t="s">
        <v>163240</v>
      </c>
      <c r="J48438" s="1" t="s">
        <v>164207</v>
      </c>
    </row>
    <row r="48439" spans="1:10" x14ac:dyDescent="0.35">
      <c r="A48439" s="1" t="s">
        <v>29301</v>
      </c>
      <c r="B48439" s="1" t="s">
        <v>163234</v>
      </c>
      <c r="C48439" s="1" t="s">
        <v>140</v>
      </c>
      <c r="D48439" s="1" t="s">
        <v>41542</v>
      </c>
      <c r="E48439" s="1" t="s">
        <v>164208</v>
      </c>
      <c r="F48439" s="1" t="s">
        <v>164209</v>
      </c>
      <c r="G48439" s="1" t="s">
        <v>164115</v>
      </c>
      <c r="H48439" s="1" t="s">
        <v>164116</v>
      </c>
      <c r="I48439" s="1" t="s">
        <v>163240</v>
      </c>
      <c r="J48439" s="1" t="s">
        <v>164210</v>
      </c>
    </row>
    <row r="48440" spans="1:10" x14ac:dyDescent="0.35">
      <c r="A48440" s="1" t="s">
        <v>29301</v>
      </c>
      <c r="B48440" s="1" t="s">
        <v>163234</v>
      </c>
      <c r="C48440" s="1" t="s">
        <v>145</v>
      </c>
      <c r="D48440" s="1" t="s">
        <v>83975</v>
      </c>
      <c r="E48440" s="1" t="s">
        <v>164211</v>
      </c>
      <c r="F48440" s="1" t="s">
        <v>164212</v>
      </c>
      <c r="G48440" s="1" t="s">
        <v>164115</v>
      </c>
      <c r="H48440" s="1" t="s">
        <v>164116</v>
      </c>
      <c r="I48440" s="1" t="s">
        <v>163240</v>
      </c>
      <c r="J48440" s="1" t="s">
        <v>164213</v>
      </c>
    </row>
    <row r="48441" spans="1:10" x14ac:dyDescent="0.35">
      <c r="A48441" s="1" t="s">
        <v>29301</v>
      </c>
      <c r="B48441" s="1" t="s">
        <v>163234</v>
      </c>
      <c r="C48441" s="1" t="s">
        <v>150</v>
      </c>
      <c r="D48441" s="1" t="s">
        <v>164214</v>
      </c>
      <c r="E48441" s="1" t="s">
        <v>164215</v>
      </c>
      <c r="F48441" s="1" t="s">
        <v>164216</v>
      </c>
      <c r="G48441" s="1" t="s">
        <v>164115</v>
      </c>
      <c r="H48441" s="1" t="s">
        <v>164116</v>
      </c>
      <c r="I48441" s="1" t="s">
        <v>163240</v>
      </c>
      <c r="J48441" s="1" t="s">
        <v>164217</v>
      </c>
    </row>
    <row r="48442" spans="1:10" x14ac:dyDescent="0.35">
      <c r="A48442" s="1" t="s">
        <v>29301</v>
      </c>
      <c r="B48442" s="1" t="s">
        <v>163234</v>
      </c>
      <c r="C48442" s="1" t="s">
        <v>155</v>
      </c>
      <c r="D48442" s="1" t="s">
        <v>164218</v>
      </c>
      <c r="E48442" s="1" t="s">
        <v>164219</v>
      </c>
      <c r="F48442" s="1" t="s">
        <v>164220</v>
      </c>
      <c r="G48442" s="1" t="s">
        <v>164115</v>
      </c>
      <c r="H48442" s="1" t="s">
        <v>164116</v>
      </c>
      <c r="I48442" s="1" t="s">
        <v>163240</v>
      </c>
      <c r="J48442" s="1" t="s">
        <v>164221</v>
      </c>
    </row>
    <row r="48443" spans="1:10" x14ac:dyDescent="0.35">
      <c r="A48443" s="1" t="s">
        <v>29301</v>
      </c>
      <c r="B48443" s="1" t="s">
        <v>163234</v>
      </c>
      <c r="C48443" s="1" t="s">
        <v>160</v>
      </c>
      <c r="D48443" s="1" t="s">
        <v>164222</v>
      </c>
      <c r="E48443" s="1" t="s">
        <v>164223</v>
      </c>
      <c r="F48443" s="1" t="s">
        <v>164224</v>
      </c>
      <c r="G48443" s="1" t="s">
        <v>164115</v>
      </c>
      <c r="H48443" s="1" t="s">
        <v>164116</v>
      </c>
      <c r="I48443" s="1" t="s">
        <v>163240</v>
      </c>
      <c r="J48443" s="1" t="s">
        <v>164225</v>
      </c>
    </row>
    <row r="48444" spans="1:10" x14ac:dyDescent="0.35">
      <c r="A48444" s="1" t="s">
        <v>29301</v>
      </c>
      <c r="B48444" s="1" t="s">
        <v>163234</v>
      </c>
      <c r="C48444" s="1" t="s">
        <v>165</v>
      </c>
      <c r="D48444" s="1" t="s">
        <v>164226</v>
      </c>
      <c r="E48444" s="1" t="s">
        <v>164227</v>
      </c>
      <c r="F48444" s="1" t="s">
        <v>164228</v>
      </c>
      <c r="G48444" s="1" t="s">
        <v>164115</v>
      </c>
      <c r="H48444" s="1" t="s">
        <v>164116</v>
      </c>
      <c r="I48444" s="1" t="s">
        <v>163240</v>
      </c>
      <c r="J48444" s="1" t="s">
        <v>164229</v>
      </c>
    </row>
    <row r="48445" spans="1:10" x14ac:dyDescent="0.35">
      <c r="A48445" s="1" t="s">
        <v>29301</v>
      </c>
      <c r="B48445" s="1" t="s">
        <v>163234</v>
      </c>
      <c r="C48445" s="1" t="s">
        <v>170</v>
      </c>
      <c r="D48445" s="1" t="s">
        <v>164230</v>
      </c>
      <c r="E48445" s="1" t="s">
        <v>164231</v>
      </c>
      <c r="F48445" s="1" t="s">
        <v>164232</v>
      </c>
      <c r="G48445" s="1" t="s">
        <v>164115</v>
      </c>
      <c r="H48445" s="1" t="s">
        <v>164116</v>
      </c>
      <c r="I48445" s="1" t="s">
        <v>163240</v>
      </c>
      <c r="J48445" s="1" t="s">
        <v>164233</v>
      </c>
    </row>
    <row r="48446" spans="1:10" x14ac:dyDescent="0.35">
      <c r="A48446" s="1" t="s">
        <v>3949</v>
      </c>
      <c r="B48446" s="1" t="s">
        <v>163234</v>
      </c>
      <c r="C48446" s="1" t="s">
        <v>8</v>
      </c>
      <c r="D48446" s="1" t="s">
        <v>164234</v>
      </c>
      <c r="E48446" s="1" t="s">
        <v>164235</v>
      </c>
      <c r="F48446" s="1" t="s">
        <v>164236</v>
      </c>
      <c r="G48446" s="1" t="s">
        <v>164237</v>
      </c>
      <c r="H48446" s="1" t="s">
        <v>164238</v>
      </c>
      <c r="I48446" s="1" t="s">
        <v>163240</v>
      </c>
      <c r="J48446" s="1" t="s">
        <v>13</v>
      </c>
    </row>
    <row r="48447" spans="1:10" x14ac:dyDescent="0.35">
      <c r="A48447" s="1" t="s">
        <v>3949</v>
      </c>
      <c r="B48447" s="1" t="s">
        <v>163234</v>
      </c>
      <c r="C48447" s="1" t="s">
        <v>15</v>
      </c>
      <c r="D48447" s="1" t="s">
        <v>147815</v>
      </c>
      <c r="E48447" s="1" t="s">
        <v>164239</v>
      </c>
      <c r="F48447" s="1" t="s">
        <v>164240</v>
      </c>
      <c r="G48447" s="1" t="s">
        <v>164237</v>
      </c>
      <c r="H48447" s="1" t="s">
        <v>164238</v>
      </c>
      <c r="I48447" s="1" t="s">
        <v>163240</v>
      </c>
      <c r="J48447" s="1" t="s">
        <v>164241</v>
      </c>
    </row>
    <row r="48448" spans="1:10" x14ac:dyDescent="0.35">
      <c r="A48448" s="1" t="s">
        <v>3949</v>
      </c>
      <c r="B48448" s="1" t="s">
        <v>163234</v>
      </c>
      <c r="C48448" s="1" t="s">
        <v>20</v>
      </c>
      <c r="D48448" s="1" t="s">
        <v>79886</v>
      </c>
      <c r="E48448" s="1" t="s">
        <v>164242</v>
      </c>
      <c r="F48448" s="1" t="s">
        <v>164243</v>
      </c>
      <c r="G48448" s="1" t="s">
        <v>164237</v>
      </c>
      <c r="H48448" s="1" t="s">
        <v>164238</v>
      </c>
      <c r="I48448" s="1" t="s">
        <v>163240</v>
      </c>
      <c r="J48448" s="1" t="s">
        <v>164244</v>
      </c>
    </row>
    <row r="48449" spans="1:10" x14ac:dyDescent="0.35">
      <c r="A48449" s="1" t="s">
        <v>3949</v>
      </c>
      <c r="B48449" s="1" t="s">
        <v>163234</v>
      </c>
      <c r="C48449" s="1" t="s">
        <v>25</v>
      </c>
      <c r="D48449" s="1" t="s">
        <v>164245</v>
      </c>
      <c r="E48449" s="1" t="s">
        <v>164246</v>
      </c>
      <c r="F48449" s="1" t="s">
        <v>164247</v>
      </c>
      <c r="G48449" s="1" t="s">
        <v>164237</v>
      </c>
      <c r="H48449" s="1" t="s">
        <v>164238</v>
      </c>
      <c r="I48449" s="1" t="s">
        <v>163240</v>
      </c>
      <c r="J48449" s="1" t="s">
        <v>164248</v>
      </c>
    </row>
    <row r="48450" spans="1:10" x14ac:dyDescent="0.35">
      <c r="A48450" s="1" t="s">
        <v>3949</v>
      </c>
      <c r="B48450" s="1" t="s">
        <v>163234</v>
      </c>
      <c r="C48450" s="1" t="s">
        <v>30</v>
      </c>
      <c r="D48450" s="1" t="s">
        <v>60508</v>
      </c>
      <c r="E48450" s="1" t="s">
        <v>164249</v>
      </c>
      <c r="F48450" s="1" t="s">
        <v>164250</v>
      </c>
      <c r="G48450" s="1" t="s">
        <v>164237</v>
      </c>
      <c r="H48450" s="1" t="s">
        <v>164238</v>
      </c>
      <c r="I48450" s="1" t="s">
        <v>163240</v>
      </c>
      <c r="J48450" s="1" t="s">
        <v>164251</v>
      </c>
    </row>
    <row r="48451" spans="1:10" x14ac:dyDescent="0.35">
      <c r="A48451" s="1" t="s">
        <v>3949</v>
      </c>
      <c r="B48451" s="1" t="s">
        <v>163234</v>
      </c>
      <c r="C48451" s="1" t="s">
        <v>35</v>
      </c>
      <c r="D48451" s="1" t="s">
        <v>164252</v>
      </c>
      <c r="E48451" s="1" t="s">
        <v>164253</v>
      </c>
      <c r="F48451" s="1" t="s">
        <v>164254</v>
      </c>
      <c r="G48451" s="1" t="s">
        <v>164237</v>
      </c>
      <c r="H48451" s="1" t="s">
        <v>164238</v>
      </c>
      <c r="I48451" s="1" t="s">
        <v>163240</v>
      </c>
      <c r="J48451" s="1" t="s">
        <v>164255</v>
      </c>
    </row>
    <row r="48452" spans="1:10" x14ac:dyDescent="0.35">
      <c r="A48452" s="1" t="s">
        <v>3949</v>
      </c>
      <c r="B48452" s="1" t="s">
        <v>163234</v>
      </c>
      <c r="C48452" s="1" t="s">
        <v>40</v>
      </c>
      <c r="D48452" s="1" t="s">
        <v>135935</v>
      </c>
      <c r="E48452" s="1" t="s">
        <v>164256</v>
      </c>
      <c r="F48452" s="1" t="s">
        <v>164257</v>
      </c>
      <c r="G48452" s="1" t="s">
        <v>164237</v>
      </c>
      <c r="H48452" s="1" t="s">
        <v>164238</v>
      </c>
      <c r="I48452" s="1" t="s">
        <v>163240</v>
      </c>
      <c r="J48452" s="1" t="s">
        <v>164258</v>
      </c>
    </row>
    <row r="48453" spans="1:10" x14ac:dyDescent="0.35">
      <c r="A48453" s="1" t="s">
        <v>3949</v>
      </c>
      <c r="B48453" s="1" t="s">
        <v>163234</v>
      </c>
      <c r="C48453" s="1" t="s">
        <v>45</v>
      </c>
      <c r="D48453" s="1" t="s">
        <v>479</v>
      </c>
      <c r="E48453" s="1" t="s">
        <v>164259</v>
      </c>
      <c r="F48453" s="1" t="s">
        <v>164260</v>
      </c>
      <c r="G48453" s="1" t="s">
        <v>164237</v>
      </c>
      <c r="H48453" s="1" t="s">
        <v>164238</v>
      </c>
      <c r="I48453" s="1" t="s">
        <v>163240</v>
      </c>
      <c r="J48453" s="1" t="s">
        <v>164261</v>
      </c>
    </row>
    <row r="48454" spans="1:10" x14ac:dyDescent="0.35">
      <c r="A48454" s="1" t="s">
        <v>3949</v>
      </c>
      <c r="B48454" s="1" t="s">
        <v>163234</v>
      </c>
      <c r="C48454" s="1" t="s">
        <v>50</v>
      </c>
      <c r="D48454" s="1" t="s">
        <v>41550</v>
      </c>
      <c r="E48454" s="1" t="s">
        <v>164262</v>
      </c>
      <c r="F48454" s="1" t="s">
        <v>164263</v>
      </c>
      <c r="G48454" s="1" t="s">
        <v>164237</v>
      </c>
      <c r="H48454" s="1" t="s">
        <v>164238</v>
      </c>
      <c r="I48454" s="1" t="s">
        <v>163240</v>
      </c>
      <c r="J48454" s="1" t="s">
        <v>164264</v>
      </c>
    </row>
    <row r="48455" spans="1:10" x14ac:dyDescent="0.35">
      <c r="A48455" s="1" t="s">
        <v>3949</v>
      </c>
      <c r="B48455" s="1" t="s">
        <v>163234</v>
      </c>
      <c r="C48455" s="1" t="s">
        <v>55</v>
      </c>
      <c r="D48455" s="1" t="s">
        <v>164265</v>
      </c>
      <c r="E48455" s="1" t="s">
        <v>164266</v>
      </c>
      <c r="F48455" s="1" t="s">
        <v>164267</v>
      </c>
      <c r="G48455" s="1" t="s">
        <v>164237</v>
      </c>
      <c r="H48455" s="1" t="s">
        <v>164238</v>
      </c>
      <c r="I48455" s="1" t="s">
        <v>163240</v>
      </c>
      <c r="J48455" s="1" t="s">
        <v>164268</v>
      </c>
    </row>
    <row r="48456" spans="1:10" x14ac:dyDescent="0.35">
      <c r="A48456" s="1" t="s">
        <v>3949</v>
      </c>
      <c r="B48456" s="1" t="s">
        <v>163234</v>
      </c>
      <c r="C48456" s="1" t="s">
        <v>60</v>
      </c>
      <c r="D48456" s="1" t="s">
        <v>164269</v>
      </c>
      <c r="E48456" s="1" t="s">
        <v>164270</v>
      </c>
      <c r="F48456" s="1" t="s">
        <v>164271</v>
      </c>
      <c r="G48456" s="1" t="s">
        <v>164237</v>
      </c>
      <c r="H48456" s="1" t="s">
        <v>164238</v>
      </c>
      <c r="I48456" s="1" t="s">
        <v>163240</v>
      </c>
      <c r="J48456" s="1" t="s">
        <v>164272</v>
      </c>
    </row>
    <row r="48457" spans="1:10" x14ac:dyDescent="0.35">
      <c r="A48457" s="1" t="s">
        <v>3949</v>
      </c>
      <c r="B48457" s="1" t="s">
        <v>163234</v>
      </c>
      <c r="C48457" s="1" t="s">
        <v>65</v>
      </c>
      <c r="D48457" s="1" t="s">
        <v>99484</v>
      </c>
      <c r="E48457" s="1" t="s">
        <v>164273</v>
      </c>
      <c r="F48457" s="1" t="s">
        <v>164274</v>
      </c>
      <c r="G48457" s="1" t="s">
        <v>164237</v>
      </c>
      <c r="H48457" s="1" t="s">
        <v>164238</v>
      </c>
      <c r="I48457" s="1" t="s">
        <v>163240</v>
      </c>
      <c r="J48457" s="1" t="s">
        <v>164275</v>
      </c>
    </row>
    <row r="48458" spans="1:10" x14ac:dyDescent="0.35">
      <c r="A48458" s="1" t="s">
        <v>3949</v>
      </c>
      <c r="B48458" s="1" t="s">
        <v>163234</v>
      </c>
      <c r="C48458" s="1" t="s">
        <v>70</v>
      </c>
      <c r="D48458" s="1" t="s">
        <v>164276</v>
      </c>
      <c r="E48458" s="1" t="s">
        <v>164277</v>
      </c>
      <c r="F48458" s="1" t="s">
        <v>164278</v>
      </c>
      <c r="G48458" s="1" t="s">
        <v>164237</v>
      </c>
      <c r="H48458" s="1" t="s">
        <v>164238</v>
      </c>
      <c r="I48458" s="1" t="s">
        <v>163240</v>
      </c>
      <c r="J48458" s="1" t="s">
        <v>164279</v>
      </c>
    </row>
    <row r="48459" spans="1:10" x14ac:dyDescent="0.35">
      <c r="A48459" s="1" t="s">
        <v>3949</v>
      </c>
      <c r="B48459" s="1" t="s">
        <v>163234</v>
      </c>
      <c r="C48459" s="1" t="s">
        <v>75</v>
      </c>
      <c r="D48459" s="1" t="s">
        <v>164280</v>
      </c>
      <c r="E48459" s="1" t="s">
        <v>164281</v>
      </c>
      <c r="F48459" s="1" t="s">
        <v>164282</v>
      </c>
      <c r="G48459" s="1" t="s">
        <v>164237</v>
      </c>
      <c r="H48459" s="1" t="s">
        <v>164238</v>
      </c>
      <c r="I48459" s="1" t="s">
        <v>163240</v>
      </c>
      <c r="J48459" s="1" t="s">
        <v>164283</v>
      </c>
    </row>
    <row r="48460" spans="1:10" x14ac:dyDescent="0.35">
      <c r="A48460" s="1" t="s">
        <v>3949</v>
      </c>
      <c r="B48460" s="1" t="s">
        <v>163234</v>
      </c>
      <c r="C48460" s="1" t="s">
        <v>80</v>
      </c>
      <c r="D48460" s="1" t="s">
        <v>164284</v>
      </c>
      <c r="E48460" s="1" t="s">
        <v>164285</v>
      </c>
      <c r="F48460" s="1" t="s">
        <v>164286</v>
      </c>
      <c r="G48460" s="1" t="s">
        <v>164237</v>
      </c>
      <c r="H48460" s="1" t="s">
        <v>164238</v>
      </c>
      <c r="I48460" s="1" t="s">
        <v>163240</v>
      </c>
      <c r="J48460" s="1" t="s">
        <v>164287</v>
      </c>
    </row>
    <row r="48461" spans="1:10" x14ac:dyDescent="0.35">
      <c r="A48461" s="1" t="s">
        <v>3949</v>
      </c>
      <c r="B48461" s="1" t="s">
        <v>163234</v>
      </c>
      <c r="C48461" s="1" t="s">
        <v>85</v>
      </c>
      <c r="D48461" s="1" t="s">
        <v>164288</v>
      </c>
      <c r="E48461" s="1" t="s">
        <v>164289</v>
      </c>
      <c r="F48461" s="1" t="s">
        <v>164290</v>
      </c>
      <c r="G48461" s="1" t="s">
        <v>164237</v>
      </c>
      <c r="H48461" s="1" t="s">
        <v>164238</v>
      </c>
      <c r="I48461" s="1" t="s">
        <v>163240</v>
      </c>
      <c r="J48461" s="1" t="s">
        <v>164291</v>
      </c>
    </row>
    <row r="48462" spans="1:10" x14ac:dyDescent="0.35">
      <c r="A48462" s="1" t="s">
        <v>3949</v>
      </c>
      <c r="B48462" s="1" t="s">
        <v>163234</v>
      </c>
      <c r="C48462" s="1" t="s">
        <v>90</v>
      </c>
      <c r="D48462" s="1" t="s">
        <v>164292</v>
      </c>
      <c r="E48462" s="1" t="s">
        <v>164293</v>
      </c>
      <c r="F48462" s="1" t="s">
        <v>164294</v>
      </c>
      <c r="G48462" s="1" t="s">
        <v>164237</v>
      </c>
      <c r="H48462" s="1" t="s">
        <v>164238</v>
      </c>
      <c r="I48462" s="1" t="s">
        <v>163240</v>
      </c>
      <c r="J48462" s="1" t="s">
        <v>164295</v>
      </c>
    </row>
    <row r="48463" spans="1:10" x14ac:dyDescent="0.35">
      <c r="A48463" s="1" t="s">
        <v>3949</v>
      </c>
      <c r="B48463" s="1" t="s">
        <v>163234</v>
      </c>
      <c r="C48463" s="1" t="s">
        <v>95</v>
      </c>
      <c r="D48463" s="1" t="s">
        <v>164296</v>
      </c>
      <c r="E48463" s="1" t="s">
        <v>164297</v>
      </c>
      <c r="F48463" s="1" t="s">
        <v>164298</v>
      </c>
      <c r="G48463" s="1" t="s">
        <v>164237</v>
      </c>
      <c r="H48463" s="1" t="s">
        <v>164238</v>
      </c>
      <c r="I48463" s="1" t="s">
        <v>163240</v>
      </c>
      <c r="J48463" s="1" t="s">
        <v>164299</v>
      </c>
    </row>
    <row r="48464" spans="1:10" x14ac:dyDescent="0.35">
      <c r="A48464" s="1" t="s">
        <v>3949</v>
      </c>
      <c r="B48464" s="1" t="s">
        <v>163234</v>
      </c>
      <c r="C48464" s="1" t="s">
        <v>100</v>
      </c>
      <c r="D48464" s="1" t="s">
        <v>18663</v>
      </c>
      <c r="E48464" s="1" t="s">
        <v>164300</v>
      </c>
      <c r="F48464" s="1" t="s">
        <v>164301</v>
      </c>
      <c r="G48464" s="1" t="s">
        <v>164237</v>
      </c>
      <c r="H48464" s="1" t="s">
        <v>164238</v>
      </c>
      <c r="I48464" s="1" t="s">
        <v>163240</v>
      </c>
      <c r="J48464" s="1" t="s">
        <v>164302</v>
      </c>
    </row>
    <row r="48465" spans="1:10" x14ac:dyDescent="0.35">
      <c r="A48465" s="1" t="s">
        <v>3949</v>
      </c>
      <c r="B48465" s="1" t="s">
        <v>163234</v>
      </c>
      <c r="C48465" s="1" t="s">
        <v>105</v>
      </c>
      <c r="D48465" s="1" t="s">
        <v>164303</v>
      </c>
      <c r="E48465" s="1" t="s">
        <v>164304</v>
      </c>
      <c r="F48465" s="1" t="s">
        <v>164305</v>
      </c>
      <c r="G48465" s="1" t="s">
        <v>164237</v>
      </c>
      <c r="H48465" s="1" t="s">
        <v>164238</v>
      </c>
      <c r="I48465" s="1" t="s">
        <v>163240</v>
      </c>
      <c r="J48465" s="1" t="s">
        <v>164306</v>
      </c>
    </row>
    <row r="48466" spans="1:10" x14ac:dyDescent="0.35">
      <c r="A48466" s="1" t="s">
        <v>3949</v>
      </c>
      <c r="B48466" s="1" t="s">
        <v>163234</v>
      </c>
      <c r="C48466" s="1" t="s">
        <v>110</v>
      </c>
      <c r="D48466" s="1" t="s">
        <v>40561</v>
      </c>
      <c r="E48466" s="1" t="s">
        <v>164307</v>
      </c>
      <c r="F48466" s="1" t="s">
        <v>164308</v>
      </c>
      <c r="G48466" s="1" t="s">
        <v>164237</v>
      </c>
      <c r="H48466" s="1" t="s">
        <v>164238</v>
      </c>
      <c r="I48466" s="1" t="s">
        <v>163240</v>
      </c>
      <c r="J48466" s="1" t="s">
        <v>164309</v>
      </c>
    </row>
    <row r="48467" spans="1:10" x14ac:dyDescent="0.35">
      <c r="A48467" s="1" t="s">
        <v>3949</v>
      </c>
      <c r="B48467" s="1" t="s">
        <v>163234</v>
      </c>
      <c r="C48467" s="1" t="s">
        <v>115</v>
      </c>
      <c r="D48467" s="1" t="s">
        <v>59092</v>
      </c>
      <c r="E48467" s="1" t="s">
        <v>164310</v>
      </c>
      <c r="F48467" s="1" t="s">
        <v>164311</v>
      </c>
      <c r="G48467" s="1" t="s">
        <v>164237</v>
      </c>
      <c r="H48467" s="1" t="s">
        <v>164238</v>
      </c>
      <c r="I48467" s="1" t="s">
        <v>163240</v>
      </c>
      <c r="J48467" s="1" t="s">
        <v>164312</v>
      </c>
    </row>
    <row r="48468" spans="1:10" x14ac:dyDescent="0.35">
      <c r="A48468" s="1" t="s">
        <v>3949</v>
      </c>
      <c r="B48468" s="1" t="s">
        <v>163234</v>
      </c>
      <c r="C48468" s="1" t="s">
        <v>120</v>
      </c>
      <c r="D48468" s="1" t="s">
        <v>41424</v>
      </c>
      <c r="E48468" s="1" t="s">
        <v>164313</v>
      </c>
      <c r="F48468" s="1" t="s">
        <v>164314</v>
      </c>
      <c r="G48468" s="1" t="s">
        <v>164237</v>
      </c>
      <c r="H48468" s="1" t="s">
        <v>164238</v>
      </c>
      <c r="I48468" s="1" t="s">
        <v>163240</v>
      </c>
      <c r="J48468" s="1" t="s">
        <v>164315</v>
      </c>
    </row>
    <row r="48469" spans="1:10" x14ac:dyDescent="0.35">
      <c r="A48469" s="1" t="s">
        <v>3949</v>
      </c>
      <c r="B48469" s="1" t="s">
        <v>163234</v>
      </c>
      <c r="C48469" s="1" t="s">
        <v>125</v>
      </c>
      <c r="D48469" s="1" t="s">
        <v>39920</v>
      </c>
      <c r="E48469" s="1" t="s">
        <v>164316</v>
      </c>
      <c r="F48469" s="1" t="s">
        <v>164317</v>
      </c>
      <c r="G48469" s="1" t="s">
        <v>164237</v>
      </c>
      <c r="H48469" s="1" t="s">
        <v>164238</v>
      </c>
      <c r="I48469" s="1" t="s">
        <v>163240</v>
      </c>
      <c r="J48469" s="1" t="s">
        <v>164318</v>
      </c>
    </row>
    <row r="48470" spans="1:10" x14ac:dyDescent="0.35">
      <c r="A48470" s="1" t="s">
        <v>3949</v>
      </c>
      <c r="B48470" s="1" t="s">
        <v>163234</v>
      </c>
      <c r="C48470" s="1" t="s">
        <v>130</v>
      </c>
      <c r="D48470" s="1" t="s">
        <v>164319</v>
      </c>
      <c r="E48470" s="1" t="s">
        <v>164320</v>
      </c>
      <c r="F48470" s="1" t="s">
        <v>164321</v>
      </c>
      <c r="G48470" s="1" t="s">
        <v>164237</v>
      </c>
      <c r="H48470" s="1" t="s">
        <v>164238</v>
      </c>
      <c r="I48470" s="1" t="s">
        <v>163240</v>
      </c>
      <c r="J48470" s="1" t="s">
        <v>164322</v>
      </c>
    </row>
    <row r="48471" spans="1:10" x14ac:dyDescent="0.35">
      <c r="A48471" s="1" t="s">
        <v>3949</v>
      </c>
      <c r="B48471" s="1" t="s">
        <v>163234</v>
      </c>
      <c r="C48471" s="1" t="s">
        <v>135</v>
      </c>
      <c r="D48471" s="1" t="s">
        <v>164323</v>
      </c>
      <c r="E48471" s="1" t="s">
        <v>164324</v>
      </c>
      <c r="F48471" s="1" t="s">
        <v>164325</v>
      </c>
      <c r="G48471" s="1" t="s">
        <v>164237</v>
      </c>
      <c r="H48471" s="1" t="s">
        <v>164238</v>
      </c>
      <c r="I48471" s="1" t="s">
        <v>163240</v>
      </c>
      <c r="J48471" s="1" t="s">
        <v>164326</v>
      </c>
    </row>
    <row r="48472" spans="1:10" x14ac:dyDescent="0.35">
      <c r="A48472" s="1" t="s">
        <v>3949</v>
      </c>
      <c r="B48472" s="1" t="s">
        <v>163234</v>
      </c>
      <c r="C48472" s="1" t="s">
        <v>140</v>
      </c>
      <c r="D48472" s="1" t="s">
        <v>127461</v>
      </c>
      <c r="E48472" s="1" t="s">
        <v>164327</v>
      </c>
      <c r="F48472" s="1" t="s">
        <v>164328</v>
      </c>
      <c r="G48472" s="1" t="s">
        <v>164237</v>
      </c>
      <c r="H48472" s="1" t="s">
        <v>164238</v>
      </c>
      <c r="I48472" s="1" t="s">
        <v>163240</v>
      </c>
      <c r="J48472" s="1" t="s">
        <v>164329</v>
      </c>
    </row>
    <row r="48473" spans="1:10" x14ac:dyDescent="0.35">
      <c r="A48473" s="1" t="s">
        <v>3949</v>
      </c>
      <c r="B48473" s="1" t="s">
        <v>163234</v>
      </c>
      <c r="C48473" s="1" t="s">
        <v>145</v>
      </c>
      <c r="D48473" s="1" t="s">
        <v>164330</v>
      </c>
      <c r="E48473" s="1" t="s">
        <v>164331</v>
      </c>
      <c r="F48473" s="1" t="s">
        <v>164332</v>
      </c>
      <c r="G48473" s="1" t="s">
        <v>164237</v>
      </c>
      <c r="H48473" s="1" t="s">
        <v>164238</v>
      </c>
      <c r="I48473" s="1" t="s">
        <v>163240</v>
      </c>
      <c r="J48473" s="1" t="s">
        <v>164333</v>
      </c>
    </row>
    <row r="48474" spans="1:10" x14ac:dyDescent="0.35">
      <c r="A48474" s="1" t="s">
        <v>3949</v>
      </c>
      <c r="B48474" s="1" t="s">
        <v>163234</v>
      </c>
      <c r="C48474" s="1" t="s">
        <v>150</v>
      </c>
      <c r="D48474" s="1" t="s">
        <v>164334</v>
      </c>
      <c r="E48474" s="1" t="s">
        <v>164335</v>
      </c>
      <c r="F48474" s="1" t="s">
        <v>164336</v>
      </c>
      <c r="G48474" s="1" t="s">
        <v>164237</v>
      </c>
      <c r="H48474" s="1" t="s">
        <v>164238</v>
      </c>
      <c r="I48474" s="1" t="s">
        <v>163240</v>
      </c>
      <c r="J48474" s="1" t="s">
        <v>164337</v>
      </c>
    </row>
    <row r="48475" spans="1:10" x14ac:dyDescent="0.35">
      <c r="A48475" s="1" t="s">
        <v>3949</v>
      </c>
      <c r="B48475" s="1" t="s">
        <v>163234</v>
      </c>
      <c r="C48475" s="1" t="s">
        <v>155</v>
      </c>
      <c r="D48475" s="1" t="s">
        <v>164338</v>
      </c>
      <c r="E48475" s="1" t="s">
        <v>164339</v>
      </c>
      <c r="F48475" s="1" t="s">
        <v>164340</v>
      </c>
      <c r="G48475" s="1" t="s">
        <v>164237</v>
      </c>
      <c r="H48475" s="1" t="s">
        <v>164238</v>
      </c>
      <c r="I48475" s="1" t="s">
        <v>163240</v>
      </c>
      <c r="J48475" s="1" t="s">
        <v>164341</v>
      </c>
    </row>
    <row r="48476" spans="1:10" x14ac:dyDescent="0.35">
      <c r="A48476" s="1" t="s">
        <v>3949</v>
      </c>
      <c r="B48476" s="1" t="s">
        <v>163234</v>
      </c>
      <c r="C48476" s="1" t="s">
        <v>160</v>
      </c>
      <c r="D48476" s="1" t="s">
        <v>164342</v>
      </c>
      <c r="E48476" s="1" t="s">
        <v>164343</v>
      </c>
      <c r="F48476" s="1" t="s">
        <v>164344</v>
      </c>
      <c r="G48476" s="1" t="s">
        <v>164237</v>
      </c>
      <c r="H48476" s="1" t="s">
        <v>164238</v>
      </c>
      <c r="I48476" s="1" t="s">
        <v>163240</v>
      </c>
      <c r="J48476" s="1" t="s">
        <v>164345</v>
      </c>
    </row>
    <row r="48477" spans="1:10" x14ac:dyDescent="0.35">
      <c r="A48477" s="1" t="s">
        <v>3949</v>
      </c>
      <c r="B48477" s="1" t="s">
        <v>163234</v>
      </c>
      <c r="C48477" s="1" t="s">
        <v>165</v>
      </c>
      <c r="D48477" s="1" t="s">
        <v>164346</v>
      </c>
      <c r="E48477" s="1" t="s">
        <v>164347</v>
      </c>
      <c r="F48477" s="1" t="s">
        <v>164348</v>
      </c>
      <c r="G48477" s="1" t="s">
        <v>164237</v>
      </c>
      <c r="H48477" s="1" t="s">
        <v>164238</v>
      </c>
      <c r="I48477" s="1" t="s">
        <v>163240</v>
      </c>
      <c r="J48477" s="1" t="s">
        <v>164349</v>
      </c>
    </row>
    <row r="48478" spans="1:10" x14ac:dyDescent="0.35">
      <c r="A48478" s="1" t="s">
        <v>3949</v>
      </c>
      <c r="B48478" s="1" t="s">
        <v>163234</v>
      </c>
      <c r="C48478" s="1" t="s">
        <v>170</v>
      </c>
      <c r="D48478" s="1" t="s">
        <v>164350</v>
      </c>
      <c r="E48478" s="1" t="s">
        <v>164351</v>
      </c>
      <c r="F48478" s="1" t="s">
        <v>164352</v>
      </c>
      <c r="G48478" s="1" t="s">
        <v>164237</v>
      </c>
      <c r="H48478" s="1" t="s">
        <v>164238</v>
      </c>
      <c r="I48478" s="1" t="s">
        <v>163240</v>
      </c>
      <c r="J48478" s="1" t="s">
        <v>164353</v>
      </c>
    </row>
    <row r="48479" spans="1:10" x14ac:dyDescent="0.35">
      <c r="A48479" s="1" t="s">
        <v>28065</v>
      </c>
      <c r="B48479" s="1" t="s">
        <v>163234</v>
      </c>
      <c r="C48479" s="1" t="s">
        <v>8</v>
      </c>
      <c r="D48479" s="1" t="s">
        <v>87863</v>
      </c>
      <c r="E48479" s="1" t="s">
        <v>164354</v>
      </c>
      <c r="F48479" s="1" t="s">
        <v>164355</v>
      </c>
      <c r="G48479" s="1" t="s">
        <v>164356</v>
      </c>
      <c r="H48479" s="1" t="s">
        <v>164357</v>
      </c>
      <c r="I48479" s="1" t="s">
        <v>163240</v>
      </c>
      <c r="J48479" s="1" t="s">
        <v>13</v>
      </c>
    </row>
    <row r="48480" spans="1:10" x14ac:dyDescent="0.35">
      <c r="A48480" s="1" t="s">
        <v>28065</v>
      </c>
      <c r="B48480" s="1" t="s">
        <v>163234</v>
      </c>
      <c r="C48480" s="1" t="s">
        <v>15</v>
      </c>
      <c r="D48480" s="1" t="s">
        <v>26595</v>
      </c>
      <c r="E48480" s="1" t="s">
        <v>164358</v>
      </c>
      <c r="F48480" s="1" t="s">
        <v>164359</v>
      </c>
      <c r="G48480" s="1" t="s">
        <v>164356</v>
      </c>
      <c r="H48480" s="1" t="s">
        <v>164357</v>
      </c>
      <c r="I48480" s="1" t="s">
        <v>163240</v>
      </c>
      <c r="J48480" s="1" t="s">
        <v>164360</v>
      </c>
    </row>
    <row r="48481" spans="1:10" x14ac:dyDescent="0.35">
      <c r="A48481" s="1" t="s">
        <v>28065</v>
      </c>
      <c r="B48481" s="1" t="s">
        <v>163234</v>
      </c>
      <c r="C48481" s="1" t="s">
        <v>20</v>
      </c>
      <c r="D48481" s="1" t="s">
        <v>95980</v>
      </c>
      <c r="E48481" s="1" t="s">
        <v>164361</v>
      </c>
      <c r="F48481" s="1" t="s">
        <v>164362</v>
      </c>
      <c r="G48481" s="1" t="s">
        <v>164356</v>
      </c>
      <c r="H48481" s="1" t="s">
        <v>164357</v>
      </c>
      <c r="I48481" s="1" t="s">
        <v>163240</v>
      </c>
      <c r="J48481" s="1" t="s">
        <v>164363</v>
      </c>
    </row>
    <row r="48482" spans="1:10" x14ac:dyDescent="0.35">
      <c r="A48482" s="1" t="s">
        <v>28065</v>
      </c>
      <c r="B48482" s="1" t="s">
        <v>163234</v>
      </c>
      <c r="C48482" s="1" t="s">
        <v>25</v>
      </c>
      <c r="D48482" s="1" t="s">
        <v>93421</v>
      </c>
      <c r="E48482" s="1" t="s">
        <v>164364</v>
      </c>
      <c r="F48482" s="1" t="s">
        <v>164365</v>
      </c>
      <c r="G48482" s="1" t="s">
        <v>164356</v>
      </c>
      <c r="H48482" s="1" t="s">
        <v>164357</v>
      </c>
      <c r="I48482" s="1" t="s">
        <v>163240</v>
      </c>
      <c r="J48482" s="1" t="s">
        <v>164366</v>
      </c>
    </row>
    <row r="48483" spans="1:10" x14ac:dyDescent="0.35">
      <c r="A48483" s="1" t="s">
        <v>28065</v>
      </c>
      <c r="B48483" s="1" t="s">
        <v>163234</v>
      </c>
      <c r="C48483" s="1" t="s">
        <v>30</v>
      </c>
      <c r="D48483" s="1" t="s">
        <v>164367</v>
      </c>
      <c r="E48483" s="1" t="s">
        <v>164368</v>
      </c>
      <c r="F48483" s="1" t="s">
        <v>164369</v>
      </c>
      <c r="G48483" s="1" t="s">
        <v>164356</v>
      </c>
      <c r="H48483" s="1" t="s">
        <v>164357</v>
      </c>
      <c r="I48483" s="1" t="s">
        <v>163240</v>
      </c>
      <c r="J48483" s="1" t="s">
        <v>164370</v>
      </c>
    </row>
    <row r="48484" spans="1:10" x14ac:dyDescent="0.35">
      <c r="A48484" s="1" t="s">
        <v>28065</v>
      </c>
      <c r="B48484" s="1" t="s">
        <v>163234</v>
      </c>
      <c r="C48484" s="1" t="s">
        <v>35</v>
      </c>
      <c r="D48484" s="1" t="s">
        <v>164371</v>
      </c>
      <c r="E48484" s="1" t="s">
        <v>164372</v>
      </c>
      <c r="F48484" s="1" t="s">
        <v>164373</v>
      </c>
      <c r="G48484" s="1" t="s">
        <v>164356</v>
      </c>
      <c r="H48484" s="1" t="s">
        <v>164357</v>
      </c>
      <c r="I48484" s="1" t="s">
        <v>163240</v>
      </c>
      <c r="J48484" s="1" t="s">
        <v>164374</v>
      </c>
    </row>
    <row r="48485" spans="1:10" x14ac:dyDescent="0.35">
      <c r="A48485" s="1" t="s">
        <v>28065</v>
      </c>
      <c r="B48485" s="1" t="s">
        <v>163234</v>
      </c>
      <c r="C48485" s="1" t="s">
        <v>40</v>
      </c>
      <c r="D48485" s="1" t="s">
        <v>39089</v>
      </c>
      <c r="E48485" s="1" t="s">
        <v>164375</v>
      </c>
      <c r="F48485" s="1" t="s">
        <v>164376</v>
      </c>
      <c r="G48485" s="1" t="s">
        <v>164356</v>
      </c>
      <c r="H48485" s="1" t="s">
        <v>164357</v>
      </c>
      <c r="I48485" s="1" t="s">
        <v>163240</v>
      </c>
      <c r="J48485" s="1" t="s">
        <v>164377</v>
      </c>
    </row>
    <row r="48486" spans="1:10" x14ac:dyDescent="0.35">
      <c r="A48486" s="1" t="s">
        <v>28065</v>
      </c>
      <c r="B48486" s="1" t="s">
        <v>163234</v>
      </c>
      <c r="C48486" s="1" t="s">
        <v>45</v>
      </c>
      <c r="D48486" s="1" t="s">
        <v>164378</v>
      </c>
      <c r="E48486" s="1" t="s">
        <v>164379</v>
      </c>
      <c r="F48486" s="1" t="s">
        <v>164380</v>
      </c>
      <c r="G48486" s="1" t="s">
        <v>164356</v>
      </c>
      <c r="H48486" s="1" t="s">
        <v>164357</v>
      </c>
      <c r="I48486" s="1" t="s">
        <v>163240</v>
      </c>
      <c r="J48486" s="1" t="s">
        <v>164381</v>
      </c>
    </row>
    <row r="48487" spans="1:10" x14ac:dyDescent="0.35">
      <c r="A48487" s="1" t="s">
        <v>28065</v>
      </c>
      <c r="B48487" s="1" t="s">
        <v>163234</v>
      </c>
      <c r="C48487" s="1" t="s">
        <v>50</v>
      </c>
      <c r="D48487" s="1" t="s">
        <v>164382</v>
      </c>
      <c r="E48487" s="1" t="s">
        <v>164383</v>
      </c>
      <c r="F48487" s="1" t="s">
        <v>164384</v>
      </c>
      <c r="G48487" s="1" t="s">
        <v>164356</v>
      </c>
      <c r="H48487" s="1" t="s">
        <v>164357</v>
      </c>
      <c r="I48487" s="1" t="s">
        <v>163240</v>
      </c>
      <c r="J48487" s="1" t="s">
        <v>164385</v>
      </c>
    </row>
    <row r="48488" spans="1:10" x14ac:dyDescent="0.35">
      <c r="A48488" s="1" t="s">
        <v>28065</v>
      </c>
      <c r="B48488" s="1" t="s">
        <v>163234</v>
      </c>
      <c r="C48488" s="1" t="s">
        <v>55</v>
      </c>
      <c r="D48488" s="1" t="s">
        <v>84834</v>
      </c>
      <c r="E48488" s="1" t="s">
        <v>164386</v>
      </c>
      <c r="F48488" s="1" t="s">
        <v>164387</v>
      </c>
      <c r="G48488" s="1" t="s">
        <v>164356</v>
      </c>
      <c r="H48488" s="1" t="s">
        <v>164357</v>
      </c>
      <c r="I48488" s="1" t="s">
        <v>163240</v>
      </c>
      <c r="J48488" s="1" t="s">
        <v>164388</v>
      </c>
    </row>
    <row r="48489" spans="1:10" x14ac:dyDescent="0.35">
      <c r="A48489" s="1" t="s">
        <v>28065</v>
      </c>
      <c r="B48489" s="1" t="s">
        <v>163234</v>
      </c>
      <c r="C48489" s="1" t="s">
        <v>60</v>
      </c>
      <c r="D48489" s="1" t="s">
        <v>164389</v>
      </c>
      <c r="E48489" s="1" t="s">
        <v>164390</v>
      </c>
      <c r="F48489" s="1" t="s">
        <v>164391</v>
      </c>
      <c r="G48489" s="1" t="s">
        <v>164356</v>
      </c>
      <c r="H48489" s="1" t="s">
        <v>164357</v>
      </c>
      <c r="I48489" s="1" t="s">
        <v>163240</v>
      </c>
      <c r="J48489" s="1" t="s">
        <v>164392</v>
      </c>
    </row>
    <row r="48490" spans="1:10" x14ac:dyDescent="0.35">
      <c r="A48490" s="1" t="s">
        <v>28065</v>
      </c>
      <c r="B48490" s="1" t="s">
        <v>163234</v>
      </c>
      <c r="C48490" s="1" t="s">
        <v>65</v>
      </c>
      <c r="D48490" s="1" t="s">
        <v>140101</v>
      </c>
      <c r="E48490" s="1" t="s">
        <v>164393</v>
      </c>
      <c r="F48490" s="1" t="s">
        <v>164394</v>
      </c>
      <c r="G48490" s="1" t="s">
        <v>164356</v>
      </c>
      <c r="H48490" s="1" t="s">
        <v>164357</v>
      </c>
      <c r="I48490" s="1" t="s">
        <v>163240</v>
      </c>
      <c r="J48490" s="1" t="s">
        <v>164395</v>
      </c>
    </row>
    <row r="48491" spans="1:10" x14ac:dyDescent="0.35">
      <c r="A48491" s="1" t="s">
        <v>28065</v>
      </c>
      <c r="B48491" s="1" t="s">
        <v>163234</v>
      </c>
      <c r="C48491" s="1" t="s">
        <v>70</v>
      </c>
      <c r="D48491" s="1" t="s">
        <v>162788</v>
      </c>
      <c r="E48491" s="1" t="s">
        <v>164396</v>
      </c>
      <c r="F48491" s="1" t="s">
        <v>164397</v>
      </c>
      <c r="G48491" s="1" t="s">
        <v>164356</v>
      </c>
      <c r="H48491" s="1" t="s">
        <v>164357</v>
      </c>
      <c r="I48491" s="1" t="s">
        <v>163240</v>
      </c>
      <c r="J48491" s="1" t="s">
        <v>164398</v>
      </c>
    </row>
    <row r="48492" spans="1:10" x14ac:dyDescent="0.35">
      <c r="A48492" s="1" t="s">
        <v>28065</v>
      </c>
      <c r="B48492" s="1" t="s">
        <v>163234</v>
      </c>
      <c r="C48492" s="1" t="s">
        <v>75</v>
      </c>
      <c r="D48492" s="1" t="s">
        <v>164399</v>
      </c>
      <c r="E48492" s="1" t="s">
        <v>164400</v>
      </c>
      <c r="F48492" s="1" t="s">
        <v>164401</v>
      </c>
      <c r="G48492" s="1" t="s">
        <v>164356</v>
      </c>
      <c r="H48492" s="1" t="s">
        <v>164357</v>
      </c>
      <c r="I48492" s="1" t="s">
        <v>163240</v>
      </c>
      <c r="J48492" s="1" t="s">
        <v>164402</v>
      </c>
    </row>
    <row r="48493" spans="1:10" x14ac:dyDescent="0.35">
      <c r="A48493" s="1" t="s">
        <v>28065</v>
      </c>
      <c r="B48493" s="1" t="s">
        <v>163234</v>
      </c>
      <c r="C48493" s="1" t="s">
        <v>80</v>
      </c>
      <c r="D48493" s="1" t="s">
        <v>164403</v>
      </c>
      <c r="E48493" s="1" t="s">
        <v>164404</v>
      </c>
      <c r="F48493" s="1" t="s">
        <v>164405</v>
      </c>
      <c r="G48493" s="1" t="s">
        <v>164356</v>
      </c>
      <c r="H48493" s="1" t="s">
        <v>164357</v>
      </c>
      <c r="I48493" s="1" t="s">
        <v>163240</v>
      </c>
      <c r="J48493" s="1" t="s">
        <v>164406</v>
      </c>
    </row>
    <row r="48494" spans="1:10" x14ac:dyDescent="0.35">
      <c r="A48494" s="1" t="s">
        <v>28065</v>
      </c>
      <c r="B48494" s="1" t="s">
        <v>163234</v>
      </c>
      <c r="C48494" s="1" t="s">
        <v>85</v>
      </c>
      <c r="D48494" s="1" t="s">
        <v>164407</v>
      </c>
      <c r="E48494" s="1" t="s">
        <v>164408</v>
      </c>
      <c r="F48494" s="1" t="s">
        <v>164409</v>
      </c>
      <c r="G48494" s="1" t="s">
        <v>164356</v>
      </c>
      <c r="H48494" s="1" t="s">
        <v>164357</v>
      </c>
      <c r="I48494" s="1" t="s">
        <v>163240</v>
      </c>
      <c r="J48494" s="1" t="s">
        <v>164410</v>
      </c>
    </row>
    <row r="48495" spans="1:10" x14ac:dyDescent="0.35">
      <c r="A48495" s="1" t="s">
        <v>28065</v>
      </c>
      <c r="B48495" s="1" t="s">
        <v>163234</v>
      </c>
      <c r="C48495" s="1" t="s">
        <v>90</v>
      </c>
      <c r="D48495" s="1" t="s">
        <v>84118</v>
      </c>
      <c r="E48495" s="1" t="s">
        <v>164411</v>
      </c>
      <c r="F48495" s="1" t="s">
        <v>164412</v>
      </c>
      <c r="G48495" s="1" t="s">
        <v>164356</v>
      </c>
      <c r="H48495" s="1" t="s">
        <v>164357</v>
      </c>
      <c r="I48495" s="1" t="s">
        <v>163240</v>
      </c>
      <c r="J48495" s="1" t="s">
        <v>164413</v>
      </c>
    </row>
    <row r="48496" spans="1:10" x14ac:dyDescent="0.35">
      <c r="A48496" s="1" t="s">
        <v>28065</v>
      </c>
      <c r="B48496" s="1" t="s">
        <v>163234</v>
      </c>
      <c r="C48496" s="1" t="s">
        <v>95</v>
      </c>
      <c r="D48496" s="1" t="s">
        <v>86464</v>
      </c>
      <c r="E48496" s="1" t="s">
        <v>164414</v>
      </c>
      <c r="F48496" s="1" t="s">
        <v>164415</v>
      </c>
      <c r="G48496" s="1" t="s">
        <v>164356</v>
      </c>
      <c r="H48496" s="1" t="s">
        <v>164357</v>
      </c>
      <c r="I48496" s="1" t="s">
        <v>163240</v>
      </c>
      <c r="J48496" s="1" t="s">
        <v>164416</v>
      </c>
    </row>
    <row r="48497" spans="1:10" x14ac:dyDescent="0.35">
      <c r="A48497" s="1" t="s">
        <v>28065</v>
      </c>
      <c r="B48497" s="1" t="s">
        <v>163234</v>
      </c>
      <c r="C48497" s="1" t="s">
        <v>100</v>
      </c>
      <c r="D48497" s="1" t="s">
        <v>164417</v>
      </c>
      <c r="E48497" s="1" t="s">
        <v>164418</v>
      </c>
      <c r="F48497" s="1" t="s">
        <v>164419</v>
      </c>
      <c r="G48497" s="1" t="s">
        <v>164356</v>
      </c>
      <c r="H48497" s="1" t="s">
        <v>164357</v>
      </c>
      <c r="I48497" s="1" t="s">
        <v>163240</v>
      </c>
      <c r="J48497" s="1" t="s">
        <v>164420</v>
      </c>
    </row>
    <row r="48498" spans="1:10" x14ac:dyDescent="0.35">
      <c r="A48498" s="1" t="s">
        <v>28065</v>
      </c>
      <c r="B48498" s="1" t="s">
        <v>163234</v>
      </c>
      <c r="C48498" s="1" t="s">
        <v>105</v>
      </c>
      <c r="D48498" s="1" t="s">
        <v>163225</v>
      </c>
      <c r="E48498" s="1" t="s">
        <v>164421</v>
      </c>
      <c r="F48498" s="1" t="s">
        <v>164422</v>
      </c>
      <c r="G48498" s="1" t="s">
        <v>164356</v>
      </c>
      <c r="H48498" s="1" t="s">
        <v>164357</v>
      </c>
      <c r="I48498" s="1" t="s">
        <v>163240</v>
      </c>
      <c r="J48498" s="1" t="s">
        <v>164423</v>
      </c>
    </row>
    <row r="48499" spans="1:10" x14ac:dyDescent="0.35">
      <c r="A48499" s="1" t="s">
        <v>28065</v>
      </c>
      <c r="B48499" s="1" t="s">
        <v>163234</v>
      </c>
      <c r="C48499" s="1" t="s">
        <v>110</v>
      </c>
      <c r="D48499" s="1" t="s">
        <v>164424</v>
      </c>
      <c r="E48499" s="1" t="s">
        <v>164425</v>
      </c>
      <c r="F48499" s="1" t="s">
        <v>164426</v>
      </c>
      <c r="G48499" s="1" t="s">
        <v>164356</v>
      </c>
      <c r="H48499" s="1" t="s">
        <v>164357</v>
      </c>
      <c r="I48499" s="1" t="s">
        <v>163240</v>
      </c>
      <c r="J48499" s="1" t="s">
        <v>164427</v>
      </c>
    </row>
    <row r="48500" spans="1:10" x14ac:dyDescent="0.35">
      <c r="A48500" s="1" t="s">
        <v>28065</v>
      </c>
      <c r="B48500" s="1" t="s">
        <v>163234</v>
      </c>
      <c r="C48500" s="1" t="s">
        <v>115</v>
      </c>
      <c r="D48500" s="1" t="s">
        <v>164428</v>
      </c>
      <c r="E48500" s="1" t="s">
        <v>164429</v>
      </c>
      <c r="F48500" s="1" t="s">
        <v>164430</v>
      </c>
      <c r="G48500" s="1" t="s">
        <v>164356</v>
      </c>
      <c r="H48500" s="1" t="s">
        <v>164357</v>
      </c>
      <c r="I48500" s="1" t="s">
        <v>163240</v>
      </c>
      <c r="J48500" s="1" t="s">
        <v>164431</v>
      </c>
    </row>
    <row r="48501" spans="1:10" x14ac:dyDescent="0.35">
      <c r="A48501" s="1" t="s">
        <v>28065</v>
      </c>
      <c r="B48501" s="1" t="s">
        <v>163234</v>
      </c>
      <c r="C48501" s="1" t="s">
        <v>120</v>
      </c>
      <c r="D48501" s="1" t="s">
        <v>56444</v>
      </c>
      <c r="E48501" s="1" t="s">
        <v>164432</v>
      </c>
      <c r="F48501" s="1" t="s">
        <v>164433</v>
      </c>
      <c r="G48501" s="1" t="s">
        <v>164356</v>
      </c>
      <c r="H48501" s="1" t="s">
        <v>164357</v>
      </c>
      <c r="I48501" s="1" t="s">
        <v>163240</v>
      </c>
      <c r="J48501" s="1" t="s">
        <v>164434</v>
      </c>
    </row>
    <row r="48502" spans="1:10" x14ac:dyDescent="0.35">
      <c r="A48502" s="1" t="s">
        <v>28065</v>
      </c>
      <c r="B48502" s="1" t="s">
        <v>163234</v>
      </c>
      <c r="C48502" s="1" t="s">
        <v>125</v>
      </c>
      <c r="D48502" s="1" t="s">
        <v>164435</v>
      </c>
      <c r="E48502" s="1" t="s">
        <v>164436</v>
      </c>
      <c r="F48502" s="1" t="s">
        <v>164437</v>
      </c>
      <c r="G48502" s="1" t="s">
        <v>164356</v>
      </c>
      <c r="H48502" s="1" t="s">
        <v>164357</v>
      </c>
      <c r="I48502" s="1" t="s">
        <v>163240</v>
      </c>
      <c r="J48502" s="1" t="s">
        <v>164438</v>
      </c>
    </row>
    <row r="48503" spans="1:10" x14ac:dyDescent="0.35">
      <c r="A48503" s="1" t="s">
        <v>28065</v>
      </c>
      <c r="B48503" s="1" t="s">
        <v>163234</v>
      </c>
      <c r="C48503" s="1" t="s">
        <v>130</v>
      </c>
      <c r="D48503" s="1" t="s">
        <v>164439</v>
      </c>
      <c r="E48503" s="1" t="s">
        <v>164440</v>
      </c>
      <c r="F48503" s="1" t="s">
        <v>164441</v>
      </c>
      <c r="G48503" s="1" t="s">
        <v>164356</v>
      </c>
      <c r="H48503" s="1" t="s">
        <v>164357</v>
      </c>
      <c r="I48503" s="1" t="s">
        <v>163240</v>
      </c>
      <c r="J48503" s="1" t="s">
        <v>164442</v>
      </c>
    </row>
    <row r="48504" spans="1:10" x14ac:dyDescent="0.35">
      <c r="A48504" s="1" t="s">
        <v>28065</v>
      </c>
      <c r="B48504" s="1" t="s">
        <v>163234</v>
      </c>
      <c r="C48504" s="1" t="s">
        <v>135</v>
      </c>
      <c r="D48504" s="1" t="s">
        <v>164443</v>
      </c>
      <c r="E48504" s="1" t="s">
        <v>164444</v>
      </c>
      <c r="F48504" s="1" t="s">
        <v>164445</v>
      </c>
      <c r="G48504" s="1" t="s">
        <v>164356</v>
      </c>
      <c r="H48504" s="1" t="s">
        <v>164357</v>
      </c>
      <c r="I48504" s="1" t="s">
        <v>163240</v>
      </c>
      <c r="J48504" s="1" t="s">
        <v>164446</v>
      </c>
    </row>
    <row r="48505" spans="1:10" x14ac:dyDescent="0.35">
      <c r="A48505" s="1" t="s">
        <v>28065</v>
      </c>
      <c r="B48505" s="1" t="s">
        <v>163234</v>
      </c>
      <c r="C48505" s="1" t="s">
        <v>140</v>
      </c>
      <c r="D48505" s="1" t="s">
        <v>164447</v>
      </c>
      <c r="E48505" s="1" t="s">
        <v>164448</v>
      </c>
      <c r="F48505" s="1" t="s">
        <v>164449</v>
      </c>
      <c r="G48505" s="1" t="s">
        <v>164356</v>
      </c>
      <c r="H48505" s="1" t="s">
        <v>164357</v>
      </c>
      <c r="I48505" s="1" t="s">
        <v>163240</v>
      </c>
      <c r="J48505" s="1" t="s">
        <v>164450</v>
      </c>
    </row>
    <row r="48506" spans="1:10" x14ac:dyDescent="0.35">
      <c r="A48506" s="1" t="s">
        <v>28065</v>
      </c>
      <c r="B48506" s="1" t="s">
        <v>163234</v>
      </c>
      <c r="C48506" s="1" t="s">
        <v>145</v>
      </c>
      <c r="D48506" s="1" t="s">
        <v>164451</v>
      </c>
      <c r="E48506" s="1" t="s">
        <v>164452</v>
      </c>
      <c r="F48506" s="1" t="s">
        <v>164453</v>
      </c>
      <c r="G48506" s="1" t="s">
        <v>164356</v>
      </c>
      <c r="H48506" s="1" t="s">
        <v>164357</v>
      </c>
      <c r="I48506" s="1" t="s">
        <v>163240</v>
      </c>
      <c r="J48506" s="1" t="s">
        <v>164454</v>
      </c>
    </row>
    <row r="48507" spans="1:10" x14ac:dyDescent="0.35">
      <c r="A48507" s="1" t="s">
        <v>28065</v>
      </c>
      <c r="B48507" s="1" t="s">
        <v>163234</v>
      </c>
      <c r="C48507" s="1" t="s">
        <v>150</v>
      </c>
      <c r="D48507" s="1" t="s">
        <v>164455</v>
      </c>
      <c r="E48507" s="1" t="s">
        <v>164456</v>
      </c>
      <c r="F48507" s="1" t="s">
        <v>164457</v>
      </c>
      <c r="G48507" s="1" t="s">
        <v>164356</v>
      </c>
      <c r="H48507" s="1" t="s">
        <v>164357</v>
      </c>
      <c r="I48507" s="1" t="s">
        <v>163240</v>
      </c>
      <c r="J48507" s="1" t="s">
        <v>164458</v>
      </c>
    </row>
    <row r="48508" spans="1:10" x14ac:dyDescent="0.35">
      <c r="A48508" s="1" t="s">
        <v>28065</v>
      </c>
      <c r="B48508" s="1" t="s">
        <v>163234</v>
      </c>
      <c r="C48508" s="1" t="s">
        <v>155</v>
      </c>
      <c r="D48508" s="1" t="s">
        <v>164459</v>
      </c>
      <c r="E48508" s="1" t="s">
        <v>164460</v>
      </c>
      <c r="F48508" s="1" t="s">
        <v>164461</v>
      </c>
      <c r="G48508" s="1" t="s">
        <v>164356</v>
      </c>
      <c r="H48508" s="1" t="s">
        <v>164357</v>
      </c>
      <c r="I48508" s="1" t="s">
        <v>163240</v>
      </c>
      <c r="J48508" s="1" t="s">
        <v>164462</v>
      </c>
    </row>
    <row r="48509" spans="1:10" x14ac:dyDescent="0.35">
      <c r="A48509" s="1" t="s">
        <v>28065</v>
      </c>
      <c r="B48509" s="1" t="s">
        <v>163234</v>
      </c>
      <c r="C48509" s="1" t="s">
        <v>160</v>
      </c>
      <c r="D48509" s="1" t="s">
        <v>164463</v>
      </c>
      <c r="E48509" s="1" t="s">
        <v>164464</v>
      </c>
      <c r="F48509" s="1" t="s">
        <v>164465</v>
      </c>
      <c r="G48509" s="1" t="s">
        <v>164356</v>
      </c>
      <c r="H48509" s="1" t="s">
        <v>164357</v>
      </c>
      <c r="I48509" s="1" t="s">
        <v>163240</v>
      </c>
      <c r="J48509" s="1" t="s">
        <v>164466</v>
      </c>
    </row>
    <row r="48510" spans="1:10" x14ac:dyDescent="0.35">
      <c r="A48510" s="1" t="s">
        <v>28065</v>
      </c>
      <c r="B48510" s="1" t="s">
        <v>163234</v>
      </c>
      <c r="C48510" s="1" t="s">
        <v>165</v>
      </c>
      <c r="D48510" s="1" t="s">
        <v>164467</v>
      </c>
      <c r="E48510" s="1" t="s">
        <v>164468</v>
      </c>
      <c r="F48510" s="1" t="s">
        <v>164469</v>
      </c>
      <c r="G48510" s="1" t="s">
        <v>164356</v>
      </c>
      <c r="H48510" s="1" t="s">
        <v>164357</v>
      </c>
      <c r="I48510" s="1" t="s">
        <v>163240</v>
      </c>
      <c r="J48510" s="1" t="s">
        <v>164470</v>
      </c>
    </row>
    <row r="48511" spans="1:10" x14ac:dyDescent="0.35">
      <c r="A48511" s="1" t="s">
        <v>28065</v>
      </c>
      <c r="B48511" s="1" t="s">
        <v>163234</v>
      </c>
      <c r="C48511" s="1" t="s">
        <v>170</v>
      </c>
      <c r="D48511" s="1" t="s">
        <v>164471</v>
      </c>
      <c r="E48511" s="1" t="s">
        <v>164472</v>
      </c>
      <c r="F48511" s="1" t="s">
        <v>164473</v>
      </c>
      <c r="G48511" s="1" t="s">
        <v>164356</v>
      </c>
      <c r="H48511" s="1" t="s">
        <v>164357</v>
      </c>
      <c r="I48511" s="1" t="s">
        <v>163240</v>
      </c>
      <c r="J48511" s="1" t="s">
        <v>164474</v>
      </c>
    </row>
    <row r="48512" spans="1:10" x14ac:dyDescent="0.35">
      <c r="A48512" s="1" t="s">
        <v>27313</v>
      </c>
      <c r="B48512" s="1" t="s">
        <v>163234</v>
      </c>
      <c r="C48512" s="1" t="s">
        <v>8</v>
      </c>
      <c r="D48512" s="1" t="s">
        <v>92380</v>
      </c>
      <c r="E48512" s="1" t="s">
        <v>164475</v>
      </c>
      <c r="F48512" s="1" t="s">
        <v>164476</v>
      </c>
      <c r="G48512" s="1" t="s">
        <v>164477</v>
      </c>
      <c r="H48512" s="1" t="s">
        <v>164478</v>
      </c>
      <c r="I48512" s="1" t="s">
        <v>163240</v>
      </c>
      <c r="J48512" s="1" t="s">
        <v>13</v>
      </c>
    </row>
    <row r="48513" spans="1:10" x14ac:dyDescent="0.35">
      <c r="A48513" s="1" t="s">
        <v>27313</v>
      </c>
      <c r="B48513" s="1" t="s">
        <v>163234</v>
      </c>
      <c r="C48513" s="1" t="s">
        <v>15</v>
      </c>
      <c r="D48513" s="1" t="s">
        <v>55451</v>
      </c>
      <c r="E48513" s="1" t="s">
        <v>164479</v>
      </c>
      <c r="F48513" s="1" t="s">
        <v>164480</v>
      </c>
      <c r="G48513" s="1" t="s">
        <v>164477</v>
      </c>
      <c r="H48513" s="1" t="s">
        <v>164478</v>
      </c>
      <c r="I48513" s="1" t="s">
        <v>163240</v>
      </c>
      <c r="J48513" s="1" t="s">
        <v>164481</v>
      </c>
    </row>
    <row r="48514" spans="1:10" x14ac:dyDescent="0.35">
      <c r="A48514" s="1" t="s">
        <v>27313</v>
      </c>
      <c r="B48514" s="1" t="s">
        <v>163234</v>
      </c>
      <c r="C48514" s="1" t="s">
        <v>20</v>
      </c>
      <c r="D48514" s="1" t="s">
        <v>164482</v>
      </c>
      <c r="E48514" s="1" t="s">
        <v>164483</v>
      </c>
      <c r="F48514" s="1" t="s">
        <v>164484</v>
      </c>
      <c r="G48514" s="1" t="s">
        <v>164477</v>
      </c>
      <c r="H48514" s="1" t="s">
        <v>164478</v>
      </c>
      <c r="I48514" s="1" t="s">
        <v>163240</v>
      </c>
      <c r="J48514" s="1" t="s">
        <v>164485</v>
      </c>
    </row>
    <row r="48515" spans="1:10" x14ac:dyDescent="0.35">
      <c r="A48515" s="1" t="s">
        <v>27313</v>
      </c>
      <c r="B48515" s="1" t="s">
        <v>163234</v>
      </c>
      <c r="C48515" s="1" t="s">
        <v>25</v>
      </c>
      <c r="D48515" s="1" t="s">
        <v>164486</v>
      </c>
      <c r="E48515" s="1" t="s">
        <v>164487</v>
      </c>
      <c r="F48515" s="1" t="s">
        <v>164488</v>
      </c>
      <c r="G48515" s="1" t="s">
        <v>164477</v>
      </c>
      <c r="H48515" s="1" t="s">
        <v>164478</v>
      </c>
      <c r="I48515" s="1" t="s">
        <v>163240</v>
      </c>
      <c r="J48515" s="1" t="s">
        <v>164489</v>
      </c>
    </row>
    <row r="48516" spans="1:10" x14ac:dyDescent="0.35">
      <c r="A48516" s="1" t="s">
        <v>27313</v>
      </c>
      <c r="B48516" s="1" t="s">
        <v>163234</v>
      </c>
      <c r="C48516" s="1" t="s">
        <v>30</v>
      </c>
      <c r="D48516" s="1" t="s">
        <v>164490</v>
      </c>
      <c r="E48516" s="1" t="s">
        <v>164491</v>
      </c>
      <c r="F48516" s="1" t="s">
        <v>164492</v>
      </c>
      <c r="G48516" s="1" t="s">
        <v>164477</v>
      </c>
      <c r="H48516" s="1" t="s">
        <v>164478</v>
      </c>
      <c r="I48516" s="1" t="s">
        <v>163240</v>
      </c>
      <c r="J48516" s="1" t="s">
        <v>164493</v>
      </c>
    </row>
    <row r="48517" spans="1:10" x14ac:dyDescent="0.35">
      <c r="A48517" s="1" t="s">
        <v>27313</v>
      </c>
      <c r="B48517" s="1" t="s">
        <v>163234</v>
      </c>
      <c r="C48517" s="1" t="s">
        <v>35</v>
      </c>
      <c r="D48517" s="1" t="s">
        <v>164494</v>
      </c>
      <c r="E48517" s="1" t="s">
        <v>164495</v>
      </c>
      <c r="F48517" s="1" t="s">
        <v>164496</v>
      </c>
      <c r="G48517" s="1" t="s">
        <v>164477</v>
      </c>
      <c r="H48517" s="1" t="s">
        <v>164478</v>
      </c>
      <c r="I48517" s="1" t="s">
        <v>163240</v>
      </c>
      <c r="J48517" s="1" t="s">
        <v>164497</v>
      </c>
    </row>
    <row r="48518" spans="1:10" x14ac:dyDescent="0.35">
      <c r="A48518" s="1" t="s">
        <v>27313</v>
      </c>
      <c r="B48518" s="1" t="s">
        <v>163234</v>
      </c>
      <c r="C48518" s="1" t="s">
        <v>40</v>
      </c>
      <c r="D48518" s="1" t="s">
        <v>164498</v>
      </c>
      <c r="E48518" s="1" t="s">
        <v>164499</v>
      </c>
      <c r="F48518" s="1" t="s">
        <v>164500</v>
      </c>
      <c r="G48518" s="1" t="s">
        <v>164477</v>
      </c>
      <c r="H48518" s="1" t="s">
        <v>164478</v>
      </c>
      <c r="I48518" s="1" t="s">
        <v>163240</v>
      </c>
      <c r="J48518" s="1" t="s">
        <v>164501</v>
      </c>
    </row>
    <row r="48519" spans="1:10" x14ac:dyDescent="0.35">
      <c r="A48519" s="1" t="s">
        <v>27313</v>
      </c>
      <c r="B48519" s="1" t="s">
        <v>163234</v>
      </c>
      <c r="C48519" s="1" t="s">
        <v>45</v>
      </c>
      <c r="D48519" s="1" t="s">
        <v>164502</v>
      </c>
      <c r="E48519" s="1" t="s">
        <v>164503</v>
      </c>
      <c r="F48519" s="1" t="s">
        <v>164504</v>
      </c>
      <c r="G48519" s="1" t="s">
        <v>164477</v>
      </c>
      <c r="H48519" s="1" t="s">
        <v>164478</v>
      </c>
      <c r="I48519" s="1" t="s">
        <v>163240</v>
      </c>
      <c r="J48519" s="1" t="s">
        <v>164505</v>
      </c>
    </row>
    <row r="48520" spans="1:10" x14ac:dyDescent="0.35">
      <c r="A48520" s="1" t="s">
        <v>27313</v>
      </c>
      <c r="B48520" s="1" t="s">
        <v>163234</v>
      </c>
      <c r="C48520" s="1" t="s">
        <v>50</v>
      </c>
      <c r="D48520" s="1" t="s">
        <v>65519</v>
      </c>
      <c r="E48520" s="1" t="s">
        <v>164506</v>
      </c>
      <c r="F48520" s="1" t="s">
        <v>164507</v>
      </c>
      <c r="G48520" s="1" t="s">
        <v>164477</v>
      </c>
      <c r="H48520" s="1" t="s">
        <v>164478</v>
      </c>
      <c r="I48520" s="1" t="s">
        <v>163240</v>
      </c>
      <c r="J48520" s="1" t="s">
        <v>164508</v>
      </c>
    </row>
    <row r="48521" spans="1:10" x14ac:dyDescent="0.35">
      <c r="A48521" s="1" t="s">
        <v>27313</v>
      </c>
      <c r="B48521" s="1" t="s">
        <v>163234</v>
      </c>
      <c r="C48521" s="1" t="s">
        <v>55</v>
      </c>
      <c r="D48521" s="1" t="s">
        <v>164509</v>
      </c>
      <c r="E48521" s="1" t="s">
        <v>164510</v>
      </c>
      <c r="F48521" s="1" t="s">
        <v>164511</v>
      </c>
      <c r="G48521" s="1" t="s">
        <v>164477</v>
      </c>
      <c r="H48521" s="1" t="s">
        <v>164478</v>
      </c>
      <c r="I48521" s="1" t="s">
        <v>163240</v>
      </c>
      <c r="J48521" s="1" t="s">
        <v>164512</v>
      </c>
    </row>
    <row r="48522" spans="1:10" x14ac:dyDescent="0.35">
      <c r="A48522" s="1" t="s">
        <v>27313</v>
      </c>
      <c r="B48522" s="1" t="s">
        <v>163234</v>
      </c>
      <c r="C48522" s="1" t="s">
        <v>60</v>
      </c>
      <c r="D48522" s="1" t="s">
        <v>164513</v>
      </c>
      <c r="E48522" s="1" t="s">
        <v>164514</v>
      </c>
      <c r="F48522" s="1" t="s">
        <v>164515</v>
      </c>
      <c r="G48522" s="1" t="s">
        <v>164477</v>
      </c>
      <c r="H48522" s="1" t="s">
        <v>164478</v>
      </c>
      <c r="I48522" s="1" t="s">
        <v>163240</v>
      </c>
      <c r="J48522" s="1" t="s">
        <v>164516</v>
      </c>
    </row>
    <row r="48523" spans="1:10" x14ac:dyDescent="0.35">
      <c r="A48523" s="1" t="s">
        <v>27313</v>
      </c>
      <c r="B48523" s="1" t="s">
        <v>163234</v>
      </c>
      <c r="C48523" s="1" t="s">
        <v>65</v>
      </c>
      <c r="D48523" s="1" t="s">
        <v>164517</v>
      </c>
      <c r="E48523" s="1" t="s">
        <v>164518</v>
      </c>
      <c r="F48523" s="1" t="s">
        <v>164519</v>
      </c>
      <c r="G48523" s="1" t="s">
        <v>164477</v>
      </c>
      <c r="H48523" s="1" t="s">
        <v>164478</v>
      </c>
      <c r="I48523" s="1" t="s">
        <v>163240</v>
      </c>
      <c r="J48523" s="1" t="s">
        <v>164520</v>
      </c>
    </row>
    <row r="48524" spans="1:10" x14ac:dyDescent="0.35">
      <c r="A48524" s="1" t="s">
        <v>27313</v>
      </c>
      <c r="B48524" s="1" t="s">
        <v>163234</v>
      </c>
      <c r="C48524" s="1" t="s">
        <v>70</v>
      </c>
      <c r="D48524" s="1" t="s">
        <v>164521</v>
      </c>
      <c r="E48524" s="1" t="s">
        <v>164522</v>
      </c>
      <c r="F48524" s="1" t="s">
        <v>164523</v>
      </c>
      <c r="G48524" s="1" t="s">
        <v>164477</v>
      </c>
      <c r="H48524" s="1" t="s">
        <v>164478</v>
      </c>
      <c r="I48524" s="1" t="s">
        <v>163240</v>
      </c>
      <c r="J48524" s="1" t="s">
        <v>164524</v>
      </c>
    </row>
    <row r="48525" spans="1:10" x14ac:dyDescent="0.35">
      <c r="A48525" s="1" t="s">
        <v>27313</v>
      </c>
      <c r="B48525" s="1" t="s">
        <v>163234</v>
      </c>
      <c r="C48525" s="1" t="s">
        <v>75</v>
      </c>
      <c r="D48525" s="1" t="s">
        <v>164525</v>
      </c>
      <c r="E48525" s="1" t="s">
        <v>164526</v>
      </c>
      <c r="F48525" s="1" t="s">
        <v>164527</v>
      </c>
      <c r="G48525" s="1" t="s">
        <v>164477</v>
      </c>
      <c r="H48525" s="1" t="s">
        <v>164478</v>
      </c>
      <c r="I48525" s="1" t="s">
        <v>163240</v>
      </c>
      <c r="J48525" s="1" t="s">
        <v>164528</v>
      </c>
    </row>
    <row r="48526" spans="1:10" x14ac:dyDescent="0.35">
      <c r="A48526" s="1" t="s">
        <v>27313</v>
      </c>
      <c r="B48526" s="1" t="s">
        <v>163234</v>
      </c>
      <c r="C48526" s="1" t="s">
        <v>80</v>
      </c>
      <c r="D48526" s="1" t="s">
        <v>164529</v>
      </c>
      <c r="E48526" s="1" t="s">
        <v>164530</v>
      </c>
      <c r="F48526" s="1" t="s">
        <v>164531</v>
      </c>
      <c r="G48526" s="1" t="s">
        <v>164477</v>
      </c>
      <c r="H48526" s="1" t="s">
        <v>164478</v>
      </c>
      <c r="I48526" s="1" t="s">
        <v>163240</v>
      </c>
      <c r="J48526" s="1" t="s">
        <v>164532</v>
      </c>
    </row>
    <row r="48527" spans="1:10" x14ac:dyDescent="0.35">
      <c r="A48527" s="1" t="s">
        <v>27313</v>
      </c>
      <c r="B48527" s="1" t="s">
        <v>163234</v>
      </c>
      <c r="C48527" s="1" t="s">
        <v>85</v>
      </c>
      <c r="D48527" s="1" t="s">
        <v>164533</v>
      </c>
      <c r="E48527" s="1" t="s">
        <v>164534</v>
      </c>
      <c r="F48527" s="1" t="s">
        <v>164535</v>
      </c>
      <c r="G48527" s="1" t="s">
        <v>164477</v>
      </c>
      <c r="H48527" s="1" t="s">
        <v>164478</v>
      </c>
      <c r="I48527" s="1" t="s">
        <v>163240</v>
      </c>
      <c r="J48527" s="1" t="s">
        <v>164536</v>
      </c>
    </row>
    <row r="48528" spans="1:10" x14ac:dyDescent="0.35">
      <c r="A48528" s="1" t="s">
        <v>27313</v>
      </c>
      <c r="B48528" s="1" t="s">
        <v>163234</v>
      </c>
      <c r="C48528" s="1" t="s">
        <v>90</v>
      </c>
      <c r="D48528" s="1" t="s">
        <v>164537</v>
      </c>
      <c r="E48528" s="1" t="s">
        <v>164538</v>
      </c>
      <c r="F48528" s="1" t="s">
        <v>164539</v>
      </c>
      <c r="G48528" s="1" t="s">
        <v>164477</v>
      </c>
      <c r="H48528" s="1" t="s">
        <v>164478</v>
      </c>
      <c r="I48528" s="1" t="s">
        <v>163240</v>
      </c>
      <c r="J48528" s="1" t="s">
        <v>164540</v>
      </c>
    </row>
    <row r="48529" spans="1:10" x14ac:dyDescent="0.35">
      <c r="A48529" s="1" t="s">
        <v>27313</v>
      </c>
      <c r="B48529" s="1" t="s">
        <v>163234</v>
      </c>
      <c r="C48529" s="1" t="s">
        <v>95</v>
      </c>
      <c r="D48529" s="1" t="s">
        <v>164541</v>
      </c>
      <c r="E48529" s="1" t="s">
        <v>164542</v>
      </c>
      <c r="F48529" s="1" t="s">
        <v>164543</v>
      </c>
      <c r="G48529" s="1" t="s">
        <v>164477</v>
      </c>
      <c r="H48529" s="1" t="s">
        <v>164478</v>
      </c>
      <c r="I48529" s="1" t="s">
        <v>163240</v>
      </c>
      <c r="J48529" s="1" t="s">
        <v>164544</v>
      </c>
    </row>
    <row r="48530" spans="1:10" x14ac:dyDescent="0.35">
      <c r="A48530" s="1" t="s">
        <v>27313</v>
      </c>
      <c r="B48530" s="1" t="s">
        <v>163234</v>
      </c>
      <c r="C48530" s="1" t="s">
        <v>100</v>
      </c>
      <c r="D48530" s="1" t="s">
        <v>164545</v>
      </c>
      <c r="E48530" s="1" t="s">
        <v>164546</v>
      </c>
      <c r="F48530" s="1" t="s">
        <v>164547</v>
      </c>
      <c r="G48530" s="1" t="s">
        <v>164477</v>
      </c>
      <c r="H48530" s="1" t="s">
        <v>164478</v>
      </c>
      <c r="I48530" s="1" t="s">
        <v>163240</v>
      </c>
      <c r="J48530" s="1" t="s">
        <v>164548</v>
      </c>
    </row>
    <row r="48531" spans="1:10" x14ac:dyDescent="0.35">
      <c r="A48531" s="1" t="s">
        <v>27313</v>
      </c>
      <c r="B48531" s="1" t="s">
        <v>163234</v>
      </c>
      <c r="C48531" s="1" t="s">
        <v>105</v>
      </c>
      <c r="D48531" s="1" t="s">
        <v>164549</v>
      </c>
      <c r="E48531" s="1" t="s">
        <v>164550</v>
      </c>
      <c r="F48531" s="1" t="s">
        <v>164551</v>
      </c>
      <c r="G48531" s="1" t="s">
        <v>164477</v>
      </c>
      <c r="H48531" s="1" t="s">
        <v>164478</v>
      </c>
      <c r="I48531" s="1" t="s">
        <v>163240</v>
      </c>
      <c r="J48531" s="1" t="s">
        <v>164552</v>
      </c>
    </row>
    <row r="48532" spans="1:10" x14ac:dyDescent="0.35">
      <c r="A48532" s="1" t="s">
        <v>27313</v>
      </c>
      <c r="B48532" s="1" t="s">
        <v>163234</v>
      </c>
      <c r="C48532" s="1" t="s">
        <v>110</v>
      </c>
      <c r="D48532" s="1" t="s">
        <v>164553</v>
      </c>
      <c r="E48532" s="1" t="s">
        <v>164554</v>
      </c>
      <c r="F48532" s="1" t="s">
        <v>164555</v>
      </c>
      <c r="G48532" s="1" t="s">
        <v>164477</v>
      </c>
      <c r="H48532" s="1" t="s">
        <v>164478</v>
      </c>
      <c r="I48532" s="1" t="s">
        <v>163240</v>
      </c>
      <c r="J48532" s="1" t="s">
        <v>164556</v>
      </c>
    </row>
    <row r="48533" spans="1:10" x14ac:dyDescent="0.35">
      <c r="A48533" s="1" t="s">
        <v>27313</v>
      </c>
      <c r="B48533" s="1" t="s">
        <v>163234</v>
      </c>
      <c r="C48533" s="1" t="s">
        <v>115</v>
      </c>
      <c r="D48533" s="1" t="s">
        <v>164557</v>
      </c>
      <c r="E48533" s="1" t="s">
        <v>164558</v>
      </c>
      <c r="F48533" s="1" t="s">
        <v>164559</v>
      </c>
      <c r="G48533" s="1" t="s">
        <v>164477</v>
      </c>
      <c r="H48533" s="1" t="s">
        <v>164478</v>
      </c>
      <c r="I48533" s="1" t="s">
        <v>163240</v>
      </c>
      <c r="J48533" s="1" t="s">
        <v>164560</v>
      </c>
    </row>
    <row r="48534" spans="1:10" x14ac:dyDescent="0.35">
      <c r="A48534" s="1" t="s">
        <v>27313</v>
      </c>
      <c r="B48534" s="1" t="s">
        <v>163234</v>
      </c>
      <c r="C48534" s="1" t="s">
        <v>120</v>
      </c>
      <c r="D48534" s="1" t="s">
        <v>164561</v>
      </c>
      <c r="E48534" s="1" t="s">
        <v>164562</v>
      </c>
      <c r="F48534" s="1" t="s">
        <v>164563</v>
      </c>
      <c r="G48534" s="1" t="s">
        <v>164477</v>
      </c>
      <c r="H48534" s="1" t="s">
        <v>164478</v>
      </c>
      <c r="I48534" s="1" t="s">
        <v>163240</v>
      </c>
      <c r="J48534" s="1" t="s">
        <v>164564</v>
      </c>
    </row>
    <row r="48535" spans="1:10" x14ac:dyDescent="0.35">
      <c r="A48535" s="1" t="s">
        <v>27313</v>
      </c>
      <c r="B48535" s="1" t="s">
        <v>163234</v>
      </c>
      <c r="C48535" s="1" t="s">
        <v>125</v>
      </c>
      <c r="D48535" s="1" t="s">
        <v>164565</v>
      </c>
      <c r="E48535" s="1" t="s">
        <v>164566</v>
      </c>
      <c r="F48535" s="1" t="s">
        <v>164567</v>
      </c>
      <c r="G48535" s="1" t="s">
        <v>164477</v>
      </c>
      <c r="H48535" s="1" t="s">
        <v>164478</v>
      </c>
      <c r="I48535" s="1" t="s">
        <v>163240</v>
      </c>
      <c r="J48535" s="1" t="s">
        <v>164568</v>
      </c>
    </row>
    <row r="48536" spans="1:10" x14ac:dyDescent="0.35">
      <c r="A48536" s="1" t="s">
        <v>27313</v>
      </c>
      <c r="B48536" s="1" t="s">
        <v>163234</v>
      </c>
      <c r="C48536" s="1" t="s">
        <v>130</v>
      </c>
      <c r="D48536" s="1" t="s">
        <v>164569</v>
      </c>
      <c r="E48536" s="1" t="s">
        <v>164570</v>
      </c>
      <c r="F48536" s="1" t="s">
        <v>164571</v>
      </c>
      <c r="G48536" s="1" t="s">
        <v>164477</v>
      </c>
      <c r="H48536" s="1" t="s">
        <v>164478</v>
      </c>
      <c r="I48536" s="1" t="s">
        <v>163240</v>
      </c>
      <c r="J48536" s="1" t="s">
        <v>164572</v>
      </c>
    </row>
    <row r="48537" spans="1:10" x14ac:dyDescent="0.35">
      <c r="A48537" s="1" t="s">
        <v>27313</v>
      </c>
      <c r="B48537" s="1" t="s">
        <v>163234</v>
      </c>
      <c r="C48537" s="1" t="s">
        <v>135</v>
      </c>
      <c r="D48537" s="1" t="s">
        <v>164573</v>
      </c>
      <c r="E48537" s="1" t="s">
        <v>164574</v>
      </c>
      <c r="F48537" s="1" t="s">
        <v>164575</v>
      </c>
      <c r="G48537" s="1" t="s">
        <v>164477</v>
      </c>
      <c r="H48537" s="1" t="s">
        <v>164478</v>
      </c>
      <c r="I48537" s="1" t="s">
        <v>163240</v>
      </c>
      <c r="J48537" s="1" t="s">
        <v>164576</v>
      </c>
    </row>
    <row r="48538" spans="1:10" x14ac:dyDescent="0.35">
      <c r="A48538" s="1" t="s">
        <v>27313</v>
      </c>
      <c r="B48538" s="1" t="s">
        <v>163234</v>
      </c>
      <c r="C48538" s="1" t="s">
        <v>140</v>
      </c>
      <c r="D48538" s="1" t="s">
        <v>164577</v>
      </c>
      <c r="E48538" s="1" t="s">
        <v>164578</v>
      </c>
      <c r="F48538" s="1" t="s">
        <v>164579</v>
      </c>
      <c r="G48538" s="1" t="s">
        <v>164477</v>
      </c>
      <c r="H48538" s="1" t="s">
        <v>164478</v>
      </c>
      <c r="I48538" s="1" t="s">
        <v>163240</v>
      </c>
      <c r="J48538" s="1" t="s">
        <v>164580</v>
      </c>
    </row>
    <row r="48539" spans="1:10" x14ac:dyDescent="0.35">
      <c r="A48539" s="1" t="s">
        <v>27313</v>
      </c>
      <c r="B48539" s="1" t="s">
        <v>163234</v>
      </c>
      <c r="C48539" s="1" t="s">
        <v>145</v>
      </c>
      <c r="D48539" s="1" t="s">
        <v>164581</v>
      </c>
      <c r="E48539" s="1" t="s">
        <v>164582</v>
      </c>
      <c r="F48539" s="1" t="s">
        <v>164583</v>
      </c>
      <c r="G48539" s="1" t="s">
        <v>164477</v>
      </c>
      <c r="H48539" s="1" t="s">
        <v>164478</v>
      </c>
      <c r="I48539" s="1" t="s">
        <v>163240</v>
      </c>
      <c r="J48539" s="1" t="s">
        <v>164584</v>
      </c>
    </row>
    <row r="48540" spans="1:10" x14ac:dyDescent="0.35">
      <c r="A48540" s="1" t="s">
        <v>27313</v>
      </c>
      <c r="B48540" s="1" t="s">
        <v>163234</v>
      </c>
      <c r="C48540" s="1" t="s">
        <v>150</v>
      </c>
      <c r="D48540" s="1" t="s">
        <v>164585</v>
      </c>
      <c r="E48540" s="1" t="s">
        <v>164586</v>
      </c>
      <c r="F48540" s="1" t="s">
        <v>164587</v>
      </c>
      <c r="G48540" s="1" t="s">
        <v>164477</v>
      </c>
      <c r="H48540" s="1" t="s">
        <v>164478</v>
      </c>
      <c r="I48540" s="1" t="s">
        <v>163240</v>
      </c>
      <c r="J48540" s="1" t="s">
        <v>164588</v>
      </c>
    </row>
    <row r="48541" spans="1:10" x14ac:dyDescent="0.35">
      <c r="A48541" s="1" t="s">
        <v>27313</v>
      </c>
      <c r="B48541" s="1" t="s">
        <v>163234</v>
      </c>
      <c r="C48541" s="1" t="s">
        <v>155</v>
      </c>
      <c r="D48541" s="1" t="s">
        <v>164589</v>
      </c>
      <c r="E48541" s="1" t="s">
        <v>164590</v>
      </c>
      <c r="F48541" s="1" t="s">
        <v>164591</v>
      </c>
      <c r="G48541" s="1" t="s">
        <v>164477</v>
      </c>
      <c r="H48541" s="1" t="s">
        <v>164478</v>
      </c>
      <c r="I48541" s="1" t="s">
        <v>163240</v>
      </c>
      <c r="J48541" s="1" t="s">
        <v>164592</v>
      </c>
    </row>
    <row r="48542" spans="1:10" x14ac:dyDescent="0.35">
      <c r="A48542" s="1" t="s">
        <v>27313</v>
      </c>
      <c r="B48542" s="1" t="s">
        <v>163234</v>
      </c>
      <c r="C48542" s="1" t="s">
        <v>160</v>
      </c>
      <c r="D48542" s="1" t="s">
        <v>164593</v>
      </c>
      <c r="E48542" s="1" t="s">
        <v>164594</v>
      </c>
      <c r="F48542" s="1" t="s">
        <v>164595</v>
      </c>
      <c r="G48542" s="1" t="s">
        <v>164477</v>
      </c>
      <c r="H48542" s="1" t="s">
        <v>164478</v>
      </c>
      <c r="I48542" s="1" t="s">
        <v>163240</v>
      </c>
      <c r="J48542" s="1" t="s">
        <v>164596</v>
      </c>
    </row>
    <row r="48543" spans="1:10" x14ac:dyDescent="0.35">
      <c r="A48543" s="1" t="s">
        <v>27313</v>
      </c>
      <c r="B48543" s="1" t="s">
        <v>163234</v>
      </c>
      <c r="C48543" s="1" t="s">
        <v>165</v>
      </c>
      <c r="D48543" s="1" t="s">
        <v>164597</v>
      </c>
      <c r="E48543" s="1" t="s">
        <v>164598</v>
      </c>
      <c r="F48543" s="1" t="s">
        <v>164599</v>
      </c>
      <c r="G48543" s="1" t="s">
        <v>164477</v>
      </c>
      <c r="H48543" s="1" t="s">
        <v>164478</v>
      </c>
      <c r="I48543" s="1" t="s">
        <v>163240</v>
      </c>
      <c r="J48543" s="1" t="s">
        <v>164600</v>
      </c>
    </row>
    <row r="48544" spans="1:10" x14ac:dyDescent="0.35">
      <c r="A48544" s="1" t="s">
        <v>27313</v>
      </c>
      <c r="B48544" s="1" t="s">
        <v>163234</v>
      </c>
      <c r="C48544" s="1" t="s">
        <v>170</v>
      </c>
      <c r="D48544" s="1" t="s">
        <v>164601</v>
      </c>
      <c r="E48544" s="1" t="s">
        <v>164602</v>
      </c>
      <c r="F48544" s="1" t="s">
        <v>164603</v>
      </c>
      <c r="G48544" s="1" t="s">
        <v>164477</v>
      </c>
      <c r="H48544" s="1" t="s">
        <v>164478</v>
      </c>
      <c r="I48544" s="1" t="s">
        <v>163240</v>
      </c>
      <c r="J48544" s="1" t="s">
        <v>164604</v>
      </c>
    </row>
    <row r="48545" spans="1:10" x14ac:dyDescent="0.35">
      <c r="A48545" s="1" t="s">
        <v>8</v>
      </c>
      <c r="B48545" s="1" t="s">
        <v>163234</v>
      </c>
      <c r="C48545" s="1" t="s">
        <v>8</v>
      </c>
      <c r="D48545" s="1" t="s">
        <v>100667</v>
      </c>
      <c r="E48545" s="1" t="s">
        <v>164605</v>
      </c>
      <c r="F48545" s="1" t="s">
        <v>164606</v>
      </c>
      <c r="G48545" s="1" t="s">
        <v>164607</v>
      </c>
      <c r="H48545" s="1" t="s">
        <v>164608</v>
      </c>
      <c r="I48545" s="1" t="s">
        <v>163240</v>
      </c>
      <c r="J48545" s="1" t="s">
        <v>13</v>
      </c>
    </row>
    <row r="48546" spans="1:10" x14ac:dyDescent="0.35">
      <c r="A48546" s="1" t="s">
        <v>8</v>
      </c>
      <c r="B48546" s="1" t="s">
        <v>163234</v>
      </c>
      <c r="C48546" s="1" t="s">
        <v>15</v>
      </c>
      <c r="D48546" s="1" t="s">
        <v>70048</v>
      </c>
      <c r="E48546" s="1" t="s">
        <v>164609</v>
      </c>
      <c r="F48546" s="1" t="s">
        <v>164610</v>
      </c>
      <c r="G48546" s="1" t="s">
        <v>164607</v>
      </c>
      <c r="H48546" s="1" t="s">
        <v>164608</v>
      </c>
      <c r="I48546" s="1" t="s">
        <v>163240</v>
      </c>
      <c r="J48546" s="1" t="s">
        <v>164611</v>
      </c>
    </row>
    <row r="48547" spans="1:10" x14ac:dyDescent="0.35">
      <c r="A48547" s="1" t="s">
        <v>8</v>
      </c>
      <c r="B48547" s="1" t="s">
        <v>163234</v>
      </c>
      <c r="C48547" s="1" t="s">
        <v>20</v>
      </c>
      <c r="D48547" s="1" t="s">
        <v>132958</v>
      </c>
      <c r="E48547" s="1" t="s">
        <v>164612</v>
      </c>
      <c r="F48547" s="1" t="s">
        <v>164613</v>
      </c>
      <c r="G48547" s="1" t="s">
        <v>164607</v>
      </c>
      <c r="H48547" s="1" t="s">
        <v>164608</v>
      </c>
      <c r="I48547" s="1" t="s">
        <v>163240</v>
      </c>
      <c r="J48547" s="1" t="s">
        <v>164614</v>
      </c>
    </row>
    <row r="48548" spans="1:10" x14ac:dyDescent="0.35">
      <c r="A48548" s="1" t="s">
        <v>8</v>
      </c>
      <c r="B48548" s="1" t="s">
        <v>163234</v>
      </c>
      <c r="C48548" s="1" t="s">
        <v>25</v>
      </c>
      <c r="D48548" s="1" t="s">
        <v>163199</v>
      </c>
      <c r="E48548" s="1" t="s">
        <v>164615</v>
      </c>
      <c r="F48548" s="1" t="s">
        <v>164616</v>
      </c>
      <c r="G48548" s="1" t="s">
        <v>164607</v>
      </c>
      <c r="H48548" s="1" t="s">
        <v>164608</v>
      </c>
      <c r="I48548" s="1" t="s">
        <v>163240</v>
      </c>
      <c r="J48548" s="1" t="s">
        <v>164617</v>
      </c>
    </row>
    <row r="48549" spans="1:10" x14ac:dyDescent="0.35">
      <c r="A48549" s="1" t="s">
        <v>8</v>
      </c>
      <c r="B48549" s="1" t="s">
        <v>163234</v>
      </c>
      <c r="C48549" s="1" t="s">
        <v>30</v>
      </c>
      <c r="D48549" s="1" t="s">
        <v>164618</v>
      </c>
      <c r="E48549" s="1" t="s">
        <v>164619</v>
      </c>
      <c r="F48549" s="1" t="s">
        <v>164620</v>
      </c>
      <c r="G48549" s="1" t="s">
        <v>164607</v>
      </c>
      <c r="H48549" s="1" t="s">
        <v>164608</v>
      </c>
      <c r="I48549" s="1" t="s">
        <v>163240</v>
      </c>
      <c r="J48549" s="1" t="s">
        <v>164621</v>
      </c>
    </row>
    <row r="48550" spans="1:10" x14ac:dyDescent="0.35">
      <c r="A48550" s="1" t="s">
        <v>8</v>
      </c>
      <c r="B48550" s="1" t="s">
        <v>163234</v>
      </c>
      <c r="C48550" s="1" t="s">
        <v>35</v>
      </c>
      <c r="D48550" s="1" t="s">
        <v>97482</v>
      </c>
      <c r="E48550" s="1" t="s">
        <v>164622</v>
      </c>
      <c r="F48550" s="1" t="s">
        <v>164623</v>
      </c>
      <c r="G48550" s="1" t="s">
        <v>164607</v>
      </c>
      <c r="H48550" s="1" t="s">
        <v>164608</v>
      </c>
      <c r="I48550" s="1" t="s">
        <v>163240</v>
      </c>
      <c r="J48550" s="1" t="s">
        <v>164624</v>
      </c>
    </row>
    <row r="48551" spans="1:10" x14ac:dyDescent="0.35">
      <c r="A48551" s="1" t="s">
        <v>8</v>
      </c>
      <c r="B48551" s="1" t="s">
        <v>163234</v>
      </c>
      <c r="C48551" s="1" t="s">
        <v>40</v>
      </c>
      <c r="D48551" s="1" t="s">
        <v>164625</v>
      </c>
      <c r="E48551" s="1" t="s">
        <v>164626</v>
      </c>
      <c r="F48551" s="1" t="s">
        <v>164627</v>
      </c>
      <c r="G48551" s="1" t="s">
        <v>164607</v>
      </c>
      <c r="H48551" s="1" t="s">
        <v>164608</v>
      </c>
      <c r="I48551" s="1" t="s">
        <v>163240</v>
      </c>
      <c r="J48551" s="1" t="s">
        <v>164628</v>
      </c>
    </row>
    <row r="48552" spans="1:10" x14ac:dyDescent="0.35">
      <c r="A48552" s="1" t="s">
        <v>8</v>
      </c>
      <c r="B48552" s="1" t="s">
        <v>163234</v>
      </c>
      <c r="C48552" s="1" t="s">
        <v>45</v>
      </c>
      <c r="D48552" s="1" t="s">
        <v>164629</v>
      </c>
      <c r="E48552" s="1" t="s">
        <v>164630</v>
      </c>
      <c r="F48552" s="1" t="s">
        <v>164631</v>
      </c>
      <c r="G48552" s="1" t="s">
        <v>164607</v>
      </c>
      <c r="H48552" s="1" t="s">
        <v>164608</v>
      </c>
      <c r="I48552" s="1" t="s">
        <v>163240</v>
      </c>
      <c r="J48552" s="1" t="s">
        <v>164632</v>
      </c>
    </row>
    <row r="48553" spans="1:10" x14ac:dyDescent="0.35">
      <c r="A48553" s="1" t="s">
        <v>8</v>
      </c>
      <c r="B48553" s="1" t="s">
        <v>163234</v>
      </c>
      <c r="C48553" s="1" t="s">
        <v>50</v>
      </c>
      <c r="D48553" s="1" t="s">
        <v>132026</v>
      </c>
      <c r="E48553" s="1" t="s">
        <v>164633</v>
      </c>
      <c r="F48553" s="1" t="s">
        <v>164634</v>
      </c>
      <c r="G48553" s="1" t="s">
        <v>164607</v>
      </c>
      <c r="H48553" s="1" t="s">
        <v>164608</v>
      </c>
      <c r="I48553" s="1" t="s">
        <v>163240</v>
      </c>
      <c r="J48553" s="1" t="s">
        <v>164635</v>
      </c>
    </row>
    <row r="48554" spans="1:10" x14ac:dyDescent="0.35">
      <c r="A48554" s="1" t="s">
        <v>8</v>
      </c>
      <c r="B48554" s="1" t="s">
        <v>163234</v>
      </c>
      <c r="C48554" s="1" t="s">
        <v>55</v>
      </c>
      <c r="D48554" s="1" t="s">
        <v>21532</v>
      </c>
      <c r="E48554" s="1" t="s">
        <v>164636</v>
      </c>
      <c r="F48554" s="1" t="s">
        <v>164637</v>
      </c>
      <c r="G48554" s="1" t="s">
        <v>164607</v>
      </c>
      <c r="H48554" s="1" t="s">
        <v>164608</v>
      </c>
      <c r="I48554" s="1" t="s">
        <v>163240</v>
      </c>
      <c r="J48554" s="1" t="s">
        <v>164638</v>
      </c>
    </row>
    <row r="48555" spans="1:10" x14ac:dyDescent="0.35">
      <c r="A48555" s="1" t="s">
        <v>8</v>
      </c>
      <c r="B48555" s="1" t="s">
        <v>163234</v>
      </c>
      <c r="C48555" s="1" t="s">
        <v>60</v>
      </c>
      <c r="D48555" s="1" t="s">
        <v>163263</v>
      </c>
      <c r="E48555" s="1" t="s">
        <v>164639</v>
      </c>
      <c r="F48555" s="1" t="s">
        <v>164640</v>
      </c>
      <c r="G48555" s="1" t="s">
        <v>164607</v>
      </c>
      <c r="H48555" s="1" t="s">
        <v>164608</v>
      </c>
      <c r="I48555" s="1" t="s">
        <v>163240</v>
      </c>
      <c r="J48555" s="1" t="s">
        <v>164641</v>
      </c>
    </row>
    <row r="48556" spans="1:10" x14ac:dyDescent="0.35">
      <c r="A48556" s="1" t="s">
        <v>8</v>
      </c>
      <c r="B48556" s="1" t="s">
        <v>163234</v>
      </c>
      <c r="C48556" s="1" t="s">
        <v>65</v>
      </c>
      <c r="D48556" s="1" t="s">
        <v>164642</v>
      </c>
      <c r="E48556" s="1" t="s">
        <v>164643</v>
      </c>
      <c r="F48556" s="1" t="s">
        <v>164644</v>
      </c>
      <c r="G48556" s="1" t="s">
        <v>164607</v>
      </c>
      <c r="H48556" s="1" t="s">
        <v>164608</v>
      </c>
      <c r="I48556" s="1" t="s">
        <v>163240</v>
      </c>
      <c r="J48556" s="1" t="s">
        <v>164645</v>
      </c>
    </row>
    <row r="48557" spans="1:10" x14ac:dyDescent="0.35">
      <c r="A48557" s="1" t="s">
        <v>8</v>
      </c>
      <c r="B48557" s="1" t="s">
        <v>163234</v>
      </c>
      <c r="C48557" s="1" t="s">
        <v>70</v>
      </c>
      <c r="D48557" s="1" t="s">
        <v>164646</v>
      </c>
      <c r="E48557" s="1" t="s">
        <v>164647</v>
      </c>
      <c r="F48557" s="1" t="s">
        <v>164648</v>
      </c>
      <c r="G48557" s="1" t="s">
        <v>164607</v>
      </c>
      <c r="H48557" s="1" t="s">
        <v>164608</v>
      </c>
      <c r="I48557" s="1" t="s">
        <v>163240</v>
      </c>
      <c r="J48557" s="1" t="s">
        <v>164649</v>
      </c>
    </row>
    <row r="48558" spans="1:10" x14ac:dyDescent="0.35">
      <c r="A48558" s="1" t="s">
        <v>8</v>
      </c>
      <c r="B48558" s="1" t="s">
        <v>163234</v>
      </c>
      <c r="C48558" s="1" t="s">
        <v>75</v>
      </c>
      <c r="D48558" s="1" t="s">
        <v>164650</v>
      </c>
      <c r="E48558" s="1" t="s">
        <v>164651</v>
      </c>
      <c r="F48558" s="1" t="s">
        <v>164652</v>
      </c>
      <c r="G48558" s="1" t="s">
        <v>164607</v>
      </c>
      <c r="H48558" s="1" t="s">
        <v>164608</v>
      </c>
      <c r="I48558" s="1" t="s">
        <v>163240</v>
      </c>
      <c r="J48558" s="1" t="s">
        <v>164653</v>
      </c>
    </row>
    <row r="48559" spans="1:10" x14ac:dyDescent="0.35">
      <c r="A48559" s="1" t="s">
        <v>8</v>
      </c>
      <c r="B48559" s="1" t="s">
        <v>163234</v>
      </c>
      <c r="C48559" s="1" t="s">
        <v>80</v>
      </c>
      <c r="D48559" s="1" t="s">
        <v>164654</v>
      </c>
      <c r="E48559" s="1" t="s">
        <v>164655</v>
      </c>
      <c r="F48559" s="1" t="s">
        <v>164656</v>
      </c>
      <c r="G48559" s="1" t="s">
        <v>164607</v>
      </c>
      <c r="H48559" s="1" t="s">
        <v>164608</v>
      </c>
      <c r="I48559" s="1" t="s">
        <v>163240</v>
      </c>
      <c r="J48559" s="1" t="s">
        <v>164657</v>
      </c>
    </row>
    <row r="48560" spans="1:10" x14ac:dyDescent="0.35">
      <c r="A48560" s="1" t="s">
        <v>8</v>
      </c>
      <c r="B48560" s="1" t="s">
        <v>163234</v>
      </c>
      <c r="C48560" s="1" t="s">
        <v>85</v>
      </c>
      <c r="D48560" s="1" t="s">
        <v>164658</v>
      </c>
      <c r="E48560" s="1" t="s">
        <v>164659</v>
      </c>
      <c r="F48560" s="1" t="s">
        <v>164660</v>
      </c>
      <c r="G48560" s="1" t="s">
        <v>164607</v>
      </c>
      <c r="H48560" s="1" t="s">
        <v>164608</v>
      </c>
      <c r="I48560" s="1" t="s">
        <v>163240</v>
      </c>
      <c r="J48560" s="1" t="s">
        <v>164661</v>
      </c>
    </row>
    <row r="48561" spans="1:10" x14ac:dyDescent="0.35">
      <c r="A48561" s="1" t="s">
        <v>8</v>
      </c>
      <c r="B48561" s="1" t="s">
        <v>163234</v>
      </c>
      <c r="C48561" s="1" t="s">
        <v>90</v>
      </c>
      <c r="D48561" s="1" t="s">
        <v>164662</v>
      </c>
      <c r="E48561" s="1" t="s">
        <v>164663</v>
      </c>
      <c r="F48561" s="1" t="s">
        <v>164664</v>
      </c>
      <c r="G48561" s="1" t="s">
        <v>164607</v>
      </c>
      <c r="H48561" s="1" t="s">
        <v>164608</v>
      </c>
      <c r="I48561" s="1" t="s">
        <v>163240</v>
      </c>
      <c r="J48561" s="1" t="s">
        <v>164665</v>
      </c>
    </row>
    <row r="48562" spans="1:10" x14ac:dyDescent="0.35">
      <c r="A48562" s="1" t="s">
        <v>8</v>
      </c>
      <c r="B48562" s="1" t="s">
        <v>163234</v>
      </c>
      <c r="C48562" s="1" t="s">
        <v>95</v>
      </c>
      <c r="D48562" s="1" t="s">
        <v>164666</v>
      </c>
      <c r="E48562" s="1" t="s">
        <v>164667</v>
      </c>
      <c r="F48562" s="1" t="s">
        <v>164668</v>
      </c>
      <c r="G48562" s="1" t="s">
        <v>164607</v>
      </c>
      <c r="H48562" s="1" t="s">
        <v>164608</v>
      </c>
      <c r="I48562" s="1" t="s">
        <v>163240</v>
      </c>
      <c r="J48562" s="1" t="s">
        <v>164669</v>
      </c>
    </row>
    <row r="48563" spans="1:10" x14ac:dyDescent="0.35">
      <c r="A48563" s="1" t="s">
        <v>8</v>
      </c>
      <c r="B48563" s="1" t="s">
        <v>163234</v>
      </c>
      <c r="C48563" s="1" t="s">
        <v>100</v>
      </c>
      <c r="D48563" s="1" t="s">
        <v>164670</v>
      </c>
      <c r="E48563" s="1" t="s">
        <v>164671</v>
      </c>
      <c r="F48563" s="1" t="s">
        <v>164672</v>
      </c>
      <c r="G48563" s="1" t="s">
        <v>164607</v>
      </c>
      <c r="H48563" s="1" t="s">
        <v>164608</v>
      </c>
      <c r="I48563" s="1" t="s">
        <v>163240</v>
      </c>
      <c r="J48563" s="1" t="s">
        <v>164673</v>
      </c>
    </row>
    <row r="48564" spans="1:10" x14ac:dyDescent="0.35">
      <c r="A48564" s="1" t="s">
        <v>8</v>
      </c>
      <c r="B48564" s="1" t="s">
        <v>163234</v>
      </c>
      <c r="C48564" s="1" t="s">
        <v>105</v>
      </c>
      <c r="D48564" s="1" t="s">
        <v>164674</v>
      </c>
      <c r="E48564" s="1" t="s">
        <v>164675</v>
      </c>
      <c r="F48564" s="1" t="s">
        <v>164676</v>
      </c>
      <c r="G48564" s="1" t="s">
        <v>164607</v>
      </c>
      <c r="H48564" s="1" t="s">
        <v>164608</v>
      </c>
      <c r="I48564" s="1" t="s">
        <v>163240</v>
      </c>
      <c r="J48564" s="1" t="s">
        <v>164677</v>
      </c>
    </row>
    <row r="48565" spans="1:10" x14ac:dyDescent="0.35">
      <c r="A48565" s="1" t="s">
        <v>8</v>
      </c>
      <c r="B48565" s="1" t="s">
        <v>163234</v>
      </c>
      <c r="C48565" s="1" t="s">
        <v>110</v>
      </c>
      <c r="D48565" s="1" t="s">
        <v>164678</v>
      </c>
      <c r="E48565" s="1" t="s">
        <v>164679</v>
      </c>
      <c r="F48565" s="1" t="s">
        <v>164680</v>
      </c>
      <c r="G48565" s="1" t="s">
        <v>164607</v>
      </c>
      <c r="H48565" s="1" t="s">
        <v>164608</v>
      </c>
      <c r="I48565" s="1" t="s">
        <v>163240</v>
      </c>
      <c r="J48565" s="1" t="s">
        <v>164681</v>
      </c>
    </row>
    <row r="48566" spans="1:10" x14ac:dyDescent="0.35">
      <c r="A48566" s="1" t="s">
        <v>8</v>
      </c>
      <c r="B48566" s="1" t="s">
        <v>163234</v>
      </c>
      <c r="C48566" s="1" t="s">
        <v>115</v>
      </c>
      <c r="D48566" s="1" t="s">
        <v>164682</v>
      </c>
      <c r="E48566" s="1" t="s">
        <v>164683</v>
      </c>
      <c r="F48566" s="1" t="s">
        <v>164684</v>
      </c>
      <c r="G48566" s="1" t="s">
        <v>164607</v>
      </c>
      <c r="H48566" s="1" t="s">
        <v>164608</v>
      </c>
      <c r="I48566" s="1" t="s">
        <v>163240</v>
      </c>
      <c r="J48566" s="1" t="s">
        <v>164685</v>
      </c>
    </row>
    <row r="48567" spans="1:10" x14ac:dyDescent="0.35">
      <c r="A48567" s="1" t="s">
        <v>8</v>
      </c>
      <c r="B48567" s="1" t="s">
        <v>163234</v>
      </c>
      <c r="C48567" s="1" t="s">
        <v>120</v>
      </c>
      <c r="D48567" s="1" t="s">
        <v>164686</v>
      </c>
      <c r="E48567" s="1" t="s">
        <v>164687</v>
      </c>
      <c r="F48567" s="1" t="s">
        <v>164688</v>
      </c>
      <c r="G48567" s="1" t="s">
        <v>164607</v>
      </c>
      <c r="H48567" s="1" t="s">
        <v>164608</v>
      </c>
      <c r="I48567" s="1" t="s">
        <v>163240</v>
      </c>
      <c r="J48567" s="1" t="s">
        <v>164689</v>
      </c>
    </row>
    <row r="48568" spans="1:10" x14ac:dyDescent="0.35">
      <c r="A48568" s="1" t="s">
        <v>8</v>
      </c>
      <c r="B48568" s="1" t="s">
        <v>163234</v>
      </c>
      <c r="C48568" s="1" t="s">
        <v>125</v>
      </c>
      <c r="D48568" s="1" t="s">
        <v>164690</v>
      </c>
      <c r="E48568" s="1" t="s">
        <v>164691</v>
      </c>
      <c r="F48568" s="1" t="s">
        <v>164692</v>
      </c>
      <c r="G48568" s="1" t="s">
        <v>164607</v>
      </c>
      <c r="H48568" s="1" t="s">
        <v>164608</v>
      </c>
      <c r="I48568" s="1" t="s">
        <v>163240</v>
      </c>
      <c r="J48568" s="1" t="s">
        <v>164693</v>
      </c>
    </row>
    <row r="48569" spans="1:10" x14ac:dyDescent="0.35">
      <c r="A48569" s="1" t="s">
        <v>8</v>
      </c>
      <c r="B48569" s="1" t="s">
        <v>163234</v>
      </c>
      <c r="C48569" s="1" t="s">
        <v>130</v>
      </c>
      <c r="D48569" s="1" t="s">
        <v>164694</v>
      </c>
      <c r="E48569" s="1" t="s">
        <v>164695</v>
      </c>
      <c r="F48569" s="1" t="s">
        <v>164696</v>
      </c>
      <c r="G48569" s="1" t="s">
        <v>164607</v>
      </c>
      <c r="H48569" s="1" t="s">
        <v>164608</v>
      </c>
      <c r="I48569" s="1" t="s">
        <v>163240</v>
      </c>
      <c r="J48569" s="1" t="s">
        <v>164697</v>
      </c>
    </row>
    <row r="48570" spans="1:10" x14ac:dyDescent="0.35">
      <c r="A48570" s="1" t="s">
        <v>8</v>
      </c>
      <c r="B48570" s="1" t="s">
        <v>163234</v>
      </c>
      <c r="C48570" s="1" t="s">
        <v>135</v>
      </c>
      <c r="D48570" s="1" t="s">
        <v>164698</v>
      </c>
      <c r="E48570" s="1" t="s">
        <v>164699</v>
      </c>
      <c r="F48570" s="1" t="s">
        <v>164700</v>
      </c>
      <c r="G48570" s="1" t="s">
        <v>164607</v>
      </c>
      <c r="H48570" s="1" t="s">
        <v>164608</v>
      </c>
      <c r="I48570" s="1" t="s">
        <v>163240</v>
      </c>
      <c r="J48570" s="1" t="s">
        <v>164701</v>
      </c>
    </row>
    <row r="48571" spans="1:10" x14ac:dyDescent="0.35">
      <c r="A48571" s="1" t="s">
        <v>8</v>
      </c>
      <c r="B48571" s="1" t="s">
        <v>163234</v>
      </c>
      <c r="C48571" s="1" t="s">
        <v>140</v>
      </c>
      <c r="D48571" s="1" t="s">
        <v>70367</v>
      </c>
      <c r="E48571" s="1" t="s">
        <v>164702</v>
      </c>
      <c r="F48571" s="1" t="s">
        <v>164703</v>
      </c>
      <c r="G48571" s="1" t="s">
        <v>164607</v>
      </c>
      <c r="H48571" s="1" t="s">
        <v>164608</v>
      </c>
      <c r="I48571" s="1" t="s">
        <v>163240</v>
      </c>
      <c r="J48571" s="1" t="s">
        <v>164704</v>
      </c>
    </row>
    <row r="48572" spans="1:10" x14ac:dyDescent="0.35">
      <c r="A48572" s="1" t="s">
        <v>8</v>
      </c>
      <c r="B48572" s="1" t="s">
        <v>163234</v>
      </c>
      <c r="C48572" s="1" t="s">
        <v>145</v>
      </c>
      <c r="D48572" s="1" t="s">
        <v>164705</v>
      </c>
      <c r="E48572" s="1" t="s">
        <v>164706</v>
      </c>
      <c r="F48572" s="1" t="s">
        <v>164707</v>
      </c>
      <c r="G48572" s="1" t="s">
        <v>164607</v>
      </c>
      <c r="H48572" s="1" t="s">
        <v>164608</v>
      </c>
      <c r="I48572" s="1" t="s">
        <v>163240</v>
      </c>
      <c r="J48572" s="1" t="s">
        <v>164708</v>
      </c>
    </row>
    <row r="48573" spans="1:10" x14ac:dyDescent="0.35">
      <c r="A48573" s="1" t="s">
        <v>8</v>
      </c>
      <c r="B48573" s="1" t="s">
        <v>163234</v>
      </c>
      <c r="C48573" s="1" t="s">
        <v>150</v>
      </c>
      <c r="D48573" s="1" t="s">
        <v>164709</v>
      </c>
      <c r="E48573" s="1" t="s">
        <v>164710</v>
      </c>
      <c r="F48573" s="1" t="s">
        <v>164711</v>
      </c>
      <c r="G48573" s="1" t="s">
        <v>164607</v>
      </c>
      <c r="H48573" s="1" t="s">
        <v>164608</v>
      </c>
      <c r="I48573" s="1" t="s">
        <v>163240</v>
      </c>
      <c r="J48573" s="1" t="s">
        <v>164712</v>
      </c>
    </row>
    <row r="48574" spans="1:10" x14ac:dyDescent="0.35">
      <c r="A48574" s="1" t="s">
        <v>8</v>
      </c>
      <c r="B48574" s="1" t="s">
        <v>163234</v>
      </c>
      <c r="C48574" s="1" t="s">
        <v>155</v>
      </c>
      <c r="D48574" s="1" t="s">
        <v>164713</v>
      </c>
      <c r="E48574" s="1" t="s">
        <v>164714</v>
      </c>
      <c r="F48574" s="1" t="s">
        <v>164715</v>
      </c>
      <c r="G48574" s="1" t="s">
        <v>164607</v>
      </c>
      <c r="H48574" s="1" t="s">
        <v>164608</v>
      </c>
      <c r="I48574" s="1" t="s">
        <v>163240</v>
      </c>
      <c r="J48574" s="1" t="s">
        <v>164716</v>
      </c>
    </row>
    <row r="48575" spans="1:10" x14ac:dyDescent="0.35">
      <c r="A48575" s="1" t="s">
        <v>8</v>
      </c>
      <c r="B48575" s="1" t="s">
        <v>163234</v>
      </c>
      <c r="C48575" s="1" t="s">
        <v>160</v>
      </c>
      <c r="D48575" s="1" t="s">
        <v>164717</v>
      </c>
      <c r="E48575" s="1" t="s">
        <v>164718</v>
      </c>
      <c r="F48575" s="1" t="s">
        <v>164719</v>
      </c>
      <c r="G48575" s="1" t="s">
        <v>164607</v>
      </c>
      <c r="H48575" s="1" t="s">
        <v>164608</v>
      </c>
      <c r="I48575" s="1" t="s">
        <v>163240</v>
      </c>
      <c r="J48575" s="1" t="s">
        <v>164720</v>
      </c>
    </row>
    <row r="48576" spans="1:10" x14ac:dyDescent="0.35">
      <c r="A48576" s="1" t="s">
        <v>8</v>
      </c>
      <c r="B48576" s="1" t="s">
        <v>163234</v>
      </c>
      <c r="C48576" s="1" t="s">
        <v>165</v>
      </c>
      <c r="D48576" s="1" t="s">
        <v>164721</v>
      </c>
      <c r="E48576" s="1" t="s">
        <v>164722</v>
      </c>
      <c r="F48576" s="1" t="s">
        <v>164723</v>
      </c>
      <c r="G48576" s="1" t="s">
        <v>164607</v>
      </c>
      <c r="H48576" s="1" t="s">
        <v>164608</v>
      </c>
      <c r="I48576" s="1" t="s">
        <v>163240</v>
      </c>
      <c r="J48576" s="1" t="s">
        <v>164724</v>
      </c>
    </row>
    <row r="48577" spans="1:10" x14ac:dyDescent="0.35">
      <c r="A48577" s="1" t="s">
        <v>8</v>
      </c>
      <c r="B48577" s="1" t="s">
        <v>163234</v>
      </c>
      <c r="C48577" s="1" t="s">
        <v>170</v>
      </c>
      <c r="D48577" s="1" t="s">
        <v>164725</v>
      </c>
      <c r="E48577" s="1" t="s">
        <v>164726</v>
      </c>
      <c r="F48577" s="1" t="s">
        <v>164727</v>
      </c>
      <c r="G48577" s="1" t="s">
        <v>164607</v>
      </c>
      <c r="H48577" s="1" t="s">
        <v>164608</v>
      </c>
      <c r="I48577" s="1" t="s">
        <v>163240</v>
      </c>
      <c r="J48577" s="1" t="s">
        <v>164728</v>
      </c>
    </row>
    <row r="48578" spans="1:10" x14ac:dyDescent="0.35">
      <c r="A48578" s="1" t="s">
        <v>15</v>
      </c>
      <c r="B48578" s="1" t="s">
        <v>163234</v>
      </c>
      <c r="C48578" s="1" t="s">
        <v>8</v>
      </c>
      <c r="D48578" s="1" t="s">
        <v>163070</v>
      </c>
      <c r="E48578" s="1" t="s">
        <v>164729</v>
      </c>
      <c r="F48578" s="1" t="s">
        <v>164730</v>
      </c>
      <c r="G48578" s="1" t="s">
        <v>164731</v>
      </c>
      <c r="H48578" s="1" t="s">
        <v>164732</v>
      </c>
      <c r="I48578" s="1" t="s">
        <v>163240</v>
      </c>
      <c r="J48578" s="1" t="s">
        <v>13</v>
      </c>
    </row>
    <row r="48579" spans="1:10" x14ac:dyDescent="0.35">
      <c r="A48579" s="1" t="s">
        <v>15</v>
      </c>
      <c r="B48579" s="1" t="s">
        <v>163234</v>
      </c>
      <c r="C48579" s="1" t="s">
        <v>15</v>
      </c>
      <c r="D48579" s="1" t="s">
        <v>61792</v>
      </c>
      <c r="E48579" s="1" t="s">
        <v>164733</v>
      </c>
      <c r="F48579" s="1" t="s">
        <v>164734</v>
      </c>
      <c r="G48579" s="1" t="s">
        <v>164731</v>
      </c>
      <c r="H48579" s="1" t="s">
        <v>164732</v>
      </c>
      <c r="I48579" s="1" t="s">
        <v>163240</v>
      </c>
      <c r="J48579" s="1" t="s">
        <v>164735</v>
      </c>
    </row>
    <row r="48580" spans="1:10" x14ac:dyDescent="0.35">
      <c r="A48580" s="1" t="s">
        <v>15</v>
      </c>
      <c r="B48580" s="1" t="s">
        <v>163234</v>
      </c>
      <c r="C48580" s="1" t="s">
        <v>20</v>
      </c>
      <c r="D48580" s="1" t="s">
        <v>164736</v>
      </c>
      <c r="E48580" s="1" t="s">
        <v>164737</v>
      </c>
      <c r="F48580" s="1" t="s">
        <v>164738</v>
      </c>
      <c r="G48580" s="1" t="s">
        <v>164731</v>
      </c>
      <c r="H48580" s="1" t="s">
        <v>164732</v>
      </c>
      <c r="I48580" s="1" t="s">
        <v>163240</v>
      </c>
      <c r="J48580" s="1" t="s">
        <v>164739</v>
      </c>
    </row>
    <row r="48581" spans="1:10" x14ac:dyDescent="0.35">
      <c r="A48581" s="1" t="s">
        <v>15</v>
      </c>
      <c r="B48581" s="1" t="s">
        <v>163234</v>
      </c>
      <c r="C48581" s="1" t="s">
        <v>25</v>
      </c>
      <c r="D48581" s="1" t="s">
        <v>164740</v>
      </c>
      <c r="E48581" s="1" t="s">
        <v>164741</v>
      </c>
      <c r="F48581" s="1" t="s">
        <v>164742</v>
      </c>
      <c r="G48581" s="1" t="s">
        <v>164731</v>
      </c>
      <c r="H48581" s="1" t="s">
        <v>164732</v>
      </c>
      <c r="I48581" s="1" t="s">
        <v>163240</v>
      </c>
      <c r="J48581" s="1" t="s">
        <v>164743</v>
      </c>
    </row>
    <row r="48582" spans="1:10" x14ac:dyDescent="0.35">
      <c r="A48582" s="1" t="s">
        <v>15</v>
      </c>
      <c r="B48582" s="1" t="s">
        <v>163234</v>
      </c>
      <c r="C48582" s="1" t="s">
        <v>30</v>
      </c>
      <c r="D48582" s="1" t="s">
        <v>164744</v>
      </c>
      <c r="E48582" s="1" t="s">
        <v>164745</v>
      </c>
      <c r="F48582" s="1" t="s">
        <v>164746</v>
      </c>
      <c r="G48582" s="1" t="s">
        <v>164731</v>
      </c>
      <c r="H48582" s="1" t="s">
        <v>164732</v>
      </c>
      <c r="I48582" s="1" t="s">
        <v>163240</v>
      </c>
      <c r="J48582" s="1" t="s">
        <v>164747</v>
      </c>
    </row>
    <row r="48583" spans="1:10" x14ac:dyDescent="0.35">
      <c r="A48583" s="1" t="s">
        <v>15</v>
      </c>
      <c r="B48583" s="1" t="s">
        <v>163234</v>
      </c>
      <c r="C48583" s="1" t="s">
        <v>35</v>
      </c>
      <c r="D48583" s="1" t="s">
        <v>164748</v>
      </c>
      <c r="E48583" s="1" t="s">
        <v>164749</v>
      </c>
      <c r="F48583" s="1" t="s">
        <v>164750</v>
      </c>
      <c r="G48583" s="1" t="s">
        <v>164731</v>
      </c>
      <c r="H48583" s="1" t="s">
        <v>164732</v>
      </c>
      <c r="I48583" s="1" t="s">
        <v>163240</v>
      </c>
      <c r="J48583" s="1" t="s">
        <v>164751</v>
      </c>
    </row>
    <row r="48584" spans="1:10" x14ac:dyDescent="0.35">
      <c r="A48584" s="1" t="s">
        <v>15</v>
      </c>
      <c r="B48584" s="1" t="s">
        <v>163234</v>
      </c>
      <c r="C48584" s="1" t="s">
        <v>40</v>
      </c>
      <c r="D48584" s="1" t="s">
        <v>164752</v>
      </c>
      <c r="E48584" s="1" t="s">
        <v>164753</v>
      </c>
      <c r="F48584" s="1" t="s">
        <v>164754</v>
      </c>
      <c r="G48584" s="1" t="s">
        <v>164731</v>
      </c>
      <c r="H48584" s="1" t="s">
        <v>164732</v>
      </c>
      <c r="I48584" s="1" t="s">
        <v>163240</v>
      </c>
      <c r="J48584" s="1" t="s">
        <v>164755</v>
      </c>
    </row>
    <row r="48585" spans="1:10" x14ac:dyDescent="0.35">
      <c r="A48585" s="1" t="s">
        <v>15</v>
      </c>
      <c r="B48585" s="1" t="s">
        <v>163234</v>
      </c>
      <c r="C48585" s="1" t="s">
        <v>45</v>
      </c>
      <c r="D48585" s="1" t="s">
        <v>164756</v>
      </c>
      <c r="E48585" s="1" t="s">
        <v>164757</v>
      </c>
      <c r="F48585" s="1" t="s">
        <v>164758</v>
      </c>
      <c r="G48585" s="1" t="s">
        <v>164731</v>
      </c>
      <c r="H48585" s="1" t="s">
        <v>164732</v>
      </c>
      <c r="I48585" s="1" t="s">
        <v>163240</v>
      </c>
      <c r="J48585" s="1" t="s">
        <v>164759</v>
      </c>
    </row>
    <row r="48586" spans="1:10" x14ac:dyDescent="0.35">
      <c r="A48586" s="1" t="s">
        <v>15</v>
      </c>
      <c r="B48586" s="1" t="s">
        <v>163234</v>
      </c>
      <c r="C48586" s="1" t="s">
        <v>50</v>
      </c>
      <c r="D48586" s="1" t="s">
        <v>164760</v>
      </c>
      <c r="E48586" s="1" t="s">
        <v>164761</v>
      </c>
      <c r="F48586" s="1" t="s">
        <v>164762</v>
      </c>
      <c r="G48586" s="1" t="s">
        <v>164731</v>
      </c>
      <c r="H48586" s="1" t="s">
        <v>164732</v>
      </c>
      <c r="I48586" s="1" t="s">
        <v>163240</v>
      </c>
      <c r="J48586" s="1" t="s">
        <v>164763</v>
      </c>
    </row>
    <row r="48587" spans="1:10" x14ac:dyDescent="0.35">
      <c r="A48587" s="1" t="s">
        <v>15</v>
      </c>
      <c r="B48587" s="1" t="s">
        <v>163234</v>
      </c>
      <c r="C48587" s="1" t="s">
        <v>55</v>
      </c>
      <c r="D48587" s="1" t="s">
        <v>164764</v>
      </c>
      <c r="E48587" s="1" t="s">
        <v>164765</v>
      </c>
      <c r="F48587" s="1" t="s">
        <v>164766</v>
      </c>
      <c r="G48587" s="1" t="s">
        <v>164731</v>
      </c>
      <c r="H48587" s="1" t="s">
        <v>164732</v>
      </c>
      <c r="I48587" s="1" t="s">
        <v>163240</v>
      </c>
      <c r="J48587" s="1" t="s">
        <v>164767</v>
      </c>
    </row>
    <row r="48588" spans="1:10" x14ac:dyDescent="0.35">
      <c r="A48588" s="1" t="s">
        <v>15</v>
      </c>
      <c r="B48588" s="1" t="s">
        <v>163234</v>
      </c>
      <c r="C48588" s="1" t="s">
        <v>60</v>
      </c>
      <c r="D48588" s="1" t="s">
        <v>164768</v>
      </c>
      <c r="E48588" s="1" t="s">
        <v>164769</v>
      </c>
      <c r="F48588" s="1" t="s">
        <v>164770</v>
      </c>
      <c r="G48588" s="1" t="s">
        <v>164731</v>
      </c>
      <c r="H48588" s="1" t="s">
        <v>164732</v>
      </c>
      <c r="I48588" s="1" t="s">
        <v>163240</v>
      </c>
      <c r="J48588" s="1" t="s">
        <v>164771</v>
      </c>
    </row>
    <row r="48589" spans="1:10" x14ac:dyDescent="0.35">
      <c r="A48589" s="1" t="s">
        <v>15</v>
      </c>
      <c r="B48589" s="1" t="s">
        <v>163234</v>
      </c>
      <c r="C48589" s="1" t="s">
        <v>65</v>
      </c>
      <c r="D48589" s="1" t="s">
        <v>164772</v>
      </c>
      <c r="E48589" s="1" t="s">
        <v>164773</v>
      </c>
      <c r="F48589" s="1" t="s">
        <v>164774</v>
      </c>
      <c r="G48589" s="1" t="s">
        <v>164731</v>
      </c>
      <c r="H48589" s="1" t="s">
        <v>164732</v>
      </c>
      <c r="I48589" s="1" t="s">
        <v>163240</v>
      </c>
      <c r="J48589" s="1" t="s">
        <v>164775</v>
      </c>
    </row>
    <row r="48590" spans="1:10" x14ac:dyDescent="0.35">
      <c r="A48590" s="1" t="s">
        <v>15</v>
      </c>
      <c r="B48590" s="1" t="s">
        <v>163234</v>
      </c>
      <c r="C48590" s="1" t="s">
        <v>70</v>
      </c>
      <c r="D48590" s="1" t="s">
        <v>39036</v>
      </c>
      <c r="E48590" s="1" t="s">
        <v>164776</v>
      </c>
      <c r="F48590" s="1" t="s">
        <v>164777</v>
      </c>
      <c r="G48590" s="1" t="s">
        <v>164731</v>
      </c>
      <c r="H48590" s="1" t="s">
        <v>164732</v>
      </c>
      <c r="I48590" s="1" t="s">
        <v>163240</v>
      </c>
      <c r="J48590" s="1" t="s">
        <v>164778</v>
      </c>
    </row>
    <row r="48591" spans="1:10" x14ac:dyDescent="0.35">
      <c r="A48591" s="1" t="s">
        <v>15</v>
      </c>
      <c r="B48591" s="1" t="s">
        <v>163234</v>
      </c>
      <c r="C48591" s="1" t="s">
        <v>75</v>
      </c>
      <c r="D48591" s="1" t="s">
        <v>164779</v>
      </c>
      <c r="E48591" s="1" t="s">
        <v>164780</v>
      </c>
      <c r="F48591" s="1" t="s">
        <v>164781</v>
      </c>
      <c r="G48591" s="1" t="s">
        <v>164731</v>
      </c>
      <c r="H48591" s="1" t="s">
        <v>164732</v>
      </c>
      <c r="I48591" s="1" t="s">
        <v>163240</v>
      </c>
      <c r="J48591" s="1" t="s">
        <v>164782</v>
      </c>
    </row>
    <row r="48592" spans="1:10" x14ac:dyDescent="0.35">
      <c r="A48592" s="1" t="s">
        <v>15</v>
      </c>
      <c r="B48592" s="1" t="s">
        <v>163234</v>
      </c>
      <c r="C48592" s="1" t="s">
        <v>80</v>
      </c>
      <c r="D48592" s="1" t="s">
        <v>164783</v>
      </c>
      <c r="E48592" s="1" t="s">
        <v>164784</v>
      </c>
      <c r="F48592" s="1" t="s">
        <v>164785</v>
      </c>
      <c r="G48592" s="1" t="s">
        <v>164731</v>
      </c>
      <c r="H48592" s="1" t="s">
        <v>164732</v>
      </c>
      <c r="I48592" s="1" t="s">
        <v>163240</v>
      </c>
      <c r="J48592" s="1" t="s">
        <v>164786</v>
      </c>
    </row>
    <row r="48593" spans="1:10" x14ac:dyDescent="0.35">
      <c r="A48593" s="1" t="s">
        <v>15</v>
      </c>
      <c r="B48593" s="1" t="s">
        <v>163234</v>
      </c>
      <c r="C48593" s="1" t="s">
        <v>85</v>
      </c>
      <c r="D48593" s="1" t="s">
        <v>164787</v>
      </c>
      <c r="E48593" s="1" t="s">
        <v>164788</v>
      </c>
      <c r="F48593" s="1" t="s">
        <v>164789</v>
      </c>
      <c r="G48593" s="1" t="s">
        <v>164731</v>
      </c>
      <c r="H48593" s="1" t="s">
        <v>164732</v>
      </c>
      <c r="I48593" s="1" t="s">
        <v>163240</v>
      </c>
      <c r="J48593" s="1" t="s">
        <v>164790</v>
      </c>
    </row>
    <row r="48594" spans="1:10" x14ac:dyDescent="0.35">
      <c r="A48594" s="1" t="s">
        <v>15</v>
      </c>
      <c r="B48594" s="1" t="s">
        <v>163234</v>
      </c>
      <c r="C48594" s="1" t="s">
        <v>90</v>
      </c>
      <c r="D48594" s="1" t="s">
        <v>164791</v>
      </c>
      <c r="E48594" s="1" t="s">
        <v>164792</v>
      </c>
      <c r="F48594" s="1" t="s">
        <v>164793</v>
      </c>
      <c r="G48594" s="1" t="s">
        <v>164731</v>
      </c>
      <c r="H48594" s="1" t="s">
        <v>164732</v>
      </c>
      <c r="I48594" s="1" t="s">
        <v>163240</v>
      </c>
      <c r="J48594" s="1" t="s">
        <v>164794</v>
      </c>
    </row>
    <row r="48595" spans="1:10" x14ac:dyDescent="0.35">
      <c r="A48595" s="1" t="s">
        <v>15</v>
      </c>
      <c r="B48595" s="1" t="s">
        <v>163234</v>
      </c>
      <c r="C48595" s="1" t="s">
        <v>95</v>
      </c>
      <c r="D48595" s="1" t="s">
        <v>164795</v>
      </c>
      <c r="E48595" s="1" t="s">
        <v>164796</v>
      </c>
      <c r="F48595" s="1" t="s">
        <v>164797</v>
      </c>
      <c r="G48595" s="1" t="s">
        <v>164731</v>
      </c>
      <c r="H48595" s="1" t="s">
        <v>164732</v>
      </c>
      <c r="I48595" s="1" t="s">
        <v>163240</v>
      </c>
      <c r="J48595" s="1" t="s">
        <v>164798</v>
      </c>
    </row>
    <row r="48596" spans="1:10" x14ac:dyDescent="0.35">
      <c r="A48596" s="1" t="s">
        <v>15</v>
      </c>
      <c r="B48596" s="1" t="s">
        <v>163234</v>
      </c>
      <c r="C48596" s="1" t="s">
        <v>100</v>
      </c>
      <c r="D48596" s="1" t="s">
        <v>164799</v>
      </c>
      <c r="E48596" s="1" t="s">
        <v>164800</v>
      </c>
      <c r="F48596" s="1" t="s">
        <v>164801</v>
      </c>
      <c r="G48596" s="1" t="s">
        <v>164731</v>
      </c>
      <c r="H48596" s="1" t="s">
        <v>164732</v>
      </c>
      <c r="I48596" s="1" t="s">
        <v>163240</v>
      </c>
      <c r="J48596" s="1" t="s">
        <v>164802</v>
      </c>
    </row>
    <row r="48597" spans="1:10" x14ac:dyDescent="0.35">
      <c r="A48597" s="1" t="s">
        <v>15</v>
      </c>
      <c r="B48597" s="1" t="s">
        <v>163234</v>
      </c>
      <c r="C48597" s="1" t="s">
        <v>105</v>
      </c>
      <c r="D48597" s="1" t="s">
        <v>164803</v>
      </c>
      <c r="E48597" s="1" t="s">
        <v>164804</v>
      </c>
      <c r="F48597" s="1" t="s">
        <v>164805</v>
      </c>
      <c r="G48597" s="1" t="s">
        <v>164731</v>
      </c>
      <c r="H48597" s="1" t="s">
        <v>164732</v>
      </c>
      <c r="I48597" s="1" t="s">
        <v>163240</v>
      </c>
      <c r="J48597" s="1" t="s">
        <v>164806</v>
      </c>
    </row>
    <row r="48598" spans="1:10" x14ac:dyDescent="0.35">
      <c r="A48598" s="1" t="s">
        <v>15</v>
      </c>
      <c r="B48598" s="1" t="s">
        <v>163234</v>
      </c>
      <c r="C48598" s="1" t="s">
        <v>110</v>
      </c>
      <c r="D48598" s="1" t="s">
        <v>23755</v>
      </c>
      <c r="E48598" s="1" t="s">
        <v>164807</v>
      </c>
      <c r="F48598" s="1" t="s">
        <v>164808</v>
      </c>
      <c r="G48598" s="1" t="s">
        <v>164731</v>
      </c>
      <c r="H48598" s="1" t="s">
        <v>164732</v>
      </c>
      <c r="I48598" s="1" t="s">
        <v>163240</v>
      </c>
      <c r="J48598" s="1" t="s">
        <v>164809</v>
      </c>
    </row>
    <row r="48599" spans="1:10" x14ac:dyDescent="0.35">
      <c r="A48599" s="1" t="s">
        <v>15</v>
      </c>
      <c r="B48599" s="1" t="s">
        <v>163234</v>
      </c>
      <c r="C48599" s="1" t="s">
        <v>115</v>
      </c>
      <c r="D48599" s="1" t="s">
        <v>164810</v>
      </c>
      <c r="E48599" s="1" t="s">
        <v>164811</v>
      </c>
      <c r="F48599" s="1" t="s">
        <v>164812</v>
      </c>
      <c r="G48599" s="1" t="s">
        <v>164731</v>
      </c>
      <c r="H48599" s="1" t="s">
        <v>164732</v>
      </c>
      <c r="I48599" s="1" t="s">
        <v>163240</v>
      </c>
      <c r="J48599" s="1" t="s">
        <v>164813</v>
      </c>
    </row>
    <row r="48600" spans="1:10" x14ac:dyDescent="0.35">
      <c r="A48600" s="1" t="s">
        <v>15</v>
      </c>
      <c r="B48600" s="1" t="s">
        <v>163234</v>
      </c>
      <c r="C48600" s="1" t="s">
        <v>120</v>
      </c>
      <c r="D48600" s="1" t="s">
        <v>164814</v>
      </c>
      <c r="E48600" s="1" t="s">
        <v>164815</v>
      </c>
      <c r="F48600" s="1" t="s">
        <v>164816</v>
      </c>
      <c r="G48600" s="1" t="s">
        <v>164731</v>
      </c>
      <c r="H48600" s="1" t="s">
        <v>164732</v>
      </c>
      <c r="I48600" s="1" t="s">
        <v>163240</v>
      </c>
      <c r="J48600" s="1" t="s">
        <v>164817</v>
      </c>
    </row>
    <row r="48601" spans="1:10" x14ac:dyDescent="0.35">
      <c r="A48601" s="1" t="s">
        <v>15</v>
      </c>
      <c r="B48601" s="1" t="s">
        <v>163234</v>
      </c>
      <c r="C48601" s="1" t="s">
        <v>125</v>
      </c>
      <c r="D48601" s="1" t="s">
        <v>164818</v>
      </c>
      <c r="E48601" s="1" t="s">
        <v>164819</v>
      </c>
      <c r="F48601" s="1" t="s">
        <v>164820</v>
      </c>
      <c r="G48601" s="1" t="s">
        <v>164731</v>
      </c>
      <c r="H48601" s="1" t="s">
        <v>164732</v>
      </c>
      <c r="I48601" s="1" t="s">
        <v>163240</v>
      </c>
      <c r="J48601" s="1" t="s">
        <v>164821</v>
      </c>
    </row>
    <row r="48602" spans="1:10" x14ac:dyDescent="0.35">
      <c r="A48602" s="1" t="s">
        <v>15</v>
      </c>
      <c r="B48602" s="1" t="s">
        <v>163234</v>
      </c>
      <c r="C48602" s="1" t="s">
        <v>130</v>
      </c>
      <c r="D48602" s="1" t="s">
        <v>164822</v>
      </c>
      <c r="E48602" s="1" t="s">
        <v>164823</v>
      </c>
      <c r="F48602" s="1" t="s">
        <v>164824</v>
      </c>
      <c r="G48602" s="1" t="s">
        <v>164731</v>
      </c>
      <c r="H48602" s="1" t="s">
        <v>164732</v>
      </c>
      <c r="I48602" s="1" t="s">
        <v>163240</v>
      </c>
      <c r="J48602" s="1" t="s">
        <v>164825</v>
      </c>
    </row>
    <row r="48603" spans="1:10" x14ac:dyDescent="0.35">
      <c r="A48603" s="1" t="s">
        <v>15</v>
      </c>
      <c r="B48603" s="1" t="s">
        <v>163234</v>
      </c>
      <c r="C48603" s="1" t="s">
        <v>135</v>
      </c>
      <c r="D48603" s="1" t="s">
        <v>164826</v>
      </c>
      <c r="E48603" s="1" t="s">
        <v>164827</v>
      </c>
      <c r="F48603" s="1" t="s">
        <v>164828</v>
      </c>
      <c r="G48603" s="1" t="s">
        <v>164731</v>
      </c>
      <c r="H48603" s="1" t="s">
        <v>164732</v>
      </c>
      <c r="I48603" s="1" t="s">
        <v>163240</v>
      </c>
      <c r="J48603" s="1" t="s">
        <v>164829</v>
      </c>
    </row>
    <row r="48604" spans="1:10" x14ac:dyDescent="0.35">
      <c r="A48604" s="1" t="s">
        <v>15</v>
      </c>
      <c r="B48604" s="1" t="s">
        <v>163234</v>
      </c>
      <c r="C48604" s="1" t="s">
        <v>140</v>
      </c>
      <c r="D48604" s="1" t="s">
        <v>164830</v>
      </c>
      <c r="E48604" s="1" t="s">
        <v>164831</v>
      </c>
      <c r="F48604" s="1" t="s">
        <v>12861</v>
      </c>
      <c r="G48604" s="1" t="s">
        <v>164731</v>
      </c>
      <c r="H48604" s="1" t="s">
        <v>164732</v>
      </c>
      <c r="I48604" s="1" t="s">
        <v>163240</v>
      </c>
      <c r="J48604" s="1" t="s">
        <v>164832</v>
      </c>
    </row>
    <row r="48605" spans="1:10" x14ac:dyDescent="0.35">
      <c r="A48605" s="1" t="s">
        <v>15</v>
      </c>
      <c r="B48605" s="1" t="s">
        <v>163234</v>
      </c>
      <c r="C48605" s="1" t="s">
        <v>145</v>
      </c>
      <c r="D48605" s="1" t="s">
        <v>164833</v>
      </c>
      <c r="E48605" s="1" t="s">
        <v>164834</v>
      </c>
      <c r="F48605" s="1" t="s">
        <v>164835</v>
      </c>
      <c r="G48605" s="1" t="s">
        <v>164731</v>
      </c>
      <c r="H48605" s="1" t="s">
        <v>164732</v>
      </c>
      <c r="I48605" s="1" t="s">
        <v>163240</v>
      </c>
      <c r="J48605" s="1" t="s">
        <v>164836</v>
      </c>
    </row>
    <row r="48606" spans="1:10" x14ac:dyDescent="0.35">
      <c r="A48606" s="1" t="s">
        <v>15</v>
      </c>
      <c r="B48606" s="1" t="s">
        <v>163234</v>
      </c>
      <c r="C48606" s="1" t="s">
        <v>150</v>
      </c>
      <c r="D48606" s="1" t="s">
        <v>164837</v>
      </c>
      <c r="E48606" s="1" t="s">
        <v>164838</v>
      </c>
      <c r="F48606" s="1" t="s">
        <v>164839</v>
      </c>
      <c r="G48606" s="1" t="s">
        <v>164731</v>
      </c>
      <c r="H48606" s="1" t="s">
        <v>164732</v>
      </c>
      <c r="I48606" s="1" t="s">
        <v>163240</v>
      </c>
      <c r="J48606" s="1" t="s">
        <v>164840</v>
      </c>
    </row>
    <row r="48607" spans="1:10" x14ac:dyDescent="0.35">
      <c r="A48607" s="1" t="s">
        <v>15</v>
      </c>
      <c r="B48607" s="1" t="s">
        <v>163234</v>
      </c>
      <c r="C48607" s="1" t="s">
        <v>155</v>
      </c>
      <c r="D48607" s="1" t="s">
        <v>164841</v>
      </c>
      <c r="E48607" s="1" t="s">
        <v>164842</v>
      </c>
      <c r="F48607" s="1" t="s">
        <v>164843</v>
      </c>
      <c r="G48607" s="1" t="s">
        <v>164731</v>
      </c>
      <c r="H48607" s="1" t="s">
        <v>164732</v>
      </c>
      <c r="I48607" s="1" t="s">
        <v>163240</v>
      </c>
      <c r="J48607" s="1" t="s">
        <v>164844</v>
      </c>
    </row>
    <row r="48608" spans="1:10" x14ac:dyDescent="0.35">
      <c r="A48608" s="1" t="s">
        <v>15</v>
      </c>
      <c r="B48608" s="1" t="s">
        <v>163234</v>
      </c>
      <c r="C48608" s="1" t="s">
        <v>160</v>
      </c>
      <c r="D48608" s="1" t="s">
        <v>164845</v>
      </c>
      <c r="E48608" s="1" t="s">
        <v>164846</v>
      </c>
      <c r="F48608" s="1" t="s">
        <v>164847</v>
      </c>
      <c r="G48608" s="1" t="s">
        <v>164731</v>
      </c>
      <c r="H48608" s="1" t="s">
        <v>164732</v>
      </c>
      <c r="I48608" s="1" t="s">
        <v>163240</v>
      </c>
      <c r="J48608" s="1" t="s">
        <v>164848</v>
      </c>
    </row>
    <row r="48609" spans="1:10" x14ac:dyDescent="0.35">
      <c r="A48609" s="1" t="s">
        <v>15</v>
      </c>
      <c r="B48609" s="1" t="s">
        <v>163234</v>
      </c>
      <c r="C48609" s="1" t="s">
        <v>165</v>
      </c>
      <c r="D48609" s="1" t="s">
        <v>164849</v>
      </c>
      <c r="E48609" s="1" t="s">
        <v>164850</v>
      </c>
      <c r="F48609" s="1" t="s">
        <v>164851</v>
      </c>
      <c r="G48609" s="1" t="s">
        <v>164731</v>
      </c>
      <c r="H48609" s="1" t="s">
        <v>164732</v>
      </c>
      <c r="I48609" s="1" t="s">
        <v>163240</v>
      </c>
      <c r="J48609" s="1" t="s">
        <v>164852</v>
      </c>
    </row>
    <row r="48610" spans="1:10" x14ac:dyDescent="0.35">
      <c r="A48610" s="1" t="s">
        <v>15</v>
      </c>
      <c r="B48610" s="1" t="s">
        <v>163234</v>
      </c>
      <c r="C48610" s="1" t="s">
        <v>170</v>
      </c>
      <c r="D48610" s="1" t="s">
        <v>164853</v>
      </c>
      <c r="E48610" s="1" t="s">
        <v>164854</v>
      </c>
      <c r="F48610" s="1" t="s">
        <v>164855</v>
      </c>
      <c r="G48610" s="1" t="s">
        <v>164731</v>
      </c>
      <c r="H48610" s="1" t="s">
        <v>164732</v>
      </c>
      <c r="I48610" s="1" t="s">
        <v>163240</v>
      </c>
      <c r="J48610" s="1" t="s">
        <v>164856</v>
      </c>
    </row>
    <row r="48611" spans="1:10" x14ac:dyDescent="0.35">
      <c r="A48611" s="1" t="s">
        <v>20</v>
      </c>
      <c r="B48611" s="1" t="s">
        <v>163234</v>
      </c>
      <c r="C48611" s="1" t="s">
        <v>8</v>
      </c>
      <c r="D48611" s="1" t="s">
        <v>24013</v>
      </c>
      <c r="E48611" s="1" t="s">
        <v>164857</v>
      </c>
      <c r="F48611" s="1" t="s">
        <v>164858</v>
      </c>
      <c r="G48611" s="1" t="s">
        <v>164859</v>
      </c>
      <c r="H48611" s="1" t="s">
        <v>164860</v>
      </c>
      <c r="I48611" s="1" t="s">
        <v>163240</v>
      </c>
      <c r="J48611" s="1" t="s">
        <v>13</v>
      </c>
    </row>
    <row r="48612" spans="1:10" x14ac:dyDescent="0.35">
      <c r="A48612" s="1" t="s">
        <v>20</v>
      </c>
      <c r="B48612" s="1" t="s">
        <v>163234</v>
      </c>
      <c r="C48612" s="1" t="s">
        <v>15</v>
      </c>
      <c r="D48612" s="1" t="s">
        <v>70001</v>
      </c>
      <c r="E48612" s="1" t="s">
        <v>164861</v>
      </c>
      <c r="F48612" s="1" t="s">
        <v>164862</v>
      </c>
      <c r="G48612" s="1" t="s">
        <v>164859</v>
      </c>
      <c r="H48612" s="1" t="s">
        <v>164860</v>
      </c>
      <c r="I48612" s="1" t="s">
        <v>163240</v>
      </c>
      <c r="J48612" s="1" t="s">
        <v>164863</v>
      </c>
    </row>
    <row r="48613" spans="1:10" x14ac:dyDescent="0.35">
      <c r="A48613" s="1" t="s">
        <v>20</v>
      </c>
      <c r="B48613" s="1" t="s">
        <v>163234</v>
      </c>
      <c r="C48613" s="1" t="s">
        <v>20</v>
      </c>
      <c r="D48613" s="1" t="s">
        <v>81058</v>
      </c>
      <c r="E48613" s="1" t="s">
        <v>164864</v>
      </c>
      <c r="F48613" s="1" t="s">
        <v>164865</v>
      </c>
      <c r="G48613" s="1" t="s">
        <v>164859</v>
      </c>
      <c r="H48613" s="1" t="s">
        <v>164860</v>
      </c>
      <c r="I48613" s="1" t="s">
        <v>163240</v>
      </c>
      <c r="J48613" s="1" t="s">
        <v>164866</v>
      </c>
    </row>
    <row r="48614" spans="1:10" x14ac:dyDescent="0.35">
      <c r="A48614" s="1" t="s">
        <v>20</v>
      </c>
      <c r="B48614" s="1" t="s">
        <v>163234</v>
      </c>
      <c r="C48614" s="1" t="s">
        <v>25</v>
      </c>
      <c r="D48614" s="1" t="s">
        <v>164867</v>
      </c>
      <c r="E48614" s="1" t="s">
        <v>164868</v>
      </c>
      <c r="F48614" s="1" t="s">
        <v>164869</v>
      </c>
      <c r="G48614" s="1" t="s">
        <v>164859</v>
      </c>
      <c r="H48614" s="1" t="s">
        <v>164860</v>
      </c>
      <c r="I48614" s="1" t="s">
        <v>163240</v>
      </c>
      <c r="J48614" s="1" t="s">
        <v>164870</v>
      </c>
    </row>
    <row r="48615" spans="1:10" x14ac:dyDescent="0.35">
      <c r="A48615" s="1" t="s">
        <v>20</v>
      </c>
      <c r="B48615" s="1" t="s">
        <v>163234</v>
      </c>
      <c r="C48615" s="1" t="s">
        <v>30</v>
      </c>
      <c r="D48615" s="1" t="s">
        <v>76557</v>
      </c>
      <c r="E48615" s="1" t="s">
        <v>164871</v>
      </c>
      <c r="F48615" s="1" t="s">
        <v>164872</v>
      </c>
      <c r="G48615" s="1" t="s">
        <v>164859</v>
      </c>
      <c r="H48615" s="1" t="s">
        <v>164860</v>
      </c>
      <c r="I48615" s="1" t="s">
        <v>163240</v>
      </c>
      <c r="J48615" s="1" t="s">
        <v>164873</v>
      </c>
    </row>
    <row r="48616" spans="1:10" x14ac:dyDescent="0.35">
      <c r="A48616" s="1" t="s">
        <v>20</v>
      </c>
      <c r="B48616" s="1" t="s">
        <v>163234</v>
      </c>
      <c r="C48616" s="1" t="s">
        <v>35</v>
      </c>
      <c r="D48616" s="1" t="s">
        <v>40087</v>
      </c>
      <c r="E48616" s="1" t="s">
        <v>164874</v>
      </c>
      <c r="F48616" s="1" t="s">
        <v>164875</v>
      </c>
      <c r="G48616" s="1" t="s">
        <v>164859</v>
      </c>
      <c r="H48616" s="1" t="s">
        <v>164860</v>
      </c>
      <c r="I48616" s="1" t="s">
        <v>163240</v>
      </c>
      <c r="J48616" s="1" t="s">
        <v>164876</v>
      </c>
    </row>
    <row r="48617" spans="1:10" x14ac:dyDescent="0.35">
      <c r="A48617" s="1" t="s">
        <v>20</v>
      </c>
      <c r="B48617" s="1" t="s">
        <v>163234</v>
      </c>
      <c r="C48617" s="1" t="s">
        <v>40</v>
      </c>
      <c r="D48617" s="1" t="s">
        <v>55112</v>
      </c>
      <c r="E48617" s="1" t="s">
        <v>164877</v>
      </c>
      <c r="F48617" s="1" t="s">
        <v>164878</v>
      </c>
      <c r="G48617" s="1" t="s">
        <v>164859</v>
      </c>
      <c r="H48617" s="1" t="s">
        <v>164860</v>
      </c>
      <c r="I48617" s="1" t="s">
        <v>163240</v>
      </c>
      <c r="J48617" s="1" t="s">
        <v>164879</v>
      </c>
    </row>
    <row r="48618" spans="1:10" x14ac:dyDescent="0.35">
      <c r="A48618" s="1" t="s">
        <v>20</v>
      </c>
      <c r="B48618" s="1" t="s">
        <v>163234</v>
      </c>
      <c r="C48618" s="1" t="s">
        <v>45</v>
      </c>
      <c r="D48618" s="1" t="s">
        <v>164880</v>
      </c>
      <c r="E48618" s="1" t="s">
        <v>164881</v>
      </c>
      <c r="F48618" s="1" t="s">
        <v>164882</v>
      </c>
      <c r="G48618" s="1" t="s">
        <v>164859</v>
      </c>
      <c r="H48618" s="1" t="s">
        <v>164860</v>
      </c>
      <c r="I48618" s="1" t="s">
        <v>163240</v>
      </c>
      <c r="J48618" s="1" t="s">
        <v>164883</v>
      </c>
    </row>
    <row r="48619" spans="1:10" x14ac:dyDescent="0.35">
      <c r="A48619" s="1" t="s">
        <v>20</v>
      </c>
      <c r="B48619" s="1" t="s">
        <v>163234</v>
      </c>
      <c r="C48619" s="1" t="s">
        <v>50</v>
      </c>
      <c r="D48619" s="1" t="s">
        <v>132033</v>
      </c>
      <c r="E48619" s="1" t="s">
        <v>164884</v>
      </c>
      <c r="F48619" s="1" t="s">
        <v>164885</v>
      </c>
      <c r="G48619" s="1" t="s">
        <v>164859</v>
      </c>
      <c r="H48619" s="1" t="s">
        <v>164860</v>
      </c>
      <c r="I48619" s="1" t="s">
        <v>163240</v>
      </c>
      <c r="J48619" s="1" t="s">
        <v>164886</v>
      </c>
    </row>
    <row r="48620" spans="1:10" x14ac:dyDescent="0.35">
      <c r="A48620" s="1" t="s">
        <v>20</v>
      </c>
      <c r="B48620" s="1" t="s">
        <v>163234</v>
      </c>
      <c r="C48620" s="1" t="s">
        <v>55</v>
      </c>
      <c r="D48620" s="1" t="s">
        <v>164887</v>
      </c>
      <c r="E48620" s="1" t="s">
        <v>164888</v>
      </c>
      <c r="F48620" s="1" t="s">
        <v>164889</v>
      </c>
      <c r="G48620" s="1" t="s">
        <v>164859</v>
      </c>
      <c r="H48620" s="1" t="s">
        <v>164860</v>
      </c>
      <c r="I48620" s="1" t="s">
        <v>163240</v>
      </c>
      <c r="J48620" s="1" t="s">
        <v>164890</v>
      </c>
    </row>
    <row r="48621" spans="1:10" x14ac:dyDescent="0.35">
      <c r="A48621" s="1" t="s">
        <v>20</v>
      </c>
      <c r="B48621" s="1" t="s">
        <v>163234</v>
      </c>
      <c r="C48621" s="1" t="s">
        <v>60</v>
      </c>
      <c r="D48621" s="1" t="s">
        <v>164891</v>
      </c>
      <c r="E48621" s="1" t="s">
        <v>164892</v>
      </c>
      <c r="F48621" s="1" t="s">
        <v>164893</v>
      </c>
      <c r="G48621" s="1" t="s">
        <v>164859</v>
      </c>
      <c r="H48621" s="1" t="s">
        <v>164860</v>
      </c>
      <c r="I48621" s="1" t="s">
        <v>163240</v>
      </c>
      <c r="J48621" s="1" t="s">
        <v>164894</v>
      </c>
    </row>
    <row r="48622" spans="1:10" x14ac:dyDescent="0.35">
      <c r="A48622" s="1" t="s">
        <v>20</v>
      </c>
      <c r="B48622" s="1" t="s">
        <v>163234</v>
      </c>
      <c r="C48622" s="1" t="s">
        <v>65</v>
      </c>
      <c r="D48622" s="1" t="s">
        <v>164895</v>
      </c>
      <c r="E48622" s="1" t="s">
        <v>164896</v>
      </c>
      <c r="F48622" s="1" t="s">
        <v>164897</v>
      </c>
      <c r="G48622" s="1" t="s">
        <v>164859</v>
      </c>
      <c r="H48622" s="1" t="s">
        <v>164860</v>
      </c>
      <c r="I48622" s="1" t="s">
        <v>163240</v>
      </c>
      <c r="J48622" s="1" t="s">
        <v>164898</v>
      </c>
    </row>
    <row r="48623" spans="1:10" x14ac:dyDescent="0.35">
      <c r="A48623" s="1" t="s">
        <v>20</v>
      </c>
      <c r="B48623" s="1" t="s">
        <v>163234</v>
      </c>
      <c r="C48623" s="1" t="s">
        <v>70</v>
      </c>
      <c r="D48623" s="1" t="s">
        <v>128580</v>
      </c>
      <c r="E48623" s="1" t="s">
        <v>164899</v>
      </c>
      <c r="F48623" s="1" t="s">
        <v>164900</v>
      </c>
      <c r="G48623" s="1" t="s">
        <v>164859</v>
      </c>
      <c r="H48623" s="1" t="s">
        <v>164860</v>
      </c>
      <c r="I48623" s="1" t="s">
        <v>163240</v>
      </c>
      <c r="J48623" s="1" t="s">
        <v>164901</v>
      </c>
    </row>
    <row r="48624" spans="1:10" x14ac:dyDescent="0.35">
      <c r="A48624" s="1" t="s">
        <v>20</v>
      </c>
      <c r="B48624" s="1" t="s">
        <v>163234</v>
      </c>
      <c r="C48624" s="1" t="s">
        <v>75</v>
      </c>
      <c r="D48624" s="1" t="s">
        <v>164902</v>
      </c>
      <c r="E48624" s="1" t="s">
        <v>164903</v>
      </c>
      <c r="F48624" s="1" t="s">
        <v>164904</v>
      </c>
      <c r="G48624" s="1" t="s">
        <v>164859</v>
      </c>
      <c r="H48624" s="1" t="s">
        <v>164860</v>
      </c>
      <c r="I48624" s="1" t="s">
        <v>163240</v>
      </c>
      <c r="J48624" s="1" t="s">
        <v>164905</v>
      </c>
    </row>
    <row r="48625" spans="1:10" x14ac:dyDescent="0.35">
      <c r="A48625" s="1" t="s">
        <v>20</v>
      </c>
      <c r="B48625" s="1" t="s">
        <v>163234</v>
      </c>
      <c r="C48625" s="1" t="s">
        <v>80</v>
      </c>
      <c r="D48625" s="1" t="s">
        <v>164906</v>
      </c>
      <c r="E48625" s="1" t="s">
        <v>164907</v>
      </c>
      <c r="F48625" s="1" t="s">
        <v>164908</v>
      </c>
      <c r="G48625" s="1" t="s">
        <v>164859</v>
      </c>
      <c r="H48625" s="1" t="s">
        <v>164860</v>
      </c>
      <c r="I48625" s="1" t="s">
        <v>163240</v>
      </c>
      <c r="J48625" s="1" t="s">
        <v>164909</v>
      </c>
    </row>
    <row r="48626" spans="1:10" x14ac:dyDescent="0.35">
      <c r="A48626" s="1" t="s">
        <v>20</v>
      </c>
      <c r="B48626" s="1" t="s">
        <v>163234</v>
      </c>
      <c r="C48626" s="1" t="s">
        <v>85</v>
      </c>
      <c r="D48626" s="1" t="s">
        <v>164910</v>
      </c>
      <c r="E48626" s="1" t="s">
        <v>164911</v>
      </c>
      <c r="F48626" s="1" t="s">
        <v>164912</v>
      </c>
      <c r="G48626" s="1" t="s">
        <v>164859</v>
      </c>
      <c r="H48626" s="1" t="s">
        <v>164860</v>
      </c>
      <c r="I48626" s="1" t="s">
        <v>163240</v>
      </c>
      <c r="J48626" s="1" t="s">
        <v>164913</v>
      </c>
    </row>
    <row r="48627" spans="1:10" x14ac:dyDescent="0.35">
      <c r="A48627" s="1" t="s">
        <v>20</v>
      </c>
      <c r="B48627" s="1" t="s">
        <v>163234</v>
      </c>
      <c r="C48627" s="1" t="s">
        <v>90</v>
      </c>
      <c r="D48627" s="1" t="s">
        <v>164914</v>
      </c>
      <c r="E48627" s="1" t="s">
        <v>164915</v>
      </c>
      <c r="F48627" s="1" t="s">
        <v>164916</v>
      </c>
      <c r="G48627" s="1" t="s">
        <v>164859</v>
      </c>
      <c r="H48627" s="1" t="s">
        <v>164860</v>
      </c>
      <c r="I48627" s="1" t="s">
        <v>163240</v>
      </c>
      <c r="J48627" s="1" t="s">
        <v>164917</v>
      </c>
    </row>
    <row r="48628" spans="1:10" x14ac:dyDescent="0.35">
      <c r="A48628" s="1" t="s">
        <v>20</v>
      </c>
      <c r="B48628" s="1" t="s">
        <v>163234</v>
      </c>
      <c r="C48628" s="1" t="s">
        <v>95</v>
      </c>
      <c r="D48628" s="1" t="s">
        <v>164918</v>
      </c>
      <c r="E48628" s="1" t="s">
        <v>164919</v>
      </c>
      <c r="F48628" s="1" t="s">
        <v>164920</v>
      </c>
      <c r="G48628" s="1" t="s">
        <v>164859</v>
      </c>
      <c r="H48628" s="1" t="s">
        <v>164860</v>
      </c>
      <c r="I48628" s="1" t="s">
        <v>163240</v>
      </c>
      <c r="J48628" s="1" t="s">
        <v>164921</v>
      </c>
    </row>
    <row r="48629" spans="1:10" x14ac:dyDescent="0.35">
      <c r="A48629" s="1" t="s">
        <v>20</v>
      </c>
      <c r="B48629" s="1" t="s">
        <v>163234</v>
      </c>
      <c r="C48629" s="1" t="s">
        <v>100</v>
      </c>
      <c r="D48629" s="1" t="s">
        <v>164922</v>
      </c>
      <c r="E48629" s="1" t="s">
        <v>164923</v>
      </c>
      <c r="F48629" s="1" t="s">
        <v>164924</v>
      </c>
      <c r="G48629" s="1" t="s">
        <v>164859</v>
      </c>
      <c r="H48629" s="1" t="s">
        <v>164860</v>
      </c>
      <c r="I48629" s="1" t="s">
        <v>163240</v>
      </c>
      <c r="J48629" s="1" t="s">
        <v>164925</v>
      </c>
    </row>
    <row r="48630" spans="1:10" x14ac:dyDescent="0.35">
      <c r="A48630" s="1" t="s">
        <v>20</v>
      </c>
      <c r="B48630" s="1" t="s">
        <v>163234</v>
      </c>
      <c r="C48630" s="1" t="s">
        <v>105</v>
      </c>
      <c r="D48630" s="1" t="s">
        <v>164926</v>
      </c>
      <c r="E48630" s="1" t="s">
        <v>164927</v>
      </c>
      <c r="F48630" s="1" t="s">
        <v>164928</v>
      </c>
      <c r="G48630" s="1" t="s">
        <v>164859</v>
      </c>
      <c r="H48630" s="1" t="s">
        <v>164860</v>
      </c>
      <c r="I48630" s="1" t="s">
        <v>163240</v>
      </c>
      <c r="J48630" s="1" t="s">
        <v>164929</v>
      </c>
    </row>
    <row r="48631" spans="1:10" x14ac:dyDescent="0.35">
      <c r="A48631" s="1" t="s">
        <v>20</v>
      </c>
      <c r="B48631" s="1" t="s">
        <v>163234</v>
      </c>
      <c r="C48631" s="1" t="s">
        <v>110</v>
      </c>
      <c r="D48631" s="1" t="s">
        <v>62607</v>
      </c>
      <c r="E48631" s="1" t="s">
        <v>164930</v>
      </c>
      <c r="F48631" s="1" t="s">
        <v>164931</v>
      </c>
      <c r="G48631" s="1" t="s">
        <v>164859</v>
      </c>
      <c r="H48631" s="1" t="s">
        <v>164860</v>
      </c>
      <c r="I48631" s="1" t="s">
        <v>163240</v>
      </c>
      <c r="J48631" s="1" t="s">
        <v>164932</v>
      </c>
    </row>
    <row r="48632" spans="1:10" x14ac:dyDescent="0.35">
      <c r="A48632" s="1" t="s">
        <v>20</v>
      </c>
      <c r="B48632" s="1" t="s">
        <v>163234</v>
      </c>
      <c r="C48632" s="1" t="s">
        <v>115</v>
      </c>
      <c r="D48632" s="1" t="s">
        <v>164933</v>
      </c>
      <c r="E48632" s="1" t="s">
        <v>164934</v>
      </c>
      <c r="F48632" s="1" t="s">
        <v>164935</v>
      </c>
      <c r="G48632" s="1" t="s">
        <v>164859</v>
      </c>
      <c r="H48632" s="1" t="s">
        <v>164860</v>
      </c>
      <c r="I48632" s="1" t="s">
        <v>163240</v>
      </c>
      <c r="J48632" s="1" t="s">
        <v>164936</v>
      </c>
    </row>
    <row r="48633" spans="1:10" x14ac:dyDescent="0.35">
      <c r="A48633" s="1" t="s">
        <v>20</v>
      </c>
      <c r="B48633" s="1" t="s">
        <v>163234</v>
      </c>
      <c r="C48633" s="1" t="s">
        <v>120</v>
      </c>
      <c r="D48633" s="1" t="s">
        <v>164937</v>
      </c>
      <c r="E48633" s="1" t="s">
        <v>164938</v>
      </c>
      <c r="F48633" s="1" t="s">
        <v>164939</v>
      </c>
      <c r="G48633" s="1" t="s">
        <v>164859</v>
      </c>
      <c r="H48633" s="1" t="s">
        <v>164860</v>
      </c>
      <c r="I48633" s="1" t="s">
        <v>163240</v>
      </c>
      <c r="J48633" s="1" t="s">
        <v>164940</v>
      </c>
    </row>
    <row r="48634" spans="1:10" x14ac:dyDescent="0.35">
      <c r="A48634" s="1" t="s">
        <v>20</v>
      </c>
      <c r="B48634" s="1" t="s">
        <v>163234</v>
      </c>
      <c r="C48634" s="1" t="s">
        <v>125</v>
      </c>
      <c r="D48634" s="1" t="s">
        <v>69885</v>
      </c>
      <c r="E48634" s="1" t="s">
        <v>164941</v>
      </c>
      <c r="F48634" s="1" t="s">
        <v>164942</v>
      </c>
      <c r="G48634" s="1" t="s">
        <v>164859</v>
      </c>
      <c r="H48634" s="1" t="s">
        <v>164860</v>
      </c>
      <c r="I48634" s="1" t="s">
        <v>163240</v>
      </c>
      <c r="J48634" s="1" t="s">
        <v>164943</v>
      </c>
    </row>
    <row r="48635" spans="1:10" x14ac:dyDescent="0.35">
      <c r="A48635" s="1" t="s">
        <v>20</v>
      </c>
      <c r="B48635" s="1" t="s">
        <v>163234</v>
      </c>
      <c r="C48635" s="1" t="s">
        <v>130</v>
      </c>
      <c r="D48635" s="1" t="s">
        <v>164944</v>
      </c>
      <c r="E48635" s="1" t="s">
        <v>164945</v>
      </c>
      <c r="F48635" s="1" t="s">
        <v>164946</v>
      </c>
      <c r="G48635" s="1" t="s">
        <v>164859</v>
      </c>
      <c r="H48635" s="1" t="s">
        <v>164860</v>
      </c>
      <c r="I48635" s="1" t="s">
        <v>163240</v>
      </c>
      <c r="J48635" s="1" t="s">
        <v>164947</v>
      </c>
    </row>
    <row r="48636" spans="1:10" x14ac:dyDescent="0.35">
      <c r="A48636" s="1" t="s">
        <v>20</v>
      </c>
      <c r="B48636" s="1" t="s">
        <v>163234</v>
      </c>
      <c r="C48636" s="1" t="s">
        <v>135</v>
      </c>
      <c r="D48636" s="1" t="s">
        <v>164948</v>
      </c>
      <c r="E48636" s="1" t="s">
        <v>164949</v>
      </c>
      <c r="F48636" s="1" t="s">
        <v>164950</v>
      </c>
      <c r="G48636" s="1" t="s">
        <v>164859</v>
      </c>
      <c r="H48636" s="1" t="s">
        <v>164860</v>
      </c>
      <c r="I48636" s="1" t="s">
        <v>163240</v>
      </c>
      <c r="J48636" s="1" t="s">
        <v>164951</v>
      </c>
    </row>
    <row r="48637" spans="1:10" x14ac:dyDescent="0.35">
      <c r="A48637" s="1" t="s">
        <v>20</v>
      </c>
      <c r="B48637" s="1" t="s">
        <v>163234</v>
      </c>
      <c r="C48637" s="1" t="s">
        <v>140</v>
      </c>
      <c r="D48637" s="1" t="s">
        <v>164952</v>
      </c>
      <c r="E48637" s="1" t="s">
        <v>164953</v>
      </c>
      <c r="F48637" s="1" t="s">
        <v>164954</v>
      </c>
      <c r="G48637" s="1" t="s">
        <v>164859</v>
      </c>
      <c r="H48637" s="1" t="s">
        <v>164860</v>
      </c>
      <c r="I48637" s="1" t="s">
        <v>163240</v>
      </c>
      <c r="J48637" s="1" t="s">
        <v>164955</v>
      </c>
    </row>
    <row r="48638" spans="1:10" x14ac:dyDescent="0.35">
      <c r="A48638" s="1" t="s">
        <v>20</v>
      </c>
      <c r="B48638" s="1" t="s">
        <v>163234</v>
      </c>
      <c r="C48638" s="1" t="s">
        <v>145</v>
      </c>
      <c r="D48638" s="1" t="s">
        <v>164956</v>
      </c>
      <c r="E48638" s="1" t="s">
        <v>164957</v>
      </c>
      <c r="F48638" s="1" t="s">
        <v>164958</v>
      </c>
      <c r="G48638" s="1" t="s">
        <v>164859</v>
      </c>
      <c r="H48638" s="1" t="s">
        <v>164860</v>
      </c>
      <c r="I48638" s="1" t="s">
        <v>163240</v>
      </c>
      <c r="J48638" s="1" t="s">
        <v>164959</v>
      </c>
    </row>
    <row r="48639" spans="1:10" x14ac:dyDescent="0.35">
      <c r="A48639" s="1" t="s">
        <v>20</v>
      </c>
      <c r="B48639" s="1" t="s">
        <v>163234</v>
      </c>
      <c r="C48639" s="1" t="s">
        <v>150</v>
      </c>
      <c r="D48639" s="1" t="s">
        <v>164960</v>
      </c>
      <c r="E48639" s="1" t="s">
        <v>164961</v>
      </c>
      <c r="F48639" s="1" t="s">
        <v>164962</v>
      </c>
      <c r="G48639" s="1" t="s">
        <v>164859</v>
      </c>
      <c r="H48639" s="1" t="s">
        <v>164860</v>
      </c>
      <c r="I48639" s="1" t="s">
        <v>163240</v>
      </c>
      <c r="J48639" s="1" t="s">
        <v>164963</v>
      </c>
    </row>
    <row r="48640" spans="1:10" x14ac:dyDescent="0.35">
      <c r="A48640" s="1" t="s">
        <v>20</v>
      </c>
      <c r="B48640" s="1" t="s">
        <v>163234</v>
      </c>
      <c r="C48640" s="1" t="s">
        <v>155</v>
      </c>
      <c r="D48640" s="1" t="s">
        <v>164964</v>
      </c>
      <c r="E48640" s="1" t="s">
        <v>164965</v>
      </c>
      <c r="F48640" s="1" t="s">
        <v>164966</v>
      </c>
      <c r="G48640" s="1" t="s">
        <v>164859</v>
      </c>
      <c r="H48640" s="1" t="s">
        <v>164860</v>
      </c>
      <c r="I48640" s="1" t="s">
        <v>163240</v>
      </c>
      <c r="J48640" s="1" t="s">
        <v>164967</v>
      </c>
    </row>
    <row r="48641" spans="1:10" x14ac:dyDescent="0.35">
      <c r="A48641" s="1" t="s">
        <v>20</v>
      </c>
      <c r="B48641" s="1" t="s">
        <v>163234</v>
      </c>
      <c r="C48641" s="1" t="s">
        <v>160</v>
      </c>
      <c r="D48641" s="1" t="s">
        <v>164968</v>
      </c>
      <c r="E48641" s="1" t="s">
        <v>164969</v>
      </c>
      <c r="F48641" s="1" t="s">
        <v>164970</v>
      </c>
      <c r="G48641" s="1" t="s">
        <v>164859</v>
      </c>
      <c r="H48641" s="1" t="s">
        <v>164860</v>
      </c>
      <c r="I48641" s="1" t="s">
        <v>163240</v>
      </c>
      <c r="J48641" s="1" t="s">
        <v>164971</v>
      </c>
    </row>
    <row r="48642" spans="1:10" x14ac:dyDescent="0.35">
      <c r="A48642" s="1" t="s">
        <v>20</v>
      </c>
      <c r="B48642" s="1" t="s">
        <v>163234</v>
      </c>
      <c r="C48642" s="1" t="s">
        <v>165</v>
      </c>
      <c r="D48642" s="1" t="s">
        <v>85994</v>
      </c>
      <c r="E48642" s="1" t="s">
        <v>164972</v>
      </c>
      <c r="F48642" s="1" t="s">
        <v>164973</v>
      </c>
      <c r="G48642" s="1" t="s">
        <v>164859</v>
      </c>
      <c r="H48642" s="1" t="s">
        <v>164860</v>
      </c>
      <c r="I48642" s="1" t="s">
        <v>163240</v>
      </c>
      <c r="J48642" s="1" t="s">
        <v>164974</v>
      </c>
    </row>
    <row r="48643" spans="1:10" x14ac:dyDescent="0.35">
      <c r="A48643" s="1" t="s">
        <v>20</v>
      </c>
      <c r="B48643" s="1" t="s">
        <v>163234</v>
      </c>
      <c r="C48643" s="1" t="s">
        <v>170</v>
      </c>
      <c r="D48643" s="1" t="s">
        <v>23622</v>
      </c>
      <c r="E48643" s="1" t="s">
        <v>164975</v>
      </c>
      <c r="F48643" s="1" t="s">
        <v>164976</v>
      </c>
      <c r="G48643" s="1" t="s">
        <v>164859</v>
      </c>
      <c r="H48643" s="1" t="s">
        <v>164860</v>
      </c>
      <c r="I48643" s="1" t="s">
        <v>163240</v>
      </c>
      <c r="J48643" s="1" t="s">
        <v>164977</v>
      </c>
    </row>
    <row r="48644" spans="1:10" x14ac:dyDescent="0.35">
      <c r="A48644" s="1" t="s">
        <v>25</v>
      </c>
      <c r="B48644" s="1" t="s">
        <v>163234</v>
      </c>
      <c r="C48644" s="1" t="s">
        <v>8</v>
      </c>
      <c r="D48644" s="1" t="s">
        <v>83779</v>
      </c>
      <c r="E48644" s="1" t="s">
        <v>164978</v>
      </c>
      <c r="F48644" s="1" t="s">
        <v>164979</v>
      </c>
      <c r="G48644" s="1" t="s">
        <v>164980</v>
      </c>
      <c r="H48644" s="1" t="s">
        <v>164981</v>
      </c>
      <c r="I48644" s="1" t="s">
        <v>163240</v>
      </c>
      <c r="J48644" s="1" t="s">
        <v>13</v>
      </c>
    </row>
    <row r="48645" spans="1:10" x14ac:dyDescent="0.35">
      <c r="A48645" s="1" t="s">
        <v>25</v>
      </c>
      <c r="B48645" s="1" t="s">
        <v>163234</v>
      </c>
      <c r="C48645" s="1" t="s">
        <v>15</v>
      </c>
      <c r="D48645" s="1" t="s">
        <v>164982</v>
      </c>
      <c r="E48645" s="1" t="s">
        <v>164983</v>
      </c>
      <c r="F48645" s="1" t="s">
        <v>164984</v>
      </c>
      <c r="G48645" s="1" t="s">
        <v>164980</v>
      </c>
      <c r="H48645" s="1" t="s">
        <v>164981</v>
      </c>
      <c r="I48645" s="1" t="s">
        <v>163240</v>
      </c>
      <c r="J48645" s="1" t="s">
        <v>164985</v>
      </c>
    </row>
    <row r="48646" spans="1:10" x14ac:dyDescent="0.35">
      <c r="A48646" s="1" t="s">
        <v>25</v>
      </c>
      <c r="B48646" s="1" t="s">
        <v>163234</v>
      </c>
      <c r="C48646" s="1" t="s">
        <v>20</v>
      </c>
      <c r="D48646" s="1" t="s">
        <v>105481</v>
      </c>
      <c r="E48646" s="1" t="s">
        <v>164986</v>
      </c>
      <c r="F48646" s="1" t="s">
        <v>164987</v>
      </c>
      <c r="G48646" s="1" t="s">
        <v>164980</v>
      </c>
      <c r="H48646" s="1" t="s">
        <v>164981</v>
      </c>
      <c r="I48646" s="1" t="s">
        <v>163240</v>
      </c>
      <c r="J48646" s="1" t="s">
        <v>164988</v>
      </c>
    </row>
    <row r="48647" spans="1:10" x14ac:dyDescent="0.35">
      <c r="A48647" s="1" t="s">
        <v>25</v>
      </c>
      <c r="B48647" s="1" t="s">
        <v>163234</v>
      </c>
      <c r="C48647" s="1" t="s">
        <v>25</v>
      </c>
      <c r="D48647" s="1" t="s">
        <v>164989</v>
      </c>
      <c r="E48647" s="1" t="s">
        <v>164990</v>
      </c>
      <c r="F48647" s="1" t="s">
        <v>164991</v>
      </c>
      <c r="G48647" s="1" t="s">
        <v>164980</v>
      </c>
      <c r="H48647" s="1" t="s">
        <v>164981</v>
      </c>
      <c r="I48647" s="1" t="s">
        <v>163240</v>
      </c>
      <c r="J48647" s="1" t="s">
        <v>164992</v>
      </c>
    </row>
    <row r="48648" spans="1:10" x14ac:dyDescent="0.35">
      <c r="A48648" s="1" t="s">
        <v>25</v>
      </c>
      <c r="B48648" s="1" t="s">
        <v>163234</v>
      </c>
      <c r="C48648" s="1" t="s">
        <v>30</v>
      </c>
      <c r="D48648" s="1" t="s">
        <v>61007</v>
      </c>
      <c r="E48648" s="1" t="s">
        <v>164993</v>
      </c>
      <c r="F48648" s="1" t="s">
        <v>164994</v>
      </c>
      <c r="G48648" s="1" t="s">
        <v>164980</v>
      </c>
      <c r="H48648" s="1" t="s">
        <v>164981</v>
      </c>
      <c r="I48648" s="1" t="s">
        <v>163240</v>
      </c>
      <c r="J48648" s="1" t="s">
        <v>164995</v>
      </c>
    </row>
    <row r="48649" spans="1:10" x14ac:dyDescent="0.35">
      <c r="A48649" s="1" t="s">
        <v>25</v>
      </c>
      <c r="B48649" s="1" t="s">
        <v>163234</v>
      </c>
      <c r="C48649" s="1" t="s">
        <v>35</v>
      </c>
      <c r="D48649" s="1" t="s">
        <v>164996</v>
      </c>
      <c r="E48649" s="1" t="s">
        <v>164997</v>
      </c>
      <c r="F48649" s="1" t="s">
        <v>164998</v>
      </c>
      <c r="G48649" s="1" t="s">
        <v>164980</v>
      </c>
      <c r="H48649" s="1" t="s">
        <v>164981</v>
      </c>
      <c r="I48649" s="1" t="s">
        <v>163240</v>
      </c>
      <c r="J48649" s="1" t="s">
        <v>164999</v>
      </c>
    </row>
    <row r="48650" spans="1:10" x14ac:dyDescent="0.35">
      <c r="A48650" s="1" t="s">
        <v>25</v>
      </c>
      <c r="B48650" s="1" t="s">
        <v>163234</v>
      </c>
      <c r="C48650" s="1" t="s">
        <v>40</v>
      </c>
      <c r="D48650" s="1" t="s">
        <v>60736</v>
      </c>
      <c r="E48650" s="1" t="s">
        <v>165000</v>
      </c>
      <c r="F48650" s="1" t="s">
        <v>165001</v>
      </c>
      <c r="G48650" s="1" t="s">
        <v>164980</v>
      </c>
      <c r="H48650" s="1" t="s">
        <v>164981</v>
      </c>
      <c r="I48650" s="1" t="s">
        <v>163240</v>
      </c>
      <c r="J48650" s="1" t="s">
        <v>165002</v>
      </c>
    </row>
    <row r="48651" spans="1:10" x14ac:dyDescent="0.35">
      <c r="A48651" s="1" t="s">
        <v>25</v>
      </c>
      <c r="B48651" s="1" t="s">
        <v>163234</v>
      </c>
      <c r="C48651" s="1" t="s">
        <v>45</v>
      </c>
      <c r="D48651" s="1" t="s">
        <v>58427</v>
      </c>
      <c r="E48651" s="1" t="s">
        <v>165003</v>
      </c>
      <c r="F48651" s="1" t="s">
        <v>165004</v>
      </c>
      <c r="G48651" s="1" t="s">
        <v>164980</v>
      </c>
      <c r="H48651" s="1" t="s">
        <v>164981</v>
      </c>
      <c r="I48651" s="1" t="s">
        <v>163240</v>
      </c>
      <c r="J48651" s="1" t="s">
        <v>165005</v>
      </c>
    </row>
    <row r="48652" spans="1:10" x14ac:dyDescent="0.35">
      <c r="A48652" s="1" t="s">
        <v>25</v>
      </c>
      <c r="B48652" s="1" t="s">
        <v>163234</v>
      </c>
      <c r="C48652" s="1" t="s">
        <v>50</v>
      </c>
      <c r="D48652" s="1" t="s">
        <v>26194</v>
      </c>
      <c r="E48652" s="1" t="s">
        <v>165006</v>
      </c>
      <c r="F48652" s="1" t="s">
        <v>165007</v>
      </c>
      <c r="G48652" s="1" t="s">
        <v>164980</v>
      </c>
      <c r="H48652" s="1" t="s">
        <v>164981</v>
      </c>
      <c r="I48652" s="1" t="s">
        <v>163240</v>
      </c>
      <c r="J48652" s="1" t="s">
        <v>165008</v>
      </c>
    </row>
    <row r="48653" spans="1:10" x14ac:dyDescent="0.35">
      <c r="A48653" s="1" t="s">
        <v>25</v>
      </c>
      <c r="B48653" s="1" t="s">
        <v>163234</v>
      </c>
      <c r="C48653" s="1" t="s">
        <v>55</v>
      </c>
      <c r="D48653" s="1" t="s">
        <v>165009</v>
      </c>
      <c r="E48653" s="1" t="s">
        <v>165010</v>
      </c>
      <c r="F48653" s="1" t="s">
        <v>165011</v>
      </c>
      <c r="G48653" s="1" t="s">
        <v>164980</v>
      </c>
      <c r="H48653" s="1" t="s">
        <v>164981</v>
      </c>
      <c r="I48653" s="1" t="s">
        <v>163240</v>
      </c>
      <c r="J48653" s="1" t="s">
        <v>165012</v>
      </c>
    </row>
    <row r="48654" spans="1:10" x14ac:dyDescent="0.35">
      <c r="A48654" s="1" t="s">
        <v>25</v>
      </c>
      <c r="B48654" s="1" t="s">
        <v>163234</v>
      </c>
      <c r="C48654" s="1" t="s">
        <v>60</v>
      </c>
      <c r="D48654" s="1" t="s">
        <v>165013</v>
      </c>
      <c r="E48654" s="1" t="s">
        <v>165014</v>
      </c>
      <c r="F48654" s="1" t="s">
        <v>165015</v>
      </c>
      <c r="G48654" s="1" t="s">
        <v>164980</v>
      </c>
      <c r="H48654" s="1" t="s">
        <v>164981</v>
      </c>
      <c r="I48654" s="1" t="s">
        <v>163240</v>
      </c>
      <c r="J48654" s="1" t="s">
        <v>165016</v>
      </c>
    </row>
    <row r="48655" spans="1:10" x14ac:dyDescent="0.35">
      <c r="A48655" s="1" t="s">
        <v>25</v>
      </c>
      <c r="B48655" s="1" t="s">
        <v>163234</v>
      </c>
      <c r="C48655" s="1" t="s">
        <v>65</v>
      </c>
      <c r="D48655" s="1" t="s">
        <v>165017</v>
      </c>
      <c r="E48655" s="1" t="s">
        <v>165018</v>
      </c>
      <c r="F48655" s="1" t="s">
        <v>165019</v>
      </c>
      <c r="G48655" s="1" t="s">
        <v>164980</v>
      </c>
      <c r="H48655" s="1" t="s">
        <v>164981</v>
      </c>
      <c r="I48655" s="1" t="s">
        <v>163240</v>
      </c>
      <c r="J48655" s="1" t="s">
        <v>165020</v>
      </c>
    </row>
    <row r="48656" spans="1:10" x14ac:dyDescent="0.35">
      <c r="A48656" s="1" t="s">
        <v>25</v>
      </c>
      <c r="B48656" s="1" t="s">
        <v>163234</v>
      </c>
      <c r="C48656" s="1" t="s">
        <v>70</v>
      </c>
      <c r="D48656" s="1" t="s">
        <v>165021</v>
      </c>
      <c r="E48656" s="1" t="s">
        <v>165022</v>
      </c>
      <c r="F48656" s="1" t="s">
        <v>165023</v>
      </c>
      <c r="G48656" s="1" t="s">
        <v>164980</v>
      </c>
      <c r="H48656" s="1" t="s">
        <v>164981</v>
      </c>
      <c r="I48656" s="1" t="s">
        <v>163240</v>
      </c>
      <c r="J48656" s="1" t="s">
        <v>165024</v>
      </c>
    </row>
    <row r="48657" spans="1:10" x14ac:dyDescent="0.35">
      <c r="A48657" s="1" t="s">
        <v>25</v>
      </c>
      <c r="B48657" s="1" t="s">
        <v>163234</v>
      </c>
      <c r="C48657" s="1" t="s">
        <v>75</v>
      </c>
      <c r="D48657" s="1" t="s">
        <v>165025</v>
      </c>
      <c r="E48657" s="1" t="s">
        <v>165026</v>
      </c>
      <c r="F48657" s="1" t="s">
        <v>165027</v>
      </c>
      <c r="G48657" s="1" t="s">
        <v>164980</v>
      </c>
      <c r="H48657" s="1" t="s">
        <v>164981</v>
      </c>
      <c r="I48657" s="1" t="s">
        <v>163240</v>
      </c>
      <c r="J48657" s="1" t="s">
        <v>165028</v>
      </c>
    </row>
    <row r="48658" spans="1:10" x14ac:dyDescent="0.35">
      <c r="A48658" s="1" t="s">
        <v>25</v>
      </c>
      <c r="B48658" s="1" t="s">
        <v>163234</v>
      </c>
      <c r="C48658" s="1" t="s">
        <v>80</v>
      </c>
      <c r="D48658" s="1" t="s">
        <v>165029</v>
      </c>
      <c r="E48658" s="1" t="s">
        <v>165030</v>
      </c>
      <c r="F48658" s="1" t="s">
        <v>165031</v>
      </c>
      <c r="G48658" s="1" t="s">
        <v>164980</v>
      </c>
      <c r="H48658" s="1" t="s">
        <v>164981</v>
      </c>
      <c r="I48658" s="1" t="s">
        <v>163240</v>
      </c>
      <c r="J48658" s="1" t="s">
        <v>165032</v>
      </c>
    </row>
    <row r="48659" spans="1:10" x14ac:dyDescent="0.35">
      <c r="A48659" s="1" t="s">
        <v>25</v>
      </c>
      <c r="B48659" s="1" t="s">
        <v>163234</v>
      </c>
      <c r="C48659" s="1" t="s">
        <v>85</v>
      </c>
      <c r="D48659" s="1" t="s">
        <v>165033</v>
      </c>
      <c r="E48659" s="1" t="s">
        <v>165034</v>
      </c>
      <c r="F48659" s="1" t="s">
        <v>165035</v>
      </c>
      <c r="G48659" s="1" t="s">
        <v>164980</v>
      </c>
      <c r="H48659" s="1" t="s">
        <v>164981</v>
      </c>
      <c r="I48659" s="1" t="s">
        <v>163240</v>
      </c>
      <c r="J48659" s="1" t="s">
        <v>165036</v>
      </c>
    </row>
    <row r="48660" spans="1:10" x14ac:dyDescent="0.35">
      <c r="A48660" s="1" t="s">
        <v>25</v>
      </c>
      <c r="B48660" s="1" t="s">
        <v>163234</v>
      </c>
      <c r="C48660" s="1" t="s">
        <v>90</v>
      </c>
      <c r="D48660" s="1" t="s">
        <v>41538</v>
      </c>
      <c r="E48660" s="1" t="s">
        <v>165037</v>
      </c>
      <c r="F48660" s="1" t="s">
        <v>165038</v>
      </c>
      <c r="G48660" s="1" t="s">
        <v>164980</v>
      </c>
      <c r="H48660" s="1" t="s">
        <v>164981</v>
      </c>
      <c r="I48660" s="1" t="s">
        <v>163240</v>
      </c>
      <c r="J48660" s="1" t="s">
        <v>165039</v>
      </c>
    </row>
    <row r="48661" spans="1:10" x14ac:dyDescent="0.35">
      <c r="A48661" s="1" t="s">
        <v>25</v>
      </c>
      <c r="B48661" s="1" t="s">
        <v>163234</v>
      </c>
      <c r="C48661" s="1" t="s">
        <v>95</v>
      </c>
      <c r="D48661" s="1" t="s">
        <v>165040</v>
      </c>
      <c r="E48661" s="1" t="s">
        <v>165041</v>
      </c>
      <c r="F48661" s="1" t="s">
        <v>165042</v>
      </c>
      <c r="G48661" s="1" t="s">
        <v>164980</v>
      </c>
      <c r="H48661" s="1" t="s">
        <v>164981</v>
      </c>
      <c r="I48661" s="1" t="s">
        <v>163240</v>
      </c>
      <c r="J48661" s="1" t="s">
        <v>165043</v>
      </c>
    </row>
    <row r="48662" spans="1:10" x14ac:dyDescent="0.35">
      <c r="A48662" s="1" t="s">
        <v>25</v>
      </c>
      <c r="B48662" s="1" t="s">
        <v>163234</v>
      </c>
      <c r="C48662" s="1" t="s">
        <v>100</v>
      </c>
      <c r="D48662" s="1" t="s">
        <v>60546</v>
      </c>
      <c r="E48662" s="1" t="s">
        <v>165044</v>
      </c>
      <c r="F48662" s="1" t="s">
        <v>165045</v>
      </c>
      <c r="G48662" s="1" t="s">
        <v>164980</v>
      </c>
      <c r="H48662" s="1" t="s">
        <v>164981</v>
      </c>
      <c r="I48662" s="1" t="s">
        <v>163240</v>
      </c>
      <c r="J48662" s="1" t="s">
        <v>165046</v>
      </c>
    </row>
    <row r="48663" spans="1:10" x14ac:dyDescent="0.35">
      <c r="A48663" s="1" t="s">
        <v>25</v>
      </c>
      <c r="B48663" s="1" t="s">
        <v>163234</v>
      </c>
      <c r="C48663" s="1" t="s">
        <v>105</v>
      </c>
      <c r="D48663" s="1" t="s">
        <v>165047</v>
      </c>
      <c r="E48663" s="1" t="s">
        <v>165048</v>
      </c>
      <c r="F48663" s="1" t="s">
        <v>165049</v>
      </c>
      <c r="G48663" s="1" t="s">
        <v>164980</v>
      </c>
      <c r="H48663" s="1" t="s">
        <v>164981</v>
      </c>
      <c r="I48663" s="1" t="s">
        <v>163240</v>
      </c>
      <c r="J48663" s="1" t="s">
        <v>165050</v>
      </c>
    </row>
    <row r="48664" spans="1:10" x14ac:dyDescent="0.35">
      <c r="A48664" s="1" t="s">
        <v>25</v>
      </c>
      <c r="B48664" s="1" t="s">
        <v>163234</v>
      </c>
      <c r="C48664" s="1" t="s">
        <v>110</v>
      </c>
      <c r="D48664" s="1" t="s">
        <v>163687</v>
      </c>
      <c r="E48664" s="1" t="s">
        <v>165051</v>
      </c>
      <c r="F48664" s="1" t="s">
        <v>165052</v>
      </c>
      <c r="G48664" s="1" t="s">
        <v>164980</v>
      </c>
      <c r="H48664" s="1" t="s">
        <v>164981</v>
      </c>
      <c r="I48664" s="1" t="s">
        <v>163240</v>
      </c>
      <c r="J48664" s="1" t="s">
        <v>165053</v>
      </c>
    </row>
    <row r="48665" spans="1:10" x14ac:dyDescent="0.35">
      <c r="A48665" s="1" t="s">
        <v>25</v>
      </c>
      <c r="B48665" s="1" t="s">
        <v>163234</v>
      </c>
      <c r="C48665" s="1" t="s">
        <v>115</v>
      </c>
      <c r="D48665" s="1" t="s">
        <v>165054</v>
      </c>
      <c r="E48665" s="1" t="s">
        <v>165055</v>
      </c>
      <c r="F48665" s="1" t="s">
        <v>165056</v>
      </c>
      <c r="G48665" s="1" t="s">
        <v>164980</v>
      </c>
      <c r="H48665" s="1" t="s">
        <v>164981</v>
      </c>
      <c r="I48665" s="1" t="s">
        <v>163240</v>
      </c>
      <c r="J48665" s="1" t="s">
        <v>165057</v>
      </c>
    </row>
    <row r="48666" spans="1:10" x14ac:dyDescent="0.35">
      <c r="A48666" s="1" t="s">
        <v>25</v>
      </c>
      <c r="B48666" s="1" t="s">
        <v>163234</v>
      </c>
      <c r="C48666" s="1" t="s">
        <v>120</v>
      </c>
      <c r="D48666" s="1" t="s">
        <v>165058</v>
      </c>
      <c r="E48666" s="1" t="s">
        <v>165059</v>
      </c>
      <c r="F48666" s="1" t="s">
        <v>165060</v>
      </c>
      <c r="G48666" s="1" t="s">
        <v>164980</v>
      </c>
      <c r="H48666" s="1" t="s">
        <v>164981</v>
      </c>
      <c r="I48666" s="1" t="s">
        <v>163240</v>
      </c>
      <c r="J48666" s="1" t="s">
        <v>165061</v>
      </c>
    </row>
    <row r="48667" spans="1:10" x14ac:dyDescent="0.35">
      <c r="A48667" s="1" t="s">
        <v>25</v>
      </c>
      <c r="B48667" s="1" t="s">
        <v>163234</v>
      </c>
      <c r="C48667" s="1" t="s">
        <v>125</v>
      </c>
      <c r="D48667" s="1" t="s">
        <v>165062</v>
      </c>
      <c r="E48667" s="1" t="s">
        <v>165063</v>
      </c>
      <c r="F48667" s="1" t="s">
        <v>165064</v>
      </c>
      <c r="G48667" s="1" t="s">
        <v>164980</v>
      </c>
      <c r="H48667" s="1" t="s">
        <v>164981</v>
      </c>
      <c r="I48667" s="1" t="s">
        <v>163240</v>
      </c>
      <c r="J48667" s="1" t="s">
        <v>165065</v>
      </c>
    </row>
    <row r="48668" spans="1:10" x14ac:dyDescent="0.35">
      <c r="A48668" s="1" t="s">
        <v>25</v>
      </c>
      <c r="B48668" s="1" t="s">
        <v>163234</v>
      </c>
      <c r="C48668" s="1" t="s">
        <v>130</v>
      </c>
      <c r="D48668" s="1" t="s">
        <v>165066</v>
      </c>
      <c r="E48668" s="1" t="s">
        <v>165067</v>
      </c>
      <c r="F48668" s="1" t="s">
        <v>165068</v>
      </c>
      <c r="G48668" s="1" t="s">
        <v>164980</v>
      </c>
      <c r="H48668" s="1" t="s">
        <v>164981</v>
      </c>
      <c r="I48668" s="1" t="s">
        <v>163240</v>
      </c>
      <c r="J48668" s="1" t="s">
        <v>165069</v>
      </c>
    </row>
    <row r="48669" spans="1:10" x14ac:dyDescent="0.35">
      <c r="A48669" s="1" t="s">
        <v>25</v>
      </c>
      <c r="B48669" s="1" t="s">
        <v>163234</v>
      </c>
      <c r="C48669" s="1" t="s">
        <v>135</v>
      </c>
      <c r="D48669" s="1" t="s">
        <v>165070</v>
      </c>
      <c r="E48669" s="1" t="s">
        <v>165071</v>
      </c>
      <c r="F48669" s="1" t="s">
        <v>165072</v>
      </c>
      <c r="G48669" s="1" t="s">
        <v>164980</v>
      </c>
      <c r="H48669" s="1" t="s">
        <v>164981</v>
      </c>
      <c r="I48669" s="1" t="s">
        <v>163240</v>
      </c>
      <c r="J48669" s="1" t="s">
        <v>165073</v>
      </c>
    </row>
    <row r="48670" spans="1:10" x14ac:dyDescent="0.35">
      <c r="A48670" s="1" t="s">
        <v>25</v>
      </c>
      <c r="B48670" s="1" t="s">
        <v>163234</v>
      </c>
      <c r="C48670" s="1" t="s">
        <v>140</v>
      </c>
      <c r="D48670" s="1" t="s">
        <v>165074</v>
      </c>
      <c r="E48670" s="1" t="s">
        <v>165075</v>
      </c>
      <c r="F48670" s="1" t="s">
        <v>165076</v>
      </c>
      <c r="G48670" s="1" t="s">
        <v>164980</v>
      </c>
      <c r="H48670" s="1" t="s">
        <v>164981</v>
      </c>
      <c r="I48670" s="1" t="s">
        <v>163240</v>
      </c>
      <c r="J48670" s="1" t="s">
        <v>165077</v>
      </c>
    </row>
    <row r="48671" spans="1:10" x14ac:dyDescent="0.35">
      <c r="A48671" s="1" t="s">
        <v>25</v>
      </c>
      <c r="B48671" s="1" t="s">
        <v>163234</v>
      </c>
      <c r="C48671" s="1" t="s">
        <v>145</v>
      </c>
      <c r="D48671" s="1" t="s">
        <v>165078</v>
      </c>
      <c r="E48671" s="1" t="s">
        <v>165079</v>
      </c>
      <c r="F48671" s="1" t="s">
        <v>165080</v>
      </c>
      <c r="G48671" s="1" t="s">
        <v>164980</v>
      </c>
      <c r="H48671" s="1" t="s">
        <v>164981</v>
      </c>
      <c r="I48671" s="1" t="s">
        <v>163240</v>
      </c>
      <c r="J48671" s="1" t="s">
        <v>165081</v>
      </c>
    </row>
    <row r="48672" spans="1:10" x14ac:dyDescent="0.35">
      <c r="A48672" s="1" t="s">
        <v>25</v>
      </c>
      <c r="B48672" s="1" t="s">
        <v>163234</v>
      </c>
      <c r="C48672" s="1" t="s">
        <v>150</v>
      </c>
      <c r="D48672" s="1" t="s">
        <v>165082</v>
      </c>
      <c r="E48672" s="1" t="s">
        <v>165083</v>
      </c>
      <c r="F48672" s="1" t="s">
        <v>165084</v>
      </c>
      <c r="G48672" s="1" t="s">
        <v>164980</v>
      </c>
      <c r="H48672" s="1" t="s">
        <v>164981</v>
      </c>
      <c r="I48672" s="1" t="s">
        <v>163240</v>
      </c>
      <c r="J48672" s="1" t="s">
        <v>165085</v>
      </c>
    </row>
    <row r="48673" spans="1:10" x14ac:dyDescent="0.35">
      <c r="A48673" s="1" t="s">
        <v>25</v>
      </c>
      <c r="B48673" s="1" t="s">
        <v>163234</v>
      </c>
      <c r="C48673" s="1" t="s">
        <v>155</v>
      </c>
      <c r="D48673" s="1" t="s">
        <v>165086</v>
      </c>
      <c r="E48673" s="1" t="s">
        <v>165087</v>
      </c>
      <c r="F48673" s="1" t="s">
        <v>165088</v>
      </c>
      <c r="G48673" s="1" t="s">
        <v>164980</v>
      </c>
      <c r="H48673" s="1" t="s">
        <v>164981</v>
      </c>
      <c r="I48673" s="1" t="s">
        <v>163240</v>
      </c>
      <c r="J48673" s="1" t="s">
        <v>165089</v>
      </c>
    </row>
    <row r="48674" spans="1:10" x14ac:dyDescent="0.35">
      <c r="A48674" s="1" t="s">
        <v>25</v>
      </c>
      <c r="B48674" s="1" t="s">
        <v>163234</v>
      </c>
      <c r="C48674" s="1" t="s">
        <v>160</v>
      </c>
      <c r="D48674" s="1" t="s">
        <v>165090</v>
      </c>
      <c r="E48674" s="1" t="s">
        <v>165091</v>
      </c>
      <c r="F48674" s="1" t="s">
        <v>165092</v>
      </c>
      <c r="G48674" s="1" t="s">
        <v>164980</v>
      </c>
      <c r="H48674" s="1" t="s">
        <v>164981</v>
      </c>
      <c r="I48674" s="1" t="s">
        <v>163240</v>
      </c>
      <c r="J48674" s="1" t="s">
        <v>165093</v>
      </c>
    </row>
    <row r="48675" spans="1:10" x14ac:dyDescent="0.35">
      <c r="A48675" s="1" t="s">
        <v>25</v>
      </c>
      <c r="B48675" s="1" t="s">
        <v>163234</v>
      </c>
      <c r="C48675" s="1" t="s">
        <v>165</v>
      </c>
      <c r="D48675" s="1" t="s">
        <v>165094</v>
      </c>
      <c r="E48675" s="1" t="s">
        <v>165095</v>
      </c>
      <c r="F48675" s="1" t="s">
        <v>165096</v>
      </c>
      <c r="G48675" s="1" t="s">
        <v>164980</v>
      </c>
      <c r="H48675" s="1" t="s">
        <v>164981</v>
      </c>
      <c r="I48675" s="1" t="s">
        <v>163240</v>
      </c>
      <c r="J48675" s="1" t="s">
        <v>165097</v>
      </c>
    </row>
    <row r="48676" spans="1:10" x14ac:dyDescent="0.35">
      <c r="A48676" s="1" t="s">
        <v>25</v>
      </c>
      <c r="B48676" s="1" t="s">
        <v>163234</v>
      </c>
      <c r="C48676" s="1" t="s">
        <v>170</v>
      </c>
      <c r="D48676" s="1" t="s">
        <v>165098</v>
      </c>
      <c r="E48676" s="1" t="s">
        <v>165099</v>
      </c>
      <c r="F48676" s="1" t="s">
        <v>165100</v>
      </c>
      <c r="G48676" s="1" t="s">
        <v>164980</v>
      </c>
      <c r="H48676" s="1" t="s">
        <v>164981</v>
      </c>
      <c r="I48676" s="1" t="s">
        <v>163240</v>
      </c>
      <c r="J48676" s="1" t="s">
        <v>165101</v>
      </c>
    </row>
    <row r="48677" spans="1:10" x14ac:dyDescent="0.35">
      <c r="A48677" s="1" t="s">
        <v>30</v>
      </c>
      <c r="B48677" s="1" t="s">
        <v>163234</v>
      </c>
      <c r="C48677" s="1" t="s">
        <v>8</v>
      </c>
      <c r="D48677" s="1" t="s">
        <v>165102</v>
      </c>
      <c r="E48677" s="1" t="s">
        <v>165103</v>
      </c>
      <c r="F48677" s="1" t="s">
        <v>165104</v>
      </c>
      <c r="G48677" s="1" t="s">
        <v>165105</v>
      </c>
      <c r="H48677" s="1" t="s">
        <v>165106</v>
      </c>
      <c r="I48677" s="1" t="s">
        <v>163240</v>
      </c>
      <c r="J48677" s="1" t="s">
        <v>13</v>
      </c>
    </row>
    <row r="48678" spans="1:10" x14ac:dyDescent="0.35">
      <c r="A48678" s="1" t="s">
        <v>30</v>
      </c>
      <c r="B48678" s="1" t="s">
        <v>163234</v>
      </c>
      <c r="C48678" s="1" t="s">
        <v>15</v>
      </c>
      <c r="D48678" s="1" t="s">
        <v>58236</v>
      </c>
      <c r="E48678" s="1" t="s">
        <v>165107</v>
      </c>
      <c r="F48678" s="1" t="s">
        <v>165108</v>
      </c>
      <c r="G48678" s="1" t="s">
        <v>165105</v>
      </c>
      <c r="H48678" s="1" t="s">
        <v>165106</v>
      </c>
      <c r="I48678" s="1" t="s">
        <v>163240</v>
      </c>
      <c r="J48678" s="1" t="s">
        <v>165109</v>
      </c>
    </row>
    <row r="48679" spans="1:10" x14ac:dyDescent="0.35">
      <c r="A48679" s="1" t="s">
        <v>30</v>
      </c>
      <c r="B48679" s="1" t="s">
        <v>163234</v>
      </c>
      <c r="C48679" s="1" t="s">
        <v>20</v>
      </c>
      <c r="D48679" s="1" t="s">
        <v>135967</v>
      </c>
      <c r="E48679" s="1" t="s">
        <v>165110</v>
      </c>
      <c r="F48679" s="1" t="s">
        <v>165111</v>
      </c>
      <c r="G48679" s="1" t="s">
        <v>165105</v>
      </c>
      <c r="H48679" s="1" t="s">
        <v>165106</v>
      </c>
      <c r="I48679" s="1" t="s">
        <v>163240</v>
      </c>
      <c r="J48679" s="1" t="s">
        <v>165112</v>
      </c>
    </row>
    <row r="48680" spans="1:10" x14ac:dyDescent="0.35">
      <c r="A48680" s="1" t="s">
        <v>30</v>
      </c>
      <c r="B48680" s="1" t="s">
        <v>163234</v>
      </c>
      <c r="C48680" s="1" t="s">
        <v>25</v>
      </c>
      <c r="D48680" s="1" t="s">
        <v>134217</v>
      </c>
      <c r="E48680" s="1" t="s">
        <v>165113</v>
      </c>
      <c r="F48680" s="1" t="s">
        <v>165114</v>
      </c>
      <c r="G48680" s="1" t="s">
        <v>165105</v>
      </c>
      <c r="H48680" s="1" t="s">
        <v>165106</v>
      </c>
      <c r="I48680" s="1" t="s">
        <v>163240</v>
      </c>
      <c r="J48680" s="1" t="s">
        <v>165115</v>
      </c>
    </row>
    <row r="48681" spans="1:10" x14ac:dyDescent="0.35">
      <c r="A48681" s="1" t="s">
        <v>30</v>
      </c>
      <c r="B48681" s="1" t="s">
        <v>163234</v>
      </c>
      <c r="C48681" s="1" t="s">
        <v>30</v>
      </c>
      <c r="D48681" s="1" t="s">
        <v>103645</v>
      </c>
      <c r="E48681" s="1" t="s">
        <v>165116</v>
      </c>
      <c r="F48681" s="1" t="s">
        <v>165117</v>
      </c>
      <c r="G48681" s="1" t="s">
        <v>165105</v>
      </c>
      <c r="H48681" s="1" t="s">
        <v>165106</v>
      </c>
      <c r="I48681" s="1" t="s">
        <v>163240</v>
      </c>
      <c r="J48681" s="1" t="s">
        <v>165118</v>
      </c>
    </row>
    <row r="48682" spans="1:10" x14ac:dyDescent="0.35">
      <c r="A48682" s="1" t="s">
        <v>30</v>
      </c>
      <c r="B48682" s="1" t="s">
        <v>163234</v>
      </c>
      <c r="C48682" s="1" t="s">
        <v>35</v>
      </c>
      <c r="D48682" s="1" t="s">
        <v>165119</v>
      </c>
      <c r="E48682" s="1" t="s">
        <v>165120</v>
      </c>
      <c r="F48682" s="1" t="s">
        <v>165121</v>
      </c>
      <c r="G48682" s="1" t="s">
        <v>165105</v>
      </c>
      <c r="H48682" s="1" t="s">
        <v>165106</v>
      </c>
      <c r="I48682" s="1" t="s">
        <v>163240</v>
      </c>
      <c r="J48682" s="1" t="s">
        <v>165122</v>
      </c>
    </row>
    <row r="48683" spans="1:10" x14ac:dyDescent="0.35">
      <c r="A48683" s="1" t="s">
        <v>30</v>
      </c>
      <c r="B48683" s="1" t="s">
        <v>163234</v>
      </c>
      <c r="C48683" s="1" t="s">
        <v>40</v>
      </c>
      <c r="D48683" s="1" t="s">
        <v>165123</v>
      </c>
      <c r="E48683" s="1" t="s">
        <v>165124</v>
      </c>
      <c r="F48683" s="1" t="s">
        <v>165125</v>
      </c>
      <c r="G48683" s="1" t="s">
        <v>165105</v>
      </c>
      <c r="H48683" s="1" t="s">
        <v>165106</v>
      </c>
      <c r="I48683" s="1" t="s">
        <v>163240</v>
      </c>
      <c r="J48683" s="1" t="s">
        <v>165126</v>
      </c>
    </row>
    <row r="48684" spans="1:10" x14ac:dyDescent="0.35">
      <c r="A48684" s="1" t="s">
        <v>30</v>
      </c>
      <c r="B48684" s="1" t="s">
        <v>163234</v>
      </c>
      <c r="C48684" s="1" t="s">
        <v>45</v>
      </c>
      <c r="D48684" s="1" t="s">
        <v>133772</v>
      </c>
      <c r="E48684" s="1" t="s">
        <v>165127</v>
      </c>
      <c r="F48684" s="1" t="s">
        <v>165128</v>
      </c>
      <c r="G48684" s="1" t="s">
        <v>165105</v>
      </c>
      <c r="H48684" s="1" t="s">
        <v>165106</v>
      </c>
      <c r="I48684" s="1" t="s">
        <v>163240</v>
      </c>
      <c r="J48684" s="1" t="s">
        <v>165129</v>
      </c>
    </row>
    <row r="48685" spans="1:10" x14ac:dyDescent="0.35">
      <c r="A48685" s="1" t="s">
        <v>30</v>
      </c>
      <c r="B48685" s="1" t="s">
        <v>163234</v>
      </c>
      <c r="C48685" s="1" t="s">
        <v>50</v>
      </c>
      <c r="D48685" s="1" t="s">
        <v>165130</v>
      </c>
      <c r="E48685" s="1" t="s">
        <v>165131</v>
      </c>
      <c r="F48685" s="1" t="s">
        <v>165132</v>
      </c>
      <c r="G48685" s="1" t="s">
        <v>165105</v>
      </c>
      <c r="H48685" s="1" t="s">
        <v>165106</v>
      </c>
      <c r="I48685" s="1" t="s">
        <v>163240</v>
      </c>
      <c r="J48685" s="1" t="s">
        <v>165133</v>
      </c>
    </row>
    <row r="48686" spans="1:10" x14ac:dyDescent="0.35">
      <c r="A48686" s="1" t="s">
        <v>30</v>
      </c>
      <c r="B48686" s="1" t="s">
        <v>163234</v>
      </c>
      <c r="C48686" s="1" t="s">
        <v>55</v>
      </c>
      <c r="D48686" s="1" t="s">
        <v>165134</v>
      </c>
      <c r="E48686" s="1" t="s">
        <v>165135</v>
      </c>
      <c r="F48686" s="1" t="s">
        <v>165136</v>
      </c>
      <c r="G48686" s="1" t="s">
        <v>165105</v>
      </c>
      <c r="H48686" s="1" t="s">
        <v>165106</v>
      </c>
      <c r="I48686" s="1" t="s">
        <v>163240</v>
      </c>
      <c r="J48686" s="1" t="s">
        <v>165137</v>
      </c>
    </row>
    <row r="48687" spans="1:10" x14ac:dyDescent="0.35">
      <c r="A48687" s="1" t="s">
        <v>30</v>
      </c>
      <c r="B48687" s="1" t="s">
        <v>163234</v>
      </c>
      <c r="C48687" s="1" t="s">
        <v>60</v>
      </c>
      <c r="D48687" s="1" t="s">
        <v>165138</v>
      </c>
      <c r="E48687" s="1" t="s">
        <v>165139</v>
      </c>
      <c r="F48687" s="1" t="s">
        <v>165140</v>
      </c>
      <c r="G48687" s="1" t="s">
        <v>165105</v>
      </c>
      <c r="H48687" s="1" t="s">
        <v>165106</v>
      </c>
      <c r="I48687" s="1" t="s">
        <v>163240</v>
      </c>
      <c r="J48687" s="1" t="s">
        <v>165141</v>
      </c>
    </row>
    <row r="48688" spans="1:10" x14ac:dyDescent="0.35">
      <c r="A48688" s="1" t="s">
        <v>30</v>
      </c>
      <c r="B48688" s="1" t="s">
        <v>163234</v>
      </c>
      <c r="C48688" s="1" t="s">
        <v>65</v>
      </c>
      <c r="D48688" s="1" t="s">
        <v>165142</v>
      </c>
      <c r="E48688" s="1" t="s">
        <v>165143</v>
      </c>
      <c r="F48688" s="1" t="s">
        <v>165144</v>
      </c>
      <c r="G48688" s="1" t="s">
        <v>165105</v>
      </c>
      <c r="H48688" s="1" t="s">
        <v>165106</v>
      </c>
      <c r="I48688" s="1" t="s">
        <v>163240</v>
      </c>
      <c r="J48688" s="1" t="s">
        <v>165145</v>
      </c>
    </row>
    <row r="48689" spans="1:10" x14ac:dyDescent="0.35">
      <c r="A48689" s="1" t="s">
        <v>30</v>
      </c>
      <c r="B48689" s="1" t="s">
        <v>163234</v>
      </c>
      <c r="C48689" s="1" t="s">
        <v>70</v>
      </c>
      <c r="D48689" s="1" t="s">
        <v>165146</v>
      </c>
      <c r="E48689" s="1" t="s">
        <v>165147</v>
      </c>
      <c r="F48689" s="1" t="s">
        <v>165148</v>
      </c>
      <c r="G48689" s="1" t="s">
        <v>165105</v>
      </c>
      <c r="H48689" s="1" t="s">
        <v>165106</v>
      </c>
      <c r="I48689" s="1" t="s">
        <v>163240</v>
      </c>
      <c r="J48689" s="1" t="s">
        <v>165149</v>
      </c>
    </row>
    <row r="48690" spans="1:10" x14ac:dyDescent="0.35">
      <c r="A48690" s="1" t="s">
        <v>30</v>
      </c>
      <c r="B48690" s="1" t="s">
        <v>163234</v>
      </c>
      <c r="C48690" s="1" t="s">
        <v>75</v>
      </c>
      <c r="D48690" s="1" t="s">
        <v>54020</v>
      </c>
      <c r="E48690" s="1" t="s">
        <v>165150</v>
      </c>
      <c r="F48690" s="1" t="s">
        <v>165151</v>
      </c>
      <c r="G48690" s="1" t="s">
        <v>165105</v>
      </c>
      <c r="H48690" s="1" t="s">
        <v>165106</v>
      </c>
      <c r="I48690" s="1" t="s">
        <v>163240</v>
      </c>
      <c r="J48690" s="1" t="s">
        <v>165152</v>
      </c>
    </row>
    <row r="48691" spans="1:10" x14ac:dyDescent="0.35">
      <c r="A48691" s="1" t="s">
        <v>30</v>
      </c>
      <c r="B48691" s="1" t="s">
        <v>163234</v>
      </c>
      <c r="C48691" s="1" t="s">
        <v>80</v>
      </c>
      <c r="D48691" s="1" t="s">
        <v>165153</v>
      </c>
      <c r="E48691" s="1" t="s">
        <v>165154</v>
      </c>
      <c r="F48691" s="1" t="s">
        <v>165155</v>
      </c>
      <c r="G48691" s="1" t="s">
        <v>165105</v>
      </c>
      <c r="H48691" s="1" t="s">
        <v>165106</v>
      </c>
      <c r="I48691" s="1" t="s">
        <v>163240</v>
      </c>
      <c r="J48691" s="1" t="s">
        <v>165156</v>
      </c>
    </row>
    <row r="48692" spans="1:10" x14ac:dyDescent="0.35">
      <c r="A48692" s="1" t="s">
        <v>30</v>
      </c>
      <c r="B48692" s="1" t="s">
        <v>163234</v>
      </c>
      <c r="C48692" s="1" t="s">
        <v>85</v>
      </c>
      <c r="D48692" s="1" t="s">
        <v>165157</v>
      </c>
      <c r="E48692" s="1" t="s">
        <v>165158</v>
      </c>
      <c r="F48692" s="1" t="s">
        <v>165159</v>
      </c>
      <c r="G48692" s="1" t="s">
        <v>165105</v>
      </c>
      <c r="H48692" s="1" t="s">
        <v>165106</v>
      </c>
      <c r="I48692" s="1" t="s">
        <v>163240</v>
      </c>
      <c r="J48692" s="1" t="s">
        <v>165160</v>
      </c>
    </row>
    <row r="48693" spans="1:10" x14ac:dyDescent="0.35">
      <c r="A48693" s="1" t="s">
        <v>30</v>
      </c>
      <c r="B48693" s="1" t="s">
        <v>163234</v>
      </c>
      <c r="C48693" s="1" t="s">
        <v>90</v>
      </c>
      <c r="D48693" s="1" t="s">
        <v>165161</v>
      </c>
      <c r="E48693" s="1" t="s">
        <v>165162</v>
      </c>
      <c r="F48693" s="1" t="s">
        <v>165163</v>
      </c>
      <c r="G48693" s="1" t="s">
        <v>165105</v>
      </c>
      <c r="H48693" s="1" t="s">
        <v>165106</v>
      </c>
      <c r="I48693" s="1" t="s">
        <v>163240</v>
      </c>
      <c r="J48693" s="1" t="s">
        <v>165164</v>
      </c>
    </row>
    <row r="48694" spans="1:10" x14ac:dyDescent="0.35">
      <c r="A48694" s="1" t="s">
        <v>30</v>
      </c>
      <c r="B48694" s="1" t="s">
        <v>163234</v>
      </c>
      <c r="C48694" s="1" t="s">
        <v>95</v>
      </c>
      <c r="D48694" s="1" t="s">
        <v>165165</v>
      </c>
      <c r="E48694" s="1" t="s">
        <v>165166</v>
      </c>
      <c r="F48694" s="1" t="s">
        <v>165167</v>
      </c>
      <c r="G48694" s="1" t="s">
        <v>165105</v>
      </c>
      <c r="H48694" s="1" t="s">
        <v>165106</v>
      </c>
      <c r="I48694" s="1" t="s">
        <v>163240</v>
      </c>
      <c r="J48694" s="1" t="s">
        <v>165168</v>
      </c>
    </row>
    <row r="48695" spans="1:10" x14ac:dyDescent="0.35">
      <c r="A48695" s="1" t="s">
        <v>30</v>
      </c>
      <c r="B48695" s="1" t="s">
        <v>163234</v>
      </c>
      <c r="C48695" s="1" t="s">
        <v>100</v>
      </c>
      <c r="D48695" s="1" t="s">
        <v>165169</v>
      </c>
      <c r="E48695" s="1" t="s">
        <v>165170</v>
      </c>
      <c r="F48695" s="1" t="s">
        <v>165171</v>
      </c>
      <c r="G48695" s="1" t="s">
        <v>165105</v>
      </c>
      <c r="H48695" s="1" t="s">
        <v>165106</v>
      </c>
      <c r="I48695" s="1" t="s">
        <v>163240</v>
      </c>
      <c r="J48695" s="1" t="s">
        <v>165172</v>
      </c>
    </row>
    <row r="48696" spans="1:10" x14ac:dyDescent="0.35">
      <c r="A48696" s="1" t="s">
        <v>30</v>
      </c>
      <c r="B48696" s="1" t="s">
        <v>163234</v>
      </c>
      <c r="C48696" s="1" t="s">
        <v>105</v>
      </c>
      <c r="D48696" s="1" t="s">
        <v>165173</v>
      </c>
      <c r="E48696" s="1" t="s">
        <v>165174</v>
      </c>
      <c r="F48696" s="1" t="s">
        <v>165175</v>
      </c>
      <c r="G48696" s="1" t="s">
        <v>165105</v>
      </c>
      <c r="H48696" s="1" t="s">
        <v>165106</v>
      </c>
      <c r="I48696" s="1" t="s">
        <v>163240</v>
      </c>
      <c r="J48696" s="1" t="s">
        <v>165176</v>
      </c>
    </row>
    <row r="48697" spans="1:10" x14ac:dyDescent="0.35">
      <c r="A48697" s="1" t="s">
        <v>30</v>
      </c>
      <c r="B48697" s="1" t="s">
        <v>163234</v>
      </c>
      <c r="C48697" s="1" t="s">
        <v>110</v>
      </c>
      <c r="D48697" s="1" t="s">
        <v>165177</v>
      </c>
      <c r="E48697" s="1" t="s">
        <v>165178</v>
      </c>
      <c r="F48697" s="1" t="s">
        <v>165179</v>
      </c>
      <c r="G48697" s="1" t="s">
        <v>165105</v>
      </c>
      <c r="H48697" s="1" t="s">
        <v>165106</v>
      </c>
      <c r="I48697" s="1" t="s">
        <v>163240</v>
      </c>
      <c r="J48697" s="1" t="s">
        <v>165180</v>
      </c>
    </row>
    <row r="48698" spans="1:10" x14ac:dyDescent="0.35">
      <c r="A48698" s="1" t="s">
        <v>30</v>
      </c>
      <c r="B48698" s="1" t="s">
        <v>163234</v>
      </c>
      <c r="C48698" s="1" t="s">
        <v>115</v>
      </c>
      <c r="D48698" s="1" t="s">
        <v>165181</v>
      </c>
      <c r="E48698" s="1" t="s">
        <v>165182</v>
      </c>
      <c r="F48698" s="1" t="s">
        <v>165183</v>
      </c>
      <c r="G48698" s="1" t="s">
        <v>165105</v>
      </c>
      <c r="H48698" s="1" t="s">
        <v>165106</v>
      </c>
      <c r="I48698" s="1" t="s">
        <v>163240</v>
      </c>
      <c r="J48698" s="1" t="s">
        <v>165184</v>
      </c>
    </row>
    <row r="48699" spans="1:10" x14ac:dyDescent="0.35">
      <c r="A48699" s="1" t="s">
        <v>30</v>
      </c>
      <c r="B48699" s="1" t="s">
        <v>163234</v>
      </c>
      <c r="C48699" s="1" t="s">
        <v>120</v>
      </c>
      <c r="D48699" s="1" t="s">
        <v>165185</v>
      </c>
      <c r="E48699" s="1" t="s">
        <v>165186</v>
      </c>
      <c r="F48699" s="1" t="s">
        <v>165187</v>
      </c>
      <c r="G48699" s="1" t="s">
        <v>165105</v>
      </c>
      <c r="H48699" s="1" t="s">
        <v>165106</v>
      </c>
      <c r="I48699" s="1" t="s">
        <v>163240</v>
      </c>
      <c r="J48699" s="1" t="s">
        <v>165188</v>
      </c>
    </row>
    <row r="48700" spans="1:10" x14ac:dyDescent="0.35">
      <c r="A48700" s="1" t="s">
        <v>30</v>
      </c>
      <c r="B48700" s="1" t="s">
        <v>163234</v>
      </c>
      <c r="C48700" s="1" t="s">
        <v>125</v>
      </c>
      <c r="D48700" s="1" t="s">
        <v>165189</v>
      </c>
      <c r="E48700" s="1" t="s">
        <v>165190</v>
      </c>
      <c r="F48700" s="1" t="s">
        <v>165191</v>
      </c>
      <c r="G48700" s="1" t="s">
        <v>165105</v>
      </c>
      <c r="H48700" s="1" t="s">
        <v>165106</v>
      </c>
      <c r="I48700" s="1" t="s">
        <v>163240</v>
      </c>
      <c r="J48700" s="1" t="s">
        <v>165192</v>
      </c>
    </row>
    <row r="48701" spans="1:10" x14ac:dyDescent="0.35">
      <c r="A48701" s="1" t="s">
        <v>30</v>
      </c>
      <c r="B48701" s="1" t="s">
        <v>163234</v>
      </c>
      <c r="C48701" s="1" t="s">
        <v>130</v>
      </c>
      <c r="D48701" s="1" t="s">
        <v>165193</v>
      </c>
      <c r="E48701" s="1" t="s">
        <v>165194</v>
      </c>
      <c r="F48701" s="1" t="s">
        <v>165195</v>
      </c>
      <c r="G48701" s="1" t="s">
        <v>165105</v>
      </c>
      <c r="H48701" s="1" t="s">
        <v>165106</v>
      </c>
      <c r="I48701" s="1" t="s">
        <v>163240</v>
      </c>
      <c r="J48701" s="1" t="s">
        <v>165196</v>
      </c>
    </row>
    <row r="48702" spans="1:10" x14ac:dyDescent="0.35">
      <c r="A48702" s="1" t="s">
        <v>30</v>
      </c>
      <c r="B48702" s="1" t="s">
        <v>163234</v>
      </c>
      <c r="C48702" s="1" t="s">
        <v>135</v>
      </c>
      <c r="D48702" s="1" t="s">
        <v>164658</v>
      </c>
      <c r="E48702" s="1" t="s">
        <v>165197</v>
      </c>
      <c r="F48702" s="1" t="s">
        <v>165198</v>
      </c>
      <c r="G48702" s="1" t="s">
        <v>165105</v>
      </c>
      <c r="H48702" s="1" t="s">
        <v>165106</v>
      </c>
      <c r="I48702" s="1" t="s">
        <v>163240</v>
      </c>
      <c r="J48702" s="1" t="s">
        <v>165199</v>
      </c>
    </row>
    <row r="48703" spans="1:10" x14ac:dyDescent="0.35">
      <c r="A48703" s="1" t="s">
        <v>30</v>
      </c>
      <c r="B48703" s="1" t="s">
        <v>163234</v>
      </c>
      <c r="C48703" s="1" t="s">
        <v>140</v>
      </c>
      <c r="D48703" s="1" t="s">
        <v>163894</v>
      </c>
      <c r="E48703" s="1" t="s">
        <v>165200</v>
      </c>
      <c r="F48703" s="1" t="s">
        <v>165201</v>
      </c>
      <c r="G48703" s="1" t="s">
        <v>165105</v>
      </c>
      <c r="H48703" s="1" t="s">
        <v>165106</v>
      </c>
      <c r="I48703" s="1" t="s">
        <v>163240</v>
      </c>
      <c r="J48703" s="1" t="s">
        <v>165202</v>
      </c>
    </row>
    <row r="48704" spans="1:10" x14ac:dyDescent="0.35">
      <c r="A48704" s="1" t="s">
        <v>30</v>
      </c>
      <c r="B48704" s="1" t="s">
        <v>163234</v>
      </c>
      <c r="C48704" s="1" t="s">
        <v>145</v>
      </c>
      <c r="D48704" s="1" t="s">
        <v>165203</v>
      </c>
      <c r="E48704" s="1" t="s">
        <v>165204</v>
      </c>
      <c r="F48704" s="1" t="s">
        <v>165205</v>
      </c>
      <c r="G48704" s="1" t="s">
        <v>165105</v>
      </c>
      <c r="H48704" s="1" t="s">
        <v>165106</v>
      </c>
      <c r="I48704" s="1" t="s">
        <v>163240</v>
      </c>
      <c r="J48704" s="1" t="s">
        <v>165206</v>
      </c>
    </row>
    <row r="48705" spans="1:10" x14ac:dyDescent="0.35">
      <c r="A48705" s="1" t="s">
        <v>30</v>
      </c>
      <c r="B48705" s="1" t="s">
        <v>163234</v>
      </c>
      <c r="C48705" s="1" t="s">
        <v>150</v>
      </c>
      <c r="D48705" s="1" t="s">
        <v>165207</v>
      </c>
      <c r="E48705" s="1" t="s">
        <v>165208</v>
      </c>
      <c r="F48705" s="1" t="s">
        <v>165209</v>
      </c>
      <c r="G48705" s="1" t="s">
        <v>165105</v>
      </c>
      <c r="H48705" s="1" t="s">
        <v>165106</v>
      </c>
      <c r="I48705" s="1" t="s">
        <v>163240</v>
      </c>
      <c r="J48705" s="1" t="s">
        <v>165210</v>
      </c>
    </row>
    <row r="48706" spans="1:10" x14ac:dyDescent="0.35">
      <c r="A48706" s="1" t="s">
        <v>30</v>
      </c>
      <c r="B48706" s="1" t="s">
        <v>163234</v>
      </c>
      <c r="C48706" s="1" t="s">
        <v>155</v>
      </c>
      <c r="D48706" s="1" t="s">
        <v>165211</v>
      </c>
      <c r="E48706" s="1" t="s">
        <v>165212</v>
      </c>
      <c r="F48706" s="1" t="s">
        <v>165213</v>
      </c>
      <c r="G48706" s="1" t="s">
        <v>165105</v>
      </c>
      <c r="H48706" s="1" t="s">
        <v>165106</v>
      </c>
      <c r="I48706" s="1" t="s">
        <v>163240</v>
      </c>
      <c r="J48706" s="1" t="s">
        <v>165214</v>
      </c>
    </row>
    <row r="48707" spans="1:10" x14ac:dyDescent="0.35">
      <c r="A48707" s="1" t="s">
        <v>30</v>
      </c>
      <c r="B48707" s="1" t="s">
        <v>163234</v>
      </c>
      <c r="C48707" s="1" t="s">
        <v>160</v>
      </c>
      <c r="D48707" s="1" t="s">
        <v>165215</v>
      </c>
      <c r="E48707" s="1" t="s">
        <v>165216</v>
      </c>
      <c r="F48707" s="1" t="s">
        <v>165217</v>
      </c>
      <c r="G48707" s="1" t="s">
        <v>165105</v>
      </c>
      <c r="H48707" s="1" t="s">
        <v>165106</v>
      </c>
      <c r="I48707" s="1" t="s">
        <v>163240</v>
      </c>
      <c r="J48707" s="1" t="s">
        <v>165218</v>
      </c>
    </row>
    <row r="48708" spans="1:10" x14ac:dyDescent="0.35">
      <c r="A48708" s="1" t="s">
        <v>30</v>
      </c>
      <c r="B48708" s="1" t="s">
        <v>163234</v>
      </c>
      <c r="C48708" s="1" t="s">
        <v>165</v>
      </c>
      <c r="D48708" s="1" t="s">
        <v>165219</v>
      </c>
      <c r="E48708" s="1" t="s">
        <v>165220</v>
      </c>
      <c r="F48708" s="1" t="s">
        <v>165221</v>
      </c>
      <c r="G48708" s="1" t="s">
        <v>165105</v>
      </c>
      <c r="H48708" s="1" t="s">
        <v>165106</v>
      </c>
      <c r="I48708" s="1" t="s">
        <v>163240</v>
      </c>
      <c r="J48708" s="1" t="s">
        <v>165222</v>
      </c>
    </row>
    <row r="48709" spans="1:10" x14ac:dyDescent="0.35">
      <c r="A48709" s="1" t="s">
        <v>30</v>
      </c>
      <c r="B48709" s="1" t="s">
        <v>163234</v>
      </c>
      <c r="C48709" s="1" t="s">
        <v>170</v>
      </c>
      <c r="D48709" s="1" t="s">
        <v>165223</v>
      </c>
      <c r="E48709" s="1" t="s">
        <v>165224</v>
      </c>
      <c r="F48709" s="1" t="s">
        <v>165225</v>
      </c>
      <c r="G48709" s="1" t="s">
        <v>165105</v>
      </c>
      <c r="H48709" s="1" t="s">
        <v>165106</v>
      </c>
      <c r="I48709" s="1" t="s">
        <v>163240</v>
      </c>
      <c r="J48709" s="1" t="s">
        <v>165226</v>
      </c>
    </row>
    <row r="48710" spans="1:10" x14ac:dyDescent="0.35">
      <c r="A48710" s="1" t="s">
        <v>35</v>
      </c>
      <c r="B48710" s="1" t="s">
        <v>163234</v>
      </c>
      <c r="C48710" s="1" t="s">
        <v>8</v>
      </c>
      <c r="D48710" s="1" t="s">
        <v>60870</v>
      </c>
      <c r="E48710" s="1" t="s">
        <v>23342</v>
      </c>
      <c r="F48710" s="1" t="s">
        <v>15611</v>
      </c>
      <c r="G48710" s="1" t="s">
        <v>165227</v>
      </c>
      <c r="H48710" s="1" t="s">
        <v>165228</v>
      </c>
      <c r="I48710" s="1" t="s">
        <v>163240</v>
      </c>
      <c r="J48710" s="1" t="s">
        <v>13</v>
      </c>
    </row>
    <row r="48711" spans="1:10" x14ac:dyDescent="0.35">
      <c r="A48711" s="1" t="s">
        <v>35</v>
      </c>
      <c r="B48711" s="1" t="s">
        <v>163234</v>
      </c>
      <c r="C48711" s="1" t="s">
        <v>15</v>
      </c>
      <c r="D48711" s="1" t="s">
        <v>22437</v>
      </c>
      <c r="E48711" s="1" t="s">
        <v>58383</v>
      </c>
      <c r="F48711" s="1" t="s">
        <v>55486</v>
      </c>
      <c r="G48711" s="1" t="s">
        <v>165227</v>
      </c>
      <c r="H48711" s="1" t="s">
        <v>165228</v>
      </c>
      <c r="I48711" s="1" t="s">
        <v>163240</v>
      </c>
      <c r="J48711" s="1" t="s">
        <v>165229</v>
      </c>
    </row>
    <row r="48712" spans="1:10" x14ac:dyDescent="0.35">
      <c r="A48712" s="1" t="s">
        <v>35</v>
      </c>
      <c r="B48712" s="1" t="s">
        <v>163234</v>
      </c>
      <c r="C48712" s="1" t="s">
        <v>20</v>
      </c>
      <c r="D48712" s="1" t="s">
        <v>54558</v>
      </c>
      <c r="E48712" s="1" t="s">
        <v>165230</v>
      </c>
      <c r="F48712" s="1" t="s">
        <v>58269</v>
      </c>
      <c r="G48712" s="1" t="s">
        <v>165227</v>
      </c>
      <c r="H48712" s="1" t="s">
        <v>165228</v>
      </c>
      <c r="I48712" s="1" t="s">
        <v>163240</v>
      </c>
      <c r="J48712" s="1" t="s">
        <v>165231</v>
      </c>
    </row>
    <row r="48713" spans="1:10" x14ac:dyDescent="0.35">
      <c r="A48713" s="1" t="s">
        <v>35</v>
      </c>
      <c r="B48713" s="1" t="s">
        <v>163234</v>
      </c>
      <c r="C48713" s="1" t="s">
        <v>25</v>
      </c>
      <c r="D48713" s="1" t="s">
        <v>39429</v>
      </c>
      <c r="E48713" s="1" t="s">
        <v>165232</v>
      </c>
      <c r="F48713" s="1" t="s">
        <v>165233</v>
      </c>
      <c r="G48713" s="1" t="s">
        <v>165227</v>
      </c>
      <c r="H48713" s="1" t="s">
        <v>165228</v>
      </c>
      <c r="I48713" s="1" t="s">
        <v>163240</v>
      </c>
      <c r="J48713" s="1" t="s">
        <v>165234</v>
      </c>
    </row>
    <row r="48714" spans="1:10" x14ac:dyDescent="0.35">
      <c r="A48714" s="1" t="s">
        <v>35</v>
      </c>
      <c r="B48714" s="1" t="s">
        <v>163234</v>
      </c>
      <c r="C48714" s="1" t="s">
        <v>30</v>
      </c>
      <c r="D48714" s="1" t="s">
        <v>165235</v>
      </c>
      <c r="E48714" s="1" t="s">
        <v>82270</v>
      </c>
      <c r="F48714" s="1" t="s">
        <v>165236</v>
      </c>
      <c r="G48714" s="1" t="s">
        <v>165227</v>
      </c>
      <c r="H48714" s="1" t="s">
        <v>165228</v>
      </c>
      <c r="I48714" s="1" t="s">
        <v>163240</v>
      </c>
      <c r="J48714" s="1" t="s">
        <v>165237</v>
      </c>
    </row>
    <row r="48715" spans="1:10" x14ac:dyDescent="0.35">
      <c r="A48715" s="1" t="s">
        <v>35</v>
      </c>
      <c r="B48715" s="1" t="s">
        <v>163234</v>
      </c>
      <c r="C48715" s="1" t="s">
        <v>35</v>
      </c>
      <c r="D48715" s="1" t="s">
        <v>165238</v>
      </c>
      <c r="E48715" s="1" t="s">
        <v>66346</v>
      </c>
      <c r="F48715" s="1" t="s">
        <v>165239</v>
      </c>
      <c r="G48715" s="1" t="s">
        <v>165227</v>
      </c>
      <c r="H48715" s="1" t="s">
        <v>165228</v>
      </c>
      <c r="I48715" s="1" t="s">
        <v>163240</v>
      </c>
      <c r="J48715" s="1" t="s">
        <v>165240</v>
      </c>
    </row>
    <row r="48716" spans="1:10" x14ac:dyDescent="0.35">
      <c r="A48716" s="1" t="s">
        <v>35</v>
      </c>
      <c r="B48716" s="1" t="s">
        <v>163234</v>
      </c>
      <c r="C48716" s="1" t="s">
        <v>40</v>
      </c>
      <c r="D48716" s="1" t="s">
        <v>140093</v>
      </c>
      <c r="E48716" s="1" t="s">
        <v>165241</v>
      </c>
      <c r="F48716" s="1" t="s">
        <v>128966</v>
      </c>
      <c r="G48716" s="1" t="s">
        <v>165227</v>
      </c>
      <c r="H48716" s="1" t="s">
        <v>165228</v>
      </c>
      <c r="I48716" s="1" t="s">
        <v>163240</v>
      </c>
      <c r="J48716" s="1" t="s">
        <v>165242</v>
      </c>
    </row>
    <row r="48717" spans="1:10" x14ac:dyDescent="0.35">
      <c r="A48717" s="1" t="s">
        <v>35</v>
      </c>
      <c r="B48717" s="1" t="s">
        <v>163234</v>
      </c>
      <c r="C48717" s="1" t="s">
        <v>45</v>
      </c>
      <c r="D48717" s="1" t="s">
        <v>165243</v>
      </c>
      <c r="E48717" s="1" t="s">
        <v>62515</v>
      </c>
      <c r="F48717" s="1" t="s">
        <v>31791</v>
      </c>
      <c r="G48717" s="1" t="s">
        <v>165227</v>
      </c>
      <c r="H48717" s="1" t="s">
        <v>165228</v>
      </c>
      <c r="I48717" s="1" t="s">
        <v>163240</v>
      </c>
      <c r="J48717" s="1" t="s">
        <v>165244</v>
      </c>
    </row>
    <row r="48718" spans="1:10" x14ac:dyDescent="0.35">
      <c r="A48718" s="1" t="s">
        <v>35</v>
      </c>
      <c r="B48718" s="1" t="s">
        <v>163234</v>
      </c>
      <c r="C48718" s="1" t="s">
        <v>50</v>
      </c>
      <c r="D48718" s="1" t="s">
        <v>165245</v>
      </c>
      <c r="E48718" s="1" t="s">
        <v>165246</v>
      </c>
      <c r="F48718" s="1" t="s">
        <v>165247</v>
      </c>
      <c r="G48718" s="1" t="s">
        <v>165227</v>
      </c>
      <c r="H48718" s="1" t="s">
        <v>165228</v>
      </c>
      <c r="I48718" s="1" t="s">
        <v>163240</v>
      </c>
      <c r="J48718" s="1" t="s">
        <v>165248</v>
      </c>
    </row>
    <row r="48719" spans="1:10" x14ac:dyDescent="0.35">
      <c r="A48719" s="1" t="s">
        <v>35</v>
      </c>
      <c r="B48719" s="1" t="s">
        <v>163234</v>
      </c>
      <c r="C48719" s="1" t="s">
        <v>55</v>
      </c>
      <c r="D48719" s="1" t="s">
        <v>165249</v>
      </c>
      <c r="E48719" s="1" t="s">
        <v>165250</v>
      </c>
      <c r="F48719" s="1" t="s">
        <v>165251</v>
      </c>
      <c r="G48719" s="1" t="s">
        <v>165227</v>
      </c>
      <c r="H48719" s="1" t="s">
        <v>165228</v>
      </c>
      <c r="I48719" s="1" t="s">
        <v>163240</v>
      </c>
      <c r="J48719" s="1" t="s">
        <v>165252</v>
      </c>
    </row>
    <row r="48720" spans="1:10" x14ac:dyDescent="0.35">
      <c r="A48720" s="1" t="s">
        <v>35</v>
      </c>
      <c r="B48720" s="1" t="s">
        <v>163234</v>
      </c>
      <c r="C48720" s="1" t="s">
        <v>60</v>
      </c>
      <c r="D48720" s="1" t="s">
        <v>165253</v>
      </c>
      <c r="E48720" s="1" t="s">
        <v>23057</v>
      </c>
      <c r="F48720" s="1" t="s">
        <v>165254</v>
      </c>
      <c r="G48720" s="1" t="s">
        <v>165227</v>
      </c>
      <c r="H48720" s="1" t="s">
        <v>165228</v>
      </c>
      <c r="I48720" s="1" t="s">
        <v>163240</v>
      </c>
      <c r="J48720" s="1" t="s">
        <v>165255</v>
      </c>
    </row>
    <row r="48721" spans="1:10" x14ac:dyDescent="0.35">
      <c r="A48721" s="1" t="s">
        <v>35</v>
      </c>
      <c r="B48721" s="1" t="s">
        <v>163234</v>
      </c>
      <c r="C48721" s="1" t="s">
        <v>65</v>
      </c>
      <c r="D48721" s="1" t="s">
        <v>165256</v>
      </c>
      <c r="E48721" s="1" t="s">
        <v>165257</v>
      </c>
      <c r="F48721" s="1" t="s">
        <v>132920</v>
      </c>
      <c r="G48721" s="1" t="s">
        <v>165227</v>
      </c>
      <c r="H48721" s="1" t="s">
        <v>165228</v>
      </c>
      <c r="I48721" s="1" t="s">
        <v>163240</v>
      </c>
      <c r="J48721" s="1" t="s">
        <v>165258</v>
      </c>
    </row>
    <row r="48722" spans="1:10" x14ac:dyDescent="0.35">
      <c r="A48722" s="1" t="s">
        <v>35</v>
      </c>
      <c r="B48722" s="1" t="s">
        <v>163234</v>
      </c>
      <c r="C48722" s="1" t="s">
        <v>70</v>
      </c>
      <c r="D48722" s="1" t="s">
        <v>165259</v>
      </c>
      <c r="E48722" s="1" t="s">
        <v>24696</v>
      </c>
      <c r="F48722" s="1" t="s">
        <v>57322</v>
      </c>
      <c r="G48722" s="1" t="s">
        <v>165227</v>
      </c>
      <c r="H48722" s="1" t="s">
        <v>165228</v>
      </c>
      <c r="I48722" s="1" t="s">
        <v>163240</v>
      </c>
      <c r="J48722" s="1" t="s">
        <v>165260</v>
      </c>
    </row>
    <row r="48723" spans="1:10" x14ac:dyDescent="0.35">
      <c r="A48723" s="1" t="s">
        <v>35</v>
      </c>
      <c r="B48723" s="1" t="s">
        <v>163234</v>
      </c>
      <c r="C48723" s="1" t="s">
        <v>75</v>
      </c>
      <c r="D48723" s="1" t="s">
        <v>165261</v>
      </c>
      <c r="E48723" s="1" t="s">
        <v>23302</v>
      </c>
      <c r="F48723" s="1" t="s">
        <v>129340</v>
      </c>
      <c r="G48723" s="1" t="s">
        <v>165227</v>
      </c>
      <c r="H48723" s="1" t="s">
        <v>165228</v>
      </c>
      <c r="I48723" s="1" t="s">
        <v>163240</v>
      </c>
      <c r="J48723" s="1" t="s">
        <v>165262</v>
      </c>
    </row>
    <row r="48724" spans="1:10" x14ac:dyDescent="0.35">
      <c r="A48724" s="1" t="s">
        <v>35</v>
      </c>
      <c r="B48724" s="1" t="s">
        <v>163234</v>
      </c>
      <c r="C48724" s="1" t="s">
        <v>80</v>
      </c>
      <c r="D48724" s="1" t="s">
        <v>165263</v>
      </c>
      <c r="E48724" s="1" t="s">
        <v>165264</v>
      </c>
      <c r="F48724" s="1" t="s">
        <v>95783</v>
      </c>
      <c r="G48724" s="1" t="s">
        <v>165227</v>
      </c>
      <c r="H48724" s="1" t="s">
        <v>165228</v>
      </c>
      <c r="I48724" s="1" t="s">
        <v>163240</v>
      </c>
      <c r="J48724" s="1" t="s">
        <v>165265</v>
      </c>
    </row>
    <row r="48725" spans="1:10" x14ac:dyDescent="0.35">
      <c r="A48725" s="1" t="s">
        <v>35</v>
      </c>
      <c r="B48725" s="1" t="s">
        <v>163234</v>
      </c>
      <c r="C48725" s="1" t="s">
        <v>85</v>
      </c>
      <c r="D48725" s="1" t="s">
        <v>165266</v>
      </c>
      <c r="E48725" s="1" t="s">
        <v>165267</v>
      </c>
      <c r="F48725" s="1" t="s">
        <v>165268</v>
      </c>
      <c r="G48725" s="1" t="s">
        <v>165227</v>
      </c>
      <c r="H48725" s="1" t="s">
        <v>165228</v>
      </c>
      <c r="I48725" s="1" t="s">
        <v>163240</v>
      </c>
      <c r="J48725" s="1" t="s">
        <v>165269</v>
      </c>
    </row>
    <row r="48726" spans="1:10" x14ac:dyDescent="0.35">
      <c r="A48726" s="1" t="s">
        <v>35</v>
      </c>
      <c r="B48726" s="1" t="s">
        <v>163234</v>
      </c>
      <c r="C48726" s="1" t="s">
        <v>90</v>
      </c>
      <c r="D48726" s="1" t="s">
        <v>165270</v>
      </c>
      <c r="E48726" s="1" t="s">
        <v>55023</v>
      </c>
      <c r="F48726" s="1" t="s">
        <v>165271</v>
      </c>
      <c r="G48726" s="1" t="s">
        <v>165227</v>
      </c>
      <c r="H48726" s="1" t="s">
        <v>165228</v>
      </c>
      <c r="I48726" s="1" t="s">
        <v>163240</v>
      </c>
      <c r="J48726" s="1" t="s">
        <v>165272</v>
      </c>
    </row>
    <row r="48727" spans="1:10" x14ac:dyDescent="0.35">
      <c r="A48727" s="1" t="s">
        <v>35</v>
      </c>
      <c r="B48727" s="1" t="s">
        <v>163234</v>
      </c>
      <c r="C48727" s="1" t="s">
        <v>95</v>
      </c>
      <c r="D48727" s="1" t="s">
        <v>165273</v>
      </c>
      <c r="E48727" s="1" t="s">
        <v>155859</v>
      </c>
      <c r="F48727" s="1" t="s">
        <v>165274</v>
      </c>
      <c r="G48727" s="1" t="s">
        <v>165227</v>
      </c>
      <c r="H48727" s="1" t="s">
        <v>165228</v>
      </c>
      <c r="I48727" s="1" t="s">
        <v>163240</v>
      </c>
      <c r="J48727" s="1" t="s">
        <v>165275</v>
      </c>
    </row>
    <row r="48728" spans="1:10" x14ac:dyDescent="0.35">
      <c r="A48728" s="1" t="s">
        <v>35</v>
      </c>
      <c r="B48728" s="1" t="s">
        <v>163234</v>
      </c>
      <c r="C48728" s="1" t="s">
        <v>100</v>
      </c>
      <c r="D48728" s="1" t="s">
        <v>165276</v>
      </c>
      <c r="E48728" s="1" t="s">
        <v>63642</v>
      </c>
      <c r="F48728" s="1" t="s">
        <v>165277</v>
      </c>
      <c r="G48728" s="1" t="s">
        <v>165227</v>
      </c>
      <c r="H48728" s="1" t="s">
        <v>165228</v>
      </c>
      <c r="I48728" s="1" t="s">
        <v>163240</v>
      </c>
      <c r="J48728" s="1" t="s">
        <v>165278</v>
      </c>
    </row>
    <row r="48729" spans="1:10" x14ac:dyDescent="0.35">
      <c r="A48729" s="1" t="s">
        <v>35</v>
      </c>
      <c r="B48729" s="1" t="s">
        <v>163234</v>
      </c>
      <c r="C48729" s="1" t="s">
        <v>105</v>
      </c>
      <c r="D48729" s="1" t="s">
        <v>41090</v>
      </c>
      <c r="E48729" s="1" t="s">
        <v>155849</v>
      </c>
      <c r="F48729" s="1" t="s">
        <v>165279</v>
      </c>
      <c r="G48729" s="1" t="s">
        <v>165227</v>
      </c>
      <c r="H48729" s="1" t="s">
        <v>165228</v>
      </c>
      <c r="I48729" s="1" t="s">
        <v>163240</v>
      </c>
      <c r="J48729" s="1" t="s">
        <v>165280</v>
      </c>
    </row>
    <row r="48730" spans="1:10" x14ac:dyDescent="0.35">
      <c r="A48730" s="1" t="s">
        <v>35</v>
      </c>
      <c r="B48730" s="1" t="s">
        <v>163234</v>
      </c>
      <c r="C48730" s="1" t="s">
        <v>110</v>
      </c>
      <c r="D48730" s="1" t="s">
        <v>21434</v>
      </c>
      <c r="E48730" s="1" t="s">
        <v>165281</v>
      </c>
      <c r="F48730" s="1" t="s">
        <v>165282</v>
      </c>
      <c r="G48730" s="1" t="s">
        <v>165227</v>
      </c>
      <c r="H48730" s="1" t="s">
        <v>165228</v>
      </c>
      <c r="I48730" s="1" t="s">
        <v>163240</v>
      </c>
      <c r="J48730" s="1" t="s">
        <v>165283</v>
      </c>
    </row>
    <row r="48731" spans="1:10" x14ac:dyDescent="0.35">
      <c r="A48731" s="1" t="s">
        <v>35</v>
      </c>
      <c r="B48731" s="1" t="s">
        <v>163234</v>
      </c>
      <c r="C48731" s="1" t="s">
        <v>115</v>
      </c>
      <c r="D48731" s="1" t="s">
        <v>165284</v>
      </c>
      <c r="E48731" s="1" t="s">
        <v>40640</v>
      </c>
      <c r="F48731" s="1" t="s">
        <v>165285</v>
      </c>
      <c r="G48731" s="1" t="s">
        <v>165227</v>
      </c>
      <c r="H48731" s="1" t="s">
        <v>165228</v>
      </c>
      <c r="I48731" s="1" t="s">
        <v>163240</v>
      </c>
      <c r="J48731" s="1" t="s">
        <v>165286</v>
      </c>
    </row>
    <row r="48732" spans="1:10" x14ac:dyDescent="0.35">
      <c r="A48732" s="1" t="s">
        <v>35</v>
      </c>
      <c r="B48732" s="1" t="s">
        <v>163234</v>
      </c>
      <c r="C48732" s="1" t="s">
        <v>120</v>
      </c>
      <c r="D48732" s="1" t="s">
        <v>70095</v>
      </c>
      <c r="E48732" s="1" t="s">
        <v>14654</v>
      </c>
      <c r="F48732" s="1" t="s">
        <v>165287</v>
      </c>
      <c r="G48732" s="1" t="s">
        <v>165227</v>
      </c>
      <c r="H48732" s="1" t="s">
        <v>165228</v>
      </c>
      <c r="I48732" s="1" t="s">
        <v>163240</v>
      </c>
      <c r="J48732" s="1" t="s">
        <v>165288</v>
      </c>
    </row>
    <row r="48733" spans="1:10" x14ac:dyDescent="0.35">
      <c r="A48733" s="1" t="s">
        <v>35</v>
      </c>
      <c r="B48733" s="1" t="s">
        <v>163234</v>
      </c>
      <c r="C48733" s="1" t="s">
        <v>125</v>
      </c>
      <c r="D48733" s="1" t="s">
        <v>165289</v>
      </c>
      <c r="E48733" s="1" t="s">
        <v>21155</v>
      </c>
      <c r="F48733" s="1" t="s">
        <v>134663</v>
      </c>
      <c r="G48733" s="1" t="s">
        <v>165227</v>
      </c>
      <c r="H48733" s="1" t="s">
        <v>165228</v>
      </c>
      <c r="I48733" s="1" t="s">
        <v>163240</v>
      </c>
      <c r="J48733" s="1" t="s">
        <v>165290</v>
      </c>
    </row>
    <row r="48734" spans="1:10" x14ac:dyDescent="0.35">
      <c r="A48734" s="1" t="s">
        <v>35</v>
      </c>
      <c r="B48734" s="1" t="s">
        <v>163234</v>
      </c>
      <c r="C48734" s="1" t="s">
        <v>130</v>
      </c>
      <c r="D48734" s="1" t="s">
        <v>165291</v>
      </c>
      <c r="E48734" s="1" t="s">
        <v>22998</v>
      </c>
      <c r="F48734" s="1" t="s">
        <v>15229</v>
      </c>
      <c r="G48734" s="1" t="s">
        <v>165227</v>
      </c>
      <c r="H48734" s="1" t="s">
        <v>165228</v>
      </c>
      <c r="I48734" s="1" t="s">
        <v>163240</v>
      </c>
      <c r="J48734" s="1" t="s">
        <v>165292</v>
      </c>
    </row>
    <row r="48735" spans="1:10" x14ac:dyDescent="0.35">
      <c r="A48735" s="1" t="s">
        <v>35</v>
      </c>
      <c r="B48735" s="1" t="s">
        <v>163234</v>
      </c>
      <c r="C48735" s="1" t="s">
        <v>135</v>
      </c>
      <c r="D48735" s="1" t="s">
        <v>165293</v>
      </c>
      <c r="E48735" s="1" t="s">
        <v>62800</v>
      </c>
      <c r="F48735" s="1" t="s">
        <v>108330</v>
      </c>
      <c r="G48735" s="1" t="s">
        <v>165227</v>
      </c>
      <c r="H48735" s="1" t="s">
        <v>165228</v>
      </c>
      <c r="I48735" s="1" t="s">
        <v>163240</v>
      </c>
      <c r="J48735" s="1" t="s">
        <v>165294</v>
      </c>
    </row>
    <row r="48736" spans="1:10" x14ac:dyDescent="0.35">
      <c r="A48736" s="1" t="s">
        <v>35</v>
      </c>
      <c r="B48736" s="1" t="s">
        <v>163234</v>
      </c>
      <c r="C48736" s="1" t="s">
        <v>140</v>
      </c>
      <c r="D48736" s="1" t="s">
        <v>165295</v>
      </c>
      <c r="E48736" s="1" t="s">
        <v>165296</v>
      </c>
      <c r="F48736" s="1" t="s">
        <v>61196</v>
      </c>
      <c r="G48736" s="1" t="s">
        <v>165227</v>
      </c>
      <c r="H48736" s="1" t="s">
        <v>165228</v>
      </c>
      <c r="I48736" s="1" t="s">
        <v>163240</v>
      </c>
      <c r="J48736" s="1" t="s">
        <v>165297</v>
      </c>
    </row>
    <row r="48737" spans="1:10" x14ac:dyDescent="0.35">
      <c r="A48737" s="1" t="s">
        <v>35</v>
      </c>
      <c r="B48737" s="1" t="s">
        <v>163234</v>
      </c>
      <c r="C48737" s="1" t="s">
        <v>145</v>
      </c>
      <c r="D48737" s="1" t="s">
        <v>165298</v>
      </c>
      <c r="E48737" s="1" t="s">
        <v>165299</v>
      </c>
      <c r="F48737" s="1" t="s">
        <v>165300</v>
      </c>
      <c r="G48737" s="1" t="s">
        <v>165227</v>
      </c>
      <c r="H48737" s="1" t="s">
        <v>165228</v>
      </c>
      <c r="I48737" s="1" t="s">
        <v>163240</v>
      </c>
      <c r="J48737" s="1" t="s">
        <v>165301</v>
      </c>
    </row>
    <row r="48738" spans="1:10" x14ac:dyDescent="0.35">
      <c r="A48738" s="1" t="s">
        <v>35</v>
      </c>
      <c r="B48738" s="1" t="s">
        <v>163234</v>
      </c>
      <c r="C48738" s="1" t="s">
        <v>150</v>
      </c>
      <c r="D48738" s="1" t="s">
        <v>162226</v>
      </c>
      <c r="E48738" s="1" t="s">
        <v>98709</v>
      </c>
      <c r="F48738" s="1" t="s">
        <v>55466</v>
      </c>
      <c r="G48738" s="1" t="s">
        <v>165227</v>
      </c>
      <c r="H48738" s="1" t="s">
        <v>165228</v>
      </c>
      <c r="I48738" s="1" t="s">
        <v>163240</v>
      </c>
      <c r="J48738" s="1" t="s">
        <v>165302</v>
      </c>
    </row>
    <row r="48739" spans="1:10" x14ac:dyDescent="0.35">
      <c r="A48739" s="1" t="s">
        <v>35</v>
      </c>
      <c r="B48739" s="1" t="s">
        <v>163234</v>
      </c>
      <c r="C48739" s="1" t="s">
        <v>155</v>
      </c>
      <c r="D48739" s="1" t="s">
        <v>165303</v>
      </c>
      <c r="E48739" s="1" t="s">
        <v>64307</v>
      </c>
      <c r="F48739" s="1" t="s">
        <v>152904</v>
      </c>
      <c r="G48739" s="1" t="s">
        <v>165227</v>
      </c>
      <c r="H48739" s="1" t="s">
        <v>165228</v>
      </c>
      <c r="I48739" s="1" t="s">
        <v>163240</v>
      </c>
      <c r="J48739" s="1" t="s">
        <v>165304</v>
      </c>
    </row>
    <row r="48740" spans="1:10" x14ac:dyDescent="0.35">
      <c r="A48740" s="1" t="s">
        <v>35</v>
      </c>
      <c r="B48740" s="1" t="s">
        <v>163234</v>
      </c>
      <c r="C48740" s="1" t="s">
        <v>160</v>
      </c>
      <c r="D48740" s="1" t="s">
        <v>134798</v>
      </c>
      <c r="E48740" s="1" t="s">
        <v>98733</v>
      </c>
      <c r="F48740" s="1" t="s">
        <v>127134</v>
      </c>
      <c r="G48740" s="1" t="s">
        <v>165227</v>
      </c>
      <c r="H48740" s="1" t="s">
        <v>165228</v>
      </c>
      <c r="I48740" s="1" t="s">
        <v>163240</v>
      </c>
      <c r="J48740" s="1" t="s">
        <v>165305</v>
      </c>
    </row>
    <row r="48741" spans="1:10" x14ac:dyDescent="0.35">
      <c r="A48741" s="1" t="s">
        <v>35</v>
      </c>
      <c r="B48741" s="1" t="s">
        <v>163234</v>
      </c>
      <c r="C48741" s="1" t="s">
        <v>165</v>
      </c>
      <c r="D48741" s="1" t="s">
        <v>165306</v>
      </c>
      <c r="E48741" s="1" t="s">
        <v>62800</v>
      </c>
      <c r="F48741" s="1" t="s">
        <v>165307</v>
      </c>
      <c r="G48741" s="1" t="s">
        <v>165227</v>
      </c>
      <c r="H48741" s="1" t="s">
        <v>165228</v>
      </c>
      <c r="I48741" s="1" t="s">
        <v>163240</v>
      </c>
      <c r="J48741" s="1" t="s">
        <v>165308</v>
      </c>
    </row>
    <row r="48742" spans="1:10" x14ac:dyDescent="0.35">
      <c r="A48742" s="1" t="s">
        <v>35</v>
      </c>
      <c r="B48742" s="1" t="s">
        <v>163234</v>
      </c>
      <c r="C48742" s="1" t="s">
        <v>170</v>
      </c>
      <c r="D48742" s="1" t="s">
        <v>165309</v>
      </c>
      <c r="E48742" s="1" t="s">
        <v>102738</v>
      </c>
      <c r="F48742" s="1" t="s">
        <v>165310</v>
      </c>
      <c r="G48742" s="1" t="s">
        <v>165227</v>
      </c>
      <c r="H48742" s="1" t="s">
        <v>165228</v>
      </c>
      <c r="I48742" s="1" t="s">
        <v>163240</v>
      </c>
      <c r="J48742" s="1" t="s">
        <v>165311</v>
      </c>
    </row>
    <row r="48743" spans="1:10" x14ac:dyDescent="0.35">
      <c r="A48743" s="1" t="s">
        <v>40</v>
      </c>
      <c r="B48743" s="1" t="s">
        <v>163234</v>
      </c>
      <c r="C48743" s="1" t="s">
        <v>8</v>
      </c>
      <c r="D48743" s="1" t="s">
        <v>67211</v>
      </c>
      <c r="E48743" s="1" t="s">
        <v>165312</v>
      </c>
      <c r="F48743" s="1" t="s">
        <v>165313</v>
      </c>
      <c r="G48743" s="1" t="s">
        <v>165314</v>
      </c>
      <c r="H48743" s="1" t="s">
        <v>165315</v>
      </c>
      <c r="I48743" s="1" t="s">
        <v>163240</v>
      </c>
      <c r="J48743" s="1" t="s">
        <v>13</v>
      </c>
    </row>
    <row r="48744" spans="1:10" x14ac:dyDescent="0.35">
      <c r="A48744" s="1" t="s">
        <v>40</v>
      </c>
      <c r="B48744" s="1" t="s">
        <v>163234</v>
      </c>
      <c r="C48744" s="1" t="s">
        <v>15</v>
      </c>
      <c r="D48744" s="1" t="s">
        <v>134385</v>
      </c>
      <c r="E48744" s="1" t="s">
        <v>165316</v>
      </c>
      <c r="F48744" s="1" t="s">
        <v>165317</v>
      </c>
      <c r="G48744" s="1" t="s">
        <v>165314</v>
      </c>
      <c r="H48744" s="1" t="s">
        <v>165315</v>
      </c>
      <c r="I48744" s="1" t="s">
        <v>163240</v>
      </c>
      <c r="J48744" s="1" t="s">
        <v>165318</v>
      </c>
    </row>
    <row r="48745" spans="1:10" x14ac:dyDescent="0.35">
      <c r="A48745" s="1" t="s">
        <v>40</v>
      </c>
      <c r="B48745" s="1" t="s">
        <v>163234</v>
      </c>
      <c r="C48745" s="1" t="s">
        <v>20</v>
      </c>
      <c r="D48745" s="1" t="s">
        <v>165319</v>
      </c>
      <c r="E48745" s="1" t="s">
        <v>165320</v>
      </c>
      <c r="F48745" s="1" t="s">
        <v>165321</v>
      </c>
      <c r="G48745" s="1" t="s">
        <v>165314</v>
      </c>
      <c r="H48745" s="1" t="s">
        <v>165315</v>
      </c>
      <c r="I48745" s="1" t="s">
        <v>163240</v>
      </c>
      <c r="J48745" s="1" t="s">
        <v>165322</v>
      </c>
    </row>
    <row r="48746" spans="1:10" x14ac:dyDescent="0.35">
      <c r="A48746" s="1" t="s">
        <v>40</v>
      </c>
      <c r="B48746" s="1" t="s">
        <v>163234</v>
      </c>
      <c r="C48746" s="1" t="s">
        <v>25</v>
      </c>
      <c r="D48746" s="1" t="s">
        <v>165323</v>
      </c>
      <c r="E48746" s="1" t="s">
        <v>165324</v>
      </c>
      <c r="F48746" s="1" t="s">
        <v>165325</v>
      </c>
      <c r="G48746" s="1" t="s">
        <v>165314</v>
      </c>
      <c r="H48746" s="1" t="s">
        <v>165315</v>
      </c>
      <c r="I48746" s="1" t="s">
        <v>163240</v>
      </c>
      <c r="J48746" s="1" t="s">
        <v>165326</v>
      </c>
    </row>
    <row r="48747" spans="1:10" x14ac:dyDescent="0.35">
      <c r="A48747" s="1" t="s">
        <v>40</v>
      </c>
      <c r="B48747" s="1" t="s">
        <v>163234</v>
      </c>
      <c r="C48747" s="1" t="s">
        <v>30</v>
      </c>
      <c r="D48747" s="1" t="s">
        <v>58906</v>
      </c>
      <c r="E48747" s="1" t="s">
        <v>165327</v>
      </c>
      <c r="F48747" s="1" t="s">
        <v>165328</v>
      </c>
      <c r="G48747" s="1" t="s">
        <v>165314</v>
      </c>
      <c r="H48747" s="1" t="s">
        <v>165315</v>
      </c>
      <c r="I48747" s="1" t="s">
        <v>163240</v>
      </c>
      <c r="J48747" s="1" t="s">
        <v>165329</v>
      </c>
    </row>
    <row r="48748" spans="1:10" x14ac:dyDescent="0.35">
      <c r="A48748" s="1" t="s">
        <v>40</v>
      </c>
      <c r="B48748" s="1" t="s">
        <v>163234</v>
      </c>
      <c r="C48748" s="1" t="s">
        <v>35</v>
      </c>
      <c r="D48748" s="1" t="s">
        <v>165330</v>
      </c>
      <c r="E48748" s="1" t="s">
        <v>165331</v>
      </c>
      <c r="F48748" s="1" t="s">
        <v>165332</v>
      </c>
      <c r="G48748" s="1" t="s">
        <v>165314</v>
      </c>
      <c r="H48748" s="1" t="s">
        <v>165315</v>
      </c>
      <c r="I48748" s="1" t="s">
        <v>163240</v>
      </c>
      <c r="J48748" s="1" t="s">
        <v>165333</v>
      </c>
    </row>
    <row r="48749" spans="1:10" x14ac:dyDescent="0.35">
      <c r="A48749" s="1" t="s">
        <v>40</v>
      </c>
      <c r="B48749" s="1" t="s">
        <v>163234</v>
      </c>
      <c r="C48749" s="1" t="s">
        <v>40</v>
      </c>
      <c r="D48749" s="1" t="s">
        <v>165334</v>
      </c>
      <c r="E48749" s="1" t="s">
        <v>165335</v>
      </c>
      <c r="F48749" s="1" t="s">
        <v>165336</v>
      </c>
      <c r="G48749" s="1" t="s">
        <v>165314</v>
      </c>
      <c r="H48749" s="1" t="s">
        <v>165315</v>
      </c>
      <c r="I48749" s="1" t="s">
        <v>163240</v>
      </c>
      <c r="J48749" s="1" t="s">
        <v>165337</v>
      </c>
    </row>
    <row r="48750" spans="1:10" x14ac:dyDescent="0.35">
      <c r="A48750" s="1" t="s">
        <v>40</v>
      </c>
      <c r="B48750" s="1" t="s">
        <v>163234</v>
      </c>
      <c r="C48750" s="1" t="s">
        <v>45</v>
      </c>
      <c r="D48750" s="1" t="s">
        <v>22909</v>
      </c>
      <c r="E48750" s="1" t="s">
        <v>165338</v>
      </c>
      <c r="F48750" s="1" t="s">
        <v>165339</v>
      </c>
      <c r="G48750" s="1" t="s">
        <v>165314</v>
      </c>
      <c r="H48750" s="1" t="s">
        <v>165315</v>
      </c>
      <c r="I48750" s="1" t="s">
        <v>163240</v>
      </c>
      <c r="J48750" s="1" t="s">
        <v>165340</v>
      </c>
    </row>
    <row r="48751" spans="1:10" x14ac:dyDescent="0.35">
      <c r="A48751" s="1" t="s">
        <v>40</v>
      </c>
      <c r="B48751" s="1" t="s">
        <v>163234</v>
      </c>
      <c r="C48751" s="1" t="s">
        <v>50</v>
      </c>
      <c r="D48751" s="1" t="s">
        <v>165341</v>
      </c>
      <c r="E48751" s="1" t="s">
        <v>165342</v>
      </c>
      <c r="F48751" s="1" t="s">
        <v>165343</v>
      </c>
      <c r="G48751" s="1" t="s">
        <v>165314</v>
      </c>
      <c r="H48751" s="1" t="s">
        <v>165315</v>
      </c>
      <c r="I48751" s="1" t="s">
        <v>163240</v>
      </c>
      <c r="J48751" s="1" t="s">
        <v>165344</v>
      </c>
    </row>
    <row r="48752" spans="1:10" x14ac:dyDescent="0.35">
      <c r="A48752" s="1" t="s">
        <v>40</v>
      </c>
      <c r="B48752" s="1" t="s">
        <v>163234</v>
      </c>
      <c r="C48752" s="1" t="s">
        <v>55</v>
      </c>
      <c r="D48752" s="1" t="s">
        <v>22913</v>
      </c>
      <c r="E48752" s="1" t="s">
        <v>165345</v>
      </c>
      <c r="F48752" s="1" t="s">
        <v>165346</v>
      </c>
      <c r="G48752" s="1" t="s">
        <v>165314</v>
      </c>
      <c r="H48752" s="1" t="s">
        <v>165315</v>
      </c>
      <c r="I48752" s="1" t="s">
        <v>163240</v>
      </c>
      <c r="J48752" s="1" t="s">
        <v>165347</v>
      </c>
    </row>
    <row r="48753" spans="1:10" x14ac:dyDescent="0.35">
      <c r="A48753" s="1" t="s">
        <v>40</v>
      </c>
      <c r="B48753" s="1" t="s">
        <v>163234</v>
      </c>
      <c r="C48753" s="1" t="s">
        <v>60</v>
      </c>
      <c r="D48753" s="1" t="s">
        <v>165348</v>
      </c>
      <c r="E48753" s="1" t="s">
        <v>165349</v>
      </c>
      <c r="F48753" s="1" t="s">
        <v>165350</v>
      </c>
      <c r="G48753" s="1" t="s">
        <v>165314</v>
      </c>
      <c r="H48753" s="1" t="s">
        <v>165315</v>
      </c>
      <c r="I48753" s="1" t="s">
        <v>163240</v>
      </c>
      <c r="J48753" s="1" t="s">
        <v>165351</v>
      </c>
    </row>
    <row r="48754" spans="1:10" x14ac:dyDescent="0.35">
      <c r="A48754" s="1" t="s">
        <v>40</v>
      </c>
      <c r="B48754" s="1" t="s">
        <v>163234</v>
      </c>
      <c r="C48754" s="1" t="s">
        <v>65</v>
      </c>
      <c r="D48754" s="1" t="s">
        <v>165352</v>
      </c>
      <c r="E48754" s="1" t="s">
        <v>165353</v>
      </c>
      <c r="F48754" s="1" t="s">
        <v>165354</v>
      </c>
      <c r="G48754" s="1" t="s">
        <v>165314</v>
      </c>
      <c r="H48754" s="1" t="s">
        <v>165315</v>
      </c>
      <c r="I48754" s="1" t="s">
        <v>163240</v>
      </c>
      <c r="J48754" s="1" t="s">
        <v>165355</v>
      </c>
    </row>
    <row r="48755" spans="1:10" x14ac:dyDescent="0.35">
      <c r="A48755" s="1" t="s">
        <v>40</v>
      </c>
      <c r="B48755" s="1" t="s">
        <v>163234</v>
      </c>
      <c r="C48755" s="1" t="s">
        <v>70</v>
      </c>
      <c r="D48755" s="1" t="s">
        <v>165356</v>
      </c>
      <c r="E48755" s="1" t="s">
        <v>165357</v>
      </c>
      <c r="F48755" s="1" t="s">
        <v>165358</v>
      </c>
      <c r="G48755" s="1" t="s">
        <v>165314</v>
      </c>
      <c r="H48755" s="1" t="s">
        <v>165315</v>
      </c>
      <c r="I48755" s="1" t="s">
        <v>163240</v>
      </c>
      <c r="J48755" s="1" t="s">
        <v>165359</v>
      </c>
    </row>
    <row r="48756" spans="1:10" x14ac:dyDescent="0.35">
      <c r="A48756" s="1" t="s">
        <v>40</v>
      </c>
      <c r="B48756" s="1" t="s">
        <v>163234</v>
      </c>
      <c r="C48756" s="1" t="s">
        <v>75</v>
      </c>
      <c r="D48756" s="1" t="s">
        <v>165360</v>
      </c>
      <c r="E48756" s="1" t="s">
        <v>165361</v>
      </c>
      <c r="F48756" s="1" t="s">
        <v>165362</v>
      </c>
      <c r="G48756" s="1" t="s">
        <v>165314</v>
      </c>
      <c r="H48756" s="1" t="s">
        <v>165315</v>
      </c>
      <c r="I48756" s="1" t="s">
        <v>163240</v>
      </c>
      <c r="J48756" s="1" t="s">
        <v>165363</v>
      </c>
    </row>
    <row r="48757" spans="1:10" x14ac:dyDescent="0.35">
      <c r="A48757" s="1" t="s">
        <v>40</v>
      </c>
      <c r="B48757" s="1" t="s">
        <v>163234</v>
      </c>
      <c r="C48757" s="1" t="s">
        <v>80</v>
      </c>
      <c r="D48757" s="1" t="s">
        <v>101995</v>
      </c>
      <c r="E48757" s="1" t="s">
        <v>165364</v>
      </c>
      <c r="F48757" s="1" t="s">
        <v>165365</v>
      </c>
      <c r="G48757" s="1" t="s">
        <v>165314</v>
      </c>
      <c r="H48757" s="1" t="s">
        <v>165315</v>
      </c>
      <c r="I48757" s="1" t="s">
        <v>163240</v>
      </c>
      <c r="J48757" s="1" t="s">
        <v>165366</v>
      </c>
    </row>
    <row r="48758" spans="1:10" x14ac:dyDescent="0.35">
      <c r="A48758" s="1" t="s">
        <v>40</v>
      </c>
      <c r="B48758" s="1" t="s">
        <v>163234</v>
      </c>
      <c r="C48758" s="1" t="s">
        <v>85</v>
      </c>
      <c r="D48758" s="1" t="s">
        <v>165367</v>
      </c>
      <c r="E48758" s="1" t="s">
        <v>165368</v>
      </c>
      <c r="F48758" s="1" t="s">
        <v>165369</v>
      </c>
      <c r="G48758" s="1" t="s">
        <v>165314</v>
      </c>
      <c r="H48758" s="1" t="s">
        <v>165315</v>
      </c>
      <c r="I48758" s="1" t="s">
        <v>163240</v>
      </c>
      <c r="J48758" s="1" t="s">
        <v>165370</v>
      </c>
    </row>
    <row r="48759" spans="1:10" x14ac:dyDescent="0.35">
      <c r="A48759" s="1" t="s">
        <v>40</v>
      </c>
      <c r="B48759" s="1" t="s">
        <v>163234</v>
      </c>
      <c r="C48759" s="1" t="s">
        <v>90</v>
      </c>
      <c r="D48759" s="1" t="s">
        <v>62276</v>
      </c>
      <c r="E48759" s="1" t="s">
        <v>165371</v>
      </c>
      <c r="F48759" s="1" t="s">
        <v>165372</v>
      </c>
      <c r="G48759" s="1" t="s">
        <v>165314</v>
      </c>
      <c r="H48759" s="1" t="s">
        <v>165315</v>
      </c>
      <c r="I48759" s="1" t="s">
        <v>163240</v>
      </c>
      <c r="J48759" s="1" t="s">
        <v>165373</v>
      </c>
    </row>
    <row r="48760" spans="1:10" x14ac:dyDescent="0.35">
      <c r="A48760" s="1" t="s">
        <v>40</v>
      </c>
      <c r="B48760" s="1" t="s">
        <v>163234</v>
      </c>
      <c r="C48760" s="1" t="s">
        <v>95</v>
      </c>
      <c r="D48760" s="1" t="s">
        <v>165374</v>
      </c>
      <c r="E48760" s="1" t="s">
        <v>165375</v>
      </c>
      <c r="F48760" s="1" t="s">
        <v>165376</v>
      </c>
      <c r="G48760" s="1" t="s">
        <v>165314</v>
      </c>
      <c r="H48760" s="1" t="s">
        <v>165315</v>
      </c>
      <c r="I48760" s="1" t="s">
        <v>163240</v>
      </c>
      <c r="J48760" s="1" t="s">
        <v>165377</v>
      </c>
    </row>
    <row r="48761" spans="1:10" x14ac:dyDescent="0.35">
      <c r="A48761" s="1" t="s">
        <v>40</v>
      </c>
      <c r="B48761" s="1" t="s">
        <v>163234</v>
      </c>
      <c r="C48761" s="1" t="s">
        <v>100</v>
      </c>
      <c r="D48761" s="1" t="s">
        <v>165378</v>
      </c>
      <c r="E48761" s="1" t="s">
        <v>165379</v>
      </c>
      <c r="F48761" s="1" t="s">
        <v>165380</v>
      </c>
      <c r="G48761" s="1" t="s">
        <v>165314</v>
      </c>
      <c r="H48761" s="1" t="s">
        <v>165315</v>
      </c>
      <c r="I48761" s="1" t="s">
        <v>163240</v>
      </c>
      <c r="J48761" s="1" t="s">
        <v>165381</v>
      </c>
    </row>
    <row r="48762" spans="1:10" x14ac:dyDescent="0.35">
      <c r="A48762" s="1" t="s">
        <v>40</v>
      </c>
      <c r="B48762" s="1" t="s">
        <v>163234</v>
      </c>
      <c r="C48762" s="1" t="s">
        <v>105</v>
      </c>
      <c r="D48762" s="1" t="s">
        <v>130784</v>
      </c>
      <c r="E48762" s="1" t="s">
        <v>165382</v>
      </c>
      <c r="F48762" s="1" t="s">
        <v>165383</v>
      </c>
      <c r="G48762" s="1" t="s">
        <v>165314</v>
      </c>
      <c r="H48762" s="1" t="s">
        <v>165315</v>
      </c>
      <c r="I48762" s="1" t="s">
        <v>163240</v>
      </c>
      <c r="J48762" s="1" t="s">
        <v>165384</v>
      </c>
    </row>
    <row r="48763" spans="1:10" x14ac:dyDescent="0.35">
      <c r="A48763" s="1" t="s">
        <v>40</v>
      </c>
      <c r="B48763" s="1" t="s">
        <v>163234</v>
      </c>
      <c r="C48763" s="1" t="s">
        <v>110</v>
      </c>
      <c r="D48763" s="1" t="s">
        <v>134164</v>
      </c>
      <c r="E48763" s="1" t="s">
        <v>165385</v>
      </c>
      <c r="F48763" s="1" t="s">
        <v>165386</v>
      </c>
      <c r="G48763" s="1" t="s">
        <v>165314</v>
      </c>
      <c r="H48763" s="1" t="s">
        <v>165315</v>
      </c>
      <c r="I48763" s="1" t="s">
        <v>163240</v>
      </c>
      <c r="J48763" s="1" t="s">
        <v>165387</v>
      </c>
    </row>
    <row r="48764" spans="1:10" x14ac:dyDescent="0.35">
      <c r="A48764" s="1" t="s">
        <v>40</v>
      </c>
      <c r="B48764" s="1" t="s">
        <v>163234</v>
      </c>
      <c r="C48764" s="1" t="s">
        <v>115</v>
      </c>
      <c r="D48764" s="1" t="s">
        <v>165388</v>
      </c>
      <c r="E48764" s="1" t="s">
        <v>165389</v>
      </c>
      <c r="F48764" s="1" t="s">
        <v>165390</v>
      </c>
      <c r="G48764" s="1" t="s">
        <v>165314</v>
      </c>
      <c r="H48764" s="1" t="s">
        <v>165315</v>
      </c>
      <c r="I48764" s="1" t="s">
        <v>163240</v>
      </c>
      <c r="J48764" s="1" t="s">
        <v>165391</v>
      </c>
    </row>
    <row r="48765" spans="1:10" x14ac:dyDescent="0.35">
      <c r="A48765" s="1" t="s">
        <v>40</v>
      </c>
      <c r="B48765" s="1" t="s">
        <v>163234</v>
      </c>
      <c r="C48765" s="1" t="s">
        <v>120</v>
      </c>
      <c r="D48765" s="1" t="s">
        <v>165392</v>
      </c>
      <c r="E48765" s="1" t="s">
        <v>165393</v>
      </c>
      <c r="F48765" s="1" t="s">
        <v>165394</v>
      </c>
      <c r="G48765" s="1" t="s">
        <v>165314</v>
      </c>
      <c r="H48765" s="1" t="s">
        <v>165315</v>
      </c>
      <c r="I48765" s="1" t="s">
        <v>163240</v>
      </c>
      <c r="J48765" s="1" t="s">
        <v>165395</v>
      </c>
    </row>
    <row r="48766" spans="1:10" x14ac:dyDescent="0.35">
      <c r="A48766" s="1" t="s">
        <v>40</v>
      </c>
      <c r="B48766" s="1" t="s">
        <v>163234</v>
      </c>
      <c r="C48766" s="1" t="s">
        <v>125</v>
      </c>
      <c r="D48766" s="1" t="s">
        <v>165396</v>
      </c>
      <c r="E48766" s="1" t="s">
        <v>165397</v>
      </c>
      <c r="F48766" s="1" t="s">
        <v>165398</v>
      </c>
      <c r="G48766" s="1" t="s">
        <v>165314</v>
      </c>
      <c r="H48766" s="1" t="s">
        <v>165315</v>
      </c>
      <c r="I48766" s="1" t="s">
        <v>163240</v>
      </c>
      <c r="J48766" s="1" t="s">
        <v>165399</v>
      </c>
    </row>
    <row r="48767" spans="1:10" x14ac:dyDescent="0.35">
      <c r="A48767" s="1" t="s">
        <v>40</v>
      </c>
      <c r="B48767" s="1" t="s">
        <v>163234</v>
      </c>
      <c r="C48767" s="1" t="s">
        <v>130</v>
      </c>
      <c r="D48767" s="1" t="s">
        <v>164172</v>
      </c>
      <c r="E48767" s="1" t="s">
        <v>165400</v>
      </c>
      <c r="F48767" s="1" t="s">
        <v>165401</v>
      </c>
      <c r="G48767" s="1" t="s">
        <v>165314</v>
      </c>
      <c r="H48767" s="1" t="s">
        <v>165315</v>
      </c>
      <c r="I48767" s="1" t="s">
        <v>163240</v>
      </c>
      <c r="J48767" s="1" t="s">
        <v>165402</v>
      </c>
    </row>
    <row r="48768" spans="1:10" x14ac:dyDescent="0.35">
      <c r="A48768" s="1" t="s">
        <v>40</v>
      </c>
      <c r="B48768" s="1" t="s">
        <v>163234</v>
      </c>
      <c r="C48768" s="1" t="s">
        <v>135</v>
      </c>
      <c r="D48768" s="1" t="s">
        <v>165403</v>
      </c>
      <c r="E48768" s="1" t="s">
        <v>165404</v>
      </c>
      <c r="F48768" s="1" t="s">
        <v>165405</v>
      </c>
      <c r="G48768" s="1" t="s">
        <v>165314</v>
      </c>
      <c r="H48768" s="1" t="s">
        <v>165315</v>
      </c>
      <c r="I48768" s="1" t="s">
        <v>163240</v>
      </c>
      <c r="J48768" s="1" t="s">
        <v>165406</v>
      </c>
    </row>
    <row r="48769" spans="1:10" x14ac:dyDescent="0.35">
      <c r="A48769" s="1" t="s">
        <v>40</v>
      </c>
      <c r="B48769" s="1" t="s">
        <v>163234</v>
      </c>
      <c r="C48769" s="1" t="s">
        <v>140</v>
      </c>
      <c r="D48769" s="1" t="s">
        <v>162333</v>
      </c>
      <c r="E48769" s="1" t="s">
        <v>165407</v>
      </c>
      <c r="F48769" s="1" t="s">
        <v>165408</v>
      </c>
      <c r="G48769" s="1" t="s">
        <v>165314</v>
      </c>
      <c r="H48769" s="1" t="s">
        <v>165315</v>
      </c>
      <c r="I48769" s="1" t="s">
        <v>163240</v>
      </c>
      <c r="J48769" s="1" t="s">
        <v>165409</v>
      </c>
    </row>
    <row r="48770" spans="1:10" x14ac:dyDescent="0.35">
      <c r="A48770" s="1" t="s">
        <v>40</v>
      </c>
      <c r="B48770" s="1" t="s">
        <v>163234</v>
      </c>
      <c r="C48770" s="1" t="s">
        <v>145</v>
      </c>
      <c r="D48770" s="1" t="s">
        <v>62692</v>
      </c>
      <c r="E48770" s="1" t="s">
        <v>165410</v>
      </c>
      <c r="F48770" s="1" t="s">
        <v>165411</v>
      </c>
      <c r="G48770" s="1" t="s">
        <v>165314</v>
      </c>
      <c r="H48770" s="1" t="s">
        <v>165315</v>
      </c>
      <c r="I48770" s="1" t="s">
        <v>163240</v>
      </c>
      <c r="J48770" s="1" t="s">
        <v>165412</v>
      </c>
    </row>
    <row r="48771" spans="1:10" x14ac:dyDescent="0.35">
      <c r="A48771" s="1" t="s">
        <v>40</v>
      </c>
      <c r="B48771" s="1" t="s">
        <v>163234</v>
      </c>
      <c r="C48771" s="1" t="s">
        <v>150</v>
      </c>
      <c r="D48771" s="1" t="s">
        <v>165413</v>
      </c>
      <c r="E48771" s="1" t="s">
        <v>165414</v>
      </c>
      <c r="F48771" s="1" t="s">
        <v>165415</v>
      </c>
      <c r="G48771" s="1" t="s">
        <v>165314</v>
      </c>
      <c r="H48771" s="1" t="s">
        <v>165315</v>
      </c>
      <c r="I48771" s="1" t="s">
        <v>163240</v>
      </c>
      <c r="J48771" s="1" t="s">
        <v>165416</v>
      </c>
    </row>
    <row r="48772" spans="1:10" x14ac:dyDescent="0.35">
      <c r="A48772" s="1" t="s">
        <v>40</v>
      </c>
      <c r="B48772" s="1" t="s">
        <v>163234</v>
      </c>
      <c r="C48772" s="1" t="s">
        <v>155</v>
      </c>
      <c r="D48772" s="1" t="s">
        <v>165417</v>
      </c>
      <c r="E48772" s="1" t="s">
        <v>165418</v>
      </c>
      <c r="F48772" s="1" t="s">
        <v>165419</v>
      </c>
      <c r="G48772" s="1" t="s">
        <v>165314</v>
      </c>
      <c r="H48772" s="1" t="s">
        <v>165315</v>
      </c>
      <c r="I48772" s="1" t="s">
        <v>163240</v>
      </c>
      <c r="J48772" s="1" t="s">
        <v>165420</v>
      </c>
    </row>
    <row r="48773" spans="1:10" x14ac:dyDescent="0.35">
      <c r="A48773" s="1" t="s">
        <v>40</v>
      </c>
      <c r="B48773" s="1" t="s">
        <v>163234</v>
      </c>
      <c r="C48773" s="1" t="s">
        <v>160</v>
      </c>
      <c r="D48773" s="1" t="s">
        <v>165421</v>
      </c>
      <c r="E48773" s="1" t="s">
        <v>165422</v>
      </c>
      <c r="F48773" s="1" t="s">
        <v>165423</v>
      </c>
      <c r="G48773" s="1" t="s">
        <v>165314</v>
      </c>
      <c r="H48773" s="1" t="s">
        <v>165315</v>
      </c>
      <c r="I48773" s="1" t="s">
        <v>163240</v>
      </c>
      <c r="J48773" s="1" t="s">
        <v>165424</v>
      </c>
    </row>
    <row r="48774" spans="1:10" x14ac:dyDescent="0.35">
      <c r="A48774" s="1" t="s">
        <v>40</v>
      </c>
      <c r="B48774" s="1" t="s">
        <v>163234</v>
      </c>
      <c r="C48774" s="1" t="s">
        <v>165</v>
      </c>
      <c r="D48774" s="1" t="s">
        <v>41155</v>
      </c>
      <c r="E48774" s="1" t="s">
        <v>165425</v>
      </c>
      <c r="F48774" s="1" t="s">
        <v>165426</v>
      </c>
      <c r="G48774" s="1" t="s">
        <v>165314</v>
      </c>
      <c r="H48774" s="1" t="s">
        <v>165315</v>
      </c>
      <c r="I48774" s="1" t="s">
        <v>163240</v>
      </c>
      <c r="J48774" s="1" t="s">
        <v>165427</v>
      </c>
    </row>
    <row r="48775" spans="1:10" x14ac:dyDescent="0.35">
      <c r="A48775" s="1" t="s">
        <v>40</v>
      </c>
      <c r="B48775" s="1" t="s">
        <v>163234</v>
      </c>
      <c r="C48775" s="1" t="s">
        <v>170</v>
      </c>
      <c r="D48775" s="1" t="s">
        <v>165428</v>
      </c>
      <c r="E48775" s="1" t="s">
        <v>165429</v>
      </c>
      <c r="F48775" s="1" t="s">
        <v>165430</v>
      </c>
      <c r="G48775" s="1" t="s">
        <v>165314</v>
      </c>
      <c r="H48775" s="1" t="s">
        <v>165315</v>
      </c>
      <c r="I48775" s="1" t="s">
        <v>163240</v>
      </c>
      <c r="J48775" s="1" t="s">
        <v>165431</v>
      </c>
    </row>
    <row r="48776" spans="1:10" x14ac:dyDescent="0.35">
      <c r="A48776" s="1" t="s">
        <v>45</v>
      </c>
      <c r="B48776" s="1" t="s">
        <v>165432</v>
      </c>
      <c r="C48776" s="1" t="s">
        <v>8</v>
      </c>
      <c r="D48776" s="1" t="s">
        <v>6443</v>
      </c>
      <c r="E48776" s="1" t="s">
        <v>165433</v>
      </c>
      <c r="F48776" s="1" t="s">
        <v>165434</v>
      </c>
      <c r="G48776" s="1" t="s">
        <v>165435</v>
      </c>
      <c r="H48776" s="1" t="s">
        <v>148153</v>
      </c>
      <c r="I48776" s="1" t="s">
        <v>165436</v>
      </c>
      <c r="J48776" s="1" t="s">
        <v>13</v>
      </c>
    </row>
    <row r="48777" spans="1:10" x14ac:dyDescent="0.35">
      <c r="A48777" s="1" t="s">
        <v>45</v>
      </c>
      <c r="B48777" s="1" t="s">
        <v>165432</v>
      </c>
      <c r="C48777" s="1" t="s">
        <v>15</v>
      </c>
      <c r="D48777" s="1" t="s">
        <v>5701</v>
      </c>
      <c r="E48777" s="1" t="s">
        <v>165437</v>
      </c>
      <c r="F48777" s="1" t="s">
        <v>165438</v>
      </c>
      <c r="G48777" s="1" t="s">
        <v>165435</v>
      </c>
      <c r="H48777" s="1" t="s">
        <v>148153</v>
      </c>
      <c r="I48777" s="1" t="s">
        <v>165436</v>
      </c>
      <c r="J48777" s="1" t="s">
        <v>165439</v>
      </c>
    </row>
    <row r="48778" spans="1:10" x14ac:dyDescent="0.35">
      <c r="A48778" s="1" t="s">
        <v>45</v>
      </c>
      <c r="B48778" s="1" t="s">
        <v>165432</v>
      </c>
      <c r="C48778" s="1" t="s">
        <v>20</v>
      </c>
      <c r="D48778" s="1" t="s">
        <v>1556</v>
      </c>
      <c r="E48778" s="1" t="s">
        <v>165440</v>
      </c>
      <c r="F48778" s="1" t="s">
        <v>165441</v>
      </c>
      <c r="G48778" s="1" t="s">
        <v>165435</v>
      </c>
      <c r="H48778" s="1" t="s">
        <v>148153</v>
      </c>
      <c r="I48778" s="1" t="s">
        <v>165436</v>
      </c>
      <c r="J48778" s="1" t="s">
        <v>165442</v>
      </c>
    </row>
    <row r="48779" spans="1:10" x14ac:dyDescent="0.35">
      <c r="A48779" s="1" t="s">
        <v>45</v>
      </c>
      <c r="B48779" s="1" t="s">
        <v>165432</v>
      </c>
      <c r="C48779" s="1" t="s">
        <v>25</v>
      </c>
      <c r="D48779" s="1" t="s">
        <v>146247</v>
      </c>
      <c r="E48779" s="1" t="s">
        <v>165443</v>
      </c>
      <c r="F48779" s="1" t="s">
        <v>165444</v>
      </c>
      <c r="G48779" s="1" t="s">
        <v>165435</v>
      </c>
      <c r="H48779" s="1" t="s">
        <v>148153</v>
      </c>
      <c r="I48779" s="1" t="s">
        <v>165436</v>
      </c>
      <c r="J48779" s="1" t="s">
        <v>165445</v>
      </c>
    </row>
    <row r="48780" spans="1:10" x14ac:dyDescent="0.35">
      <c r="A48780" s="1" t="s">
        <v>45</v>
      </c>
      <c r="B48780" s="1" t="s">
        <v>165432</v>
      </c>
      <c r="C48780" s="1" t="s">
        <v>30</v>
      </c>
      <c r="D48780" s="1" t="s">
        <v>45248</v>
      </c>
      <c r="E48780" s="1" t="s">
        <v>165446</v>
      </c>
      <c r="F48780" s="1" t="s">
        <v>165447</v>
      </c>
      <c r="G48780" s="1" t="s">
        <v>165435</v>
      </c>
      <c r="H48780" s="1" t="s">
        <v>148153</v>
      </c>
      <c r="I48780" s="1" t="s">
        <v>165436</v>
      </c>
      <c r="J48780" s="1" t="s">
        <v>165448</v>
      </c>
    </row>
    <row r="48781" spans="1:10" x14ac:dyDescent="0.35">
      <c r="A48781" s="1" t="s">
        <v>45</v>
      </c>
      <c r="B48781" s="1" t="s">
        <v>165432</v>
      </c>
      <c r="C48781" s="1" t="s">
        <v>35</v>
      </c>
      <c r="D48781" s="1" t="s">
        <v>14109</v>
      </c>
      <c r="E48781" s="1" t="s">
        <v>165449</v>
      </c>
      <c r="F48781" s="1" t="s">
        <v>165450</v>
      </c>
      <c r="G48781" s="1" t="s">
        <v>165435</v>
      </c>
      <c r="H48781" s="1" t="s">
        <v>148153</v>
      </c>
      <c r="I48781" s="1" t="s">
        <v>165436</v>
      </c>
      <c r="J48781" s="1" t="s">
        <v>165451</v>
      </c>
    </row>
    <row r="48782" spans="1:10" x14ac:dyDescent="0.35">
      <c r="A48782" s="1" t="s">
        <v>45</v>
      </c>
      <c r="B48782" s="1" t="s">
        <v>165432</v>
      </c>
      <c r="C48782" s="1" t="s">
        <v>40</v>
      </c>
      <c r="D48782" s="1" t="s">
        <v>4392</v>
      </c>
      <c r="E48782" s="1" t="s">
        <v>165452</v>
      </c>
      <c r="F48782" s="1" t="s">
        <v>165453</v>
      </c>
      <c r="G48782" s="1" t="s">
        <v>165435</v>
      </c>
      <c r="H48782" s="1" t="s">
        <v>148153</v>
      </c>
      <c r="I48782" s="1" t="s">
        <v>165436</v>
      </c>
      <c r="J48782" s="1" t="s">
        <v>165454</v>
      </c>
    </row>
    <row r="48783" spans="1:10" x14ac:dyDescent="0.35">
      <c r="A48783" s="1" t="s">
        <v>45</v>
      </c>
      <c r="B48783" s="1" t="s">
        <v>165432</v>
      </c>
      <c r="C48783" s="1" t="s">
        <v>45</v>
      </c>
      <c r="D48783" s="1" t="s">
        <v>4042</v>
      </c>
      <c r="E48783" s="1" t="s">
        <v>165455</v>
      </c>
      <c r="F48783" s="1" t="s">
        <v>165456</v>
      </c>
      <c r="G48783" s="1" t="s">
        <v>165435</v>
      </c>
      <c r="H48783" s="1" t="s">
        <v>148153</v>
      </c>
      <c r="I48783" s="1" t="s">
        <v>165436</v>
      </c>
      <c r="J48783" s="1" t="s">
        <v>165457</v>
      </c>
    </row>
    <row r="48784" spans="1:10" x14ac:dyDescent="0.35">
      <c r="A48784" s="1" t="s">
        <v>45</v>
      </c>
      <c r="B48784" s="1" t="s">
        <v>165432</v>
      </c>
      <c r="C48784" s="1" t="s">
        <v>50</v>
      </c>
      <c r="D48784" s="1" t="s">
        <v>2055</v>
      </c>
      <c r="E48784" s="1" t="s">
        <v>165458</v>
      </c>
      <c r="F48784" s="1" t="s">
        <v>165459</v>
      </c>
      <c r="G48784" s="1" t="s">
        <v>165435</v>
      </c>
      <c r="H48784" s="1" t="s">
        <v>148153</v>
      </c>
      <c r="I48784" s="1" t="s">
        <v>165436</v>
      </c>
      <c r="J48784" s="1" t="s">
        <v>165460</v>
      </c>
    </row>
    <row r="48785" spans="1:10" x14ac:dyDescent="0.35">
      <c r="A48785" s="1" t="s">
        <v>45</v>
      </c>
      <c r="B48785" s="1" t="s">
        <v>165432</v>
      </c>
      <c r="C48785" s="1" t="s">
        <v>55</v>
      </c>
      <c r="D48785" s="1" t="s">
        <v>5716</v>
      </c>
      <c r="E48785" s="1" t="s">
        <v>165461</v>
      </c>
      <c r="F48785" s="1" t="s">
        <v>165462</v>
      </c>
      <c r="G48785" s="1" t="s">
        <v>165435</v>
      </c>
      <c r="H48785" s="1" t="s">
        <v>148153</v>
      </c>
      <c r="I48785" s="1" t="s">
        <v>165436</v>
      </c>
      <c r="J48785" s="1" t="s">
        <v>165463</v>
      </c>
    </row>
    <row r="48786" spans="1:10" x14ac:dyDescent="0.35">
      <c r="A48786" s="1" t="s">
        <v>45</v>
      </c>
      <c r="B48786" s="1" t="s">
        <v>165432</v>
      </c>
      <c r="C48786" s="1" t="s">
        <v>60</v>
      </c>
      <c r="D48786" s="1" t="s">
        <v>145555</v>
      </c>
      <c r="E48786" s="1" t="s">
        <v>165464</v>
      </c>
      <c r="F48786" s="1" t="s">
        <v>165465</v>
      </c>
      <c r="G48786" s="1" t="s">
        <v>165435</v>
      </c>
      <c r="H48786" s="1" t="s">
        <v>148153</v>
      </c>
      <c r="I48786" s="1" t="s">
        <v>165436</v>
      </c>
      <c r="J48786" s="1" t="s">
        <v>165466</v>
      </c>
    </row>
    <row r="48787" spans="1:10" x14ac:dyDescent="0.35">
      <c r="A48787" s="1" t="s">
        <v>45</v>
      </c>
      <c r="B48787" s="1" t="s">
        <v>165432</v>
      </c>
      <c r="C48787" s="1" t="s">
        <v>65</v>
      </c>
      <c r="D48787" s="1" t="s">
        <v>8349</v>
      </c>
      <c r="E48787" s="1" t="s">
        <v>165467</v>
      </c>
      <c r="F48787" s="1" t="s">
        <v>165468</v>
      </c>
      <c r="G48787" s="1" t="s">
        <v>165435</v>
      </c>
      <c r="H48787" s="1" t="s">
        <v>148153</v>
      </c>
      <c r="I48787" s="1" t="s">
        <v>165436</v>
      </c>
      <c r="J48787" s="1" t="s">
        <v>165469</v>
      </c>
    </row>
    <row r="48788" spans="1:10" x14ac:dyDescent="0.35">
      <c r="A48788" s="1" t="s">
        <v>45</v>
      </c>
      <c r="B48788" s="1" t="s">
        <v>165432</v>
      </c>
      <c r="C48788" s="1" t="s">
        <v>70</v>
      </c>
      <c r="D48788" s="1" t="s">
        <v>8020</v>
      </c>
      <c r="E48788" s="1" t="s">
        <v>165470</v>
      </c>
      <c r="F48788" s="1" t="s">
        <v>9973</v>
      </c>
      <c r="G48788" s="1" t="s">
        <v>165435</v>
      </c>
      <c r="H48788" s="1" t="s">
        <v>148153</v>
      </c>
      <c r="I48788" s="1" t="s">
        <v>165436</v>
      </c>
      <c r="J48788" s="1" t="s">
        <v>165471</v>
      </c>
    </row>
    <row r="48789" spans="1:10" x14ac:dyDescent="0.35">
      <c r="A48789" s="1" t="s">
        <v>45</v>
      </c>
      <c r="B48789" s="1" t="s">
        <v>165432</v>
      </c>
      <c r="C48789" s="1" t="s">
        <v>75</v>
      </c>
      <c r="D48789" s="1" t="s">
        <v>110670</v>
      </c>
      <c r="E48789" s="1" t="s">
        <v>165472</v>
      </c>
      <c r="F48789" s="1" t="s">
        <v>165473</v>
      </c>
      <c r="G48789" s="1" t="s">
        <v>165435</v>
      </c>
      <c r="H48789" s="1" t="s">
        <v>148153</v>
      </c>
      <c r="I48789" s="1" t="s">
        <v>165436</v>
      </c>
      <c r="J48789" s="1" t="s">
        <v>165474</v>
      </c>
    </row>
    <row r="48790" spans="1:10" x14ac:dyDescent="0.35">
      <c r="A48790" s="1" t="s">
        <v>45</v>
      </c>
      <c r="B48790" s="1" t="s">
        <v>165432</v>
      </c>
      <c r="C48790" s="1" t="s">
        <v>80</v>
      </c>
      <c r="D48790" s="1" t="s">
        <v>157286</v>
      </c>
      <c r="E48790" s="1" t="s">
        <v>165475</v>
      </c>
      <c r="F48790" s="1" t="s">
        <v>165476</v>
      </c>
      <c r="G48790" s="1" t="s">
        <v>165435</v>
      </c>
      <c r="H48790" s="1" t="s">
        <v>148153</v>
      </c>
      <c r="I48790" s="1" t="s">
        <v>165436</v>
      </c>
      <c r="J48790" s="1" t="s">
        <v>165477</v>
      </c>
    </row>
    <row r="48791" spans="1:10" x14ac:dyDescent="0.35">
      <c r="A48791" s="1" t="s">
        <v>45</v>
      </c>
      <c r="B48791" s="1" t="s">
        <v>165432</v>
      </c>
      <c r="C48791" s="1" t="s">
        <v>85</v>
      </c>
      <c r="D48791" s="1" t="s">
        <v>27433</v>
      </c>
      <c r="E48791" s="1" t="s">
        <v>165478</v>
      </c>
      <c r="F48791" s="1" t="s">
        <v>165479</v>
      </c>
      <c r="G48791" s="1" t="s">
        <v>165435</v>
      </c>
      <c r="H48791" s="1" t="s">
        <v>148153</v>
      </c>
      <c r="I48791" s="1" t="s">
        <v>165436</v>
      </c>
      <c r="J48791" s="1" t="s">
        <v>165480</v>
      </c>
    </row>
    <row r="48792" spans="1:10" x14ac:dyDescent="0.35">
      <c r="A48792" s="1" t="s">
        <v>45</v>
      </c>
      <c r="B48792" s="1" t="s">
        <v>165432</v>
      </c>
      <c r="C48792" s="1" t="s">
        <v>90</v>
      </c>
      <c r="D48792" s="1" t="s">
        <v>29672</v>
      </c>
      <c r="E48792" s="1" t="s">
        <v>165481</v>
      </c>
      <c r="F48792" s="1" t="s">
        <v>165482</v>
      </c>
      <c r="G48792" s="1" t="s">
        <v>165435</v>
      </c>
      <c r="H48792" s="1" t="s">
        <v>148153</v>
      </c>
      <c r="I48792" s="1" t="s">
        <v>165436</v>
      </c>
      <c r="J48792" s="1" t="s">
        <v>165483</v>
      </c>
    </row>
    <row r="48793" spans="1:10" x14ac:dyDescent="0.35">
      <c r="A48793" s="1" t="s">
        <v>45</v>
      </c>
      <c r="B48793" s="1" t="s">
        <v>165432</v>
      </c>
      <c r="C48793" s="1" t="s">
        <v>95</v>
      </c>
      <c r="D48793" s="1" t="s">
        <v>104186</v>
      </c>
      <c r="E48793" s="1" t="s">
        <v>165484</v>
      </c>
      <c r="F48793" s="1" t="s">
        <v>165485</v>
      </c>
      <c r="G48793" s="1" t="s">
        <v>165435</v>
      </c>
      <c r="H48793" s="1" t="s">
        <v>148153</v>
      </c>
      <c r="I48793" s="1" t="s">
        <v>165436</v>
      </c>
      <c r="J48793" s="1" t="s">
        <v>165486</v>
      </c>
    </row>
    <row r="48794" spans="1:10" x14ac:dyDescent="0.35">
      <c r="A48794" s="1" t="s">
        <v>45</v>
      </c>
      <c r="B48794" s="1" t="s">
        <v>165432</v>
      </c>
      <c r="C48794" s="1" t="s">
        <v>100</v>
      </c>
      <c r="D48794" s="1" t="s">
        <v>4074</v>
      </c>
      <c r="E48794" s="1" t="s">
        <v>165487</v>
      </c>
      <c r="F48794" s="1" t="s">
        <v>165488</v>
      </c>
      <c r="G48794" s="1" t="s">
        <v>165435</v>
      </c>
      <c r="H48794" s="1" t="s">
        <v>148153</v>
      </c>
      <c r="I48794" s="1" t="s">
        <v>165436</v>
      </c>
      <c r="J48794" s="1" t="s">
        <v>165489</v>
      </c>
    </row>
    <row r="48795" spans="1:10" x14ac:dyDescent="0.35">
      <c r="A48795" s="1" t="s">
        <v>45</v>
      </c>
      <c r="B48795" s="1" t="s">
        <v>165432</v>
      </c>
      <c r="C48795" s="1" t="s">
        <v>105</v>
      </c>
      <c r="D48795" s="1" t="s">
        <v>8111</v>
      </c>
      <c r="E48795" s="1" t="s">
        <v>165490</v>
      </c>
      <c r="F48795" s="1" t="s">
        <v>165491</v>
      </c>
      <c r="G48795" s="1" t="s">
        <v>165435</v>
      </c>
      <c r="H48795" s="1" t="s">
        <v>148153</v>
      </c>
      <c r="I48795" s="1" t="s">
        <v>165436</v>
      </c>
      <c r="J48795" s="1" t="s">
        <v>165492</v>
      </c>
    </row>
    <row r="48796" spans="1:10" x14ac:dyDescent="0.35">
      <c r="A48796" s="1" t="s">
        <v>45</v>
      </c>
      <c r="B48796" s="1" t="s">
        <v>165432</v>
      </c>
      <c r="C48796" s="1" t="s">
        <v>110</v>
      </c>
      <c r="D48796" s="1" t="s">
        <v>10134</v>
      </c>
      <c r="E48796" s="1" t="s">
        <v>165493</v>
      </c>
      <c r="F48796" s="1" t="s">
        <v>165494</v>
      </c>
      <c r="G48796" s="1" t="s">
        <v>165435</v>
      </c>
      <c r="H48796" s="1" t="s">
        <v>148153</v>
      </c>
      <c r="I48796" s="1" t="s">
        <v>165436</v>
      </c>
      <c r="J48796" s="1" t="s">
        <v>165495</v>
      </c>
    </row>
    <row r="48797" spans="1:10" x14ac:dyDescent="0.35">
      <c r="A48797" s="1" t="s">
        <v>45</v>
      </c>
      <c r="B48797" s="1" t="s">
        <v>165432</v>
      </c>
      <c r="C48797" s="1" t="s">
        <v>115</v>
      </c>
      <c r="D48797" s="1" t="s">
        <v>117372</v>
      </c>
      <c r="E48797" s="1" t="s">
        <v>165496</v>
      </c>
      <c r="F48797" s="1" t="s">
        <v>165497</v>
      </c>
      <c r="G48797" s="1" t="s">
        <v>165435</v>
      </c>
      <c r="H48797" s="1" t="s">
        <v>148153</v>
      </c>
      <c r="I48797" s="1" t="s">
        <v>165436</v>
      </c>
      <c r="J48797" s="1" t="s">
        <v>165498</v>
      </c>
    </row>
    <row r="48798" spans="1:10" x14ac:dyDescent="0.35">
      <c r="A48798" s="1" t="s">
        <v>45</v>
      </c>
      <c r="B48798" s="1" t="s">
        <v>165432</v>
      </c>
      <c r="C48798" s="1" t="s">
        <v>120</v>
      </c>
      <c r="D48798" s="1" t="s">
        <v>9269</v>
      </c>
      <c r="E48798" s="1" t="s">
        <v>165499</v>
      </c>
      <c r="F48798" s="1" t="s">
        <v>165500</v>
      </c>
      <c r="G48798" s="1" t="s">
        <v>165435</v>
      </c>
      <c r="H48798" s="1" t="s">
        <v>148153</v>
      </c>
      <c r="I48798" s="1" t="s">
        <v>165436</v>
      </c>
      <c r="J48798" s="1" t="s">
        <v>165501</v>
      </c>
    </row>
    <row r="48799" spans="1:10" x14ac:dyDescent="0.35">
      <c r="A48799" s="1" t="s">
        <v>45</v>
      </c>
      <c r="B48799" s="1" t="s">
        <v>165432</v>
      </c>
      <c r="C48799" s="1" t="s">
        <v>125</v>
      </c>
      <c r="D48799" s="1" t="s">
        <v>1735</v>
      </c>
      <c r="E48799" s="1" t="s">
        <v>165502</v>
      </c>
      <c r="F48799" s="1" t="s">
        <v>165503</v>
      </c>
      <c r="G48799" s="1" t="s">
        <v>165435</v>
      </c>
      <c r="H48799" s="1" t="s">
        <v>148153</v>
      </c>
      <c r="I48799" s="1" t="s">
        <v>165436</v>
      </c>
      <c r="J48799" s="1" t="s">
        <v>165504</v>
      </c>
    </row>
    <row r="48800" spans="1:10" x14ac:dyDescent="0.35">
      <c r="A48800" s="1" t="s">
        <v>45</v>
      </c>
      <c r="B48800" s="1" t="s">
        <v>165432</v>
      </c>
      <c r="C48800" s="1" t="s">
        <v>130</v>
      </c>
      <c r="D48800" s="1" t="s">
        <v>104820</v>
      </c>
      <c r="E48800" s="1" t="s">
        <v>165505</v>
      </c>
      <c r="F48800" s="1" t="s">
        <v>165506</v>
      </c>
      <c r="G48800" s="1" t="s">
        <v>165435</v>
      </c>
      <c r="H48800" s="1" t="s">
        <v>148153</v>
      </c>
      <c r="I48800" s="1" t="s">
        <v>165436</v>
      </c>
      <c r="J48800" s="1" t="s">
        <v>165507</v>
      </c>
    </row>
    <row r="48801" spans="1:10" x14ac:dyDescent="0.35">
      <c r="A48801" s="1" t="s">
        <v>45</v>
      </c>
      <c r="B48801" s="1" t="s">
        <v>165432</v>
      </c>
      <c r="C48801" s="1" t="s">
        <v>135</v>
      </c>
      <c r="D48801" s="1" t="s">
        <v>148926</v>
      </c>
      <c r="E48801" s="1" t="s">
        <v>165508</v>
      </c>
      <c r="F48801" s="1" t="s">
        <v>165509</v>
      </c>
      <c r="G48801" s="1" t="s">
        <v>165435</v>
      </c>
      <c r="H48801" s="1" t="s">
        <v>148153</v>
      </c>
      <c r="I48801" s="1" t="s">
        <v>165436</v>
      </c>
      <c r="J48801" s="1" t="s">
        <v>165510</v>
      </c>
    </row>
    <row r="48802" spans="1:10" x14ac:dyDescent="0.35">
      <c r="A48802" s="1" t="s">
        <v>45</v>
      </c>
      <c r="B48802" s="1" t="s">
        <v>165432</v>
      </c>
      <c r="C48802" s="1" t="s">
        <v>140</v>
      </c>
      <c r="D48802" s="1" t="s">
        <v>45485</v>
      </c>
      <c r="E48802" s="1" t="s">
        <v>165511</v>
      </c>
      <c r="F48802" s="1" t="s">
        <v>165512</v>
      </c>
      <c r="G48802" s="1" t="s">
        <v>165435</v>
      </c>
      <c r="H48802" s="1" t="s">
        <v>148153</v>
      </c>
      <c r="I48802" s="1" t="s">
        <v>165436</v>
      </c>
      <c r="J48802" s="1" t="s">
        <v>165513</v>
      </c>
    </row>
    <row r="48803" spans="1:10" x14ac:dyDescent="0.35">
      <c r="A48803" s="1" t="s">
        <v>45</v>
      </c>
      <c r="B48803" s="1" t="s">
        <v>165432</v>
      </c>
      <c r="C48803" s="1" t="s">
        <v>145</v>
      </c>
      <c r="D48803" s="1" t="s">
        <v>165514</v>
      </c>
      <c r="E48803" s="1" t="s">
        <v>165515</v>
      </c>
      <c r="F48803" s="1" t="s">
        <v>165516</v>
      </c>
      <c r="G48803" s="1" t="s">
        <v>165435</v>
      </c>
      <c r="H48803" s="1" t="s">
        <v>148153</v>
      </c>
      <c r="I48803" s="1" t="s">
        <v>165436</v>
      </c>
      <c r="J48803" s="1" t="s">
        <v>165517</v>
      </c>
    </row>
    <row r="48804" spans="1:10" x14ac:dyDescent="0.35">
      <c r="A48804" s="1" t="s">
        <v>45</v>
      </c>
      <c r="B48804" s="1" t="s">
        <v>165432</v>
      </c>
      <c r="C48804" s="1" t="s">
        <v>150</v>
      </c>
      <c r="D48804" s="1" t="s">
        <v>75369</v>
      </c>
      <c r="E48804" s="1" t="s">
        <v>165518</v>
      </c>
      <c r="F48804" s="1" t="s">
        <v>165519</v>
      </c>
      <c r="G48804" s="1" t="s">
        <v>165435</v>
      </c>
      <c r="H48804" s="1" t="s">
        <v>148153</v>
      </c>
      <c r="I48804" s="1" t="s">
        <v>165436</v>
      </c>
      <c r="J48804" s="1" t="s">
        <v>165520</v>
      </c>
    </row>
    <row r="48805" spans="1:10" x14ac:dyDescent="0.35">
      <c r="A48805" s="1" t="s">
        <v>45</v>
      </c>
      <c r="B48805" s="1" t="s">
        <v>165432</v>
      </c>
      <c r="C48805" s="1" t="s">
        <v>155</v>
      </c>
      <c r="D48805" s="1" t="s">
        <v>165521</v>
      </c>
      <c r="E48805" s="1" t="s">
        <v>165522</v>
      </c>
      <c r="F48805" s="1" t="s">
        <v>165523</v>
      </c>
      <c r="G48805" s="1" t="s">
        <v>165435</v>
      </c>
      <c r="H48805" s="1" t="s">
        <v>148153</v>
      </c>
      <c r="I48805" s="1" t="s">
        <v>165436</v>
      </c>
      <c r="J48805" s="1" t="s">
        <v>165524</v>
      </c>
    </row>
    <row r="48806" spans="1:10" x14ac:dyDescent="0.35">
      <c r="A48806" s="1" t="s">
        <v>45</v>
      </c>
      <c r="B48806" s="1" t="s">
        <v>165432</v>
      </c>
      <c r="C48806" s="1" t="s">
        <v>160</v>
      </c>
      <c r="D48806" s="1" t="s">
        <v>73321</v>
      </c>
      <c r="E48806" s="1" t="s">
        <v>165525</v>
      </c>
      <c r="F48806" s="1" t="s">
        <v>165526</v>
      </c>
      <c r="G48806" s="1" t="s">
        <v>165435</v>
      </c>
      <c r="H48806" s="1" t="s">
        <v>148153</v>
      </c>
      <c r="I48806" s="1" t="s">
        <v>165436</v>
      </c>
      <c r="J48806" s="1" t="s">
        <v>165527</v>
      </c>
    </row>
    <row r="48807" spans="1:10" x14ac:dyDescent="0.35">
      <c r="A48807" s="1" t="s">
        <v>45</v>
      </c>
      <c r="B48807" s="1" t="s">
        <v>165432</v>
      </c>
      <c r="C48807" s="1" t="s">
        <v>165</v>
      </c>
      <c r="D48807" s="1" t="s">
        <v>46860</v>
      </c>
      <c r="E48807" s="1" t="s">
        <v>165528</v>
      </c>
      <c r="F48807" s="1" t="s">
        <v>165529</v>
      </c>
      <c r="G48807" s="1" t="s">
        <v>165435</v>
      </c>
      <c r="H48807" s="1" t="s">
        <v>148153</v>
      </c>
      <c r="I48807" s="1" t="s">
        <v>165436</v>
      </c>
      <c r="J48807" s="1" t="s">
        <v>165530</v>
      </c>
    </row>
    <row r="48808" spans="1:10" x14ac:dyDescent="0.35">
      <c r="A48808" s="1" t="s">
        <v>45</v>
      </c>
      <c r="B48808" s="1" t="s">
        <v>165432</v>
      </c>
      <c r="C48808" s="1" t="s">
        <v>170</v>
      </c>
      <c r="D48808" s="1" t="s">
        <v>165531</v>
      </c>
      <c r="E48808" s="1" t="s">
        <v>165532</v>
      </c>
      <c r="F48808" s="1" t="s">
        <v>165533</v>
      </c>
      <c r="G48808" s="1" t="s">
        <v>165435</v>
      </c>
      <c r="H48808" s="1" t="s">
        <v>148153</v>
      </c>
      <c r="I48808" s="1" t="s">
        <v>165436</v>
      </c>
      <c r="J48808" s="1" t="s">
        <v>165534</v>
      </c>
    </row>
    <row r="48809" spans="1:10" x14ac:dyDescent="0.35">
      <c r="A48809" s="1" t="s">
        <v>50</v>
      </c>
      <c r="B48809" s="1" t="s">
        <v>165432</v>
      </c>
      <c r="C48809" s="1" t="s">
        <v>8</v>
      </c>
      <c r="D48809" s="1" t="s">
        <v>110977</v>
      </c>
      <c r="E48809" s="1" t="s">
        <v>165535</v>
      </c>
      <c r="F48809" s="1" t="s">
        <v>165536</v>
      </c>
      <c r="G48809" s="1" t="s">
        <v>165537</v>
      </c>
      <c r="H48809" s="1" t="s">
        <v>148248</v>
      </c>
      <c r="I48809" s="1" t="s">
        <v>165436</v>
      </c>
      <c r="J48809" s="1" t="s">
        <v>13</v>
      </c>
    </row>
    <row r="48810" spans="1:10" x14ac:dyDescent="0.35">
      <c r="A48810" s="1" t="s">
        <v>50</v>
      </c>
      <c r="B48810" s="1" t="s">
        <v>165432</v>
      </c>
      <c r="C48810" s="1" t="s">
        <v>15</v>
      </c>
      <c r="D48810" s="1" t="s">
        <v>6198</v>
      </c>
      <c r="E48810" s="1" t="s">
        <v>165538</v>
      </c>
      <c r="F48810" s="1" t="s">
        <v>165539</v>
      </c>
      <c r="G48810" s="1" t="s">
        <v>165537</v>
      </c>
      <c r="H48810" s="1" t="s">
        <v>148248</v>
      </c>
      <c r="I48810" s="1" t="s">
        <v>165436</v>
      </c>
      <c r="J48810" s="1" t="s">
        <v>165540</v>
      </c>
    </row>
    <row r="48811" spans="1:10" x14ac:dyDescent="0.35">
      <c r="A48811" s="1" t="s">
        <v>50</v>
      </c>
      <c r="B48811" s="1" t="s">
        <v>165432</v>
      </c>
      <c r="C48811" s="1" t="s">
        <v>20</v>
      </c>
      <c r="D48811" s="1" t="s">
        <v>8414</v>
      </c>
      <c r="E48811" s="1" t="s">
        <v>165541</v>
      </c>
      <c r="F48811" s="1" t="s">
        <v>165542</v>
      </c>
      <c r="G48811" s="1" t="s">
        <v>165537</v>
      </c>
      <c r="H48811" s="1" t="s">
        <v>148248</v>
      </c>
      <c r="I48811" s="1" t="s">
        <v>165436</v>
      </c>
      <c r="J48811" s="1" t="s">
        <v>165543</v>
      </c>
    </row>
    <row r="48812" spans="1:10" x14ac:dyDescent="0.35">
      <c r="A48812" s="1" t="s">
        <v>50</v>
      </c>
      <c r="B48812" s="1" t="s">
        <v>165432</v>
      </c>
      <c r="C48812" s="1" t="s">
        <v>25</v>
      </c>
      <c r="D48812" s="1" t="s">
        <v>117540</v>
      </c>
      <c r="E48812" s="1" t="s">
        <v>165544</v>
      </c>
      <c r="F48812" s="1" t="s">
        <v>165545</v>
      </c>
      <c r="G48812" s="1" t="s">
        <v>165537</v>
      </c>
      <c r="H48812" s="1" t="s">
        <v>148248</v>
      </c>
      <c r="I48812" s="1" t="s">
        <v>165436</v>
      </c>
      <c r="J48812" s="1" t="s">
        <v>165546</v>
      </c>
    </row>
    <row r="48813" spans="1:10" x14ac:dyDescent="0.35">
      <c r="A48813" s="1" t="s">
        <v>50</v>
      </c>
      <c r="B48813" s="1" t="s">
        <v>165432</v>
      </c>
      <c r="C48813" s="1" t="s">
        <v>30</v>
      </c>
      <c r="D48813" s="1" t="s">
        <v>10526</v>
      </c>
      <c r="E48813" s="1" t="s">
        <v>165547</v>
      </c>
      <c r="F48813" s="1" t="s">
        <v>165548</v>
      </c>
      <c r="G48813" s="1" t="s">
        <v>165537</v>
      </c>
      <c r="H48813" s="1" t="s">
        <v>148248</v>
      </c>
      <c r="I48813" s="1" t="s">
        <v>165436</v>
      </c>
      <c r="J48813" s="1" t="s">
        <v>165549</v>
      </c>
    </row>
    <row r="48814" spans="1:10" x14ac:dyDescent="0.35">
      <c r="A48814" s="1" t="s">
        <v>50</v>
      </c>
      <c r="B48814" s="1" t="s">
        <v>165432</v>
      </c>
      <c r="C48814" s="1" t="s">
        <v>35</v>
      </c>
      <c r="D48814" s="1" t="s">
        <v>29627</v>
      </c>
      <c r="E48814" s="1" t="s">
        <v>165550</v>
      </c>
      <c r="F48814" s="1" t="s">
        <v>165551</v>
      </c>
      <c r="G48814" s="1" t="s">
        <v>165537</v>
      </c>
      <c r="H48814" s="1" t="s">
        <v>148248</v>
      </c>
      <c r="I48814" s="1" t="s">
        <v>165436</v>
      </c>
      <c r="J48814" s="1" t="s">
        <v>165552</v>
      </c>
    </row>
    <row r="48815" spans="1:10" x14ac:dyDescent="0.35">
      <c r="A48815" s="1" t="s">
        <v>50</v>
      </c>
      <c r="B48815" s="1" t="s">
        <v>165432</v>
      </c>
      <c r="C48815" s="1" t="s">
        <v>40</v>
      </c>
      <c r="D48815" s="1" t="s">
        <v>8514</v>
      </c>
      <c r="E48815" s="1" t="s">
        <v>165553</v>
      </c>
      <c r="F48815" s="1" t="s">
        <v>165554</v>
      </c>
      <c r="G48815" s="1" t="s">
        <v>165537</v>
      </c>
      <c r="H48815" s="1" t="s">
        <v>148248</v>
      </c>
      <c r="I48815" s="1" t="s">
        <v>165436</v>
      </c>
      <c r="J48815" s="1" t="s">
        <v>165555</v>
      </c>
    </row>
    <row r="48816" spans="1:10" x14ac:dyDescent="0.35">
      <c r="A48816" s="1" t="s">
        <v>50</v>
      </c>
      <c r="B48816" s="1" t="s">
        <v>165432</v>
      </c>
      <c r="C48816" s="1" t="s">
        <v>45</v>
      </c>
      <c r="D48816" s="1" t="s">
        <v>9305</v>
      </c>
      <c r="E48816" s="1" t="s">
        <v>165556</v>
      </c>
      <c r="F48816" s="1" t="s">
        <v>165557</v>
      </c>
      <c r="G48816" s="1" t="s">
        <v>165537</v>
      </c>
      <c r="H48816" s="1" t="s">
        <v>148248</v>
      </c>
      <c r="I48816" s="1" t="s">
        <v>165436</v>
      </c>
      <c r="J48816" s="1" t="s">
        <v>165558</v>
      </c>
    </row>
    <row r="48817" spans="1:10" x14ac:dyDescent="0.35">
      <c r="A48817" s="1" t="s">
        <v>50</v>
      </c>
      <c r="B48817" s="1" t="s">
        <v>165432</v>
      </c>
      <c r="C48817" s="1" t="s">
        <v>50</v>
      </c>
      <c r="D48817" s="1" t="s">
        <v>28498</v>
      </c>
      <c r="E48817" s="1" t="s">
        <v>165559</v>
      </c>
      <c r="F48817" s="1" t="s">
        <v>165560</v>
      </c>
      <c r="G48817" s="1" t="s">
        <v>165537</v>
      </c>
      <c r="H48817" s="1" t="s">
        <v>148248</v>
      </c>
      <c r="I48817" s="1" t="s">
        <v>165436</v>
      </c>
      <c r="J48817" s="1" t="s">
        <v>165561</v>
      </c>
    </row>
    <row r="48818" spans="1:10" x14ac:dyDescent="0.35">
      <c r="A48818" s="1" t="s">
        <v>50</v>
      </c>
      <c r="B48818" s="1" t="s">
        <v>165432</v>
      </c>
      <c r="C48818" s="1" t="s">
        <v>55</v>
      </c>
      <c r="D48818" s="1" t="s">
        <v>28141</v>
      </c>
      <c r="E48818" s="1" t="s">
        <v>165562</v>
      </c>
      <c r="F48818" s="1" t="s">
        <v>165563</v>
      </c>
      <c r="G48818" s="1" t="s">
        <v>165537</v>
      </c>
      <c r="H48818" s="1" t="s">
        <v>148248</v>
      </c>
      <c r="I48818" s="1" t="s">
        <v>165436</v>
      </c>
      <c r="J48818" s="1" t="s">
        <v>165564</v>
      </c>
    </row>
    <row r="48819" spans="1:10" x14ac:dyDescent="0.35">
      <c r="A48819" s="1" t="s">
        <v>50</v>
      </c>
      <c r="B48819" s="1" t="s">
        <v>165432</v>
      </c>
      <c r="C48819" s="1" t="s">
        <v>60</v>
      </c>
      <c r="D48819" s="1" t="s">
        <v>29868</v>
      </c>
      <c r="E48819" s="1" t="s">
        <v>165565</v>
      </c>
      <c r="F48819" s="1" t="s">
        <v>165566</v>
      </c>
      <c r="G48819" s="1" t="s">
        <v>165537</v>
      </c>
      <c r="H48819" s="1" t="s">
        <v>148248</v>
      </c>
      <c r="I48819" s="1" t="s">
        <v>165436</v>
      </c>
      <c r="J48819" s="1" t="s">
        <v>165567</v>
      </c>
    </row>
    <row r="48820" spans="1:10" x14ac:dyDescent="0.35">
      <c r="A48820" s="1" t="s">
        <v>50</v>
      </c>
      <c r="B48820" s="1" t="s">
        <v>165432</v>
      </c>
      <c r="C48820" s="1" t="s">
        <v>65</v>
      </c>
      <c r="D48820" s="1" t="s">
        <v>4349</v>
      </c>
      <c r="E48820" s="1" t="s">
        <v>165568</v>
      </c>
      <c r="F48820" s="1" t="s">
        <v>165569</v>
      </c>
      <c r="G48820" s="1" t="s">
        <v>165537</v>
      </c>
      <c r="H48820" s="1" t="s">
        <v>148248</v>
      </c>
      <c r="I48820" s="1" t="s">
        <v>165436</v>
      </c>
      <c r="J48820" s="1" t="s">
        <v>80733</v>
      </c>
    </row>
    <row r="48821" spans="1:10" x14ac:dyDescent="0.35">
      <c r="A48821" s="1" t="s">
        <v>50</v>
      </c>
      <c r="B48821" s="1" t="s">
        <v>165432</v>
      </c>
      <c r="C48821" s="1" t="s">
        <v>70</v>
      </c>
      <c r="D48821" s="1" t="s">
        <v>27559</v>
      </c>
      <c r="E48821" s="1" t="s">
        <v>165570</v>
      </c>
      <c r="F48821" s="1" t="s">
        <v>165571</v>
      </c>
      <c r="G48821" s="1" t="s">
        <v>165537</v>
      </c>
      <c r="H48821" s="1" t="s">
        <v>148248</v>
      </c>
      <c r="I48821" s="1" t="s">
        <v>165436</v>
      </c>
      <c r="J48821" s="1" t="s">
        <v>165572</v>
      </c>
    </row>
    <row r="48822" spans="1:10" x14ac:dyDescent="0.35">
      <c r="A48822" s="1" t="s">
        <v>50</v>
      </c>
      <c r="B48822" s="1" t="s">
        <v>165432</v>
      </c>
      <c r="C48822" s="1" t="s">
        <v>75</v>
      </c>
      <c r="D48822" s="1" t="s">
        <v>117163</v>
      </c>
      <c r="E48822" s="1" t="s">
        <v>165573</v>
      </c>
      <c r="F48822" s="1" t="s">
        <v>165574</v>
      </c>
      <c r="G48822" s="1" t="s">
        <v>165537</v>
      </c>
      <c r="H48822" s="1" t="s">
        <v>148248</v>
      </c>
      <c r="I48822" s="1" t="s">
        <v>165436</v>
      </c>
      <c r="J48822" s="1" t="s">
        <v>165575</v>
      </c>
    </row>
    <row r="48823" spans="1:10" x14ac:dyDescent="0.35">
      <c r="A48823" s="1" t="s">
        <v>50</v>
      </c>
      <c r="B48823" s="1" t="s">
        <v>165432</v>
      </c>
      <c r="C48823" s="1" t="s">
        <v>80</v>
      </c>
      <c r="D48823" s="1" t="s">
        <v>165576</v>
      </c>
      <c r="E48823" s="1" t="s">
        <v>165577</v>
      </c>
      <c r="F48823" s="1" t="s">
        <v>165578</v>
      </c>
      <c r="G48823" s="1" t="s">
        <v>165537</v>
      </c>
      <c r="H48823" s="1" t="s">
        <v>148248</v>
      </c>
      <c r="I48823" s="1" t="s">
        <v>165436</v>
      </c>
      <c r="J48823" s="1" t="s">
        <v>165579</v>
      </c>
    </row>
    <row r="48824" spans="1:10" x14ac:dyDescent="0.35">
      <c r="A48824" s="1" t="s">
        <v>50</v>
      </c>
      <c r="B48824" s="1" t="s">
        <v>165432</v>
      </c>
      <c r="C48824" s="1" t="s">
        <v>85</v>
      </c>
      <c r="D48824" s="1" t="s">
        <v>29553</v>
      </c>
      <c r="E48824" s="1" t="s">
        <v>165580</v>
      </c>
      <c r="F48824" s="1" t="s">
        <v>165581</v>
      </c>
      <c r="G48824" s="1" t="s">
        <v>165537</v>
      </c>
      <c r="H48824" s="1" t="s">
        <v>148248</v>
      </c>
      <c r="I48824" s="1" t="s">
        <v>165436</v>
      </c>
      <c r="J48824" s="1" t="s">
        <v>165582</v>
      </c>
    </row>
    <row r="48825" spans="1:10" x14ac:dyDescent="0.35">
      <c r="A48825" s="1" t="s">
        <v>50</v>
      </c>
      <c r="B48825" s="1" t="s">
        <v>165432</v>
      </c>
      <c r="C48825" s="1" t="s">
        <v>90</v>
      </c>
      <c r="D48825" s="1" t="s">
        <v>27619</v>
      </c>
      <c r="E48825" s="1" t="s">
        <v>165583</v>
      </c>
      <c r="F48825" s="1" t="s">
        <v>165584</v>
      </c>
      <c r="G48825" s="1" t="s">
        <v>165537</v>
      </c>
      <c r="H48825" s="1" t="s">
        <v>148248</v>
      </c>
      <c r="I48825" s="1" t="s">
        <v>165436</v>
      </c>
      <c r="J48825" s="1" t="s">
        <v>165585</v>
      </c>
    </row>
    <row r="48826" spans="1:10" x14ac:dyDescent="0.35">
      <c r="A48826" s="1" t="s">
        <v>50</v>
      </c>
      <c r="B48826" s="1" t="s">
        <v>165432</v>
      </c>
      <c r="C48826" s="1" t="s">
        <v>95</v>
      </c>
      <c r="D48826" s="1" t="s">
        <v>47316</v>
      </c>
      <c r="E48826" s="1" t="s">
        <v>165586</v>
      </c>
      <c r="F48826" s="1" t="s">
        <v>165587</v>
      </c>
      <c r="G48826" s="1" t="s">
        <v>165537</v>
      </c>
      <c r="H48826" s="1" t="s">
        <v>148248</v>
      </c>
      <c r="I48826" s="1" t="s">
        <v>165436</v>
      </c>
      <c r="J48826" s="1" t="s">
        <v>165588</v>
      </c>
    </row>
    <row r="48827" spans="1:10" x14ac:dyDescent="0.35">
      <c r="A48827" s="1" t="s">
        <v>50</v>
      </c>
      <c r="B48827" s="1" t="s">
        <v>165432</v>
      </c>
      <c r="C48827" s="1" t="s">
        <v>100</v>
      </c>
      <c r="D48827" s="1" t="s">
        <v>8288</v>
      </c>
      <c r="E48827" s="1" t="s">
        <v>165589</v>
      </c>
      <c r="F48827" s="1" t="s">
        <v>165590</v>
      </c>
      <c r="G48827" s="1" t="s">
        <v>165537</v>
      </c>
      <c r="H48827" s="1" t="s">
        <v>148248</v>
      </c>
      <c r="I48827" s="1" t="s">
        <v>165436</v>
      </c>
      <c r="J48827" s="1" t="s">
        <v>165591</v>
      </c>
    </row>
    <row r="48828" spans="1:10" x14ac:dyDescent="0.35">
      <c r="A48828" s="1" t="s">
        <v>50</v>
      </c>
      <c r="B48828" s="1" t="s">
        <v>165432</v>
      </c>
      <c r="C48828" s="1" t="s">
        <v>105</v>
      </c>
      <c r="D48828" s="1" t="s">
        <v>165592</v>
      </c>
      <c r="E48828" s="1" t="s">
        <v>165593</v>
      </c>
      <c r="F48828" s="1" t="s">
        <v>165594</v>
      </c>
      <c r="G48828" s="1" t="s">
        <v>165537</v>
      </c>
      <c r="H48828" s="1" t="s">
        <v>148248</v>
      </c>
      <c r="I48828" s="1" t="s">
        <v>165436</v>
      </c>
      <c r="J48828" s="1" t="s">
        <v>165595</v>
      </c>
    </row>
    <row r="48829" spans="1:10" x14ac:dyDescent="0.35">
      <c r="A48829" s="1" t="s">
        <v>50</v>
      </c>
      <c r="B48829" s="1" t="s">
        <v>165432</v>
      </c>
      <c r="C48829" s="1" t="s">
        <v>110</v>
      </c>
      <c r="D48829" s="1" t="s">
        <v>1564</v>
      </c>
      <c r="E48829" s="1" t="s">
        <v>165596</v>
      </c>
      <c r="F48829" s="1" t="s">
        <v>165597</v>
      </c>
      <c r="G48829" s="1" t="s">
        <v>165537</v>
      </c>
      <c r="H48829" s="1" t="s">
        <v>148248</v>
      </c>
      <c r="I48829" s="1" t="s">
        <v>165436</v>
      </c>
      <c r="J48829" s="1" t="s">
        <v>165598</v>
      </c>
    </row>
    <row r="48830" spans="1:10" x14ac:dyDescent="0.35">
      <c r="A48830" s="1" t="s">
        <v>50</v>
      </c>
      <c r="B48830" s="1" t="s">
        <v>165432</v>
      </c>
      <c r="C48830" s="1" t="s">
        <v>115</v>
      </c>
      <c r="D48830" s="1" t="s">
        <v>25124</v>
      </c>
      <c r="E48830" s="1" t="s">
        <v>165599</v>
      </c>
      <c r="F48830" s="1" t="s">
        <v>165600</v>
      </c>
      <c r="G48830" s="1" t="s">
        <v>165537</v>
      </c>
      <c r="H48830" s="1" t="s">
        <v>148248</v>
      </c>
      <c r="I48830" s="1" t="s">
        <v>165436</v>
      </c>
      <c r="J48830" s="1" t="s">
        <v>165601</v>
      </c>
    </row>
    <row r="48831" spans="1:10" x14ac:dyDescent="0.35">
      <c r="A48831" s="1" t="s">
        <v>50</v>
      </c>
      <c r="B48831" s="1" t="s">
        <v>165432</v>
      </c>
      <c r="C48831" s="1" t="s">
        <v>120</v>
      </c>
      <c r="D48831" s="1" t="s">
        <v>144018</v>
      </c>
      <c r="E48831" s="1" t="s">
        <v>165602</v>
      </c>
      <c r="F48831" s="1" t="s">
        <v>165603</v>
      </c>
      <c r="G48831" s="1" t="s">
        <v>165537</v>
      </c>
      <c r="H48831" s="1" t="s">
        <v>148248</v>
      </c>
      <c r="I48831" s="1" t="s">
        <v>165436</v>
      </c>
      <c r="J48831" s="1" t="s">
        <v>165604</v>
      </c>
    </row>
    <row r="48832" spans="1:10" x14ac:dyDescent="0.35">
      <c r="A48832" s="1" t="s">
        <v>50</v>
      </c>
      <c r="B48832" s="1" t="s">
        <v>165432</v>
      </c>
      <c r="C48832" s="1" t="s">
        <v>125</v>
      </c>
      <c r="D48832" s="1" t="s">
        <v>332</v>
      </c>
      <c r="E48832" s="1" t="s">
        <v>165605</v>
      </c>
      <c r="F48832" s="1" t="s">
        <v>165606</v>
      </c>
      <c r="G48832" s="1" t="s">
        <v>165537</v>
      </c>
      <c r="H48832" s="1" t="s">
        <v>148248</v>
      </c>
      <c r="I48832" s="1" t="s">
        <v>165436</v>
      </c>
      <c r="J48832" s="1" t="s">
        <v>165607</v>
      </c>
    </row>
    <row r="48833" spans="1:10" x14ac:dyDescent="0.35">
      <c r="A48833" s="1" t="s">
        <v>50</v>
      </c>
      <c r="B48833" s="1" t="s">
        <v>165432</v>
      </c>
      <c r="C48833" s="1" t="s">
        <v>130</v>
      </c>
      <c r="D48833" s="1" t="s">
        <v>4074</v>
      </c>
      <c r="E48833" s="1" t="s">
        <v>165608</v>
      </c>
      <c r="F48833" s="1" t="s">
        <v>165609</v>
      </c>
      <c r="G48833" s="1" t="s">
        <v>165537</v>
      </c>
      <c r="H48833" s="1" t="s">
        <v>148248</v>
      </c>
      <c r="I48833" s="1" t="s">
        <v>165436</v>
      </c>
      <c r="J48833" s="1" t="s">
        <v>165610</v>
      </c>
    </row>
    <row r="48834" spans="1:10" x14ac:dyDescent="0.35">
      <c r="A48834" s="1" t="s">
        <v>50</v>
      </c>
      <c r="B48834" s="1" t="s">
        <v>165432</v>
      </c>
      <c r="C48834" s="1" t="s">
        <v>135</v>
      </c>
      <c r="D48834" s="1" t="s">
        <v>25546</v>
      </c>
      <c r="E48834" s="1" t="s">
        <v>165611</v>
      </c>
      <c r="F48834" s="1" t="s">
        <v>165612</v>
      </c>
      <c r="G48834" s="1" t="s">
        <v>165537</v>
      </c>
      <c r="H48834" s="1" t="s">
        <v>148248</v>
      </c>
      <c r="I48834" s="1" t="s">
        <v>165436</v>
      </c>
      <c r="J48834" s="1" t="s">
        <v>165613</v>
      </c>
    </row>
    <row r="48835" spans="1:10" x14ac:dyDescent="0.35">
      <c r="A48835" s="1" t="s">
        <v>50</v>
      </c>
      <c r="B48835" s="1" t="s">
        <v>165432</v>
      </c>
      <c r="C48835" s="1" t="s">
        <v>140</v>
      </c>
      <c r="D48835" s="1" t="s">
        <v>29001</v>
      </c>
      <c r="E48835" s="1" t="s">
        <v>165614</v>
      </c>
      <c r="F48835" s="1" t="s">
        <v>165615</v>
      </c>
      <c r="G48835" s="1" t="s">
        <v>165537</v>
      </c>
      <c r="H48835" s="1" t="s">
        <v>148248</v>
      </c>
      <c r="I48835" s="1" t="s">
        <v>165436</v>
      </c>
      <c r="J48835" s="1" t="s">
        <v>165616</v>
      </c>
    </row>
    <row r="48836" spans="1:10" x14ac:dyDescent="0.35">
      <c r="A48836" s="1" t="s">
        <v>50</v>
      </c>
      <c r="B48836" s="1" t="s">
        <v>165432</v>
      </c>
      <c r="C48836" s="1" t="s">
        <v>145</v>
      </c>
      <c r="D48836" s="1" t="s">
        <v>15331</v>
      </c>
      <c r="E48836" s="1" t="s">
        <v>165617</v>
      </c>
      <c r="F48836" s="1" t="s">
        <v>165618</v>
      </c>
      <c r="G48836" s="1" t="s">
        <v>165537</v>
      </c>
      <c r="H48836" s="1" t="s">
        <v>148248</v>
      </c>
      <c r="I48836" s="1" t="s">
        <v>165436</v>
      </c>
      <c r="J48836" s="1" t="s">
        <v>165619</v>
      </c>
    </row>
    <row r="48837" spans="1:10" x14ac:dyDescent="0.35">
      <c r="A48837" s="1" t="s">
        <v>50</v>
      </c>
      <c r="B48837" s="1" t="s">
        <v>165432</v>
      </c>
      <c r="C48837" s="1" t="s">
        <v>150</v>
      </c>
      <c r="D48837" s="1" t="s">
        <v>161693</v>
      </c>
      <c r="E48837" s="1" t="s">
        <v>165620</v>
      </c>
      <c r="F48837" s="1" t="s">
        <v>165621</v>
      </c>
      <c r="G48837" s="1" t="s">
        <v>165537</v>
      </c>
      <c r="H48837" s="1" t="s">
        <v>148248</v>
      </c>
      <c r="I48837" s="1" t="s">
        <v>165436</v>
      </c>
      <c r="J48837" s="1" t="s">
        <v>165622</v>
      </c>
    </row>
    <row r="48838" spans="1:10" x14ac:dyDescent="0.35">
      <c r="A48838" s="1" t="s">
        <v>50</v>
      </c>
      <c r="B48838" s="1" t="s">
        <v>165432</v>
      </c>
      <c r="C48838" s="1" t="s">
        <v>155</v>
      </c>
      <c r="D48838" s="1" t="s">
        <v>15954</v>
      </c>
      <c r="E48838" s="1" t="s">
        <v>165623</v>
      </c>
      <c r="F48838" s="1" t="s">
        <v>165624</v>
      </c>
      <c r="G48838" s="1" t="s">
        <v>165537</v>
      </c>
      <c r="H48838" s="1" t="s">
        <v>148248</v>
      </c>
      <c r="I48838" s="1" t="s">
        <v>165436</v>
      </c>
      <c r="J48838" s="1" t="s">
        <v>165625</v>
      </c>
    </row>
    <row r="48839" spans="1:10" x14ac:dyDescent="0.35">
      <c r="A48839" s="1" t="s">
        <v>50</v>
      </c>
      <c r="B48839" s="1" t="s">
        <v>165432</v>
      </c>
      <c r="C48839" s="1" t="s">
        <v>160</v>
      </c>
      <c r="D48839" s="1" t="s">
        <v>7893</v>
      </c>
      <c r="E48839" s="1" t="s">
        <v>165626</v>
      </c>
      <c r="F48839" s="1" t="s">
        <v>165627</v>
      </c>
      <c r="G48839" s="1" t="s">
        <v>165537</v>
      </c>
      <c r="H48839" s="1" t="s">
        <v>148248</v>
      </c>
      <c r="I48839" s="1" t="s">
        <v>165436</v>
      </c>
      <c r="J48839" s="1" t="s">
        <v>165628</v>
      </c>
    </row>
    <row r="48840" spans="1:10" x14ac:dyDescent="0.35">
      <c r="A48840" s="1" t="s">
        <v>50</v>
      </c>
      <c r="B48840" s="1" t="s">
        <v>165432</v>
      </c>
      <c r="C48840" s="1" t="s">
        <v>165</v>
      </c>
      <c r="D48840" s="1" t="s">
        <v>14491</v>
      </c>
      <c r="E48840" s="1" t="s">
        <v>165629</v>
      </c>
      <c r="F48840" s="1" t="s">
        <v>165630</v>
      </c>
      <c r="G48840" s="1" t="s">
        <v>165537</v>
      </c>
      <c r="H48840" s="1" t="s">
        <v>148248</v>
      </c>
      <c r="I48840" s="1" t="s">
        <v>165436</v>
      </c>
      <c r="J48840" s="1" t="s">
        <v>165631</v>
      </c>
    </row>
    <row r="48841" spans="1:10" x14ac:dyDescent="0.35">
      <c r="A48841" s="1" t="s">
        <v>50</v>
      </c>
      <c r="B48841" s="1" t="s">
        <v>165432</v>
      </c>
      <c r="C48841" s="1" t="s">
        <v>170</v>
      </c>
      <c r="D48841" s="1" t="s">
        <v>165632</v>
      </c>
      <c r="E48841" s="1" t="s">
        <v>165633</v>
      </c>
      <c r="F48841" s="1" t="s">
        <v>165634</v>
      </c>
      <c r="G48841" s="1" t="s">
        <v>165537</v>
      </c>
      <c r="H48841" s="1" t="s">
        <v>148248</v>
      </c>
      <c r="I48841" s="1" t="s">
        <v>165436</v>
      </c>
      <c r="J48841" s="1" t="s">
        <v>165635</v>
      </c>
    </row>
    <row r="48842" spans="1:10" x14ac:dyDescent="0.35">
      <c r="A48842" s="1" t="s">
        <v>55</v>
      </c>
      <c r="B48842" s="1" t="s">
        <v>165432</v>
      </c>
      <c r="C48842" s="1" t="s">
        <v>8</v>
      </c>
      <c r="D48842" s="1" t="s">
        <v>47164</v>
      </c>
      <c r="E48842" s="1" t="s">
        <v>165636</v>
      </c>
      <c r="F48842" s="1" t="s">
        <v>165637</v>
      </c>
      <c r="G48842" s="1" t="s">
        <v>165638</v>
      </c>
      <c r="H48842" s="1" t="s">
        <v>165639</v>
      </c>
      <c r="I48842" s="1" t="s">
        <v>165436</v>
      </c>
      <c r="J48842" s="1" t="s">
        <v>13</v>
      </c>
    </row>
    <row r="48843" spans="1:10" x14ac:dyDescent="0.35">
      <c r="A48843" s="1" t="s">
        <v>55</v>
      </c>
      <c r="B48843" s="1" t="s">
        <v>165432</v>
      </c>
      <c r="C48843" s="1" t="s">
        <v>15</v>
      </c>
      <c r="D48843" s="1" t="s">
        <v>99507</v>
      </c>
      <c r="E48843" s="1" t="s">
        <v>165640</v>
      </c>
      <c r="F48843" s="1" t="s">
        <v>165641</v>
      </c>
      <c r="G48843" s="1" t="s">
        <v>165638</v>
      </c>
      <c r="H48843" s="1" t="s">
        <v>165639</v>
      </c>
      <c r="I48843" s="1" t="s">
        <v>165436</v>
      </c>
      <c r="J48843" s="1" t="s">
        <v>165642</v>
      </c>
    </row>
    <row r="48844" spans="1:10" x14ac:dyDescent="0.35">
      <c r="A48844" s="1" t="s">
        <v>55</v>
      </c>
      <c r="B48844" s="1" t="s">
        <v>165432</v>
      </c>
      <c r="C48844" s="1" t="s">
        <v>20</v>
      </c>
      <c r="D48844" s="1" t="s">
        <v>1520</v>
      </c>
      <c r="E48844" s="1" t="s">
        <v>165643</v>
      </c>
      <c r="F48844" s="1" t="s">
        <v>165644</v>
      </c>
      <c r="G48844" s="1" t="s">
        <v>165638</v>
      </c>
      <c r="H48844" s="1" t="s">
        <v>165639</v>
      </c>
      <c r="I48844" s="1" t="s">
        <v>165436</v>
      </c>
      <c r="J48844" s="1" t="s">
        <v>165645</v>
      </c>
    </row>
    <row r="48845" spans="1:10" x14ac:dyDescent="0.35">
      <c r="A48845" s="1" t="s">
        <v>55</v>
      </c>
      <c r="B48845" s="1" t="s">
        <v>165432</v>
      </c>
      <c r="C48845" s="1" t="s">
        <v>25</v>
      </c>
      <c r="D48845" s="1" t="s">
        <v>165646</v>
      </c>
      <c r="E48845" s="1" t="s">
        <v>165647</v>
      </c>
      <c r="F48845" s="1" t="s">
        <v>165648</v>
      </c>
      <c r="G48845" s="1" t="s">
        <v>165638</v>
      </c>
      <c r="H48845" s="1" t="s">
        <v>165639</v>
      </c>
      <c r="I48845" s="1" t="s">
        <v>165436</v>
      </c>
      <c r="J48845" s="1" t="s">
        <v>165649</v>
      </c>
    </row>
    <row r="48846" spans="1:10" x14ac:dyDescent="0.35">
      <c r="A48846" s="1" t="s">
        <v>55</v>
      </c>
      <c r="B48846" s="1" t="s">
        <v>165432</v>
      </c>
      <c r="C48846" s="1" t="s">
        <v>30</v>
      </c>
      <c r="D48846" s="1" t="s">
        <v>165650</v>
      </c>
      <c r="E48846" s="1" t="s">
        <v>165651</v>
      </c>
      <c r="F48846" s="1" t="s">
        <v>165652</v>
      </c>
      <c r="G48846" s="1" t="s">
        <v>165638</v>
      </c>
      <c r="H48846" s="1" t="s">
        <v>165639</v>
      </c>
      <c r="I48846" s="1" t="s">
        <v>165436</v>
      </c>
      <c r="J48846" s="1" t="s">
        <v>165653</v>
      </c>
    </row>
    <row r="48847" spans="1:10" x14ac:dyDescent="0.35">
      <c r="A48847" s="1" t="s">
        <v>55</v>
      </c>
      <c r="B48847" s="1" t="s">
        <v>165432</v>
      </c>
      <c r="C48847" s="1" t="s">
        <v>35</v>
      </c>
      <c r="D48847" s="1" t="s">
        <v>103660</v>
      </c>
      <c r="E48847" s="1" t="s">
        <v>165654</v>
      </c>
      <c r="F48847" s="1" t="s">
        <v>165655</v>
      </c>
      <c r="G48847" s="1" t="s">
        <v>165638</v>
      </c>
      <c r="H48847" s="1" t="s">
        <v>165639</v>
      </c>
      <c r="I48847" s="1" t="s">
        <v>165436</v>
      </c>
      <c r="J48847" s="1" t="s">
        <v>165656</v>
      </c>
    </row>
    <row r="48848" spans="1:10" x14ac:dyDescent="0.35">
      <c r="A48848" s="1" t="s">
        <v>55</v>
      </c>
      <c r="B48848" s="1" t="s">
        <v>165432</v>
      </c>
      <c r="C48848" s="1" t="s">
        <v>40</v>
      </c>
      <c r="D48848" s="1" t="s">
        <v>3565</v>
      </c>
      <c r="E48848" s="1" t="s">
        <v>165657</v>
      </c>
      <c r="F48848" s="1" t="s">
        <v>165658</v>
      </c>
      <c r="G48848" s="1" t="s">
        <v>165638</v>
      </c>
      <c r="H48848" s="1" t="s">
        <v>165639</v>
      </c>
      <c r="I48848" s="1" t="s">
        <v>165436</v>
      </c>
      <c r="J48848" s="1" t="s">
        <v>165659</v>
      </c>
    </row>
    <row r="48849" spans="1:10" x14ac:dyDescent="0.35">
      <c r="A48849" s="1" t="s">
        <v>55</v>
      </c>
      <c r="B48849" s="1" t="s">
        <v>165432</v>
      </c>
      <c r="C48849" s="1" t="s">
        <v>45</v>
      </c>
      <c r="D48849" s="1" t="s">
        <v>44662</v>
      </c>
      <c r="E48849" s="1" t="s">
        <v>165660</v>
      </c>
      <c r="F48849" s="1" t="s">
        <v>165661</v>
      </c>
      <c r="G48849" s="1" t="s">
        <v>165638</v>
      </c>
      <c r="H48849" s="1" t="s">
        <v>165639</v>
      </c>
      <c r="I48849" s="1" t="s">
        <v>165436</v>
      </c>
      <c r="J48849" s="1" t="s">
        <v>28484</v>
      </c>
    </row>
    <row r="48850" spans="1:10" x14ac:dyDescent="0.35">
      <c r="A48850" s="1" t="s">
        <v>55</v>
      </c>
      <c r="B48850" s="1" t="s">
        <v>165432</v>
      </c>
      <c r="C48850" s="1" t="s">
        <v>50</v>
      </c>
      <c r="D48850" s="1" t="s">
        <v>110384</v>
      </c>
      <c r="E48850" s="1" t="s">
        <v>165662</v>
      </c>
      <c r="F48850" s="1" t="s">
        <v>165663</v>
      </c>
      <c r="G48850" s="1" t="s">
        <v>165638</v>
      </c>
      <c r="H48850" s="1" t="s">
        <v>165639</v>
      </c>
      <c r="I48850" s="1" t="s">
        <v>165436</v>
      </c>
      <c r="J48850" s="1" t="s">
        <v>165664</v>
      </c>
    </row>
    <row r="48851" spans="1:10" x14ac:dyDescent="0.35">
      <c r="A48851" s="1" t="s">
        <v>55</v>
      </c>
      <c r="B48851" s="1" t="s">
        <v>165432</v>
      </c>
      <c r="C48851" s="1" t="s">
        <v>55</v>
      </c>
      <c r="D48851" s="1" t="s">
        <v>112804</v>
      </c>
      <c r="E48851" s="1" t="s">
        <v>165665</v>
      </c>
      <c r="F48851" s="1" t="s">
        <v>165666</v>
      </c>
      <c r="G48851" s="1" t="s">
        <v>165638</v>
      </c>
      <c r="H48851" s="1" t="s">
        <v>165639</v>
      </c>
      <c r="I48851" s="1" t="s">
        <v>165436</v>
      </c>
      <c r="J48851" s="1" t="s">
        <v>165667</v>
      </c>
    </row>
    <row r="48852" spans="1:10" x14ac:dyDescent="0.35">
      <c r="A48852" s="1" t="s">
        <v>55</v>
      </c>
      <c r="B48852" s="1" t="s">
        <v>165432</v>
      </c>
      <c r="C48852" s="1" t="s">
        <v>60</v>
      </c>
      <c r="D48852" s="1" t="s">
        <v>8414</v>
      </c>
      <c r="E48852" s="1" t="s">
        <v>165668</v>
      </c>
      <c r="F48852" s="1" t="s">
        <v>165669</v>
      </c>
      <c r="G48852" s="1" t="s">
        <v>165638</v>
      </c>
      <c r="H48852" s="1" t="s">
        <v>165639</v>
      </c>
      <c r="I48852" s="1" t="s">
        <v>165436</v>
      </c>
      <c r="J48852" s="1" t="s">
        <v>165670</v>
      </c>
    </row>
    <row r="48853" spans="1:10" x14ac:dyDescent="0.35">
      <c r="A48853" s="1" t="s">
        <v>55</v>
      </c>
      <c r="B48853" s="1" t="s">
        <v>165432</v>
      </c>
      <c r="C48853" s="1" t="s">
        <v>65</v>
      </c>
      <c r="D48853" s="1" t="s">
        <v>6330</v>
      </c>
      <c r="E48853" s="1" t="s">
        <v>165671</v>
      </c>
      <c r="F48853" s="1" t="s">
        <v>165672</v>
      </c>
      <c r="G48853" s="1" t="s">
        <v>165638</v>
      </c>
      <c r="H48853" s="1" t="s">
        <v>165639</v>
      </c>
      <c r="I48853" s="1" t="s">
        <v>165436</v>
      </c>
      <c r="J48853" s="1" t="s">
        <v>165673</v>
      </c>
    </row>
    <row r="48854" spans="1:10" x14ac:dyDescent="0.35">
      <c r="A48854" s="1" t="s">
        <v>55</v>
      </c>
      <c r="B48854" s="1" t="s">
        <v>165432</v>
      </c>
      <c r="C48854" s="1" t="s">
        <v>70</v>
      </c>
      <c r="D48854" s="1" t="s">
        <v>113421</v>
      </c>
      <c r="E48854" s="1" t="s">
        <v>165674</v>
      </c>
      <c r="F48854" s="1" t="s">
        <v>165675</v>
      </c>
      <c r="G48854" s="1" t="s">
        <v>165638</v>
      </c>
      <c r="H48854" s="1" t="s">
        <v>165639</v>
      </c>
      <c r="I48854" s="1" t="s">
        <v>165436</v>
      </c>
      <c r="J48854" s="1" t="s">
        <v>165676</v>
      </c>
    </row>
    <row r="48855" spans="1:10" x14ac:dyDescent="0.35">
      <c r="A48855" s="1" t="s">
        <v>55</v>
      </c>
      <c r="B48855" s="1" t="s">
        <v>165432</v>
      </c>
      <c r="C48855" s="1" t="s">
        <v>75</v>
      </c>
      <c r="D48855" s="1" t="s">
        <v>9858</v>
      </c>
      <c r="E48855" s="1" t="s">
        <v>165677</v>
      </c>
      <c r="F48855" s="1" t="s">
        <v>165678</v>
      </c>
      <c r="G48855" s="1" t="s">
        <v>165638</v>
      </c>
      <c r="H48855" s="1" t="s">
        <v>165639</v>
      </c>
      <c r="I48855" s="1" t="s">
        <v>165436</v>
      </c>
      <c r="J48855" s="1" t="s">
        <v>165679</v>
      </c>
    </row>
    <row r="48856" spans="1:10" x14ac:dyDescent="0.35">
      <c r="A48856" s="1" t="s">
        <v>55</v>
      </c>
      <c r="B48856" s="1" t="s">
        <v>165432</v>
      </c>
      <c r="C48856" s="1" t="s">
        <v>80</v>
      </c>
      <c r="D48856" s="1" t="s">
        <v>116460</v>
      </c>
      <c r="E48856" s="1" t="s">
        <v>165680</v>
      </c>
      <c r="F48856" s="1" t="s">
        <v>165681</v>
      </c>
      <c r="G48856" s="1" t="s">
        <v>165638</v>
      </c>
      <c r="H48856" s="1" t="s">
        <v>165639</v>
      </c>
      <c r="I48856" s="1" t="s">
        <v>165436</v>
      </c>
      <c r="J48856" s="1" t="s">
        <v>165682</v>
      </c>
    </row>
    <row r="48857" spans="1:10" x14ac:dyDescent="0.35">
      <c r="A48857" s="1" t="s">
        <v>55</v>
      </c>
      <c r="B48857" s="1" t="s">
        <v>165432</v>
      </c>
      <c r="C48857" s="1" t="s">
        <v>85</v>
      </c>
      <c r="D48857" s="1" t="s">
        <v>13844</v>
      </c>
      <c r="E48857" s="1" t="s">
        <v>165683</v>
      </c>
      <c r="F48857" s="1" t="s">
        <v>165684</v>
      </c>
      <c r="G48857" s="1" t="s">
        <v>165638</v>
      </c>
      <c r="H48857" s="1" t="s">
        <v>165639</v>
      </c>
      <c r="I48857" s="1" t="s">
        <v>165436</v>
      </c>
      <c r="J48857" s="1" t="s">
        <v>165685</v>
      </c>
    </row>
    <row r="48858" spans="1:10" x14ac:dyDescent="0.35">
      <c r="A48858" s="1" t="s">
        <v>55</v>
      </c>
      <c r="B48858" s="1" t="s">
        <v>165432</v>
      </c>
      <c r="C48858" s="1" t="s">
        <v>90</v>
      </c>
      <c r="D48858" s="1" t="s">
        <v>6131</v>
      </c>
      <c r="E48858" s="1" t="s">
        <v>165686</v>
      </c>
      <c r="F48858" s="1" t="s">
        <v>165687</v>
      </c>
      <c r="G48858" s="1" t="s">
        <v>165638</v>
      </c>
      <c r="H48858" s="1" t="s">
        <v>165639</v>
      </c>
      <c r="I48858" s="1" t="s">
        <v>165436</v>
      </c>
      <c r="J48858" s="1" t="s">
        <v>165688</v>
      </c>
    </row>
    <row r="48859" spans="1:10" x14ac:dyDescent="0.35">
      <c r="A48859" s="1" t="s">
        <v>55</v>
      </c>
      <c r="B48859" s="1" t="s">
        <v>165432</v>
      </c>
      <c r="C48859" s="1" t="s">
        <v>95</v>
      </c>
      <c r="D48859" s="1" t="s">
        <v>6206</v>
      </c>
      <c r="E48859" s="1" t="s">
        <v>165689</v>
      </c>
      <c r="F48859" s="1" t="s">
        <v>165690</v>
      </c>
      <c r="G48859" s="1" t="s">
        <v>165638</v>
      </c>
      <c r="H48859" s="1" t="s">
        <v>165639</v>
      </c>
      <c r="I48859" s="1" t="s">
        <v>165436</v>
      </c>
      <c r="J48859" s="1" t="s">
        <v>165691</v>
      </c>
    </row>
    <row r="48860" spans="1:10" x14ac:dyDescent="0.35">
      <c r="A48860" s="1" t="s">
        <v>55</v>
      </c>
      <c r="B48860" s="1" t="s">
        <v>165432</v>
      </c>
      <c r="C48860" s="1" t="s">
        <v>100</v>
      </c>
      <c r="D48860" s="1" t="s">
        <v>29970</v>
      </c>
      <c r="E48860" s="1" t="s">
        <v>165692</v>
      </c>
      <c r="F48860" s="1" t="s">
        <v>165693</v>
      </c>
      <c r="G48860" s="1" t="s">
        <v>165638</v>
      </c>
      <c r="H48860" s="1" t="s">
        <v>165639</v>
      </c>
      <c r="I48860" s="1" t="s">
        <v>165436</v>
      </c>
      <c r="J48860" s="1" t="s">
        <v>165694</v>
      </c>
    </row>
    <row r="48861" spans="1:10" x14ac:dyDescent="0.35">
      <c r="A48861" s="1" t="s">
        <v>55</v>
      </c>
      <c r="B48861" s="1" t="s">
        <v>165432</v>
      </c>
      <c r="C48861" s="1" t="s">
        <v>105</v>
      </c>
      <c r="D48861" s="1" t="s">
        <v>133742</v>
      </c>
      <c r="E48861" s="1" t="s">
        <v>165695</v>
      </c>
      <c r="F48861" s="1" t="s">
        <v>165696</v>
      </c>
      <c r="G48861" s="1" t="s">
        <v>165638</v>
      </c>
      <c r="H48861" s="1" t="s">
        <v>165639</v>
      </c>
      <c r="I48861" s="1" t="s">
        <v>165436</v>
      </c>
      <c r="J48861" s="1" t="s">
        <v>165697</v>
      </c>
    </row>
    <row r="48862" spans="1:10" x14ac:dyDescent="0.35">
      <c r="A48862" s="1" t="s">
        <v>55</v>
      </c>
      <c r="B48862" s="1" t="s">
        <v>165432</v>
      </c>
      <c r="C48862" s="1" t="s">
        <v>110</v>
      </c>
      <c r="D48862" s="1" t="s">
        <v>25583</v>
      </c>
      <c r="E48862" s="1" t="s">
        <v>165698</v>
      </c>
      <c r="F48862" s="1" t="s">
        <v>165699</v>
      </c>
      <c r="G48862" s="1" t="s">
        <v>165638</v>
      </c>
      <c r="H48862" s="1" t="s">
        <v>165639</v>
      </c>
      <c r="I48862" s="1" t="s">
        <v>165436</v>
      </c>
      <c r="J48862" s="1" t="s">
        <v>165700</v>
      </c>
    </row>
    <row r="48863" spans="1:10" x14ac:dyDescent="0.35">
      <c r="A48863" s="1" t="s">
        <v>55</v>
      </c>
      <c r="B48863" s="1" t="s">
        <v>165432</v>
      </c>
      <c r="C48863" s="1" t="s">
        <v>115</v>
      </c>
      <c r="D48863" s="1" t="s">
        <v>28026</v>
      </c>
      <c r="E48863" s="1" t="s">
        <v>165701</v>
      </c>
      <c r="F48863" s="1" t="s">
        <v>165702</v>
      </c>
      <c r="G48863" s="1" t="s">
        <v>165638</v>
      </c>
      <c r="H48863" s="1" t="s">
        <v>165639</v>
      </c>
      <c r="I48863" s="1" t="s">
        <v>165436</v>
      </c>
      <c r="J48863" s="1" t="s">
        <v>165703</v>
      </c>
    </row>
    <row r="48864" spans="1:10" x14ac:dyDescent="0.35">
      <c r="A48864" s="1" t="s">
        <v>55</v>
      </c>
      <c r="B48864" s="1" t="s">
        <v>165432</v>
      </c>
      <c r="C48864" s="1" t="s">
        <v>120</v>
      </c>
      <c r="D48864" s="1" t="s">
        <v>115826</v>
      </c>
      <c r="E48864" s="1" t="s">
        <v>165704</v>
      </c>
      <c r="F48864" s="1" t="s">
        <v>165705</v>
      </c>
      <c r="G48864" s="1" t="s">
        <v>165638</v>
      </c>
      <c r="H48864" s="1" t="s">
        <v>165639</v>
      </c>
      <c r="I48864" s="1" t="s">
        <v>165436</v>
      </c>
      <c r="J48864" s="1" t="s">
        <v>165706</v>
      </c>
    </row>
    <row r="48865" spans="1:10" x14ac:dyDescent="0.35">
      <c r="A48865" s="1" t="s">
        <v>55</v>
      </c>
      <c r="B48865" s="1" t="s">
        <v>165432</v>
      </c>
      <c r="C48865" s="1" t="s">
        <v>125</v>
      </c>
      <c r="D48865" s="1" t="s">
        <v>119006</v>
      </c>
      <c r="E48865" s="1" t="s">
        <v>165707</v>
      </c>
      <c r="F48865" s="1" t="s">
        <v>165708</v>
      </c>
      <c r="G48865" s="1" t="s">
        <v>165638</v>
      </c>
      <c r="H48865" s="1" t="s">
        <v>165639</v>
      </c>
      <c r="I48865" s="1" t="s">
        <v>165436</v>
      </c>
      <c r="J48865" s="1" t="s">
        <v>165709</v>
      </c>
    </row>
    <row r="48866" spans="1:10" x14ac:dyDescent="0.35">
      <c r="A48866" s="1" t="s">
        <v>55</v>
      </c>
      <c r="B48866" s="1" t="s">
        <v>165432</v>
      </c>
      <c r="C48866" s="1" t="s">
        <v>130</v>
      </c>
      <c r="D48866" s="1" t="s">
        <v>80</v>
      </c>
      <c r="E48866" s="1" t="s">
        <v>165710</v>
      </c>
      <c r="F48866" s="1" t="s">
        <v>165711</v>
      </c>
      <c r="G48866" s="1" t="s">
        <v>165638</v>
      </c>
      <c r="H48866" s="1" t="s">
        <v>165639</v>
      </c>
      <c r="I48866" s="1" t="s">
        <v>165436</v>
      </c>
      <c r="J48866" s="1" t="s">
        <v>165712</v>
      </c>
    </row>
    <row r="48867" spans="1:10" x14ac:dyDescent="0.35">
      <c r="A48867" s="1" t="s">
        <v>55</v>
      </c>
      <c r="B48867" s="1" t="s">
        <v>165432</v>
      </c>
      <c r="C48867" s="1" t="s">
        <v>135</v>
      </c>
      <c r="D48867" s="1" t="s">
        <v>165576</v>
      </c>
      <c r="E48867" s="1" t="s">
        <v>165713</v>
      </c>
      <c r="F48867" s="1" t="s">
        <v>165714</v>
      </c>
      <c r="G48867" s="1" t="s">
        <v>165638</v>
      </c>
      <c r="H48867" s="1" t="s">
        <v>165639</v>
      </c>
      <c r="I48867" s="1" t="s">
        <v>165436</v>
      </c>
      <c r="J48867" s="1" t="s">
        <v>165715</v>
      </c>
    </row>
    <row r="48868" spans="1:10" x14ac:dyDescent="0.35">
      <c r="A48868" s="1" t="s">
        <v>55</v>
      </c>
      <c r="B48868" s="1" t="s">
        <v>165432</v>
      </c>
      <c r="C48868" s="1" t="s">
        <v>140</v>
      </c>
      <c r="D48868" s="1" t="s">
        <v>3888</v>
      </c>
      <c r="E48868" s="1" t="s">
        <v>165716</v>
      </c>
      <c r="F48868" s="1" t="s">
        <v>165717</v>
      </c>
      <c r="G48868" s="1" t="s">
        <v>165638</v>
      </c>
      <c r="H48868" s="1" t="s">
        <v>165639</v>
      </c>
      <c r="I48868" s="1" t="s">
        <v>165436</v>
      </c>
      <c r="J48868" s="1" t="s">
        <v>165718</v>
      </c>
    </row>
    <row r="48869" spans="1:10" x14ac:dyDescent="0.35">
      <c r="A48869" s="1" t="s">
        <v>55</v>
      </c>
      <c r="B48869" s="1" t="s">
        <v>165432</v>
      </c>
      <c r="C48869" s="1" t="s">
        <v>145</v>
      </c>
      <c r="D48869" s="1" t="s">
        <v>4380</v>
      </c>
      <c r="E48869" s="1" t="s">
        <v>165719</v>
      </c>
      <c r="F48869" s="1" t="s">
        <v>165720</v>
      </c>
      <c r="G48869" s="1" t="s">
        <v>165638</v>
      </c>
      <c r="H48869" s="1" t="s">
        <v>165639</v>
      </c>
      <c r="I48869" s="1" t="s">
        <v>165436</v>
      </c>
      <c r="J48869" s="1" t="s">
        <v>165721</v>
      </c>
    </row>
    <row r="48870" spans="1:10" x14ac:dyDescent="0.35">
      <c r="A48870" s="1" t="s">
        <v>55</v>
      </c>
      <c r="B48870" s="1" t="s">
        <v>165432</v>
      </c>
      <c r="C48870" s="1" t="s">
        <v>150</v>
      </c>
      <c r="D48870" s="1" t="s">
        <v>120030</v>
      </c>
      <c r="E48870" s="1" t="s">
        <v>165722</v>
      </c>
      <c r="F48870" s="1" t="s">
        <v>165723</v>
      </c>
      <c r="G48870" s="1" t="s">
        <v>165638</v>
      </c>
      <c r="H48870" s="1" t="s">
        <v>165639</v>
      </c>
      <c r="I48870" s="1" t="s">
        <v>165436</v>
      </c>
      <c r="J48870" s="1" t="s">
        <v>165724</v>
      </c>
    </row>
    <row r="48871" spans="1:10" x14ac:dyDescent="0.35">
      <c r="A48871" s="1" t="s">
        <v>55</v>
      </c>
      <c r="B48871" s="1" t="s">
        <v>165432</v>
      </c>
      <c r="C48871" s="1" t="s">
        <v>155</v>
      </c>
      <c r="D48871" s="1" t="s">
        <v>324</v>
      </c>
      <c r="E48871" s="1" t="s">
        <v>165725</v>
      </c>
      <c r="F48871" s="1" t="s">
        <v>165726</v>
      </c>
      <c r="G48871" s="1" t="s">
        <v>165638</v>
      </c>
      <c r="H48871" s="1" t="s">
        <v>165639</v>
      </c>
      <c r="I48871" s="1" t="s">
        <v>165436</v>
      </c>
      <c r="J48871" s="1" t="s">
        <v>165727</v>
      </c>
    </row>
    <row r="48872" spans="1:10" x14ac:dyDescent="0.35">
      <c r="A48872" s="1" t="s">
        <v>55</v>
      </c>
      <c r="B48872" s="1" t="s">
        <v>165432</v>
      </c>
      <c r="C48872" s="1" t="s">
        <v>160</v>
      </c>
      <c r="D48872" s="1" t="s">
        <v>51749</v>
      </c>
      <c r="E48872" s="1" t="s">
        <v>165728</v>
      </c>
      <c r="F48872" s="1" t="s">
        <v>165729</v>
      </c>
      <c r="G48872" s="1" t="s">
        <v>165638</v>
      </c>
      <c r="H48872" s="1" t="s">
        <v>165639</v>
      </c>
      <c r="I48872" s="1" t="s">
        <v>165436</v>
      </c>
      <c r="J48872" s="1" t="s">
        <v>165730</v>
      </c>
    </row>
    <row r="48873" spans="1:10" x14ac:dyDescent="0.35">
      <c r="A48873" s="1" t="s">
        <v>55</v>
      </c>
      <c r="B48873" s="1" t="s">
        <v>165432</v>
      </c>
      <c r="C48873" s="1" t="s">
        <v>165</v>
      </c>
      <c r="D48873" s="1" t="s">
        <v>110559</v>
      </c>
      <c r="E48873" s="1" t="s">
        <v>165731</v>
      </c>
      <c r="F48873" s="1" t="s">
        <v>44513</v>
      </c>
      <c r="G48873" s="1" t="s">
        <v>165638</v>
      </c>
      <c r="H48873" s="1" t="s">
        <v>165639</v>
      </c>
      <c r="I48873" s="1" t="s">
        <v>165436</v>
      </c>
      <c r="J48873" s="1" t="s">
        <v>165732</v>
      </c>
    </row>
    <row r="48874" spans="1:10" x14ac:dyDescent="0.35">
      <c r="A48874" s="1" t="s">
        <v>55</v>
      </c>
      <c r="B48874" s="1" t="s">
        <v>165432</v>
      </c>
      <c r="C48874" s="1" t="s">
        <v>170</v>
      </c>
      <c r="D48874" s="1" t="s">
        <v>27767</v>
      </c>
      <c r="E48874" s="1" t="s">
        <v>165733</v>
      </c>
      <c r="F48874" s="1" t="s">
        <v>165734</v>
      </c>
      <c r="G48874" s="1" t="s">
        <v>165638</v>
      </c>
      <c r="H48874" s="1" t="s">
        <v>165639</v>
      </c>
      <c r="I48874" s="1" t="s">
        <v>165436</v>
      </c>
      <c r="J48874" s="1" t="s">
        <v>165735</v>
      </c>
    </row>
    <row r="48875" spans="1:10" x14ac:dyDescent="0.35">
      <c r="A48875" s="1" t="s">
        <v>60</v>
      </c>
      <c r="B48875" s="1" t="s">
        <v>165432</v>
      </c>
      <c r="C48875" s="1" t="s">
        <v>8</v>
      </c>
      <c r="D48875" s="1" t="s">
        <v>47168</v>
      </c>
      <c r="E48875" s="1" t="s">
        <v>165736</v>
      </c>
      <c r="F48875" s="1" t="s">
        <v>165737</v>
      </c>
      <c r="G48875" s="1" t="s">
        <v>165738</v>
      </c>
      <c r="H48875" s="1" t="s">
        <v>165739</v>
      </c>
      <c r="I48875" s="1" t="s">
        <v>165436</v>
      </c>
      <c r="J48875" s="1" t="s">
        <v>13</v>
      </c>
    </row>
    <row r="48876" spans="1:10" x14ac:dyDescent="0.35">
      <c r="A48876" s="1" t="s">
        <v>60</v>
      </c>
      <c r="B48876" s="1" t="s">
        <v>165432</v>
      </c>
      <c r="C48876" s="1" t="s">
        <v>15</v>
      </c>
      <c r="D48876" s="1" t="s">
        <v>45105</v>
      </c>
      <c r="E48876" s="1" t="s">
        <v>165740</v>
      </c>
      <c r="F48876" s="1" t="s">
        <v>165741</v>
      </c>
      <c r="G48876" s="1" t="s">
        <v>165738</v>
      </c>
      <c r="H48876" s="1" t="s">
        <v>165739</v>
      </c>
      <c r="I48876" s="1" t="s">
        <v>165436</v>
      </c>
      <c r="J48876" s="1" t="s">
        <v>165742</v>
      </c>
    </row>
    <row r="48877" spans="1:10" x14ac:dyDescent="0.35">
      <c r="A48877" s="1" t="s">
        <v>60</v>
      </c>
      <c r="B48877" s="1" t="s">
        <v>165432</v>
      </c>
      <c r="C48877" s="1" t="s">
        <v>20</v>
      </c>
      <c r="D48877" s="1" t="s">
        <v>12036</v>
      </c>
      <c r="E48877" s="1" t="s">
        <v>165743</v>
      </c>
      <c r="F48877" s="1" t="s">
        <v>165744</v>
      </c>
      <c r="G48877" s="1" t="s">
        <v>165738</v>
      </c>
      <c r="H48877" s="1" t="s">
        <v>165739</v>
      </c>
      <c r="I48877" s="1" t="s">
        <v>165436</v>
      </c>
      <c r="J48877" s="1" t="s">
        <v>165745</v>
      </c>
    </row>
    <row r="48878" spans="1:10" x14ac:dyDescent="0.35">
      <c r="A48878" s="1" t="s">
        <v>60</v>
      </c>
      <c r="B48878" s="1" t="s">
        <v>165432</v>
      </c>
      <c r="C48878" s="1" t="s">
        <v>25</v>
      </c>
      <c r="D48878" s="1" t="s">
        <v>46807</v>
      </c>
      <c r="E48878" s="1" t="s">
        <v>165746</v>
      </c>
      <c r="F48878" s="1" t="s">
        <v>165747</v>
      </c>
      <c r="G48878" s="1" t="s">
        <v>165738</v>
      </c>
      <c r="H48878" s="1" t="s">
        <v>165739</v>
      </c>
      <c r="I48878" s="1" t="s">
        <v>165436</v>
      </c>
      <c r="J48878" s="1" t="s">
        <v>165748</v>
      </c>
    </row>
    <row r="48879" spans="1:10" x14ac:dyDescent="0.35">
      <c r="A48879" s="1" t="s">
        <v>60</v>
      </c>
      <c r="B48879" s="1" t="s">
        <v>165432</v>
      </c>
      <c r="C48879" s="1" t="s">
        <v>30</v>
      </c>
      <c r="D48879" s="1" t="s">
        <v>100718</v>
      </c>
      <c r="E48879" s="1" t="s">
        <v>165749</v>
      </c>
      <c r="F48879" s="1" t="s">
        <v>165750</v>
      </c>
      <c r="G48879" s="1" t="s">
        <v>165738</v>
      </c>
      <c r="H48879" s="1" t="s">
        <v>165739</v>
      </c>
      <c r="I48879" s="1" t="s">
        <v>165436</v>
      </c>
      <c r="J48879" s="1" t="s">
        <v>165751</v>
      </c>
    </row>
    <row r="48880" spans="1:10" x14ac:dyDescent="0.35">
      <c r="A48880" s="1" t="s">
        <v>60</v>
      </c>
      <c r="B48880" s="1" t="s">
        <v>165432</v>
      </c>
      <c r="C48880" s="1" t="s">
        <v>35</v>
      </c>
      <c r="D48880" s="1" t="s">
        <v>101392</v>
      </c>
      <c r="E48880" s="1" t="s">
        <v>165752</v>
      </c>
      <c r="F48880" s="1" t="s">
        <v>165753</v>
      </c>
      <c r="G48880" s="1" t="s">
        <v>165738</v>
      </c>
      <c r="H48880" s="1" t="s">
        <v>165739</v>
      </c>
      <c r="I48880" s="1" t="s">
        <v>165436</v>
      </c>
      <c r="J48880" s="1" t="s">
        <v>165754</v>
      </c>
    </row>
    <row r="48881" spans="1:10" x14ac:dyDescent="0.35">
      <c r="A48881" s="1" t="s">
        <v>60</v>
      </c>
      <c r="B48881" s="1" t="s">
        <v>165432</v>
      </c>
      <c r="C48881" s="1" t="s">
        <v>40</v>
      </c>
      <c r="D48881" s="1" t="s">
        <v>158626</v>
      </c>
      <c r="E48881" s="1" t="s">
        <v>165755</v>
      </c>
      <c r="F48881" s="1" t="s">
        <v>165756</v>
      </c>
      <c r="G48881" s="1" t="s">
        <v>165738</v>
      </c>
      <c r="H48881" s="1" t="s">
        <v>165739</v>
      </c>
      <c r="I48881" s="1" t="s">
        <v>165436</v>
      </c>
      <c r="J48881" s="1" t="s">
        <v>165757</v>
      </c>
    </row>
    <row r="48882" spans="1:10" x14ac:dyDescent="0.35">
      <c r="A48882" s="1" t="s">
        <v>60</v>
      </c>
      <c r="B48882" s="1" t="s">
        <v>165432</v>
      </c>
      <c r="C48882" s="1" t="s">
        <v>45</v>
      </c>
      <c r="D48882" s="1" t="s">
        <v>12024</v>
      </c>
      <c r="E48882" s="1" t="s">
        <v>165758</v>
      </c>
      <c r="F48882" s="1" t="s">
        <v>165759</v>
      </c>
      <c r="G48882" s="1" t="s">
        <v>165738</v>
      </c>
      <c r="H48882" s="1" t="s">
        <v>165739</v>
      </c>
      <c r="I48882" s="1" t="s">
        <v>165436</v>
      </c>
      <c r="J48882" s="1" t="s">
        <v>165760</v>
      </c>
    </row>
    <row r="48883" spans="1:10" x14ac:dyDescent="0.35">
      <c r="A48883" s="1" t="s">
        <v>60</v>
      </c>
      <c r="B48883" s="1" t="s">
        <v>165432</v>
      </c>
      <c r="C48883" s="1" t="s">
        <v>50</v>
      </c>
      <c r="D48883" s="1" t="s">
        <v>25692</v>
      </c>
      <c r="E48883" s="1" t="s">
        <v>165761</v>
      </c>
      <c r="F48883" s="1" t="s">
        <v>165762</v>
      </c>
      <c r="G48883" s="1" t="s">
        <v>165738</v>
      </c>
      <c r="H48883" s="1" t="s">
        <v>165739</v>
      </c>
      <c r="I48883" s="1" t="s">
        <v>165436</v>
      </c>
      <c r="J48883" s="1" t="s">
        <v>165763</v>
      </c>
    </row>
    <row r="48884" spans="1:10" x14ac:dyDescent="0.35">
      <c r="A48884" s="1" t="s">
        <v>60</v>
      </c>
      <c r="B48884" s="1" t="s">
        <v>165432</v>
      </c>
      <c r="C48884" s="1" t="s">
        <v>55</v>
      </c>
      <c r="D48884" s="1" t="s">
        <v>6286</v>
      </c>
      <c r="E48884" s="1" t="s">
        <v>165764</v>
      </c>
      <c r="F48884" s="1" t="s">
        <v>165765</v>
      </c>
      <c r="G48884" s="1" t="s">
        <v>165738</v>
      </c>
      <c r="H48884" s="1" t="s">
        <v>165739</v>
      </c>
      <c r="I48884" s="1" t="s">
        <v>165436</v>
      </c>
      <c r="J48884" s="1" t="s">
        <v>165766</v>
      </c>
    </row>
    <row r="48885" spans="1:10" x14ac:dyDescent="0.35">
      <c r="A48885" s="1" t="s">
        <v>60</v>
      </c>
      <c r="B48885" s="1" t="s">
        <v>165432</v>
      </c>
      <c r="C48885" s="1" t="s">
        <v>60</v>
      </c>
      <c r="D48885" s="1" t="s">
        <v>6351</v>
      </c>
      <c r="E48885" s="1" t="s">
        <v>165767</v>
      </c>
      <c r="F48885" s="1" t="s">
        <v>165768</v>
      </c>
      <c r="G48885" s="1" t="s">
        <v>165738</v>
      </c>
      <c r="H48885" s="1" t="s">
        <v>165739</v>
      </c>
      <c r="I48885" s="1" t="s">
        <v>165436</v>
      </c>
      <c r="J48885" s="1" t="s">
        <v>165769</v>
      </c>
    </row>
    <row r="48886" spans="1:10" x14ac:dyDescent="0.35">
      <c r="A48886" s="1" t="s">
        <v>60</v>
      </c>
      <c r="B48886" s="1" t="s">
        <v>165432</v>
      </c>
      <c r="C48886" s="1" t="s">
        <v>65</v>
      </c>
      <c r="D48886" s="1" t="s">
        <v>13920</v>
      </c>
      <c r="E48886" s="1" t="s">
        <v>165770</v>
      </c>
      <c r="F48886" s="1" t="s">
        <v>165771</v>
      </c>
      <c r="G48886" s="1" t="s">
        <v>165738</v>
      </c>
      <c r="H48886" s="1" t="s">
        <v>165739</v>
      </c>
      <c r="I48886" s="1" t="s">
        <v>165436</v>
      </c>
      <c r="J48886" s="1" t="s">
        <v>165772</v>
      </c>
    </row>
    <row r="48887" spans="1:10" x14ac:dyDescent="0.35">
      <c r="A48887" s="1" t="s">
        <v>60</v>
      </c>
      <c r="B48887" s="1" t="s">
        <v>165432</v>
      </c>
      <c r="C48887" s="1" t="s">
        <v>70</v>
      </c>
      <c r="D48887" s="1" t="s">
        <v>1162</v>
      </c>
      <c r="E48887" s="1" t="s">
        <v>165773</v>
      </c>
      <c r="F48887" s="1" t="s">
        <v>165774</v>
      </c>
      <c r="G48887" s="1" t="s">
        <v>165738</v>
      </c>
      <c r="H48887" s="1" t="s">
        <v>165739</v>
      </c>
      <c r="I48887" s="1" t="s">
        <v>165436</v>
      </c>
      <c r="J48887" s="1" t="s">
        <v>165775</v>
      </c>
    </row>
    <row r="48888" spans="1:10" x14ac:dyDescent="0.35">
      <c r="A48888" s="1" t="s">
        <v>60</v>
      </c>
      <c r="B48888" s="1" t="s">
        <v>165432</v>
      </c>
      <c r="C48888" s="1" t="s">
        <v>75</v>
      </c>
      <c r="D48888" s="1" t="s">
        <v>6183</v>
      </c>
      <c r="E48888" s="1" t="s">
        <v>165776</v>
      </c>
      <c r="F48888" s="1" t="s">
        <v>165777</v>
      </c>
      <c r="G48888" s="1" t="s">
        <v>165738</v>
      </c>
      <c r="H48888" s="1" t="s">
        <v>165739</v>
      </c>
      <c r="I48888" s="1" t="s">
        <v>165436</v>
      </c>
      <c r="J48888" s="1" t="s">
        <v>29391</v>
      </c>
    </row>
    <row r="48889" spans="1:10" x14ac:dyDescent="0.35">
      <c r="A48889" s="1" t="s">
        <v>60</v>
      </c>
      <c r="B48889" s="1" t="s">
        <v>165432</v>
      </c>
      <c r="C48889" s="1" t="s">
        <v>80</v>
      </c>
      <c r="D48889" s="1" t="s">
        <v>9345</v>
      </c>
      <c r="E48889" s="1" t="s">
        <v>165778</v>
      </c>
      <c r="F48889" s="1" t="s">
        <v>165779</v>
      </c>
      <c r="G48889" s="1" t="s">
        <v>165738</v>
      </c>
      <c r="H48889" s="1" t="s">
        <v>165739</v>
      </c>
      <c r="I48889" s="1" t="s">
        <v>165436</v>
      </c>
      <c r="J48889" s="1" t="s">
        <v>165780</v>
      </c>
    </row>
    <row r="48890" spans="1:10" x14ac:dyDescent="0.35">
      <c r="A48890" s="1" t="s">
        <v>60</v>
      </c>
      <c r="B48890" s="1" t="s">
        <v>165432</v>
      </c>
      <c r="C48890" s="1" t="s">
        <v>85</v>
      </c>
      <c r="D48890" s="1" t="s">
        <v>29263</v>
      </c>
      <c r="E48890" s="1" t="s">
        <v>165781</v>
      </c>
      <c r="F48890" s="1" t="s">
        <v>165782</v>
      </c>
      <c r="G48890" s="1" t="s">
        <v>165738</v>
      </c>
      <c r="H48890" s="1" t="s">
        <v>165739</v>
      </c>
      <c r="I48890" s="1" t="s">
        <v>165436</v>
      </c>
      <c r="J48890" s="1" t="s">
        <v>165783</v>
      </c>
    </row>
    <row r="48891" spans="1:10" x14ac:dyDescent="0.35">
      <c r="A48891" s="1" t="s">
        <v>60</v>
      </c>
      <c r="B48891" s="1" t="s">
        <v>165432</v>
      </c>
      <c r="C48891" s="1" t="s">
        <v>90</v>
      </c>
      <c r="D48891" s="1" t="s">
        <v>139997</v>
      </c>
      <c r="E48891" s="1" t="s">
        <v>165784</v>
      </c>
      <c r="F48891" s="1" t="s">
        <v>165785</v>
      </c>
      <c r="G48891" s="1" t="s">
        <v>165738</v>
      </c>
      <c r="H48891" s="1" t="s">
        <v>165739</v>
      </c>
      <c r="I48891" s="1" t="s">
        <v>165436</v>
      </c>
      <c r="J48891" s="1" t="s">
        <v>165786</v>
      </c>
    </row>
    <row r="48892" spans="1:10" x14ac:dyDescent="0.35">
      <c r="A48892" s="1" t="s">
        <v>60</v>
      </c>
      <c r="B48892" s="1" t="s">
        <v>165432</v>
      </c>
      <c r="C48892" s="1" t="s">
        <v>95</v>
      </c>
      <c r="D48892" s="1" t="s">
        <v>2155</v>
      </c>
      <c r="E48892" s="1" t="s">
        <v>165787</v>
      </c>
      <c r="F48892" s="1" t="s">
        <v>165788</v>
      </c>
      <c r="G48892" s="1" t="s">
        <v>165738</v>
      </c>
      <c r="H48892" s="1" t="s">
        <v>165739</v>
      </c>
      <c r="I48892" s="1" t="s">
        <v>165436</v>
      </c>
      <c r="J48892" s="1" t="s">
        <v>165789</v>
      </c>
    </row>
    <row r="48893" spans="1:10" x14ac:dyDescent="0.35">
      <c r="A48893" s="1" t="s">
        <v>60</v>
      </c>
      <c r="B48893" s="1" t="s">
        <v>165432</v>
      </c>
      <c r="C48893" s="1" t="s">
        <v>100</v>
      </c>
      <c r="D48893" s="1" t="s">
        <v>146033</v>
      </c>
      <c r="E48893" s="1" t="s">
        <v>165790</v>
      </c>
      <c r="F48893" s="1" t="s">
        <v>165791</v>
      </c>
      <c r="G48893" s="1" t="s">
        <v>165738</v>
      </c>
      <c r="H48893" s="1" t="s">
        <v>165739</v>
      </c>
      <c r="I48893" s="1" t="s">
        <v>165436</v>
      </c>
      <c r="J48893" s="1" t="s">
        <v>165792</v>
      </c>
    </row>
    <row r="48894" spans="1:10" x14ac:dyDescent="0.35">
      <c r="A48894" s="1" t="s">
        <v>60</v>
      </c>
      <c r="B48894" s="1" t="s">
        <v>165432</v>
      </c>
      <c r="C48894" s="1" t="s">
        <v>105</v>
      </c>
      <c r="D48894" s="1" t="s">
        <v>8499</v>
      </c>
      <c r="E48894" s="1" t="s">
        <v>165793</v>
      </c>
      <c r="F48894" s="1" t="s">
        <v>165794</v>
      </c>
      <c r="G48894" s="1" t="s">
        <v>165738</v>
      </c>
      <c r="H48894" s="1" t="s">
        <v>165739</v>
      </c>
      <c r="I48894" s="1" t="s">
        <v>165436</v>
      </c>
      <c r="J48894" s="1" t="s">
        <v>165795</v>
      </c>
    </row>
    <row r="48895" spans="1:10" x14ac:dyDescent="0.35">
      <c r="A48895" s="1" t="s">
        <v>60</v>
      </c>
      <c r="B48895" s="1" t="s">
        <v>165432</v>
      </c>
      <c r="C48895" s="1" t="s">
        <v>110</v>
      </c>
      <c r="D48895" s="1" t="s">
        <v>40</v>
      </c>
      <c r="E48895" s="1" t="s">
        <v>165796</v>
      </c>
      <c r="F48895" s="1" t="s">
        <v>165797</v>
      </c>
      <c r="G48895" s="1" t="s">
        <v>165738</v>
      </c>
      <c r="H48895" s="1" t="s">
        <v>165739</v>
      </c>
      <c r="I48895" s="1" t="s">
        <v>165436</v>
      </c>
      <c r="J48895" s="1" t="s">
        <v>165798</v>
      </c>
    </row>
    <row r="48896" spans="1:10" x14ac:dyDescent="0.35">
      <c r="A48896" s="1" t="s">
        <v>60</v>
      </c>
      <c r="B48896" s="1" t="s">
        <v>165432</v>
      </c>
      <c r="C48896" s="1" t="s">
        <v>115</v>
      </c>
      <c r="D48896" s="1" t="s">
        <v>25488</v>
      </c>
      <c r="E48896" s="1" t="s">
        <v>165799</v>
      </c>
      <c r="F48896" s="1" t="s">
        <v>165800</v>
      </c>
      <c r="G48896" s="1" t="s">
        <v>165738</v>
      </c>
      <c r="H48896" s="1" t="s">
        <v>165739</v>
      </c>
      <c r="I48896" s="1" t="s">
        <v>165436</v>
      </c>
      <c r="J48896" s="1" t="s">
        <v>165801</v>
      </c>
    </row>
    <row r="48897" spans="1:10" x14ac:dyDescent="0.35">
      <c r="A48897" s="1" t="s">
        <v>60</v>
      </c>
      <c r="B48897" s="1" t="s">
        <v>165432</v>
      </c>
      <c r="C48897" s="1" t="s">
        <v>120</v>
      </c>
      <c r="D48897" s="1" t="s">
        <v>10087</v>
      </c>
      <c r="E48897" s="1" t="s">
        <v>165802</v>
      </c>
      <c r="F48897" s="1" t="s">
        <v>165803</v>
      </c>
      <c r="G48897" s="1" t="s">
        <v>165738</v>
      </c>
      <c r="H48897" s="1" t="s">
        <v>165739</v>
      </c>
      <c r="I48897" s="1" t="s">
        <v>165436</v>
      </c>
      <c r="J48897" s="1" t="s">
        <v>165804</v>
      </c>
    </row>
    <row r="48898" spans="1:10" x14ac:dyDescent="0.35">
      <c r="A48898" s="1" t="s">
        <v>60</v>
      </c>
      <c r="B48898" s="1" t="s">
        <v>165432</v>
      </c>
      <c r="C48898" s="1" t="s">
        <v>125</v>
      </c>
      <c r="D48898" s="1" t="s">
        <v>165805</v>
      </c>
      <c r="E48898" s="1" t="s">
        <v>165806</v>
      </c>
      <c r="F48898" s="1" t="s">
        <v>165807</v>
      </c>
      <c r="G48898" s="1" t="s">
        <v>165738</v>
      </c>
      <c r="H48898" s="1" t="s">
        <v>165739</v>
      </c>
      <c r="I48898" s="1" t="s">
        <v>165436</v>
      </c>
      <c r="J48898" s="1" t="s">
        <v>165808</v>
      </c>
    </row>
    <row r="48899" spans="1:10" x14ac:dyDescent="0.35">
      <c r="A48899" s="1" t="s">
        <v>60</v>
      </c>
      <c r="B48899" s="1" t="s">
        <v>165432</v>
      </c>
      <c r="C48899" s="1" t="s">
        <v>130</v>
      </c>
      <c r="D48899" s="1" t="s">
        <v>10098</v>
      </c>
      <c r="E48899" s="1" t="s">
        <v>165809</v>
      </c>
      <c r="F48899" s="1" t="s">
        <v>165810</v>
      </c>
      <c r="G48899" s="1" t="s">
        <v>165738</v>
      </c>
      <c r="H48899" s="1" t="s">
        <v>165739</v>
      </c>
      <c r="I48899" s="1" t="s">
        <v>165436</v>
      </c>
      <c r="J48899" s="1" t="s">
        <v>165811</v>
      </c>
    </row>
    <row r="48900" spans="1:10" x14ac:dyDescent="0.35">
      <c r="A48900" s="1" t="s">
        <v>60</v>
      </c>
      <c r="B48900" s="1" t="s">
        <v>165432</v>
      </c>
      <c r="C48900" s="1" t="s">
        <v>135</v>
      </c>
      <c r="D48900" s="1" t="s">
        <v>27399</v>
      </c>
      <c r="E48900" s="1" t="s">
        <v>165812</v>
      </c>
      <c r="F48900" s="1" t="s">
        <v>165813</v>
      </c>
      <c r="G48900" s="1" t="s">
        <v>165738</v>
      </c>
      <c r="H48900" s="1" t="s">
        <v>165739</v>
      </c>
      <c r="I48900" s="1" t="s">
        <v>165436</v>
      </c>
      <c r="J48900" s="1" t="s">
        <v>165814</v>
      </c>
    </row>
    <row r="48901" spans="1:10" x14ac:dyDescent="0.35">
      <c r="A48901" s="1" t="s">
        <v>60</v>
      </c>
      <c r="B48901" s="1" t="s">
        <v>165432</v>
      </c>
      <c r="C48901" s="1" t="s">
        <v>140</v>
      </c>
      <c r="D48901" s="1" t="s">
        <v>10278</v>
      </c>
      <c r="E48901" s="1" t="s">
        <v>165815</v>
      </c>
      <c r="F48901" s="1" t="s">
        <v>165816</v>
      </c>
      <c r="G48901" s="1" t="s">
        <v>165738</v>
      </c>
      <c r="H48901" s="1" t="s">
        <v>165739</v>
      </c>
      <c r="I48901" s="1" t="s">
        <v>165436</v>
      </c>
      <c r="J48901" s="1" t="s">
        <v>165817</v>
      </c>
    </row>
    <row r="48902" spans="1:10" x14ac:dyDescent="0.35">
      <c r="A48902" s="1" t="s">
        <v>60</v>
      </c>
      <c r="B48902" s="1" t="s">
        <v>165432</v>
      </c>
      <c r="C48902" s="1" t="s">
        <v>145</v>
      </c>
      <c r="D48902" s="1" t="s">
        <v>120891</v>
      </c>
      <c r="E48902" s="1" t="s">
        <v>165818</v>
      </c>
      <c r="F48902" s="1" t="s">
        <v>165819</v>
      </c>
      <c r="G48902" s="1" t="s">
        <v>165738</v>
      </c>
      <c r="H48902" s="1" t="s">
        <v>165739</v>
      </c>
      <c r="I48902" s="1" t="s">
        <v>165436</v>
      </c>
      <c r="J48902" s="1" t="s">
        <v>165820</v>
      </c>
    </row>
    <row r="48903" spans="1:10" x14ac:dyDescent="0.35">
      <c r="A48903" s="1" t="s">
        <v>60</v>
      </c>
      <c r="B48903" s="1" t="s">
        <v>165432</v>
      </c>
      <c r="C48903" s="1" t="s">
        <v>150</v>
      </c>
      <c r="D48903" s="1" t="s">
        <v>146269</v>
      </c>
      <c r="E48903" s="1" t="s">
        <v>165821</v>
      </c>
      <c r="F48903" s="1" t="s">
        <v>165822</v>
      </c>
      <c r="G48903" s="1" t="s">
        <v>165738</v>
      </c>
      <c r="H48903" s="1" t="s">
        <v>165739</v>
      </c>
      <c r="I48903" s="1" t="s">
        <v>165436</v>
      </c>
      <c r="J48903" s="1" t="s">
        <v>165823</v>
      </c>
    </row>
    <row r="48904" spans="1:10" x14ac:dyDescent="0.35">
      <c r="A48904" s="1" t="s">
        <v>60</v>
      </c>
      <c r="B48904" s="1" t="s">
        <v>165432</v>
      </c>
      <c r="C48904" s="1" t="s">
        <v>155</v>
      </c>
      <c r="D48904" s="1" t="s">
        <v>4693</v>
      </c>
      <c r="E48904" s="1" t="s">
        <v>165824</v>
      </c>
      <c r="F48904" s="1" t="s">
        <v>165825</v>
      </c>
      <c r="G48904" s="1" t="s">
        <v>165738</v>
      </c>
      <c r="H48904" s="1" t="s">
        <v>165739</v>
      </c>
      <c r="I48904" s="1" t="s">
        <v>165436</v>
      </c>
      <c r="J48904" s="1" t="s">
        <v>165826</v>
      </c>
    </row>
    <row r="48905" spans="1:10" x14ac:dyDescent="0.35">
      <c r="A48905" s="1" t="s">
        <v>60</v>
      </c>
      <c r="B48905" s="1" t="s">
        <v>165432</v>
      </c>
      <c r="C48905" s="1" t="s">
        <v>160</v>
      </c>
      <c r="D48905" s="1" t="s">
        <v>47067</v>
      </c>
      <c r="E48905" s="1" t="s">
        <v>165827</v>
      </c>
      <c r="F48905" s="1" t="s">
        <v>165828</v>
      </c>
      <c r="G48905" s="1" t="s">
        <v>165738</v>
      </c>
      <c r="H48905" s="1" t="s">
        <v>165739</v>
      </c>
      <c r="I48905" s="1" t="s">
        <v>165436</v>
      </c>
      <c r="J48905" s="1" t="s">
        <v>165829</v>
      </c>
    </row>
    <row r="48906" spans="1:10" x14ac:dyDescent="0.35">
      <c r="A48906" s="1" t="s">
        <v>60</v>
      </c>
      <c r="B48906" s="1" t="s">
        <v>165432</v>
      </c>
      <c r="C48906" s="1" t="s">
        <v>165</v>
      </c>
      <c r="D48906" s="1" t="s">
        <v>112522</v>
      </c>
      <c r="E48906" s="1" t="s">
        <v>165830</v>
      </c>
      <c r="F48906" s="1" t="s">
        <v>165831</v>
      </c>
      <c r="G48906" s="1" t="s">
        <v>165738</v>
      </c>
      <c r="H48906" s="1" t="s">
        <v>165739</v>
      </c>
      <c r="I48906" s="1" t="s">
        <v>165436</v>
      </c>
      <c r="J48906" s="1" t="s">
        <v>165832</v>
      </c>
    </row>
    <row r="48907" spans="1:10" x14ac:dyDescent="0.35">
      <c r="A48907" s="1" t="s">
        <v>60</v>
      </c>
      <c r="B48907" s="1" t="s">
        <v>165432</v>
      </c>
      <c r="C48907" s="1" t="s">
        <v>170</v>
      </c>
      <c r="D48907" s="1" t="s">
        <v>9956</v>
      </c>
      <c r="E48907" s="1" t="s">
        <v>165833</v>
      </c>
      <c r="F48907" s="1" t="s">
        <v>165834</v>
      </c>
      <c r="G48907" s="1" t="s">
        <v>165738</v>
      </c>
      <c r="H48907" s="1" t="s">
        <v>165739</v>
      </c>
      <c r="I48907" s="1" t="s">
        <v>165436</v>
      </c>
      <c r="J48907" s="1" t="s">
        <v>165835</v>
      </c>
    </row>
    <row r="48908" spans="1:10" x14ac:dyDescent="0.35">
      <c r="A48908" s="1" t="s">
        <v>65</v>
      </c>
      <c r="B48908" s="1" t="s">
        <v>165432</v>
      </c>
      <c r="C48908" s="1" t="s">
        <v>8</v>
      </c>
      <c r="D48908" s="1" t="s">
        <v>105443</v>
      </c>
      <c r="E48908" s="1" t="s">
        <v>165836</v>
      </c>
      <c r="F48908" s="1" t="s">
        <v>165837</v>
      </c>
      <c r="G48908" s="1" t="s">
        <v>165838</v>
      </c>
      <c r="H48908" s="1" t="s">
        <v>165839</v>
      </c>
      <c r="I48908" s="1" t="s">
        <v>165436</v>
      </c>
      <c r="J48908" s="1" t="s">
        <v>13</v>
      </c>
    </row>
    <row r="48909" spans="1:10" x14ac:dyDescent="0.35">
      <c r="A48909" s="1" t="s">
        <v>65</v>
      </c>
      <c r="B48909" s="1" t="s">
        <v>165432</v>
      </c>
      <c r="C48909" s="1" t="s">
        <v>15</v>
      </c>
      <c r="D48909" s="1" t="s">
        <v>6294</v>
      </c>
      <c r="E48909" s="1" t="s">
        <v>165840</v>
      </c>
      <c r="F48909" s="1" t="s">
        <v>165841</v>
      </c>
      <c r="G48909" s="1" t="s">
        <v>165838</v>
      </c>
      <c r="H48909" s="1" t="s">
        <v>165839</v>
      </c>
      <c r="I48909" s="1" t="s">
        <v>165436</v>
      </c>
      <c r="J48909" s="1" t="s">
        <v>165842</v>
      </c>
    </row>
    <row r="48910" spans="1:10" x14ac:dyDescent="0.35">
      <c r="A48910" s="1" t="s">
        <v>65</v>
      </c>
      <c r="B48910" s="1" t="s">
        <v>165432</v>
      </c>
      <c r="C48910" s="1" t="s">
        <v>20</v>
      </c>
      <c r="D48910" s="1" t="s">
        <v>46076</v>
      </c>
      <c r="E48910" s="1" t="s">
        <v>165843</v>
      </c>
      <c r="F48910" s="1" t="s">
        <v>165844</v>
      </c>
      <c r="G48910" s="1" t="s">
        <v>165838</v>
      </c>
      <c r="H48910" s="1" t="s">
        <v>165839</v>
      </c>
      <c r="I48910" s="1" t="s">
        <v>165436</v>
      </c>
      <c r="J48910" s="1" t="s">
        <v>165845</v>
      </c>
    </row>
    <row r="48911" spans="1:10" x14ac:dyDescent="0.35">
      <c r="A48911" s="1" t="s">
        <v>65</v>
      </c>
      <c r="B48911" s="1" t="s">
        <v>165432</v>
      </c>
      <c r="C48911" s="1" t="s">
        <v>25</v>
      </c>
      <c r="D48911" s="1" t="s">
        <v>45605</v>
      </c>
      <c r="E48911" s="1" t="s">
        <v>165846</v>
      </c>
      <c r="F48911" s="1" t="s">
        <v>165847</v>
      </c>
      <c r="G48911" s="1" t="s">
        <v>165838</v>
      </c>
      <c r="H48911" s="1" t="s">
        <v>165839</v>
      </c>
      <c r="I48911" s="1" t="s">
        <v>165436</v>
      </c>
      <c r="J48911" s="1" t="s">
        <v>165848</v>
      </c>
    </row>
    <row r="48912" spans="1:10" x14ac:dyDescent="0.35">
      <c r="A48912" s="1" t="s">
        <v>65</v>
      </c>
      <c r="B48912" s="1" t="s">
        <v>165432</v>
      </c>
      <c r="C48912" s="1" t="s">
        <v>30</v>
      </c>
      <c r="D48912" s="1" t="s">
        <v>6131</v>
      </c>
      <c r="E48912" s="1" t="s">
        <v>165849</v>
      </c>
      <c r="F48912" s="1" t="s">
        <v>165850</v>
      </c>
      <c r="G48912" s="1" t="s">
        <v>165838</v>
      </c>
      <c r="H48912" s="1" t="s">
        <v>165839</v>
      </c>
      <c r="I48912" s="1" t="s">
        <v>165436</v>
      </c>
      <c r="J48912" s="1" t="s">
        <v>165851</v>
      </c>
    </row>
    <row r="48913" spans="1:10" x14ac:dyDescent="0.35">
      <c r="A48913" s="1" t="s">
        <v>65</v>
      </c>
      <c r="B48913" s="1" t="s">
        <v>165432</v>
      </c>
      <c r="C48913" s="1" t="s">
        <v>35</v>
      </c>
      <c r="D48913" s="1" t="s">
        <v>6359</v>
      </c>
      <c r="E48913" s="1" t="s">
        <v>165852</v>
      </c>
      <c r="F48913" s="1" t="s">
        <v>165853</v>
      </c>
      <c r="G48913" s="1" t="s">
        <v>165838</v>
      </c>
      <c r="H48913" s="1" t="s">
        <v>165839</v>
      </c>
      <c r="I48913" s="1" t="s">
        <v>165436</v>
      </c>
      <c r="J48913" s="1" t="s">
        <v>165854</v>
      </c>
    </row>
    <row r="48914" spans="1:10" x14ac:dyDescent="0.35">
      <c r="A48914" s="1" t="s">
        <v>65</v>
      </c>
      <c r="B48914" s="1" t="s">
        <v>165432</v>
      </c>
      <c r="C48914" s="1" t="s">
        <v>40</v>
      </c>
      <c r="D48914" s="1" t="s">
        <v>123568</v>
      </c>
      <c r="E48914" s="1" t="s">
        <v>165855</v>
      </c>
      <c r="F48914" s="1" t="s">
        <v>165856</v>
      </c>
      <c r="G48914" s="1" t="s">
        <v>165838</v>
      </c>
      <c r="H48914" s="1" t="s">
        <v>165839</v>
      </c>
      <c r="I48914" s="1" t="s">
        <v>165436</v>
      </c>
      <c r="J48914" s="1" t="s">
        <v>165857</v>
      </c>
    </row>
    <row r="48915" spans="1:10" x14ac:dyDescent="0.35">
      <c r="A48915" s="1" t="s">
        <v>65</v>
      </c>
      <c r="B48915" s="1" t="s">
        <v>165432</v>
      </c>
      <c r="C48915" s="1" t="s">
        <v>45</v>
      </c>
      <c r="D48915" s="1" t="s">
        <v>29984</v>
      </c>
      <c r="E48915" s="1" t="s">
        <v>165858</v>
      </c>
      <c r="F48915" s="1" t="s">
        <v>165859</v>
      </c>
      <c r="G48915" s="1" t="s">
        <v>165838</v>
      </c>
      <c r="H48915" s="1" t="s">
        <v>165839</v>
      </c>
      <c r="I48915" s="1" t="s">
        <v>165436</v>
      </c>
      <c r="J48915" s="1" t="s">
        <v>165860</v>
      </c>
    </row>
    <row r="48916" spans="1:10" x14ac:dyDescent="0.35">
      <c r="A48916" s="1" t="s">
        <v>65</v>
      </c>
      <c r="B48916" s="1" t="s">
        <v>165432</v>
      </c>
      <c r="C48916" s="1" t="s">
        <v>50</v>
      </c>
      <c r="D48916" s="1" t="s">
        <v>111175</v>
      </c>
      <c r="E48916" s="1" t="s">
        <v>165861</v>
      </c>
      <c r="F48916" s="1" t="s">
        <v>165862</v>
      </c>
      <c r="G48916" s="1" t="s">
        <v>165838</v>
      </c>
      <c r="H48916" s="1" t="s">
        <v>165839</v>
      </c>
      <c r="I48916" s="1" t="s">
        <v>165436</v>
      </c>
      <c r="J48916" s="1" t="s">
        <v>165863</v>
      </c>
    </row>
    <row r="48917" spans="1:10" x14ac:dyDescent="0.35">
      <c r="A48917" s="1" t="s">
        <v>65</v>
      </c>
      <c r="B48917" s="1" t="s">
        <v>165432</v>
      </c>
      <c r="C48917" s="1" t="s">
        <v>55</v>
      </c>
      <c r="D48917" s="1" t="s">
        <v>13910</v>
      </c>
      <c r="E48917" s="1" t="s">
        <v>165864</v>
      </c>
      <c r="F48917" s="1" t="s">
        <v>165865</v>
      </c>
      <c r="G48917" s="1" t="s">
        <v>165838</v>
      </c>
      <c r="H48917" s="1" t="s">
        <v>165839</v>
      </c>
      <c r="I48917" s="1" t="s">
        <v>165436</v>
      </c>
      <c r="J48917" s="1" t="s">
        <v>165866</v>
      </c>
    </row>
    <row r="48918" spans="1:10" x14ac:dyDescent="0.35">
      <c r="A48918" s="1" t="s">
        <v>65</v>
      </c>
      <c r="B48918" s="1" t="s">
        <v>165432</v>
      </c>
      <c r="C48918" s="1" t="s">
        <v>60</v>
      </c>
      <c r="D48918" s="1" t="s">
        <v>28022</v>
      </c>
      <c r="E48918" s="1" t="s">
        <v>165867</v>
      </c>
      <c r="F48918" s="1" t="s">
        <v>165868</v>
      </c>
      <c r="G48918" s="1" t="s">
        <v>165838</v>
      </c>
      <c r="H48918" s="1" t="s">
        <v>165839</v>
      </c>
      <c r="I48918" s="1" t="s">
        <v>165436</v>
      </c>
      <c r="J48918" s="1" t="s">
        <v>165869</v>
      </c>
    </row>
    <row r="48919" spans="1:10" x14ac:dyDescent="0.35">
      <c r="A48919" s="1" t="s">
        <v>65</v>
      </c>
      <c r="B48919" s="1" t="s">
        <v>165432</v>
      </c>
      <c r="C48919" s="1" t="s">
        <v>65</v>
      </c>
      <c r="D48919" s="1" t="s">
        <v>9334</v>
      </c>
      <c r="E48919" s="1" t="s">
        <v>165870</v>
      </c>
      <c r="F48919" s="1" t="s">
        <v>165871</v>
      </c>
      <c r="G48919" s="1" t="s">
        <v>165838</v>
      </c>
      <c r="H48919" s="1" t="s">
        <v>165839</v>
      </c>
      <c r="I48919" s="1" t="s">
        <v>165436</v>
      </c>
      <c r="J48919" s="1" t="s">
        <v>165872</v>
      </c>
    </row>
    <row r="48920" spans="1:10" x14ac:dyDescent="0.35">
      <c r="A48920" s="1" t="s">
        <v>65</v>
      </c>
      <c r="B48920" s="1" t="s">
        <v>165432</v>
      </c>
      <c r="C48920" s="1" t="s">
        <v>70</v>
      </c>
      <c r="D48920" s="1" t="s">
        <v>4337</v>
      </c>
      <c r="E48920" s="1" t="s">
        <v>165873</v>
      </c>
      <c r="F48920" s="1" t="s">
        <v>165874</v>
      </c>
      <c r="G48920" s="1" t="s">
        <v>165838</v>
      </c>
      <c r="H48920" s="1" t="s">
        <v>165839</v>
      </c>
      <c r="I48920" s="1" t="s">
        <v>165436</v>
      </c>
      <c r="J48920" s="1" t="s">
        <v>165875</v>
      </c>
    </row>
    <row r="48921" spans="1:10" x14ac:dyDescent="0.35">
      <c r="A48921" s="1" t="s">
        <v>65</v>
      </c>
      <c r="B48921" s="1" t="s">
        <v>165432</v>
      </c>
      <c r="C48921" s="1" t="s">
        <v>75</v>
      </c>
      <c r="D48921" s="1" t="s">
        <v>154307</v>
      </c>
      <c r="E48921" s="1" t="s">
        <v>165876</v>
      </c>
      <c r="F48921" s="1" t="s">
        <v>165877</v>
      </c>
      <c r="G48921" s="1" t="s">
        <v>165838</v>
      </c>
      <c r="H48921" s="1" t="s">
        <v>165839</v>
      </c>
      <c r="I48921" s="1" t="s">
        <v>165436</v>
      </c>
      <c r="J48921" s="1" t="s">
        <v>165878</v>
      </c>
    </row>
    <row r="48922" spans="1:10" x14ac:dyDescent="0.35">
      <c r="A48922" s="1" t="s">
        <v>65</v>
      </c>
      <c r="B48922" s="1" t="s">
        <v>165432</v>
      </c>
      <c r="C48922" s="1" t="s">
        <v>80</v>
      </c>
      <c r="D48922" s="1" t="s">
        <v>44528</v>
      </c>
      <c r="E48922" s="1" t="s">
        <v>165879</v>
      </c>
      <c r="F48922" s="1" t="s">
        <v>165880</v>
      </c>
      <c r="G48922" s="1" t="s">
        <v>165838</v>
      </c>
      <c r="H48922" s="1" t="s">
        <v>165839</v>
      </c>
      <c r="I48922" s="1" t="s">
        <v>165436</v>
      </c>
      <c r="J48922" s="1" t="s">
        <v>165881</v>
      </c>
    </row>
    <row r="48923" spans="1:10" x14ac:dyDescent="0.35">
      <c r="A48923" s="1" t="s">
        <v>65</v>
      </c>
      <c r="B48923" s="1" t="s">
        <v>165432</v>
      </c>
      <c r="C48923" s="1" t="s">
        <v>85</v>
      </c>
      <c r="D48923" s="1" t="s">
        <v>27727</v>
      </c>
      <c r="E48923" s="1" t="s">
        <v>165882</v>
      </c>
      <c r="F48923" s="1" t="s">
        <v>165883</v>
      </c>
      <c r="G48923" s="1" t="s">
        <v>165838</v>
      </c>
      <c r="H48923" s="1" t="s">
        <v>165839</v>
      </c>
      <c r="I48923" s="1" t="s">
        <v>165436</v>
      </c>
      <c r="J48923" s="1" t="s">
        <v>165884</v>
      </c>
    </row>
    <row r="48924" spans="1:10" x14ac:dyDescent="0.35">
      <c r="A48924" s="1" t="s">
        <v>65</v>
      </c>
      <c r="B48924" s="1" t="s">
        <v>165432</v>
      </c>
      <c r="C48924" s="1" t="s">
        <v>90</v>
      </c>
      <c r="D48924" s="1" t="s">
        <v>4007</v>
      </c>
      <c r="E48924" s="1" t="s">
        <v>165885</v>
      </c>
      <c r="F48924" s="1" t="s">
        <v>165886</v>
      </c>
      <c r="G48924" s="1" t="s">
        <v>165838</v>
      </c>
      <c r="H48924" s="1" t="s">
        <v>165839</v>
      </c>
      <c r="I48924" s="1" t="s">
        <v>165436</v>
      </c>
      <c r="J48924" s="1" t="s">
        <v>165887</v>
      </c>
    </row>
    <row r="48925" spans="1:10" x14ac:dyDescent="0.35">
      <c r="A48925" s="1" t="s">
        <v>65</v>
      </c>
      <c r="B48925" s="1" t="s">
        <v>165432</v>
      </c>
      <c r="C48925" s="1" t="s">
        <v>95</v>
      </c>
      <c r="D48925" s="1" t="s">
        <v>146243</v>
      </c>
      <c r="E48925" s="1" t="s">
        <v>165888</v>
      </c>
      <c r="F48925" s="1" t="s">
        <v>165889</v>
      </c>
      <c r="G48925" s="1" t="s">
        <v>165838</v>
      </c>
      <c r="H48925" s="1" t="s">
        <v>165839</v>
      </c>
      <c r="I48925" s="1" t="s">
        <v>165436</v>
      </c>
      <c r="J48925" s="1" t="s">
        <v>165890</v>
      </c>
    </row>
    <row r="48926" spans="1:10" x14ac:dyDescent="0.35">
      <c r="A48926" s="1" t="s">
        <v>65</v>
      </c>
      <c r="B48926" s="1" t="s">
        <v>165432</v>
      </c>
      <c r="C48926" s="1" t="s">
        <v>100</v>
      </c>
      <c r="D48926" s="1" t="s">
        <v>120781</v>
      </c>
      <c r="E48926" s="1" t="s">
        <v>165891</v>
      </c>
      <c r="F48926" s="1" t="s">
        <v>165892</v>
      </c>
      <c r="G48926" s="1" t="s">
        <v>165838</v>
      </c>
      <c r="H48926" s="1" t="s">
        <v>165839</v>
      </c>
      <c r="I48926" s="1" t="s">
        <v>165436</v>
      </c>
      <c r="J48926" s="1" t="s">
        <v>165893</v>
      </c>
    </row>
    <row r="48927" spans="1:10" x14ac:dyDescent="0.35">
      <c r="A48927" s="1" t="s">
        <v>65</v>
      </c>
      <c r="B48927" s="1" t="s">
        <v>165432</v>
      </c>
      <c r="C48927" s="1" t="s">
        <v>105</v>
      </c>
      <c r="D48927" s="1" t="s">
        <v>110342</v>
      </c>
      <c r="E48927" s="1" t="s">
        <v>165894</v>
      </c>
      <c r="F48927" s="1" t="s">
        <v>165895</v>
      </c>
      <c r="G48927" s="1" t="s">
        <v>165838</v>
      </c>
      <c r="H48927" s="1" t="s">
        <v>165839</v>
      </c>
      <c r="I48927" s="1" t="s">
        <v>165436</v>
      </c>
      <c r="J48927" s="1" t="s">
        <v>165896</v>
      </c>
    </row>
    <row r="48928" spans="1:10" x14ac:dyDescent="0.35">
      <c r="A48928" s="1" t="s">
        <v>65</v>
      </c>
      <c r="B48928" s="1" t="s">
        <v>165432</v>
      </c>
      <c r="C48928" s="1" t="s">
        <v>110</v>
      </c>
      <c r="D48928" s="1" t="s">
        <v>44994</v>
      </c>
      <c r="E48928" s="1" t="s">
        <v>165897</v>
      </c>
      <c r="F48928" s="1" t="s">
        <v>165898</v>
      </c>
      <c r="G48928" s="1" t="s">
        <v>165838</v>
      </c>
      <c r="H48928" s="1" t="s">
        <v>165839</v>
      </c>
      <c r="I48928" s="1" t="s">
        <v>165436</v>
      </c>
      <c r="J48928" s="1" t="s">
        <v>165899</v>
      </c>
    </row>
    <row r="48929" spans="1:10" x14ac:dyDescent="0.35">
      <c r="A48929" s="1" t="s">
        <v>65</v>
      </c>
      <c r="B48929" s="1" t="s">
        <v>165432</v>
      </c>
      <c r="C48929" s="1" t="s">
        <v>115</v>
      </c>
      <c r="D48929" s="1" t="s">
        <v>4392</v>
      </c>
      <c r="E48929" s="1" t="s">
        <v>165900</v>
      </c>
      <c r="F48929" s="1" t="s">
        <v>165901</v>
      </c>
      <c r="G48929" s="1" t="s">
        <v>165838</v>
      </c>
      <c r="H48929" s="1" t="s">
        <v>165839</v>
      </c>
      <c r="I48929" s="1" t="s">
        <v>165436</v>
      </c>
      <c r="J48929" s="1" t="s">
        <v>165902</v>
      </c>
    </row>
    <row r="48930" spans="1:10" x14ac:dyDescent="0.35">
      <c r="A48930" s="1" t="s">
        <v>65</v>
      </c>
      <c r="B48930" s="1" t="s">
        <v>165432</v>
      </c>
      <c r="C48930" s="1" t="s">
        <v>120</v>
      </c>
      <c r="D48930" s="1" t="s">
        <v>14146</v>
      </c>
      <c r="E48930" s="1" t="s">
        <v>165903</v>
      </c>
      <c r="F48930" s="1" t="s">
        <v>165904</v>
      </c>
      <c r="G48930" s="1" t="s">
        <v>165838</v>
      </c>
      <c r="H48930" s="1" t="s">
        <v>165839</v>
      </c>
      <c r="I48930" s="1" t="s">
        <v>165436</v>
      </c>
      <c r="J48930" s="1" t="s">
        <v>165905</v>
      </c>
    </row>
    <row r="48931" spans="1:10" x14ac:dyDescent="0.35">
      <c r="A48931" s="1" t="s">
        <v>65</v>
      </c>
      <c r="B48931" s="1" t="s">
        <v>165432</v>
      </c>
      <c r="C48931" s="1" t="s">
        <v>125</v>
      </c>
      <c r="D48931" s="1" t="s">
        <v>8333</v>
      </c>
      <c r="E48931" s="1" t="s">
        <v>165906</v>
      </c>
      <c r="F48931" s="1" t="s">
        <v>165907</v>
      </c>
      <c r="G48931" s="1" t="s">
        <v>165838</v>
      </c>
      <c r="H48931" s="1" t="s">
        <v>165839</v>
      </c>
      <c r="I48931" s="1" t="s">
        <v>165436</v>
      </c>
      <c r="J48931" s="1" t="s">
        <v>165908</v>
      </c>
    </row>
    <row r="48932" spans="1:10" x14ac:dyDescent="0.35">
      <c r="A48932" s="1" t="s">
        <v>65</v>
      </c>
      <c r="B48932" s="1" t="s">
        <v>165432</v>
      </c>
      <c r="C48932" s="1" t="s">
        <v>130</v>
      </c>
      <c r="D48932" s="1" t="s">
        <v>27581</v>
      </c>
      <c r="E48932" s="1" t="s">
        <v>165909</v>
      </c>
      <c r="F48932" s="1" t="s">
        <v>165910</v>
      </c>
      <c r="G48932" s="1" t="s">
        <v>165838</v>
      </c>
      <c r="H48932" s="1" t="s">
        <v>165839</v>
      </c>
      <c r="I48932" s="1" t="s">
        <v>165436</v>
      </c>
      <c r="J48932" s="1" t="s">
        <v>165911</v>
      </c>
    </row>
    <row r="48933" spans="1:10" x14ac:dyDescent="0.35">
      <c r="A48933" s="1" t="s">
        <v>65</v>
      </c>
      <c r="B48933" s="1" t="s">
        <v>165432</v>
      </c>
      <c r="C48933" s="1" t="s">
        <v>135</v>
      </c>
      <c r="D48933" s="1" t="s">
        <v>24943</v>
      </c>
      <c r="E48933" s="1" t="s">
        <v>165912</v>
      </c>
      <c r="F48933" s="1" t="s">
        <v>165913</v>
      </c>
      <c r="G48933" s="1" t="s">
        <v>165838</v>
      </c>
      <c r="H48933" s="1" t="s">
        <v>165839</v>
      </c>
      <c r="I48933" s="1" t="s">
        <v>165436</v>
      </c>
      <c r="J48933" s="1" t="s">
        <v>165914</v>
      </c>
    </row>
    <row r="48934" spans="1:10" x14ac:dyDescent="0.35">
      <c r="A48934" s="1" t="s">
        <v>65</v>
      </c>
      <c r="B48934" s="1" t="s">
        <v>165432</v>
      </c>
      <c r="C48934" s="1" t="s">
        <v>140</v>
      </c>
      <c r="D48934" s="1" t="s">
        <v>122031</v>
      </c>
      <c r="E48934" s="1" t="s">
        <v>165915</v>
      </c>
      <c r="F48934" s="1" t="s">
        <v>165916</v>
      </c>
      <c r="G48934" s="1" t="s">
        <v>165838</v>
      </c>
      <c r="H48934" s="1" t="s">
        <v>165839</v>
      </c>
      <c r="I48934" s="1" t="s">
        <v>165436</v>
      </c>
      <c r="J48934" s="1" t="s">
        <v>165917</v>
      </c>
    </row>
    <row r="48935" spans="1:10" x14ac:dyDescent="0.35">
      <c r="A48935" s="1" t="s">
        <v>65</v>
      </c>
      <c r="B48935" s="1" t="s">
        <v>165432</v>
      </c>
      <c r="C48935" s="1" t="s">
        <v>145</v>
      </c>
      <c r="D48935" s="1" t="s">
        <v>25247</v>
      </c>
      <c r="E48935" s="1" t="s">
        <v>165918</v>
      </c>
      <c r="F48935" s="1" t="s">
        <v>165919</v>
      </c>
      <c r="G48935" s="1" t="s">
        <v>165838</v>
      </c>
      <c r="H48935" s="1" t="s">
        <v>165839</v>
      </c>
      <c r="I48935" s="1" t="s">
        <v>165436</v>
      </c>
      <c r="J48935" s="1" t="s">
        <v>165920</v>
      </c>
    </row>
    <row r="48936" spans="1:10" x14ac:dyDescent="0.35">
      <c r="A48936" s="1" t="s">
        <v>65</v>
      </c>
      <c r="B48936" s="1" t="s">
        <v>165432</v>
      </c>
      <c r="C48936" s="1" t="s">
        <v>150</v>
      </c>
      <c r="D48936" s="1" t="s">
        <v>28562</v>
      </c>
      <c r="E48936" s="1" t="s">
        <v>165921</v>
      </c>
      <c r="F48936" s="1" t="s">
        <v>165922</v>
      </c>
      <c r="G48936" s="1" t="s">
        <v>165838</v>
      </c>
      <c r="H48936" s="1" t="s">
        <v>165839</v>
      </c>
      <c r="I48936" s="1" t="s">
        <v>165436</v>
      </c>
      <c r="J48936" s="1" t="s">
        <v>165923</v>
      </c>
    </row>
    <row r="48937" spans="1:10" x14ac:dyDescent="0.35">
      <c r="A48937" s="1" t="s">
        <v>65</v>
      </c>
      <c r="B48937" s="1" t="s">
        <v>165432</v>
      </c>
      <c r="C48937" s="1" t="s">
        <v>155</v>
      </c>
      <c r="D48937" s="1" t="s">
        <v>2901</v>
      </c>
      <c r="E48937" s="1" t="s">
        <v>165924</v>
      </c>
      <c r="F48937" s="1" t="s">
        <v>165925</v>
      </c>
      <c r="G48937" s="1" t="s">
        <v>165838</v>
      </c>
      <c r="H48937" s="1" t="s">
        <v>165839</v>
      </c>
      <c r="I48937" s="1" t="s">
        <v>165436</v>
      </c>
      <c r="J48937" s="1" t="s">
        <v>165926</v>
      </c>
    </row>
    <row r="48938" spans="1:10" x14ac:dyDescent="0.35">
      <c r="A48938" s="1" t="s">
        <v>65</v>
      </c>
      <c r="B48938" s="1" t="s">
        <v>165432</v>
      </c>
      <c r="C48938" s="1" t="s">
        <v>160</v>
      </c>
      <c r="D48938" s="1" t="s">
        <v>8138</v>
      </c>
      <c r="E48938" s="1" t="s">
        <v>165927</v>
      </c>
      <c r="F48938" s="1" t="s">
        <v>165928</v>
      </c>
      <c r="G48938" s="1" t="s">
        <v>165838</v>
      </c>
      <c r="H48938" s="1" t="s">
        <v>165839</v>
      </c>
      <c r="I48938" s="1" t="s">
        <v>165436</v>
      </c>
      <c r="J48938" s="1" t="s">
        <v>165929</v>
      </c>
    </row>
    <row r="48939" spans="1:10" x14ac:dyDescent="0.35">
      <c r="A48939" s="1" t="s">
        <v>65</v>
      </c>
      <c r="B48939" s="1" t="s">
        <v>165432</v>
      </c>
      <c r="C48939" s="1" t="s">
        <v>165</v>
      </c>
      <c r="D48939" s="1" t="s">
        <v>2623</v>
      </c>
      <c r="E48939" s="1" t="s">
        <v>165930</v>
      </c>
      <c r="F48939" s="1" t="s">
        <v>165931</v>
      </c>
      <c r="G48939" s="1" t="s">
        <v>165838</v>
      </c>
      <c r="H48939" s="1" t="s">
        <v>165839</v>
      </c>
      <c r="I48939" s="1" t="s">
        <v>165436</v>
      </c>
      <c r="J48939" s="1" t="s">
        <v>165932</v>
      </c>
    </row>
    <row r="48940" spans="1:10" x14ac:dyDescent="0.35">
      <c r="A48940" s="1" t="s">
        <v>65</v>
      </c>
      <c r="B48940" s="1" t="s">
        <v>165432</v>
      </c>
      <c r="C48940" s="1" t="s">
        <v>170</v>
      </c>
      <c r="D48940" s="1" t="s">
        <v>7893</v>
      </c>
      <c r="E48940" s="1" t="s">
        <v>165933</v>
      </c>
      <c r="F48940" s="1" t="s">
        <v>165934</v>
      </c>
      <c r="G48940" s="1" t="s">
        <v>165838</v>
      </c>
      <c r="H48940" s="1" t="s">
        <v>165839</v>
      </c>
      <c r="I48940" s="1" t="s">
        <v>165436</v>
      </c>
      <c r="J48940" s="1" t="s">
        <v>165935</v>
      </c>
    </row>
    <row r="48941" spans="1:10" x14ac:dyDescent="0.35">
      <c r="A48941" s="1" t="s">
        <v>70</v>
      </c>
      <c r="B48941" s="1" t="s">
        <v>165936</v>
      </c>
      <c r="C48941" s="1" t="s">
        <v>8</v>
      </c>
      <c r="D48941" s="1" t="s">
        <v>165937</v>
      </c>
      <c r="E48941" s="1" t="s">
        <v>165938</v>
      </c>
      <c r="F48941" s="1" t="s">
        <v>165939</v>
      </c>
      <c r="G48941" s="1" t="s">
        <v>165940</v>
      </c>
      <c r="H48941" s="1" t="s">
        <v>165941</v>
      </c>
      <c r="I48941" s="1" t="s">
        <v>165942</v>
      </c>
      <c r="J48941" s="1" t="s">
        <v>13</v>
      </c>
    </row>
    <row r="48942" spans="1:10" x14ac:dyDescent="0.35">
      <c r="A48942" s="1" t="s">
        <v>70</v>
      </c>
      <c r="B48942" s="1" t="s">
        <v>165936</v>
      </c>
      <c r="C48942" s="1" t="s">
        <v>15</v>
      </c>
      <c r="D48942" s="1" t="s">
        <v>165943</v>
      </c>
      <c r="E48942" s="1" t="s">
        <v>165944</v>
      </c>
      <c r="F48942" s="1" t="s">
        <v>165945</v>
      </c>
      <c r="G48942" s="1" t="s">
        <v>165940</v>
      </c>
      <c r="H48942" s="1" t="s">
        <v>165941</v>
      </c>
      <c r="I48942" s="1" t="s">
        <v>165942</v>
      </c>
      <c r="J48942" s="1" t="s">
        <v>165946</v>
      </c>
    </row>
    <row r="48943" spans="1:10" x14ac:dyDescent="0.35">
      <c r="A48943" s="1" t="s">
        <v>70</v>
      </c>
      <c r="B48943" s="1" t="s">
        <v>165936</v>
      </c>
      <c r="C48943" s="1" t="s">
        <v>20</v>
      </c>
      <c r="D48943" s="1" t="s">
        <v>103230</v>
      </c>
      <c r="E48943" s="1" t="s">
        <v>165947</v>
      </c>
      <c r="F48943" s="1" t="s">
        <v>165948</v>
      </c>
      <c r="G48943" s="1" t="s">
        <v>165940</v>
      </c>
      <c r="H48943" s="1" t="s">
        <v>165941</v>
      </c>
      <c r="I48943" s="1" t="s">
        <v>165942</v>
      </c>
      <c r="J48943" s="1" t="s">
        <v>165949</v>
      </c>
    </row>
    <row r="48944" spans="1:10" x14ac:dyDescent="0.35">
      <c r="A48944" s="1" t="s">
        <v>70</v>
      </c>
      <c r="B48944" s="1" t="s">
        <v>165936</v>
      </c>
      <c r="C48944" s="1" t="s">
        <v>25</v>
      </c>
      <c r="D48944" s="1" t="s">
        <v>86403</v>
      </c>
      <c r="E48944" s="1" t="s">
        <v>165950</v>
      </c>
      <c r="F48944" s="1" t="s">
        <v>165951</v>
      </c>
      <c r="G48944" s="1" t="s">
        <v>165940</v>
      </c>
      <c r="H48944" s="1" t="s">
        <v>165941</v>
      </c>
      <c r="I48944" s="1" t="s">
        <v>165942</v>
      </c>
      <c r="J48944" s="1" t="s">
        <v>165952</v>
      </c>
    </row>
    <row r="48945" spans="1:10" x14ac:dyDescent="0.35">
      <c r="A48945" s="1" t="s">
        <v>70</v>
      </c>
      <c r="B48945" s="1" t="s">
        <v>165936</v>
      </c>
      <c r="C48945" s="1" t="s">
        <v>30</v>
      </c>
      <c r="D48945" s="1" t="s">
        <v>55884</v>
      </c>
      <c r="E48945" s="1" t="s">
        <v>165944</v>
      </c>
      <c r="F48945" s="1" t="s">
        <v>165953</v>
      </c>
      <c r="G48945" s="1" t="s">
        <v>165940</v>
      </c>
      <c r="H48945" s="1" t="s">
        <v>165941</v>
      </c>
      <c r="I48945" s="1" t="s">
        <v>165942</v>
      </c>
      <c r="J48945" s="1" t="s">
        <v>165954</v>
      </c>
    </row>
    <row r="48946" spans="1:10" x14ac:dyDescent="0.35">
      <c r="A48946" s="1" t="s">
        <v>70</v>
      </c>
      <c r="B48946" s="1" t="s">
        <v>165936</v>
      </c>
      <c r="C48946" s="1" t="s">
        <v>35</v>
      </c>
      <c r="D48946" s="1" t="s">
        <v>95984</v>
      </c>
      <c r="E48946" s="1" t="s">
        <v>165955</v>
      </c>
      <c r="F48946" s="1" t="s">
        <v>165956</v>
      </c>
      <c r="G48946" s="1" t="s">
        <v>165940</v>
      </c>
      <c r="H48946" s="1" t="s">
        <v>165941</v>
      </c>
      <c r="I48946" s="1" t="s">
        <v>165942</v>
      </c>
      <c r="J48946" s="1" t="s">
        <v>165957</v>
      </c>
    </row>
    <row r="48947" spans="1:10" x14ac:dyDescent="0.35">
      <c r="A48947" s="1" t="s">
        <v>70</v>
      </c>
      <c r="B48947" s="1" t="s">
        <v>165936</v>
      </c>
      <c r="C48947" s="1" t="s">
        <v>40</v>
      </c>
      <c r="D48947" s="1" t="s">
        <v>22571</v>
      </c>
      <c r="E48947" s="1" t="s">
        <v>165958</v>
      </c>
      <c r="F48947" s="1" t="s">
        <v>165959</v>
      </c>
      <c r="G48947" s="1" t="s">
        <v>165940</v>
      </c>
      <c r="H48947" s="1" t="s">
        <v>165941</v>
      </c>
      <c r="I48947" s="1" t="s">
        <v>165942</v>
      </c>
      <c r="J48947" s="1" t="s">
        <v>165960</v>
      </c>
    </row>
    <row r="48948" spans="1:10" x14ac:dyDescent="0.35">
      <c r="A48948" s="1" t="s">
        <v>70</v>
      </c>
      <c r="B48948" s="1" t="s">
        <v>165936</v>
      </c>
      <c r="C48948" s="1" t="s">
        <v>45</v>
      </c>
      <c r="D48948" s="1" t="s">
        <v>165961</v>
      </c>
      <c r="E48948" s="1" t="s">
        <v>165962</v>
      </c>
      <c r="F48948" s="1" t="s">
        <v>165963</v>
      </c>
      <c r="G48948" s="1" t="s">
        <v>165940</v>
      </c>
      <c r="H48948" s="1" t="s">
        <v>165941</v>
      </c>
      <c r="I48948" s="1" t="s">
        <v>165942</v>
      </c>
      <c r="J48948" s="1" t="s">
        <v>165964</v>
      </c>
    </row>
    <row r="48949" spans="1:10" x14ac:dyDescent="0.35">
      <c r="A48949" s="1" t="s">
        <v>70</v>
      </c>
      <c r="B48949" s="1" t="s">
        <v>165936</v>
      </c>
      <c r="C48949" s="1" t="s">
        <v>50</v>
      </c>
      <c r="D48949" s="1" t="s">
        <v>21913</v>
      </c>
      <c r="E48949" s="1" t="s">
        <v>165965</v>
      </c>
      <c r="F48949" s="1" t="s">
        <v>165966</v>
      </c>
      <c r="G48949" s="1" t="s">
        <v>165940</v>
      </c>
      <c r="H48949" s="1" t="s">
        <v>165941</v>
      </c>
      <c r="I48949" s="1" t="s">
        <v>165942</v>
      </c>
      <c r="J48949" s="1" t="s">
        <v>165967</v>
      </c>
    </row>
    <row r="48950" spans="1:10" x14ac:dyDescent="0.35">
      <c r="A48950" s="1" t="s">
        <v>70</v>
      </c>
      <c r="B48950" s="1" t="s">
        <v>165936</v>
      </c>
      <c r="C48950" s="1" t="s">
        <v>55</v>
      </c>
      <c r="D48950" s="1" t="s">
        <v>165968</v>
      </c>
      <c r="E48950" s="1" t="s">
        <v>165969</v>
      </c>
      <c r="F48950" s="1" t="s">
        <v>165970</v>
      </c>
      <c r="G48950" s="1" t="s">
        <v>165940</v>
      </c>
      <c r="H48950" s="1" t="s">
        <v>165941</v>
      </c>
      <c r="I48950" s="1" t="s">
        <v>165942</v>
      </c>
      <c r="J48950" s="1" t="s">
        <v>165971</v>
      </c>
    </row>
    <row r="48951" spans="1:10" x14ac:dyDescent="0.35">
      <c r="A48951" s="1" t="s">
        <v>70</v>
      </c>
      <c r="B48951" s="1" t="s">
        <v>165936</v>
      </c>
      <c r="C48951" s="1" t="s">
        <v>60</v>
      </c>
      <c r="D48951" s="1" t="s">
        <v>62492</v>
      </c>
      <c r="E48951" s="1" t="s">
        <v>165972</v>
      </c>
      <c r="F48951" s="1" t="s">
        <v>165973</v>
      </c>
      <c r="G48951" s="1" t="s">
        <v>165940</v>
      </c>
      <c r="H48951" s="1" t="s">
        <v>165941</v>
      </c>
      <c r="I48951" s="1" t="s">
        <v>165942</v>
      </c>
      <c r="J48951" s="1" t="s">
        <v>165974</v>
      </c>
    </row>
    <row r="48952" spans="1:10" x14ac:dyDescent="0.35">
      <c r="A48952" s="1" t="s">
        <v>70</v>
      </c>
      <c r="B48952" s="1" t="s">
        <v>165936</v>
      </c>
      <c r="C48952" s="1" t="s">
        <v>65</v>
      </c>
      <c r="D48952" s="1" t="s">
        <v>98117</v>
      </c>
      <c r="E48952" s="1" t="s">
        <v>165975</v>
      </c>
      <c r="F48952" s="1" t="s">
        <v>165976</v>
      </c>
      <c r="G48952" s="1" t="s">
        <v>165940</v>
      </c>
      <c r="H48952" s="1" t="s">
        <v>165941</v>
      </c>
      <c r="I48952" s="1" t="s">
        <v>165942</v>
      </c>
      <c r="J48952" s="1" t="s">
        <v>165977</v>
      </c>
    </row>
    <row r="48953" spans="1:10" x14ac:dyDescent="0.35">
      <c r="A48953" s="1" t="s">
        <v>70</v>
      </c>
      <c r="B48953" s="1" t="s">
        <v>165936</v>
      </c>
      <c r="C48953" s="1" t="s">
        <v>70</v>
      </c>
      <c r="D48953" s="1" t="s">
        <v>97220</v>
      </c>
      <c r="E48953" s="1" t="s">
        <v>165978</v>
      </c>
      <c r="F48953" s="1" t="s">
        <v>165979</v>
      </c>
      <c r="G48953" s="1" t="s">
        <v>165940</v>
      </c>
      <c r="H48953" s="1" t="s">
        <v>165941</v>
      </c>
      <c r="I48953" s="1" t="s">
        <v>165942</v>
      </c>
      <c r="J48953" s="1" t="s">
        <v>165980</v>
      </c>
    </row>
    <row r="48954" spans="1:10" x14ac:dyDescent="0.35">
      <c r="A48954" s="1" t="s">
        <v>70</v>
      </c>
      <c r="B48954" s="1" t="s">
        <v>165936</v>
      </c>
      <c r="C48954" s="1" t="s">
        <v>75</v>
      </c>
      <c r="D48954" s="1" t="s">
        <v>165981</v>
      </c>
      <c r="E48954" s="1" t="s">
        <v>165982</v>
      </c>
      <c r="F48954" s="1" t="s">
        <v>165983</v>
      </c>
      <c r="G48954" s="1" t="s">
        <v>165940</v>
      </c>
      <c r="H48954" s="1" t="s">
        <v>165941</v>
      </c>
      <c r="I48954" s="1" t="s">
        <v>165942</v>
      </c>
      <c r="J48954" s="1" t="s">
        <v>165984</v>
      </c>
    </row>
    <row r="48955" spans="1:10" x14ac:dyDescent="0.35">
      <c r="A48955" s="1" t="s">
        <v>70</v>
      </c>
      <c r="B48955" s="1" t="s">
        <v>165936</v>
      </c>
      <c r="C48955" s="1" t="s">
        <v>80</v>
      </c>
      <c r="D48955" s="1" t="s">
        <v>87537</v>
      </c>
      <c r="E48955" s="1" t="s">
        <v>165985</v>
      </c>
      <c r="F48955" s="1" t="s">
        <v>165986</v>
      </c>
      <c r="G48955" s="1" t="s">
        <v>165940</v>
      </c>
      <c r="H48955" s="1" t="s">
        <v>165941</v>
      </c>
      <c r="I48955" s="1" t="s">
        <v>165942</v>
      </c>
      <c r="J48955" s="1" t="s">
        <v>165987</v>
      </c>
    </row>
    <row r="48956" spans="1:10" x14ac:dyDescent="0.35">
      <c r="A48956" s="1" t="s">
        <v>70</v>
      </c>
      <c r="B48956" s="1" t="s">
        <v>165936</v>
      </c>
      <c r="C48956" s="1" t="s">
        <v>85</v>
      </c>
      <c r="D48956" s="1" t="s">
        <v>165988</v>
      </c>
      <c r="E48956" s="1" t="s">
        <v>165989</v>
      </c>
      <c r="F48956" s="1" t="s">
        <v>165990</v>
      </c>
      <c r="G48956" s="1" t="s">
        <v>165940</v>
      </c>
      <c r="H48956" s="1" t="s">
        <v>165941</v>
      </c>
      <c r="I48956" s="1" t="s">
        <v>165942</v>
      </c>
      <c r="J48956" s="1" t="s">
        <v>165991</v>
      </c>
    </row>
    <row r="48957" spans="1:10" x14ac:dyDescent="0.35">
      <c r="A48957" s="1" t="s">
        <v>70</v>
      </c>
      <c r="B48957" s="1" t="s">
        <v>165936</v>
      </c>
      <c r="C48957" s="1" t="s">
        <v>90</v>
      </c>
      <c r="D48957" s="1" t="s">
        <v>165992</v>
      </c>
      <c r="E48957" s="1" t="s">
        <v>165993</v>
      </c>
      <c r="F48957" s="1" t="s">
        <v>165994</v>
      </c>
      <c r="G48957" s="1" t="s">
        <v>165940</v>
      </c>
      <c r="H48957" s="1" t="s">
        <v>165941</v>
      </c>
      <c r="I48957" s="1" t="s">
        <v>165942</v>
      </c>
      <c r="J48957" s="1" t="s">
        <v>165995</v>
      </c>
    </row>
    <row r="48958" spans="1:10" x14ac:dyDescent="0.35">
      <c r="A48958" s="1" t="s">
        <v>70</v>
      </c>
      <c r="B48958" s="1" t="s">
        <v>165936</v>
      </c>
      <c r="C48958" s="1" t="s">
        <v>95</v>
      </c>
      <c r="D48958" s="1" t="s">
        <v>165996</v>
      </c>
      <c r="E48958" s="1" t="s">
        <v>165997</v>
      </c>
      <c r="F48958" s="1" t="s">
        <v>165998</v>
      </c>
      <c r="G48958" s="1" t="s">
        <v>165940</v>
      </c>
      <c r="H48958" s="1" t="s">
        <v>165941</v>
      </c>
      <c r="I48958" s="1" t="s">
        <v>165942</v>
      </c>
      <c r="J48958" s="1" t="s">
        <v>165999</v>
      </c>
    </row>
    <row r="48959" spans="1:10" x14ac:dyDescent="0.35">
      <c r="A48959" s="1" t="s">
        <v>70</v>
      </c>
      <c r="B48959" s="1" t="s">
        <v>165936</v>
      </c>
      <c r="C48959" s="1" t="s">
        <v>100</v>
      </c>
      <c r="D48959" s="1" t="s">
        <v>166000</v>
      </c>
      <c r="E48959" s="1" t="s">
        <v>166001</v>
      </c>
      <c r="F48959" s="1" t="s">
        <v>166002</v>
      </c>
      <c r="G48959" s="1" t="s">
        <v>165940</v>
      </c>
      <c r="H48959" s="1" t="s">
        <v>165941</v>
      </c>
      <c r="I48959" s="1" t="s">
        <v>165942</v>
      </c>
      <c r="J48959" s="1" t="s">
        <v>166003</v>
      </c>
    </row>
    <row r="48960" spans="1:10" x14ac:dyDescent="0.35">
      <c r="A48960" s="1" t="s">
        <v>70</v>
      </c>
      <c r="B48960" s="1" t="s">
        <v>165936</v>
      </c>
      <c r="C48960" s="1" t="s">
        <v>105</v>
      </c>
      <c r="D48960" s="1" t="s">
        <v>131326</v>
      </c>
      <c r="E48960" s="1" t="s">
        <v>166004</v>
      </c>
      <c r="F48960" s="1" t="s">
        <v>166005</v>
      </c>
      <c r="G48960" s="1" t="s">
        <v>165940</v>
      </c>
      <c r="H48960" s="1" t="s">
        <v>165941</v>
      </c>
      <c r="I48960" s="1" t="s">
        <v>165942</v>
      </c>
      <c r="J48960" s="1" t="s">
        <v>166006</v>
      </c>
    </row>
    <row r="48961" spans="1:10" x14ac:dyDescent="0.35">
      <c r="A48961" s="1" t="s">
        <v>70</v>
      </c>
      <c r="B48961" s="1" t="s">
        <v>165936</v>
      </c>
      <c r="C48961" s="1" t="s">
        <v>110</v>
      </c>
      <c r="D48961" s="1" t="s">
        <v>83830</v>
      </c>
      <c r="E48961" s="1" t="s">
        <v>166007</v>
      </c>
      <c r="F48961" s="1" t="s">
        <v>166008</v>
      </c>
      <c r="G48961" s="1" t="s">
        <v>165940</v>
      </c>
      <c r="H48961" s="1" t="s">
        <v>165941</v>
      </c>
      <c r="I48961" s="1" t="s">
        <v>165942</v>
      </c>
      <c r="J48961" s="1" t="s">
        <v>166009</v>
      </c>
    </row>
    <row r="48962" spans="1:10" x14ac:dyDescent="0.35">
      <c r="A48962" s="1" t="s">
        <v>70</v>
      </c>
      <c r="B48962" s="1" t="s">
        <v>165936</v>
      </c>
      <c r="C48962" s="1" t="s">
        <v>115</v>
      </c>
      <c r="D48962" s="1" t="s">
        <v>56874</v>
      </c>
      <c r="E48962" s="1" t="s">
        <v>166010</v>
      </c>
      <c r="F48962" s="1" t="s">
        <v>166011</v>
      </c>
      <c r="G48962" s="1" t="s">
        <v>165940</v>
      </c>
      <c r="H48962" s="1" t="s">
        <v>165941</v>
      </c>
      <c r="I48962" s="1" t="s">
        <v>165942</v>
      </c>
      <c r="J48962" s="1" t="s">
        <v>166012</v>
      </c>
    </row>
    <row r="48963" spans="1:10" x14ac:dyDescent="0.35">
      <c r="A48963" s="1" t="s">
        <v>70</v>
      </c>
      <c r="B48963" s="1" t="s">
        <v>165936</v>
      </c>
      <c r="C48963" s="1" t="s">
        <v>120</v>
      </c>
      <c r="D48963" s="1" t="s">
        <v>61024</v>
      </c>
      <c r="E48963" s="1" t="s">
        <v>166013</v>
      </c>
      <c r="F48963" s="1" t="s">
        <v>166014</v>
      </c>
      <c r="G48963" s="1" t="s">
        <v>165940</v>
      </c>
      <c r="H48963" s="1" t="s">
        <v>165941</v>
      </c>
      <c r="I48963" s="1" t="s">
        <v>165942</v>
      </c>
      <c r="J48963" s="1" t="s">
        <v>166015</v>
      </c>
    </row>
    <row r="48964" spans="1:10" x14ac:dyDescent="0.35">
      <c r="A48964" s="1" t="s">
        <v>70</v>
      </c>
      <c r="B48964" s="1" t="s">
        <v>165936</v>
      </c>
      <c r="C48964" s="1" t="s">
        <v>125</v>
      </c>
      <c r="D48964" s="1" t="s">
        <v>166016</v>
      </c>
      <c r="E48964" s="1" t="s">
        <v>166017</v>
      </c>
      <c r="F48964" s="1" t="s">
        <v>166018</v>
      </c>
      <c r="G48964" s="1" t="s">
        <v>165940</v>
      </c>
      <c r="H48964" s="1" t="s">
        <v>165941</v>
      </c>
      <c r="I48964" s="1" t="s">
        <v>165942</v>
      </c>
      <c r="J48964" s="1" t="s">
        <v>166019</v>
      </c>
    </row>
    <row r="48965" spans="1:10" x14ac:dyDescent="0.35">
      <c r="A48965" s="1" t="s">
        <v>70</v>
      </c>
      <c r="B48965" s="1" t="s">
        <v>165936</v>
      </c>
      <c r="C48965" s="1" t="s">
        <v>130</v>
      </c>
      <c r="D48965" s="1" t="s">
        <v>166020</v>
      </c>
      <c r="E48965" s="1" t="s">
        <v>166021</v>
      </c>
      <c r="F48965" s="1" t="s">
        <v>166022</v>
      </c>
      <c r="G48965" s="1" t="s">
        <v>165940</v>
      </c>
      <c r="H48965" s="1" t="s">
        <v>165941</v>
      </c>
      <c r="I48965" s="1" t="s">
        <v>165942</v>
      </c>
      <c r="J48965" s="1" t="s">
        <v>166023</v>
      </c>
    </row>
    <row r="48966" spans="1:10" x14ac:dyDescent="0.35">
      <c r="A48966" s="1" t="s">
        <v>70</v>
      </c>
      <c r="B48966" s="1" t="s">
        <v>165936</v>
      </c>
      <c r="C48966" s="1" t="s">
        <v>135</v>
      </c>
      <c r="D48966" s="1" t="s">
        <v>166024</v>
      </c>
      <c r="E48966" s="1" t="s">
        <v>166025</v>
      </c>
      <c r="F48966" s="1" t="s">
        <v>166026</v>
      </c>
      <c r="G48966" s="1" t="s">
        <v>165940</v>
      </c>
      <c r="H48966" s="1" t="s">
        <v>165941</v>
      </c>
      <c r="I48966" s="1" t="s">
        <v>165942</v>
      </c>
      <c r="J48966" s="1" t="s">
        <v>166027</v>
      </c>
    </row>
    <row r="48967" spans="1:10" x14ac:dyDescent="0.35">
      <c r="A48967" s="1" t="s">
        <v>70</v>
      </c>
      <c r="B48967" s="1" t="s">
        <v>165936</v>
      </c>
      <c r="C48967" s="1" t="s">
        <v>140</v>
      </c>
      <c r="D48967" s="1" t="s">
        <v>165356</v>
      </c>
      <c r="E48967" s="1" t="s">
        <v>166028</v>
      </c>
      <c r="F48967" s="1" t="s">
        <v>166029</v>
      </c>
      <c r="G48967" s="1" t="s">
        <v>165940</v>
      </c>
      <c r="H48967" s="1" t="s">
        <v>165941</v>
      </c>
      <c r="I48967" s="1" t="s">
        <v>165942</v>
      </c>
      <c r="J48967" s="1" t="s">
        <v>166030</v>
      </c>
    </row>
    <row r="48968" spans="1:10" x14ac:dyDescent="0.35">
      <c r="A48968" s="1" t="s">
        <v>70</v>
      </c>
      <c r="B48968" s="1" t="s">
        <v>165936</v>
      </c>
      <c r="C48968" s="1" t="s">
        <v>145</v>
      </c>
      <c r="D48968" s="1" t="s">
        <v>166031</v>
      </c>
      <c r="E48968" s="1" t="s">
        <v>166032</v>
      </c>
      <c r="F48968" s="1" t="s">
        <v>166033</v>
      </c>
      <c r="G48968" s="1" t="s">
        <v>165940</v>
      </c>
      <c r="H48968" s="1" t="s">
        <v>165941</v>
      </c>
      <c r="I48968" s="1" t="s">
        <v>165942</v>
      </c>
      <c r="J48968" s="1" t="s">
        <v>166034</v>
      </c>
    </row>
    <row r="48969" spans="1:10" x14ac:dyDescent="0.35">
      <c r="A48969" s="1" t="s">
        <v>70</v>
      </c>
      <c r="B48969" s="1" t="s">
        <v>165936</v>
      </c>
      <c r="C48969" s="1" t="s">
        <v>150</v>
      </c>
      <c r="D48969" s="1" t="s">
        <v>166035</v>
      </c>
      <c r="E48969" s="1" t="s">
        <v>166036</v>
      </c>
      <c r="F48969" s="1" t="s">
        <v>166037</v>
      </c>
      <c r="G48969" s="1" t="s">
        <v>165940</v>
      </c>
      <c r="H48969" s="1" t="s">
        <v>165941</v>
      </c>
      <c r="I48969" s="1" t="s">
        <v>165942</v>
      </c>
      <c r="J48969" s="1" t="s">
        <v>166038</v>
      </c>
    </row>
    <row r="48970" spans="1:10" x14ac:dyDescent="0.35">
      <c r="A48970" s="1" t="s">
        <v>70</v>
      </c>
      <c r="B48970" s="1" t="s">
        <v>165936</v>
      </c>
      <c r="C48970" s="1" t="s">
        <v>155</v>
      </c>
      <c r="D48970" s="1" t="s">
        <v>129352</v>
      </c>
      <c r="E48970" s="1" t="s">
        <v>166039</v>
      </c>
      <c r="F48970" s="1" t="s">
        <v>166040</v>
      </c>
      <c r="G48970" s="1" t="s">
        <v>165940</v>
      </c>
      <c r="H48970" s="1" t="s">
        <v>165941</v>
      </c>
      <c r="I48970" s="1" t="s">
        <v>165942</v>
      </c>
      <c r="J48970" s="1" t="s">
        <v>166041</v>
      </c>
    </row>
    <row r="48971" spans="1:10" x14ac:dyDescent="0.35">
      <c r="A48971" s="1" t="s">
        <v>70</v>
      </c>
      <c r="B48971" s="1" t="s">
        <v>165936</v>
      </c>
      <c r="C48971" s="1" t="s">
        <v>160</v>
      </c>
      <c r="D48971" s="1" t="s">
        <v>60162</v>
      </c>
      <c r="E48971" s="1" t="s">
        <v>166042</v>
      </c>
      <c r="F48971" s="1" t="s">
        <v>166043</v>
      </c>
      <c r="G48971" s="1" t="s">
        <v>165940</v>
      </c>
      <c r="H48971" s="1" t="s">
        <v>165941</v>
      </c>
      <c r="I48971" s="1" t="s">
        <v>165942</v>
      </c>
      <c r="J48971" s="1" t="s">
        <v>166044</v>
      </c>
    </row>
    <row r="48972" spans="1:10" x14ac:dyDescent="0.35">
      <c r="A48972" s="1" t="s">
        <v>70</v>
      </c>
      <c r="B48972" s="1" t="s">
        <v>165936</v>
      </c>
      <c r="C48972" s="1" t="s">
        <v>165</v>
      </c>
      <c r="D48972" s="1" t="s">
        <v>166045</v>
      </c>
      <c r="E48972" s="1" t="s">
        <v>166046</v>
      </c>
      <c r="F48972" s="1" t="s">
        <v>166047</v>
      </c>
      <c r="G48972" s="1" t="s">
        <v>165940</v>
      </c>
      <c r="H48972" s="1" t="s">
        <v>165941</v>
      </c>
      <c r="I48972" s="1" t="s">
        <v>165942</v>
      </c>
      <c r="J48972" s="1" t="s">
        <v>166048</v>
      </c>
    </row>
    <row r="48973" spans="1:10" x14ac:dyDescent="0.35">
      <c r="A48973" s="1" t="s">
        <v>70</v>
      </c>
      <c r="B48973" s="1" t="s">
        <v>165936</v>
      </c>
      <c r="C48973" s="1" t="s">
        <v>170</v>
      </c>
      <c r="D48973" s="1" t="s">
        <v>166049</v>
      </c>
      <c r="E48973" s="1" t="s">
        <v>166050</v>
      </c>
      <c r="F48973" s="1" t="s">
        <v>166051</v>
      </c>
      <c r="G48973" s="1" t="s">
        <v>165940</v>
      </c>
      <c r="H48973" s="1" t="s">
        <v>165941</v>
      </c>
      <c r="I48973" s="1" t="s">
        <v>165942</v>
      </c>
      <c r="J48973" s="1" t="s">
        <v>166052</v>
      </c>
    </row>
    <row r="48974" spans="1:10" x14ac:dyDescent="0.35">
      <c r="A48974" s="1" t="s">
        <v>75</v>
      </c>
      <c r="B48974" s="1" t="s">
        <v>165936</v>
      </c>
      <c r="C48974" s="1" t="s">
        <v>8</v>
      </c>
      <c r="D48974" s="1" t="s">
        <v>66362</v>
      </c>
      <c r="E48974" s="1" t="s">
        <v>166053</v>
      </c>
      <c r="F48974" s="1" t="s">
        <v>166054</v>
      </c>
      <c r="G48974" s="1" t="s">
        <v>166055</v>
      </c>
      <c r="H48974" s="1" t="s">
        <v>166056</v>
      </c>
      <c r="I48974" s="1" t="s">
        <v>165942</v>
      </c>
      <c r="J48974" s="1" t="s">
        <v>13</v>
      </c>
    </row>
    <row r="48975" spans="1:10" x14ac:dyDescent="0.35">
      <c r="A48975" s="1" t="s">
        <v>75</v>
      </c>
      <c r="B48975" s="1" t="s">
        <v>165936</v>
      </c>
      <c r="C48975" s="1" t="s">
        <v>15</v>
      </c>
      <c r="D48975" s="1" t="s">
        <v>122639</v>
      </c>
      <c r="E48975" s="1" t="s">
        <v>166057</v>
      </c>
      <c r="F48975" s="1" t="s">
        <v>166058</v>
      </c>
      <c r="G48975" s="1" t="s">
        <v>166055</v>
      </c>
      <c r="H48975" s="1" t="s">
        <v>166056</v>
      </c>
      <c r="I48975" s="1" t="s">
        <v>165942</v>
      </c>
      <c r="J48975" s="1" t="s">
        <v>166059</v>
      </c>
    </row>
    <row r="48976" spans="1:10" x14ac:dyDescent="0.35">
      <c r="A48976" s="1" t="s">
        <v>75</v>
      </c>
      <c r="B48976" s="1" t="s">
        <v>165936</v>
      </c>
      <c r="C48976" s="1" t="s">
        <v>20</v>
      </c>
      <c r="D48976" s="1" t="s">
        <v>166060</v>
      </c>
      <c r="E48976" s="1" t="s">
        <v>166061</v>
      </c>
      <c r="F48976" s="1" t="s">
        <v>166062</v>
      </c>
      <c r="G48976" s="1" t="s">
        <v>166055</v>
      </c>
      <c r="H48976" s="1" t="s">
        <v>166056</v>
      </c>
      <c r="I48976" s="1" t="s">
        <v>165942</v>
      </c>
      <c r="J48976" s="1" t="s">
        <v>166063</v>
      </c>
    </row>
    <row r="48977" spans="1:10" x14ac:dyDescent="0.35">
      <c r="A48977" s="1" t="s">
        <v>75</v>
      </c>
      <c r="B48977" s="1" t="s">
        <v>165936</v>
      </c>
      <c r="C48977" s="1" t="s">
        <v>25</v>
      </c>
      <c r="D48977" s="1" t="s">
        <v>159835</v>
      </c>
      <c r="E48977" s="1" t="s">
        <v>166064</v>
      </c>
      <c r="F48977" s="1" t="s">
        <v>166065</v>
      </c>
      <c r="G48977" s="1" t="s">
        <v>166055</v>
      </c>
      <c r="H48977" s="1" t="s">
        <v>166056</v>
      </c>
      <c r="I48977" s="1" t="s">
        <v>165942</v>
      </c>
      <c r="J48977" s="1" t="s">
        <v>166066</v>
      </c>
    </row>
    <row r="48978" spans="1:10" x14ac:dyDescent="0.35">
      <c r="A48978" s="1" t="s">
        <v>75</v>
      </c>
      <c r="B48978" s="1" t="s">
        <v>165936</v>
      </c>
      <c r="C48978" s="1" t="s">
        <v>30</v>
      </c>
      <c r="D48978" s="1" t="s">
        <v>77233</v>
      </c>
      <c r="E48978" s="1" t="s">
        <v>166067</v>
      </c>
      <c r="F48978" s="1" t="s">
        <v>166068</v>
      </c>
      <c r="G48978" s="1" t="s">
        <v>166055</v>
      </c>
      <c r="H48978" s="1" t="s">
        <v>166056</v>
      </c>
      <c r="I48978" s="1" t="s">
        <v>165942</v>
      </c>
      <c r="J48978" s="1" t="s">
        <v>166069</v>
      </c>
    </row>
    <row r="48979" spans="1:10" x14ac:dyDescent="0.35">
      <c r="A48979" s="1" t="s">
        <v>75</v>
      </c>
      <c r="B48979" s="1" t="s">
        <v>165936</v>
      </c>
      <c r="C48979" s="1" t="s">
        <v>35</v>
      </c>
      <c r="D48979" s="1" t="s">
        <v>23915</v>
      </c>
      <c r="E48979" s="1" t="s">
        <v>166070</v>
      </c>
      <c r="F48979" s="1" t="s">
        <v>166071</v>
      </c>
      <c r="G48979" s="1" t="s">
        <v>166055</v>
      </c>
      <c r="H48979" s="1" t="s">
        <v>166056</v>
      </c>
      <c r="I48979" s="1" t="s">
        <v>165942</v>
      </c>
      <c r="J48979" s="1" t="s">
        <v>166072</v>
      </c>
    </row>
    <row r="48980" spans="1:10" x14ac:dyDescent="0.35">
      <c r="A48980" s="1" t="s">
        <v>75</v>
      </c>
      <c r="B48980" s="1" t="s">
        <v>165936</v>
      </c>
      <c r="C48980" s="1" t="s">
        <v>40</v>
      </c>
      <c r="D48980" s="1" t="s">
        <v>98405</v>
      </c>
      <c r="E48980" s="1" t="s">
        <v>166073</v>
      </c>
      <c r="F48980" s="1" t="s">
        <v>166074</v>
      </c>
      <c r="G48980" s="1" t="s">
        <v>166055</v>
      </c>
      <c r="H48980" s="1" t="s">
        <v>166056</v>
      </c>
      <c r="I48980" s="1" t="s">
        <v>165942</v>
      </c>
      <c r="J48980" s="1" t="s">
        <v>166075</v>
      </c>
    </row>
    <row r="48981" spans="1:10" x14ac:dyDescent="0.35">
      <c r="A48981" s="1" t="s">
        <v>75</v>
      </c>
      <c r="B48981" s="1" t="s">
        <v>165936</v>
      </c>
      <c r="C48981" s="1" t="s">
        <v>45</v>
      </c>
      <c r="D48981" s="1" t="s">
        <v>166076</v>
      </c>
      <c r="E48981" s="1" t="s">
        <v>166077</v>
      </c>
      <c r="F48981" s="1" t="s">
        <v>166078</v>
      </c>
      <c r="G48981" s="1" t="s">
        <v>166055</v>
      </c>
      <c r="H48981" s="1" t="s">
        <v>166056</v>
      </c>
      <c r="I48981" s="1" t="s">
        <v>165942</v>
      </c>
      <c r="J48981" s="1" t="s">
        <v>166079</v>
      </c>
    </row>
    <row r="48982" spans="1:10" x14ac:dyDescent="0.35">
      <c r="A48982" s="1" t="s">
        <v>75</v>
      </c>
      <c r="B48982" s="1" t="s">
        <v>165936</v>
      </c>
      <c r="C48982" s="1" t="s">
        <v>50</v>
      </c>
      <c r="D48982" s="1" t="s">
        <v>77994</v>
      </c>
      <c r="E48982" s="1" t="s">
        <v>166080</v>
      </c>
      <c r="F48982" s="1" t="s">
        <v>166081</v>
      </c>
      <c r="G48982" s="1" t="s">
        <v>166055</v>
      </c>
      <c r="H48982" s="1" t="s">
        <v>166056</v>
      </c>
      <c r="I48982" s="1" t="s">
        <v>165942</v>
      </c>
      <c r="J48982" s="1" t="s">
        <v>166082</v>
      </c>
    </row>
    <row r="48983" spans="1:10" x14ac:dyDescent="0.35">
      <c r="A48983" s="1" t="s">
        <v>75</v>
      </c>
      <c r="B48983" s="1" t="s">
        <v>165936</v>
      </c>
      <c r="C48983" s="1" t="s">
        <v>55</v>
      </c>
      <c r="D48983" s="1" t="s">
        <v>59758</v>
      </c>
      <c r="E48983" s="1" t="s">
        <v>166083</v>
      </c>
      <c r="F48983" s="1" t="s">
        <v>166084</v>
      </c>
      <c r="G48983" s="1" t="s">
        <v>166055</v>
      </c>
      <c r="H48983" s="1" t="s">
        <v>166056</v>
      </c>
      <c r="I48983" s="1" t="s">
        <v>165942</v>
      </c>
      <c r="J48983" s="1" t="s">
        <v>166085</v>
      </c>
    </row>
    <row r="48984" spans="1:10" x14ac:dyDescent="0.35">
      <c r="A48984" s="1" t="s">
        <v>75</v>
      </c>
      <c r="B48984" s="1" t="s">
        <v>165936</v>
      </c>
      <c r="C48984" s="1" t="s">
        <v>60</v>
      </c>
      <c r="D48984" s="1" t="s">
        <v>136250</v>
      </c>
      <c r="E48984" s="1" t="s">
        <v>166086</v>
      </c>
      <c r="F48984" s="1" t="s">
        <v>166087</v>
      </c>
      <c r="G48984" s="1" t="s">
        <v>166055</v>
      </c>
      <c r="H48984" s="1" t="s">
        <v>166056</v>
      </c>
      <c r="I48984" s="1" t="s">
        <v>165942</v>
      </c>
      <c r="J48984" s="1" t="s">
        <v>166088</v>
      </c>
    </row>
    <row r="48985" spans="1:10" x14ac:dyDescent="0.35">
      <c r="A48985" s="1" t="s">
        <v>75</v>
      </c>
      <c r="B48985" s="1" t="s">
        <v>165936</v>
      </c>
      <c r="C48985" s="1" t="s">
        <v>65</v>
      </c>
      <c r="D48985" s="1" t="s">
        <v>86823</v>
      </c>
      <c r="E48985" s="1" t="s">
        <v>166089</v>
      </c>
      <c r="F48985" s="1" t="s">
        <v>166090</v>
      </c>
      <c r="G48985" s="1" t="s">
        <v>166055</v>
      </c>
      <c r="H48985" s="1" t="s">
        <v>166056</v>
      </c>
      <c r="I48985" s="1" t="s">
        <v>165942</v>
      </c>
      <c r="J48985" s="1" t="s">
        <v>166091</v>
      </c>
    </row>
    <row r="48986" spans="1:10" x14ac:dyDescent="0.35">
      <c r="A48986" s="1" t="s">
        <v>75</v>
      </c>
      <c r="B48986" s="1" t="s">
        <v>165936</v>
      </c>
      <c r="C48986" s="1" t="s">
        <v>70</v>
      </c>
      <c r="D48986" s="1" t="s">
        <v>166092</v>
      </c>
      <c r="E48986" s="1" t="s">
        <v>166093</v>
      </c>
      <c r="F48986" s="1" t="s">
        <v>166094</v>
      </c>
      <c r="G48986" s="1" t="s">
        <v>166055</v>
      </c>
      <c r="H48986" s="1" t="s">
        <v>166056</v>
      </c>
      <c r="I48986" s="1" t="s">
        <v>165942</v>
      </c>
      <c r="J48986" s="1" t="s">
        <v>166095</v>
      </c>
    </row>
    <row r="48987" spans="1:10" x14ac:dyDescent="0.35">
      <c r="A48987" s="1" t="s">
        <v>75</v>
      </c>
      <c r="B48987" s="1" t="s">
        <v>165936</v>
      </c>
      <c r="C48987" s="1" t="s">
        <v>75</v>
      </c>
      <c r="D48987" s="1" t="s">
        <v>54897</v>
      </c>
      <c r="E48987" s="1" t="s">
        <v>166096</v>
      </c>
      <c r="F48987" s="1" t="s">
        <v>166097</v>
      </c>
      <c r="G48987" s="1" t="s">
        <v>166055</v>
      </c>
      <c r="H48987" s="1" t="s">
        <v>166056</v>
      </c>
      <c r="I48987" s="1" t="s">
        <v>165942</v>
      </c>
      <c r="J48987" s="1" t="s">
        <v>166098</v>
      </c>
    </row>
    <row r="48988" spans="1:10" x14ac:dyDescent="0.35">
      <c r="A48988" s="1" t="s">
        <v>75</v>
      </c>
      <c r="B48988" s="1" t="s">
        <v>165936</v>
      </c>
      <c r="C48988" s="1" t="s">
        <v>80</v>
      </c>
      <c r="D48988" s="1" t="s">
        <v>166099</v>
      </c>
      <c r="E48988" s="1" t="s">
        <v>166100</v>
      </c>
      <c r="F48988" s="1" t="s">
        <v>166101</v>
      </c>
      <c r="G48988" s="1" t="s">
        <v>166055</v>
      </c>
      <c r="H48988" s="1" t="s">
        <v>166056</v>
      </c>
      <c r="I48988" s="1" t="s">
        <v>165942</v>
      </c>
      <c r="J48988" s="1" t="s">
        <v>166102</v>
      </c>
    </row>
    <row r="48989" spans="1:10" x14ac:dyDescent="0.35">
      <c r="A48989" s="1" t="s">
        <v>75</v>
      </c>
      <c r="B48989" s="1" t="s">
        <v>165936</v>
      </c>
      <c r="C48989" s="1" t="s">
        <v>85</v>
      </c>
      <c r="D48989" s="1" t="s">
        <v>69645</v>
      </c>
      <c r="E48989" s="1" t="s">
        <v>166103</v>
      </c>
      <c r="F48989" s="1" t="s">
        <v>166104</v>
      </c>
      <c r="G48989" s="1" t="s">
        <v>166055</v>
      </c>
      <c r="H48989" s="1" t="s">
        <v>166056</v>
      </c>
      <c r="I48989" s="1" t="s">
        <v>165942</v>
      </c>
      <c r="J48989" s="1" t="s">
        <v>166105</v>
      </c>
    </row>
    <row r="48990" spans="1:10" x14ac:dyDescent="0.35">
      <c r="A48990" s="1" t="s">
        <v>75</v>
      </c>
      <c r="B48990" s="1" t="s">
        <v>165936</v>
      </c>
      <c r="C48990" s="1" t="s">
        <v>90</v>
      </c>
      <c r="D48990" s="1" t="s">
        <v>54274</v>
      </c>
      <c r="E48990" s="1" t="s">
        <v>166106</v>
      </c>
      <c r="F48990" s="1" t="s">
        <v>166107</v>
      </c>
      <c r="G48990" s="1" t="s">
        <v>166055</v>
      </c>
      <c r="H48990" s="1" t="s">
        <v>166056</v>
      </c>
      <c r="I48990" s="1" t="s">
        <v>165942</v>
      </c>
      <c r="J48990" s="1" t="s">
        <v>166108</v>
      </c>
    </row>
    <row r="48991" spans="1:10" x14ac:dyDescent="0.35">
      <c r="A48991" s="1" t="s">
        <v>75</v>
      </c>
      <c r="B48991" s="1" t="s">
        <v>165936</v>
      </c>
      <c r="C48991" s="1" t="s">
        <v>95</v>
      </c>
      <c r="D48991" s="1" t="s">
        <v>100491</v>
      </c>
      <c r="E48991" s="1" t="s">
        <v>166109</v>
      </c>
      <c r="F48991" s="1" t="s">
        <v>166110</v>
      </c>
      <c r="G48991" s="1" t="s">
        <v>166055</v>
      </c>
      <c r="H48991" s="1" t="s">
        <v>166056</v>
      </c>
      <c r="I48991" s="1" t="s">
        <v>165942</v>
      </c>
      <c r="J48991" s="1" t="s">
        <v>166111</v>
      </c>
    </row>
    <row r="48992" spans="1:10" x14ac:dyDescent="0.35">
      <c r="A48992" s="1" t="s">
        <v>75</v>
      </c>
      <c r="B48992" s="1" t="s">
        <v>165936</v>
      </c>
      <c r="C48992" s="1" t="s">
        <v>100</v>
      </c>
      <c r="D48992" s="1" t="s">
        <v>56523</v>
      </c>
      <c r="E48992" s="1" t="s">
        <v>166112</v>
      </c>
      <c r="F48992" s="1" t="s">
        <v>166113</v>
      </c>
      <c r="G48992" s="1" t="s">
        <v>166055</v>
      </c>
      <c r="H48992" s="1" t="s">
        <v>166056</v>
      </c>
      <c r="I48992" s="1" t="s">
        <v>165942</v>
      </c>
      <c r="J48992" s="1" t="s">
        <v>166114</v>
      </c>
    </row>
    <row r="48993" spans="1:10" x14ac:dyDescent="0.35">
      <c r="A48993" s="1" t="s">
        <v>75</v>
      </c>
      <c r="B48993" s="1" t="s">
        <v>165936</v>
      </c>
      <c r="C48993" s="1" t="s">
        <v>105</v>
      </c>
      <c r="D48993" s="1" t="s">
        <v>80088</v>
      </c>
      <c r="E48993" s="1" t="s">
        <v>166115</v>
      </c>
      <c r="F48993" s="1" t="s">
        <v>166116</v>
      </c>
      <c r="G48993" s="1" t="s">
        <v>166055</v>
      </c>
      <c r="H48993" s="1" t="s">
        <v>166056</v>
      </c>
      <c r="I48993" s="1" t="s">
        <v>165942</v>
      </c>
      <c r="J48993" s="1" t="s">
        <v>166117</v>
      </c>
    </row>
    <row r="48994" spans="1:10" x14ac:dyDescent="0.35">
      <c r="A48994" s="1" t="s">
        <v>75</v>
      </c>
      <c r="B48994" s="1" t="s">
        <v>165936</v>
      </c>
      <c r="C48994" s="1" t="s">
        <v>110</v>
      </c>
      <c r="D48994" s="1" t="s">
        <v>21623</v>
      </c>
      <c r="E48994" s="1" t="s">
        <v>166118</v>
      </c>
      <c r="F48994" s="1" t="s">
        <v>166119</v>
      </c>
      <c r="G48994" s="1" t="s">
        <v>166055</v>
      </c>
      <c r="H48994" s="1" t="s">
        <v>166056</v>
      </c>
      <c r="I48994" s="1" t="s">
        <v>165942</v>
      </c>
      <c r="J48994" s="1" t="s">
        <v>166120</v>
      </c>
    </row>
    <row r="48995" spans="1:10" x14ac:dyDescent="0.35">
      <c r="A48995" s="1" t="s">
        <v>75</v>
      </c>
      <c r="B48995" s="1" t="s">
        <v>165936</v>
      </c>
      <c r="C48995" s="1" t="s">
        <v>115</v>
      </c>
      <c r="D48995" s="1" t="s">
        <v>54282</v>
      </c>
      <c r="E48995" s="1" t="s">
        <v>166121</v>
      </c>
      <c r="F48995" s="1" t="s">
        <v>166122</v>
      </c>
      <c r="G48995" s="1" t="s">
        <v>166055</v>
      </c>
      <c r="H48995" s="1" t="s">
        <v>166056</v>
      </c>
      <c r="I48995" s="1" t="s">
        <v>165942</v>
      </c>
      <c r="J48995" s="1" t="s">
        <v>166123</v>
      </c>
    </row>
    <row r="48996" spans="1:10" x14ac:dyDescent="0.35">
      <c r="A48996" s="1" t="s">
        <v>75</v>
      </c>
      <c r="B48996" s="1" t="s">
        <v>165936</v>
      </c>
      <c r="C48996" s="1" t="s">
        <v>120</v>
      </c>
      <c r="D48996" s="1" t="s">
        <v>162893</v>
      </c>
      <c r="E48996" s="1" t="s">
        <v>166124</v>
      </c>
      <c r="F48996" s="1" t="s">
        <v>166125</v>
      </c>
      <c r="G48996" s="1" t="s">
        <v>166055</v>
      </c>
      <c r="H48996" s="1" t="s">
        <v>166056</v>
      </c>
      <c r="I48996" s="1" t="s">
        <v>165942</v>
      </c>
      <c r="J48996" s="1" t="s">
        <v>166126</v>
      </c>
    </row>
    <row r="48997" spans="1:10" x14ac:dyDescent="0.35">
      <c r="A48997" s="1" t="s">
        <v>75</v>
      </c>
      <c r="B48997" s="1" t="s">
        <v>165936</v>
      </c>
      <c r="C48997" s="1" t="s">
        <v>125</v>
      </c>
      <c r="D48997" s="1" t="s">
        <v>5286</v>
      </c>
      <c r="E48997" s="1" t="s">
        <v>166127</v>
      </c>
      <c r="F48997" s="1" t="s">
        <v>166128</v>
      </c>
      <c r="G48997" s="1" t="s">
        <v>166055</v>
      </c>
      <c r="H48997" s="1" t="s">
        <v>166056</v>
      </c>
      <c r="I48997" s="1" t="s">
        <v>165942</v>
      </c>
      <c r="J48997" s="1" t="s">
        <v>166129</v>
      </c>
    </row>
    <row r="48998" spans="1:10" x14ac:dyDescent="0.35">
      <c r="A48998" s="1" t="s">
        <v>75</v>
      </c>
      <c r="B48998" s="1" t="s">
        <v>165936</v>
      </c>
      <c r="C48998" s="1" t="s">
        <v>130</v>
      </c>
      <c r="D48998" s="1" t="s">
        <v>95202</v>
      </c>
      <c r="E48998" s="1" t="s">
        <v>166130</v>
      </c>
      <c r="F48998" s="1" t="s">
        <v>166131</v>
      </c>
      <c r="G48998" s="1" t="s">
        <v>166055</v>
      </c>
      <c r="H48998" s="1" t="s">
        <v>166056</v>
      </c>
      <c r="I48998" s="1" t="s">
        <v>165942</v>
      </c>
      <c r="J48998" s="1" t="s">
        <v>166132</v>
      </c>
    </row>
    <row r="48999" spans="1:10" x14ac:dyDescent="0.35">
      <c r="A48999" s="1" t="s">
        <v>75</v>
      </c>
      <c r="B48999" s="1" t="s">
        <v>165936</v>
      </c>
      <c r="C48999" s="1" t="s">
        <v>135</v>
      </c>
      <c r="D48999" s="1" t="s">
        <v>56816</v>
      </c>
      <c r="E48999" s="1" t="s">
        <v>166133</v>
      </c>
      <c r="F48999" s="1" t="s">
        <v>166134</v>
      </c>
      <c r="G48999" s="1" t="s">
        <v>166055</v>
      </c>
      <c r="H48999" s="1" t="s">
        <v>166056</v>
      </c>
      <c r="I48999" s="1" t="s">
        <v>165942</v>
      </c>
      <c r="J48999" s="1" t="s">
        <v>166135</v>
      </c>
    </row>
    <row r="49000" spans="1:10" x14ac:dyDescent="0.35">
      <c r="A49000" s="1" t="s">
        <v>75</v>
      </c>
      <c r="B49000" s="1" t="s">
        <v>165936</v>
      </c>
      <c r="C49000" s="1" t="s">
        <v>140</v>
      </c>
      <c r="D49000" s="1" t="s">
        <v>130153</v>
      </c>
      <c r="E49000" s="1" t="s">
        <v>166136</v>
      </c>
      <c r="F49000" s="1" t="s">
        <v>166137</v>
      </c>
      <c r="G49000" s="1" t="s">
        <v>166055</v>
      </c>
      <c r="H49000" s="1" t="s">
        <v>166056</v>
      </c>
      <c r="I49000" s="1" t="s">
        <v>165942</v>
      </c>
      <c r="J49000" s="1" t="s">
        <v>166138</v>
      </c>
    </row>
    <row r="49001" spans="1:10" x14ac:dyDescent="0.35">
      <c r="A49001" s="1" t="s">
        <v>75</v>
      </c>
      <c r="B49001" s="1" t="s">
        <v>165936</v>
      </c>
      <c r="C49001" s="1" t="s">
        <v>145</v>
      </c>
      <c r="D49001" s="1" t="s">
        <v>166139</v>
      </c>
      <c r="E49001" s="1" t="s">
        <v>166140</v>
      </c>
      <c r="F49001" s="1" t="s">
        <v>166141</v>
      </c>
      <c r="G49001" s="1" t="s">
        <v>166055</v>
      </c>
      <c r="H49001" s="1" t="s">
        <v>166056</v>
      </c>
      <c r="I49001" s="1" t="s">
        <v>165942</v>
      </c>
      <c r="J49001" s="1" t="s">
        <v>166142</v>
      </c>
    </row>
    <row r="49002" spans="1:10" x14ac:dyDescent="0.35">
      <c r="A49002" s="1" t="s">
        <v>75</v>
      </c>
      <c r="B49002" s="1" t="s">
        <v>165936</v>
      </c>
      <c r="C49002" s="1" t="s">
        <v>150</v>
      </c>
      <c r="D49002" s="1" t="s">
        <v>42360</v>
      </c>
      <c r="E49002" s="1" t="s">
        <v>166143</v>
      </c>
      <c r="F49002" s="1" t="s">
        <v>166144</v>
      </c>
      <c r="G49002" s="1" t="s">
        <v>166055</v>
      </c>
      <c r="H49002" s="1" t="s">
        <v>166056</v>
      </c>
      <c r="I49002" s="1" t="s">
        <v>165942</v>
      </c>
      <c r="J49002" s="1" t="s">
        <v>166145</v>
      </c>
    </row>
    <row r="49003" spans="1:10" x14ac:dyDescent="0.35">
      <c r="A49003" s="1" t="s">
        <v>75</v>
      </c>
      <c r="B49003" s="1" t="s">
        <v>165936</v>
      </c>
      <c r="C49003" s="1" t="s">
        <v>155</v>
      </c>
      <c r="D49003" s="1" t="s">
        <v>166146</v>
      </c>
      <c r="E49003" s="1" t="s">
        <v>166147</v>
      </c>
      <c r="F49003" s="1" t="s">
        <v>166148</v>
      </c>
      <c r="G49003" s="1" t="s">
        <v>166055</v>
      </c>
      <c r="H49003" s="1" t="s">
        <v>166056</v>
      </c>
      <c r="I49003" s="1" t="s">
        <v>165942</v>
      </c>
      <c r="J49003" s="1" t="s">
        <v>166149</v>
      </c>
    </row>
    <row r="49004" spans="1:10" x14ac:dyDescent="0.35">
      <c r="A49004" s="1" t="s">
        <v>75</v>
      </c>
      <c r="B49004" s="1" t="s">
        <v>165936</v>
      </c>
      <c r="C49004" s="1" t="s">
        <v>160</v>
      </c>
      <c r="D49004" s="1" t="s">
        <v>101926</v>
      </c>
      <c r="E49004" s="1" t="s">
        <v>166150</v>
      </c>
      <c r="F49004" s="1" t="s">
        <v>166151</v>
      </c>
      <c r="G49004" s="1" t="s">
        <v>166055</v>
      </c>
      <c r="H49004" s="1" t="s">
        <v>166056</v>
      </c>
      <c r="I49004" s="1" t="s">
        <v>165942</v>
      </c>
      <c r="J49004" s="1" t="s">
        <v>166152</v>
      </c>
    </row>
    <row r="49005" spans="1:10" x14ac:dyDescent="0.35">
      <c r="A49005" s="1" t="s">
        <v>75</v>
      </c>
      <c r="B49005" s="1" t="s">
        <v>165936</v>
      </c>
      <c r="C49005" s="1" t="s">
        <v>165</v>
      </c>
      <c r="D49005" s="1" t="s">
        <v>166153</v>
      </c>
      <c r="E49005" s="1" t="s">
        <v>166154</v>
      </c>
      <c r="F49005" s="1" t="s">
        <v>166155</v>
      </c>
      <c r="G49005" s="1" t="s">
        <v>166055</v>
      </c>
      <c r="H49005" s="1" t="s">
        <v>166056</v>
      </c>
      <c r="I49005" s="1" t="s">
        <v>165942</v>
      </c>
      <c r="J49005" s="1" t="s">
        <v>166156</v>
      </c>
    </row>
    <row r="49006" spans="1:10" x14ac:dyDescent="0.35">
      <c r="A49006" s="1" t="s">
        <v>75</v>
      </c>
      <c r="B49006" s="1" t="s">
        <v>165936</v>
      </c>
      <c r="C49006" s="1" t="s">
        <v>170</v>
      </c>
      <c r="D49006" s="1" t="s">
        <v>166157</v>
      </c>
      <c r="E49006" s="1" t="s">
        <v>166158</v>
      </c>
      <c r="F49006" s="1" t="s">
        <v>166159</v>
      </c>
      <c r="G49006" s="1" t="s">
        <v>166055</v>
      </c>
      <c r="H49006" s="1" t="s">
        <v>166056</v>
      </c>
      <c r="I49006" s="1" t="s">
        <v>165942</v>
      </c>
      <c r="J49006" s="1" t="s">
        <v>166160</v>
      </c>
    </row>
    <row r="49007" spans="1:10" x14ac:dyDescent="0.35">
      <c r="A49007" s="1" t="s">
        <v>80</v>
      </c>
      <c r="B49007" s="1" t="s">
        <v>165936</v>
      </c>
      <c r="C49007" s="1" t="s">
        <v>8</v>
      </c>
      <c r="D49007" s="1" t="s">
        <v>166161</v>
      </c>
      <c r="E49007" s="1" t="s">
        <v>166162</v>
      </c>
      <c r="F49007" s="1" t="s">
        <v>166163</v>
      </c>
      <c r="G49007" s="1" t="s">
        <v>166164</v>
      </c>
      <c r="H49007" s="1" t="s">
        <v>166165</v>
      </c>
      <c r="I49007" s="1" t="s">
        <v>165942</v>
      </c>
      <c r="J49007" s="1" t="s">
        <v>13</v>
      </c>
    </row>
    <row r="49008" spans="1:10" x14ac:dyDescent="0.35">
      <c r="A49008" s="1" t="s">
        <v>80</v>
      </c>
      <c r="B49008" s="1" t="s">
        <v>165936</v>
      </c>
      <c r="C49008" s="1" t="s">
        <v>15</v>
      </c>
      <c r="D49008" s="1" t="s">
        <v>166166</v>
      </c>
      <c r="E49008" s="1" t="s">
        <v>166167</v>
      </c>
      <c r="F49008" s="1" t="s">
        <v>166168</v>
      </c>
      <c r="G49008" s="1" t="s">
        <v>166164</v>
      </c>
      <c r="H49008" s="1" t="s">
        <v>166165</v>
      </c>
      <c r="I49008" s="1" t="s">
        <v>165942</v>
      </c>
      <c r="J49008" s="1" t="s">
        <v>166169</v>
      </c>
    </row>
    <row r="49009" spans="1:10" x14ac:dyDescent="0.35">
      <c r="A49009" s="1" t="s">
        <v>80</v>
      </c>
      <c r="B49009" s="1" t="s">
        <v>165936</v>
      </c>
      <c r="C49009" s="1" t="s">
        <v>20</v>
      </c>
      <c r="D49009" s="1" t="s">
        <v>19463</v>
      </c>
      <c r="E49009" s="1" t="s">
        <v>166170</v>
      </c>
      <c r="F49009" s="1" t="s">
        <v>166171</v>
      </c>
      <c r="G49009" s="1" t="s">
        <v>166164</v>
      </c>
      <c r="H49009" s="1" t="s">
        <v>166165</v>
      </c>
      <c r="I49009" s="1" t="s">
        <v>165942</v>
      </c>
      <c r="J49009" s="1" t="s">
        <v>166172</v>
      </c>
    </row>
    <row r="49010" spans="1:10" x14ac:dyDescent="0.35">
      <c r="A49010" s="1" t="s">
        <v>80</v>
      </c>
      <c r="B49010" s="1" t="s">
        <v>165936</v>
      </c>
      <c r="C49010" s="1" t="s">
        <v>25</v>
      </c>
      <c r="D49010" s="1" t="s">
        <v>40125</v>
      </c>
      <c r="E49010" s="1" t="s">
        <v>166173</v>
      </c>
      <c r="F49010" s="1" t="s">
        <v>166174</v>
      </c>
      <c r="G49010" s="1" t="s">
        <v>166164</v>
      </c>
      <c r="H49010" s="1" t="s">
        <v>166165</v>
      </c>
      <c r="I49010" s="1" t="s">
        <v>165942</v>
      </c>
      <c r="J49010" s="1" t="s">
        <v>166175</v>
      </c>
    </row>
    <row r="49011" spans="1:10" x14ac:dyDescent="0.35">
      <c r="A49011" s="1" t="s">
        <v>80</v>
      </c>
      <c r="B49011" s="1" t="s">
        <v>165936</v>
      </c>
      <c r="C49011" s="1" t="s">
        <v>30</v>
      </c>
      <c r="D49011" s="1" t="s">
        <v>166176</v>
      </c>
      <c r="E49011" s="1" t="s">
        <v>166177</v>
      </c>
      <c r="F49011" s="1" t="s">
        <v>166178</v>
      </c>
      <c r="G49011" s="1" t="s">
        <v>166164</v>
      </c>
      <c r="H49011" s="1" t="s">
        <v>166165</v>
      </c>
      <c r="I49011" s="1" t="s">
        <v>165942</v>
      </c>
      <c r="J49011" s="1" t="s">
        <v>166179</v>
      </c>
    </row>
    <row r="49012" spans="1:10" x14ac:dyDescent="0.35">
      <c r="A49012" s="1" t="s">
        <v>80</v>
      </c>
      <c r="B49012" s="1" t="s">
        <v>165936</v>
      </c>
      <c r="C49012" s="1" t="s">
        <v>35</v>
      </c>
      <c r="D49012" s="1" t="s">
        <v>67082</v>
      </c>
      <c r="E49012" s="1" t="s">
        <v>166180</v>
      </c>
      <c r="F49012" s="1" t="s">
        <v>166181</v>
      </c>
      <c r="G49012" s="1" t="s">
        <v>166164</v>
      </c>
      <c r="H49012" s="1" t="s">
        <v>166165</v>
      </c>
      <c r="I49012" s="1" t="s">
        <v>165942</v>
      </c>
      <c r="J49012" s="1" t="s">
        <v>166182</v>
      </c>
    </row>
    <row r="49013" spans="1:10" x14ac:dyDescent="0.35">
      <c r="A49013" s="1" t="s">
        <v>80</v>
      </c>
      <c r="B49013" s="1" t="s">
        <v>165936</v>
      </c>
      <c r="C49013" s="1" t="s">
        <v>40</v>
      </c>
      <c r="D49013" s="1" t="s">
        <v>166183</v>
      </c>
      <c r="E49013" s="1" t="s">
        <v>166184</v>
      </c>
      <c r="F49013" s="1" t="s">
        <v>166185</v>
      </c>
      <c r="G49013" s="1" t="s">
        <v>166164</v>
      </c>
      <c r="H49013" s="1" t="s">
        <v>166165</v>
      </c>
      <c r="I49013" s="1" t="s">
        <v>165942</v>
      </c>
      <c r="J49013" s="1" t="s">
        <v>166186</v>
      </c>
    </row>
    <row r="49014" spans="1:10" x14ac:dyDescent="0.35">
      <c r="A49014" s="1" t="s">
        <v>80</v>
      </c>
      <c r="B49014" s="1" t="s">
        <v>165936</v>
      </c>
      <c r="C49014" s="1" t="s">
        <v>45</v>
      </c>
      <c r="D49014" s="1" t="s">
        <v>66731</v>
      </c>
      <c r="E49014" s="1" t="s">
        <v>166187</v>
      </c>
      <c r="F49014" s="1" t="s">
        <v>166188</v>
      </c>
      <c r="G49014" s="1" t="s">
        <v>166164</v>
      </c>
      <c r="H49014" s="1" t="s">
        <v>166165</v>
      </c>
      <c r="I49014" s="1" t="s">
        <v>165942</v>
      </c>
      <c r="J49014" s="1" t="s">
        <v>166189</v>
      </c>
    </row>
    <row r="49015" spans="1:10" x14ac:dyDescent="0.35">
      <c r="A49015" s="1" t="s">
        <v>80</v>
      </c>
      <c r="B49015" s="1" t="s">
        <v>165936</v>
      </c>
      <c r="C49015" s="1" t="s">
        <v>50</v>
      </c>
      <c r="D49015" s="1" t="s">
        <v>11453</v>
      </c>
      <c r="E49015" s="1" t="s">
        <v>166190</v>
      </c>
      <c r="F49015" s="1" t="s">
        <v>166191</v>
      </c>
      <c r="G49015" s="1" t="s">
        <v>166164</v>
      </c>
      <c r="H49015" s="1" t="s">
        <v>166165</v>
      </c>
      <c r="I49015" s="1" t="s">
        <v>165942</v>
      </c>
      <c r="J49015" s="1" t="s">
        <v>166192</v>
      </c>
    </row>
    <row r="49016" spans="1:10" x14ac:dyDescent="0.35">
      <c r="A49016" s="1" t="s">
        <v>80</v>
      </c>
      <c r="B49016" s="1" t="s">
        <v>165936</v>
      </c>
      <c r="C49016" s="1" t="s">
        <v>55</v>
      </c>
      <c r="D49016" s="1" t="s">
        <v>166193</v>
      </c>
      <c r="E49016" s="1" t="s">
        <v>166194</v>
      </c>
      <c r="F49016" s="1" t="s">
        <v>166195</v>
      </c>
      <c r="G49016" s="1" t="s">
        <v>166164</v>
      </c>
      <c r="H49016" s="1" t="s">
        <v>166165</v>
      </c>
      <c r="I49016" s="1" t="s">
        <v>165942</v>
      </c>
      <c r="J49016" s="1" t="s">
        <v>166196</v>
      </c>
    </row>
    <row r="49017" spans="1:10" x14ac:dyDescent="0.35">
      <c r="A49017" s="1" t="s">
        <v>80</v>
      </c>
      <c r="B49017" s="1" t="s">
        <v>165936</v>
      </c>
      <c r="C49017" s="1" t="s">
        <v>60</v>
      </c>
      <c r="D49017" s="1" t="s">
        <v>166197</v>
      </c>
      <c r="E49017" s="1" t="s">
        <v>166198</v>
      </c>
      <c r="F49017" s="1" t="s">
        <v>166199</v>
      </c>
      <c r="G49017" s="1" t="s">
        <v>166164</v>
      </c>
      <c r="H49017" s="1" t="s">
        <v>166165</v>
      </c>
      <c r="I49017" s="1" t="s">
        <v>165942</v>
      </c>
      <c r="J49017" s="1" t="s">
        <v>166200</v>
      </c>
    </row>
    <row r="49018" spans="1:10" x14ac:dyDescent="0.35">
      <c r="A49018" s="1" t="s">
        <v>80</v>
      </c>
      <c r="B49018" s="1" t="s">
        <v>165936</v>
      </c>
      <c r="C49018" s="1" t="s">
        <v>65</v>
      </c>
      <c r="D49018" s="1" t="s">
        <v>106732</v>
      </c>
      <c r="E49018" s="1" t="s">
        <v>166201</v>
      </c>
      <c r="F49018" s="1" t="s">
        <v>166202</v>
      </c>
      <c r="G49018" s="1" t="s">
        <v>166164</v>
      </c>
      <c r="H49018" s="1" t="s">
        <v>166165</v>
      </c>
      <c r="I49018" s="1" t="s">
        <v>165942</v>
      </c>
      <c r="J49018" s="1" t="s">
        <v>166203</v>
      </c>
    </row>
    <row r="49019" spans="1:10" x14ac:dyDescent="0.35">
      <c r="A49019" s="1" t="s">
        <v>80</v>
      </c>
      <c r="B49019" s="1" t="s">
        <v>165936</v>
      </c>
      <c r="C49019" s="1" t="s">
        <v>70</v>
      </c>
      <c r="D49019" s="1" t="s">
        <v>22559</v>
      </c>
      <c r="E49019" s="1" t="s">
        <v>166204</v>
      </c>
      <c r="F49019" s="1" t="s">
        <v>166205</v>
      </c>
      <c r="G49019" s="1" t="s">
        <v>166164</v>
      </c>
      <c r="H49019" s="1" t="s">
        <v>166165</v>
      </c>
      <c r="I49019" s="1" t="s">
        <v>165942</v>
      </c>
      <c r="J49019" s="1" t="s">
        <v>166206</v>
      </c>
    </row>
    <row r="49020" spans="1:10" x14ac:dyDescent="0.35">
      <c r="A49020" s="1" t="s">
        <v>80</v>
      </c>
      <c r="B49020" s="1" t="s">
        <v>165936</v>
      </c>
      <c r="C49020" s="1" t="s">
        <v>75</v>
      </c>
      <c r="D49020" s="1" t="s">
        <v>53979</v>
      </c>
      <c r="E49020" s="1" t="s">
        <v>166207</v>
      </c>
      <c r="F49020" s="1" t="s">
        <v>166208</v>
      </c>
      <c r="G49020" s="1" t="s">
        <v>166164</v>
      </c>
      <c r="H49020" s="1" t="s">
        <v>166165</v>
      </c>
      <c r="I49020" s="1" t="s">
        <v>165942</v>
      </c>
      <c r="J49020" s="1" t="s">
        <v>166209</v>
      </c>
    </row>
    <row r="49021" spans="1:10" x14ac:dyDescent="0.35">
      <c r="A49021" s="1" t="s">
        <v>80</v>
      </c>
      <c r="B49021" s="1" t="s">
        <v>165936</v>
      </c>
      <c r="C49021" s="1" t="s">
        <v>80</v>
      </c>
      <c r="D49021" s="1" t="s">
        <v>91634</v>
      </c>
      <c r="E49021" s="1" t="s">
        <v>166210</v>
      </c>
      <c r="F49021" s="1" t="s">
        <v>166211</v>
      </c>
      <c r="G49021" s="1" t="s">
        <v>166164</v>
      </c>
      <c r="H49021" s="1" t="s">
        <v>166165</v>
      </c>
      <c r="I49021" s="1" t="s">
        <v>165942</v>
      </c>
      <c r="J49021" s="1" t="s">
        <v>166212</v>
      </c>
    </row>
    <row r="49022" spans="1:10" x14ac:dyDescent="0.35">
      <c r="A49022" s="1" t="s">
        <v>80</v>
      </c>
      <c r="B49022" s="1" t="s">
        <v>165936</v>
      </c>
      <c r="C49022" s="1" t="s">
        <v>85</v>
      </c>
      <c r="D49022" s="1" t="s">
        <v>80990</v>
      </c>
      <c r="E49022" s="1" t="s">
        <v>166213</v>
      </c>
      <c r="F49022" s="1" t="s">
        <v>166214</v>
      </c>
      <c r="G49022" s="1" t="s">
        <v>166164</v>
      </c>
      <c r="H49022" s="1" t="s">
        <v>166165</v>
      </c>
      <c r="I49022" s="1" t="s">
        <v>165942</v>
      </c>
      <c r="J49022" s="1" t="s">
        <v>166215</v>
      </c>
    </row>
    <row r="49023" spans="1:10" x14ac:dyDescent="0.35">
      <c r="A49023" s="1" t="s">
        <v>80</v>
      </c>
      <c r="B49023" s="1" t="s">
        <v>165936</v>
      </c>
      <c r="C49023" s="1" t="s">
        <v>90</v>
      </c>
      <c r="D49023" s="1" t="s">
        <v>21647</v>
      </c>
      <c r="E49023" s="1" t="s">
        <v>166216</v>
      </c>
      <c r="F49023" s="1" t="s">
        <v>166217</v>
      </c>
      <c r="G49023" s="1" t="s">
        <v>166164</v>
      </c>
      <c r="H49023" s="1" t="s">
        <v>166165</v>
      </c>
      <c r="I49023" s="1" t="s">
        <v>165942</v>
      </c>
      <c r="J49023" s="1" t="s">
        <v>166218</v>
      </c>
    </row>
    <row r="49024" spans="1:10" x14ac:dyDescent="0.35">
      <c r="A49024" s="1" t="s">
        <v>80</v>
      </c>
      <c r="B49024" s="1" t="s">
        <v>165936</v>
      </c>
      <c r="C49024" s="1" t="s">
        <v>95</v>
      </c>
      <c r="D49024" s="1" t="s">
        <v>80519</v>
      </c>
      <c r="E49024" s="1" t="s">
        <v>166219</v>
      </c>
      <c r="F49024" s="1" t="s">
        <v>166220</v>
      </c>
      <c r="G49024" s="1" t="s">
        <v>166164</v>
      </c>
      <c r="H49024" s="1" t="s">
        <v>166165</v>
      </c>
      <c r="I49024" s="1" t="s">
        <v>165942</v>
      </c>
      <c r="J49024" s="1" t="s">
        <v>166221</v>
      </c>
    </row>
    <row r="49025" spans="1:10" x14ac:dyDescent="0.35">
      <c r="A49025" s="1" t="s">
        <v>80</v>
      </c>
      <c r="B49025" s="1" t="s">
        <v>165936</v>
      </c>
      <c r="C49025" s="1" t="s">
        <v>100</v>
      </c>
      <c r="D49025" s="1" t="s">
        <v>68957</v>
      </c>
      <c r="E49025" s="1" t="s">
        <v>166222</v>
      </c>
      <c r="F49025" s="1" t="s">
        <v>166223</v>
      </c>
      <c r="G49025" s="1" t="s">
        <v>166164</v>
      </c>
      <c r="H49025" s="1" t="s">
        <v>166165</v>
      </c>
      <c r="I49025" s="1" t="s">
        <v>165942</v>
      </c>
      <c r="J49025" s="1" t="s">
        <v>166224</v>
      </c>
    </row>
    <row r="49026" spans="1:10" x14ac:dyDescent="0.35">
      <c r="A49026" s="1" t="s">
        <v>80</v>
      </c>
      <c r="B49026" s="1" t="s">
        <v>165936</v>
      </c>
      <c r="C49026" s="1" t="s">
        <v>105</v>
      </c>
      <c r="D49026" s="1" t="s">
        <v>86429</v>
      </c>
      <c r="E49026" s="1" t="s">
        <v>166225</v>
      </c>
      <c r="F49026" s="1" t="s">
        <v>166226</v>
      </c>
      <c r="G49026" s="1" t="s">
        <v>166164</v>
      </c>
      <c r="H49026" s="1" t="s">
        <v>166165</v>
      </c>
      <c r="I49026" s="1" t="s">
        <v>165942</v>
      </c>
      <c r="J49026" s="1" t="s">
        <v>166227</v>
      </c>
    </row>
    <row r="49027" spans="1:10" x14ac:dyDescent="0.35">
      <c r="A49027" s="1" t="s">
        <v>80</v>
      </c>
      <c r="B49027" s="1" t="s">
        <v>165936</v>
      </c>
      <c r="C49027" s="1" t="s">
        <v>110</v>
      </c>
      <c r="D49027" s="1" t="s">
        <v>58857</v>
      </c>
      <c r="E49027" s="1" t="s">
        <v>166228</v>
      </c>
      <c r="F49027" s="1" t="s">
        <v>166229</v>
      </c>
      <c r="G49027" s="1" t="s">
        <v>166164</v>
      </c>
      <c r="H49027" s="1" t="s">
        <v>166165</v>
      </c>
      <c r="I49027" s="1" t="s">
        <v>165942</v>
      </c>
      <c r="J49027" s="1" t="s">
        <v>166230</v>
      </c>
    </row>
    <row r="49028" spans="1:10" x14ac:dyDescent="0.35">
      <c r="A49028" s="1" t="s">
        <v>80</v>
      </c>
      <c r="B49028" s="1" t="s">
        <v>165936</v>
      </c>
      <c r="C49028" s="1" t="s">
        <v>115</v>
      </c>
      <c r="D49028" s="1" t="s">
        <v>166231</v>
      </c>
      <c r="E49028" s="1" t="s">
        <v>166232</v>
      </c>
      <c r="F49028" s="1" t="s">
        <v>166233</v>
      </c>
      <c r="G49028" s="1" t="s">
        <v>166164</v>
      </c>
      <c r="H49028" s="1" t="s">
        <v>166165</v>
      </c>
      <c r="I49028" s="1" t="s">
        <v>165942</v>
      </c>
      <c r="J49028" s="1" t="s">
        <v>166234</v>
      </c>
    </row>
    <row r="49029" spans="1:10" x14ac:dyDescent="0.35">
      <c r="A49029" s="1" t="s">
        <v>80</v>
      </c>
      <c r="B49029" s="1" t="s">
        <v>165936</v>
      </c>
      <c r="C49029" s="1" t="s">
        <v>120</v>
      </c>
      <c r="D49029" s="1" t="s">
        <v>59994</v>
      </c>
      <c r="E49029" s="1" t="s">
        <v>166235</v>
      </c>
      <c r="F49029" s="1" t="s">
        <v>166236</v>
      </c>
      <c r="G49029" s="1" t="s">
        <v>166164</v>
      </c>
      <c r="H49029" s="1" t="s">
        <v>166165</v>
      </c>
      <c r="I49029" s="1" t="s">
        <v>165942</v>
      </c>
      <c r="J49029" s="1" t="s">
        <v>166237</v>
      </c>
    </row>
    <row r="49030" spans="1:10" x14ac:dyDescent="0.35">
      <c r="A49030" s="1" t="s">
        <v>80</v>
      </c>
      <c r="B49030" s="1" t="s">
        <v>165936</v>
      </c>
      <c r="C49030" s="1" t="s">
        <v>125</v>
      </c>
      <c r="D49030" s="1" t="s">
        <v>67237</v>
      </c>
      <c r="E49030" s="1" t="s">
        <v>166238</v>
      </c>
      <c r="F49030" s="1" t="s">
        <v>166239</v>
      </c>
      <c r="G49030" s="1" t="s">
        <v>166164</v>
      </c>
      <c r="H49030" s="1" t="s">
        <v>166165</v>
      </c>
      <c r="I49030" s="1" t="s">
        <v>165942</v>
      </c>
      <c r="J49030" s="1" t="s">
        <v>166240</v>
      </c>
    </row>
    <row r="49031" spans="1:10" x14ac:dyDescent="0.35">
      <c r="A49031" s="1" t="s">
        <v>80</v>
      </c>
      <c r="B49031" s="1" t="s">
        <v>165936</v>
      </c>
      <c r="C49031" s="1" t="s">
        <v>130</v>
      </c>
      <c r="D49031" s="1" t="s">
        <v>166241</v>
      </c>
      <c r="E49031" s="1" t="s">
        <v>166242</v>
      </c>
      <c r="F49031" s="1" t="s">
        <v>166243</v>
      </c>
      <c r="G49031" s="1" t="s">
        <v>166164</v>
      </c>
      <c r="H49031" s="1" t="s">
        <v>166165</v>
      </c>
      <c r="I49031" s="1" t="s">
        <v>165942</v>
      </c>
      <c r="J49031" s="1" t="s">
        <v>166244</v>
      </c>
    </row>
    <row r="49032" spans="1:10" x14ac:dyDescent="0.35">
      <c r="A49032" s="1" t="s">
        <v>80</v>
      </c>
      <c r="B49032" s="1" t="s">
        <v>165936</v>
      </c>
      <c r="C49032" s="1" t="s">
        <v>135</v>
      </c>
      <c r="D49032" s="1" t="s">
        <v>93217</v>
      </c>
      <c r="E49032" s="1" t="s">
        <v>166245</v>
      </c>
      <c r="F49032" s="1" t="s">
        <v>166246</v>
      </c>
      <c r="G49032" s="1" t="s">
        <v>166164</v>
      </c>
      <c r="H49032" s="1" t="s">
        <v>166165</v>
      </c>
      <c r="I49032" s="1" t="s">
        <v>165942</v>
      </c>
      <c r="J49032" s="1" t="s">
        <v>166247</v>
      </c>
    </row>
    <row r="49033" spans="1:10" x14ac:dyDescent="0.35">
      <c r="A49033" s="1" t="s">
        <v>80</v>
      </c>
      <c r="B49033" s="1" t="s">
        <v>165936</v>
      </c>
      <c r="C49033" s="1" t="s">
        <v>140</v>
      </c>
      <c r="D49033" s="1" t="s">
        <v>166248</v>
      </c>
      <c r="E49033" s="1" t="s">
        <v>166249</v>
      </c>
      <c r="F49033" s="1" t="s">
        <v>166250</v>
      </c>
      <c r="G49033" s="1" t="s">
        <v>166164</v>
      </c>
      <c r="H49033" s="1" t="s">
        <v>166165</v>
      </c>
      <c r="I49033" s="1" t="s">
        <v>165942</v>
      </c>
      <c r="J49033" s="1" t="s">
        <v>166251</v>
      </c>
    </row>
    <row r="49034" spans="1:10" x14ac:dyDescent="0.35">
      <c r="A49034" s="1" t="s">
        <v>80</v>
      </c>
      <c r="B49034" s="1" t="s">
        <v>165936</v>
      </c>
      <c r="C49034" s="1" t="s">
        <v>145</v>
      </c>
      <c r="D49034" s="1" t="s">
        <v>92335</v>
      </c>
      <c r="E49034" s="1" t="s">
        <v>166252</v>
      </c>
      <c r="F49034" s="1" t="s">
        <v>166253</v>
      </c>
      <c r="G49034" s="1" t="s">
        <v>166164</v>
      </c>
      <c r="H49034" s="1" t="s">
        <v>166165</v>
      </c>
      <c r="I49034" s="1" t="s">
        <v>165942</v>
      </c>
      <c r="J49034" s="1" t="s">
        <v>166254</v>
      </c>
    </row>
    <row r="49035" spans="1:10" x14ac:dyDescent="0.35">
      <c r="A49035" s="1" t="s">
        <v>80</v>
      </c>
      <c r="B49035" s="1" t="s">
        <v>165936</v>
      </c>
      <c r="C49035" s="1" t="s">
        <v>150</v>
      </c>
      <c r="D49035" s="1" t="s">
        <v>21671</v>
      </c>
      <c r="E49035" s="1" t="s">
        <v>166255</v>
      </c>
      <c r="F49035" s="1" t="s">
        <v>166256</v>
      </c>
      <c r="G49035" s="1" t="s">
        <v>166164</v>
      </c>
      <c r="H49035" s="1" t="s">
        <v>166165</v>
      </c>
      <c r="I49035" s="1" t="s">
        <v>165942</v>
      </c>
      <c r="J49035" s="1" t="s">
        <v>166257</v>
      </c>
    </row>
    <row r="49036" spans="1:10" x14ac:dyDescent="0.35">
      <c r="A49036" s="1" t="s">
        <v>80</v>
      </c>
      <c r="B49036" s="1" t="s">
        <v>165936</v>
      </c>
      <c r="C49036" s="1" t="s">
        <v>155</v>
      </c>
      <c r="D49036" s="1" t="s">
        <v>63498</v>
      </c>
      <c r="E49036" s="1" t="s">
        <v>166258</v>
      </c>
      <c r="F49036" s="1" t="s">
        <v>166259</v>
      </c>
      <c r="G49036" s="1" t="s">
        <v>166164</v>
      </c>
      <c r="H49036" s="1" t="s">
        <v>166165</v>
      </c>
      <c r="I49036" s="1" t="s">
        <v>165942</v>
      </c>
      <c r="J49036" s="1" t="s">
        <v>166260</v>
      </c>
    </row>
    <row r="49037" spans="1:10" x14ac:dyDescent="0.35">
      <c r="A49037" s="1" t="s">
        <v>80</v>
      </c>
      <c r="B49037" s="1" t="s">
        <v>165936</v>
      </c>
      <c r="C49037" s="1" t="s">
        <v>160</v>
      </c>
      <c r="D49037" s="1" t="s">
        <v>166261</v>
      </c>
      <c r="E49037" s="1" t="s">
        <v>166262</v>
      </c>
      <c r="F49037" s="1" t="s">
        <v>166263</v>
      </c>
      <c r="G49037" s="1" t="s">
        <v>166164</v>
      </c>
      <c r="H49037" s="1" t="s">
        <v>166165</v>
      </c>
      <c r="I49037" s="1" t="s">
        <v>165942</v>
      </c>
      <c r="J49037" s="1" t="s">
        <v>166264</v>
      </c>
    </row>
    <row r="49038" spans="1:10" x14ac:dyDescent="0.35">
      <c r="A49038" s="1" t="s">
        <v>80</v>
      </c>
      <c r="B49038" s="1" t="s">
        <v>165936</v>
      </c>
      <c r="C49038" s="1" t="s">
        <v>165</v>
      </c>
      <c r="D49038" s="1" t="s">
        <v>166265</v>
      </c>
      <c r="E49038" s="1" t="s">
        <v>166266</v>
      </c>
      <c r="F49038" s="1" t="s">
        <v>166267</v>
      </c>
      <c r="G49038" s="1" t="s">
        <v>166164</v>
      </c>
      <c r="H49038" s="1" t="s">
        <v>166165</v>
      </c>
      <c r="I49038" s="1" t="s">
        <v>165942</v>
      </c>
      <c r="J49038" s="1" t="s">
        <v>166268</v>
      </c>
    </row>
    <row r="49039" spans="1:10" x14ac:dyDescent="0.35">
      <c r="A49039" s="1" t="s">
        <v>80</v>
      </c>
      <c r="B49039" s="1" t="s">
        <v>165936</v>
      </c>
      <c r="C49039" s="1" t="s">
        <v>170</v>
      </c>
      <c r="D49039" s="1" t="s">
        <v>166269</v>
      </c>
      <c r="E49039" s="1" t="s">
        <v>166270</v>
      </c>
      <c r="F49039" s="1" t="s">
        <v>166271</v>
      </c>
      <c r="G49039" s="1" t="s">
        <v>166164</v>
      </c>
      <c r="H49039" s="1" t="s">
        <v>166165</v>
      </c>
      <c r="I49039" s="1" t="s">
        <v>165942</v>
      </c>
      <c r="J49039" s="1" t="s">
        <v>166272</v>
      </c>
    </row>
    <row r="49040" spans="1:10" x14ac:dyDescent="0.35">
      <c r="A49040" s="1" t="s">
        <v>85</v>
      </c>
      <c r="B49040" s="1" t="s">
        <v>165936</v>
      </c>
      <c r="C49040" s="1" t="s">
        <v>8</v>
      </c>
      <c r="D49040" s="1" t="s">
        <v>65804</v>
      </c>
      <c r="E49040" s="1" t="s">
        <v>166273</v>
      </c>
      <c r="F49040" s="1" t="s">
        <v>166274</v>
      </c>
      <c r="G49040" s="1" t="s">
        <v>166275</v>
      </c>
      <c r="H49040" s="1" t="s">
        <v>166276</v>
      </c>
      <c r="I49040" s="1" t="s">
        <v>165942</v>
      </c>
      <c r="J49040" s="1" t="s">
        <v>13</v>
      </c>
    </row>
    <row r="49041" spans="1:10" x14ac:dyDescent="0.35">
      <c r="A49041" s="1" t="s">
        <v>85</v>
      </c>
      <c r="B49041" s="1" t="s">
        <v>165936</v>
      </c>
      <c r="C49041" s="1" t="s">
        <v>15</v>
      </c>
      <c r="D49041" s="1" t="s">
        <v>166277</v>
      </c>
      <c r="E49041" s="1" t="s">
        <v>166278</v>
      </c>
      <c r="F49041" s="1" t="s">
        <v>166279</v>
      </c>
      <c r="G49041" s="1" t="s">
        <v>166275</v>
      </c>
      <c r="H49041" s="1" t="s">
        <v>166276</v>
      </c>
      <c r="I49041" s="1" t="s">
        <v>165942</v>
      </c>
      <c r="J49041" s="1" t="s">
        <v>166280</v>
      </c>
    </row>
    <row r="49042" spans="1:10" x14ac:dyDescent="0.35">
      <c r="A49042" s="1" t="s">
        <v>85</v>
      </c>
      <c r="B49042" s="1" t="s">
        <v>165936</v>
      </c>
      <c r="C49042" s="1" t="s">
        <v>20</v>
      </c>
      <c r="D49042" s="1" t="s">
        <v>80041</v>
      </c>
      <c r="E49042" s="1" t="s">
        <v>166281</v>
      </c>
      <c r="F49042" s="1" t="s">
        <v>166282</v>
      </c>
      <c r="G49042" s="1" t="s">
        <v>166275</v>
      </c>
      <c r="H49042" s="1" t="s">
        <v>166276</v>
      </c>
      <c r="I49042" s="1" t="s">
        <v>165942</v>
      </c>
      <c r="J49042" s="1" t="s">
        <v>166283</v>
      </c>
    </row>
    <row r="49043" spans="1:10" x14ac:dyDescent="0.35">
      <c r="A49043" s="1" t="s">
        <v>85</v>
      </c>
      <c r="B49043" s="1" t="s">
        <v>165936</v>
      </c>
      <c r="C49043" s="1" t="s">
        <v>25</v>
      </c>
      <c r="D49043" s="1" t="s">
        <v>166284</v>
      </c>
      <c r="E49043" s="1" t="s">
        <v>166285</v>
      </c>
      <c r="F49043" s="1" t="s">
        <v>166286</v>
      </c>
      <c r="G49043" s="1" t="s">
        <v>166275</v>
      </c>
      <c r="H49043" s="1" t="s">
        <v>166276</v>
      </c>
      <c r="I49043" s="1" t="s">
        <v>165942</v>
      </c>
      <c r="J49043" s="1" t="s">
        <v>166287</v>
      </c>
    </row>
    <row r="49044" spans="1:10" x14ac:dyDescent="0.35">
      <c r="A49044" s="1" t="s">
        <v>85</v>
      </c>
      <c r="B49044" s="1" t="s">
        <v>165936</v>
      </c>
      <c r="C49044" s="1" t="s">
        <v>30</v>
      </c>
      <c r="D49044" s="1" t="s">
        <v>154409</v>
      </c>
      <c r="E49044" s="1" t="s">
        <v>166288</v>
      </c>
      <c r="F49044" s="1" t="s">
        <v>166289</v>
      </c>
      <c r="G49044" s="1" t="s">
        <v>166275</v>
      </c>
      <c r="H49044" s="1" t="s">
        <v>166276</v>
      </c>
      <c r="I49044" s="1" t="s">
        <v>165942</v>
      </c>
      <c r="J49044" s="1" t="s">
        <v>166290</v>
      </c>
    </row>
    <row r="49045" spans="1:10" x14ac:dyDescent="0.35">
      <c r="A49045" s="1" t="s">
        <v>85</v>
      </c>
      <c r="B49045" s="1" t="s">
        <v>165936</v>
      </c>
      <c r="C49045" s="1" t="s">
        <v>35</v>
      </c>
      <c r="D49045" s="1" t="s">
        <v>59921</v>
      </c>
      <c r="E49045" s="1" t="s">
        <v>166291</v>
      </c>
      <c r="F49045" s="1" t="s">
        <v>166292</v>
      </c>
      <c r="G49045" s="1" t="s">
        <v>166275</v>
      </c>
      <c r="H49045" s="1" t="s">
        <v>166276</v>
      </c>
      <c r="I49045" s="1" t="s">
        <v>165942</v>
      </c>
      <c r="J49045" s="1" t="s">
        <v>166293</v>
      </c>
    </row>
    <row r="49046" spans="1:10" x14ac:dyDescent="0.35">
      <c r="A49046" s="1" t="s">
        <v>85</v>
      </c>
      <c r="B49046" s="1" t="s">
        <v>165936</v>
      </c>
      <c r="C49046" s="1" t="s">
        <v>40</v>
      </c>
      <c r="D49046" s="1" t="s">
        <v>103573</v>
      </c>
      <c r="E49046" s="1" t="s">
        <v>166294</v>
      </c>
      <c r="F49046" s="1" t="s">
        <v>166295</v>
      </c>
      <c r="G49046" s="1" t="s">
        <v>166275</v>
      </c>
      <c r="H49046" s="1" t="s">
        <v>166276</v>
      </c>
      <c r="I49046" s="1" t="s">
        <v>165942</v>
      </c>
      <c r="J49046" s="1" t="s">
        <v>166296</v>
      </c>
    </row>
    <row r="49047" spans="1:10" x14ac:dyDescent="0.35">
      <c r="A49047" s="1" t="s">
        <v>85</v>
      </c>
      <c r="B49047" s="1" t="s">
        <v>165936</v>
      </c>
      <c r="C49047" s="1" t="s">
        <v>45</v>
      </c>
      <c r="D49047" s="1" t="s">
        <v>21370</v>
      </c>
      <c r="E49047" s="1" t="s">
        <v>166297</v>
      </c>
      <c r="F49047" s="1" t="s">
        <v>166298</v>
      </c>
      <c r="G49047" s="1" t="s">
        <v>166275</v>
      </c>
      <c r="H49047" s="1" t="s">
        <v>166276</v>
      </c>
      <c r="I49047" s="1" t="s">
        <v>165942</v>
      </c>
      <c r="J49047" s="1" t="s">
        <v>166299</v>
      </c>
    </row>
    <row r="49048" spans="1:10" x14ac:dyDescent="0.35">
      <c r="A49048" s="1" t="s">
        <v>85</v>
      </c>
      <c r="B49048" s="1" t="s">
        <v>165936</v>
      </c>
      <c r="C49048" s="1" t="s">
        <v>50</v>
      </c>
      <c r="D49048" s="1" t="s">
        <v>166300</v>
      </c>
      <c r="E49048" s="1" t="s">
        <v>166301</v>
      </c>
      <c r="F49048" s="1" t="s">
        <v>166302</v>
      </c>
      <c r="G49048" s="1" t="s">
        <v>166275</v>
      </c>
      <c r="H49048" s="1" t="s">
        <v>166276</v>
      </c>
      <c r="I49048" s="1" t="s">
        <v>165942</v>
      </c>
      <c r="J49048" s="1" t="s">
        <v>166303</v>
      </c>
    </row>
    <row r="49049" spans="1:10" x14ac:dyDescent="0.35">
      <c r="A49049" s="1" t="s">
        <v>85</v>
      </c>
      <c r="B49049" s="1" t="s">
        <v>165936</v>
      </c>
      <c r="C49049" s="1" t="s">
        <v>55</v>
      </c>
      <c r="D49049" s="1" t="s">
        <v>84868</v>
      </c>
      <c r="E49049" s="1" t="s">
        <v>166304</v>
      </c>
      <c r="F49049" s="1" t="s">
        <v>166305</v>
      </c>
      <c r="G49049" s="1" t="s">
        <v>166275</v>
      </c>
      <c r="H49049" s="1" t="s">
        <v>166276</v>
      </c>
      <c r="I49049" s="1" t="s">
        <v>165942</v>
      </c>
      <c r="J49049" s="1" t="s">
        <v>166306</v>
      </c>
    </row>
    <row r="49050" spans="1:10" x14ac:dyDescent="0.35">
      <c r="A49050" s="1" t="s">
        <v>85</v>
      </c>
      <c r="B49050" s="1" t="s">
        <v>165936</v>
      </c>
      <c r="C49050" s="1" t="s">
        <v>60</v>
      </c>
      <c r="D49050" s="1" t="s">
        <v>67273</v>
      </c>
      <c r="E49050" s="1" t="s">
        <v>166307</v>
      </c>
      <c r="F49050" s="1" t="s">
        <v>166308</v>
      </c>
      <c r="G49050" s="1" t="s">
        <v>166275</v>
      </c>
      <c r="H49050" s="1" t="s">
        <v>166276</v>
      </c>
      <c r="I49050" s="1" t="s">
        <v>165942</v>
      </c>
      <c r="J49050" s="1" t="s">
        <v>166309</v>
      </c>
    </row>
    <row r="49051" spans="1:10" x14ac:dyDescent="0.35">
      <c r="A49051" s="1" t="s">
        <v>85</v>
      </c>
      <c r="B49051" s="1" t="s">
        <v>165936</v>
      </c>
      <c r="C49051" s="1" t="s">
        <v>65</v>
      </c>
      <c r="D49051" s="1" t="s">
        <v>166310</v>
      </c>
      <c r="E49051" s="1" t="s">
        <v>166311</v>
      </c>
      <c r="F49051" s="1" t="s">
        <v>166312</v>
      </c>
      <c r="G49051" s="1" t="s">
        <v>166275</v>
      </c>
      <c r="H49051" s="1" t="s">
        <v>166276</v>
      </c>
      <c r="I49051" s="1" t="s">
        <v>165942</v>
      </c>
      <c r="J49051" s="1" t="s">
        <v>166313</v>
      </c>
    </row>
    <row r="49052" spans="1:10" x14ac:dyDescent="0.35">
      <c r="A49052" s="1" t="s">
        <v>85</v>
      </c>
      <c r="B49052" s="1" t="s">
        <v>165936</v>
      </c>
      <c r="C49052" s="1" t="s">
        <v>70</v>
      </c>
      <c r="D49052" s="1" t="s">
        <v>166314</v>
      </c>
      <c r="E49052" s="1" t="s">
        <v>166315</v>
      </c>
      <c r="F49052" s="1" t="s">
        <v>166316</v>
      </c>
      <c r="G49052" s="1" t="s">
        <v>166275</v>
      </c>
      <c r="H49052" s="1" t="s">
        <v>166276</v>
      </c>
      <c r="I49052" s="1" t="s">
        <v>165942</v>
      </c>
      <c r="J49052" s="1" t="s">
        <v>166317</v>
      </c>
    </row>
    <row r="49053" spans="1:10" x14ac:dyDescent="0.35">
      <c r="A49053" s="1" t="s">
        <v>85</v>
      </c>
      <c r="B49053" s="1" t="s">
        <v>165936</v>
      </c>
      <c r="C49053" s="1" t="s">
        <v>75</v>
      </c>
      <c r="D49053" s="1" t="s">
        <v>147815</v>
      </c>
      <c r="E49053" s="1" t="s">
        <v>166318</v>
      </c>
      <c r="F49053" s="1" t="s">
        <v>166319</v>
      </c>
      <c r="G49053" s="1" t="s">
        <v>166275</v>
      </c>
      <c r="H49053" s="1" t="s">
        <v>166276</v>
      </c>
      <c r="I49053" s="1" t="s">
        <v>165942</v>
      </c>
      <c r="J49053" s="1" t="s">
        <v>166320</v>
      </c>
    </row>
    <row r="49054" spans="1:10" x14ac:dyDescent="0.35">
      <c r="A49054" s="1" t="s">
        <v>85</v>
      </c>
      <c r="B49054" s="1" t="s">
        <v>165936</v>
      </c>
      <c r="C49054" s="1" t="s">
        <v>80</v>
      </c>
      <c r="D49054" s="1" t="s">
        <v>102081</v>
      </c>
      <c r="E49054" s="1" t="s">
        <v>166321</v>
      </c>
      <c r="F49054" s="1" t="s">
        <v>166322</v>
      </c>
      <c r="G49054" s="1" t="s">
        <v>166275</v>
      </c>
      <c r="H49054" s="1" t="s">
        <v>166276</v>
      </c>
      <c r="I49054" s="1" t="s">
        <v>165942</v>
      </c>
      <c r="J49054" s="1" t="s">
        <v>166323</v>
      </c>
    </row>
    <row r="49055" spans="1:10" x14ac:dyDescent="0.35">
      <c r="A49055" s="1" t="s">
        <v>85</v>
      </c>
      <c r="B49055" s="1" t="s">
        <v>165936</v>
      </c>
      <c r="C49055" s="1" t="s">
        <v>85</v>
      </c>
      <c r="D49055" s="1" t="s">
        <v>166324</v>
      </c>
      <c r="E49055" s="1" t="s">
        <v>166325</v>
      </c>
      <c r="F49055" s="1" t="s">
        <v>166326</v>
      </c>
      <c r="G49055" s="1" t="s">
        <v>166275</v>
      </c>
      <c r="H49055" s="1" t="s">
        <v>166276</v>
      </c>
      <c r="I49055" s="1" t="s">
        <v>165942</v>
      </c>
      <c r="J49055" s="1" t="s">
        <v>166327</v>
      </c>
    </row>
    <row r="49056" spans="1:10" x14ac:dyDescent="0.35">
      <c r="A49056" s="1" t="s">
        <v>85</v>
      </c>
      <c r="B49056" s="1" t="s">
        <v>165936</v>
      </c>
      <c r="C49056" s="1" t="s">
        <v>90</v>
      </c>
      <c r="D49056" s="1" t="s">
        <v>166328</v>
      </c>
      <c r="E49056" s="1" t="s">
        <v>166329</v>
      </c>
      <c r="F49056" s="1" t="s">
        <v>166330</v>
      </c>
      <c r="G49056" s="1" t="s">
        <v>166275</v>
      </c>
      <c r="H49056" s="1" t="s">
        <v>166276</v>
      </c>
      <c r="I49056" s="1" t="s">
        <v>165942</v>
      </c>
      <c r="J49056" s="1" t="s">
        <v>166331</v>
      </c>
    </row>
    <row r="49057" spans="1:10" x14ac:dyDescent="0.35">
      <c r="A49057" s="1" t="s">
        <v>85</v>
      </c>
      <c r="B49057" s="1" t="s">
        <v>165936</v>
      </c>
      <c r="C49057" s="1" t="s">
        <v>95</v>
      </c>
      <c r="D49057" s="1" t="s">
        <v>166332</v>
      </c>
      <c r="E49057" s="1" t="s">
        <v>166333</v>
      </c>
      <c r="F49057" s="1" t="s">
        <v>166334</v>
      </c>
      <c r="G49057" s="1" t="s">
        <v>166275</v>
      </c>
      <c r="H49057" s="1" t="s">
        <v>166276</v>
      </c>
      <c r="I49057" s="1" t="s">
        <v>165942</v>
      </c>
      <c r="J49057" s="1" t="s">
        <v>166335</v>
      </c>
    </row>
    <row r="49058" spans="1:10" x14ac:dyDescent="0.35">
      <c r="A49058" s="1" t="s">
        <v>85</v>
      </c>
      <c r="B49058" s="1" t="s">
        <v>165936</v>
      </c>
      <c r="C49058" s="1" t="s">
        <v>100</v>
      </c>
      <c r="D49058" s="1" t="s">
        <v>100048</v>
      </c>
      <c r="E49058" s="1" t="s">
        <v>166336</v>
      </c>
      <c r="F49058" s="1" t="s">
        <v>166337</v>
      </c>
      <c r="G49058" s="1" t="s">
        <v>166275</v>
      </c>
      <c r="H49058" s="1" t="s">
        <v>166276</v>
      </c>
      <c r="I49058" s="1" t="s">
        <v>165942</v>
      </c>
      <c r="J49058" s="1" t="s">
        <v>166338</v>
      </c>
    </row>
    <row r="49059" spans="1:10" x14ac:dyDescent="0.35">
      <c r="A49059" s="1" t="s">
        <v>85</v>
      </c>
      <c r="B49059" s="1" t="s">
        <v>165936</v>
      </c>
      <c r="C49059" s="1" t="s">
        <v>105</v>
      </c>
      <c r="D49059" s="1" t="s">
        <v>166339</v>
      </c>
      <c r="E49059" s="1" t="s">
        <v>166340</v>
      </c>
      <c r="F49059" s="1" t="s">
        <v>166341</v>
      </c>
      <c r="G49059" s="1" t="s">
        <v>166275</v>
      </c>
      <c r="H49059" s="1" t="s">
        <v>166276</v>
      </c>
      <c r="I49059" s="1" t="s">
        <v>165942</v>
      </c>
      <c r="J49059" s="1" t="s">
        <v>166342</v>
      </c>
    </row>
    <row r="49060" spans="1:10" x14ac:dyDescent="0.35">
      <c r="A49060" s="1" t="s">
        <v>85</v>
      </c>
      <c r="B49060" s="1" t="s">
        <v>165936</v>
      </c>
      <c r="C49060" s="1" t="s">
        <v>110</v>
      </c>
      <c r="D49060" s="1" t="s">
        <v>166343</v>
      </c>
      <c r="E49060" s="1" t="s">
        <v>166344</v>
      </c>
      <c r="F49060" s="1" t="s">
        <v>166345</v>
      </c>
      <c r="G49060" s="1" t="s">
        <v>166275</v>
      </c>
      <c r="H49060" s="1" t="s">
        <v>166276</v>
      </c>
      <c r="I49060" s="1" t="s">
        <v>165942</v>
      </c>
      <c r="J49060" s="1" t="s">
        <v>166346</v>
      </c>
    </row>
    <row r="49061" spans="1:10" x14ac:dyDescent="0.35">
      <c r="A49061" s="1" t="s">
        <v>85</v>
      </c>
      <c r="B49061" s="1" t="s">
        <v>165936</v>
      </c>
      <c r="C49061" s="1" t="s">
        <v>115</v>
      </c>
      <c r="D49061" s="1" t="s">
        <v>85297</v>
      </c>
      <c r="E49061" s="1" t="s">
        <v>166347</v>
      </c>
      <c r="F49061" s="1" t="s">
        <v>166348</v>
      </c>
      <c r="G49061" s="1" t="s">
        <v>166275</v>
      </c>
      <c r="H49061" s="1" t="s">
        <v>166276</v>
      </c>
      <c r="I49061" s="1" t="s">
        <v>165942</v>
      </c>
      <c r="J49061" s="1" t="s">
        <v>166349</v>
      </c>
    </row>
    <row r="49062" spans="1:10" x14ac:dyDescent="0.35">
      <c r="A49062" s="1" t="s">
        <v>85</v>
      </c>
      <c r="B49062" s="1" t="s">
        <v>165936</v>
      </c>
      <c r="C49062" s="1" t="s">
        <v>120</v>
      </c>
      <c r="D49062" s="1" t="s">
        <v>95282</v>
      </c>
      <c r="E49062" s="1" t="s">
        <v>166350</v>
      </c>
      <c r="F49062" s="1" t="s">
        <v>166351</v>
      </c>
      <c r="G49062" s="1" t="s">
        <v>166275</v>
      </c>
      <c r="H49062" s="1" t="s">
        <v>166276</v>
      </c>
      <c r="I49062" s="1" t="s">
        <v>165942</v>
      </c>
      <c r="J49062" s="1" t="s">
        <v>166352</v>
      </c>
    </row>
    <row r="49063" spans="1:10" x14ac:dyDescent="0.35">
      <c r="A49063" s="1" t="s">
        <v>85</v>
      </c>
      <c r="B49063" s="1" t="s">
        <v>165936</v>
      </c>
      <c r="C49063" s="1" t="s">
        <v>125</v>
      </c>
      <c r="D49063" s="1" t="s">
        <v>166353</v>
      </c>
      <c r="E49063" s="1" t="s">
        <v>166354</v>
      </c>
      <c r="F49063" s="1" t="s">
        <v>166355</v>
      </c>
      <c r="G49063" s="1" t="s">
        <v>166275</v>
      </c>
      <c r="H49063" s="1" t="s">
        <v>166276</v>
      </c>
      <c r="I49063" s="1" t="s">
        <v>165942</v>
      </c>
      <c r="J49063" s="1" t="s">
        <v>166356</v>
      </c>
    </row>
    <row r="49064" spans="1:10" x14ac:dyDescent="0.35">
      <c r="A49064" s="1" t="s">
        <v>85</v>
      </c>
      <c r="B49064" s="1" t="s">
        <v>165936</v>
      </c>
      <c r="C49064" s="1" t="s">
        <v>130</v>
      </c>
      <c r="D49064" s="1" t="s">
        <v>76549</v>
      </c>
      <c r="E49064" s="1" t="s">
        <v>166357</v>
      </c>
      <c r="F49064" s="1" t="s">
        <v>166355</v>
      </c>
      <c r="G49064" s="1" t="s">
        <v>166275</v>
      </c>
      <c r="H49064" s="1" t="s">
        <v>166276</v>
      </c>
      <c r="I49064" s="1" t="s">
        <v>165942</v>
      </c>
      <c r="J49064" s="1" t="s">
        <v>166358</v>
      </c>
    </row>
    <row r="49065" spans="1:10" x14ac:dyDescent="0.35">
      <c r="A49065" s="1" t="s">
        <v>85</v>
      </c>
      <c r="B49065" s="1" t="s">
        <v>165936</v>
      </c>
      <c r="C49065" s="1" t="s">
        <v>135</v>
      </c>
      <c r="D49065" s="1" t="s">
        <v>166359</v>
      </c>
      <c r="E49065" s="1" t="s">
        <v>166360</v>
      </c>
      <c r="F49065" s="1" t="s">
        <v>166355</v>
      </c>
      <c r="G49065" s="1" t="s">
        <v>166275</v>
      </c>
      <c r="H49065" s="1" t="s">
        <v>166276</v>
      </c>
      <c r="I49065" s="1" t="s">
        <v>165942</v>
      </c>
      <c r="J49065" s="1" t="s">
        <v>166361</v>
      </c>
    </row>
    <row r="49066" spans="1:10" x14ac:dyDescent="0.35">
      <c r="A49066" s="1" t="s">
        <v>85</v>
      </c>
      <c r="B49066" s="1" t="s">
        <v>165936</v>
      </c>
      <c r="C49066" s="1" t="s">
        <v>140</v>
      </c>
      <c r="D49066" s="1" t="s">
        <v>129575</v>
      </c>
      <c r="E49066" s="1" t="s">
        <v>166362</v>
      </c>
      <c r="F49066" s="1" t="s">
        <v>166355</v>
      </c>
      <c r="G49066" s="1" t="s">
        <v>166275</v>
      </c>
      <c r="H49066" s="1" t="s">
        <v>166276</v>
      </c>
      <c r="I49066" s="1" t="s">
        <v>165942</v>
      </c>
      <c r="J49066" s="1" t="s">
        <v>166363</v>
      </c>
    </row>
    <row r="49067" spans="1:10" x14ac:dyDescent="0.35">
      <c r="A49067" s="1" t="s">
        <v>85</v>
      </c>
      <c r="B49067" s="1" t="s">
        <v>165936</v>
      </c>
      <c r="C49067" s="1" t="s">
        <v>145</v>
      </c>
      <c r="D49067" s="1" t="s">
        <v>131378</v>
      </c>
      <c r="E49067" s="1" t="s">
        <v>166364</v>
      </c>
      <c r="F49067" s="1" t="s">
        <v>166355</v>
      </c>
      <c r="G49067" s="1" t="s">
        <v>166275</v>
      </c>
      <c r="H49067" s="1" t="s">
        <v>166276</v>
      </c>
      <c r="I49067" s="1" t="s">
        <v>165942</v>
      </c>
      <c r="J49067" s="1" t="s">
        <v>166365</v>
      </c>
    </row>
    <row r="49068" spans="1:10" x14ac:dyDescent="0.35">
      <c r="A49068" s="1" t="s">
        <v>85</v>
      </c>
      <c r="B49068" s="1" t="s">
        <v>165936</v>
      </c>
      <c r="C49068" s="1" t="s">
        <v>150</v>
      </c>
      <c r="D49068" s="1" t="s">
        <v>166366</v>
      </c>
      <c r="E49068" s="1" t="s">
        <v>166367</v>
      </c>
      <c r="F49068" s="1" t="s">
        <v>166355</v>
      </c>
      <c r="G49068" s="1" t="s">
        <v>166275</v>
      </c>
      <c r="H49068" s="1" t="s">
        <v>166276</v>
      </c>
      <c r="I49068" s="1" t="s">
        <v>165942</v>
      </c>
      <c r="J49068" s="1" t="s">
        <v>166368</v>
      </c>
    </row>
    <row r="49069" spans="1:10" x14ac:dyDescent="0.35">
      <c r="A49069" s="1" t="s">
        <v>85</v>
      </c>
      <c r="B49069" s="1" t="s">
        <v>165936</v>
      </c>
      <c r="C49069" s="1" t="s">
        <v>155</v>
      </c>
      <c r="D49069" s="1" t="s">
        <v>166369</v>
      </c>
      <c r="E49069" s="1" t="s">
        <v>166370</v>
      </c>
      <c r="F49069" s="1" t="s">
        <v>166355</v>
      </c>
      <c r="G49069" s="1" t="s">
        <v>166275</v>
      </c>
      <c r="H49069" s="1" t="s">
        <v>166276</v>
      </c>
      <c r="I49069" s="1" t="s">
        <v>165942</v>
      </c>
      <c r="J49069" s="1" t="s">
        <v>166371</v>
      </c>
    </row>
    <row r="49070" spans="1:10" x14ac:dyDescent="0.35">
      <c r="A49070" s="1" t="s">
        <v>85</v>
      </c>
      <c r="B49070" s="1" t="s">
        <v>165936</v>
      </c>
      <c r="C49070" s="1" t="s">
        <v>160</v>
      </c>
      <c r="D49070" s="1" t="s">
        <v>85383</v>
      </c>
      <c r="E49070" s="1" t="s">
        <v>166372</v>
      </c>
      <c r="F49070" s="1" t="s">
        <v>166355</v>
      </c>
      <c r="G49070" s="1" t="s">
        <v>166275</v>
      </c>
      <c r="H49070" s="1" t="s">
        <v>166276</v>
      </c>
      <c r="I49070" s="1" t="s">
        <v>165942</v>
      </c>
      <c r="J49070" s="1" t="s">
        <v>166373</v>
      </c>
    </row>
    <row r="49071" spans="1:10" x14ac:dyDescent="0.35">
      <c r="A49071" s="1" t="s">
        <v>85</v>
      </c>
      <c r="B49071" s="1" t="s">
        <v>165936</v>
      </c>
      <c r="C49071" s="1" t="s">
        <v>165</v>
      </c>
      <c r="D49071" s="1" t="s">
        <v>99450</v>
      </c>
      <c r="E49071" s="1" t="s">
        <v>166374</v>
      </c>
      <c r="F49071" s="1" t="s">
        <v>166355</v>
      </c>
      <c r="G49071" s="1" t="s">
        <v>166275</v>
      </c>
      <c r="H49071" s="1" t="s">
        <v>166276</v>
      </c>
      <c r="I49071" s="1" t="s">
        <v>165942</v>
      </c>
      <c r="J49071" s="1" t="s">
        <v>166375</v>
      </c>
    </row>
    <row r="49072" spans="1:10" x14ac:dyDescent="0.35">
      <c r="A49072" s="1" t="s">
        <v>85</v>
      </c>
      <c r="B49072" s="1" t="s">
        <v>165936</v>
      </c>
      <c r="C49072" s="1" t="s">
        <v>170</v>
      </c>
      <c r="D49072" s="1" t="s">
        <v>133809</v>
      </c>
      <c r="E49072" s="1" t="s">
        <v>166376</v>
      </c>
      <c r="F49072" s="1" t="s">
        <v>166355</v>
      </c>
      <c r="G49072" s="1" t="s">
        <v>166275</v>
      </c>
      <c r="H49072" s="1" t="s">
        <v>166276</v>
      </c>
      <c r="I49072" s="1" t="s">
        <v>165942</v>
      </c>
      <c r="J49072" s="1" t="s">
        <v>166377</v>
      </c>
    </row>
    <row r="49073" spans="1:10" x14ac:dyDescent="0.35">
      <c r="A49073" s="1" t="s">
        <v>90</v>
      </c>
      <c r="B49073" s="1" t="s">
        <v>165936</v>
      </c>
      <c r="C49073" s="1" t="s">
        <v>8</v>
      </c>
      <c r="D49073" s="1" t="s">
        <v>78771</v>
      </c>
      <c r="E49073" s="1" t="s">
        <v>166378</v>
      </c>
      <c r="F49073" s="1" t="s">
        <v>166379</v>
      </c>
      <c r="G49073" s="1" t="s">
        <v>166380</v>
      </c>
      <c r="H49073" s="1" t="s">
        <v>166381</v>
      </c>
      <c r="I49073" s="1" t="s">
        <v>165942</v>
      </c>
      <c r="J49073" s="1" t="s">
        <v>13</v>
      </c>
    </row>
    <row r="49074" spans="1:10" x14ac:dyDescent="0.35">
      <c r="A49074" s="1" t="s">
        <v>90</v>
      </c>
      <c r="B49074" s="1" t="s">
        <v>165936</v>
      </c>
      <c r="C49074" s="1" t="s">
        <v>15</v>
      </c>
      <c r="D49074" s="1" t="s">
        <v>166382</v>
      </c>
      <c r="E49074" s="1" t="s">
        <v>166383</v>
      </c>
      <c r="F49074" s="1" t="s">
        <v>166384</v>
      </c>
      <c r="G49074" s="1" t="s">
        <v>166380</v>
      </c>
      <c r="H49074" s="1" t="s">
        <v>166381</v>
      </c>
      <c r="I49074" s="1" t="s">
        <v>165942</v>
      </c>
      <c r="J49074" s="1" t="s">
        <v>166385</v>
      </c>
    </row>
    <row r="49075" spans="1:10" x14ac:dyDescent="0.35">
      <c r="A49075" s="1" t="s">
        <v>90</v>
      </c>
      <c r="B49075" s="1" t="s">
        <v>165936</v>
      </c>
      <c r="C49075" s="1" t="s">
        <v>20</v>
      </c>
      <c r="D49075" s="1" t="s">
        <v>166386</v>
      </c>
      <c r="E49075" s="1" t="s">
        <v>166387</v>
      </c>
      <c r="F49075" s="1" t="s">
        <v>166388</v>
      </c>
      <c r="G49075" s="1" t="s">
        <v>166380</v>
      </c>
      <c r="H49075" s="1" t="s">
        <v>166381</v>
      </c>
      <c r="I49075" s="1" t="s">
        <v>165942</v>
      </c>
      <c r="J49075" s="1" t="s">
        <v>166389</v>
      </c>
    </row>
    <row r="49076" spans="1:10" x14ac:dyDescent="0.35">
      <c r="A49076" s="1" t="s">
        <v>90</v>
      </c>
      <c r="B49076" s="1" t="s">
        <v>165936</v>
      </c>
      <c r="C49076" s="1" t="s">
        <v>25</v>
      </c>
      <c r="D49076" s="1" t="s">
        <v>166390</v>
      </c>
      <c r="E49076" s="1" t="s">
        <v>166391</v>
      </c>
      <c r="F49076" s="1" t="s">
        <v>166392</v>
      </c>
      <c r="G49076" s="1" t="s">
        <v>166380</v>
      </c>
      <c r="H49076" s="1" t="s">
        <v>166381</v>
      </c>
      <c r="I49076" s="1" t="s">
        <v>165942</v>
      </c>
      <c r="J49076" s="1" t="s">
        <v>166393</v>
      </c>
    </row>
    <row r="49077" spans="1:10" x14ac:dyDescent="0.35">
      <c r="A49077" s="1" t="s">
        <v>90</v>
      </c>
      <c r="B49077" s="1" t="s">
        <v>165936</v>
      </c>
      <c r="C49077" s="1" t="s">
        <v>30</v>
      </c>
      <c r="D49077" s="1" t="s">
        <v>166394</v>
      </c>
      <c r="E49077" s="1" t="s">
        <v>166395</v>
      </c>
      <c r="F49077" s="1" t="s">
        <v>166396</v>
      </c>
      <c r="G49077" s="1" t="s">
        <v>166380</v>
      </c>
      <c r="H49077" s="1" t="s">
        <v>166381</v>
      </c>
      <c r="I49077" s="1" t="s">
        <v>165942</v>
      </c>
      <c r="J49077" s="1" t="s">
        <v>166397</v>
      </c>
    </row>
    <row r="49078" spans="1:10" x14ac:dyDescent="0.35">
      <c r="A49078" s="1" t="s">
        <v>90</v>
      </c>
      <c r="B49078" s="1" t="s">
        <v>165936</v>
      </c>
      <c r="C49078" s="1" t="s">
        <v>35</v>
      </c>
      <c r="D49078" s="1" t="s">
        <v>166398</v>
      </c>
      <c r="E49078" s="1" t="s">
        <v>166399</v>
      </c>
      <c r="F49078" s="1" t="s">
        <v>166400</v>
      </c>
      <c r="G49078" s="1" t="s">
        <v>166380</v>
      </c>
      <c r="H49078" s="1" t="s">
        <v>166381</v>
      </c>
      <c r="I49078" s="1" t="s">
        <v>165942</v>
      </c>
      <c r="J49078" s="1" t="s">
        <v>166401</v>
      </c>
    </row>
    <row r="49079" spans="1:10" x14ac:dyDescent="0.35">
      <c r="A49079" s="1" t="s">
        <v>90</v>
      </c>
      <c r="B49079" s="1" t="s">
        <v>165936</v>
      </c>
      <c r="C49079" s="1" t="s">
        <v>40</v>
      </c>
      <c r="D49079" s="1" t="s">
        <v>166402</v>
      </c>
      <c r="E49079" s="1" t="s">
        <v>166403</v>
      </c>
      <c r="F49079" s="1" t="s">
        <v>166404</v>
      </c>
      <c r="G49079" s="1" t="s">
        <v>166380</v>
      </c>
      <c r="H49079" s="1" t="s">
        <v>166381</v>
      </c>
      <c r="I49079" s="1" t="s">
        <v>165942</v>
      </c>
      <c r="J49079" s="1" t="s">
        <v>166405</v>
      </c>
    </row>
    <row r="49080" spans="1:10" x14ac:dyDescent="0.35">
      <c r="A49080" s="1" t="s">
        <v>90</v>
      </c>
      <c r="B49080" s="1" t="s">
        <v>165936</v>
      </c>
      <c r="C49080" s="1" t="s">
        <v>45</v>
      </c>
      <c r="D49080" s="1" t="s">
        <v>166406</v>
      </c>
      <c r="E49080" s="1" t="s">
        <v>166407</v>
      </c>
      <c r="F49080" s="1" t="s">
        <v>166408</v>
      </c>
      <c r="G49080" s="1" t="s">
        <v>166380</v>
      </c>
      <c r="H49080" s="1" t="s">
        <v>166381</v>
      </c>
      <c r="I49080" s="1" t="s">
        <v>165942</v>
      </c>
      <c r="J49080" s="1" t="s">
        <v>166409</v>
      </c>
    </row>
    <row r="49081" spans="1:10" x14ac:dyDescent="0.35">
      <c r="A49081" s="1" t="s">
        <v>90</v>
      </c>
      <c r="B49081" s="1" t="s">
        <v>165936</v>
      </c>
      <c r="C49081" s="1" t="s">
        <v>50</v>
      </c>
      <c r="D49081" s="1" t="s">
        <v>80753</v>
      </c>
      <c r="E49081" s="1" t="s">
        <v>166410</v>
      </c>
      <c r="F49081" s="1" t="s">
        <v>166411</v>
      </c>
      <c r="G49081" s="1" t="s">
        <v>166380</v>
      </c>
      <c r="H49081" s="1" t="s">
        <v>166381</v>
      </c>
      <c r="I49081" s="1" t="s">
        <v>165942</v>
      </c>
      <c r="J49081" s="1" t="s">
        <v>166412</v>
      </c>
    </row>
    <row r="49082" spans="1:10" x14ac:dyDescent="0.35">
      <c r="A49082" s="1" t="s">
        <v>90</v>
      </c>
      <c r="B49082" s="1" t="s">
        <v>165936</v>
      </c>
      <c r="C49082" s="1" t="s">
        <v>55</v>
      </c>
      <c r="D49082" s="1" t="s">
        <v>77082</v>
      </c>
      <c r="E49082" s="1" t="s">
        <v>166413</v>
      </c>
      <c r="F49082" s="1" t="s">
        <v>166414</v>
      </c>
      <c r="G49082" s="1" t="s">
        <v>166380</v>
      </c>
      <c r="H49082" s="1" t="s">
        <v>166381</v>
      </c>
      <c r="I49082" s="1" t="s">
        <v>165942</v>
      </c>
      <c r="J49082" s="1" t="s">
        <v>166415</v>
      </c>
    </row>
    <row r="49083" spans="1:10" x14ac:dyDescent="0.35">
      <c r="A49083" s="1" t="s">
        <v>90</v>
      </c>
      <c r="B49083" s="1" t="s">
        <v>165936</v>
      </c>
      <c r="C49083" s="1" t="s">
        <v>60</v>
      </c>
      <c r="D49083" s="1" t="s">
        <v>52985</v>
      </c>
      <c r="E49083" s="1" t="s">
        <v>166416</v>
      </c>
      <c r="F49083" s="1" t="s">
        <v>166417</v>
      </c>
      <c r="G49083" s="1" t="s">
        <v>166380</v>
      </c>
      <c r="H49083" s="1" t="s">
        <v>166381</v>
      </c>
      <c r="I49083" s="1" t="s">
        <v>165942</v>
      </c>
      <c r="J49083" s="1" t="s">
        <v>166418</v>
      </c>
    </row>
    <row r="49084" spans="1:10" x14ac:dyDescent="0.35">
      <c r="A49084" s="1" t="s">
        <v>90</v>
      </c>
      <c r="B49084" s="1" t="s">
        <v>165936</v>
      </c>
      <c r="C49084" s="1" t="s">
        <v>65</v>
      </c>
      <c r="D49084" s="1" t="s">
        <v>166419</v>
      </c>
      <c r="E49084" s="1" t="s">
        <v>166420</v>
      </c>
      <c r="F49084" s="1" t="s">
        <v>166421</v>
      </c>
      <c r="G49084" s="1" t="s">
        <v>166380</v>
      </c>
      <c r="H49084" s="1" t="s">
        <v>166381</v>
      </c>
      <c r="I49084" s="1" t="s">
        <v>165942</v>
      </c>
      <c r="J49084" s="1" t="s">
        <v>166422</v>
      </c>
    </row>
    <row r="49085" spans="1:10" x14ac:dyDescent="0.35">
      <c r="A49085" s="1" t="s">
        <v>90</v>
      </c>
      <c r="B49085" s="1" t="s">
        <v>165936</v>
      </c>
      <c r="C49085" s="1" t="s">
        <v>70</v>
      </c>
      <c r="D49085" s="1" t="s">
        <v>11535</v>
      </c>
      <c r="E49085" s="1" t="s">
        <v>166423</v>
      </c>
      <c r="F49085" s="1" t="s">
        <v>166424</v>
      </c>
      <c r="G49085" s="1" t="s">
        <v>166380</v>
      </c>
      <c r="H49085" s="1" t="s">
        <v>166381</v>
      </c>
      <c r="I49085" s="1" t="s">
        <v>165942</v>
      </c>
      <c r="J49085" s="1" t="s">
        <v>166425</v>
      </c>
    </row>
    <row r="49086" spans="1:10" x14ac:dyDescent="0.35">
      <c r="A49086" s="1" t="s">
        <v>90</v>
      </c>
      <c r="B49086" s="1" t="s">
        <v>165936</v>
      </c>
      <c r="C49086" s="1" t="s">
        <v>75</v>
      </c>
      <c r="D49086" s="1" t="s">
        <v>166426</v>
      </c>
      <c r="E49086" s="1" t="s">
        <v>166427</v>
      </c>
      <c r="F49086" s="1" t="s">
        <v>166428</v>
      </c>
      <c r="G49086" s="1" t="s">
        <v>166380</v>
      </c>
      <c r="H49086" s="1" t="s">
        <v>166381</v>
      </c>
      <c r="I49086" s="1" t="s">
        <v>165942</v>
      </c>
      <c r="J49086" s="1" t="s">
        <v>166429</v>
      </c>
    </row>
    <row r="49087" spans="1:10" x14ac:dyDescent="0.35">
      <c r="A49087" s="1" t="s">
        <v>90</v>
      </c>
      <c r="B49087" s="1" t="s">
        <v>165936</v>
      </c>
      <c r="C49087" s="1" t="s">
        <v>80</v>
      </c>
      <c r="D49087" s="1" t="s">
        <v>166430</v>
      </c>
      <c r="E49087" s="1" t="s">
        <v>166431</v>
      </c>
      <c r="F49087" s="1" t="s">
        <v>166432</v>
      </c>
      <c r="G49087" s="1" t="s">
        <v>166380</v>
      </c>
      <c r="H49087" s="1" t="s">
        <v>166381</v>
      </c>
      <c r="I49087" s="1" t="s">
        <v>165942</v>
      </c>
      <c r="J49087" s="1" t="s">
        <v>166433</v>
      </c>
    </row>
    <row r="49088" spans="1:10" x14ac:dyDescent="0.35">
      <c r="A49088" s="1" t="s">
        <v>90</v>
      </c>
      <c r="B49088" s="1" t="s">
        <v>165936</v>
      </c>
      <c r="C49088" s="1" t="s">
        <v>85</v>
      </c>
      <c r="D49088" s="1" t="s">
        <v>166434</v>
      </c>
      <c r="E49088" s="1" t="s">
        <v>166435</v>
      </c>
      <c r="F49088" s="1" t="s">
        <v>166436</v>
      </c>
      <c r="G49088" s="1" t="s">
        <v>166380</v>
      </c>
      <c r="H49088" s="1" t="s">
        <v>166381</v>
      </c>
      <c r="I49088" s="1" t="s">
        <v>165942</v>
      </c>
      <c r="J49088" s="1" t="s">
        <v>166437</v>
      </c>
    </row>
    <row r="49089" spans="1:10" x14ac:dyDescent="0.35">
      <c r="A49089" s="1" t="s">
        <v>90</v>
      </c>
      <c r="B49089" s="1" t="s">
        <v>165936</v>
      </c>
      <c r="C49089" s="1" t="s">
        <v>90</v>
      </c>
      <c r="D49089" s="1" t="s">
        <v>166438</v>
      </c>
      <c r="E49089" s="1" t="s">
        <v>166439</v>
      </c>
      <c r="F49089" s="1" t="s">
        <v>166440</v>
      </c>
      <c r="G49089" s="1" t="s">
        <v>166380</v>
      </c>
      <c r="H49089" s="1" t="s">
        <v>166381</v>
      </c>
      <c r="I49089" s="1" t="s">
        <v>165942</v>
      </c>
      <c r="J49089" s="1" t="s">
        <v>166441</v>
      </c>
    </row>
    <row r="49090" spans="1:10" x14ac:dyDescent="0.35">
      <c r="A49090" s="1" t="s">
        <v>90</v>
      </c>
      <c r="B49090" s="1" t="s">
        <v>165936</v>
      </c>
      <c r="C49090" s="1" t="s">
        <v>95</v>
      </c>
      <c r="D49090" s="1" t="s">
        <v>39314</v>
      </c>
      <c r="E49090" s="1" t="s">
        <v>166442</v>
      </c>
      <c r="F49090" s="1" t="s">
        <v>166443</v>
      </c>
      <c r="G49090" s="1" t="s">
        <v>166380</v>
      </c>
      <c r="H49090" s="1" t="s">
        <v>166381</v>
      </c>
      <c r="I49090" s="1" t="s">
        <v>165942</v>
      </c>
      <c r="J49090" s="1" t="s">
        <v>166444</v>
      </c>
    </row>
    <row r="49091" spans="1:10" x14ac:dyDescent="0.35">
      <c r="A49091" s="1" t="s">
        <v>90</v>
      </c>
      <c r="B49091" s="1" t="s">
        <v>165936</v>
      </c>
      <c r="C49091" s="1" t="s">
        <v>100</v>
      </c>
      <c r="D49091" s="1" t="s">
        <v>166445</v>
      </c>
      <c r="E49091" s="1" t="s">
        <v>166446</v>
      </c>
      <c r="F49091" s="1" t="s">
        <v>166447</v>
      </c>
      <c r="G49091" s="1" t="s">
        <v>166380</v>
      </c>
      <c r="H49091" s="1" t="s">
        <v>166381</v>
      </c>
      <c r="I49091" s="1" t="s">
        <v>165942</v>
      </c>
      <c r="J49091" s="1" t="s">
        <v>166448</v>
      </c>
    </row>
    <row r="49092" spans="1:10" x14ac:dyDescent="0.35">
      <c r="A49092" s="1" t="s">
        <v>90</v>
      </c>
      <c r="B49092" s="1" t="s">
        <v>165936</v>
      </c>
      <c r="C49092" s="1" t="s">
        <v>105</v>
      </c>
      <c r="D49092" s="1" t="s">
        <v>166449</v>
      </c>
      <c r="E49092" s="1" t="s">
        <v>166450</v>
      </c>
      <c r="F49092" s="1" t="s">
        <v>166451</v>
      </c>
      <c r="G49092" s="1" t="s">
        <v>166380</v>
      </c>
      <c r="H49092" s="1" t="s">
        <v>166381</v>
      </c>
      <c r="I49092" s="1" t="s">
        <v>165942</v>
      </c>
      <c r="J49092" s="1" t="s">
        <v>166452</v>
      </c>
    </row>
    <row r="49093" spans="1:10" x14ac:dyDescent="0.35">
      <c r="A49093" s="1" t="s">
        <v>90</v>
      </c>
      <c r="B49093" s="1" t="s">
        <v>165936</v>
      </c>
      <c r="C49093" s="1" t="s">
        <v>110</v>
      </c>
      <c r="D49093" s="1" t="s">
        <v>52354</v>
      </c>
      <c r="E49093" s="1" t="s">
        <v>166453</v>
      </c>
      <c r="F49093" s="1" t="s">
        <v>166454</v>
      </c>
      <c r="G49093" s="1" t="s">
        <v>166380</v>
      </c>
      <c r="H49093" s="1" t="s">
        <v>166381</v>
      </c>
      <c r="I49093" s="1" t="s">
        <v>165942</v>
      </c>
      <c r="J49093" s="1" t="s">
        <v>166455</v>
      </c>
    </row>
    <row r="49094" spans="1:10" x14ac:dyDescent="0.35">
      <c r="A49094" s="1" t="s">
        <v>90</v>
      </c>
      <c r="B49094" s="1" t="s">
        <v>165936</v>
      </c>
      <c r="C49094" s="1" t="s">
        <v>115</v>
      </c>
      <c r="D49094" s="1" t="s">
        <v>166456</v>
      </c>
      <c r="E49094" s="1" t="s">
        <v>166457</v>
      </c>
      <c r="F49094" s="1" t="s">
        <v>166458</v>
      </c>
      <c r="G49094" s="1" t="s">
        <v>166380</v>
      </c>
      <c r="H49094" s="1" t="s">
        <v>166381</v>
      </c>
      <c r="I49094" s="1" t="s">
        <v>165942</v>
      </c>
      <c r="J49094" s="1" t="s">
        <v>166459</v>
      </c>
    </row>
    <row r="49095" spans="1:10" x14ac:dyDescent="0.35">
      <c r="A49095" s="1" t="s">
        <v>90</v>
      </c>
      <c r="B49095" s="1" t="s">
        <v>165936</v>
      </c>
      <c r="C49095" s="1" t="s">
        <v>120</v>
      </c>
      <c r="D49095" s="1" t="s">
        <v>166460</v>
      </c>
      <c r="E49095" s="1" t="s">
        <v>166461</v>
      </c>
      <c r="F49095" s="1" t="s">
        <v>166462</v>
      </c>
      <c r="G49095" s="1" t="s">
        <v>166380</v>
      </c>
      <c r="H49095" s="1" t="s">
        <v>166381</v>
      </c>
      <c r="I49095" s="1" t="s">
        <v>165942</v>
      </c>
      <c r="J49095" s="1" t="s">
        <v>166463</v>
      </c>
    </row>
    <row r="49096" spans="1:10" x14ac:dyDescent="0.35">
      <c r="A49096" s="1" t="s">
        <v>90</v>
      </c>
      <c r="B49096" s="1" t="s">
        <v>165936</v>
      </c>
      <c r="C49096" s="1" t="s">
        <v>125</v>
      </c>
      <c r="D49096" s="1" t="s">
        <v>67398</v>
      </c>
      <c r="E49096" s="1" t="s">
        <v>166464</v>
      </c>
      <c r="F49096" s="1" t="s">
        <v>166465</v>
      </c>
      <c r="G49096" s="1" t="s">
        <v>166380</v>
      </c>
      <c r="H49096" s="1" t="s">
        <v>166381</v>
      </c>
      <c r="I49096" s="1" t="s">
        <v>165942</v>
      </c>
      <c r="J49096" s="1" t="s">
        <v>166466</v>
      </c>
    </row>
    <row r="49097" spans="1:10" x14ac:dyDescent="0.35">
      <c r="A49097" s="1" t="s">
        <v>90</v>
      </c>
      <c r="B49097" s="1" t="s">
        <v>165936</v>
      </c>
      <c r="C49097" s="1" t="s">
        <v>130</v>
      </c>
      <c r="D49097" s="1" t="s">
        <v>83748</v>
      </c>
      <c r="E49097" s="1" t="s">
        <v>166467</v>
      </c>
      <c r="F49097" s="1" t="s">
        <v>166468</v>
      </c>
      <c r="G49097" s="1" t="s">
        <v>166380</v>
      </c>
      <c r="H49097" s="1" t="s">
        <v>166381</v>
      </c>
      <c r="I49097" s="1" t="s">
        <v>165942</v>
      </c>
      <c r="J49097" s="1" t="s">
        <v>166469</v>
      </c>
    </row>
    <row r="49098" spans="1:10" x14ac:dyDescent="0.35">
      <c r="A49098" s="1" t="s">
        <v>90</v>
      </c>
      <c r="B49098" s="1" t="s">
        <v>165936</v>
      </c>
      <c r="C49098" s="1" t="s">
        <v>135</v>
      </c>
      <c r="D49098" s="1" t="s">
        <v>67087</v>
      </c>
      <c r="E49098" s="1" t="s">
        <v>166470</v>
      </c>
      <c r="F49098" s="1" t="s">
        <v>166471</v>
      </c>
      <c r="G49098" s="1" t="s">
        <v>166380</v>
      </c>
      <c r="H49098" s="1" t="s">
        <v>166381</v>
      </c>
      <c r="I49098" s="1" t="s">
        <v>165942</v>
      </c>
      <c r="J49098" s="1" t="s">
        <v>166472</v>
      </c>
    </row>
    <row r="49099" spans="1:10" x14ac:dyDescent="0.35">
      <c r="A49099" s="1" t="s">
        <v>90</v>
      </c>
      <c r="B49099" s="1" t="s">
        <v>165936</v>
      </c>
      <c r="C49099" s="1" t="s">
        <v>140</v>
      </c>
      <c r="D49099" s="1" t="s">
        <v>56421</v>
      </c>
      <c r="E49099" s="1" t="s">
        <v>166473</v>
      </c>
      <c r="F49099" s="1" t="s">
        <v>166474</v>
      </c>
      <c r="G49099" s="1" t="s">
        <v>166380</v>
      </c>
      <c r="H49099" s="1" t="s">
        <v>166381</v>
      </c>
      <c r="I49099" s="1" t="s">
        <v>165942</v>
      </c>
      <c r="J49099" s="1" t="s">
        <v>166475</v>
      </c>
    </row>
    <row r="49100" spans="1:10" x14ac:dyDescent="0.35">
      <c r="A49100" s="1" t="s">
        <v>90</v>
      </c>
      <c r="B49100" s="1" t="s">
        <v>165936</v>
      </c>
      <c r="C49100" s="1" t="s">
        <v>145</v>
      </c>
      <c r="D49100" s="1" t="s">
        <v>87797</v>
      </c>
      <c r="E49100" s="1" t="s">
        <v>166476</v>
      </c>
      <c r="F49100" s="1" t="s">
        <v>166477</v>
      </c>
      <c r="G49100" s="1" t="s">
        <v>166380</v>
      </c>
      <c r="H49100" s="1" t="s">
        <v>166381</v>
      </c>
      <c r="I49100" s="1" t="s">
        <v>165942</v>
      </c>
      <c r="J49100" s="1" t="s">
        <v>166478</v>
      </c>
    </row>
    <row r="49101" spans="1:10" x14ac:dyDescent="0.35">
      <c r="A49101" s="1" t="s">
        <v>90</v>
      </c>
      <c r="B49101" s="1" t="s">
        <v>165936</v>
      </c>
      <c r="C49101" s="1" t="s">
        <v>150</v>
      </c>
      <c r="D49101" s="1" t="s">
        <v>166479</v>
      </c>
      <c r="E49101" s="1" t="s">
        <v>166480</v>
      </c>
      <c r="F49101" s="1" t="s">
        <v>166481</v>
      </c>
      <c r="G49101" s="1" t="s">
        <v>166380</v>
      </c>
      <c r="H49101" s="1" t="s">
        <v>166381</v>
      </c>
      <c r="I49101" s="1" t="s">
        <v>165942</v>
      </c>
      <c r="J49101" s="1" t="s">
        <v>166482</v>
      </c>
    </row>
    <row r="49102" spans="1:10" x14ac:dyDescent="0.35">
      <c r="A49102" s="1" t="s">
        <v>90</v>
      </c>
      <c r="B49102" s="1" t="s">
        <v>165936</v>
      </c>
      <c r="C49102" s="1" t="s">
        <v>155</v>
      </c>
      <c r="D49102" s="1" t="s">
        <v>166483</v>
      </c>
      <c r="E49102" s="1" t="s">
        <v>166484</v>
      </c>
      <c r="F49102" s="1" t="s">
        <v>166485</v>
      </c>
      <c r="G49102" s="1" t="s">
        <v>166380</v>
      </c>
      <c r="H49102" s="1" t="s">
        <v>166381</v>
      </c>
      <c r="I49102" s="1" t="s">
        <v>165942</v>
      </c>
      <c r="J49102" s="1" t="s">
        <v>166486</v>
      </c>
    </row>
    <row r="49103" spans="1:10" x14ac:dyDescent="0.35">
      <c r="A49103" s="1" t="s">
        <v>90</v>
      </c>
      <c r="B49103" s="1" t="s">
        <v>165936</v>
      </c>
      <c r="C49103" s="1" t="s">
        <v>160</v>
      </c>
      <c r="D49103" s="1" t="s">
        <v>77864</v>
      </c>
      <c r="E49103" s="1" t="s">
        <v>166487</v>
      </c>
      <c r="F49103" s="1" t="s">
        <v>166488</v>
      </c>
      <c r="G49103" s="1" t="s">
        <v>166380</v>
      </c>
      <c r="H49103" s="1" t="s">
        <v>166381</v>
      </c>
      <c r="I49103" s="1" t="s">
        <v>165942</v>
      </c>
      <c r="J49103" s="1" t="s">
        <v>166489</v>
      </c>
    </row>
    <row r="49104" spans="1:10" x14ac:dyDescent="0.35">
      <c r="A49104" s="1" t="s">
        <v>90</v>
      </c>
      <c r="B49104" s="1" t="s">
        <v>165936</v>
      </c>
      <c r="C49104" s="1" t="s">
        <v>165</v>
      </c>
      <c r="D49104" s="1" t="s">
        <v>166490</v>
      </c>
      <c r="E49104" s="1" t="s">
        <v>166491</v>
      </c>
      <c r="F49104" s="1" t="s">
        <v>166492</v>
      </c>
      <c r="G49104" s="1" t="s">
        <v>166380</v>
      </c>
      <c r="H49104" s="1" t="s">
        <v>166381</v>
      </c>
      <c r="I49104" s="1" t="s">
        <v>165942</v>
      </c>
      <c r="J49104" s="1" t="s">
        <v>166493</v>
      </c>
    </row>
    <row r="49105" spans="1:10" x14ac:dyDescent="0.35">
      <c r="A49105" s="1" t="s">
        <v>90</v>
      </c>
      <c r="B49105" s="1" t="s">
        <v>165936</v>
      </c>
      <c r="C49105" s="1" t="s">
        <v>170</v>
      </c>
      <c r="D49105" s="1" t="s">
        <v>166494</v>
      </c>
      <c r="E49105" s="1" t="s">
        <v>166495</v>
      </c>
      <c r="F49105" s="1" t="s">
        <v>166496</v>
      </c>
      <c r="G49105" s="1" t="s">
        <v>166380</v>
      </c>
      <c r="H49105" s="1" t="s">
        <v>166381</v>
      </c>
      <c r="I49105" s="1" t="s">
        <v>165942</v>
      </c>
      <c r="J49105" s="1" t="s">
        <v>166497</v>
      </c>
    </row>
    <row r="49106" spans="1:10" x14ac:dyDescent="0.35">
      <c r="A49106" s="1" t="s">
        <v>95</v>
      </c>
      <c r="B49106" s="1" t="s">
        <v>165936</v>
      </c>
      <c r="C49106" s="1" t="s">
        <v>8</v>
      </c>
      <c r="D49106" s="1" t="s">
        <v>11531</v>
      </c>
      <c r="E49106" s="1" t="s">
        <v>166498</v>
      </c>
      <c r="F49106" s="1" t="s">
        <v>166499</v>
      </c>
      <c r="G49106" s="1" t="s">
        <v>166500</v>
      </c>
      <c r="H49106" s="1" t="s">
        <v>166501</v>
      </c>
      <c r="I49106" s="1" t="s">
        <v>165942</v>
      </c>
      <c r="J49106" s="1" t="s">
        <v>13</v>
      </c>
    </row>
    <row r="49107" spans="1:10" x14ac:dyDescent="0.35">
      <c r="A49107" s="1" t="s">
        <v>95</v>
      </c>
      <c r="B49107" s="1" t="s">
        <v>165936</v>
      </c>
      <c r="C49107" s="1" t="s">
        <v>15</v>
      </c>
      <c r="D49107" s="1" t="s">
        <v>59666</v>
      </c>
      <c r="E49107" s="1" t="s">
        <v>166502</v>
      </c>
      <c r="F49107" s="1" t="s">
        <v>166503</v>
      </c>
      <c r="G49107" s="1" t="s">
        <v>166500</v>
      </c>
      <c r="H49107" s="1" t="s">
        <v>166501</v>
      </c>
      <c r="I49107" s="1" t="s">
        <v>165942</v>
      </c>
      <c r="J49107" s="1" t="s">
        <v>166504</v>
      </c>
    </row>
    <row r="49108" spans="1:10" x14ac:dyDescent="0.35">
      <c r="A49108" s="1" t="s">
        <v>95</v>
      </c>
      <c r="B49108" s="1" t="s">
        <v>165936</v>
      </c>
      <c r="C49108" s="1" t="s">
        <v>20</v>
      </c>
      <c r="D49108" s="1" t="s">
        <v>166505</v>
      </c>
      <c r="E49108" s="1" t="s">
        <v>166506</v>
      </c>
      <c r="F49108" s="1" t="s">
        <v>166507</v>
      </c>
      <c r="G49108" s="1" t="s">
        <v>166500</v>
      </c>
      <c r="H49108" s="1" t="s">
        <v>166501</v>
      </c>
      <c r="I49108" s="1" t="s">
        <v>165942</v>
      </c>
      <c r="J49108" s="1" t="s">
        <v>166508</v>
      </c>
    </row>
    <row r="49109" spans="1:10" x14ac:dyDescent="0.35">
      <c r="A49109" s="1" t="s">
        <v>95</v>
      </c>
      <c r="B49109" s="1" t="s">
        <v>165936</v>
      </c>
      <c r="C49109" s="1" t="s">
        <v>25</v>
      </c>
      <c r="D49109" s="1" t="s">
        <v>166509</v>
      </c>
      <c r="E49109" s="1" t="s">
        <v>166510</v>
      </c>
      <c r="F49109" s="1" t="s">
        <v>166511</v>
      </c>
      <c r="G49109" s="1" t="s">
        <v>166500</v>
      </c>
      <c r="H49109" s="1" t="s">
        <v>166501</v>
      </c>
      <c r="I49109" s="1" t="s">
        <v>165942</v>
      </c>
      <c r="J49109" s="1" t="s">
        <v>166512</v>
      </c>
    </row>
    <row r="49110" spans="1:10" x14ac:dyDescent="0.35">
      <c r="A49110" s="1" t="s">
        <v>95</v>
      </c>
      <c r="B49110" s="1" t="s">
        <v>165936</v>
      </c>
      <c r="C49110" s="1" t="s">
        <v>30</v>
      </c>
      <c r="D49110" s="1" t="s">
        <v>166513</v>
      </c>
      <c r="E49110" s="1" t="s">
        <v>166514</v>
      </c>
      <c r="F49110" s="1" t="s">
        <v>166515</v>
      </c>
      <c r="G49110" s="1" t="s">
        <v>166500</v>
      </c>
      <c r="H49110" s="1" t="s">
        <v>166501</v>
      </c>
      <c r="I49110" s="1" t="s">
        <v>165942</v>
      </c>
      <c r="J49110" s="1" t="s">
        <v>166516</v>
      </c>
    </row>
    <row r="49111" spans="1:10" x14ac:dyDescent="0.35">
      <c r="A49111" s="1" t="s">
        <v>95</v>
      </c>
      <c r="B49111" s="1" t="s">
        <v>165936</v>
      </c>
      <c r="C49111" s="1" t="s">
        <v>35</v>
      </c>
      <c r="D49111" s="1" t="s">
        <v>166517</v>
      </c>
      <c r="E49111" s="1" t="s">
        <v>166518</v>
      </c>
      <c r="F49111" s="1" t="s">
        <v>166519</v>
      </c>
      <c r="G49111" s="1" t="s">
        <v>166500</v>
      </c>
      <c r="H49111" s="1" t="s">
        <v>166501</v>
      </c>
      <c r="I49111" s="1" t="s">
        <v>165942</v>
      </c>
      <c r="J49111" s="1" t="s">
        <v>166520</v>
      </c>
    </row>
    <row r="49112" spans="1:10" x14ac:dyDescent="0.35">
      <c r="A49112" s="1" t="s">
        <v>95</v>
      </c>
      <c r="B49112" s="1" t="s">
        <v>165936</v>
      </c>
      <c r="C49112" s="1" t="s">
        <v>40</v>
      </c>
      <c r="D49112" s="1" t="s">
        <v>166521</v>
      </c>
      <c r="E49112" s="1" t="s">
        <v>166522</v>
      </c>
      <c r="F49112" s="1" t="s">
        <v>166523</v>
      </c>
      <c r="G49112" s="1" t="s">
        <v>166500</v>
      </c>
      <c r="H49112" s="1" t="s">
        <v>166501</v>
      </c>
      <c r="I49112" s="1" t="s">
        <v>165942</v>
      </c>
      <c r="J49112" s="1" t="s">
        <v>166524</v>
      </c>
    </row>
    <row r="49113" spans="1:10" x14ac:dyDescent="0.35">
      <c r="A49113" s="1" t="s">
        <v>95</v>
      </c>
      <c r="B49113" s="1" t="s">
        <v>165936</v>
      </c>
      <c r="C49113" s="1" t="s">
        <v>45</v>
      </c>
      <c r="D49113" s="1" t="s">
        <v>102302</v>
      </c>
      <c r="E49113" s="1" t="s">
        <v>166525</v>
      </c>
      <c r="F49113" s="1" t="s">
        <v>166526</v>
      </c>
      <c r="G49113" s="1" t="s">
        <v>166500</v>
      </c>
      <c r="H49113" s="1" t="s">
        <v>166501</v>
      </c>
      <c r="I49113" s="1" t="s">
        <v>165942</v>
      </c>
      <c r="J49113" s="1" t="s">
        <v>166527</v>
      </c>
    </row>
    <row r="49114" spans="1:10" x14ac:dyDescent="0.35">
      <c r="A49114" s="1" t="s">
        <v>95</v>
      </c>
      <c r="B49114" s="1" t="s">
        <v>165936</v>
      </c>
      <c r="C49114" s="1" t="s">
        <v>50</v>
      </c>
      <c r="D49114" s="1" t="s">
        <v>59396</v>
      </c>
      <c r="E49114" s="1" t="s">
        <v>166528</v>
      </c>
      <c r="F49114" s="1" t="s">
        <v>166529</v>
      </c>
      <c r="G49114" s="1" t="s">
        <v>166500</v>
      </c>
      <c r="H49114" s="1" t="s">
        <v>166501</v>
      </c>
      <c r="I49114" s="1" t="s">
        <v>165942</v>
      </c>
      <c r="J49114" s="1" t="s">
        <v>166530</v>
      </c>
    </row>
    <row r="49115" spans="1:10" x14ac:dyDescent="0.35">
      <c r="A49115" s="1" t="s">
        <v>95</v>
      </c>
      <c r="B49115" s="1" t="s">
        <v>165936</v>
      </c>
      <c r="C49115" s="1" t="s">
        <v>55</v>
      </c>
      <c r="D49115" s="1" t="s">
        <v>166531</v>
      </c>
      <c r="E49115" s="1" t="s">
        <v>166532</v>
      </c>
      <c r="F49115" s="1" t="s">
        <v>166533</v>
      </c>
      <c r="G49115" s="1" t="s">
        <v>166500</v>
      </c>
      <c r="H49115" s="1" t="s">
        <v>166501</v>
      </c>
      <c r="I49115" s="1" t="s">
        <v>165942</v>
      </c>
      <c r="J49115" s="1" t="s">
        <v>166534</v>
      </c>
    </row>
    <row r="49116" spans="1:10" x14ac:dyDescent="0.35">
      <c r="A49116" s="1" t="s">
        <v>95</v>
      </c>
      <c r="B49116" s="1" t="s">
        <v>165936</v>
      </c>
      <c r="C49116" s="1" t="s">
        <v>60</v>
      </c>
      <c r="D49116" s="1" t="s">
        <v>59722</v>
      </c>
      <c r="E49116" s="1" t="s">
        <v>166535</v>
      </c>
      <c r="F49116" s="1" t="s">
        <v>166536</v>
      </c>
      <c r="G49116" s="1" t="s">
        <v>166500</v>
      </c>
      <c r="H49116" s="1" t="s">
        <v>166501</v>
      </c>
      <c r="I49116" s="1" t="s">
        <v>165942</v>
      </c>
      <c r="J49116" s="1" t="s">
        <v>166537</v>
      </c>
    </row>
    <row r="49117" spans="1:10" x14ac:dyDescent="0.35">
      <c r="A49117" s="1" t="s">
        <v>95</v>
      </c>
      <c r="B49117" s="1" t="s">
        <v>165936</v>
      </c>
      <c r="C49117" s="1" t="s">
        <v>65</v>
      </c>
      <c r="D49117" s="1" t="s">
        <v>98457</v>
      </c>
      <c r="E49117" s="1" t="s">
        <v>166538</v>
      </c>
      <c r="F49117" s="1" t="s">
        <v>166539</v>
      </c>
      <c r="G49117" s="1" t="s">
        <v>166500</v>
      </c>
      <c r="H49117" s="1" t="s">
        <v>166501</v>
      </c>
      <c r="I49117" s="1" t="s">
        <v>165942</v>
      </c>
      <c r="J49117" s="1" t="s">
        <v>166540</v>
      </c>
    </row>
    <row r="49118" spans="1:10" x14ac:dyDescent="0.35">
      <c r="A49118" s="1" t="s">
        <v>95</v>
      </c>
      <c r="B49118" s="1" t="s">
        <v>165936</v>
      </c>
      <c r="C49118" s="1" t="s">
        <v>70</v>
      </c>
      <c r="D49118" s="1" t="s">
        <v>166541</v>
      </c>
      <c r="E49118" s="1" t="s">
        <v>166542</v>
      </c>
      <c r="F49118" s="1" t="s">
        <v>166543</v>
      </c>
      <c r="G49118" s="1" t="s">
        <v>166500</v>
      </c>
      <c r="H49118" s="1" t="s">
        <v>166501</v>
      </c>
      <c r="I49118" s="1" t="s">
        <v>165942</v>
      </c>
      <c r="J49118" s="1" t="s">
        <v>166544</v>
      </c>
    </row>
    <row r="49119" spans="1:10" x14ac:dyDescent="0.35">
      <c r="A49119" s="1" t="s">
        <v>95</v>
      </c>
      <c r="B49119" s="1" t="s">
        <v>165936</v>
      </c>
      <c r="C49119" s="1" t="s">
        <v>75</v>
      </c>
      <c r="D49119" s="1" t="s">
        <v>166545</v>
      </c>
      <c r="E49119" s="1" t="s">
        <v>166546</v>
      </c>
      <c r="F49119" s="1" t="s">
        <v>166547</v>
      </c>
      <c r="G49119" s="1" t="s">
        <v>166500</v>
      </c>
      <c r="H49119" s="1" t="s">
        <v>166501</v>
      </c>
      <c r="I49119" s="1" t="s">
        <v>165942</v>
      </c>
      <c r="J49119" s="1" t="s">
        <v>166548</v>
      </c>
    </row>
    <row r="49120" spans="1:10" x14ac:dyDescent="0.35">
      <c r="A49120" s="1" t="s">
        <v>95</v>
      </c>
      <c r="B49120" s="1" t="s">
        <v>165936</v>
      </c>
      <c r="C49120" s="1" t="s">
        <v>80</v>
      </c>
      <c r="D49120" s="1" t="s">
        <v>166549</v>
      </c>
      <c r="E49120" s="1" t="s">
        <v>166550</v>
      </c>
      <c r="F49120" s="1" t="s">
        <v>166551</v>
      </c>
      <c r="G49120" s="1" t="s">
        <v>166500</v>
      </c>
      <c r="H49120" s="1" t="s">
        <v>166501</v>
      </c>
      <c r="I49120" s="1" t="s">
        <v>165942</v>
      </c>
      <c r="J49120" s="1" t="s">
        <v>166552</v>
      </c>
    </row>
    <row r="49121" spans="1:10" x14ac:dyDescent="0.35">
      <c r="A49121" s="1" t="s">
        <v>95</v>
      </c>
      <c r="B49121" s="1" t="s">
        <v>165936</v>
      </c>
      <c r="C49121" s="1" t="s">
        <v>85</v>
      </c>
      <c r="D49121" s="1" t="s">
        <v>166553</v>
      </c>
      <c r="E49121" s="1" t="s">
        <v>166554</v>
      </c>
      <c r="F49121" s="1" t="s">
        <v>166555</v>
      </c>
      <c r="G49121" s="1" t="s">
        <v>166500</v>
      </c>
      <c r="H49121" s="1" t="s">
        <v>166501</v>
      </c>
      <c r="I49121" s="1" t="s">
        <v>165942</v>
      </c>
      <c r="J49121" s="1" t="s">
        <v>166556</v>
      </c>
    </row>
    <row r="49122" spans="1:10" x14ac:dyDescent="0.35">
      <c r="A49122" s="1" t="s">
        <v>95</v>
      </c>
      <c r="B49122" s="1" t="s">
        <v>165936</v>
      </c>
      <c r="C49122" s="1" t="s">
        <v>90</v>
      </c>
      <c r="D49122" s="1" t="s">
        <v>68819</v>
      </c>
      <c r="E49122" s="1" t="s">
        <v>166557</v>
      </c>
      <c r="F49122" s="1" t="s">
        <v>166558</v>
      </c>
      <c r="G49122" s="1" t="s">
        <v>166500</v>
      </c>
      <c r="H49122" s="1" t="s">
        <v>166501</v>
      </c>
      <c r="I49122" s="1" t="s">
        <v>165942</v>
      </c>
      <c r="J49122" s="1" t="s">
        <v>166559</v>
      </c>
    </row>
    <row r="49123" spans="1:10" x14ac:dyDescent="0.35">
      <c r="A49123" s="1" t="s">
        <v>95</v>
      </c>
      <c r="B49123" s="1" t="s">
        <v>165936</v>
      </c>
      <c r="C49123" s="1" t="s">
        <v>95</v>
      </c>
      <c r="D49123" s="1" t="s">
        <v>122817</v>
      </c>
      <c r="E49123" s="1" t="s">
        <v>166560</v>
      </c>
      <c r="F49123" s="1" t="s">
        <v>166561</v>
      </c>
      <c r="G49123" s="1" t="s">
        <v>166500</v>
      </c>
      <c r="H49123" s="1" t="s">
        <v>166501</v>
      </c>
      <c r="I49123" s="1" t="s">
        <v>165942</v>
      </c>
      <c r="J49123" s="1" t="s">
        <v>166562</v>
      </c>
    </row>
    <row r="49124" spans="1:10" x14ac:dyDescent="0.35">
      <c r="A49124" s="1" t="s">
        <v>95</v>
      </c>
      <c r="B49124" s="1" t="s">
        <v>165936</v>
      </c>
      <c r="C49124" s="1" t="s">
        <v>100</v>
      </c>
      <c r="D49124" s="1" t="s">
        <v>166563</v>
      </c>
      <c r="E49124" s="1" t="s">
        <v>166564</v>
      </c>
      <c r="F49124" s="1" t="s">
        <v>166565</v>
      </c>
      <c r="G49124" s="1" t="s">
        <v>166500</v>
      </c>
      <c r="H49124" s="1" t="s">
        <v>166501</v>
      </c>
      <c r="I49124" s="1" t="s">
        <v>165942</v>
      </c>
      <c r="J49124" s="1" t="s">
        <v>166566</v>
      </c>
    </row>
    <row r="49125" spans="1:10" x14ac:dyDescent="0.35">
      <c r="A49125" s="1" t="s">
        <v>95</v>
      </c>
      <c r="B49125" s="1" t="s">
        <v>165936</v>
      </c>
      <c r="C49125" s="1" t="s">
        <v>105</v>
      </c>
      <c r="D49125" s="1" t="s">
        <v>166567</v>
      </c>
      <c r="E49125" s="1" t="s">
        <v>166568</v>
      </c>
      <c r="F49125" s="1" t="s">
        <v>166569</v>
      </c>
      <c r="G49125" s="1" t="s">
        <v>166500</v>
      </c>
      <c r="H49125" s="1" t="s">
        <v>166501</v>
      </c>
      <c r="I49125" s="1" t="s">
        <v>165942</v>
      </c>
      <c r="J49125" s="1" t="s">
        <v>166570</v>
      </c>
    </row>
    <row r="49126" spans="1:10" x14ac:dyDescent="0.35">
      <c r="A49126" s="1" t="s">
        <v>95</v>
      </c>
      <c r="B49126" s="1" t="s">
        <v>165936</v>
      </c>
      <c r="C49126" s="1" t="s">
        <v>110</v>
      </c>
      <c r="D49126" s="1" t="s">
        <v>58074</v>
      </c>
      <c r="E49126" s="1" t="s">
        <v>166571</v>
      </c>
      <c r="F49126" s="1" t="s">
        <v>166572</v>
      </c>
      <c r="G49126" s="1" t="s">
        <v>166500</v>
      </c>
      <c r="H49126" s="1" t="s">
        <v>166501</v>
      </c>
      <c r="I49126" s="1" t="s">
        <v>165942</v>
      </c>
      <c r="J49126" s="1" t="s">
        <v>166573</v>
      </c>
    </row>
    <row r="49127" spans="1:10" x14ac:dyDescent="0.35">
      <c r="A49127" s="1" t="s">
        <v>95</v>
      </c>
      <c r="B49127" s="1" t="s">
        <v>165936</v>
      </c>
      <c r="C49127" s="1" t="s">
        <v>115</v>
      </c>
      <c r="D49127" s="1" t="s">
        <v>68503</v>
      </c>
      <c r="E49127" s="1" t="s">
        <v>166574</v>
      </c>
      <c r="F49127" s="1" t="s">
        <v>166575</v>
      </c>
      <c r="G49127" s="1" t="s">
        <v>166500</v>
      </c>
      <c r="H49127" s="1" t="s">
        <v>166501</v>
      </c>
      <c r="I49127" s="1" t="s">
        <v>165942</v>
      </c>
      <c r="J49127" s="1" t="s">
        <v>166576</v>
      </c>
    </row>
    <row r="49128" spans="1:10" x14ac:dyDescent="0.35">
      <c r="A49128" s="1" t="s">
        <v>95</v>
      </c>
      <c r="B49128" s="1" t="s">
        <v>165936</v>
      </c>
      <c r="C49128" s="1" t="s">
        <v>120</v>
      </c>
      <c r="D49128" s="1" t="s">
        <v>160428</v>
      </c>
      <c r="E49128" s="1" t="s">
        <v>166577</v>
      </c>
      <c r="F49128" s="1" t="s">
        <v>166578</v>
      </c>
      <c r="G49128" s="1" t="s">
        <v>166500</v>
      </c>
      <c r="H49128" s="1" t="s">
        <v>166501</v>
      </c>
      <c r="I49128" s="1" t="s">
        <v>165942</v>
      </c>
      <c r="J49128" s="1" t="s">
        <v>166579</v>
      </c>
    </row>
    <row r="49129" spans="1:10" x14ac:dyDescent="0.35">
      <c r="A49129" s="1" t="s">
        <v>95</v>
      </c>
      <c r="B49129" s="1" t="s">
        <v>165936</v>
      </c>
      <c r="C49129" s="1" t="s">
        <v>125</v>
      </c>
      <c r="D49129" s="1" t="s">
        <v>166580</v>
      </c>
      <c r="E49129" s="1" t="s">
        <v>166581</v>
      </c>
      <c r="F49129" s="1" t="s">
        <v>166582</v>
      </c>
      <c r="G49129" s="1" t="s">
        <v>166500</v>
      </c>
      <c r="H49129" s="1" t="s">
        <v>166501</v>
      </c>
      <c r="I49129" s="1" t="s">
        <v>165942</v>
      </c>
      <c r="J49129" s="1" t="s">
        <v>166583</v>
      </c>
    </row>
    <row r="49130" spans="1:10" x14ac:dyDescent="0.35">
      <c r="A49130" s="1" t="s">
        <v>95</v>
      </c>
      <c r="B49130" s="1" t="s">
        <v>165936</v>
      </c>
      <c r="C49130" s="1" t="s">
        <v>130</v>
      </c>
      <c r="D49130" s="1" t="s">
        <v>85739</v>
      </c>
      <c r="E49130" s="1" t="s">
        <v>166584</v>
      </c>
      <c r="F49130" s="1" t="s">
        <v>166585</v>
      </c>
      <c r="G49130" s="1" t="s">
        <v>166500</v>
      </c>
      <c r="H49130" s="1" t="s">
        <v>166501</v>
      </c>
      <c r="I49130" s="1" t="s">
        <v>165942</v>
      </c>
      <c r="J49130" s="1" t="s">
        <v>166586</v>
      </c>
    </row>
    <row r="49131" spans="1:10" x14ac:dyDescent="0.35">
      <c r="A49131" s="1" t="s">
        <v>95</v>
      </c>
      <c r="B49131" s="1" t="s">
        <v>165936</v>
      </c>
      <c r="C49131" s="1" t="s">
        <v>135</v>
      </c>
      <c r="D49131" s="1" t="s">
        <v>166587</v>
      </c>
      <c r="E49131" s="1" t="s">
        <v>166588</v>
      </c>
      <c r="F49131" s="1" t="s">
        <v>166589</v>
      </c>
      <c r="G49131" s="1" t="s">
        <v>166500</v>
      </c>
      <c r="H49131" s="1" t="s">
        <v>166501</v>
      </c>
      <c r="I49131" s="1" t="s">
        <v>165942</v>
      </c>
      <c r="J49131" s="1" t="s">
        <v>166590</v>
      </c>
    </row>
    <row r="49132" spans="1:10" x14ac:dyDescent="0.35">
      <c r="A49132" s="1" t="s">
        <v>95</v>
      </c>
      <c r="B49132" s="1" t="s">
        <v>165936</v>
      </c>
      <c r="C49132" s="1" t="s">
        <v>140</v>
      </c>
      <c r="D49132" s="1" t="s">
        <v>166591</v>
      </c>
      <c r="E49132" s="1" t="s">
        <v>166592</v>
      </c>
      <c r="F49132" s="1" t="s">
        <v>166593</v>
      </c>
      <c r="G49132" s="1" t="s">
        <v>166500</v>
      </c>
      <c r="H49132" s="1" t="s">
        <v>166501</v>
      </c>
      <c r="I49132" s="1" t="s">
        <v>165942</v>
      </c>
      <c r="J49132" s="1" t="s">
        <v>166594</v>
      </c>
    </row>
    <row r="49133" spans="1:10" x14ac:dyDescent="0.35">
      <c r="A49133" s="1" t="s">
        <v>95</v>
      </c>
      <c r="B49133" s="1" t="s">
        <v>165936</v>
      </c>
      <c r="C49133" s="1" t="s">
        <v>145</v>
      </c>
      <c r="D49133" s="1" t="s">
        <v>166595</v>
      </c>
      <c r="E49133" s="1" t="s">
        <v>166596</v>
      </c>
      <c r="F49133" s="1" t="s">
        <v>166597</v>
      </c>
      <c r="G49133" s="1" t="s">
        <v>166500</v>
      </c>
      <c r="H49133" s="1" t="s">
        <v>166501</v>
      </c>
      <c r="I49133" s="1" t="s">
        <v>165942</v>
      </c>
      <c r="J49133" s="1" t="s">
        <v>166598</v>
      </c>
    </row>
    <row r="49134" spans="1:10" x14ac:dyDescent="0.35">
      <c r="A49134" s="1" t="s">
        <v>95</v>
      </c>
      <c r="B49134" s="1" t="s">
        <v>165936</v>
      </c>
      <c r="C49134" s="1" t="s">
        <v>150</v>
      </c>
      <c r="D49134" s="1" t="s">
        <v>95551</v>
      </c>
      <c r="E49134" s="1" t="s">
        <v>166599</v>
      </c>
      <c r="F49134" s="1" t="s">
        <v>166600</v>
      </c>
      <c r="G49134" s="1" t="s">
        <v>166500</v>
      </c>
      <c r="H49134" s="1" t="s">
        <v>166501</v>
      </c>
      <c r="I49134" s="1" t="s">
        <v>165942</v>
      </c>
      <c r="J49134" s="1" t="s">
        <v>166601</v>
      </c>
    </row>
    <row r="49135" spans="1:10" x14ac:dyDescent="0.35">
      <c r="A49135" s="1" t="s">
        <v>95</v>
      </c>
      <c r="B49135" s="1" t="s">
        <v>165936</v>
      </c>
      <c r="C49135" s="1" t="s">
        <v>155</v>
      </c>
      <c r="D49135" s="1" t="s">
        <v>93726</v>
      </c>
      <c r="E49135" s="1" t="s">
        <v>166602</v>
      </c>
      <c r="F49135" s="1" t="s">
        <v>166603</v>
      </c>
      <c r="G49135" s="1" t="s">
        <v>166500</v>
      </c>
      <c r="H49135" s="1" t="s">
        <v>166501</v>
      </c>
      <c r="I49135" s="1" t="s">
        <v>165942</v>
      </c>
      <c r="J49135" s="1" t="s">
        <v>166604</v>
      </c>
    </row>
    <row r="49136" spans="1:10" x14ac:dyDescent="0.35">
      <c r="A49136" s="1" t="s">
        <v>95</v>
      </c>
      <c r="B49136" s="1" t="s">
        <v>165936</v>
      </c>
      <c r="C49136" s="1" t="s">
        <v>160</v>
      </c>
      <c r="D49136" s="1" t="s">
        <v>23501</v>
      </c>
      <c r="E49136" s="1" t="s">
        <v>166605</v>
      </c>
      <c r="F49136" s="1" t="s">
        <v>166606</v>
      </c>
      <c r="G49136" s="1" t="s">
        <v>166500</v>
      </c>
      <c r="H49136" s="1" t="s">
        <v>166501</v>
      </c>
      <c r="I49136" s="1" t="s">
        <v>165942</v>
      </c>
      <c r="J49136" s="1" t="s">
        <v>166607</v>
      </c>
    </row>
    <row r="49137" spans="1:10" x14ac:dyDescent="0.35">
      <c r="A49137" s="1" t="s">
        <v>95</v>
      </c>
      <c r="B49137" s="1" t="s">
        <v>165936</v>
      </c>
      <c r="C49137" s="1" t="s">
        <v>165</v>
      </c>
      <c r="D49137" s="1" t="s">
        <v>139120</v>
      </c>
      <c r="E49137" s="1" t="s">
        <v>166608</v>
      </c>
      <c r="F49137" s="1" t="s">
        <v>166609</v>
      </c>
      <c r="G49137" s="1" t="s">
        <v>166500</v>
      </c>
      <c r="H49137" s="1" t="s">
        <v>166501</v>
      </c>
      <c r="I49137" s="1" t="s">
        <v>165942</v>
      </c>
      <c r="J49137" s="1" t="s">
        <v>166610</v>
      </c>
    </row>
    <row r="49138" spans="1:10" x14ac:dyDescent="0.35">
      <c r="A49138" s="1" t="s">
        <v>95</v>
      </c>
      <c r="B49138" s="1" t="s">
        <v>165936</v>
      </c>
      <c r="C49138" s="1" t="s">
        <v>170</v>
      </c>
      <c r="D49138" s="1" t="s">
        <v>87899</v>
      </c>
      <c r="E49138" s="1" t="s">
        <v>166611</v>
      </c>
      <c r="F49138" s="1" t="s">
        <v>166612</v>
      </c>
      <c r="G49138" s="1" t="s">
        <v>166500</v>
      </c>
      <c r="H49138" s="1" t="s">
        <v>166501</v>
      </c>
      <c r="I49138" s="1" t="s">
        <v>165942</v>
      </c>
      <c r="J49138" s="1" t="s">
        <v>166613</v>
      </c>
    </row>
    <row r="49139" spans="1:10" x14ac:dyDescent="0.35">
      <c r="A49139" s="1" t="s">
        <v>100</v>
      </c>
      <c r="B49139" s="1" t="s">
        <v>165936</v>
      </c>
      <c r="C49139" s="1" t="s">
        <v>8</v>
      </c>
      <c r="D49139" s="1" t="s">
        <v>67920</v>
      </c>
      <c r="E49139" s="1" t="s">
        <v>166614</v>
      </c>
      <c r="F49139" s="1" t="s">
        <v>166615</v>
      </c>
      <c r="G49139" s="1" t="s">
        <v>166616</v>
      </c>
      <c r="H49139" s="1" t="s">
        <v>166617</v>
      </c>
      <c r="I49139" s="1" t="s">
        <v>165942</v>
      </c>
      <c r="J49139" s="1" t="s">
        <v>13</v>
      </c>
    </row>
    <row r="49140" spans="1:10" x14ac:dyDescent="0.35">
      <c r="A49140" s="1" t="s">
        <v>100</v>
      </c>
      <c r="B49140" s="1" t="s">
        <v>165936</v>
      </c>
      <c r="C49140" s="1" t="s">
        <v>15</v>
      </c>
      <c r="D49140" s="1" t="s">
        <v>64396</v>
      </c>
      <c r="E49140" s="1" t="s">
        <v>166618</v>
      </c>
      <c r="F49140" s="1" t="s">
        <v>166619</v>
      </c>
      <c r="G49140" s="1" t="s">
        <v>166616</v>
      </c>
      <c r="H49140" s="1" t="s">
        <v>166617</v>
      </c>
      <c r="I49140" s="1" t="s">
        <v>165942</v>
      </c>
      <c r="J49140" s="1" t="s">
        <v>166620</v>
      </c>
    </row>
    <row r="49141" spans="1:10" x14ac:dyDescent="0.35">
      <c r="A49141" s="1" t="s">
        <v>100</v>
      </c>
      <c r="B49141" s="1" t="s">
        <v>165936</v>
      </c>
      <c r="C49141" s="1" t="s">
        <v>20</v>
      </c>
      <c r="D49141" s="1" t="s">
        <v>166621</v>
      </c>
      <c r="E49141" s="1" t="s">
        <v>166622</v>
      </c>
      <c r="F49141" s="1" t="s">
        <v>166623</v>
      </c>
      <c r="G49141" s="1" t="s">
        <v>166616</v>
      </c>
      <c r="H49141" s="1" t="s">
        <v>166617</v>
      </c>
      <c r="I49141" s="1" t="s">
        <v>165942</v>
      </c>
      <c r="J49141" s="1" t="s">
        <v>166624</v>
      </c>
    </row>
    <row r="49142" spans="1:10" x14ac:dyDescent="0.35">
      <c r="A49142" s="1" t="s">
        <v>100</v>
      </c>
      <c r="B49142" s="1" t="s">
        <v>165936</v>
      </c>
      <c r="C49142" s="1" t="s">
        <v>25</v>
      </c>
      <c r="D49142" s="1" t="s">
        <v>151013</v>
      </c>
      <c r="E49142" s="1" t="s">
        <v>166625</v>
      </c>
      <c r="F49142" s="1" t="s">
        <v>166626</v>
      </c>
      <c r="G49142" s="1" t="s">
        <v>166616</v>
      </c>
      <c r="H49142" s="1" t="s">
        <v>166617</v>
      </c>
      <c r="I49142" s="1" t="s">
        <v>165942</v>
      </c>
      <c r="J49142" s="1" t="s">
        <v>166627</v>
      </c>
    </row>
    <row r="49143" spans="1:10" x14ac:dyDescent="0.35">
      <c r="A49143" s="1" t="s">
        <v>100</v>
      </c>
      <c r="B49143" s="1" t="s">
        <v>165936</v>
      </c>
      <c r="C49143" s="1" t="s">
        <v>30</v>
      </c>
      <c r="D49143" s="1" t="s">
        <v>85584</v>
      </c>
      <c r="E49143" s="1" t="s">
        <v>166628</v>
      </c>
      <c r="F49143" s="1" t="s">
        <v>166629</v>
      </c>
      <c r="G49143" s="1" t="s">
        <v>166616</v>
      </c>
      <c r="H49143" s="1" t="s">
        <v>166617</v>
      </c>
      <c r="I49143" s="1" t="s">
        <v>165942</v>
      </c>
      <c r="J49143" s="1" t="s">
        <v>166630</v>
      </c>
    </row>
    <row r="49144" spans="1:10" x14ac:dyDescent="0.35">
      <c r="A49144" s="1" t="s">
        <v>100</v>
      </c>
      <c r="B49144" s="1" t="s">
        <v>165936</v>
      </c>
      <c r="C49144" s="1" t="s">
        <v>35</v>
      </c>
      <c r="D49144" s="1" t="s">
        <v>12440</v>
      </c>
      <c r="E49144" s="1" t="s">
        <v>166631</v>
      </c>
      <c r="F49144" s="1" t="s">
        <v>166632</v>
      </c>
      <c r="G49144" s="1" t="s">
        <v>166616</v>
      </c>
      <c r="H49144" s="1" t="s">
        <v>166617</v>
      </c>
      <c r="I49144" s="1" t="s">
        <v>165942</v>
      </c>
      <c r="J49144" s="1" t="s">
        <v>166633</v>
      </c>
    </row>
    <row r="49145" spans="1:10" x14ac:dyDescent="0.35">
      <c r="A49145" s="1" t="s">
        <v>100</v>
      </c>
      <c r="B49145" s="1" t="s">
        <v>165936</v>
      </c>
      <c r="C49145" s="1" t="s">
        <v>40</v>
      </c>
      <c r="D49145" s="1" t="s">
        <v>54754</v>
      </c>
      <c r="E49145" s="1" t="s">
        <v>166634</v>
      </c>
      <c r="F49145" s="1" t="s">
        <v>166635</v>
      </c>
      <c r="G49145" s="1" t="s">
        <v>166616</v>
      </c>
      <c r="H49145" s="1" t="s">
        <v>166617</v>
      </c>
      <c r="I49145" s="1" t="s">
        <v>165942</v>
      </c>
      <c r="J49145" s="1" t="s">
        <v>166636</v>
      </c>
    </row>
    <row r="49146" spans="1:10" x14ac:dyDescent="0.35">
      <c r="A49146" s="1" t="s">
        <v>100</v>
      </c>
      <c r="B49146" s="1" t="s">
        <v>165936</v>
      </c>
      <c r="C49146" s="1" t="s">
        <v>45</v>
      </c>
      <c r="D49146" s="1" t="s">
        <v>32276</v>
      </c>
      <c r="E49146" s="1" t="s">
        <v>166637</v>
      </c>
      <c r="F49146" s="1" t="s">
        <v>166638</v>
      </c>
      <c r="G49146" s="1" t="s">
        <v>166616</v>
      </c>
      <c r="H49146" s="1" t="s">
        <v>166617</v>
      </c>
      <c r="I49146" s="1" t="s">
        <v>165942</v>
      </c>
      <c r="J49146" s="1" t="s">
        <v>166639</v>
      </c>
    </row>
    <row r="49147" spans="1:10" x14ac:dyDescent="0.35">
      <c r="A49147" s="1" t="s">
        <v>100</v>
      </c>
      <c r="B49147" s="1" t="s">
        <v>165936</v>
      </c>
      <c r="C49147" s="1" t="s">
        <v>50</v>
      </c>
      <c r="D49147" s="1" t="s">
        <v>166640</v>
      </c>
      <c r="E49147" s="1" t="s">
        <v>166641</v>
      </c>
      <c r="F49147" s="1" t="s">
        <v>166642</v>
      </c>
      <c r="G49147" s="1" t="s">
        <v>166616</v>
      </c>
      <c r="H49147" s="1" t="s">
        <v>166617</v>
      </c>
      <c r="I49147" s="1" t="s">
        <v>165942</v>
      </c>
      <c r="J49147" s="1" t="s">
        <v>166643</v>
      </c>
    </row>
    <row r="49148" spans="1:10" x14ac:dyDescent="0.35">
      <c r="A49148" s="1" t="s">
        <v>100</v>
      </c>
      <c r="B49148" s="1" t="s">
        <v>165936</v>
      </c>
      <c r="C49148" s="1" t="s">
        <v>55</v>
      </c>
      <c r="D49148" s="1" t="s">
        <v>166644</v>
      </c>
      <c r="E49148" s="1" t="s">
        <v>166645</v>
      </c>
      <c r="F49148" s="1" t="s">
        <v>166646</v>
      </c>
      <c r="G49148" s="1" t="s">
        <v>166616</v>
      </c>
      <c r="H49148" s="1" t="s">
        <v>166617</v>
      </c>
      <c r="I49148" s="1" t="s">
        <v>165942</v>
      </c>
      <c r="J49148" s="1" t="s">
        <v>166647</v>
      </c>
    </row>
    <row r="49149" spans="1:10" x14ac:dyDescent="0.35">
      <c r="A49149" s="1" t="s">
        <v>100</v>
      </c>
      <c r="B49149" s="1" t="s">
        <v>165936</v>
      </c>
      <c r="C49149" s="1" t="s">
        <v>60</v>
      </c>
      <c r="D49149" s="1" t="s">
        <v>92553</v>
      </c>
      <c r="E49149" s="1" t="s">
        <v>166648</v>
      </c>
      <c r="F49149" s="1" t="s">
        <v>166649</v>
      </c>
      <c r="G49149" s="1" t="s">
        <v>166616</v>
      </c>
      <c r="H49149" s="1" t="s">
        <v>166617</v>
      </c>
      <c r="I49149" s="1" t="s">
        <v>165942</v>
      </c>
      <c r="J49149" s="1" t="s">
        <v>166650</v>
      </c>
    </row>
    <row r="49150" spans="1:10" x14ac:dyDescent="0.35">
      <c r="A49150" s="1" t="s">
        <v>100</v>
      </c>
      <c r="B49150" s="1" t="s">
        <v>165936</v>
      </c>
      <c r="C49150" s="1" t="s">
        <v>65</v>
      </c>
      <c r="D49150" s="1" t="s">
        <v>23434</v>
      </c>
      <c r="E49150" s="1" t="s">
        <v>166651</v>
      </c>
      <c r="F49150" s="1" t="s">
        <v>166652</v>
      </c>
      <c r="G49150" s="1" t="s">
        <v>166616</v>
      </c>
      <c r="H49150" s="1" t="s">
        <v>166617</v>
      </c>
      <c r="I49150" s="1" t="s">
        <v>165942</v>
      </c>
      <c r="J49150" s="1" t="s">
        <v>166653</v>
      </c>
    </row>
    <row r="49151" spans="1:10" x14ac:dyDescent="0.35">
      <c r="A49151" s="1" t="s">
        <v>100</v>
      </c>
      <c r="B49151" s="1" t="s">
        <v>165936</v>
      </c>
      <c r="C49151" s="1" t="s">
        <v>70</v>
      </c>
      <c r="D49151" s="1" t="s">
        <v>63307</v>
      </c>
      <c r="E49151" s="1" t="s">
        <v>166654</v>
      </c>
      <c r="F49151" s="1" t="s">
        <v>166655</v>
      </c>
      <c r="G49151" s="1" t="s">
        <v>166616</v>
      </c>
      <c r="H49151" s="1" t="s">
        <v>166617</v>
      </c>
      <c r="I49151" s="1" t="s">
        <v>165942</v>
      </c>
      <c r="J49151" s="1" t="s">
        <v>166656</v>
      </c>
    </row>
    <row r="49152" spans="1:10" x14ac:dyDescent="0.35">
      <c r="A49152" s="1" t="s">
        <v>100</v>
      </c>
      <c r="B49152" s="1" t="s">
        <v>165936</v>
      </c>
      <c r="C49152" s="1" t="s">
        <v>75</v>
      </c>
      <c r="D49152" s="1" t="s">
        <v>166657</v>
      </c>
      <c r="E49152" s="1" t="s">
        <v>166658</v>
      </c>
      <c r="F49152" s="1" t="s">
        <v>166659</v>
      </c>
      <c r="G49152" s="1" t="s">
        <v>166616</v>
      </c>
      <c r="H49152" s="1" t="s">
        <v>166617</v>
      </c>
      <c r="I49152" s="1" t="s">
        <v>165942</v>
      </c>
      <c r="J49152" s="1" t="s">
        <v>166660</v>
      </c>
    </row>
    <row r="49153" spans="1:10" x14ac:dyDescent="0.35">
      <c r="A49153" s="1" t="s">
        <v>100</v>
      </c>
      <c r="B49153" s="1" t="s">
        <v>165936</v>
      </c>
      <c r="C49153" s="1" t="s">
        <v>80</v>
      </c>
      <c r="D49153" s="1" t="s">
        <v>166661</v>
      </c>
      <c r="E49153" s="1" t="s">
        <v>166662</v>
      </c>
      <c r="F49153" s="1" t="s">
        <v>166663</v>
      </c>
      <c r="G49153" s="1" t="s">
        <v>166616</v>
      </c>
      <c r="H49153" s="1" t="s">
        <v>166617</v>
      </c>
      <c r="I49153" s="1" t="s">
        <v>165942</v>
      </c>
      <c r="J49153" s="1" t="s">
        <v>166664</v>
      </c>
    </row>
    <row r="49154" spans="1:10" x14ac:dyDescent="0.35">
      <c r="A49154" s="1" t="s">
        <v>100</v>
      </c>
      <c r="B49154" s="1" t="s">
        <v>165936</v>
      </c>
      <c r="C49154" s="1" t="s">
        <v>85</v>
      </c>
      <c r="D49154" s="1" t="s">
        <v>65988</v>
      </c>
      <c r="E49154" s="1" t="s">
        <v>166665</v>
      </c>
      <c r="F49154" s="1" t="s">
        <v>166666</v>
      </c>
      <c r="G49154" s="1" t="s">
        <v>166616</v>
      </c>
      <c r="H49154" s="1" t="s">
        <v>166617</v>
      </c>
      <c r="I49154" s="1" t="s">
        <v>165942</v>
      </c>
      <c r="J49154" s="1" t="s">
        <v>166667</v>
      </c>
    </row>
    <row r="49155" spans="1:10" x14ac:dyDescent="0.35">
      <c r="A49155" s="1" t="s">
        <v>100</v>
      </c>
      <c r="B49155" s="1" t="s">
        <v>165936</v>
      </c>
      <c r="C49155" s="1" t="s">
        <v>90</v>
      </c>
      <c r="D49155" s="1" t="s">
        <v>2718</v>
      </c>
      <c r="E49155" s="1" t="s">
        <v>166668</v>
      </c>
      <c r="F49155" s="1" t="s">
        <v>166669</v>
      </c>
      <c r="G49155" s="1" t="s">
        <v>166616</v>
      </c>
      <c r="H49155" s="1" t="s">
        <v>166617</v>
      </c>
      <c r="I49155" s="1" t="s">
        <v>165942</v>
      </c>
      <c r="J49155" s="1" t="s">
        <v>166670</v>
      </c>
    </row>
    <row r="49156" spans="1:10" x14ac:dyDescent="0.35">
      <c r="A49156" s="1" t="s">
        <v>100</v>
      </c>
      <c r="B49156" s="1" t="s">
        <v>165936</v>
      </c>
      <c r="C49156" s="1" t="s">
        <v>95</v>
      </c>
      <c r="D49156" s="1" t="s">
        <v>166671</v>
      </c>
      <c r="E49156" s="1" t="s">
        <v>166672</v>
      </c>
      <c r="F49156" s="1" t="s">
        <v>166673</v>
      </c>
      <c r="G49156" s="1" t="s">
        <v>166616</v>
      </c>
      <c r="H49156" s="1" t="s">
        <v>166617</v>
      </c>
      <c r="I49156" s="1" t="s">
        <v>165942</v>
      </c>
      <c r="J49156" s="1" t="s">
        <v>166674</v>
      </c>
    </row>
    <row r="49157" spans="1:10" x14ac:dyDescent="0.35">
      <c r="A49157" s="1" t="s">
        <v>100</v>
      </c>
      <c r="B49157" s="1" t="s">
        <v>165936</v>
      </c>
      <c r="C49157" s="1" t="s">
        <v>100</v>
      </c>
      <c r="D49157" s="1" t="s">
        <v>166675</v>
      </c>
      <c r="E49157" s="1" t="s">
        <v>166676</v>
      </c>
      <c r="F49157" s="1" t="s">
        <v>166677</v>
      </c>
      <c r="G49157" s="1" t="s">
        <v>166616</v>
      </c>
      <c r="H49157" s="1" t="s">
        <v>166617</v>
      </c>
      <c r="I49157" s="1" t="s">
        <v>165942</v>
      </c>
      <c r="J49157" s="1" t="s">
        <v>166678</v>
      </c>
    </row>
    <row r="49158" spans="1:10" x14ac:dyDescent="0.35">
      <c r="A49158" s="1" t="s">
        <v>100</v>
      </c>
      <c r="B49158" s="1" t="s">
        <v>165936</v>
      </c>
      <c r="C49158" s="1" t="s">
        <v>105</v>
      </c>
      <c r="D49158" s="1" t="s">
        <v>166679</v>
      </c>
      <c r="E49158" s="1" t="s">
        <v>166680</v>
      </c>
      <c r="F49158" s="1" t="s">
        <v>166681</v>
      </c>
      <c r="G49158" s="1" t="s">
        <v>166616</v>
      </c>
      <c r="H49158" s="1" t="s">
        <v>166617</v>
      </c>
      <c r="I49158" s="1" t="s">
        <v>165942</v>
      </c>
      <c r="J49158" s="1" t="s">
        <v>166682</v>
      </c>
    </row>
    <row r="49159" spans="1:10" x14ac:dyDescent="0.35">
      <c r="A49159" s="1" t="s">
        <v>100</v>
      </c>
      <c r="B49159" s="1" t="s">
        <v>165936</v>
      </c>
      <c r="C49159" s="1" t="s">
        <v>110</v>
      </c>
      <c r="D49159" s="1" t="s">
        <v>129180</v>
      </c>
      <c r="E49159" s="1" t="s">
        <v>166683</v>
      </c>
      <c r="F49159" s="1" t="s">
        <v>166684</v>
      </c>
      <c r="G49159" s="1" t="s">
        <v>166616</v>
      </c>
      <c r="H49159" s="1" t="s">
        <v>166617</v>
      </c>
      <c r="I49159" s="1" t="s">
        <v>165942</v>
      </c>
      <c r="J49159" s="1" t="s">
        <v>166685</v>
      </c>
    </row>
    <row r="49160" spans="1:10" x14ac:dyDescent="0.35">
      <c r="A49160" s="1" t="s">
        <v>100</v>
      </c>
      <c r="B49160" s="1" t="s">
        <v>165936</v>
      </c>
      <c r="C49160" s="1" t="s">
        <v>115</v>
      </c>
      <c r="D49160" s="1" t="s">
        <v>90550</v>
      </c>
      <c r="E49160" s="1" t="s">
        <v>93091</v>
      </c>
      <c r="F49160" s="1" t="s">
        <v>166686</v>
      </c>
      <c r="G49160" s="1" t="s">
        <v>166616</v>
      </c>
      <c r="H49160" s="1" t="s">
        <v>166617</v>
      </c>
      <c r="I49160" s="1" t="s">
        <v>165942</v>
      </c>
      <c r="J49160" s="1" t="s">
        <v>166687</v>
      </c>
    </row>
    <row r="49161" spans="1:10" x14ac:dyDescent="0.35">
      <c r="A49161" s="1" t="s">
        <v>100</v>
      </c>
      <c r="B49161" s="1" t="s">
        <v>165936</v>
      </c>
      <c r="C49161" s="1" t="s">
        <v>120</v>
      </c>
      <c r="D49161" s="1" t="s">
        <v>166688</v>
      </c>
      <c r="E49161" s="1" t="s">
        <v>166689</v>
      </c>
      <c r="F49161" s="1" t="s">
        <v>166690</v>
      </c>
      <c r="G49161" s="1" t="s">
        <v>166616</v>
      </c>
      <c r="H49161" s="1" t="s">
        <v>166617</v>
      </c>
      <c r="I49161" s="1" t="s">
        <v>165942</v>
      </c>
      <c r="J49161" s="1" t="s">
        <v>166691</v>
      </c>
    </row>
    <row r="49162" spans="1:10" x14ac:dyDescent="0.35">
      <c r="A49162" s="1" t="s">
        <v>100</v>
      </c>
      <c r="B49162" s="1" t="s">
        <v>165936</v>
      </c>
      <c r="C49162" s="1" t="s">
        <v>125</v>
      </c>
      <c r="D49162" s="1" t="s">
        <v>166692</v>
      </c>
      <c r="E49162" s="1" t="s">
        <v>166693</v>
      </c>
      <c r="F49162" s="1" t="s">
        <v>166694</v>
      </c>
      <c r="G49162" s="1" t="s">
        <v>166616</v>
      </c>
      <c r="H49162" s="1" t="s">
        <v>166617</v>
      </c>
      <c r="I49162" s="1" t="s">
        <v>165942</v>
      </c>
      <c r="J49162" s="1" t="s">
        <v>166695</v>
      </c>
    </row>
    <row r="49163" spans="1:10" x14ac:dyDescent="0.35">
      <c r="A49163" s="1" t="s">
        <v>100</v>
      </c>
      <c r="B49163" s="1" t="s">
        <v>165936</v>
      </c>
      <c r="C49163" s="1" t="s">
        <v>130</v>
      </c>
      <c r="D49163" s="1" t="s">
        <v>94433</v>
      </c>
      <c r="E49163" s="1" t="s">
        <v>166696</v>
      </c>
      <c r="F49163" s="1" t="s">
        <v>166697</v>
      </c>
      <c r="G49163" s="1" t="s">
        <v>166616</v>
      </c>
      <c r="H49163" s="1" t="s">
        <v>166617</v>
      </c>
      <c r="I49163" s="1" t="s">
        <v>165942</v>
      </c>
      <c r="J49163" s="1" t="s">
        <v>166698</v>
      </c>
    </row>
    <row r="49164" spans="1:10" x14ac:dyDescent="0.35">
      <c r="A49164" s="1" t="s">
        <v>100</v>
      </c>
      <c r="B49164" s="1" t="s">
        <v>165936</v>
      </c>
      <c r="C49164" s="1" t="s">
        <v>135</v>
      </c>
      <c r="D49164" s="1" t="s">
        <v>63954</v>
      </c>
      <c r="E49164" s="1" t="s">
        <v>166699</v>
      </c>
      <c r="F49164" s="1" t="s">
        <v>166700</v>
      </c>
      <c r="G49164" s="1" t="s">
        <v>166616</v>
      </c>
      <c r="H49164" s="1" t="s">
        <v>166617</v>
      </c>
      <c r="I49164" s="1" t="s">
        <v>165942</v>
      </c>
      <c r="J49164" s="1" t="s">
        <v>166701</v>
      </c>
    </row>
    <row r="49165" spans="1:10" x14ac:dyDescent="0.35">
      <c r="A49165" s="1" t="s">
        <v>100</v>
      </c>
      <c r="B49165" s="1" t="s">
        <v>165936</v>
      </c>
      <c r="C49165" s="1" t="s">
        <v>140</v>
      </c>
      <c r="D49165" s="1" t="s">
        <v>64752</v>
      </c>
      <c r="E49165" s="1" t="s">
        <v>166702</v>
      </c>
      <c r="F49165" s="1" t="s">
        <v>166703</v>
      </c>
      <c r="G49165" s="1" t="s">
        <v>166616</v>
      </c>
      <c r="H49165" s="1" t="s">
        <v>166617</v>
      </c>
      <c r="I49165" s="1" t="s">
        <v>165942</v>
      </c>
      <c r="J49165" s="1" t="s">
        <v>166704</v>
      </c>
    </row>
    <row r="49166" spans="1:10" x14ac:dyDescent="0.35">
      <c r="A49166" s="1" t="s">
        <v>100</v>
      </c>
      <c r="B49166" s="1" t="s">
        <v>165936</v>
      </c>
      <c r="C49166" s="1" t="s">
        <v>145</v>
      </c>
      <c r="D49166" s="1" t="s">
        <v>91271</v>
      </c>
      <c r="E49166" s="1" t="s">
        <v>166705</v>
      </c>
      <c r="F49166" s="1" t="s">
        <v>166706</v>
      </c>
      <c r="G49166" s="1" t="s">
        <v>166616</v>
      </c>
      <c r="H49166" s="1" t="s">
        <v>166617</v>
      </c>
      <c r="I49166" s="1" t="s">
        <v>165942</v>
      </c>
      <c r="J49166" s="1" t="s">
        <v>166707</v>
      </c>
    </row>
    <row r="49167" spans="1:10" x14ac:dyDescent="0.35">
      <c r="A49167" s="1" t="s">
        <v>100</v>
      </c>
      <c r="B49167" s="1" t="s">
        <v>165936</v>
      </c>
      <c r="C49167" s="1" t="s">
        <v>150</v>
      </c>
      <c r="D49167" s="1" t="s">
        <v>99284</v>
      </c>
      <c r="E49167" s="1" t="s">
        <v>166708</v>
      </c>
      <c r="F49167" s="1" t="s">
        <v>166709</v>
      </c>
      <c r="G49167" s="1" t="s">
        <v>166616</v>
      </c>
      <c r="H49167" s="1" t="s">
        <v>166617</v>
      </c>
      <c r="I49167" s="1" t="s">
        <v>165942</v>
      </c>
      <c r="J49167" s="1" t="s">
        <v>166710</v>
      </c>
    </row>
    <row r="49168" spans="1:10" x14ac:dyDescent="0.35">
      <c r="A49168" s="1" t="s">
        <v>100</v>
      </c>
      <c r="B49168" s="1" t="s">
        <v>165936</v>
      </c>
      <c r="C49168" s="1" t="s">
        <v>155</v>
      </c>
      <c r="D49168" s="1" t="s">
        <v>166711</v>
      </c>
      <c r="E49168" s="1" t="s">
        <v>166712</v>
      </c>
      <c r="F49168" s="1" t="s">
        <v>166713</v>
      </c>
      <c r="G49168" s="1" t="s">
        <v>166616</v>
      </c>
      <c r="H49168" s="1" t="s">
        <v>166617</v>
      </c>
      <c r="I49168" s="1" t="s">
        <v>165942</v>
      </c>
      <c r="J49168" s="1" t="s">
        <v>166714</v>
      </c>
    </row>
    <row r="49169" spans="1:10" x14ac:dyDescent="0.35">
      <c r="A49169" s="1" t="s">
        <v>100</v>
      </c>
      <c r="B49169" s="1" t="s">
        <v>165936</v>
      </c>
      <c r="C49169" s="1" t="s">
        <v>160</v>
      </c>
      <c r="D49169" s="1" t="s">
        <v>166715</v>
      </c>
      <c r="E49169" s="1" t="s">
        <v>166716</v>
      </c>
      <c r="F49169" s="1" t="s">
        <v>166717</v>
      </c>
      <c r="G49169" s="1" t="s">
        <v>166616</v>
      </c>
      <c r="H49169" s="1" t="s">
        <v>166617</v>
      </c>
      <c r="I49169" s="1" t="s">
        <v>165942</v>
      </c>
      <c r="J49169" s="1" t="s">
        <v>166718</v>
      </c>
    </row>
    <row r="49170" spans="1:10" x14ac:dyDescent="0.35">
      <c r="A49170" s="1" t="s">
        <v>100</v>
      </c>
      <c r="B49170" s="1" t="s">
        <v>165936</v>
      </c>
      <c r="C49170" s="1" t="s">
        <v>165</v>
      </c>
      <c r="D49170" s="1" t="s">
        <v>93417</v>
      </c>
      <c r="E49170" s="1" t="s">
        <v>166719</v>
      </c>
      <c r="F49170" s="1" t="s">
        <v>166720</v>
      </c>
      <c r="G49170" s="1" t="s">
        <v>166616</v>
      </c>
      <c r="H49170" s="1" t="s">
        <v>166617</v>
      </c>
      <c r="I49170" s="1" t="s">
        <v>165942</v>
      </c>
      <c r="J49170" s="1" t="s">
        <v>166721</v>
      </c>
    </row>
    <row r="49171" spans="1:10" x14ac:dyDescent="0.35">
      <c r="A49171" s="1" t="s">
        <v>100</v>
      </c>
      <c r="B49171" s="1" t="s">
        <v>165936</v>
      </c>
      <c r="C49171" s="1" t="s">
        <v>170</v>
      </c>
      <c r="D49171" s="1" t="s">
        <v>65402</v>
      </c>
      <c r="E49171" s="1" t="s">
        <v>166722</v>
      </c>
      <c r="F49171" s="1" t="s">
        <v>166723</v>
      </c>
      <c r="G49171" s="1" t="s">
        <v>166616</v>
      </c>
      <c r="H49171" s="1" t="s">
        <v>166617</v>
      </c>
      <c r="I49171" s="1" t="s">
        <v>165942</v>
      </c>
      <c r="J49171" s="1" t="s">
        <v>166724</v>
      </c>
    </row>
    <row r="49172" spans="1:10" x14ac:dyDescent="0.35">
      <c r="A49172" s="1" t="s">
        <v>105</v>
      </c>
      <c r="B49172" s="1" t="s">
        <v>165936</v>
      </c>
      <c r="C49172" s="1" t="s">
        <v>8</v>
      </c>
      <c r="D49172" s="1" t="s">
        <v>65354</v>
      </c>
      <c r="E49172" s="1" t="s">
        <v>166725</v>
      </c>
      <c r="F49172" s="1" t="s">
        <v>166726</v>
      </c>
      <c r="G49172" s="1" t="s">
        <v>166727</v>
      </c>
      <c r="H49172" s="1" t="s">
        <v>166728</v>
      </c>
      <c r="I49172" s="1" t="s">
        <v>165942</v>
      </c>
      <c r="J49172" s="1" t="s">
        <v>13</v>
      </c>
    </row>
    <row r="49173" spans="1:10" x14ac:dyDescent="0.35">
      <c r="A49173" s="1" t="s">
        <v>105</v>
      </c>
      <c r="B49173" s="1" t="s">
        <v>165936</v>
      </c>
      <c r="C49173" s="1" t="s">
        <v>15</v>
      </c>
      <c r="D49173" s="1" t="s">
        <v>166729</v>
      </c>
      <c r="E49173" s="1" t="s">
        <v>166730</v>
      </c>
      <c r="F49173" s="1" t="s">
        <v>166731</v>
      </c>
      <c r="G49173" s="1" t="s">
        <v>166727</v>
      </c>
      <c r="H49173" s="1" t="s">
        <v>166728</v>
      </c>
      <c r="I49173" s="1" t="s">
        <v>165942</v>
      </c>
      <c r="J49173" s="1" t="s">
        <v>166732</v>
      </c>
    </row>
    <row r="49174" spans="1:10" x14ac:dyDescent="0.35">
      <c r="A49174" s="1" t="s">
        <v>105</v>
      </c>
      <c r="B49174" s="1" t="s">
        <v>165936</v>
      </c>
      <c r="C49174" s="1" t="s">
        <v>20</v>
      </c>
      <c r="D49174" s="1" t="s">
        <v>11266</v>
      </c>
      <c r="E49174" s="1" t="s">
        <v>166733</v>
      </c>
      <c r="F49174" s="1" t="s">
        <v>166734</v>
      </c>
      <c r="G49174" s="1" t="s">
        <v>166727</v>
      </c>
      <c r="H49174" s="1" t="s">
        <v>166728</v>
      </c>
      <c r="I49174" s="1" t="s">
        <v>165942</v>
      </c>
      <c r="J49174" s="1" t="s">
        <v>166735</v>
      </c>
    </row>
    <row r="49175" spans="1:10" x14ac:dyDescent="0.35">
      <c r="A49175" s="1" t="s">
        <v>105</v>
      </c>
      <c r="B49175" s="1" t="s">
        <v>165936</v>
      </c>
      <c r="C49175" s="1" t="s">
        <v>25</v>
      </c>
      <c r="D49175" s="1" t="s">
        <v>106699</v>
      </c>
      <c r="E49175" s="1" t="s">
        <v>166736</v>
      </c>
      <c r="F49175" s="1" t="s">
        <v>166737</v>
      </c>
      <c r="G49175" s="1" t="s">
        <v>166727</v>
      </c>
      <c r="H49175" s="1" t="s">
        <v>166728</v>
      </c>
      <c r="I49175" s="1" t="s">
        <v>165942</v>
      </c>
      <c r="J49175" s="1" t="s">
        <v>166738</v>
      </c>
    </row>
    <row r="49176" spans="1:10" x14ac:dyDescent="0.35">
      <c r="A49176" s="1" t="s">
        <v>105</v>
      </c>
      <c r="B49176" s="1" t="s">
        <v>165936</v>
      </c>
      <c r="C49176" s="1" t="s">
        <v>30</v>
      </c>
      <c r="D49176" s="1" t="s">
        <v>166739</v>
      </c>
      <c r="E49176" s="1" t="s">
        <v>166740</v>
      </c>
      <c r="F49176" s="1" t="s">
        <v>166741</v>
      </c>
      <c r="G49176" s="1" t="s">
        <v>166727</v>
      </c>
      <c r="H49176" s="1" t="s">
        <v>166728</v>
      </c>
      <c r="I49176" s="1" t="s">
        <v>165942</v>
      </c>
      <c r="J49176" s="1" t="s">
        <v>166742</v>
      </c>
    </row>
    <row r="49177" spans="1:10" x14ac:dyDescent="0.35">
      <c r="A49177" s="1" t="s">
        <v>105</v>
      </c>
      <c r="B49177" s="1" t="s">
        <v>165936</v>
      </c>
      <c r="C49177" s="1" t="s">
        <v>35</v>
      </c>
      <c r="D49177" s="1" t="s">
        <v>124696</v>
      </c>
      <c r="E49177" s="1" t="s">
        <v>166743</v>
      </c>
      <c r="F49177" s="1" t="s">
        <v>166744</v>
      </c>
      <c r="G49177" s="1" t="s">
        <v>166727</v>
      </c>
      <c r="H49177" s="1" t="s">
        <v>166728</v>
      </c>
      <c r="I49177" s="1" t="s">
        <v>165942</v>
      </c>
      <c r="J49177" s="1" t="s">
        <v>166745</v>
      </c>
    </row>
    <row r="49178" spans="1:10" x14ac:dyDescent="0.35">
      <c r="A49178" s="1" t="s">
        <v>105</v>
      </c>
      <c r="B49178" s="1" t="s">
        <v>165936</v>
      </c>
      <c r="C49178" s="1" t="s">
        <v>40</v>
      </c>
      <c r="D49178" s="1" t="s">
        <v>93862</v>
      </c>
      <c r="E49178" s="1" t="s">
        <v>166746</v>
      </c>
      <c r="F49178" s="1" t="s">
        <v>166747</v>
      </c>
      <c r="G49178" s="1" t="s">
        <v>166727</v>
      </c>
      <c r="H49178" s="1" t="s">
        <v>166728</v>
      </c>
      <c r="I49178" s="1" t="s">
        <v>165942</v>
      </c>
      <c r="J49178" s="1" t="s">
        <v>166748</v>
      </c>
    </row>
    <row r="49179" spans="1:10" x14ac:dyDescent="0.35">
      <c r="A49179" s="1" t="s">
        <v>105</v>
      </c>
      <c r="B49179" s="1" t="s">
        <v>165936</v>
      </c>
      <c r="C49179" s="1" t="s">
        <v>45</v>
      </c>
      <c r="D49179" s="1" t="s">
        <v>62932</v>
      </c>
      <c r="E49179" s="1" t="s">
        <v>166749</v>
      </c>
      <c r="F49179" s="1" t="s">
        <v>166750</v>
      </c>
      <c r="G49179" s="1" t="s">
        <v>166727</v>
      </c>
      <c r="H49179" s="1" t="s">
        <v>166728</v>
      </c>
      <c r="I49179" s="1" t="s">
        <v>165942</v>
      </c>
      <c r="J49179" s="1" t="s">
        <v>166751</v>
      </c>
    </row>
    <row r="49180" spans="1:10" x14ac:dyDescent="0.35">
      <c r="A49180" s="1" t="s">
        <v>105</v>
      </c>
      <c r="B49180" s="1" t="s">
        <v>165936</v>
      </c>
      <c r="C49180" s="1" t="s">
        <v>50</v>
      </c>
      <c r="D49180" s="1" t="s">
        <v>139456</v>
      </c>
      <c r="E49180" s="1" t="s">
        <v>166752</v>
      </c>
      <c r="F49180" s="1" t="s">
        <v>166753</v>
      </c>
      <c r="G49180" s="1" t="s">
        <v>166727</v>
      </c>
      <c r="H49180" s="1" t="s">
        <v>166728</v>
      </c>
      <c r="I49180" s="1" t="s">
        <v>165942</v>
      </c>
      <c r="J49180" s="1" t="s">
        <v>166754</v>
      </c>
    </row>
    <row r="49181" spans="1:10" x14ac:dyDescent="0.35">
      <c r="A49181" s="1" t="s">
        <v>105</v>
      </c>
      <c r="B49181" s="1" t="s">
        <v>165936</v>
      </c>
      <c r="C49181" s="1" t="s">
        <v>55</v>
      </c>
      <c r="D49181" s="1" t="s">
        <v>69542</v>
      </c>
      <c r="E49181" s="1" t="s">
        <v>166755</v>
      </c>
      <c r="F49181" s="1" t="s">
        <v>166756</v>
      </c>
      <c r="G49181" s="1" t="s">
        <v>166727</v>
      </c>
      <c r="H49181" s="1" t="s">
        <v>166728</v>
      </c>
      <c r="I49181" s="1" t="s">
        <v>165942</v>
      </c>
      <c r="J49181" s="1" t="s">
        <v>166757</v>
      </c>
    </row>
    <row r="49182" spans="1:10" x14ac:dyDescent="0.35">
      <c r="A49182" s="1" t="s">
        <v>105</v>
      </c>
      <c r="B49182" s="1" t="s">
        <v>165936</v>
      </c>
      <c r="C49182" s="1" t="s">
        <v>60</v>
      </c>
      <c r="D49182" s="1" t="s">
        <v>64014</v>
      </c>
      <c r="E49182" s="1" t="s">
        <v>166758</v>
      </c>
      <c r="F49182" s="1" t="s">
        <v>166759</v>
      </c>
      <c r="G49182" s="1" t="s">
        <v>166727</v>
      </c>
      <c r="H49182" s="1" t="s">
        <v>166728</v>
      </c>
      <c r="I49182" s="1" t="s">
        <v>165942</v>
      </c>
      <c r="J49182" s="1" t="s">
        <v>166760</v>
      </c>
    </row>
    <row r="49183" spans="1:10" x14ac:dyDescent="0.35">
      <c r="A49183" s="1" t="s">
        <v>105</v>
      </c>
      <c r="B49183" s="1" t="s">
        <v>165936</v>
      </c>
      <c r="C49183" s="1" t="s">
        <v>65</v>
      </c>
      <c r="D49183" s="1" t="s">
        <v>166761</v>
      </c>
      <c r="E49183" s="1" t="s">
        <v>166762</v>
      </c>
      <c r="F49183" s="1" t="s">
        <v>166763</v>
      </c>
      <c r="G49183" s="1" t="s">
        <v>166727</v>
      </c>
      <c r="H49183" s="1" t="s">
        <v>166728</v>
      </c>
      <c r="I49183" s="1" t="s">
        <v>165942</v>
      </c>
      <c r="J49183" s="1" t="s">
        <v>166764</v>
      </c>
    </row>
    <row r="49184" spans="1:10" x14ac:dyDescent="0.35">
      <c r="A49184" s="1" t="s">
        <v>105</v>
      </c>
      <c r="B49184" s="1" t="s">
        <v>165936</v>
      </c>
      <c r="C49184" s="1" t="s">
        <v>70</v>
      </c>
      <c r="D49184" s="1" t="s">
        <v>140685</v>
      </c>
      <c r="E49184" s="1" t="s">
        <v>166765</v>
      </c>
      <c r="F49184" s="1" t="s">
        <v>166766</v>
      </c>
      <c r="G49184" s="1" t="s">
        <v>166727</v>
      </c>
      <c r="H49184" s="1" t="s">
        <v>166728</v>
      </c>
      <c r="I49184" s="1" t="s">
        <v>165942</v>
      </c>
      <c r="J49184" s="1" t="s">
        <v>166767</v>
      </c>
    </row>
    <row r="49185" spans="1:10" x14ac:dyDescent="0.35">
      <c r="A49185" s="1" t="s">
        <v>105</v>
      </c>
      <c r="B49185" s="1" t="s">
        <v>165936</v>
      </c>
      <c r="C49185" s="1" t="s">
        <v>75</v>
      </c>
      <c r="D49185" s="1" t="s">
        <v>90620</v>
      </c>
      <c r="E49185" s="1" t="s">
        <v>166768</v>
      </c>
      <c r="F49185" s="1" t="s">
        <v>166769</v>
      </c>
      <c r="G49185" s="1" t="s">
        <v>166727</v>
      </c>
      <c r="H49185" s="1" t="s">
        <v>166728</v>
      </c>
      <c r="I49185" s="1" t="s">
        <v>165942</v>
      </c>
      <c r="J49185" s="1" t="s">
        <v>166770</v>
      </c>
    </row>
    <row r="49186" spans="1:10" x14ac:dyDescent="0.35">
      <c r="A49186" s="1" t="s">
        <v>105</v>
      </c>
      <c r="B49186" s="1" t="s">
        <v>165936</v>
      </c>
      <c r="C49186" s="1" t="s">
        <v>80</v>
      </c>
      <c r="D49186" s="1" t="s">
        <v>95531</v>
      </c>
      <c r="E49186" s="1" t="s">
        <v>166771</v>
      </c>
      <c r="F49186" s="1" t="s">
        <v>166772</v>
      </c>
      <c r="G49186" s="1" t="s">
        <v>166727</v>
      </c>
      <c r="H49186" s="1" t="s">
        <v>166728</v>
      </c>
      <c r="I49186" s="1" t="s">
        <v>165942</v>
      </c>
      <c r="J49186" s="1" t="s">
        <v>166773</v>
      </c>
    </row>
    <row r="49187" spans="1:10" x14ac:dyDescent="0.35">
      <c r="A49187" s="1" t="s">
        <v>105</v>
      </c>
      <c r="B49187" s="1" t="s">
        <v>165936</v>
      </c>
      <c r="C49187" s="1" t="s">
        <v>85</v>
      </c>
      <c r="D49187" s="1" t="s">
        <v>80690</v>
      </c>
      <c r="E49187" s="1" t="s">
        <v>166774</v>
      </c>
      <c r="F49187" s="1" t="s">
        <v>166775</v>
      </c>
      <c r="G49187" s="1" t="s">
        <v>166727</v>
      </c>
      <c r="H49187" s="1" t="s">
        <v>166728</v>
      </c>
      <c r="I49187" s="1" t="s">
        <v>165942</v>
      </c>
      <c r="J49187" s="1" t="s">
        <v>166776</v>
      </c>
    </row>
    <row r="49188" spans="1:10" x14ac:dyDescent="0.35">
      <c r="A49188" s="1" t="s">
        <v>105</v>
      </c>
      <c r="B49188" s="1" t="s">
        <v>165936</v>
      </c>
      <c r="C49188" s="1" t="s">
        <v>90</v>
      </c>
      <c r="D49188" s="1" t="s">
        <v>136963</v>
      </c>
      <c r="E49188" s="1" t="s">
        <v>166777</v>
      </c>
      <c r="F49188" s="1" t="s">
        <v>166778</v>
      </c>
      <c r="G49188" s="1" t="s">
        <v>166727</v>
      </c>
      <c r="H49188" s="1" t="s">
        <v>166728</v>
      </c>
      <c r="I49188" s="1" t="s">
        <v>165942</v>
      </c>
      <c r="J49188" s="1" t="s">
        <v>166779</v>
      </c>
    </row>
    <row r="49189" spans="1:10" x14ac:dyDescent="0.35">
      <c r="A49189" s="1" t="s">
        <v>105</v>
      </c>
      <c r="B49189" s="1" t="s">
        <v>165936</v>
      </c>
      <c r="C49189" s="1" t="s">
        <v>95</v>
      </c>
      <c r="D49189" s="1" t="s">
        <v>130192</v>
      </c>
      <c r="E49189" s="1" t="s">
        <v>166780</v>
      </c>
      <c r="F49189" s="1" t="s">
        <v>166781</v>
      </c>
      <c r="G49189" s="1" t="s">
        <v>166727</v>
      </c>
      <c r="H49189" s="1" t="s">
        <v>166728</v>
      </c>
      <c r="I49189" s="1" t="s">
        <v>165942</v>
      </c>
      <c r="J49189" s="1" t="s">
        <v>166782</v>
      </c>
    </row>
    <row r="49190" spans="1:10" x14ac:dyDescent="0.35">
      <c r="A49190" s="1" t="s">
        <v>105</v>
      </c>
      <c r="B49190" s="1" t="s">
        <v>165936</v>
      </c>
      <c r="C49190" s="1" t="s">
        <v>100</v>
      </c>
      <c r="D49190" s="1" t="s">
        <v>166783</v>
      </c>
      <c r="E49190" s="1" t="s">
        <v>166784</v>
      </c>
      <c r="F49190" s="1" t="s">
        <v>166785</v>
      </c>
      <c r="G49190" s="1" t="s">
        <v>166727</v>
      </c>
      <c r="H49190" s="1" t="s">
        <v>166728</v>
      </c>
      <c r="I49190" s="1" t="s">
        <v>165942</v>
      </c>
      <c r="J49190" s="1" t="s">
        <v>166786</v>
      </c>
    </row>
    <row r="49191" spans="1:10" x14ac:dyDescent="0.35">
      <c r="A49191" s="1" t="s">
        <v>105</v>
      </c>
      <c r="B49191" s="1" t="s">
        <v>165936</v>
      </c>
      <c r="C49191" s="1" t="s">
        <v>105</v>
      </c>
      <c r="D49191" s="1" t="s">
        <v>166787</v>
      </c>
      <c r="E49191" s="1" t="s">
        <v>166788</v>
      </c>
      <c r="F49191" s="1" t="s">
        <v>166789</v>
      </c>
      <c r="G49191" s="1" t="s">
        <v>166727</v>
      </c>
      <c r="H49191" s="1" t="s">
        <v>166728</v>
      </c>
      <c r="I49191" s="1" t="s">
        <v>165942</v>
      </c>
      <c r="J49191" s="1" t="s">
        <v>166790</v>
      </c>
    </row>
    <row r="49192" spans="1:10" x14ac:dyDescent="0.35">
      <c r="A49192" s="1" t="s">
        <v>105</v>
      </c>
      <c r="B49192" s="1" t="s">
        <v>165936</v>
      </c>
      <c r="C49192" s="1" t="s">
        <v>110</v>
      </c>
      <c r="D49192" s="1" t="s">
        <v>166791</v>
      </c>
      <c r="E49192" s="1" t="s">
        <v>166792</v>
      </c>
      <c r="F49192" s="1" t="s">
        <v>166793</v>
      </c>
      <c r="G49192" s="1" t="s">
        <v>166727</v>
      </c>
      <c r="H49192" s="1" t="s">
        <v>166728</v>
      </c>
      <c r="I49192" s="1" t="s">
        <v>165942</v>
      </c>
      <c r="J49192" s="1" t="s">
        <v>166794</v>
      </c>
    </row>
    <row r="49193" spans="1:10" x14ac:dyDescent="0.35">
      <c r="A49193" s="1" t="s">
        <v>105</v>
      </c>
      <c r="B49193" s="1" t="s">
        <v>165936</v>
      </c>
      <c r="C49193" s="1" t="s">
        <v>115</v>
      </c>
      <c r="D49193" s="1" t="s">
        <v>166795</v>
      </c>
      <c r="E49193" s="1" t="s">
        <v>166796</v>
      </c>
      <c r="F49193" s="1" t="s">
        <v>166797</v>
      </c>
      <c r="G49193" s="1" t="s">
        <v>166727</v>
      </c>
      <c r="H49193" s="1" t="s">
        <v>166728</v>
      </c>
      <c r="I49193" s="1" t="s">
        <v>165942</v>
      </c>
      <c r="J49193" s="1" t="s">
        <v>166798</v>
      </c>
    </row>
    <row r="49194" spans="1:10" x14ac:dyDescent="0.35">
      <c r="A49194" s="1" t="s">
        <v>105</v>
      </c>
      <c r="B49194" s="1" t="s">
        <v>165936</v>
      </c>
      <c r="C49194" s="1" t="s">
        <v>120</v>
      </c>
      <c r="D49194" s="1" t="s">
        <v>166799</v>
      </c>
      <c r="E49194" s="1" t="s">
        <v>166800</v>
      </c>
      <c r="F49194" s="1" t="s">
        <v>166801</v>
      </c>
      <c r="G49194" s="1" t="s">
        <v>166727</v>
      </c>
      <c r="H49194" s="1" t="s">
        <v>166728</v>
      </c>
      <c r="I49194" s="1" t="s">
        <v>165942</v>
      </c>
      <c r="J49194" s="1" t="s">
        <v>166802</v>
      </c>
    </row>
    <row r="49195" spans="1:10" x14ac:dyDescent="0.35">
      <c r="A49195" s="1" t="s">
        <v>105</v>
      </c>
      <c r="B49195" s="1" t="s">
        <v>165936</v>
      </c>
      <c r="C49195" s="1" t="s">
        <v>125</v>
      </c>
      <c r="D49195" s="1" t="s">
        <v>61175</v>
      </c>
      <c r="E49195" s="1" t="s">
        <v>166803</v>
      </c>
      <c r="F49195" s="1" t="s">
        <v>166804</v>
      </c>
      <c r="G49195" s="1" t="s">
        <v>166727</v>
      </c>
      <c r="H49195" s="1" t="s">
        <v>166728</v>
      </c>
      <c r="I49195" s="1" t="s">
        <v>165942</v>
      </c>
      <c r="J49195" s="1" t="s">
        <v>166805</v>
      </c>
    </row>
    <row r="49196" spans="1:10" x14ac:dyDescent="0.35">
      <c r="A49196" s="1" t="s">
        <v>105</v>
      </c>
      <c r="B49196" s="1" t="s">
        <v>165936</v>
      </c>
      <c r="C49196" s="1" t="s">
        <v>130</v>
      </c>
      <c r="D49196" s="1" t="s">
        <v>87537</v>
      </c>
      <c r="E49196" s="1" t="s">
        <v>166806</v>
      </c>
      <c r="F49196" s="1" t="s">
        <v>166807</v>
      </c>
      <c r="G49196" s="1" t="s">
        <v>166727</v>
      </c>
      <c r="H49196" s="1" t="s">
        <v>166728</v>
      </c>
      <c r="I49196" s="1" t="s">
        <v>165942</v>
      </c>
      <c r="J49196" s="1" t="s">
        <v>166808</v>
      </c>
    </row>
    <row r="49197" spans="1:10" x14ac:dyDescent="0.35">
      <c r="A49197" s="1" t="s">
        <v>105</v>
      </c>
      <c r="B49197" s="1" t="s">
        <v>165936</v>
      </c>
      <c r="C49197" s="1" t="s">
        <v>135</v>
      </c>
      <c r="D49197" s="1" t="s">
        <v>166809</v>
      </c>
      <c r="E49197" s="1" t="s">
        <v>166810</v>
      </c>
      <c r="F49197" s="1" t="s">
        <v>166811</v>
      </c>
      <c r="G49197" s="1" t="s">
        <v>166727</v>
      </c>
      <c r="H49197" s="1" t="s">
        <v>166728</v>
      </c>
      <c r="I49197" s="1" t="s">
        <v>165942</v>
      </c>
      <c r="J49197" s="1" t="s">
        <v>166812</v>
      </c>
    </row>
    <row r="49198" spans="1:10" x14ac:dyDescent="0.35">
      <c r="A49198" s="1" t="s">
        <v>105</v>
      </c>
      <c r="B49198" s="1" t="s">
        <v>165936</v>
      </c>
      <c r="C49198" s="1" t="s">
        <v>140</v>
      </c>
      <c r="D49198" s="1" t="s">
        <v>8161</v>
      </c>
      <c r="E49198" s="1" t="s">
        <v>166813</v>
      </c>
      <c r="F49198" s="1" t="s">
        <v>166814</v>
      </c>
      <c r="G49198" s="1" t="s">
        <v>166727</v>
      </c>
      <c r="H49198" s="1" t="s">
        <v>166728</v>
      </c>
      <c r="I49198" s="1" t="s">
        <v>165942</v>
      </c>
      <c r="J49198" s="1" t="s">
        <v>166815</v>
      </c>
    </row>
    <row r="49199" spans="1:10" x14ac:dyDescent="0.35">
      <c r="A49199" s="1" t="s">
        <v>105</v>
      </c>
      <c r="B49199" s="1" t="s">
        <v>165936</v>
      </c>
      <c r="C49199" s="1" t="s">
        <v>145</v>
      </c>
      <c r="D49199" s="1" t="s">
        <v>82011</v>
      </c>
      <c r="E49199" s="1" t="s">
        <v>166816</v>
      </c>
      <c r="F49199" s="1" t="s">
        <v>166817</v>
      </c>
      <c r="G49199" s="1" t="s">
        <v>166727</v>
      </c>
      <c r="H49199" s="1" t="s">
        <v>166728</v>
      </c>
      <c r="I49199" s="1" t="s">
        <v>165942</v>
      </c>
      <c r="J49199" s="1" t="s">
        <v>166818</v>
      </c>
    </row>
    <row r="49200" spans="1:10" x14ac:dyDescent="0.35">
      <c r="A49200" s="1" t="s">
        <v>105</v>
      </c>
      <c r="B49200" s="1" t="s">
        <v>165936</v>
      </c>
      <c r="C49200" s="1" t="s">
        <v>150</v>
      </c>
      <c r="D49200" s="1" t="s">
        <v>166819</v>
      </c>
      <c r="E49200" s="1" t="s">
        <v>166820</v>
      </c>
      <c r="F49200" s="1" t="s">
        <v>166821</v>
      </c>
      <c r="G49200" s="1" t="s">
        <v>166727</v>
      </c>
      <c r="H49200" s="1" t="s">
        <v>166728</v>
      </c>
      <c r="I49200" s="1" t="s">
        <v>165942</v>
      </c>
      <c r="J49200" s="1" t="s">
        <v>166822</v>
      </c>
    </row>
    <row r="49201" spans="1:10" x14ac:dyDescent="0.35">
      <c r="A49201" s="1" t="s">
        <v>105</v>
      </c>
      <c r="B49201" s="1" t="s">
        <v>165936</v>
      </c>
      <c r="C49201" s="1" t="s">
        <v>155</v>
      </c>
      <c r="D49201" s="1" t="s">
        <v>166823</v>
      </c>
      <c r="E49201" s="1" t="s">
        <v>166824</v>
      </c>
      <c r="F49201" s="1" t="s">
        <v>166825</v>
      </c>
      <c r="G49201" s="1" t="s">
        <v>166727</v>
      </c>
      <c r="H49201" s="1" t="s">
        <v>166728</v>
      </c>
      <c r="I49201" s="1" t="s">
        <v>165942</v>
      </c>
      <c r="J49201" s="1" t="s">
        <v>166826</v>
      </c>
    </row>
    <row r="49202" spans="1:10" x14ac:dyDescent="0.35">
      <c r="A49202" s="1" t="s">
        <v>105</v>
      </c>
      <c r="B49202" s="1" t="s">
        <v>165936</v>
      </c>
      <c r="C49202" s="1" t="s">
        <v>160</v>
      </c>
      <c r="D49202" s="1" t="s">
        <v>166827</v>
      </c>
      <c r="E49202" s="1" t="s">
        <v>166828</v>
      </c>
      <c r="F49202" s="1" t="s">
        <v>166829</v>
      </c>
      <c r="G49202" s="1" t="s">
        <v>166727</v>
      </c>
      <c r="H49202" s="1" t="s">
        <v>166728</v>
      </c>
      <c r="I49202" s="1" t="s">
        <v>165942</v>
      </c>
      <c r="J49202" s="1" t="s">
        <v>166830</v>
      </c>
    </row>
    <row r="49203" spans="1:10" x14ac:dyDescent="0.35">
      <c r="A49203" s="1" t="s">
        <v>105</v>
      </c>
      <c r="B49203" s="1" t="s">
        <v>165936</v>
      </c>
      <c r="C49203" s="1" t="s">
        <v>165</v>
      </c>
      <c r="D49203" s="1" t="s">
        <v>99737</v>
      </c>
      <c r="E49203" s="1" t="s">
        <v>166831</v>
      </c>
      <c r="F49203" s="1" t="s">
        <v>166832</v>
      </c>
      <c r="G49203" s="1" t="s">
        <v>166727</v>
      </c>
      <c r="H49203" s="1" t="s">
        <v>166728</v>
      </c>
      <c r="I49203" s="1" t="s">
        <v>165942</v>
      </c>
      <c r="J49203" s="1" t="s">
        <v>166833</v>
      </c>
    </row>
    <row r="49204" spans="1:10" x14ac:dyDescent="0.35">
      <c r="A49204" s="1" t="s">
        <v>105</v>
      </c>
      <c r="B49204" s="1" t="s">
        <v>165936</v>
      </c>
      <c r="C49204" s="1" t="s">
        <v>170</v>
      </c>
      <c r="D49204" s="1" t="s">
        <v>131494</v>
      </c>
      <c r="E49204" s="1" t="s">
        <v>166834</v>
      </c>
      <c r="F49204" s="1" t="s">
        <v>166835</v>
      </c>
      <c r="G49204" s="1" t="s">
        <v>166727</v>
      </c>
      <c r="H49204" s="1" t="s">
        <v>166728</v>
      </c>
      <c r="I49204" s="1" t="s">
        <v>165942</v>
      </c>
      <c r="J49204" s="1" t="s">
        <v>166836</v>
      </c>
    </row>
    <row r="49205" spans="1:10" x14ac:dyDescent="0.35">
      <c r="A49205" s="1" t="s">
        <v>110</v>
      </c>
      <c r="B49205" s="1" t="s">
        <v>165936</v>
      </c>
      <c r="C49205" s="1" t="s">
        <v>8</v>
      </c>
      <c r="D49205" s="1" t="s">
        <v>65804</v>
      </c>
      <c r="E49205" s="1" t="s">
        <v>24292</v>
      </c>
      <c r="F49205" s="1" t="s">
        <v>166837</v>
      </c>
      <c r="G49205" s="1" t="s">
        <v>166838</v>
      </c>
      <c r="H49205" s="1" t="s">
        <v>166839</v>
      </c>
      <c r="I49205" s="1" t="s">
        <v>165942</v>
      </c>
      <c r="J49205" s="1" t="s">
        <v>13</v>
      </c>
    </row>
    <row r="49206" spans="1:10" x14ac:dyDescent="0.35">
      <c r="A49206" s="1" t="s">
        <v>110</v>
      </c>
      <c r="B49206" s="1" t="s">
        <v>165936</v>
      </c>
      <c r="C49206" s="1" t="s">
        <v>15</v>
      </c>
      <c r="D49206" s="1" t="s">
        <v>166277</v>
      </c>
      <c r="E49206" s="1" t="s">
        <v>22335</v>
      </c>
      <c r="F49206" s="1" t="s">
        <v>166840</v>
      </c>
      <c r="G49206" s="1" t="s">
        <v>166838</v>
      </c>
      <c r="H49206" s="1" t="s">
        <v>166839</v>
      </c>
      <c r="I49206" s="1" t="s">
        <v>165942</v>
      </c>
      <c r="J49206" s="1" t="s">
        <v>166280</v>
      </c>
    </row>
    <row r="49207" spans="1:10" x14ac:dyDescent="0.35">
      <c r="A49207" s="1" t="s">
        <v>110</v>
      </c>
      <c r="B49207" s="1" t="s">
        <v>165936</v>
      </c>
      <c r="C49207" s="1" t="s">
        <v>20</v>
      </c>
      <c r="D49207" s="1" t="s">
        <v>80041</v>
      </c>
      <c r="E49207" s="1" t="s">
        <v>54650</v>
      </c>
      <c r="F49207" s="1" t="s">
        <v>144673</v>
      </c>
      <c r="G49207" s="1" t="s">
        <v>166838</v>
      </c>
      <c r="H49207" s="1" t="s">
        <v>166839</v>
      </c>
      <c r="I49207" s="1" t="s">
        <v>165942</v>
      </c>
      <c r="J49207" s="1" t="s">
        <v>166283</v>
      </c>
    </row>
    <row r="49208" spans="1:10" x14ac:dyDescent="0.35">
      <c r="A49208" s="1" t="s">
        <v>110</v>
      </c>
      <c r="B49208" s="1" t="s">
        <v>165936</v>
      </c>
      <c r="C49208" s="1" t="s">
        <v>25</v>
      </c>
      <c r="D49208" s="1" t="s">
        <v>166284</v>
      </c>
      <c r="E49208" s="1" t="s">
        <v>15278</v>
      </c>
      <c r="F49208" s="1" t="s">
        <v>166841</v>
      </c>
      <c r="G49208" s="1" t="s">
        <v>166838</v>
      </c>
      <c r="H49208" s="1" t="s">
        <v>166839</v>
      </c>
      <c r="I49208" s="1" t="s">
        <v>165942</v>
      </c>
      <c r="J49208" s="1" t="s">
        <v>166287</v>
      </c>
    </row>
    <row r="49209" spans="1:10" x14ac:dyDescent="0.35">
      <c r="A49209" s="1" t="s">
        <v>110</v>
      </c>
      <c r="B49209" s="1" t="s">
        <v>165936</v>
      </c>
      <c r="C49209" s="1" t="s">
        <v>30</v>
      </c>
      <c r="D49209" s="1" t="s">
        <v>154409</v>
      </c>
      <c r="E49209" s="1" t="s">
        <v>23517</v>
      </c>
      <c r="F49209" s="1" t="s">
        <v>166842</v>
      </c>
      <c r="G49209" s="1" t="s">
        <v>166838</v>
      </c>
      <c r="H49209" s="1" t="s">
        <v>166839</v>
      </c>
      <c r="I49209" s="1" t="s">
        <v>165942</v>
      </c>
      <c r="J49209" s="1" t="s">
        <v>166290</v>
      </c>
    </row>
    <row r="49210" spans="1:10" x14ac:dyDescent="0.35">
      <c r="A49210" s="1" t="s">
        <v>110</v>
      </c>
      <c r="B49210" s="1" t="s">
        <v>165936</v>
      </c>
      <c r="C49210" s="1" t="s">
        <v>35</v>
      </c>
      <c r="D49210" s="1" t="s">
        <v>59921</v>
      </c>
      <c r="E49210" s="1" t="s">
        <v>57128</v>
      </c>
      <c r="F49210" s="1" t="s">
        <v>143734</v>
      </c>
      <c r="G49210" s="1" t="s">
        <v>166838</v>
      </c>
      <c r="H49210" s="1" t="s">
        <v>166839</v>
      </c>
      <c r="I49210" s="1" t="s">
        <v>165942</v>
      </c>
      <c r="J49210" s="1" t="s">
        <v>166293</v>
      </c>
    </row>
    <row r="49211" spans="1:10" x14ac:dyDescent="0.35">
      <c r="A49211" s="1" t="s">
        <v>110</v>
      </c>
      <c r="B49211" s="1" t="s">
        <v>165936</v>
      </c>
      <c r="C49211" s="1" t="s">
        <v>40</v>
      </c>
      <c r="D49211" s="1" t="s">
        <v>103573</v>
      </c>
      <c r="E49211" s="1" t="s">
        <v>15595</v>
      </c>
      <c r="F49211" s="1" t="s">
        <v>166843</v>
      </c>
      <c r="G49211" s="1" t="s">
        <v>166838</v>
      </c>
      <c r="H49211" s="1" t="s">
        <v>166839</v>
      </c>
      <c r="I49211" s="1" t="s">
        <v>165942</v>
      </c>
      <c r="J49211" s="1" t="s">
        <v>166296</v>
      </c>
    </row>
    <row r="49212" spans="1:10" x14ac:dyDescent="0.35">
      <c r="A49212" s="1" t="s">
        <v>110</v>
      </c>
      <c r="B49212" s="1" t="s">
        <v>165936</v>
      </c>
      <c r="C49212" s="1" t="s">
        <v>45</v>
      </c>
      <c r="D49212" s="1" t="s">
        <v>21370</v>
      </c>
      <c r="E49212" s="1" t="s">
        <v>64074</v>
      </c>
      <c r="F49212" s="1" t="s">
        <v>166844</v>
      </c>
      <c r="G49212" s="1" t="s">
        <v>166838</v>
      </c>
      <c r="H49212" s="1" t="s">
        <v>166839</v>
      </c>
      <c r="I49212" s="1" t="s">
        <v>165942</v>
      </c>
      <c r="J49212" s="1" t="s">
        <v>166299</v>
      </c>
    </row>
    <row r="49213" spans="1:10" x14ac:dyDescent="0.35">
      <c r="A49213" s="1" t="s">
        <v>110</v>
      </c>
      <c r="B49213" s="1" t="s">
        <v>165936</v>
      </c>
      <c r="C49213" s="1" t="s">
        <v>50</v>
      </c>
      <c r="D49213" s="1" t="s">
        <v>166300</v>
      </c>
      <c r="E49213" s="1" t="s">
        <v>65886</v>
      </c>
      <c r="F49213" s="1" t="s">
        <v>166845</v>
      </c>
      <c r="G49213" s="1" t="s">
        <v>166838</v>
      </c>
      <c r="H49213" s="1" t="s">
        <v>166839</v>
      </c>
      <c r="I49213" s="1" t="s">
        <v>165942</v>
      </c>
      <c r="J49213" s="1" t="s">
        <v>166303</v>
      </c>
    </row>
    <row r="49214" spans="1:10" x14ac:dyDescent="0.35">
      <c r="A49214" s="1" t="s">
        <v>110</v>
      </c>
      <c r="B49214" s="1" t="s">
        <v>165936</v>
      </c>
      <c r="C49214" s="1" t="s">
        <v>55</v>
      </c>
      <c r="D49214" s="1" t="s">
        <v>84868</v>
      </c>
      <c r="E49214" s="1" t="s">
        <v>26535</v>
      </c>
      <c r="F49214" s="1" t="s">
        <v>77750</v>
      </c>
      <c r="G49214" s="1" t="s">
        <v>166838</v>
      </c>
      <c r="H49214" s="1" t="s">
        <v>166839</v>
      </c>
      <c r="I49214" s="1" t="s">
        <v>165942</v>
      </c>
      <c r="J49214" s="1" t="s">
        <v>166306</v>
      </c>
    </row>
    <row r="49215" spans="1:10" x14ac:dyDescent="0.35">
      <c r="A49215" s="1" t="s">
        <v>110</v>
      </c>
      <c r="B49215" s="1" t="s">
        <v>165936</v>
      </c>
      <c r="C49215" s="1" t="s">
        <v>60</v>
      </c>
      <c r="D49215" s="1" t="s">
        <v>67273</v>
      </c>
      <c r="E49215" s="1" t="s">
        <v>32133</v>
      </c>
      <c r="F49215" s="1" t="s">
        <v>166846</v>
      </c>
      <c r="G49215" s="1" t="s">
        <v>166838</v>
      </c>
      <c r="H49215" s="1" t="s">
        <v>166839</v>
      </c>
      <c r="I49215" s="1" t="s">
        <v>165942</v>
      </c>
      <c r="J49215" s="1" t="s">
        <v>166309</v>
      </c>
    </row>
    <row r="49216" spans="1:10" x14ac:dyDescent="0.35">
      <c r="A49216" s="1" t="s">
        <v>110</v>
      </c>
      <c r="B49216" s="1" t="s">
        <v>165936</v>
      </c>
      <c r="C49216" s="1" t="s">
        <v>65</v>
      </c>
      <c r="D49216" s="1" t="s">
        <v>166310</v>
      </c>
      <c r="E49216" s="1" t="s">
        <v>24292</v>
      </c>
      <c r="F49216" s="1" t="s">
        <v>166847</v>
      </c>
      <c r="G49216" s="1" t="s">
        <v>166838</v>
      </c>
      <c r="H49216" s="1" t="s">
        <v>166839</v>
      </c>
      <c r="I49216" s="1" t="s">
        <v>165942</v>
      </c>
      <c r="J49216" s="1" t="s">
        <v>166313</v>
      </c>
    </row>
    <row r="49217" spans="1:10" x14ac:dyDescent="0.35">
      <c r="A49217" s="1" t="s">
        <v>110</v>
      </c>
      <c r="B49217" s="1" t="s">
        <v>165936</v>
      </c>
      <c r="C49217" s="1" t="s">
        <v>70</v>
      </c>
      <c r="D49217" s="1" t="s">
        <v>166314</v>
      </c>
      <c r="E49217" s="1" t="s">
        <v>32919</v>
      </c>
      <c r="F49217" s="1" t="s">
        <v>109926</v>
      </c>
      <c r="G49217" s="1" t="s">
        <v>166838</v>
      </c>
      <c r="H49217" s="1" t="s">
        <v>166839</v>
      </c>
      <c r="I49217" s="1" t="s">
        <v>165942</v>
      </c>
      <c r="J49217" s="1" t="s">
        <v>166317</v>
      </c>
    </row>
    <row r="49218" spans="1:10" x14ac:dyDescent="0.35">
      <c r="A49218" s="1" t="s">
        <v>110</v>
      </c>
      <c r="B49218" s="1" t="s">
        <v>165936</v>
      </c>
      <c r="C49218" s="1" t="s">
        <v>75</v>
      </c>
      <c r="D49218" s="1" t="s">
        <v>147815</v>
      </c>
      <c r="E49218" s="1" t="s">
        <v>27118</v>
      </c>
      <c r="F49218" s="1" t="s">
        <v>166848</v>
      </c>
      <c r="G49218" s="1" t="s">
        <v>166838</v>
      </c>
      <c r="H49218" s="1" t="s">
        <v>166839</v>
      </c>
      <c r="I49218" s="1" t="s">
        <v>165942</v>
      </c>
      <c r="J49218" s="1" t="s">
        <v>166320</v>
      </c>
    </row>
    <row r="49219" spans="1:10" x14ac:dyDescent="0.35">
      <c r="A49219" s="1" t="s">
        <v>110</v>
      </c>
      <c r="B49219" s="1" t="s">
        <v>165936</v>
      </c>
      <c r="C49219" s="1" t="s">
        <v>80</v>
      </c>
      <c r="D49219" s="1" t="s">
        <v>102081</v>
      </c>
      <c r="E49219" s="1" t="s">
        <v>56046</v>
      </c>
      <c r="F49219" s="1" t="s">
        <v>166849</v>
      </c>
      <c r="G49219" s="1" t="s">
        <v>166838</v>
      </c>
      <c r="H49219" s="1" t="s">
        <v>166839</v>
      </c>
      <c r="I49219" s="1" t="s">
        <v>165942</v>
      </c>
      <c r="J49219" s="1" t="s">
        <v>166323</v>
      </c>
    </row>
    <row r="49220" spans="1:10" x14ac:dyDescent="0.35">
      <c r="A49220" s="1" t="s">
        <v>110</v>
      </c>
      <c r="B49220" s="1" t="s">
        <v>165936</v>
      </c>
      <c r="C49220" s="1" t="s">
        <v>85</v>
      </c>
      <c r="D49220" s="1" t="s">
        <v>166324</v>
      </c>
      <c r="E49220" s="1" t="s">
        <v>56468</v>
      </c>
      <c r="F49220" s="1" t="s">
        <v>132056</v>
      </c>
      <c r="G49220" s="1" t="s">
        <v>166838</v>
      </c>
      <c r="H49220" s="1" t="s">
        <v>166839</v>
      </c>
      <c r="I49220" s="1" t="s">
        <v>165942</v>
      </c>
      <c r="J49220" s="1" t="s">
        <v>166327</v>
      </c>
    </row>
    <row r="49221" spans="1:10" x14ac:dyDescent="0.35">
      <c r="A49221" s="1" t="s">
        <v>110</v>
      </c>
      <c r="B49221" s="1" t="s">
        <v>165936</v>
      </c>
      <c r="C49221" s="1" t="s">
        <v>90</v>
      </c>
      <c r="D49221" s="1" t="s">
        <v>166328</v>
      </c>
      <c r="E49221" s="1" t="s">
        <v>22317</v>
      </c>
      <c r="F49221" s="1" t="s">
        <v>166850</v>
      </c>
      <c r="G49221" s="1" t="s">
        <v>166838</v>
      </c>
      <c r="H49221" s="1" t="s">
        <v>166839</v>
      </c>
      <c r="I49221" s="1" t="s">
        <v>165942</v>
      </c>
      <c r="J49221" s="1" t="s">
        <v>166331</v>
      </c>
    </row>
    <row r="49222" spans="1:10" x14ac:dyDescent="0.35">
      <c r="A49222" s="1" t="s">
        <v>110</v>
      </c>
      <c r="B49222" s="1" t="s">
        <v>165936</v>
      </c>
      <c r="C49222" s="1" t="s">
        <v>95</v>
      </c>
      <c r="D49222" s="1" t="s">
        <v>166332</v>
      </c>
      <c r="E49222" s="1" t="s">
        <v>58124</v>
      </c>
      <c r="F49222" s="1" t="s">
        <v>47866</v>
      </c>
      <c r="G49222" s="1" t="s">
        <v>166838</v>
      </c>
      <c r="H49222" s="1" t="s">
        <v>166839</v>
      </c>
      <c r="I49222" s="1" t="s">
        <v>165942</v>
      </c>
      <c r="J49222" s="1" t="s">
        <v>166335</v>
      </c>
    </row>
    <row r="49223" spans="1:10" x14ac:dyDescent="0.35">
      <c r="A49223" s="1" t="s">
        <v>110</v>
      </c>
      <c r="B49223" s="1" t="s">
        <v>165936</v>
      </c>
      <c r="C49223" s="1" t="s">
        <v>100</v>
      </c>
      <c r="D49223" s="1" t="s">
        <v>100048</v>
      </c>
      <c r="E49223" s="1" t="s">
        <v>32622</v>
      </c>
      <c r="F49223" s="1" t="s">
        <v>166851</v>
      </c>
      <c r="G49223" s="1" t="s">
        <v>166838</v>
      </c>
      <c r="H49223" s="1" t="s">
        <v>166839</v>
      </c>
      <c r="I49223" s="1" t="s">
        <v>165942</v>
      </c>
      <c r="J49223" s="1" t="s">
        <v>166338</v>
      </c>
    </row>
    <row r="49224" spans="1:10" x14ac:dyDescent="0.35">
      <c r="A49224" s="1" t="s">
        <v>110</v>
      </c>
      <c r="B49224" s="1" t="s">
        <v>165936</v>
      </c>
      <c r="C49224" s="1" t="s">
        <v>105</v>
      </c>
      <c r="D49224" s="1" t="s">
        <v>166339</v>
      </c>
      <c r="E49224" s="1" t="s">
        <v>54154</v>
      </c>
      <c r="F49224" s="1" t="s">
        <v>166852</v>
      </c>
      <c r="G49224" s="1" t="s">
        <v>166838</v>
      </c>
      <c r="H49224" s="1" t="s">
        <v>166839</v>
      </c>
      <c r="I49224" s="1" t="s">
        <v>165942</v>
      </c>
      <c r="J49224" s="1" t="s">
        <v>166342</v>
      </c>
    </row>
    <row r="49225" spans="1:10" x14ac:dyDescent="0.35">
      <c r="A49225" s="1" t="s">
        <v>110</v>
      </c>
      <c r="B49225" s="1" t="s">
        <v>165936</v>
      </c>
      <c r="C49225" s="1" t="s">
        <v>110</v>
      </c>
      <c r="D49225" s="1" t="s">
        <v>166343</v>
      </c>
      <c r="E49225" s="1" t="s">
        <v>166853</v>
      </c>
      <c r="F49225" s="1" t="s">
        <v>166854</v>
      </c>
      <c r="G49225" s="1" t="s">
        <v>166838</v>
      </c>
      <c r="H49225" s="1" t="s">
        <v>166839</v>
      </c>
      <c r="I49225" s="1" t="s">
        <v>165942</v>
      </c>
      <c r="J49225" s="1" t="s">
        <v>166346</v>
      </c>
    </row>
    <row r="49226" spans="1:10" x14ac:dyDescent="0.35">
      <c r="A49226" s="1" t="s">
        <v>110</v>
      </c>
      <c r="B49226" s="1" t="s">
        <v>165936</v>
      </c>
      <c r="C49226" s="1" t="s">
        <v>115</v>
      </c>
      <c r="D49226" s="1" t="s">
        <v>85297</v>
      </c>
      <c r="E49226" s="1" t="s">
        <v>96539</v>
      </c>
      <c r="F49226" s="1" t="s">
        <v>166855</v>
      </c>
      <c r="G49226" s="1" t="s">
        <v>166838</v>
      </c>
      <c r="H49226" s="1" t="s">
        <v>166839</v>
      </c>
      <c r="I49226" s="1" t="s">
        <v>165942</v>
      </c>
      <c r="J49226" s="1" t="s">
        <v>166349</v>
      </c>
    </row>
    <row r="49227" spans="1:10" x14ac:dyDescent="0.35">
      <c r="A49227" s="1" t="s">
        <v>110</v>
      </c>
      <c r="B49227" s="1" t="s">
        <v>165936</v>
      </c>
      <c r="C49227" s="1" t="s">
        <v>120</v>
      </c>
      <c r="D49227" s="1" t="s">
        <v>95282</v>
      </c>
      <c r="E49227" s="1" t="s">
        <v>26235</v>
      </c>
      <c r="F49227" s="1" t="s">
        <v>166856</v>
      </c>
      <c r="G49227" s="1" t="s">
        <v>166838</v>
      </c>
      <c r="H49227" s="1" t="s">
        <v>166839</v>
      </c>
      <c r="I49227" s="1" t="s">
        <v>165942</v>
      </c>
      <c r="J49227" s="1" t="s">
        <v>166352</v>
      </c>
    </row>
    <row r="49228" spans="1:10" x14ac:dyDescent="0.35">
      <c r="A49228" s="1" t="s">
        <v>110</v>
      </c>
      <c r="B49228" s="1" t="s">
        <v>165936</v>
      </c>
      <c r="C49228" s="1" t="s">
        <v>125</v>
      </c>
      <c r="D49228" s="1" t="s">
        <v>166353</v>
      </c>
      <c r="E49228" s="1" t="s">
        <v>127013</v>
      </c>
      <c r="F49228" s="1" t="s">
        <v>166857</v>
      </c>
      <c r="G49228" s="1" t="s">
        <v>166838</v>
      </c>
      <c r="H49228" s="1" t="s">
        <v>166839</v>
      </c>
      <c r="I49228" s="1" t="s">
        <v>165942</v>
      </c>
      <c r="J49228" s="1" t="s">
        <v>166356</v>
      </c>
    </row>
    <row r="49229" spans="1:10" x14ac:dyDescent="0.35">
      <c r="A49229" s="1" t="s">
        <v>110</v>
      </c>
      <c r="B49229" s="1" t="s">
        <v>165936</v>
      </c>
      <c r="C49229" s="1" t="s">
        <v>130</v>
      </c>
      <c r="D49229" s="1" t="s">
        <v>76549</v>
      </c>
      <c r="E49229" s="1" t="s">
        <v>31941</v>
      </c>
      <c r="F49229" s="1" t="s">
        <v>166858</v>
      </c>
      <c r="G49229" s="1" t="s">
        <v>166838</v>
      </c>
      <c r="H49229" s="1" t="s">
        <v>166839</v>
      </c>
      <c r="I49229" s="1" t="s">
        <v>165942</v>
      </c>
      <c r="J49229" s="1" t="s">
        <v>166358</v>
      </c>
    </row>
    <row r="49230" spans="1:10" x14ac:dyDescent="0.35">
      <c r="A49230" s="1" t="s">
        <v>110</v>
      </c>
      <c r="B49230" s="1" t="s">
        <v>165936</v>
      </c>
      <c r="C49230" s="1" t="s">
        <v>135</v>
      </c>
      <c r="D49230" s="1" t="s">
        <v>166359</v>
      </c>
      <c r="E49230" s="1" t="s">
        <v>65423</v>
      </c>
      <c r="F49230" s="1" t="s">
        <v>166859</v>
      </c>
      <c r="G49230" s="1" t="s">
        <v>166838</v>
      </c>
      <c r="H49230" s="1" t="s">
        <v>166839</v>
      </c>
      <c r="I49230" s="1" t="s">
        <v>165942</v>
      </c>
      <c r="J49230" s="1" t="s">
        <v>166361</v>
      </c>
    </row>
    <row r="49231" spans="1:10" x14ac:dyDescent="0.35">
      <c r="A49231" s="1" t="s">
        <v>110</v>
      </c>
      <c r="B49231" s="1" t="s">
        <v>165936</v>
      </c>
      <c r="C49231" s="1" t="s">
        <v>140</v>
      </c>
      <c r="D49231" s="1" t="s">
        <v>129575</v>
      </c>
      <c r="E49231" s="1" t="s">
        <v>100272</v>
      </c>
      <c r="F49231" s="1" t="s">
        <v>166860</v>
      </c>
      <c r="G49231" s="1" t="s">
        <v>166838</v>
      </c>
      <c r="H49231" s="1" t="s">
        <v>166839</v>
      </c>
      <c r="I49231" s="1" t="s">
        <v>165942</v>
      </c>
      <c r="J49231" s="1" t="s">
        <v>166363</v>
      </c>
    </row>
    <row r="49232" spans="1:10" x14ac:dyDescent="0.35">
      <c r="A49232" s="1" t="s">
        <v>110</v>
      </c>
      <c r="B49232" s="1" t="s">
        <v>165936</v>
      </c>
      <c r="C49232" s="1" t="s">
        <v>145</v>
      </c>
      <c r="D49232" s="1" t="s">
        <v>131378</v>
      </c>
      <c r="E49232" s="1" t="s">
        <v>58638</v>
      </c>
      <c r="F49232" s="1" t="s">
        <v>166861</v>
      </c>
      <c r="G49232" s="1" t="s">
        <v>166838</v>
      </c>
      <c r="H49232" s="1" t="s">
        <v>166839</v>
      </c>
      <c r="I49232" s="1" t="s">
        <v>165942</v>
      </c>
      <c r="J49232" s="1" t="s">
        <v>166365</v>
      </c>
    </row>
    <row r="49233" spans="1:10" x14ac:dyDescent="0.35">
      <c r="A49233" s="1" t="s">
        <v>110</v>
      </c>
      <c r="B49233" s="1" t="s">
        <v>165936</v>
      </c>
      <c r="C49233" s="1" t="s">
        <v>150</v>
      </c>
      <c r="D49233" s="1" t="s">
        <v>166366</v>
      </c>
      <c r="E49233" s="1" t="s">
        <v>127368</v>
      </c>
      <c r="F49233" s="1" t="s">
        <v>166862</v>
      </c>
      <c r="G49233" s="1" t="s">
        <v>166838</v>
      </c>
      <c r="H49233" s="1" t="s">
        <v>166839</v>
      </c>
      <c r="I49233" s="1" t="s">
        <v>165942</v>
      </c>
      <c r="J49233" s="1" t="s">
        <v>166368</v>
      </c>
    </row>
    <row r="49234" spans="1:10" x14ac:dyDescent="0.35">
      <c r="A49234" s="1" t="s">
        <v>110</v>
      </c>
      <c r="B49234" s="1" t="s">
        <v>165936</v>
      </c>
      <c r="C49234" s="1" t="s">
        <v>155</v>
      </c>
      <c r="D49234" s="1" t="s">
        <v>166369</v>
      </c>
      <c r="E49234" s="1" t="s">
        <v>127013</v>
      </c>
      <c r="F49234" s="1" t="s">
        <v>166863</v>
      </c>
      <c r="G49234" s="1" t="s">
        <v>166838</v>
      </c>
      <c r="H49234" s="1" t="s">
        <v>166839</v>
      </c>
      <c r="I49234" s="1" t="s">
        <v>165942</v>
      </c>
      <c r="J49234" s="1" t="s">
        <v>166371</v>
      </c>
    </row>
    <row r="49235" spans="1:10" x14ac:dyDescent="0.35">
      <c r="A49235" s="1" t="s">
        <v>110</v>
      </c>
      <c r="B49235" s="1" t="s">
        <v>165936</v>
      </c>
      <c r="C49235" s="1" t="s">
        <v>160</v>
      </c>
      <c r="D49235" s="1" t="s">
        <v>85383</v>
      </c>
      <c r="E49235" s="1" t="s">
        <v>26535</v>
      </c>
      <c r="F49235" s="1" t="s">
        <v>166864</v>
      </c>
      <c r="G49235" s="1" t="s">
        <v>166838</v>
      </c>
      <c r="H49235" s="1" t="s">
        <v>166839</v>
      </c>
      <c r="I49235" s="1" t="s">
        <v>165942</v>
      </c>
      <c r="J49235" s="1" t="s">
        <v>166373</v>
      </c>
    </row>
    <row r="49236" spans="1:10" x14ac:dyDescent="0.35">
      <c r="A49236" s="1" t="s">
        <v>110</v>
      </c>
      <c r="B49236" s="1" t="s">
        <v>165936</v>
      </c>
      <c r="C49236" s="1" t="s">
        <v>165</v>
      </c>
      <c r="D49236" s="1" t="s">
        <v>99450</v>
      </c>
      <c r="E49236" s="1" t="s">
        <v>166865</v>
      </c>
      <c r="F49236" s="1" t="s">
        <v>166866</v>
      </c>
      <c r="G49236" s="1" t="s">
        <v>166838</v>
      </c>
      <c r="H49236" s="1" t="s">
        <v>166839</v>
      </c>
      <c r="I49236" s="1" t="s">
        <v>165942</v>
      </c>
      <c r="J49236" s="1" t="s">
        <v>166375</v>
      </c>
    </row>
    <row r="49237" spans="1:10" x14ac:dyDescent="0.35">
      <c r="A49237" s="1" t="s">
        <v>110</v>
      </c>
      <c r="B49237" s="1" t="s">
        <v>165936</v>
      </c>
      <c r="C49237" s="1" t="s">
        <v>170</v>
      </c>
      <c r="D49237" s="1" t="s">
        <v>133809</v>
      </c>
      <c r="E49237" s="1" t="s">
        <v>31556</v>
      </c>
      <c r="F49237" s="1" t="s">
        <v>166867</v>
      </c>
      <c r="G49237" s="1" t="s">
        <v>166838</v>
      </c>
      <c r="H49237" s="1" t="s">
        <v>166839</v>
      </c>
      <c r="I49237" s="1" t="s">
        <v>165942</v>
      </c>
      <c r="J49237" s="1" t="s">
        <v>166377</v>
      </c>
    </row>
    <row r="49238" spans="1:10" x14ac:dyDescent="0.35">
      <c r="A49238" s="1" t="s">
        <v>120</v>
      </c>
      <c r="B49238" s="1" t="s">
        <v>165936</v>
      </c>
      <c r="C49238" s="1" t="s">
        <v>8</v>
      </c>
      <c r="D49238" s="1" t="s">
        <v>52942</v>
      </c>
      <c r="E49238" s="1" t="s">
        <v>166868</v>
      </c>
      <c r="F49238" s="1" t="s">
        <v>166869</v>
      </c>
      <c r="G49238" s="1" t="s">
        <v>166870</v>
      </c>
      <c r="H49238" s="1" t="s">
        <v>166871</v>
      </c>
      <c r="I49238" s="1" t="s">
        <v>165942</v>
      </c>
      <c r="J49238" s="1" t="s">
        <v>13</v>
      </c>
    </row>
    <row r="49239" spans="1:10" x14ac:dyDescent="0.35">
      <c r="A49239" s="1" t="s">
        <v>120</v>
      </c>
      <c r="B49239" s="1" t="s">
        <v>165936</v>
      </c>
      <c r="C49239" s="1" t="s">
        <v>15</v>
      </c>
      <c r="D49239" s="1" t="s">
        <v>109004</v>
      </c>
      <c r="E49239" s="1" t="s">
        <v>166872</v>
      </c>
      <c r="F49239" s="1" t="s">
        <v>166873</v>
      </c>
      <c r="G49239" s="1" t="s">
        <v>166870</v>
      </c>
      <c r="H49239" s="1" t="s">
        <v>166871</v>
      </c>
      <c r="I49239" s="1" t="s">
        <v>165942</v>
      </c>
      <c r="J49239" s="1" t="s">
        <v>166874</v>
      </c>
    </row>
    <row r="49240" spans="1:10" x14ac:dyDescent="0.35">
      <c r="A49240" s="1" t="s">
        <v>120</v>
      </c>
      <c r="B49240" s="1" t="s">
        <v>165936</v>
      </c>
      <c r="C49240" s="1" t="s">
        <v>20</v>
      </c>
      <c r="D49240" s="1" t="s">
        <v>166875</v>
      </c>
      <c r="E49240" s="1" t="s">
        <v>166876</v>
      </c>
      <c r="F49240" s="1" t="s">
        <v>166877</v>
      </c>
      <c r="G49240" s="1" t="s">
        <v>166870</v>
      </c>
      <c r="H49240" s="1" t="s">
        <v>166871</v>
      </c>
      <c r="I49240" s="1" t="s">
        <v>165942</v>
      </c>
      <c r="J49240" s="1" t="s">
        <v>166878</v>
      </c>
    </row>
    <row r="49241" spans="1:10" x14ac:dyDescent="0.35">
      <c r="A49241" s="1" t="s">
        <v>120</v>
      </c>
      <c r="B49241" s="1" t="s">
        <v>165936</v>
      </c>
      <c r="C49241" s="1" t="s">
        <v>25</v>
      </c>
      <c r="D49241" s="1" t="s">
        <v>17745</v>
      </c>
      <c r="E49241" s="1" t="s">
        <v>166879</v>
      </c>
      <c r="F49241" s="1" t="s">
        <v>166880</v>
      </c>
      <c r="G49241" s="1" t="s">
        <v>166870</v>
      </c>
      <c r="H49241" s="1" t="s">
        <v>166871</v>
      </c>
      <c r="I49241" s="1" t="s">
        <v>165942</v>
      </c>
      <c r="J49241" s="1" t="s">
        <v>166881</v>
      </c>
    </row>
    <row r="49242" spans="1:10" x14ac:dyDescent="0.35">
      <c r="A49242" s="1" t="s">
        <v>120</v>
      </c>
      <c r="B49242" s="1" t="s">
        <v>165936</v>
      </c>
      <c r="C49242" s="1" t="s">
        <v>30</v>
      </c>
      <c r="D49242" s="1" t="s">
        <v>166882</v>
      </c>
      <c r="E49242" s="1" t="s">
        <v>166883</v>
      </c>
      <c r="F49242" s="1" t="s">
        <v>166884</v>
      </c>
      <c r="G49242" s="1" t="s">
        <v>166870</v>
      </c>
      <c r="H49242" s="1" t="s">
        <v>166871</v>
      </c>
      <c r="I49242" s="1" t="s">
        <v>165942</v>
      </c>
      <c r="J49242" s="1" t="s">
        <v>166885</v>
      </c>
    </row>
    <row r="49243" spans="1:10" x14ac:dyDescent="0.35">
      <c r="A49243" s="1" t="s">
        <v>120</v>
      </c>
      <c r="B49243" s="1" t="s">
        <v>165936</v>
      </c>
      <c r="C49243" s="1" t="s">
        <v>35</v>
      </c>
      <c r="D49243" s="1" t="s">
        <v>166886</v>
      </c>
      <c r="E49243" s="1" t="s">
        <v>166887</v>
      </c>
      <c r="F49243" s="1" t="s">
        <v>166888</v>
      </c>
      <c r="G49243" s="1" t="s">
        <v>166870</v>
      </c>
      <c r="H49243" s="1" t="s">
        <v>166871</v>
      </c>
      <c r="I49243" s="1" t="s">
        <v>165942</v>
      </c>
      <c r="J49243" s="1" t="s">
        <v>166889</v>
      </c>
    </row>
    <row r="49244" spans="1:10" x14ac:dyDescent="0.35">
      <c r="A49244" s="1" t="s">
        <v>120</v>
      </c>
      <c r="B49244" s="1" t="s">
        <v>165936</v>
      </c>
      <c r="C49244" s="1" t="s">
        <v>40</v>
      </c>
      <c r="D49244" s="1" t="s">
        <v>15092</v>
      </c>
      <c r="E49244" s="1" t="s">
        <v>166890</v>
      </c>
      <c r="F49244" s="1" t="s">
        <v>166891</v>
      </c>
      <c r="G49244" s="1" t="s">
        <v>166870</v>
      </c>
      <c r="H49244" s="1" t="s">
        <v>166871</v>
      </c>
      <c r="I49244" s="1" t="s">
        <v>165942</v>
      </c>
      <c r="J49244" s="1" t="s">
        <v>166892</v>
      </c>
    </row>
    <row r="49245" spans="1:10" x14ac:dyDescent="0.35">
      <c r="A49245" s="1" t="s">
        <v>120</v>
      </c>
      <c r="B49245" s="1" t="s">
        <v>165936</v>
      </c>
      <c r="C49245" s="1" t="s">
        <v>45</v>
      </c>
      <c r="D49245" s="1" t="s">
        <v>166893</v>
      </c>
      <c r="E49245" s="1" t="s">
        <v>166894</v>
      </c>
      <c r="F49245" s="1" t="s">
        <v>166895</v>
      </c>
      <c r="G49245" s="1" t="s">
        <v>166870</v>
      </c>
      <c r="H49245" s="1" t="s">
        <v>166871</v>
      </c>
      <c r="I49245" s="1" t="s">
        <v>165942</v>
      </c>
      <c r="J49245" s="1" t="s">
        <v>166896</v>
      </c>
    </row>
    <row r="49246" spans="1:10" x14ac:dyDescent="0.35">
      <c r="A49246" s="1" t="s">
        <v>120</v>
      </c>
      <c r="B49246" s="1" t="s">
        <v>165936</v>
      </c>
      <c r="C49246" s="1" t="s">
        <v>50</v>
      </c>
      <c r="D49246" s="1" t="s">
        <v>166897</v>
      </c>
      <c r="E49246" s="1" t="s">
        <v>166898</v>
      </c>
      <c r="F49246" s="1" t="s">
        <v>166899</v>
      </c>
      <c r="G49246" s="1" t="s">
        <v>166870</v>
      </c>
      <c r="H49246" s="1" t="s">
        <v>166871</v>
      </c>
      <c r="I49246" s="1" t="s">
        <v>165942</v>
      </c>
      <c r="J49246" s="1" t="s">
        <v>166900</v>
      </c>
    </row>
    <row r="49247" spans="1:10" x14ac:dyDescent="0.35">
      <c r="A49247" s="1" t="s">
        <v>120</v>
      </c>
      <c r="B49247" s="1" t="s">
        <v>165936</v>
      </c>
      <c r="C49247" s="1" t="s">
        <v>55</v>
      </c>
      <c r="D49247" s="1" t="s">
        <v>38726</v>
      </c>
      <c r="E49247" s="1" t="s">
        <v>166901</v>
      </c>
      <c r="F49247" s="1" t="s">
        <v>166902</v>
      </c>
      <c r="G49247" s="1" t="s">
        <v>166870</v>
      </c>
      <c r="H49247" s="1" t="s">
        <v>166871</v>
      </c>
      <c r="I49247" s="1" t="s">
        <v>165942</v>
      </c>
      <c r="J49247" s="1" t="s">
        <v>166903</v>
      </c>
    </row>
    <row r="49248" spans="1:10" x14ac:dyDescent="0.35">
      <c r="A49248" s="1" t="s">
        <v>120</v>
      </c>
      <c r="B49248" s="1" t="s">
        <v>165936</v>
      </c>
      <c r="C49248" s="1" t="s">
        <v>60</v>
      </c>
      <c r="D49248" s="1" t="s">
        <v>166904</v>
      </c>
      <c r="E49248" s="1" t="s">
        <v>166905</v>
      </c>
      <c r="F49248" s="1" t="s">
        <v>166906</v>
      </c>
      <c r="G49248" s="1" t="s">
        <v>166870</v>
      </c>
      <c r="H49248" s="1" t="s">
        <v>166871</v>
      </c>
      <c r="I49248" s="1" t="s">
        <v>165942</v>
      </c>
      <c r="J49248" s="1" t="s">
        <v>166907</v>
      </c>
    </row>
    <row r="49249" spans="1:10" x14ac:dyDescent="0.35">
      <c r="A49249" s="1" t="s">
        <v>120</v>
      </c>
      <c r="B49249" s="1" t="s">
        <v>165936</v>
      </c>
      <c r="C49249" s="1" t="s">
        <v>65</v>
      </c>
      <c r="D49249" s="1" t="s">
        <v>166908</v>
      </c>
      <c r="E49249" s="1" t="s">
        <v>166909</v>
      </c>
      <c r="F49249" s="1" t="s">
        <v>166910</v>
      </c>
      <c r="G49249" s="1" t="s">
        <v>166870</v>
      </c>
      <c r="H49249" s="1" t="s">
        <v>166871</v>
      </c>
      <c r="I49249" s="1" t="s">
        <v>165942</v>
      </c>
      <c r="J49249" s="1" t="s">
        <v>166911</v>
      </c>
    </row>
    <row r="49250" spans="1:10" x14ac:dyDescent="0.35">
      <c r="A49250" s="1" t="s">
        <v>120</v>
      </c>
      <c r="B49250" s="1" t="s">
        <v>165936</v>
      </c>
      <c r="C49250" s="1" t="s">
        <v>70</v>
      </c>
      <c r="D49250" s="1" t="s">
        <v>98405</v>
      </c>
      <c r="E49250" s="1" t="s">
        <v>166912</v>
      </c>
      <c r="F49250" s="1" t="s">
        <v>166913</v>
      </c>
      <c r="G49250" s="1" t="s">
        <v>166870</v>
      </c>
      <c r="H49250" s="1" t="s">
        <v>166871</v>
      </c>
      <c r="I49250" s="1" t="s">
        <v>165942</v>
      </c>
      <c r="J49250" s="1" t="s">
        <v>166914</v>
      </c>
    </row>
    <row r="49251" spans="1:10" x14ac:dyDescent="0.35">
      <c r="A49251" s="1" t="s">
        <v>120</v>
      </c>
      <c r="B49251" s="1" t="s">
        <v>165936</v>
      </c>
      <c r="C49251" s="1" t="s">
        <v>75</v>
      </c>
      <c r="D49251" s="1" t="s">
        <v>166915</v>
      </c>
      <c r="E49251" s="1" t="s">
        <v>166916</v>
      </c>
      <c r="F49251" s="1" t="s">
        <v>166917</v>
      </c>
      <c r="G49251" s="1" t="s">
        <v>166870</v>
      </c>
      <c r="H49251" s="1" t="s">
        <v>166871</v>
      </c>
      <c r="I49251" s="1" t="s">
        <v>165942</v>
      </c>
      <c r="J49251" s="1" t="s">
        <v>166918</v>
      </c>
    </row>
    <row r="49252" spans="1:10" x14ac:dyDescent="0.35">
      <c r="A49252" s="1" t="s">
        <v>120</v>
      </c>
      <c r="B49252" s="1" t="s">
        <v>165936</v>
      </c>
      <c r="C49252" s="1" t="s">
        <v>80</v>
      </c>
      <c r="D49252" s="1" t="s">
        <v>83852</v>
      </c>
      <c r="E49252" s="1" t="s">
        <v>166919</v>
      </c>
      <c r="F49252" s="1" t="s">
        <v>166920</v>
      </c>
      <c r="G49252" s="1" t="s">
        <v>166870</v>
      </c>
      <c r="H49252" s="1" t="s">
        <v>166871</v>
      </c>
      <c r="I49252" s="1" t="s">
        <v>165942</v>
      </c>
      <c r="J49252" s="1" t="s">
        <v>166921</v>
      </c>
    </row>
    <row r="49253" spans="1:10" x14ac:dyDescent="0.35">
      <c r="A49253" s="1" t="s">
        <v>120</v>
      </c>
      <c r="B49253" s="1" t="s">
        <v>165936</v>
      </c>
      <c r="C49253" s="1" t="s">
        <v>85</v>
      </c>
      <c r="D49253" s="1" t="s">
        <v>166922</v>
      </c>
      <c r="E49253" s="1" t="s">
        <v>166923</v>
      </c>
      <c r="F49253" s="1" t="s">
        <v>166924</v>
      </c>
      <c r="G49253" s="1" t="s">
        <v>166870</v>
      </c>
      <c r="H49253" s="1" t="s">
        <v>166871</v>
      </c>
      <c r="I49253" s="1" t="s">
        <v>165942</v>
      </c>
      <c r="J49253" s="1" t="s">
        <v>166925</v>
      </c>
    </row>
    <row r="49254" spans="1:10" x14ac:dyDescent="0.35">
      <c r="A49254" s="1" t="s">
        <v>120</v>
      </c>
      <c r="B49254" s="1" t="s">
        <v>165936</v>
      </c>
      <c r="C49254" s="1" t="s">
        <v>90</v>
      </c>
      <c r="D49254" s="1" t="s">
        <v>152522</v>
      </c>
      <c r="E49254" s="1" t="s">
        <v>166926</v>
      </c>
      <c r="F49254" s="1" t="s">
        <v>166927</v>
      </c>
      <c r="G49254" s="1" t="s">
        <v>166870</v>
      </c>
      <c r="H49254" s="1" t="s">
        <v>166871</v>
      </c>
      <c r="I49254" s="1" t="s">
        <v>165942</v>
      </c>
      <c r="J49254" s="1" t="s">
        <v>166928</v>
      </c>
    </row>
    <row r="49255" spans="1:10" x14ac:dyDescent="0.35">
      <c r="A49255" s="1" t="s">
        <v>120</v>
      </c>
      <c r="B49255" s="1" t="s">
        <v>165936</v>
      </c>
      <c r="C49255" s="1" t="s">
        <v>95</v>
      </c>
      <c r="D49255" s="1" t="s">
        <v>166929</v>
      </c>
      <c r="E49255" s="1" t="s">
        <v>166930</v>
      </c>
      <c r="F49255" s="1" t="s">
        <v>166931</v>
      </c>
      <c r="G49255" s="1" t="s">
        <v>166870</v>
      </c>
      <c r="H49255" s="1" t="s">
        <v>166871</v>
      </c>
      <c r="I49255" s="1" t="s">
        <v>165942</v>
      </c>
      <c r="J49255" s="1" t="s">
        <v>166932</v>
      </c>
    </row>
    <row r="49256" spans="1:10" x14ac:dyDescent="0.35">
      <c r="A49256" s="1" t="s">
        <v>120</v>
      </c>
      <c r="B49256" s="1" t="s">
        <v>165936</v>
      </c>
      <c r="C49256" s="1" t="s">
        <v>100</v>
      </c>
      <c r="D49256" s="1" t="s">
        <v>11107</v>
      </c>
      <c r="E49256" s="1" t="s">
        <v>166933</v>
      </c>
      <c r="F49256" s="1" t="s">
        <v>166934</v>
      </c>
      <c r="G49256" s="1" t="s">
        <v>166870</v>
      </c>
      <c r="H49256" s="1" t="s">
        <v>166871</v>
      </c>
      <c r="I49256" s="1" t="s">
        <v>165942</v>
      </c>
      <c r="J49256" s="1" t="s">
        <v>166935</v>
      </c>
    </row>
    <row r="49257" spans="1:10" x14ac:dyDescent="0.35">
      <c r="A49257" s="1" t="s">
        <v>120</v>
      </c>
      <c r="B49257" s="1" t="s">
        <v>165936</v>
      </c>
      <c r="C49257" s="1" t="s">
        <v>105</v>
      </c>
      <c r="D49257" s="1" t="s">
        <v>67974</v>
      </c>
      <c r="E49257" s="1" t="s">
        <v>166936</v>
      </c>
      <c r="F49257" s="1" t="s">
        <v>166937</v>
      </c>
      <c r="G49257" s="1" t="s">
        <v>166870</v>
      </c>
      <c r="H49257" s="1" t="s">
        <v>166871</v>
      </c>
      <c r="I49257" s="1" t="s">
        <v>165942</v>
      </c>
      <c r="J49257" s="1" t="s">
        <v>166938</v>
      </c>
    </row>
    <row r="49258" spans="1:10" x14ac:dyDescent="0.35">
      <c r="A49258" s="1" t="s">
        <v>120</v>
      </c>
      <c r="B49258" s="1" t="s">
        <v>165936</v>
      </c>
      <c r="C49258" s="1" t="s">
        <v>110</v>
      </c>
      <c r="D49258" s="1" t="s">
        <v>166939</v>
      </c>
      <c r="E49258" s="1" t="s">
        <v>166940</v>
      </c>
      <c r="F49258" s="1" t="s">
        <v>166941</v>
      </c>
      <c r="G49258" s="1" t="s">
        <v>166870</v>
      </c>
      <c r="H49258" s="1" t="s">
        <v>166871</v>
      </c>
      <c r="I49258" s="1" t="s">
        <v>165942</v>
      </c>
      <c r="J49258" s="1" t="s">
        <v>166942</v>
      </c>
    </row>
    <row r="49259" spans="1:10" x14ac:dyDescent="0.35">
      <c r="A49259" s="1" t="s">
        <v>120</v>
      </c>
      <c r="B49259" s="1" t="s">
        <v>165936</v>
      </c>
      <c r="C49259" s="1" t="s">
        <v>115</v>
      </c>
      <c r="D49259" s="1" t="s">
        <v>166943</v>
      </c>
      <c r="E49259" s="1" t="s">
        <v>166944</v>
      </c>
      <c r="F49259" s="1" t="s">
        <v>166945</v>
      </c>
      <c r="G49259" s="1" t="s">
        <v>166870</v>
      </c>
      <c r="H49259" s="1" t="s">
        <v>166871</v>
      </c>
      <c r="I49259" s="1" t="s">
        <v>165942</v>
      </c>
      <c r="J49259" s="1" t="s">
        <v>166946</v>
      </c>
    </row>
    <row r="49260" spans="1:10" x14ac:dyDescent="0.35">
      <c r="A49260" s="1" t="s">
        <v>120</v>
      </c>
      <c r="B49260" s="1" t="s">
        <v>165936</v>
      </c>
      <c r="C49260" s="1" t="s">
        <v>120</v>
      </c>
      <c r="D49260" s="1" t="s">
        <v>166947</v>
      </c>
      <c r="E49260" s="1" t="s">
        <v>166948</v>
      </c>
      <c r="F49260" s="1" t="s">
        <v>166949</v>
      </c>
      <c r="G49260" s="1" t="s">
        <v>166870</v>
      </c>
      <c r="H49260" s="1" t="s">
        <v>166871</v>
      </c>
      <c r="I49260" s="1" t="s">
        <v>165942</v>
      </c>
      <c r="J49260" s="1" t="s">
        <v>166950</v>
      </c>
    </row>
    <row r="49261" spans="1:10" x14ac:dyDescent="0.35">
      <c r="A49261" s="1" t="s">
        <v>120</v>
      </c>
      <c r="B49261" s="1" t="s">
        <v>165936</v>
      </c>
      <c r="C49261" s="1" t="s">
        <v>125</v>
      </c>
      <c r="D49261" s="1" t="s">
        <v>96780</v>
      </c>
      <c r="E49261" s="1" t="s">
        <v>166951</v>
      </c>
      <c r="F49261" s="1" t="s">
        <v>166952</v>
      </c>
      <c r="G49261" s="1" t="s">
        <v>166870</v>
      </c>
      <c r="H49261" s="1" t="s">
        <v>166871</v>
      </c>
      <c r="I49261" s="1" t="s">
        <v>165942</v>
      </c>
      <c r="J49261" s="1" t="s">
        <v>165513</v>
      </c>
    </row>
    <row r="49262" spans="1:10" x14ac:dyDescent="0.35">
      <c r="A49262" s="1" t="s">
        <v>120</v>
      </c>
      <c r="B49262" s="1" t="s">
        <v>165936</v>
      </c>
      <c r="C49262" s="1" t="s">
        <v>130</v>
      </c>
      <c r="D49262" s="1" t="s">
        <v>88530</v>
      </c>
      <c r="E49262" s="1" t="s">
        <v>166953</v>
      </c>
      <c r="F49262" s="1" t="s">
        <v>166954</v>
      </c>
      <c r="G49262" s="1" t="s">
        <v>166870</v>
      </c>
      <c r="H49262" s="1" t="s">
        <v>166871</v>
      </c>
      <c r="I49262" s="1" t="s">
        <v>165942</v>
      </c>
      <c r="J49262" s="1" t="s">
        <v>166955</v>
      </c>
    </row>
    <row r="49263" spans="1:10" x14ac:dyDescent="0.35">
      <c r="A49263" s="1" t="s">
        <v>120</v>
      </c>
      <c r="B49263" s="1" t="s">
        <v>165936</v>
      </c>
      <c r="C49263" s="1" t="s">
        <v>135</v>
      </c>
      <c r="D49263" s="1" t="s">
        <v>96787</v>
      </c>
      <c r="E49263" s="1" t="s">
        <v>166956</v>
      </c>
      <c r="F49263" s="1" t="s">
        <v>166957</v>
      </c>
      <c r="G49263" s="1" t="s">
        <v>166870</v>
      </c>
      <c r="H49263" s="1" t="s">
        <v>166871</v>
      </c>
      <c r="I49263" s="1" t="s">
        <v>165942</v>
      </c>
      <c r="J49263" s="1" t="s">
        <v>166958</v>
      </c>
    </row>
    <row r="49264" spans="1:10" x14ac:dyDescent="0.35">
      <c r="A49264" s="1" t="s">
        <v>120</v>
      </c>
      <c r="B49264" s="1" t="s">
        <v>165936</v>
      </c>
      <c r="C49264" s="1" t="s">
        <v>140</v>
      </c>
      <c r="D49264" s="1" t="s">
        <v>26571</v>
      </c>
      <c r="E49264" s="1" t="s">
        <v>166959</v>
      </c>
      <c r="F49264" s="1" t="s">
        <v>166960</v>
      </c>
      <c r="G49264" s="1" t="s">
        <v>166870</v>
      </c>
      <c r="H49264" s="1" t="s">
        <v>166871</v>
      </c>
      <c r="I49264" s="1" t="s">
        <v>165942</v>
      </c>
      <c r="J49264" s="1" t="s">
        <v>166961</v>
      </c>
    </row>
    <row r="49265" spans="1:10" x14ac:dyDescent="0.35">
      <c r="A49265" s="1" t="s">
        <v>120</v>
      </c>
      <c r="B49265" s="1" t="s">
        <v>165936</v>
      </c>
      <c r="C49265" s="1" t="s">
        <v>145</v>
      </c>
      <c r="D49265" s="1" t="s">
        <v>166962</v>
      </c>
      <c r="E49265" s="1" t="s">
        <v>166963</v>
      </c>
      <c r="F49265" s="1" t="s">
        <v>166964</v>
      </c>
      <c r="G49265" s="1" t="s">
        <v>166870</v>
      </c>
      <c r="H49265" s="1" t="s">
        <v>166871</v>
      </c>
      <c r="I49265" s="1" t="s">
        <v>165942</v>
      </c>
      <c r="J49265" s="1" t="s">
        <v>166965</v>
      </c>
    </row>
    <row r="49266" spans="1:10" x14ac:dyDescent="0.35">
      <c r="A49266" s="1" t="s">
        <v>120</v>
      </c>
      <c r="B49266" s="1" t="s">
        <v>165936</v>
      </c>
      <c r="C49266" s="1" t="s">
        <v>150</v>
      </c>
      <c r="D49266" s="1" t="s">
        <v>98975</v>
      </c>
      <c r="E49266" s="1" t="s">
        <v>166966</v>
      </c>
      <c r="F49266" s="1" t="s">
        <v>166967</v>
      </c>
      <c r="G49266" s="1" t="s">
        <v>166870</v>
      </c>
      <c r="H49266" s="1" t="s">
        <v>166871</v>
      </c>
      <c r="I49266" s="1" t="s">
        <v>165942</v>
      </c>
      <c r="J49266" s="1" t="s">
        <v>166968</v>
      </c>
    </row>
    <row r="49267" spans="1:10" x14ac:dyDescent="0.35">
      <c r="A49267" s="1" t="s">
        <v>120</v>
      </c>
      <c r="B49267" s="1" t="s">
        <v>165936</v>
      </c>
      <c r="C49267" s="1" t="s">
        <v>155</v>
      </c>
      <c r="D49267" s="1" t="s">
        <v>166969</v>
      </c>
      <c r="E49267" s="1" t="s">
        <v>166970</v>
      </c>
      <c r="F49267" s="1" t="s">
        <v>166971</v>
      </c>
      <c r="G49267" s="1" t="s">
        <v>166870</v>
      </c>
      <c r="H49267" s="1" t="s">
        <v>166871</v>
      </c>
      <c r="I49267" s="1" t="s">
        <v>165942</v>
      </c>
      <c r="J49267" s="1" t="s">
        <v>166972</v>
      </c>
    </row>
    <row r="49268" spans="1:10" x14ac:dyDescent="0.35">
      <c r="A49268" s="1" t="s">
        <v>120</v>
      </c>
      <c r="B49268" s="1" t="s">
        <v>165936</v>
      </c>
      <c r="C49268" s="1" t="s">
        <v>160</v>
      </c>
      <c r="D49268" s="1" t="s">
        <v>69691</v>
      </c>
      <c r="E49268" s="1" t="s">
        <v>166973</v>
      </c>
      <c r="F49268" s="1" t="s">
        <v>166974</v>
      </c>
      <c r="G49268" s="1" t="s">
        <v>166870</v>
      </c>
      <c r="H49268" s="1" t="s">
        <v>166871</v>
      </c>
      <c r="I49268" s="1" t="s">
        <v>165942</v>
      </c>
      <c r="J49268" s="1" t="s">
        <v>166975</v>
      </c>
    </row>
    <row r="49269" spans="1:10" x14ac:dyDescent="0.35">
      <c r="A49269" s="1" t="s">
        <v>120</v>
      </c>
      <c r="B49269" s="1" t="s">
        <v>165936</v>
      </c>
      <c r="C49269" s="1" t="s">
        <v>165</v>
      </c>
      <c r="D49269" s="1" t="s">
        <v>136593</v>
      </c>
      <c r="E49269" s="1" t="s">
        <v>166976</v>
      </c>
      <c r="F49269" s="1" t="s">
        <v>166977</v>
      </c>
      <c r="G49269" s="1" t="s">
        <v>166870</v>
      </c>
      <c r="H49269" s="1" t="s">
        <v>166871</v>
      </c>
      <c r="I49269" s="1" t="s">
        <v>165942</v>
      </c>
      <c r="J49269" s="1" t="s">
        <v>166978</v>
      </c>
    </row>
    <row r="49270" spans="1:10" x14ac:dyDescent="0.35">
      <c r="A49270" s="1" t="s">
        <v>120</v>
      </c>
      <c r="B49270" s="1" t="s">
        <v>165936</v>
      </c>
      <c r="C49270" s="1" t="s">
        <v>170</v>
      </c>
      <c r="D49270" s="1" t="s">
        <v>23955</v>
      </c>
      <c r="E49270" s="1" t="s">
        <v>166979</v>
      </c>
      <c r="F49270" s="1" t="s">
        <v>166980</v>
      </c>
      <c r="G49270" s="1" t="s">
        <v>166870</v>
      </c>
      <c r="H49270" s="1" t="s">
        <v>166871</v>
      </c>
      <c r="I49270" s="1" t="s">
        <v>165942</v>
      </c>
      <c r="J49270" s="1" t="s">
        <v>166981</v>
      </c>
    </row>
    <row r="49271" spans="1:10" x14ac:dyDescent="0.35">
      <c r="A49271" s="1" t="s">
        <v>125</v>
      </c>
      <c r="B49271" s="1" t="s">
        <v>165936</v>
      </c>
      <c r="C49271" s="1" t="s">
        <v>8</v>
      </c>
      <c r="D49271" s="1" t="s">
        <v>139034</v>
      </c>
      <c r="E49271" s="1" t="s">
        <v>166982</v>
      </c>
      <c r="F49271" s="1" t="s">
        <v>166983</v>
      </c>
      <c r="G49271" s="1" t="s">
        <v>166984</v>
      </c>
      <c r="H49271" s="1" t="s">
        <v>166985</v>
      </c>
      <c r="I49271" s="1" t="s">
        <v>165942</v>
      </c>
      <c r="J49271" s="1" t="s">
        <v>13</v>
      </c>
    </row>
    <row r="49272" spans="1:10" x14ac:dyDescent="0.35">
      <c r="A49272" s="1" t="s">
        <v>125</v>
      </c>
      <c r="B49272" s="1" t="s">
        <v>165936</v>
      </c>
      <c r="C49272" s="1" t="s">
        <v>15</v>
      </c>
      <c r="D49272" s="1" t="s">
        <v>138840</v>
      </c>
      <c r="E49272" s="1" t="s">
        <v>166986</v>
      </c>
      <c r="F49272" s="1" t="s">
        <v>166987</v>
      </c>
      <c r="G49272" s="1" t="s">
        <v>166984</v>
      </c>
      <c r="H49272" s="1" t="s">
        <v>166985</v>
      </c>
      <c r="I49272" s="1" t="s">
        <v>165942</v>
      </c>
      <c r="J49272" s="1" t="s">
        <v>166988</v>
      </c>
    </row>
    <row r="49273" spans="1:10" x14ac:dyDescent="0.35">
      <c r="A49273" s="1" t="s">
        <v>125</v>
      </c>
      <c r="B49273" s="1" t="s">
        <v>165936</v>
      </c>
      <c r="C49273" s="1" t="s">
        <v>20</v>
      </c>
      <c r="D49273" s="1" t="s">
        <v>43445</v>
      </c>
      <c r="E49273" s="1" t="s">
        <v>166989</v>
      </c>
      <c r="F49273" s="1" t="s">
        <v>166990</v>
      </c>
      <c r="G49273" s="1" t="s">
        <v>166984</v>
      </c>
      <c r="H49273" s="1" t="s">
        <v>166985</v>
      </c>
      <c r="I49273" s="1" t="s">
        <v>165942</v>
      </c>
      <c r="J49273" s="1" t="s">
        <v>166991</v>
      </c>
    </row>
    <row r="49274" spans="1:10" x14ac:dyDescent="0.35">
      <c r="A49274" s="1" t="s">
        <v>125</v>
      </c>
      <c r="B49274" s="1" t="s">
        <v>165936</v>
      </c>
      <c r="C49274" s="1" t="s">
        <v>25</v>
      </c>
      <c r="D49274" s="1" t="s">
        <v>166992</v>
      </c>
      <c r="E49274" s="1" t="s">
        <v>166993</v>
      </c>
      <c r="F49274" s="1" t="s">
        <v>166994</v>
      </c>
      <c r="G49274" s="1" t="s">
        <v>166984</v>
      </c>
      <c r="H49274" s="1" t="s">
        <v>166985</v>
      </c>
      <c r="I49274" s="1" t="s">
        <v>165942</v>
      </c>
      <c r="J49274" s="1" t="s">
        <v>166995</v>
      </c>
    </row>
    <row r="49275" spans="1:10" x14ac:dyDescent="0.35">
      <c r="A49275" s="1" t="s">
        <v>125</v>
      </c>
      <c r="B49275" s="1" t="s">
        <v>165936</v>
      </c>
      <c r="C49275" s="1" t="s">
        <v>30</v>
      </c>
      <c r="D49275" s="1" t="s">
        <v>136144</v>
      </c>
      <c r="E49275" s="1" t="s">
        <v>166996</v>
      </c>
      <c r="F49275" s="1" t="s">
        <v>166997</v>
      </c>
      <c r="G49275" s="1" t="s">
        <v>166984</v>
      </c>
      <c r="H49275" s="1" t="s">
        <v>166985</v>
      </c>
      <c r="I49275" s="1" t="s">
        <v>165942</v>
      </c>
      <c r="J49275" s="1" t="s">
        <v>166998</v>
      </c>
    </row>
    <row r="49276" spans="1:10" x14ac:dyDescent="0.35">
      <c r="A49276" s="1" t="s">
        <v>125</v>
      </c>
      <c r="B49276" s="1" t="s">
        <v>165936</v>
      </c>
      <c r="C49276" s="1" t="s">
        <v>35</v>
      </c>
      <c r="D49276" s="1" t="s">
        <v>166999</v>
      </c>
      <c r="E49276" s="1" t="s">
        <v>167000</v>
      </c>
      <c r="F49276" s="1" t="s">
        <v>167001</v>
      </c>
      <c r="G49276" s="1" t="s">
        <v>166984</v>
      </c>
      <c r="H49276" s="1" t="s">
        <v>166985</v>
      </c>
      <c r="I49276" s="1" t="s">
        <v>165942</v>
      </c>
      <c r="J49276" s="1" t="s">
        <v>167002</v>
      </c>
    </row>
    <row r="49277" spans="1:10" x14ac:dyDescent="0.35">
      <c r="A49277" s="1" t="s">
        <v>125</v>
      </c>
      <c r="B49277" s="1" t="s">
        <v>165936</v>
      </c>
      <c r="C49277" s="1" t="s">
        <v>40</v>
      </c>
      <c r="D49277" s="1" t="s">
        <v>89726</v>
      </c>
      <c r="E49277" s="1" t="s">
        <v>167003</v>
      </c>
      <c r="F49277" s="1" t="s">
        <v>167004</v>
      </c>
      <c r="G49277" s="1" t="s">
        <v>166984</v>
      </c>
      <c r="H49277" s="1" t="s">
        <v>166985</v>
      </c>
      <c r="I49277" s="1" t="s">
        <v>165942</v>
      </c>
      <c r="J49277" s="1" t="s">
        <v>167005</v>
      </c>
    </row>
    <row r="49278" spans="1:10" x14ac:dyDescent="0.35">
      <c r="A49278" s="1" t="s">
        <v>125</v>
      </c>
      <c r="B49278" s="1" t="s">
        <v>165936</v>
      </c>
      <c r="C49278" s="1" t="s">
        <v>45</v>
      </c>
      <c r="D49278" s="1" t="s">
        <v>50870</v>
      </c>
      <c r="E49278" s="1" t="s">
        <v>167006</v>
      </c>
      <c r="F49278" s="1" t="s">
        <v>167007</v>
      </c>
      <c r="G49278" s="1" t="s">
        <v>166984</v>
      </c>
      <c r="H49278" s="1" t="s">
        <v>166985</v>
      </c>
      <c r="I49278" s="1" t="s">
        <v>165942</v>
      </c>
      <c r="J49278" s="1" t="s">
        <v>167008</v>
      </c>
    </row>
    <row r="49279" spans="1:10" x14ac:dyDescent="0.35">
      <c r="A49279" s="1" t="s">
        <v>125</v>
      </c>
      <c r="B49279" s="1" t="s">
        <v>165936</v>
      </c>
      <c r="C49279" s="1" t="s">
        <v>50</v>
      </c>
      <c r="D49279" s="1" t="s">
        <v>167009</v>
      </c>
      <c r="E49279" s="1" t="s">
        <v>167010</v>
      </c>
      <c r="F49279" s="1" t="s">
        <v>167011</v>
      </c>
      <c r="G49279" s="1" t="s">
        <v>166984</v>
      </c>
      <c r="H49279" s="1" t="s">
        <v>166985</v>
      </c>
      <c r="I49279" s="1" t="s">
        <v>165942</v>
      </c>
      <c r="J49279" s="1" t="s">
        <v>167012</v>
      </c>
    </row>
    <row r="49280" spans="1:10" x14ac:dyDescent="0.35">
      <c r="A49280" s="1" t="s">
        <v>125</v>
      </c>
      <c r="B49280" s="1" t="s">
        <v>165936</v>
      </c>
      <c r="C49280" s="1" t="s">
        <v>55</v>
      </c>
      <c r="D49280" s="1" t="s">
        <v>61846</v>
      </c>
      <c r="E49280" s="1" t="s">
        <v>167013</v>
      </c>
      <c r="F49280" s="1" t="s">
        <v>167014</v>
      </c>
      <c r="G49280" s="1" t="s">
        <v>166984</v>
      </c>
      <c r="H49280" s="1" t="s">
        <v>166985</v>
      </c>
      <c r="I49280" s="1" t="s">
        <v>165942</v>
      </c>
      <c r="J49280" s="1" t="s">
        <v>167015</v>
      </c>
    </row>
    <row r="49281" spans="1:10" x14ac:dyDescent="0.35">
      <c r="A49281" s="1" t="s">
        <v>125</v>
      </c>
      <c r="B49281" s="1" t="s">
        <v>165936</v>
      </c>
      <c r="C49281" s="1" t="s">
        <v>60</v>
      </c>
      <c r="D49281" s="1" t="s">
        <v>66544</v>
      </c>
      <c r="E49281" s="1" t="s">
        <v>167016</v>
      </c>
      <c r="F49281" s="1" t="s">
        <v>167017</v>
      </c>
      <c r="G49281" s="1" t="s">
        <v>166984</v>
      </c>
      <c r="H49281" s="1" t="s">
        <v>166985</v>
      </c>
      <c r="I49281" s="1" t="s">
        <v>165942</v>
      </c>
      <c r="J49281" s="1" t="s">
        <v>167018</v>
      </c>
    </row>
    <row r="49282" spans="1:10" x14ac:dyDescent="0.35">
      <c r="A49282" s="1" t="s">
        <v>125</v>
      </c>
      <c r="B49282" s="1" t="s">
        <v>165936</v>
      </c>
      <c r="C49282" s="1" t="s">
        <v>65</v>
      </c>
      <c r="D49282" s="1" t="s">
        <v>167019</v>
      </c>
      <c r="E49282" s="1" t="s">
        <v>167020</v>
      </c>
      <c r="F49282" s="1" t="s">
        <v>167021</v>
      </c>
      <c r="G49282" s="1" t="s">
        <v>166984</v>
      </c>
      <c r="H49282" s="1" t="s">
        <v>166985</v>
      </c>
      <c r="I49282" s="1" t="s">
        <v>165942</v>
      </c>
      <c r="J49282" s="1" t="s">
        <v>167022</v>
      </c>
    </row>
    <row r="49283" spans="1:10" x14ac:dyDescent="0.35">
      <c r="A49283" s="1" t="s">
        <v>125</v>
      </c>
      <c r="B49283" s="1" t="s">
        <v>165936</v>
      </c>
      <c r="C49283" s="1" t="s">
        <v>70</v>
      </c>
      <c r="D49283" s="1" t="s">
        <v>167023</v>
      </c>
      <c r="E49283" s="1" t="s">
        <v>167024</v>
      </c>
      <c r="F49283" s="1" t="s">
        <v>167025</v>
      </c>
      <c r="G49283" s="1" t="s">
        <v>166984</v>
      </c>
      <c r="H49283" s="1" t="s">
        <v>166985</v>
      </c>
      <c r="I49283" s="1" t="s">
        <v>165942</v>
      </c>
      <c r="J49283" s="1" t="s">
        <v>167026</v>
      </c>
    </row>
    <row r="49284" spans="1:10" x14ac:dyDescent="0.35">
      <c r="A49284" s="1" t="s">
        <v>125</v>
      </c>
      <c r="B49284" s="1" t="s">
        <v>165936</v>
      </c>
      <c r="C49284" s="1" t="s">
        <v>75</v>
      </c>
      <c r="D49284" s="1" t="s">
        <v>80313</v>
      </c>
      <c r="E49284" s="1" t="s">
        <v>167027</v>
      </c>
      <c r="F49284" s="1" t="s">
        <v>167028</v>
      </c>
      <c r="G49284" s="1" t="s">
        <v>166984</v>
      </c>
      <c r="H49284" s="1" t="s">
        <v>166985</v>
      </c>
      <c r="I49284" s="1" t="s">
        <v>165942</v>
      </c>
      <c r="J49284" s="1" t="s">
        <v>167029</v>
      </c>
    </row>
    <row r="49285" spans="1:10" x14ac:dyDescent="0.35">
      <c r="A49285" s="1" t="s">
        <v>125</v>
      </c>
      <c r="B49285" s="1" t="s">
        <v>165936</v>
      </c>
      <c r="C49285" s="1" t="s">
        <v>80</v>
      </c>
      <c r="D49285" s="1" t="s">
        <v>89562</v>
      </c>
      <c r="E49285" s="1" t="s">
        <v>167030</v>
      </c>
      <c r="F49285" s="1" t="s">
        <v>167031</v>
      </c>
      <c r="G49285" s="1" t="s">
        <v>166984</v>
      </c>
      <c r="H49285" s="1" t="s">
        <v>166985</v>
      </c>
      <c r="I49285" s="1" t="s">
        <v>165942</v>
      </c>
      <c r="J49285" s="1" t="s">
        <v>167032</v>
      </c>
    </row>
    <row r="49286" spans="1:10" x14ac:dyDescent="0.35">
      <c r="A49286" s="1" t="s">
        <v>125</v>
      </c>
      <c r="B49286" s="1" t="s">
        <v>165936</v>
      </c>
      <c r="C49286" s="1" t="s">
        <v>85</v>
      </c>
      <c r="D49286" s="1" t="s">
        <v>99002</v>
      </c>
      <c r="E49286" s="1" t="s">
        <v>167033</v>
      </c>
      <c r="F49286" s="1" t="s">
        <v>167034</v>
      </c>
      <c r="G49286" s="1" t="s">
        <v>166984</v>
      </c>
      <c r="H49286" s="1" t="s">
        <v>166985</v>
      </c>
      <c r="I49286" s="1" t="s">
        <v>165942</v>
      </c>
      <c r="J49286" s="1" t="s">
        <v>167035</v>
      </c>
    </row>
    <row r="49287" spans="1:10" x14ac:dyDescent="0.35">
      <c r="A49287" s="1" t="s">
        <v>125</v>
      </c>
      <c r="B49287" s="1" t="s">
        <v>165936</v>
      </c>
      <c r="C49287" s="1" t="s">
        <v>90</v>
      </c>
      <c r="D49287" s="1" t="s">
        <v>103351</v>
      </c>
      <c r="E49287" s="1" t="s">
        <v>167036</v>
      </c>
      <c r="F49287" s="1" t="s">
        <v>167037</v>
      </c>
      <c r="G49287" s="1" t="s">
        <v>166984</v>
      </c>
      <c r="H49287" s="1" t="s">
        <v>166985</v>
      </c>
      <c r="I49287" s="1" t="s">
        <v>165942</v>
      </c>
      <c r="J49287" s="1" t="s">
        <v>167038</v>
      </c>
    </row>
    <row r="49288" spans="1:10" x14ac:dyDescent="0.35">
      <c r="A49288" s="1" t="s">
        <v>125</v>
      </c>
      <c r="B49288" s="1" t="s">
        <v>165936</v>
      </c>
      <c r="C49288" s="1" t="s">
        <v>95</v>
      </c>
      <c r="D49288" s="1" t="s">
        <v>167039</v>
      </c>
      <c r="E49288" s="1" t="s">
        <v>167040</v>
      </c>
      <c r="F49288" s="1" t="s">
        <v>167041</v>
      </c>
      <c r="G49288" s="1" t="s">
        <v>166984</v>
      </c>
      <c r="H49288" s="1" t="s">
        <v>166985</v>
      </c>
      <c r="I49288" s="1" t="s">
        <v>165942</v>
      </c>
      <c r="J49288" s="1" t="s">
        <v>167042</v>
      </c>
    </row>
    <row r="49289" spans="1:10" x14ac:dyDescent="0.35">
      <c r="A49289" s="1" t="s">
        <v>125</v>
      </c>
      <c r="B49289" s="1" t="s">
        <v>165936</v>
      </c>
      <c r="C49289" s="1" t="s">
        <v>100</v>
      </c>
      <c r="D49289" s="1" t="s">
        <v>167043</v>
      </c>
      <c r="E49289" s="1" t="s">
        <v>167044</v>
      </c>
      <c r="F49289" s="1" t="s">
        <v>167045</v>
      </c>
      <c r="G49289" s="1" t="s">
        <v>166984</v>
      </c>
      <c r="H49289" s="1" t="s">
        <v>166985</v>
      </c>
      <c r="I49289" s="1" t="s">
        <v>165942</v>
      </c>
      <c r="J49289" s="1" t="s">
        <v>167046</v>
      </c>
    </row>
    <row r="49290" spans="1:10" x14ac:dyDescent="0.35">
      <c r="A49290" s="1" t="s">
        <v>125</v>
      </c>
      <c r="B49290" s="1" t="s">
        <v>165936</v>
      </c>
      <c r="C49290" s="1" t="s">
        <v>105</v>
      </c>
      <c r="D49290" s="1" t="s">
        <v>61570</v>
      </c>
      <c r="E49290" s="1" t="s">
        <v>167047</v>
      </c>
      <c r="F49290" s="1" t="s">
        <v>167048</v>
      </c>
      <c r="G49290" s="1" t="s">
        <v>166984</v>
      </c>
      <c r="H49290" s="1" t="s">
        <v>166985</v>
      </c>
      <c r="I49290" s="1" t="s">
        <v>165942</v>
      </c>
      <c r="J49290" s="1" t="s">
        <v>167049</v>
      </c>
    </row>
    <row r="49291" spans="1:10" x14ac:dyDescent="0.35">
      <c r="A49291" s="1" t="s">
        <v>125</v>
      </c>
      <c r="B49291" s="1" t="s">
        <v>165936</v>
      </c>
      <c r="C49291" s="1" t="s">
        <v>110</v>
      </c>
      <c r="D49291" s="1" t="s">
        <v>85750</v>
      </c>
      <c r="E49291" s="1" t="s">
        <v>167050</v>
      </c>
      <c r="F49291" s="1" t="s">
        <v>167051</v>
      </c>
      <c r="G49291" s="1" t="s">
        <v>166984</v>
      </c>
      <c r="H49291" s="1" t="s">
        <v>166985</v>
      </c>
      <c r="I49291" s="1" t="s">
        <v>165942</v>
      </c>
      <c r="J49291" s="1" t="s">
        <v>167052</v>
      </c>
    </row>
    <row r="49292" spans="1:10" x14ac:dyDescent="0.35">
      <c r="A49292" s="1" t="s">
        <v>125</v>
      </c>
      <c r="B49292" s="1" t="s">
        <v>165936</v>
      </c>
      <c r="C49292" s="1" t="s">
        <v>115</v>
      </c>
      <c r="D49292" s="1" t="s">
        <v>167053</v>
      </c>
      <c r="E49292" s="1" t="s">
        <v>167054</v>
      </c>
      <c r="F49292" s="1" t="s">
        <v>167055</v>
      </c>
      <c r="G49292" s="1" t="s">
        <v>166984</v>
      </c>
      <c r="H49292" s="1" t="s">
        <v>166985</v>
      </c>
      <c r="I49292" s="1" t="s">
        <v>165942</v>
      </c>
      <c r="J49292" s="1" t="s">
        <v>167056</v>
      </c>
    </row>
    <row r="49293" spans="1:10" x14ac:dyDescent="0.35">
      <c r="A49293" s="1" t="s">
        <v>125</v>
      </c>
      <c r="B49293" s="1" t="s">
        <v>165936</v>
      </c>
      <c r="C49293" s="1" t="s">
        <v>120</v>
      </c>
      <c r="D49293" s="1" t="s">
        <v>167057</v>
      </c>
      <c r="E49293" s="1" t="s">
        <v>167058</v>
      </c>
      <c r="F49293" s="1" t="s">
        <v>167059</v>
      </c>
      <c r="G49293" s="1" t="s">
        <v>166984</v>
      </c>
      <c r="H49293" s="1" t="s">
        <v>166985</v>
      </c>
      <c r="I49293" s="1" t="s">
        <v>165942</v>
      </c>
      <c r="J49293" s="1" t="s">
        <v>167060</v>
      </c>
    </row>
    <row r="49294" spans="1:10" x14ac:dyDescent="0.35">
      <c r="A49294" s="1" t="s">
        <v>125</v>
      </c>
      <c r="B49294" s="1" t="s">
        <v>165936</v>
      </c>
      <c r="C49294" s="1" t="s">
        <v>125</v>
      </c>
      <c r="D49294" s="1" t="s">
        <v>167061</v>
      </c>
      <c r="E49294" s="1" t="s">
        <v>167062</v>
      </c>
      <c r="F49294" s="1" t="s">
        <v>167063</v>
      </c>
      <c r="G49294" s="1" t="s">
        <v>166984</v>
      </c>
      <c r="H49294" s="1" t="s">
        <v>166985</v>
      </c>
      <c r="I49294" s="1" t="s">
        <v>165942</v>
      </c>
      <c r="J49294" s="1" t="s">
        <v>167064</v>
      </c>
    </row>
    <row r="49295" spans="1:10" x14ac:dyDescent="0.35">
      <c r="A49295" s="1" t="s">
        <v>125</v>
      </c>
      <c r="B49295" s="1" t="s">
        <v>165936</v>
      </c>
      <c r="C49295" s="1" t="s">
        <v>130</v>
      </c>
      <c r="D49295" s="1" t="s">
        <v>167065</v>
      </c>
      <c r="E49295" s="1" t="s">
        <v>167066</v>
      </c>
      <c r="F49295" s="1" t="s">
        <v>167067</v>
      </c>
      <c r="G49295" s="1" t="s">
        <v>166984</v>
      </c>
      <c r="H49295" s="1" t="s">
        <v>166985</v>
      </c>
      <c r="I49295" s="1" t="s">
        <v>165942</v>
      </c>
      <c r="J49295" s="1" t="s">
        <v>167068</v>
      </c>
    </row>
    <row r="49296" spans="1:10" x14ac:dyDescent="0.35">
      <c r="A49296" s="1" t="s">
        <v>125</v>
      </c>
      <c r="B49296" s="1" t="s">
        <v>165936</v>
      </c>
      <c r="C49296" s="1" t="s">
        <v>135</v>
      </c>
      <c r="D49296" s="1" t="s">
        <v>54950</v>
      </c>
      <c r="E49296" s="1" t="s">
        <v>167069</v>
      </c>
      <c r="F49296" s="1" t="s">
        <v>167070</v>
      </c>
      <c r="G49296" s="1" t="s">
        <v>166984</v>
      </c>
      <c r="H49296" s="1" t="s">
        <v>166985</v>
      </c>
      <c r="I49296" s="1" t="s">
        <v>165942</v>
      </c>
      <c r="J49296" s="1" t="s">
        <v>167071</v>
      </c>
    </row>
    <row r="49297" spans="1:10" x14ac:dyDescent="0.35">
      <c r="A49297" s="1" t="s">
        <v>125</v>
      </c>
      <c r="B49297" s="1" t="s">
        <v>165936</v>
      </c>
      <c r="C49297" s="1" t="s">
        <v>140</v>
      </c>
      <c r="D49297" s="1" t="s">
        <v>80674</v>
      </c>
      <c r="E49297" s="1" t="s">
        <v>167072</v>
      </c>
      <c r="F49297" s="1" t="s">
        <v>167073</v>
      </c>
      <c r="G49297" s="1" t="s">
        <v>166984</v>
      </c>
      <c r="H49297" s="1" t="s">
        <v>166985</v>
      </c>
      <c r="I49297" s="1" t="s">
        <v>165942</v>
      </c>
      <c r="J49297" s="1" t="s">
        <v>167074</v>
      </c>
    </row>
    <row r="49298" spans="1:10" x14ac:dyDescent="0.35">
      <c r="A49298" s="1" t="s">
        <v>125</v>
      </c>
      <c r="B49298" s="1" t="s">
        <v>165936</v>
      </c>
      <c r="C49298" s="1" t="s">
        <v>145</v>
      </c>
      <c r="D49298" s="1" t="s">
        <v>167075</v>
      </c>
      <c r="E49298" s="1" t="s">
        <v>167076</v>
      </c>
      <c r="F49298" s="1" t="s">
        <v>167077</v>
      </c>
      <c r="G49298" s="1" t="s">
        <v>166984</v>
      </c>
      <c r="H49298" s="1" t="s">
        <v>166985</v>
      </c>
      <c r="I49298" s="1" t="s">
        <v>165942</v>
      </c>
      <c r="J49298" s="1" t="s">
        <v>167078</v>
      </c>
    </row>
    <row r="49299" spans="1:10" x14ac:dyDescent="0.35">
      <c r="A49299" s="1" t="s">
        <v>125</v>
      </c>
      <c r="B49299" s="1" t="s">
        <v>165936</v>
      </c>
      <c r="C49299" s="1" t="s">
        <v>150</v>
      </c>
      <c r="D49299" s="1" t="s">
        <v>131623</v>
      </c>
      <c r="E49299" s="1" t="s">
        <v>167079</v>
      </c>
      <c r="F49299" s="1" t="s">
        <v>167080</v>
      </c>
      <c r="G49299" s="1" t="s">
        <v>166984</v>
      </c>
      <c r="H49299" s="1" t="s">
        <v>166985</v>
      </c>
      <c r="I49299" s="1" t="s">
        <v>165942</v>
      </c>
      <c r="J49299" s="1" t="s">
        <v>167081</v>
      </c>
    </row>
    <row r="49300" spans="1:10" x14ac:dyDescent="0.35">
      <c r="A49300" s="1" t="s">
        <v>125</v>
      </c>
      <c r="B49300" s="1" t="s">
        <v>165936</v>
      </c>
      <c r="C49300" s="1" t="s">
        <v>155</v>
      </c>
      <c r="D49300" s="1" t="s">
        <v>54462</v>
      </c>
      <c r="E49300" s="1" t="s">
        <v>167082</v>
      </c>
      <c r="F49300" s="1" t="s">
        <v>167083</v>
      </c>
      <c r="G49300" s="1" t="s">
        <v>166984</v>
      </c>
      <c r="H49300" s="1" t="s">
        <v>166985</v>
      </c>
      <c r="I49300" s="1" t="s">
        <v>165942</v>
      </c>
      <c r="J49300" s="1" t="s">
        <v>167084</v>
      </c>
    </row>
    <row r="49301" spans="1:10" x14ac:dyDescent="0.35">
      <c r="A49301" s="1" t="s">
        <v>125</v>
      </c>
      <c r="B49301" s="1" t="s">
        <v>165936</v>
      </c>
      <c r="C49301" s="1" t="s">
        <v>160</v>
      </c>
      <c r="D49301" s="1" t="s">
        <v>167085</v>
      </c>
      <c r="E49301" s="1" t="s">
        <v>167086</v>
      </c>
      <c r="F49301" s="1" t="s">
        <v>167087</v>
      </c>
      <c r="G49301" s="1" t="s">
        <v>166984</v>
      </c>
      <c r="H49301" s="1" t="s">
        <v>166985</v>
      </c>
      <c r="I49301" s="1" t="s">
        <v>165942</v>
      </c>
      <c r="J49301" s="1" t="s">
        <v>167088</v>
      </c>
    </row>
    <row r="49302" spans="1:10" x14ac:dyDescent="0.35">
      <c r="A49302" s="1" t="s">
        <v>125</v>
      </c>
      <c r="B49302" s="1" t="s">
        <v>165936</v>
      </c>
      <c r="C49302" s="1" t="s">
        <v>165</v>
      </c>
      <c r="D49302" s="1" t="s">
        <v>69120</v>
      </c>
      <c r="E49302" s="1" t="s">
        <v>167089</v>
      </c>
      <c r="F49302" s="1" t="s">
        <v>167090</v>
      </c>
      <c r="G49302" s="1" t="s">
        <v>166984</v>
      </c>
      <c r="H49302" s="1" t="s">
        <v>166985</v>
      </c>
      <c r="I49302" s="1" t="s">
        <v>165942</v>
      </c>
      <c r="J49302" s="1" t="s">
        <v>167091</v>
      </c>
    </row>
    <row r="49303" spans="1:10" x14ac:dyDescent="0.35">
      <c r="A49303" s="1" t="s">
        <v>125</v>
      </c>
      <c r="B49303" s="1" t="s">
        <v>165936</v>
      </c>
      <c r="C49303" s="1" t="s">
        <v>170</v>
      </c>
      <c r="D49303" s="1" t="s">
        <v>167092</v>
      </c>
      <c r="E49303" s="1" t="s">
        <v>167093</v>
      </c>
      <c r="F49303" s="1" t="s">
        <v>167094</v>
      </c>
      <c r="G49303" s="1" t="s">
        <v>166984</v>
      </c>
      <c r="H49303" s="1" t="s">
        <v>166985</v>
      </c>
      <c r="I49303" s="1" t="s">
        <v>165942</v>
      </c>
      <c r="J49303" s="1" t="s">
        <v>167095</v>
      </c>
    </row>
    <row r="49304" spans="1:10" x14ac:dyDescent="0.35">
      <c r="A49304" s="1" t="s">
        <v>135</v>
      </c>
      <c r="B49304" s="1" t="s">
        <v>165936</v>
      </c>
      <c r="C49304" s="1" t="s">
        <v>8</v>
      </c>
      <c r="D49304" s="1" t="s">
        <v>88459</v>
      </c>
      <c r="E49304" s="1" t="s">
        <v>167096</v>
      </c>
      <c r="F49304" s="1" t="s">
        <v>167097</v>
      </c>
      <c r="G49304" s="1" t="s">
        <v>167098</v>
      </c>
      <c r="H49304" s="1" t="s">
        <v>167099</v>
      </c>
      <c r="I49304" s="1" t="s">
        <v>165942</v>
      </c>
      <c r="J49304" s="1" t="s">
        <v>13</v>
      </c>
    </row>
    <row r="49305" spans="1:10" x14ac:dyDescent="0.35">
      <c r="A49305" s="1" t="s">
        <v>135</v>
      </c>
      <c r="B49305" s="1" t="s">
        <v>165936</v>
      </c>
      <c r="C49305" s="1" t="s">
        <v>15</v>
      </c>
      <c r="D49305" s="1" t="s">
        <v>23919</v>
      </c>
      <c r="E49305" s="1" t="s">
        <v>167100</v>
      </c>
      <c r="F49305" s="1" t="s">
        <v>167101</v>
      </c>
      <c r="G49305" s="1" t="s">
        <v>167098</v>
      </c>
      <c r="H49305" s="1" t="s">
        <v>167099</v>
      </c>
      <c r="I49305" s="1" t="s">
        <v>165942</v>
      </c>
      <c r="J49305" s="1" t="s">
        <v>167102</v>
      </c>
    </row>
    <row r="49306" spans="1:10" x14ac:dyDescent="0.35">
      <c r="A49306" s="1" t="s">
        <v>135</v>
      </c>
      <c r="B49306" s="1" t="s">
        <v>165936</v>
      </c>
      <c r="C49306" s="1" t="s">
        <v>20</v>
      </c>
      <c r="D49306" s="1" t="s">
        <v>47516</v>
      </c>
      <c r="E49306" s="1" t="s">
        <v>167103</v>
      </c>
      <c r="F49306" s="1" t="s">
        <v>167104</v>
      </c>
      <c r="G49306" s="1" t="s">
        <v>167098</v>
      </c>
      <c r="H49306" s="1" t="s">
        <v>167099</v>
      </c>
      <c r="I49306" s="1" t="s">
        <v>165942</v>
      </c>
      <c r="J49306" s="1" t="s">
        <v>167105</v>
      </c>
    </row>
    <row r="49307" spans="1:10" x14ac:dyDescent="0.35">
      <c r="A49307" s="1" t="s">
        <v>135</v>
      </c>
      <c r="B49307" s="1" t="s">
        <v>165936</v>
      </c>
      <c r="C49307" s="1" t="s">
        <v>25</v>
      </c>
      <c r="D49307" s="1" t="s">
        <v>98420</v>
      </c>
      <c r="E49307" s="1" t="s">
        <v>167106</v>
      </c>
      <c r="F49307" s="1" t="s">
        <v>167107</v>
      </c>
      <c r="G49307" s="1" t="s">
        <v>167098</v>
      </c>
      <c r="H49307" s="1" t="s">
        <v>167099</v>
      </c>
      <c r="I49307" s="1" t="s">
        <v>165942</v>
      </c>
      <c r="J49307" s="1" t="s">
        <v>167108</v>
      </c>
    </row>
    <row r="49308" spans="1:10" x14ac:dyDescent="0.35">
      <c r="A49308" s="1" t="s">
        <v>135</v>
      </c>
      <c r="B49308" s="1" t="s">
        <v>165936</v>
      </c>
      <c r="C49308" s="1" t="s">
        <v>30</v>
      </c>
      <c r="D49308" s="1" t="s">
        <v>167109</v>
      </c>
      <c r="E49308" s="1" t="s">
        <v>167110</v>
      </c>
      <c r="F49308" s="1" t="s">
        <v>167111</v>
      </c>
      <c r="G49308" s="1" t="s">
        <v>167098</v>
      </c>
      <c r="H49308" s="1" t="s">
        <v>167099</v>
      </c>
      <c r="I49308" s="1" t="s">
        <v>165942</v>
      </c>
      <c r="J49308" s="1" t="s">
        <v>167112</v>
      </c>
    </row>
    <row r="49309" spans="1:10" x14ac:dyDescent="0.35">
      <c r="A49309" s="1" t="s">
        <v>135</v>
      </c>
      <c r="B49309" s="1" t="s">
        <v>165936</v>
      </c>
      <c r="C49309" s="1" t="s">
        <v>35</v>
      </c>
      <c r="D49309" s="1" t="s">
        <v>79790</v>
      </c>
      <c r="E49309" s="1" t="s">
        <v>167113</v>
      </c>
      <c r="F49309" s="1" t="s">
        <v>167114</v>
      </c>
      <c r="G49309" s="1" t="s">
        <v>167098</v>
      </c>
      <c r="H49309" s="1" t="s">
        <v>167099</v>
      </c>
      <c r="I49309" s="1" t="s">
        <v>165942</v>
      </c>
      <c r="J49309" s="1" t="s">
        <v>167115</v>
      </c>
    </row>
    <row r="49310" spans="1:10" x14ac:dyDescent="0.35">
      <c r="A49310" s="1" t="s">
        <v>135</v>
      </c>
      <c r="B49310" s="1" t="s">
        <v>165936</v>
      </c>
      <c r="C49310" s="1" t="s">
        <v>40</v>
      </c>
      <c r="D49310" s="1" t="s">
        <v>88782</v>
      </c>
      <c r="E49310" s="1" t="s">
        <v>167116</v>
      </c>
      <c r="F49310" s="1" t="s">
        <v>167117</v>
      </c>
      <c r="G49310" s="1" t="s">
        <v>167098</v>
      </c>
      <c r="H49310" s="1" t="s">
        <v>167099</v>
      </c>
      <c r="I49310" s="1" t="s">
        <v>165942</v>
      </c>
      <c r="J49310" s="1" t="s">
        <v>167118</v>
      </c>
    </row>
    <row r="49311" spans="1:10" x14ac:dyDescent="0.35">
      <c r="A49311" s="1" t="s">
        <v>135</v>
      </c>
      <c r="B49311" s="1" t="s">
        <v>165936</v>
      </c>
      <c r="C49311" s="1" t="s">
        <v>45</v>
      </c>
      <c r="D49311" s="1" t="s">
        <v>76855</v>
      </c>
      <c r="E49311" s="1" t="s">
        <v>167119</v>
      </c>
      <c r="F49311" s="1" t="s">
        <v>167120</v>
      </c>
      <c r="G49311" s="1" t="s">
        <v>167098</v>
      </c>
      <c r="H49311" s="1" t="s">
        <v>167099</v>
      </c>
      <c r="I49311" s="1" t="s">
        <v>165942</v>
      </c>
      <c r="J49311" s="1" t="s">
        <v>167121</v>
      </c>
    </row>
    <row r="49312" spans="1:10" x14ac:dyDescent="0.35">
      <c r="A49312" s="1" t="s">
        <v>135</v>
      </c>
      <c r="B49312" s="1" t="s">
        <v>165936</v>
      </c>
      <c r="C49312" s="1" t="s">
        <v>50</v>
      </c>
      <c r="D49312" s="1" t="s">
        <v>80823</v>
      </c>
      <c r="E49312" s="1" t="s">
        <v>167122</v>
      </c>
      <c r="F49312" s="1" t="s">
        <v>167123</v>
      </c>
      <c r="G49312" s="1" t="s">
        <v>167098</v>
      </c>
      <c r="H49312" s="1" t="s">
        <v>167099</v>
      </c>
      <c r="I49312" s="1" t="s">
        <v>165942</v>
      </c>
      <c r="J49312" s="1" t="s">
        <v>167124</v>
      </c>
    </row>
    <row r="49313" spans="1:10" x14ac:dyDescent="0.35">
      <c r="A49313" s="1" t="s">
        <v>135</v>
      </c>
      <c r="B49313" s="1" t="s">
        <v>165936</v>
      </c>
      <c r="C49313" s="1" t="s">
        <v>55</v>
      </c>
      <c r="D49313" s="1" t="s">
        <v>24433</v>
      </c>
      <c r="E49313" s="1" t="s">
        <v>167125</v>
      </c>
      <c r="F49313" s="1" t="s">
        <v>167126</v>
      </c>
      <c r="G49313" s="1" t="s">
        <v>167098</v>
      </c>
      <c r="H49313" s="1" t="s">
        <v>167099</v>
      </c>
      <c r="I49313" s="1" t="s">
        <v>165942</v>
      </c>
      <c r="J49313" s="1" t="s">
        <v>167127</v>
      </c>
    </row>
    <row r="49314" spans="1:10" x14ac:dyDescent="0.35">
      <c r="A49314" s="1" t="s">
        <v>135</v>
      </c>
      <c r="B49314" s="1" t="s">
        <v>165936</v>
      </c>
      <c r="C49314" s="1" t="s">
        <v>60</v>
      </c>
      <c r="D49314" s="1" t="s">
        <v>65998</v>
      </c>
      <c r="E49314" s="1" t="s">
        <v>167128</v>
      </c>
      <c r="F49314" s="1" t="s">
        <v>167129</v>
      </c>
      <c r="G49314" s="1" t="s">
        <v>167098</v>
      </c>
      <c r="H49314" s="1" t="s">
        <v>167099</v>
      </c>
      <c r="I49314" s="1" t="s">
        <v>165942</v>
      </c>
      <c r="J49314" s="1" t="s">
        <v>167130</v>
      </c>
    </row>
    <row r="49315" spans="1:10" x14ac:dyDescent="0.35">
      <c r="A49315" s="1" t="s">
        <v>135</v>
      </c>
      <c r="B49315" s="1" t="s">
        <v>165936</v>
      </c>
      <c r="C49315" s="1" t="s">
        <v>65</v>
      </c>
      <c r="D49315" s="1" t="s">
        <v>138026</v>
      </c>
      <c r="E49315" s="1" t="s">
        <v>167131</v>
      </c>
      <c r="F49315" s="1" t="s">
        <v>167132</v>
      </c>
      <c r="G49315" s="1" t="s">
        <v>167098</v>
      </c>
      <c r="H49315" s="1" t="s">
        <v>167099</v>
      </c>
      <c r="I49315" s="1" t="s">
        <v>165942</v>
      </c>
      <c r="J49315" s="1" t="s">
        <v>167133</v>
      </c>
    </row>
    <row r="49316" spans="1:10" x14ac:dyDescent="0.35">
      <c r="A49316" s="1" t="s">
        <v>135</v>
      </c>
      <c r="B49316" s="1" t="s">
        <v>165936</v>
      </c>
      <c r="C49316" s="1" t="s">
        <v>70</v>
      </c>
      <c r="D49316" s="1" t="s">
        <v>167134</v>
      </c>
      <c r="E49316" s="1" t="s">
        <v>167135</v>
      </c>
      <c r="F49316" s="1" t="s">
        <v>167136</v>
      </c>
      <c r="G49316" s="1" t="s">
        <v>167098</v>
      </c>
      <c r="H49316" s="1" t="s">
        <v>167099</v>
      </c>
      <c r="I49316" s="1" t="s">
        <v>165942</v>
      </c>
      <c r="J49316" s="1" t="s">
        <v>167137</v>
      </c>
    </row>
    <row r="49317" spans="1:10" x14ac:dyDescent="0.35">
      <c r="A49317" s="1" t="s">
        <v>135</v>
      </c>
      <c r="B49317" s="1" t="s">
        <v>165936</v>
      </c>
      <c r="C49317" s="1" t="s">
        <v>75</v>
      </c>
      <c r="D49317" s="1" t="s">
        <v>167138</v>
      </c>
      <c r="E49317" s="1" t="s">
        <v>167139</v>
      </c>
      <c r="F49317" s="1" t="s">
        <v>167140</v>
      </c>
      <c r="G49317" s="1" t="s">
        <v>167098</v>
      </c>
      <c r="H49317" s="1" t="s">
        <v>167099</v>
      </c>
      <c r="I49317" s="1" t="s">
        <v>165942</v>
      </c>
      <c r="J49317" s="1" t="s">
        <v>167141</v>
      </c>
    </row>
    <row r="49318" spans="1:10" x14ac:dyDescent="0.35">
      <c r="A49318" s="1" t="s">
        <v>135</v>
      </c>
      <c r="B49318" s="1" t="s">
        <v>165936</v>
      </c>
      <c r="C49318" s="1" t="s">
        <v>80</v>
      </c>
      <c r="D49318" s="1" t="s">
        <v>167142</v>
      </c>
      <c r="E49318" s="1" t="s">
        <v>167143</v>
      </c>
      <c r="F49318" s="1" t="s">
        <v>167144</v>
      </c>
      <c r="G49318" s="1" t="s">
        <v>167098</v>
      </c>
      <c r="H49318" s="1" t="s">
        <v>167099</v>
      </c>
      <c r="I49318" s="1" t="s">
        <v>165942</v>
      </c>
      <c r="J49318" s="1" t="s">
        <v>167145</v>
      </c>
    </row>
    <row r="49319" spans="1:10" x14ac:dyDescent="0.35">
      <c r="A49319" s="1" t="s">
        <v>135</v>
      </c>
      <c r="B49319" s="1" t="s">
        <v>165936</v>
      </c>
      <c r="C49319" s="1" t="s">
        <v>85</v>
      </c>
      <c r="D49319" s="1" t="s">
        <v>56733</v>
      </c>
      <c r="E49319" s="1" t="s">
        <v>167146</v>
      </c>
      <c r="F49319" s="1" t="s">
        <v>167147</v>
      </c>
      <c r="G49319" s="1" t="s">
        <v>167098</v>
      </c>
      <c r="H49319" s="1" t="s">
        <v>167099</v>
      </c>
      <c r="I49319" s="1" t="s">
        <v>165942</v>
      </c>
      <c r="J49319" s="1" t="s">
        <v>167148</v>
      </c>
    </row>
    <row r="49320" spans="1:10" x14ac:dyDescent="0.35">
      <c r="A49320" s="1" t="s">
        <v>135</v>
      </c>
      <c r="B49320" s="1" t="s">
        <v>165936</v>
      </c>
      <c r="C49320" s="1" t="s">
        <v>90</v>
      </c>
      <c r="D49320" s="1" t="s">
        <v>167149</v>
      </c>
      <c r="E49320" s="1" t="s">
        <v>167150</v>
      </c>
      <c r="F49320" s="1" t="s">
        <v>167151</v>
      </c>
      <c r="G49320" s="1" t="s">
        <v>167098</v>
      </c>
      <c r="H49320" s="1" t="s">
        <v>167099</v>
      </c>
      <c r="I49320" s="1" t="s">
        <v>165942</v>
      </c>
      <c r="J49320" s="1" t="s">
        <v>167152</v>
      </c>
    </row>
    <row r="49321" spans="1:10" x14ac:dyDescent="0.35">
      <c r="A49321" s="1" t="s">
        <v>135</v>
      </c>
      <c r="B49321" s="1" t="s">
        <v>165936</v>
      </c>
      <c r="C49321" s="1" t="s">
        <v>95</v>
      </c>
      <c r="D49321" s="1" t="s">
        <v>20472</v>
      </c>
      <c r="E49321" s="1" t="s">
        <v>167153</v>
      </c>
      <c r="F49321" s="1" t="s">
        <v>167154</v>
      </c>
      <c r="G49321" s="1" t="s">
        <v>167098</v>
      </c>
      <c r="H49321" s="1" t="s">
        <v>167099</v>
      </c>
      <c r="I49321" s="1" t="s">
        <v>165942</v>
      </c>
      <c r="J49321" s="1" t="s">
        <v>167155</v>
      </c>
    </row>
    <row r="49322" spans="1:10" x14ac:dyDescent="0.35">
      <c r="A49322" s="1" t="s">
        <v>135</v>
      </c>
      <c r="B49322" s="1" t="s">
        <v>165936</v>
      </c>
      <c r="C49322" s="1" t="s">
        <v>100</v>
      </c>
      <c r="D49322" s="1" t="s">
        <v>129488</v>
      </c>
      <c r="E49322" s="1" t="s">
        <v>167156</v>
      </c>
      <c r="F49322" s="1" t="s">
        <v>167157</v>
      </c>
      <c r="G49322" s="1" t="s">
        <v>167098</v>
      </c>
      <c r="H49322" s="1" t="s">
        <v>167099</v>
      </c>
      <c r="I49322" s="1" t="s">
        <v>165942</v>
      </c>
      <c r="J49322" s="1" t="s">
        <v>167158</v>
      </c>
    </row>
    <row r="49323" spans="1:10" x14ac:dyDescent="0.35">
      <c r="A49323" s="1" t="s">
        <v>135</v>
      </c>
      <c r="B49323" s="1" t="s">
        <v>165936</v>
      </c>
      <c r="C49323" s="1" t="s">
        <v>105</v>
      </c>
      <c r="D49323" s="1" t="s">
        <v>69769</v>
      </c>
      <c r="E49323" s="1" t="s">
        <v>167159</v>
      </c>
      <c r="F49323" s="1" t="s">
        <v>167160</v>
      </c>
      <c r="G49323" s="1" t="s">
        <v>167098</v>
      </c>
      <c r="H49323" s="1" t="s">
        <v>167099</v>
      </c>
      <c r="I49323" s="1" t="s">
        <v>165942</v>
      </c>
      <c r="J49323" s="1" t="s">
        <v>167161</v>
      </c>
    </row>
    <row r="49324" spans="1:10" x14ac:dyDescent="0.35">
      <c r="A49324" s="1" t="s">
        <v>135</v>
      </c>
      <c r="B49324" s="1" t="s">
        <v>165936</v>
      </c>
      <c r="C49324" s="1" t="s">
        <v>110</v>
      </c>
      <c r="D49324" s="1" t="s">
        <v>2758</v>
      </c>
      <c r="E49324" s="1" t="s">
        <v>167162</v>
      </c>
      <c r="F49324" s="1" t="s">
        <v>167163</v>
      </c>
      <c r="G49324" s="1" t="s">
        <v>167098</v>
      </c>
      <c r="H49324" s="1" t="s">
        <v>167099</v>
      </c>
      <c r="I49324" s="1" t="s">
        <v>165942</v>
      </c>
      <c r="J49324" s="1" t="s">
        <v>167164</v>
      </c>
    </row>
    <row r="49325" spans="1:10" x14ac:dyDescent="0.35">
      <c r="A49325" s="1" t="s">
        <v>135</v>
      </c>
      <c r="B49325" s="1" t="s">
        <v>165936</v>
      </c>
      <c r="C49325" s="1" t="s">
        <v>115</v>
      </c>
      <c r="D49325" s="1" t="s">
        <v>167165</v>
      </c>
      <c r="E49325" s="1" t="s">
        <v>167166</v>
      </c>
      <c r="F49325" s="1" t="s">
        <v>167167</v>
      </c>
      <c r="G49325" s="1" t="s">
        <v>167098</v>
      </c>
      <c r="H49325" s="1" t="s">
        <v>167099</v>
      </c>
      <c r="I49325" s="1" t="s">
        <v>165942</v>
      </c>
      <c r="J49325" s="1" t="s">
        <v>167168</v>
      </c>
    </row>
    <row r="49326" spans="1:10" x14ac:dyDescent="0.35">
      <c r="A49326" s="1" t="s">
        <v>135</v>
      </c>
      <c r="B49326" s="1" t="s">
        <v>165936</v>
      </c>
      <c r="C49326" s="1" t="s">
        <v>120</v>
      </c>
      <c r="D49326" s="1" t="s">
        <v>167169</v>
      </c>
      <c r="E49326" s="1" t="s">
        <v>167170</v>
      </c>
      <c r="F49326" s="1" t="s">
        <v>167171</v>
      </c>
      <c r="G49326" s="1" t="s">
        <v>167098</v>
      </c>
      <c r="H49326" s="1" t="s">
        <v>167099</v>
      </c>
      <c r="I49326" s="1" t="s">
        <v>165942</v>
      </c>
      <c r="J49326" s="1" t="s">
        <v>167172</v>
      </c>
    </row>
    <row r="49327" spans="1:10" x14ac:dyDescent="0.35">
      <c r="A49327" s="1" t="s">
        <v>135</v>
      </c>
      <c r="B49327" s="1" t="s">
        <v>165936</v>
      </c>
      <c r="C49327" s="1" t="s">
        <v>125</v>
      </c>
      <c r="D49327" s="1" t="s">
        <v>167173</v>
      </c>
      <c r="E49327" s="1" t="s">
        <v>167174</v>
      </c>
      <c r="F49327" s="1" t="s">
        <v>167175</v>
      </c>
      <c r="G49327" s="1" t="s">
        <v>167098</v>
      </c>
      <c r="H49327" s="1" t="s">
        <v>167099</v>
      </c>
      <c r="I49327" s="1" t="s">
        <v>165942</v>
      </c>
      <c r="J49327" s="1" t="s">
        <v>167176</v>
      </c>
    </row>
    <row r="49328" spans="1:10" x14ac:dyDescent="0.35">
      <c r="A49328" s="1" t="s">
        <v>135</v>
      </c>
      <c r="B49328" s="1" t="s">
        <v>165936</v>
      </c>
      <c r="C49328" s="1" t="s">
        <v>130</v>
      </c>
      <c r="D49328" s="1" t="s">
        <v>64108</v>
      </c>
      <c r="E49328" s="1" t="s">
        <v>167177</v>
      </c>
      <c r="F49328" s="1" t="s">
        <v>167178</v>
      </c>
      <c r="G49328" s="1" t="s">
        <v>167098</v>
      </c>
      <c r="H49328" s="1" t="s">
        <v>167099</v>
      </c>
      <c r="I49328" s="1" t="s">
        <v>165942</v>
      </c>
      <c r="J49328" s="1" t="s">
        <v>167179</v>
      </c>
    </row>
    <row r="49329" spans="1:10" x14ac:dyDescent="0.35">
      <c r="A49329" s="1" t="s">
        <v>135</v>
      </c>
      <c r="B49329" s="1" t="s">
        <v>165936</v>
      </c>
      <c r="C49329" s="1" t="s">
        <v>135</v>
      </c>
      <c r="D49329" s="1" t="s">
        <v>167180</v>
      </c>
      <c r="E49329" s="1" t="s">
        <v>167181</v>
      </c>
      <c r="F49329" s="1" t="s">
        <v>167182</v>
      </c>
      <c r="G49329" s="1" t="s">
        <v>167098</v>
      </c>
      <c r="H49329" s="1" t="s">
        <v>167099</v>
      </c>
      <c r="I49329" s="1" t="s">
        <v>165942</v>
      </c>
      <c r="J49329" s="1" t="s">
        <v>167183</v>
      </c>
    </row>
    <row r="49330" spans="1:10" x14ac:dyDescent="0.35">
      <c r="A49330" s="1" t="s">
        <v>135</v>
      </c>
      <c r="B49330" s="1" t="s">
        <v>165936</v>
      </c>
      <c r="C49330" s="1" t="s">
        <v>140</v>
      </c>
      <c r="D49330" s="1" t="s">
        <v>129430</v>
      </c>
      <c r="E49330" s="1" t="s">
        <v>167184</v>
      </c>
      <c r="F49330" s="1" t="s">
        <v>167185</v>
      </c>
      <c r="G49330" s="1" t="s">
        <v>167098</v>
      </c>
      <c r="H49330" s="1" t="s">
        <v>167099</v>
      </c>
      <c r="I49330" s="1" t="s">
        <v>165942</v>
      </c>
      <c r="J49330" s="1" t="s">
        <v>167186</v>
      </c>
    </row>
    <row r="49331" spans="1:10" x14ac:dyDescent="0.35">
      <c r="A49331" s="1" t="s">
        <v>135</v>
      </c>
      <c r="B49331" s="1" t="s">
        <v>165936</v>
      </c>
      <c r="C49331" s="1" t="s">
        <v>145</v>
      </c>
      <c r="D49331" s="1" t="s">
        <v>23565</v>
      </c>
      <c r="E49331" s="1" t="s">
        <v>167187</v>
      </c>
      <c r="F49331" s="1" t="s">
        <v>167188</v>
      </c>
      <c r="G49331" s="1" t="s">
        <v>167098</v>
      </c>
      <c r="H49331" s="1" t="s">
        <v>167099</v>
      </c>
      <c r="I49331" s="1" t="s">
        <v>165942</v>
      </c>
      <c r="J49331" s="1" t="s">
        <v>167189</v>
      </c>
    </row>
    <row r="49332" spans="1:10" x14ac:dyDescent="0.35">
      <c r="A49332" s="1" t="s">
        <v>135</v>
      </c>
      <c r="B49332" s="1" t="s">
        <v>165936</v>
      </c>
      <c r="C49332" s="1" t="s">
        <v>150</v>
      </c>
      <c r="D49332" s="1" t="s">
        <v>163867</v>
      </c>
      <c r="E49332" s="1" t="s">
        <v>167190</v>
      </c>
      <c r="F49332" s="1" t="s">
        <v>167191</v>
      </c>
      <c r="G49332" s="1" t="s">
        <v>167098</v>
      </c>
      <c r="H49332" s="1" t="s">
        <v>167099</v>
      </c>
      <c r="I49332" s="1" t="s">
        <v>165942</v>
      </c>
      <c r="J49332" s="1" t="s">
        <v>167192</v>
      </c>
    </row>
    <row r="49333" spans="1:10" x14ac:dyDescent="0.35">
      <c r="A49333" s="1" t="s">
        <v>135</v>
      </c>
      <c r="B49333" s="1" t="s">
        <v>165936</v>
      </c>
      <c r="C49333" s="1" t="s">
        <v>155</v>
      </c>
      <c r="D49333" s="1" t="s">
        <v>76254</v>
      </c>
      <c r="E49333" s="1" t="s">
        <v>167193</v>
      </c>
      <c r="F49333" s="1" t="s">
        <v>167194</v>
      </c>
      <c r="G49333" s="1" t="s">
        <v>167098</v>
      </c>
      <c r="H49333" s="1" t="s">
        <v>167099</v>
      </c>
      <c r="I49333" s="1" t="s">
        <v>165942</v>
      </c>
      <c r="J49333" s="1" t="s">
        <v>167195</v>
      </c>
    </row>
    <row r="49334" spans="1:10" x14ac:dyDescent="0.35">
      <c r="A49334" s="1" t="s">
        <v>135</v>
      </c>
      <c r="B49334" s="1" t="s">
        <v>165936</v>
      </c>
      <c r="C49334" s="1" t="s">
        <v>160</v>
      </c>
      <c r="D49334" s="1" t="s">
        <v>61031</v>
      </c>
      <c r="E49334" s="1" t="s">
        <v>167196</v>
      </c>
      <c r="F49334" s="1" t="s">
        <v>167197</v>
      </c>
      <c r="G49334" s="1" t="s">
        <v>167098</v>
      </c>
      <c r="H49334" s="1" t="s">
        <v>167099</v>
      </c>
      <c r="I49334" s="1" t="s">
        <v>165942</v>
      </c>
      <c r="J49334" s="1" t="s">
        <v>167198</v>
      </c>
    </row>
    <row r="49335" spans="1:10" x14ac:dyDescent="0.35">
      <c r="A49335" s="1" t="s">
        <v>135</v>
      </c>
      <c r="B49335" s="1" t="s">
        <v>165936</v>
      </c>
      <c r="C49335" s="1" t="s">
        <v>165</v>
      </c>
      <c r="D49335" s="1" t="s">
        <v>165352</v>
      </c>
      <c r="E49335" s="1" t="s">
        <v>167199</v>
      </c>
      <c r="F49335" s="1" t="s">
        <v>167200</v>
      </c>
      <c r="G49335" s="1" t="s">
        <v>167098</v>
      </c>
      <c r="H49335" s="1" t="s">
        <v>167099</v>
      </c>
      <c r="I49335" s="1" t="s">
        <v>165942</v>
      </c>
      <c r="J49335" s="1" t="s">
        <v>167201</v>
      </c>
    </row>
    <row r="49336" spans="1:10" x14ac:dyDescent="0.35">
      <c r="A49336" s="1" t="s">
        <v>135</v>
      </c>
      <c r="B49336" s="1" t="s">
        <v>165936</v>
      </c>
      <c r="C49336" s="1" t="s">
        <v>170</v>
      </c>
      <c r="D49336" s="1" t="s">
        <v>97264</v>
      </c>
      <c r="E49336" s="1" t="s">
        <v>167202</v>
      </c>
      <c r="F49336" s="1" t="s">
        <v>167203</v>
      </c>
      <c r="G49336" s="1" t="s">
        <v>167098</v>
      </c>
      <c r="H49336" s="1" t="s">
        <v>167099</v>
      </c>
      <c r="I49336" s="1" t="s">
        <v>165942</v>
      </c>
      <c r="J49336" s="1" t="s">
        <v>167204</v>
      </c>
    </row>
    <row r="49337" spans="1:10" x14ac:dyDescent="0.35">
      <c r="A49337" s="1" t="s">
        <v>140</v>
      </c>
      <c r="B49337" s="1" t="s">
        <v>165936</v>
      </c>
      <c r="C49337" s="1" t="s">
        <v>8</v>
      </c>
      <c r="D49337" s="1" t="s">
        <v>138418</v>
      </c>
      <c r="E49337" s="1" t="s">
        <v>167205</v>
      </c>
      <c r="F49337" s="1" t="s">
        <v>167206</v>
      </c>
      <c r="G49337" s="1" t="s">
        <v>167207</v>
      </c>
      <c r="H49337" s="1" t="s">
        <v>167208</v>
      </c>
      <c r="I49337" s="1" t="s">
        <v>165942</v>
      </c>
      <c r="J49337" s="1" t="s">
        <v>13</v>
      </c>
    </row>
    <row r="49338" spans="1:10" x14ac:dyDescent="0.35">
      <c r="A49338" s="1" t="s">
        <v>140</v>
      </c>
      <c r="B49338" s="1" t="s">
        <v>165936</v>
      </c>
      <c r="C49338" s="1" t="s">
        <v>15</v>
      </c>
      <c r="D49338" s="1" t="s">
        <v>88275</v>
      </c>
      <c r="E49338" s="1" t="s">
        <v>167209</v>
      </c>
      <c r="F49338" s="1" t="s">
        <v>167210</v>
      </c>
      <c r="G49338" s="1" t="s">
        <v>167207</v>
      </c>
      <c r="H49338" s="1" t="s">
        <v>167208</v>
      </c>
      <c r="I49338" s="1" t="s">
        <v>165942</v>
      </c>
      <c r="J49338" s="1" t="s">
        <v>167211</v>
      </c>
    </row>
    <row r="49339" spans="1:10" x14ac:dyDescent="0.35">
      <c r="A49339" s="1" t="s">
        <v>140</v>
      </c>
      <c r="B49339" s="1" t="s">
        <v>165936</v>
      </c>
      <c r="C49339" s="1" t="s">
        <v>20</v>
      </c>
      <c r="D49339" s="1" t="s">
        <v>53658</v>
      </c>
      <c r="E49339" s="1" t="s">
        <v>167212</v>
      </c>
      <c r="F49339" s="1" t="s">
        <v>167213</v>
      </c>
      <c r="G49339" s="1" t="s">
        <v>167207</v>
      </c>
      <c r="H49339" s="1" t="s">
        <v>167208</v>
      </c>
      <c r="I49339" s="1" t="s">
        <v>165942</v>
      </c>
      <c r="J49339" s="1" t="s">
        <v>167214</v>
      </c>
    </row>
    <row r="49340" spans="1:10" x14ac:dyDescent="0.35">
      <c r="A49340" s="1" t="s">
        <v>140</v>
      </c>
      <c r="B49340" s="1" t="s">
        <v>165936</v>
      </c>
      <c r="C49340" s="1" t="s">
        <v>25</v>
      </c>
      <c r="D49340" s="1" t="s">
        <v>76661</v>
      </c>
      <c r="E49340" s="1" t="s">
        <v>167215</v>
      </c>
      <c r="F49340" s="1" t="s">
        <v>167216</v>
      </c>
      <c r="G49340" s="1" t="s">
        <v>167207</v>
      </c>
      <c r="H49340" s="1" t="s">
        <v>167208</v>
      </c>
      <c r="I49340" s="1" t="s">
        <v>165942</v>
      </c>
      <c r="J49340" s="1" t="s">
        <v>167217</v>
      </c>
    </row>
    <row r="49341" spans="1:10" x14ac:dyDescent="0.35">
      <c r="A49341" s="1" t="s">
        <v>140</v>
      </c>
      <c r="B49341" s="1" t="s">
        <v>165936</v>
      </c>
      <c r="C49341" s="1" t="s">
        <v>30</v>
      </c>
      <c r="D49341" s="1" t="s">
        <v>98073</v>
      </c>
      <c r="E49341" s="1" t="s">
        <v>167218</v>
      </c>
      <c r="F49341" s="1" t="s">
        <v>167219</v>
      </c>
      <c r="G49341" s="1" t="s">
        <v>167207</v>
      </c>
      <c r="H49341" s="1" t="s">
        <v>167208</v>
      </c>
      <c r="I49341" s="1" t="s">
        <v>165942</v>
      </c>
      <c r="J49341" s="1" t="s">
        <v>167220</v>
      </c>
    </row>
    <row r="49342" spans="1:10" x14ac:dyDescent="0.35">
      <c r="A49342" s="1" t="s">
        <v>140</v>
      </c>
      <c r="B49342" s="1" t="s">
        <v>165936</v>
      </c>
      <c r="C49342" s="1" t="s">
        <v>35</v>
      </c>
      <c r="D49342" s="1" t="s">
        <v>89713</v>
      </c>
      <c r="E49342" s="1" t="s">
        <v>167221</v>
      </c>
      <c r="F49342" s="1" t="s">
        <v>167222</v>
      </c>
      <c r="G49342" s="1" t="s">
        <v>167207</v>
      </c>
      <c r="H49342" s="1" t="s">
        <v>167208</v>
      </c>
      <c r="I49342" s="1" t="s">
        <v>165942</v>
      </c>
      <c r="J49342" s="1" t="s">
        <v>167223</v>
      </c>
    </row>
    <row r="49343" spans="1:10" x14ac:dyDescent="0.35">
      <c r="A49343" s="1" t="s">
        <v>140</v>
      </c>
      <c r="B49343" s="1" t="s">
        <v>165936</v>
      </c>
      <c r="C49343" s="1" t="s">
        <v>40</v>
      </c>
      <c r="D49343" s="1" t="s">
        <v>167224</v>
      </c>
      <c r="E49343" s="1" t="s">
        <v>167225</v>
      </c>
      <c r="F49343" s="1" t="s">
        <v>167226</v>
      </c>
      <c r="G49343" s="1" t="s">
        <v>167207</v>
      </c>
      <c r="H49343" s="1" t="s">
        <v>167208</v>
      </c>
      <c r="I49343" s="1" t="s">
        <v>165942</v>
      </c>
      <c r="J49343" s="1" t="s">
        <v>167227</v>
      </c>
    </row>
    <row r="49344" spans="1:10" x14ac:dyDescent="0.35">
      <c r="A49344" s="1" t="s">
        <v>140</v>
      </c>
      <c r="B49344" s="1" t="s">
        <v>165936</v>
      </c>
      <c r="C49344" s="1" t="s">
        <v>45</v>
      </c>
      <c r="D49344" s="1" t="s">
        <v>132934</v>
      </c>
      <c r="E49344" s="1" t="s">
        <v>167228</v>
      </c>
      <c r="F49344" s="1" t="s">
        <v>167229</v>
      </c>
      <c r="G49344" s="1" t="s">
        <v>167207</v>
      </c>
      <c r="H49344" s="1" t="s">
        <v>167208</v>
      </c>
      <c r="I49344" s="1" t="s">
        <v>165942</v>
      </c>
      <c r="J49344" s="1" t="s">
        <v>167230</v>
      </c>
    </row>
    <row r="49345" spans="1:10" x14ac:dyDescent="0.35">
      <c r="A49345" s="1" t="s">
        <v>140</v>
      </c>
      <c r="B49345" s="1" t="s">
        <v>165936</v>
      </c>
      <c r="C49345" s="1" t="s">
        <v>50</v>
      </c>
      <c r="D49345" s="1" t="s">
        <v>167231</v>
      </c>
      <c r="E49345" s="1" t="s">
        <v>167232</v>
      </c>
      <c r="F49345" s="1" t="s">
        <v>167233</v>
      </c>
      <c r="G49345" s="1" t="s">
        <v>167207</v>
      </c>
      <c r="H49345" s="1" t="s">
        <v>167208</v>
      </c>
      <c r="I49345" s="1" t="s">
        <v>165942</v>
      </c>
      <c r="J49345" s="1" t="s">
        <v>167234</v>
      </c>
    </row>
    <row r="49346" spans="1:10" x14ac:dyDescent="0.35">
      <c r="A49346" s="1" t="s">
        <v>140</v>
      </c>
      <c r="B49346" s="1" t="s">
        <v>165936</v>
      </c>
      <c r="C49346" s="1" t="s">
        <v>55</v>
      </c>
      <c r="D49346" s="1" t="s">
        <v>167235</v>
      </c>
      <c r="E49346" s="1" t="s">
        <v>167236</v>
      </c>
      <c r="F49346" s="1" t="s">
        <v>167237</v>
      </c>
      <c r="G49346" s="1" t="s">
        <v>167207</v>
      </c>
      <c r="H49346" s="1" t="s">
        <v>167208</v>
      </c>
      <c r="I49346" s="1" t="s">
        <v>165942</v>
      </c>
      <c r="J49346" s="1" t="s">
        <v>167238</v>
      </c>
    </row>
    <row r="49347" spans="1:10" x14ac:dyDescent="0.35">
      <c r="A49347" s="1" t="s">
        <v>140</v>
      </c>
      <c r="B49347" s="1" t="s">
        <v>165936</v>
      </c>
      <c r="C49347" s="1" t="s">
        <v>60</v>
      </c>
      <c r="D49347" s="1" t="s">
        <v>101377</v>
      </c>
      <c r="E49347" s="1" t="s">
        <v>167239</v>
      </c>
      <c r="F49347" s="1" t="s">
        <v>167240</v>
      </c>
      <c r="G49347" s="1" t="s">
        <v>167207</v>
      </c>
      <c r="H49347" s="1" t="s">
        <v>167208</v>
      </c>
      <c r="I49347" s="1" t="s">
        <v>165942</v>
      </c>
      <c r="J49347" s="1" t="s">
        <v>167241</v>
      </c>
    </row>
    <row r="49348" spans="1:10" x14ac:dyDescent="0.35">
      <c r="A49348" s="1" t="s">
        <v>140</v>
      </c>
      <c r="B49348" s="1" t="s">
        <v>165936</v>
      </c>
      <c r="C49348" s="1" t="s">
        <v>65</v>
      </c>
      <c r="D49348" s="1" t="s">
        <v>167242</v>
      </c>
      <c r="E49348" s="1" t="s">
        <v>167243</v>
      </c>
      <c r="F49348" s="1" t="s">
        <v>167244</v>
      </c>
      <c r="G49348" s="1" t="s">
        <v>167207</v>
      </c>
      <c r="H49348" s="1" t="s">
        <v>167208</v>
      </c>
      <c r="I49348" s="1" t="s">
        <v>165942</v>
      </c>
      <c r="J49348" s="1" t="s">
        <v>167245</v>
      </c>
    </row>
    <row r="49349" spans="1:10" x14ac:dyDescent="0.35">
      <c r="A49349" s="1" t="s">
        <v>140</v>
      </c>
      <c r="B49349" s="1" t="s">
        <v>165936</v>
      </c>
      <c r="C49349" s="1" t="s">
        <v>70</v>
      </c>
      <c r="D49349" s="1" t="s">
        <v>167246</v>
      </c>
      <c r="E49349" s="1" t="s">
        <v>167247</v>
      </c>
      <c r="F49349" s="1" t="s">
        <v>167248</v>
      </c>
      <c r="G49349" s="1" t="s">
        <v>167207</v>
      </c>
      <c r="H49349" s="1" t="s">
        <v>167208</v>
      </c>
      <c r="I49349" s="1" t="s">
        <v>165942</v>
      </c>
      <c r="J49349" s="1" t="s">
        <v>167249</v>
      </c>
    </row>
    <row r="49350" spans="1:10" x14ac:dyDescent="0.35">
      <c r="A49350" s="1" t="s">
        <v>140</v>
      </c>
      <c r="B49350" s="1" t="s">
        <v>165936</v>
      </c>
      <c r="C49350" s="1" t="s">
        <v>75</v>
      </c>
      <c r="D49350" s="1" t="s">
        <v>8153</v>
      </c>
      <c r="E49350" s="1" t="s">
        <v>167250</v>
      </c>
      <c r="F49350" s="1" t="s">
        <v>167251</v>
      </c>
      <c r="G49350" s="1" t="s">
        <v>167207</v>
      </c>
      <c r="H49350" s="1" t="s">
        <v>167208</v>
      </c>
      <c r="I49350" s="1" t="s">
        <v>165942</v>
      </c>
      <c r="J49350" s="1" t="s">
        <v>167252</v>
      </c>
    </row>
    <row r="49351" spans="1:10" x14ac:dyDescent="0.35">
      <c r="A49351" s="1" t="s">
        <v>140</v>
      </c>
      <c r="B49351" s="1" t="s">
        <v>165936</v>
      </c>
      <c r="C49351" s="1" t="s">
        <v>80</v>
      </c>
      <c r="D49351" s="1" t="s">
        <v>167253</v>
      </c>
      <c r="E49351" s="1" t="s">
        <v>167254</v>
      </c>
      <c r="F49351" s="1" t="s">
        <v>167255</v>
      </c>
      <c r="G49351" s="1" t="s">
        <v>167207</v>
      </c>
      <c r="H49351" s="1" t="s">
        <v>167208</v>
      </c>
      <c r="I49351" s="1" t="s">
        <v>165942</v>
      </c>
      <c r="J49351" s="1" t="s">
        <v>167256</v>
      </c>
    </row>
    <row r="49352" spans="1:10" x14ac:dyDescent="0.35">
      <c r="A49352" s="1" t="s">
        <v>140</v>
      </c>
      <c r="B49352" s="1" t="s">
        <v>165936</v>
      </c>
      <c r="C49352" s="1" t="s">
        <v>85</v>
      </c>
      <c r="D49352" s="1" t="s">
        <v>21675</v>
      </c>
      <c r="E49352" s="1" t="s">
        <v>167257</v>
      </c>
      <c r="F49352" s="1" t="s">
        <v>167258</v>
      </c>
      <c r="G49352" s="1" t="s">
        <v>167207</v>
      </c>
      <c r="H49352" s="1" t="s">
        <v>167208</v>
      </c>
      <c r="I49352" s="1" t="s">
        <v>165942</v>
      </c>
      <c r="J49352" s="1" t="s">
        <v>167259</v>
      </c>
    </row>
    <row r="49353" spans="1:10" x14ac:dyDescent="0.35">
      <c r="A49353" s="1" t="s">
        <v>140</v>
      </c>
      <c r="B49353" s="1" t="s">
        <v>165936</v>
      </c>
      <c r="C49353" s="1" t="s">
        <v>90</v>
      </c>
      <c r="D49353" s="1" t="s">
        <v>61416</v>
      </c>
      <c r="E49353" s="1" t="s">
        <v>167260</v>
      </c>
      <c r="F49353" s="1" t="s">
        <v>167261</v>
      </c>
      <c r="G49353" s="1" t="s">
        <v>167207</v>
      </c>
      <c r="H49353" s="1" t="s">
        <v>167208</v>
      </c>
      <c r="I49353" s="1" t="s">
        <v>165942</v>
      </c>
      <c r="J49353" s="1" t="s">
        <v>167262</v>
      </c>
    </row>
    <row r="49354" spans="1:10" x14ac:dyDescent="0.35">
      <c r="A49354" s="1" t="s">
        <v>140</v>
      </c>
      <c r="B49354" s="1" t="s">
        <v>165936</v>
      </c>
      <c r="C49354" s="1" t="s">
        <v>95</v>
      </c>
      <c r="D49354" s="1" t="s">
        <v>167263</v>
      </c>
      <c r="E49354" s="1" t="s">
        <v>167264</v>
      </c>
      <c r="F49354" s="1" t="s">
        <v>167265</v>
      </c>
      <c r="G49354" s="1" t="s">
        <v>167207</v>
      </c>
      <c r="H49354" s="1" t="s">
        <v>167208</v>
      </c>
      <c r="I49354" s="1" t="s">
        <v>165942</v>
      </c>
      <c r="J49354" s="1" t="s">
        <v>167266</v>
      </c>
    </row>
    <row r="49355" spans="1:10" x14ac:dyDescent="0.35">
      <c r="A49355" s="1" t="s">
        <v>140</v>
      </c>
      <c r="B49355" s="1" t="s">
        <v>165936</v>
      </c>
      <c r="C49355" s="1" t="s">
        <v>100</v>
      </c>
      <c r="D49355" s="1" t="s">
        <v>167267</v>
      </c>
      <c r="E49355" s="1" t="s">
        <v>167268</v>
      </c>
      <c r="F49355" s="1" t="s">
        <v>167269</v>
      </c>
      <c r="G49355" s="1" t="s">
        <v>167207</v>
      </c>
      <c r="H49355" s="1" t="s">
        <v>167208</v>
      </c>
      <c r="I49355" s="1" t="s">
        <v>165942</v>
      </c>
      <c r="J49355" s="1" t="s">
        <v>167270</v>
      </c>
    </row>
    <row r="49356" spans="1:10" x14ac:dyDescent="0.35">
      <c r="A49356" s="1" t="s">
        <v>140</v>
      </c>
      <c r="B49356" s="1" t="s">
        <v>165936</v>
      </c>
      <c r="C49356" s="1" t="s">
        <v>105</v>
      </c>
      <c r="D49356" s="1" t="s">
        <v>167271</v>
      </c>
      <c r="E49356" s="1" t="s">
        <v>167272</v>
      </c>
      <c r="F49356" s="1" t="s">
        <v>167273</v>
      </c>
      <c r="G49356" s="1" t="s">
        <v>167207</v>
      </c>
      <c r="H49356" s="1" t="s">
        <v>167208</v>
      </c>
      <c r="I49356" s="1" t="s">
        <v>165942</v>
      </c>
      <c r="J49356" s="1" t="s">
        <v>167274</v>
      </c>
    </row>
    <row r="49357" spans="1:10" x14ac:dyDescent="0.35">
      <c r="A49357" s="1" t="s">
        <v>140</v>
      </c>
      <c r="B49357" s="1" t="s">
        <v>165936</v>
      </c>
      <c r="C49357" s="1" t="s">
        <v>110</v>
      </c>
      <c r="D49357" s="1" t="s">
        <v>167275</v>
      </c>
      <c r="E49357" s="1" t="s">
        <v>167276</v>
      </c>
      <c r="F49357" s="1" t="s">
        <v>167277</v>
      </c>
      <c r="G49357" s="1" t="s">
        <v>167207</v>
      </c>
      <c r="H49357" s="1" t="s">
        <v>167208</v>
      </c>
      <c r="I49357" s="1" t="s">
        <v>165942</v>
      </c>
      <c r="J49357" s="1" t="s">
        <v>167278</v>
      </c>
    </row>
    <row r="49358" spans="1:10" x14ac:dyDescent="0.35">
      <c r="A49358" s="1" t="s">
        <v>140</v>
      </c>
      <c r="B49358" s="1" t="s">
        <v>165936</v>
      </c>
      <c r="C49358" s="1" t="s">
        <v>115</v>
      </c>
      <c r="D49358" s="1" t="s">
        <v>167279</v>
      </c>
      <c r="E49358" s="1" t="s">
        <v>167280</v>
      </c>
      <c r="F49358" s="1" t="s">
        <v>167281</v>
      </c>
      <c r="G49358" s="1" t="s">
        <v>167207</v>
      </c>
      <c r="H49358" s="1" t="s">
        <v>167208</v>
      </c>
      <c r="I49358" s="1" t="s">
        <v>165942</v>
      </c>
      <c r="J49358" s="1" t="s">
        <v>167282</v>
      </c>
    </row>
    <row r="49359" spans="1:10" x14ac:dyDescent="0.35">
      <c r="A49359" s="1" t="s">
        <v>140</v>
      </c>
      <c r="B49359" s="1" t="s">
        <v>165936</v>
      </c>
      <c r="C49359" s="1" t="s">
        <v>120</v>
      </c>
      <c r="D49359" s="1" t="s">
        <v>167283</v>
      </c>
      <c r="E49359" s="1" t="s">
        <v>167284</v>
      </c>
      <c r="F49359" s="1" t="s">
        <v>167285</v>
      </c>
      <c r="G49359" s="1" t="s">
        <v>167207</v>
      </c>
      <c r="H49359" s="1" t="s">
        <v>167208</v>
      </c>
      <c r="I49359" s="1" t="s">
        <v>165942</v>
      </c>
      <c r="J49359" s="1" t="s">
        <v>167286</v>
      </c>
    </row>
    <row r="49360" spans="1:10" x14ac:dyDescent="0.35">
      <c r="A49360" s="1" t="s">
        <v>140</v>
      </c>
      <c r="B49360" s="1" t="s">
        <v>165936</v>
      </c>
      <c r="C49360" s="1" t="s">
        <v>125</v>
      </c>
      <c r="D49360" s="1" t="s">
        <v>167287</v>
      </c>
      <c r="E49360" s="1" t="s">
        <v>167288</v>
      </c>
      <c r="F49360" s="1" t="s">
        <v>167289</v>
      </c>
      <c r="G49360" s="1" t="s">
        <v>167207</v>
      </c>
      <c r="H49360" s="1" t="s">
        <v>167208</v>
      </c>
      <c r="I49360" s="1" t="s">
        <v>165942</v>
      </c>
      <c r="J49360" s="1" t="s">
        <v>167290</v>
      </c>
    </row>
    <row r="49361" spans="1:10" x14ac:dyDescent="0.35">
      <c r="A49361" s="1" t="s">
        <v>140</v>
      </c>
      <c r="B49361" s="1" t="s">
        <v>165936</v>
      </c>
      <c r="C49361" s="1" t="s">
        <v>130</v>
      </c>
      <c r="D49361" s="1" t="s">
        <v>167291</v>
      </c>
      <c r="E49361" s="1" t="s">
        <v>167292</v>
      </c>
      <c r="F49361" s="1" t="s">
        <v>167293</v>
      </c>
      <c r="G49361" s="1" t="s">
        <v>167207</v>
      </c>
      <c r="H49361" s="1" t="s">
        <v>167208</v>
      </c>
      <c r="I49361" s="1" t="s">
        <v>165942</v>
      </c>
      <c r="J49361" s="1" t="s">
        <v>167294</v>
      </c>
    </row>
    <row r="49362" spans="1:10" x14ac:dyDescent="0.35">
      <c r="A49362" s="1" t="s">
        <v>140</v>
      </c>
      <c r="B49362" s="1" t="s">
        <v>165936</v>
      </c>
      <c r="C49362" s="1" t="s">
        <v>135</v>
      </c>
      <c r="D49362" s="1" t="s">
        <v>167295</v>
      </c>
      <c r="E49362" s="1" t="s">
        <v>167296</v>
      </c>
      <c r="F49362" s="1" t="s">
        <v>167297</v>
      </c>
      <c r="G49362" s="1" t="s">
        <v>167207</v>
      </c>
      <c r="H49362" s="1" t="s">
        <v>167208</v>
      </c>
      <c r="I49362" s="1" t="s">
        <v>165942</v>
      </c>
      <c r="J49362" s="1" t="s">
        <v>167298</v>
      </c>
    </row>
    <row r="49363" spans="1:10" x14ac:dyDescent="0.35">
      <c r="A49363" s="1" t="s">
        <v>140</v>
      </c>
      <c r="B49363" s="1" t="s">
        <v>165936</v>
      </c>
      <c r="C49363" s="1" t="s">
        <v>140</v>
      </c>
      <c r="D49363" s="1" t="s">
        <v>167299</v>
      </c>
      <c r="E49363" s="1" t="s">
        <v>167300</v>
      </c>
      <c r="F49363" s="1" t="s">
        <v>167301</v>
      </c>
      <c r="G49363" s="1" t="s">
        <v>167207</v>
      </c>
      <c r="H49363" s="1" t="s">
        <v>167208</v>
      </c>
      <c r="I49363" s="1" t="s">
        <v>165942</v>
      </c>
      <c r="J49363" s="1" t="s">
        <v>167302</v>
      </c>
    </row>
    <row r="49364" spans="1:10" x14ac:dyDescent="0.35">
      <c r="A49364" s="1" t="s">
        <v>140</v>
      </c>
      <c r="B49364" s="1" t="s">
        <v>165936</v>
      </c>
      <c r="C49364" s="1" t="s">
        <v>145</v>
      </c>
      <c r="D49364" s="1" t="s">
        <v>61444</v>
      </c>
      <c r="E49364" s="1" t="s">
        <v>167303</v>
      </c>
      <c r="F49364" s="1" t="s">
        <v>167304</v>
      </c>
      <c r="G49364" s="1" t="s">
        <v>167207</v>
      </c>
      <c r="H49364" s="1" t="s">
        <v>167208</v>
      </c>
      <c r="I49364" s="1" t="s">
        <v>165942</v>
      </c>
      <c r="J49364" s="1" t="s">
        <v>167305</v>
      </c>
    </row>
    <row r="49365" spans="1:10" x14ac:dyDescent="0.35">
      <c r="A49365" s="1" t="s">
        <v>140</v>
      </c>
      <c r="B49365" s="1" t="s">
        <v>165936</v>
      </c>
      <c r="C49365" s="1" t="s">
        <v>150</v>
      </c>
      <c r="D49365" s="1" t="s">
        <v>167306</v>
      </c>
      <c r="E49365" s="1" t="s">
        <v>167307</v>
      </c>
      <c r="F49365" s="1" t="s">
        <v>167308</v>
      </c>
      <c r="G49365" s="1" t="s">
        <v>167207</v>
      </c>
      <c r="H49365" s="1" t="s">
        <v>167208</v>
      </c>
      <c r="I49365" s="1" t="s">
        <v>165942</v>
      </c>
      <c r="J49365" s="1" t="s">
        <v>167309</v>
      </c>
    </row>
    <row r="49366" spans="1:10" x14ac:dyDescent="0.35">
      <c r="A49366" s="1" t="s">
        <v>140</v>
      </c>
      <c r="B49366" s="1" t="s">
        <v>165936</v>
      </c>
      <c r="C49366" s="1" t="s">
        <v>155</v>
      </c>
      <c r="D49366" s="1" t="s">
        <v>167310</v>
      </c>
      <c r="E49366" s="1" t="s">
        <v>167311</v>
      </c>
      <c r="F49366" s="1" t="s">
        <v>167312</v>
      </c>
      <c r="G49366" s="1" t="s">
        <v>167207</v>
      </c>
      <c r="H49366" s="1" t="s">
        <v>167208</v>
      </c>
      <c r="I49366" s="1" t="s">
        <v>165942</v>
      </c>
      <c r="J49366" s="1" t="s">
        <v>167313</v>
      </c>
    </row>
    <row r="49367" spans="1:10" x14ac:dyDescent="0.35">
      <c r="A49367" s="1" t="s">
        <v>140</v>
      </c>
      <c r="B49367" s="1" t="s">
        <v>165936</v>
      </c>
      <c r="C49367" s="1" t="s">
        <v>160</v>
      </c>
      <c r="D49367" s="1" t="s">
        <v>167314</v>
      </c>
      <c r="E49367" s="1" t="s">
        <v>167315</v>
      </c>
      <c r="F49367" s="1" t="s">
        <v>167316</v>
      </c>
      <c r="G49367" s="1" t="s">
        <v>167207</v>
      </c>
      <c r="H49367" s="1" t="s">
        <v>167208</v>
      </c>
      <c r="I49367" s="1" t="s">
        <v>165942</v>
      </c>
      <c r="J49367" s="1" t="s">
        <v>167317</v>
      </c>
    </row>
    <row r="49368" spans="1:10" x14ac:dyDescent="0.35">
      <c r="A49368" s="1" t="s">
        <v>140</v>
      </c>
      <c r="B49368" s="1" t="s">
        <v>165936</v>
      </c>
      <c r="C49368" s="1" t="s">
        <v>165</v>
      </c>
      <c r="D49368" s="1" t="s">
        <v>59617</v>
      </c>
      <c r="E49368" s="1" t="s">
        <v>167318</v>
      </c>
      <c r="F49368" s="1" t="s">
        <v>167319</v>
      </c>
      <c r="G49368" s="1" t="s">
        <v>167207</v>
      </c>
      <c r="H49368" s="1" t="s">
        <v>167208</v>
      </c>
      <c r="I49368" s="1" t="s">
        <v>165942</v>
      </c>
      <c r="J49368" s="1" t="s">
        <v>167320</v>
      </c>
    </row>
    <row r="49369" spans="1:10" x14ac:dyDescent="0.35">
      <c r="A49369" s="1" t="s">
        <v>140</v>
      </c>
      <c r="B49369" s="1" t="s">
        <v>165936</v>
      </c>
      <c r="C49369" s="1" t="s">
        <v>170</v>
      </c>
      <c r="D49369" s="1" t="s">
        <v>167321</v>
      </c>
      <c r="E49369" s="1" t="s">
        <v>167322</v>
      </c>
      <c r="F49369" s="1" t="s">
        <v>167323</v>
      </c>
      <c r="G49369" s="1" t="s">
        <v>167207</v>
      </c>
      <c r="H49369" s="1" t="s">
        <v>167208</v>
      </c>
      <c r="I49369" s="1" t="s">
        <v>165942</v>
      </c>
      <c r="J49369" s="1" t="s">
        <v>167324</v>
      </c>
    </row>
    <row r="49370" spans="1:10" x14ac:dyDescent="0.35">
      <c r="A49370" s="1" t="s">
        <v>145</v>
      </c>
      <c r="B49370" s="1" t="s">
        <v>165936</v>
      </c>
      <c r="C49370" s="1" t="s">
        <v>8</v>
      </c>
      <c r="D49370" s="1" t="s">
        <v>78553</v>
      </c>
      <c r="E49370" s="1" t="s">
        <v>167325</v>
      </c>
      <c r="F49370" s="1" t="s">
        <v>167326</v>
      </c>
      <c r="G49370" s="1" t="s">
        <v>167327</v>
      </c>
      <c r="H49370" s="1" t="s">
        <v>167328</v>
      </c>
      <c r="I49370" s="1" t="s">
        <v>165942</v>
      </c>
      <c r="J49370" s="1" t="s">
        <v>13</v>
      </c>
    </row>
    <row r="49371" spans="1:10" x14ac:dyDescent="0.35">
      <c r="A49371" s="1" t="s">
        <v>145</v>
      </c>
      <c r="B49371" s="1" t="s">
        <v>165936</v>
      </c>
      <c r="C49371" s="1" t="s">
        <v>15</v>
      </c>
      <c r="D49371" s="1" t="s">
        <v>167329</v>
      </c>
      <c r="E49371" s="1" t="s">
        <v>167330</v>
      </c>
      <c r="F49371" s="1" t="s">
        <v>167331</v>
      </c>
      <c r="G49371" s="1" t="s">
        <v>167327</v>
      </c>
      <c r="H49371" s="1" t="s">
        <v>167328</v>
      </c>
      <c r="I49371" s="1" t="s">
        <v>165942</v>
      </c>
      <c r="J49371" s="1" t="s">
        <v>167332</v>
      </c>
    </row>
    <row r="49372" spans="1:10" x14ac:dyDescent="0.35">
      <c r="A49372" s="1" t="s">
        <v>145</v>
      </c>
      <c r="B49372" s="1" t="s">
        <v>165936</v>
      </c>
      <c r="C49372" s="1" t="s">
        <v>20</v>
      </c>
      <c r="D49372" s="1" t="s">
        <v>167333</v>
      </c>
      <c r="E49372" s="1" t="s">
        <v>167334</v>
      </c>
      <c r="F49372" s="1" t="s">
        <v>167335</v>
      </c>
      <c r="G49372" s="1" t="s">
        <v>167327</v>
      </c>
      <c r="H49372" s="1" t="s">
        <v>167328</v>
      </c>
      <c r="I49372" s="1" t="s">
        <v>165942</v>
      </c>
      <c r="J49372" s="1" t="s">
        <v>167336</v>
      </c>
    </row>
    <row r="49373" spans="1:10" x14ac:dyDescent="0.35">
      <c r="A49373" s="1" t="s">
        <v>145</v>
      </c>
      <c r="B49373" s="1" t="s">
        <v>165936</v>
      </c>
      <c r="C49373" s="1" t="s">
        <v>25</v>
      </c>
      <c r="D49373" s="1" t="s">
        <v>59258</v>
      </c>
      <c r="E49373" s="1" t="s">
        <v>167337</v>
      </c>
      <c r="F49373" s="1" t="s">
        <v>167338</v>
      </c>
      <c r="G49373" s="1" t="s">
        <v>167327</v>
      </c>
      <c r="H49373" s="1" t="s">
        <v>167328</v>
      </c>
      <c r="I49373" s="1" t="s">
        <v>165942</v>
      </c>
      <c r="J49373" s="1" t="s">
        <v>167339</v>
      </c>
    </row>
    <row r="49374" spans="1:10" x14ac:dyDescent="0.35">
      <c r="A49374" s="1" t="s">
        <v>145</v>
      </c>
      <c r="B49374" s="1" t="s">
        <v>165936</v>
      </c>
      <c r="C49374" s="1" t="s">
        <v>30</v>
      </c>
      <c r="D49374" s="1" t="s">
        <v>98594</v>
      </c>
      <c r="E49374" s="1" t="s">
        <v>167340</v>
      </c>
      <c r="F49374" s="1" t="s">
        <v>167341</v>
      </c>
      <c r="G49374" s="1" t="s">
        <v>167327</v>
      </c>
      <c r="H49374" s="1" t="s">
        <v>167328</v>
      </c>
      <c r="I49374" s="1" t="s">
        <v>165942</v>
      </c>
      <c r="J49374" s="1" t="s">
        <v>167342</v>
      </c>
    </row>
    <row r="49375" spans="1:10" x14ac:dyDescent="0.35">
      <c r="A49375" s="1" t="s">
        <v>145</v>
      </c>
      <c r="B49375" s="1" t="s">
        <v>165936</v>
      </c>
      <c r="C49375" s="1" t="s">
        <v>35</v>
      </c>
      <c r="D49375" s="1" t="s">
        <v>167343</v>
      </c>
      <c r="E49375" s="1" t="s">
        <v>167344</v>
      </c>
      <c r="F49375" s="1" t="s">
        <v>167345</v>
      </c>
      <c r="G49375" s="1" t="s">
        <v>167327</v>
      </c>
      <c r="H49375" s="1" t="s">
        <v>167328</v>
      </c>
      <c r="I49375" s="1" t="s">
        <v>165942</v>
      </c>
      <c r="J49375" s="1" t="s">
        <v>167346</v>
      </c>
    </row>
    <row r="49376" spans="1:10" x14ac:dyDescent="0.35">
      <c r="A49376" s="1" t="s">
        <v>145</v>
      </c>
      <c r="B49376" s="1" t="s">
        <v>165936</v>
      </c>
      <c r="C49376" s="1" t="s">
        <v>40</v>
      </c>
      <c r="D49376" s="1" t="s">
        <v>167347</v>
      </c>
      <c r="E49376" s="1" t="s">
        <v>167348</v>
      </c>
      <c r="F49376" s="1" t="s">
        <v>167349</v>
      </c>
      <c r="G49376" s="1" t="s">
        <v>167327</v>
      </c>
      <c r="H49376" s="1" t="s">
        <v>167328</v>
      </c>
      <c r="I49376" s="1" t="s">
        <v>165942</v>
      </c>
      <c r="J49376" s="1" t="s">
        <v>39571</v>
      </c>
    </row>
    <row r="49377" spans="1:10" x14ac:dyDescent="0.35">
      <c r="A49377" s="1" t="s">
        <v>145</v>
      </c>
      <c r="B49377" s="1" t="s">
        <v>165936</v>
      </c>
      <c r="C49377" s="1" t="s">
        <v>45</v>
      </c>
      <c r="D49377" s="1" t="s">
        <v>57467</v>
      </c>
      <c r="E49377" s="1" t="s">
        <v>167350</v>
      </c>
      <c r="F49377" s="1" t="s">
        <v>167351</v>
      </c>
      <c r="G49377" s="1" t="s">
        <v>167327</v>
      </c>
      <c r="H49377" s="1" t="s">
        <v>167328</v>
      </c>
      <c r="I49377" s="1" t="s">
        <v>165942</v>
      </c>
      <c r="J49377" s="1" t="s">
        <v>167352</v>
      </c>
    </row>
    <row r="49378" spans="1:10" x14ac:dyDescent="0.35">
      <c r="A49378" s="1" t="s">
        <v>145</v>
      </c>
      <c r="B49378" s="1" t="s">
        <v>165936</v>
      </c>
      <c r="C49378" s="1" t="s">
        <v>50</v>
      </c>
      <c r="D49378" s="1" t="s">
        <v>138162</v>
      </c>
      <c r="E49378" s="1" t="s">
        <v>167353</v>
      </c>
      <c r="F49378" s="1" t="s">
        <v>167354</v>
      </c>
      <c r="G49378" s="1" t="s">
        <v>167327</v>
      </c>
      <c r="H49378" s="1" t="s">
        <v>167328</v>
      </c>
      <c r="I49378" s="1" t="s">
        <v>165942</v>
      </c>
      <c r="J49378" s="1" t="s">
        <v>167355</v>
      </c>
    </row>
    <row r="49379" spans="1:10" x14ac:dyDescent="0.35">
      <c r="A49379" s="1" t="s">
        <v>145</v>
      </c>
      <c r="B49379" s="1" t="s">
        <v>165936</v>
      </c>
      <c r="C49379" s="1" t="s">
        <v>55</v>
      </c>
      <c r="D49379" s="1" t="s">
        <v>127806</v>
      </c>
      <c r="E49379" s="1" t="s">
        <v>167356</v>
      </c>
      <c r="F49379" s="1" t="s">
        <v>167357</v>
      </c>
      <c r="G49379" s="1" t="s">
        <v>167327</v>
      </c>
      <c r="H49379" s="1" t="s">
        <v>167328</v>
      </c>
      <c r="I49379" s="1" t="s">
        <v>165942</v>
      </c>
      <c r="J49379" s="1" t="s">
        <v>167358</v>
      </c>
    </row>
    <row r="49380" spans="1:10" x14ac:dyDescent="0.35">
      <c r="A49380" s="1" t="s">
        <v>145</v>
      </c>
      <c r="B49380" s="1" t="s">
        <v>165936</v>
      </c>
      <c r="C49380" s="1" t="s">
        <v>60</v>
      </c>
      <c r="D49380" s="1" t="s">
        <v>97853</v>
      </c>
      <c r="E49380" s="1" t="s">
        <v>167359</v>
      </c>
      <c r="F49380" s="1" t="s">
        <v>167360</v>
      </c>
      <c r="G49380" s="1" t="s">
        <v>167327</v>
      </c>
      <c r="H49380" s="1" t="s">
        <v>167328</v>
      </c>
      <c r="I49380" s="1" t="s">
        <v>165942</v>
      </c>
      <c r="J49380" s="1" t="s">
        <v>167361</v>
      </c>
    </row>
    <row r="49381" spans="1:10" x14ac:dyDescent="0.35">
      <c r="A49381" s="1" t="s">
        <v>145</v>
      </c>
      <c r="B49381" s="1" t="s">
        <v>165936</v>
      </c>
      <c r="C49381" s="1" t="s">
        <v>65</v>
      </c>
      <c r="D49381" s="1" t="s">
        <v>63319</v>
      </c>
      <c r="E49381" s="1" t="s">
        <v>167362</v>
      </c>
      <c r="F49381" s="1" t="s">
        <v>167363</v>
      </c>
      <c r="G49381" s="1" t="s">
        <v>167327</v>
      </c>
      <c r="H49381" s="1" t="s">
        <v>167328</v>
      </c>
      <c r="I49381" s="1" t="s">
        <v>165942</v>
      </c>
      <c r="J49381" s="1" t="s">
        <v>167364</v>
      </c>
    </row>
    <row r="49382" spans="1:10" x14ac:dyDescent="0.35">
      <c r="A49382" s="1" t="s">
        <v>145</v>
      </c>
      <c r="B49382" s="1" t="s">
        <v>165936</v>
      </c>
      <c r="C49382" s="1" t="s">
        <v>70</v>
      </c>
      <c r="D49382" s="1" t="s">
        <v>167365</v>
      </c>
      <c r="E49382" s="1" t="s">
        <v>167366</v>
      </c>
      <c r="F49382" s="1" t="s">
        <v>167367</v>
      </c>
      <c r="G49382" s="1" t="s">
        <v>167327</v>
      </c>
      <c r="H49382" s="1" t="s">
        <v>167328</v>
      </c>
      <c r="I49382" s="1" t="s">
        <v>165942</v>
      </c>
      <c r="J49382" s="1" t="s">
        <v>167368</v>
      </c>
    </row>
    <row r="49383" spans="1:10" x14ac:dyDescent="0.35">
      <c r="A49383" s="1" t="s">
        <v>145</v>
      </c>
      <c r="B49383" s="1" t="s">
        <v>165936</v>
      </c>
      <c r="C49383" s="1" t="s">
        <v>75</v>
      </c>
      <c r="D49383" s="1" t="s">
        <v>167369</v>
      </c>
      <c r="E49383" s="1" t="s">
        <v>167370</v>
      </c>
      <c r="F49383" s="1" t="s">
        <v>167371</v>
      </c>
      <c r="G49383" s="1" t="s">
        <v>167327</v>
      </c>
      <c r="H49383" s="1" t="s">
        <v>167328</v>
      </c>
      <c r="I49383" s="1" t="s">
        <v>165942</v>
      </c>
      <c r="J49383" s="1" t="s">
        <v>167372</v>
      </c>
    </row>
    <row r="49384" spans="1:10" x14ac:dyDescent="0.35">
      <c r="A49384" s="1" t="s">
        <v>145</v>
      </c>
      <c r="B49384" s="1" t="s">
        <v>165936</v>
      </c>
      <c r="C49384" s="1" t="s">
        <v>80</v>
      </c>
      <c r="D49384" s="1" t="s">
        <v>66563</v>
      </c>
      <c r="E49384" s="1" t="s">
        <v>167373</v>
      </c>
      <c r="F49384" s="1" t="s">
        <v>167374</v>
      </c>
      <c r="G49384" s="1" t="s">
        <v>167327</v>
      </c>
      <c r="H49384" s="1" t="s">
        <v>167328</v>
      </c>
      <c r="I49384" s="1" t="s">
        <v>165942</v>
      </c>
      <c r="J49384" s="1" t="s">
        <v>167375</v>
      </c>
    </row>
    <row r="49385" spans="1:10" x14ac:dyDescent="0.35">
      <c r="A49385" s="1" t="s">
        <v>145</v>
      </c>
      <c r="B49385" s="1" t="s">
        <v>165936</v>
      </c>
      <c r="C49385" s="1" t="s">
        <v>85</v>
      </c>
      <c r="D49385" s="1" t="s">
        <v>26396</v>
      </c>
      <c r="E49385" s="1" t="s">
        <v>167376</v>
      </c>
      <c r="F49385" s="1" t="s">
        <v>167377</v>
      </c>
      <c r="G49385" s="1" t="s">
        <v>167327</v>
      </c>
      <c r="H49385" s="1" t="s">
        <v>167328</v>
      </c>
      <c r="I49385" s="1" t="s">
        <v>165942</v>
      </c>
      <c r="J49385" s="1" t="s">
        <v>167378</v>
      </c>
    </row>
    <row r="49386" spans="1:10" x14ac:dyDescent="0.35">
      <c r="A49386" s="1" t="s">
        <v>145</v>
      </c>
      <c r="B49386" s="1" t="s">
        <v>165936</v>
      </c>
      <c r="C49386" s="1" t="s">
        <v>90</v>
      </c>
      <c r="D49386" s="1" t="s">
        <v>167379</v>
      </c>
      <c r="E49386" s="1" t="s">
        <v>167380</v>
      </c>
      <c r="F49386" s="1" t="s">
        <v>167381</v>
      </c>
      <c r="G49386" s="1" t="s">
        <v>167327</v>
      </c>
      <c r="H49386" s="1" t="s">
        <v>167328</v>
      </c>
      <c r="I49386" s="1" t="s">
        <v>165942</v>
      </c>
      <c r="J49386" s="1" t="s">
        <v>167382</v>
      </c>
    </row>
    <row r="49387" spans="1:10" x14ac:dyDescent="0.35">
      <c r="A49387" s="1" t="s">
        <v>145</v>
      </c>
      <c r="B49387" s="1" t="s">
        <v>165936</v>
      </c>
      <c r="C49387" s="1" t="s">
        <v>95</v>
      </c>
      <c r="D49387" s="1" t="s">
        <v>99670</v>
      </c>
      <c r="E49387" s="1" t="s">
        <v>167383</v>
      </c>
      <c r="F49387" s="1" t="s">
        <v>167384</v>
      </c>
      <c r="G49387" s="1" t="s">
        <v>167327</v>
      </c>
      <c r="H49387" s="1" t="s">
        <v>167328</v>
      </c>
      <c r="I49387" s="1" t="s">
        <v>165942</v>
      </c>
      <c r="J49387" s="1" t="s">
        <v>167385</v>
      </c>
    </row>
    <row r="49388" spans="1:10" x14ac:dyDescent="0.35">
      <c r="A49388" s="1" t="s">
        <v>145</v>
      </c>
      <c r="B49388" s="1" t="s">
        <v>165936</v>
      </c>
      <c r="C49388" s="1" t="s">
        <v>100</v>
      </c>
      <c r="D49388" s="1" t="s">
        <v>90265</v>
      </c>
      <c r="E49388" s="1" t="s">
        <v>167386</v>
      </c>
      <c r="F49388" s="1" t="s">
        <v>167387</v>
      </c>
      <c r="G49388" s="1" t="s">
        <v>167327</v>
      </c>
      <c r="H49388" s="1" t="s">
        <v>167328</v>
      </c>
      <c r="I49388" s="1" t="s">
        <v>165942</v>
      </c>
      <c r="J49388" s="1" t="s">
        <v>167388</v>
      </c>
    </row>
    <row r="49389" spans="1:10" x14ac:dyDescent="0.35">
      <c r="A49389" s="1" t="s">
        <v>145</v>
      </c>
      <c r="B49389" s="1" t="s">
        <v>165936</v>
      </c>
      <c r="C49389" s="1" t="s">
        <v>105</v>
      </c>
      <c r="D49389" s="1" t="s">
        <v>167389</v>
      </c>
      <c r="E49389" s="1" t="s">
        <v>167390</v>
      </c>
      <c r="F49389" s="1" t="s">
        <v>167391</v>
      </c>
      <c r="G49389" s="1" t="s">
        <v>167327</v>
      </c>
      <c r="H49389" s="1" t="s">
        <v>167328</v>
      </c>
      <c r="I49389" s="1" t="s">
        <v>165942</v>
      </c>
      <c r="J49389" s="1" t="s">
        <v>167392</v>
      </c>
    </row>
    <row r="49390" spans="1:10" x14ac:dyDescent="0.35">
      <c r="A49390" s="1" t="s">
        <v>145</v>
      </c>
      <c r="B49390" s="1" t="s">
        <v>165936</v>
      </c>
      <c r="C49390" s="1" t="s">
        <v>110</v>
      </c>
      <c r="D49390" s="1" t="s">
        <v>167393</v>
      </c>
      <c r="E49390" s="1" t="s">
        <v>167394</v>
      </c>
      <c r="F49390" s="1" t="s">
        <v>167395</v>
      </c>
      <c r="G49390" s="1" t="s">
        <v>167327</v>
      </c>
      <c r="H49390" s="1" t="s">
        <v>167328</v>
      </c>
      <c r="I49390" s="1" t="s">
        <v>165942</v>
      </c>
      <c r="J49390" s="1" t="s">
        <v>167396</v>
      </c>
    </row>
    <row r="49391" spans="1:10" x14ac:dyDescent="0.35">
      <c r="A49391" s="1" t="s">
        <v>145</v>
      </c>
      <c r="B49391" s="1" t="s">
        <v>165936</v>
      </c>
      <c r="C49391" s="1" t="s">
        <v>115</v>
      </c>
      <c r="D49391" s="1" t="s">
        <v>79201</v>
      </c>
      <c r="E49391" s="1" t="s">
        <v>167397</v>
      </c>
      <c r="F49391" s="1" t="s">
        <v>167398</v>
      </c>
      <c r="G49391" s="1" t="s">
        <v>167327</v>
      </c>
      <c r="H49391" s="1" t="s">
        <v>167328</v>
      </c>
      <c r="I49391" s="1" t="s">
        <v>165942</v>
      </c>
      <c r="J49391" s="1" t="s">
        <v>167399</v>
      </c>
    </row>
    <row r="49392" spans="1:10" x14ac:dyDescent="0.35">
      <c r="A49392" s="1" t="s">
        <v>145</v>
      </c>
      <c r="B49392" s="1" t="s">
        <v>165936</v>
      </c>
      <c r="C49392" s="1" t="s">
        <v>120</v>
      </c>
      <c r="D49392" s="1" t="s">
        <v>167400</v>
      </c>
      <c r="E49392" s="1" t="s">
        <v>167401</v>
      </c>
      <c r="F49392" s="1" t="s">
        <v>167402</v>
      </c>
      <c r="G49392" s="1" t="s">
        <v>167327</v>
      </c>
      <c r="H49392" s="1" t="s">
        <v>167328</v>
      </c>
      <c r="I49392" s="1" t="s">
        <v>165942</v>
      </c>
      <c r="J49392" s="1" t="s">
        <v>167403</v>
      </c>
    </row>
    <row r="49393" spans="1:10" x14ac:dyDescent="0.35">
      <c r="A49393" s="1" t="s">
        <v>145</v>
      </c>
      <c r="B49393" s="1" t="s">
        <v>165936</v>
      </c>
      <c r="C49393" s="1" t="s">
        <v>125</v>
      </c>
      <c r="D49393" s="1" t="s">
        <v>167404</v>
      </c>
      <c r="E49393" s="1" t="s">
        <v>167405</v>
      </c>
      <c r="F49393" s="1" t="s">
        <v>167406</v>
      </c>
      <c r="G49393" s="1" t="s">
        <v>167327</v>
      </c>
      <c r="H49393" s="1" t="s">
        <v>167328</v>
      </c>
      <c r="I49393" s="1" t="s">
        <v>165942</v>
      </c>
      <c r="J49393" s="1" t="s">
        <v>167407</v>
      </c>
    </row>
    <row r="49394" spans="1:10" x14ac:dyDescent="0.35">
      <c r="A49394" s="1" t="s">
        <v>145</v>
      </c>
      <c r="B49394" s="1" t="s">
        <v>165936</v>
      </c>
      <c r="C49394" s="1" t="s">
        <v>130</v>
      </c>
      <c r="D49394" s="1" t="s">
        <v>61866</v>
      </c>
      <c r="E49394" s="1" t="s">
        <v>167408</v>
      </c>
      <c r="F49394" s="1" t="s">
        <v>167409</v>
      </c>
      <c r="G49394" s="1" t="s">
        <v>167327</v>
      </c>
      <c r="H49394" s="1" t="s">
        <v>167328</v>
      </c>
      <c r="I49394" s="1" t="s">
        <v>165942</v>
      </c>
      <c r="J49394" s="1" t="s">
        <v>167410</v>
      </c>
    </row>
    <row r="49395" spans="1:10" x14ac:dyDescent="0.35">
      <c r="A49395" s="1" t="s">
        <v>145</v>
      </c>
      <c r="B49395" s="1" t="s">
        <v>165936</v>
      </c>
      <c r="C49395" s="1" t="s">
        <v>135</v>
      </c>
      <c r="D49395" s="1" t="s">
        <v>131766</v>
      </c>
      <c r="E49395" s="1" t="s">
        <v>167411</v>
      </c>
      <c r="F49395" s="1" t="s">
        <v>167412</v>
      </c>
      <c r="G49395" s="1" t="s">
        <v>167327</v>
      </c>
      <c r="H49395" s="1" t="s">
        <v>167328</v>
      </c>
      <c r="I49395" s="1" t="s">
        <v>165942</v>
      </c>
      <c r="J49395" s="1" t="s">
        <v>167413</v>
      </c>
    </row>
    <row r="49396" spans="1:10" x14ac:dyDescent="0.35">
      <c r="A49396" s="1" t="s">
        <v>145</v>
      </c>
      <c r="B49396" s="1" t="s">
        <v>165936</v>
      </c>
      <c r="C49396" s="1" t="s">
        <v>140</v>
      </c>
      <c r="D49396" s="1" t="s">
        <v>84328</v>
      </c>
      <c r="E49396" s="1" t="s">
        <v>167414</v>
      </c>
      <c r="F49396" s="1" t="s">
        <v>167415</v>
      </c>
      <c r="G49396" s="1" t="s">
        <v>167327</v>
      </c>
      <c r="H49396" s="1" t="s">
        <v>167328</v>
      </c>
      <c r="I49396" s="1" t="s">
        <v>165942</v>
      </c>
      <c r="J49396" s="1" t="s">
        <v>167416</v>
      </c>
    </row>
    <row r="49397" spans="1:10" x14ac:dyDescent="0.35">
      <c r="A49397" s="1" t="s">
        <v>145</v>
      </c>
      <c r="B49397" s="1" t="s">
        <v>165936</v>
      </c>
      <c r="C49397" s="1" t="s">
        <v>145</v>
      </c>
      <c r="D49397" s="1" t="s">
        <v>26902</v>
      </c>
      <c r="E49397" s="1" t="s">
        <v>167417</v>
      </c>
      <c r="F49397" s="1" t="s">
        <v>167418</v>
      </c>
      <c r="G49397" s="1" t="s">
        <v>167327</v>
      </c>
      <c r="H49397" s="1" t="s">
        <v>167328</v>
      </c>
      <c r="I49397" s="1" t="s">
        <v>165942</v>
      </c>
      <c r="J49397" s="1" t="s">
        <v>167419</v>
      </c>
    </row>
    <row r="49398" spans="1:10" x14ac:dyDescent="0.35">
      <c r="A49398" s="1" t="s">
        <v>145</v>
      </c>
      <c r="B49398" s="1" t="s">
        <v>165936</v>
      </c>
      <c r="C49398" s="1" t="s">
        <v>150</v>
      </c>
      <c r="D49398" s="1" t="s">
        <v>167420</v>
      </c>
      <c r="E49398" s="1" t="s">
        <v>167421</v>
      </c>
      <c r="F49398" s="1" t="s">
        <v>167422</v>
      </c>
      <c r="G49398" s="1" t="s">
        <v>167327</v>
      </c>
      <c r="H49398" s="1" t="s">
        <v>167328</v>
      </c>
      <c r="I49398" s="1" t="s">
        <v>165942</v>
      </c>
      <c r="J49398" s="1" t="s">
        <v>167423</v>
      </c>
    </row>
    <row r="49399" spans="1:10" x14ac:dyDescent="0.35">
      <c r="A49399" s="1" t="s">
        <v>145</v>
      </c>
      <c r="B49399" s="1" t="s">
        <v>165936</v>
      </c>
      <c r="C49399" s="1" t="s">
        <v>155</v>
      </c>
      <c r="D49399" s="1" t="s">
        <v>49317</v>
      </c>
      <c r="E49399" s="1" t="s">
        <v>167424</v>
      </c>
      <c r="F49399" s="1" t="s">
        <v>167425</v>
      </c>
      <c r="G49399" s="1" t="s">
        <v>167327</v>
      </c>
      <c r="H49399" s="1" t="s">
        <v>167328</v>
      </c>
      <c r="I49399" s="1" t="s">
        <v>165942</v>
      </c>
      <c r="J49399" s="1" t="s">
        <v>167426</v>
      </c>
    </row>
    <row r="49400" spans="1:10" x14ac:dyDescent="0.35">
      <c r="A49400" s="1" t="s">
        <v>145</v>
      </c>
      <c r="B49400" s="1" t="s">
        <v>165936</v>
      </c>
      <c r="C49400" s="1" t="s">
        <v>160</v>
      </c>
      <c r="D49400" s="1" t="s">
        <v>167427</v>
      </c>
      <c r="E49400" s="1" t="s">
        <v>167428</v>
      </c>
      <c r="F49400" s="1" t="s">
        <v>167429</v>
      </c>
      <c r="G49400" s="1" t="s">
        <v>167327</v>
      </c>
      <c r="H49400" s="1" t="s">
        <v>167328</v>
      </c>
      <c r="I49400" s="1" t="s">
        <v>165942</v>
      </c>
      <c r="J49400" s="1" t="s">
        <v>167430</v>
      </c>
    </row>
    <row r="49401" spans="1:10" x14ac:dyDescent="0.35">
      <c r="A49401" s="1" t="s">
        <v>145</v>
      </c>
      <c r="B49401" s="1" t="s">
        <v>165936</v>
      </c>
      <c r="C49401" s="1" t="s">
        <v>165</v>
      </c>
      <c r="D49401" s="1" t="s">
        <v>55026</v>
      </c>
      <c r="E49401" s="1" t="s">
        <v>167431</v>
      </c>
      <c r="F49401" s="1" t="s">
        <v>167432</v>
      </c>
      <c r="G49401" s="1" t="s">
        <v>167327</v>
      </c>
      <c r="H49401" s="1" t="s">
        <v>167328</v>
      </c>
      <c r="I49401" s="1" t="s">
        <v>165942</v>
      </c>
      <c r="J49401" s="1" t="s">
        <v>167433</v>
      </c>
    </row>
    <row r="49402" spans="1:10" x14ac:dyDescent="0.35">
      <c r="A49402" s="1" t="s">
        <v>145</v>
      </c>
      <c r="B49402" s="1" t="s">
        <v>165936</v>
      </c>
      <c r="C49402" s="1" t="s">
        <v>170</v>
      </c>
      <c r="D49402" s="1" t="s">
        <v>167434</v>
      </c>
      <c r="E49402" s="1" t="s">
        <v>167435</v>
      </c>
      <c r="F49402" s="1" t="s">
        <v>167436</v>
      </c>
      <c r="G49402" s="1" t="s">
        <v>167327</v>
      </c>
      <c r="H49402" s="1" t="s">
        <v>167328</v>
      </c>
      <c r="I49402" s="1" t="s">
        <v>165942</v>
      </c>
      <c r="J49402" s="1" t="s">
        <v>167437</v>
      </c>
    </row>
    <row r="49403" spans="1:10" x14ac:dyDescent="0.35">
      <c r="A49403" s="1" t="s">
        <v>150</v>
      </c>
      <c r="B49403" s="1" t="s">
        <v>165936</v>
      </c>
      <c r="C49403" s="1" t="s">
        <v>8</v>
      </c>
      <c r="D49403" s="1" t="s">
        <v>167438</v>
      </c>
      <c r="E49403" s="1" t="s">
        <v>167439</v>
      </c>
      <c r="F49403" s="1" t="s">
        <v>167440</v>
      </c>
      <c r="G49403" s="1" t="s">
        <v>167441</v>
      </c>
      <c r="H49403" s="1" t="s">
        <v>167442</v>
      </c>
      <c r="I49403" s="1" t="s">
        <v>165942</v>
      </c>
      <c r="J49403" s="1" t="s">
        <v>13</v>
      </c>
    </row>
    <row r="49404" spans="1:10" x14ac:dyDescent="0.35">
      <c r="A49404" s="1" t="s">
        <v>150</v>
      </c>
      <c r="B49404" s="1" t="s">
        <v>165936</v>
      </c>
      <c r="C49404" s="1" t="s">
        <v>15</v>
      </c>
      <c r="D49404" s="1" t="s">
        <v>167443</v>
      </c>
      <c r="E49404" s="1" t="s">
        <v>167444</v>
      </c>
      <c r="F49404" s="1" t="s">
        <v>167445</v>
      </c>
      <c r="G49404" s="1" t="s">
        <v>167441</v>
      </c>
      <c r="H49404" s="1" t="s">
        <v>167442</v>
      </c>
      <c r="I49404" s="1" t="s">
        <v>165942</v>
      </c>
      <c r="J49404" s="1" t="s">
        <v>167446</v>
      </c>
    </row>
    <row r="49405" spans="1:10" x14ac:dyDescent="0.35">
      <c r="A49405" s="1" t="s">
        <v>150</v>
      </c>
      <c r="B49405" s="1" t="s">
        <v>165936</v>
      </c>
      <c r="C49405" s="1" t="s">
        <v>20</v>
      </c>
      <c r="D49405" s="1" t="s">
        <v>52477</v>
      </c>
      <c r="E49405" s="1" t="s">
        <v>167447</v>
      </c>
      <c r="F49405" s="1" t="s">
        <v>167448</v>
      </c>
      <c r="G49405" s="1" t="s">
        <v>167441</v>
      </c>
      <c r="H49405" s="1" t="s">
        <v>167442</v>
      </c>
      <c r="I49405" s="1" t="s">
        <v>165942</v>
      </c>
      <c r="J49405" s="1" t="s">
        <v>167449</v>
      </c>
    </row>
    <row r="49406" spans="1:10" x14ac:dyDescent="0.35">
      <c r="A49406" s="1" t="s">
        <v>150</v>
      </c>
      <c r="B49406" s="1" t="s">
        <v>165936</v>
      </c>
      <c r="C49406" s="1" t="s">
        <v>25</v>
      </c>
      <c r="D49406" s="1" t="s">
        <v>100149</v>
      </c>
      <c r="E49406" s="1" t="s">
        <v>132039</v>
      </c>
      <c r="F49406" s="1" t="s">
        <v>167450</v>
      </c>
      <c r="G49406" s="1" t="s">
        <v>167441</v>
      </c>
      <c r="H49406" s="1" t="s">
        <v>167442</v>
      </c>
      <c r="I49406" s="1" t="s">
        <v>165942</v>
      </c>
      <c r="J49406" s="1" t="s">
        <v>167451</v>
      </c>
    </row>
    <row r="49407" spans="1:10" x14ac:dyDescent="0.35">
      <c r="A49407" s="1" t="s">
        <v>150</v>
      </c>
      <c r="B49407" s="1" t="s">
        <v>165936</v>
      </c>
      <c r="C49407" s="1" t="s">
        <v>30</v>
      </c>
      <c r="D49407" s="1" t="s">
        <v>62296</v>
      </c>
      <c r="E49407" s="1" t="s">
        <v>167452</v>
      </c>
      <c r="F49407" s="1" t="s">
        <v>167453</v>
      </c>
      <c r="G49407" s="1" t="s">
        <v>167441</v>
      </c>
      <c r="H49407" s="1" t="s">
        <v>167442</v>
      </c>
      <c r="I49407" s="1" t="s">
        <v>165942</v>
      </c>
      <c r="J49407" s="1" t="s">
        <v>167454</v>
      </c>
    </row>
    <row r="49408" spans="1:10" x14ac:dyDescent="0.35">
      <c r="A49408" s="1" t="s">
        <v>150</v>
      </c>
      <c r="B49408" s="1" t="s">
        <v>165936</v>
      </c>
      <c r="C49408" s="1" t="s">
        <v>35</v>
      </c>
      <c r="D49408" s="1" t="s">
        <v>107623</v>
      </c>
      <c r="E49408" s="1" t="s">
        <v>167455</v>
      </c>
      <c r="F49408" s="1" t="s">
        <v>167456</v>
      </c>
      <c r="G49408" s="1" t="s">
        <v>167441</v>
      </c>
      <c r="H49408" s="1" t="s">
        <v>167442</v>
      </c>
      <c r="I49408" s="1" t="s">
        <v>165942</v>
      </c>
      <c r="J49408" s="1" t="s">
        <v>167457</v>
      </c>
    </row>
    <row r="49409" spans="1:10" x14ac:dyDescent="0.35">
      <c r="A49409" s="1" t="s">
        <v>150</v>
      </c>
      <c r="B49409" s="1" t="s">
        <v>165936</v>
      </c>
      <c r="C49409" s="1" t="s">
        <v>40</v>
      </c>
      <c r="D49409" s="1" t="s">
        <v>167458</v>
      </c>
      <c r="E49409" s="1" t="s">
        <v>167459</v>
      </c>
      <c r="F49409" s="1" t="s">
        <v>167460</v>
      </c>
      <c r="G49409" s="1" t="s">
        <v>167441</v>
      </c>
      <c r="H49409" s="1" t="s">
        <v>167442</v>
      </c>
      <c r="I49409" s="1" t="s">
        <v>165942</v>
      </c>
      <c r="J49409" s="1" t="s">
        <v>167461</v>
      </c>
    </row>
    <row r="49410" spans="1:10" x14ac:dyDescent="0.35">
      <c r="A49410" s="1" t="s">
        <v>150</v>
      </c>
      <c r="B49410" s="1" t="s">
        <v>165936</v>
      </c>
      <c r="C49410" s="1" t="s">
        <v>45</v>
      </c>
      <c r="D49410" s="1" t="s">
        <v>81428</v>
      </c>
      <c r="E49410" s="1" t="s">
        <v>167462</v>
      </c>
      <c r="F49410" s="1" t="s">
        <v>167463</v>
      </c>
      <c r="G49410" s="1" t="s">
        <v>167441</v>
      </c>
      <c r="H49410" s="1" t="s">
        <v>167442</v>
      </c>
      <c r="I49410" s="1" t="s">
        <v>165942</v>
      </c>
      <c r="J49410" s="1" t="s">
        <v>167464</v>
      </c>
    </row>
    <row r="49411" spans="1:10" x14ac:dyDescent="0.35">
      <c r="A49411" s="1" t="s">
        <v>150</v>
      </c>
      <c r="B49411" s="1" t="s">
        <v>165936</v>
      </c>
      <c r="C49411" s="1" t="s">
        <v>50</v>
      </c>
      <c r="D49411" s="1" t="s">
        <v>167465</v>
      </c>
      <c r="E49411" s="1" t="s">
        <v>167466</v>
      </c>
      <c r="F49411" s="1" t="s">
        <v>167467</v>
      </c>
      <c r="G49411" s="1" t="s">
        <v>167441</v>
      </c>
      <c r="H49411" s="1" t="s">
        <v>167442</v>
      </c>
      <c r="I49411" s="1" t="s">
        <v>165942</v>
      </c>
      <c r="J49411" s="1" t="s">
        <v>167468</v>
      </c>
    </row>
    <row r="49412" spans="1:10" x14ac:dyDescent="0.35">
      <c r="A49412" s="1" t="s">
        <v>150</v>
      </c>
      <c r="B49412" s="1" t="s">
        <v>165936</v>
      </c>
      <c r="C49412" s="1" t="s">
        <v>55</v>
      </c>
      <c r="D49412" s="1" t="s">
        <v>167469</v>
      </c>
      <c r="E49412" s="1" t="s">
        <v>167470</v>
      </c>
      <c r="F49412" s="1" t="s">
        <v>167471</v>
      </c>
      <c r="G49412" s="1" t="s">
        <v>167441</v>
      </c>
      <c r="H49412" s="1" t="s">
        <v>167442</v>
      </c>
      <c r="I49412" s="1" t="s">
        <v>165942</v>
      </c>
      <c r="J49412" s="1" t="s">
        <v>167472</v>
      </c>
    </row>
    <row r="49413" spans="1:10" x14ac:dyDescent="0.35">
      <c r="A49413" s="1" t="s">
        <v>150</v>
      </c>
      <c r="B49413" s="1" t="s">
        <v>165936</v>
      </c>
      <c r="C49413" s="1" t="s">
        <v>60</v>
      </c>
      <c r="D49413" s="1" t="s">
        <v>77872</v>
      </c>
      <c r="E49413" s="1" t="s">
        <v>167473</v>
      </c>
      <c r="F49413" s="1" t="s">
        <v>167474</v>
      </c>
      <c r="G49413" s="1" t="s">
        <v>167441</v>
      </c>
      <c r="H49413" s="1" t="s">
        <v>167442</v>
      </c>
      <c r="I49413" s="1" t="s">
        <v>165942</v>
      </c>
      <c r="J49413" s="1" t="s">
        <v>167475</v>
      </c>
    </row>
    <row r="49414" spans="1:10" x14ac:dyDescent="0.35">
      <c r="A49414" s="1" t="s">
        <v>150</v>
      </c>
      <c r="B49414" s="1" t="s">
        <v>165936</v>
      </c>
      <c r="C49414" s="1" t="s">
        <v>65</v>
      </c>
      <c r="D49414" s="1" t="s">
        <v>137388</v>
      </c>
      <c r="E49414" s="1" t="s">
        <v>167476</v>
      </c>
      <c r="F49414" s="1" t="s">
        <v>167477</v>
      </c>
      <c r="G49414" s="1" t="s">
        <v>167441</v>
      </c>
      <c r="H49414" s="1" t="s">
        <v>167442</v>
      </c>
      <c r="I49414" s="1" t="s">
        <v>165942</v>
      </c>
      <c r="J49414" s="1" t="s">
        <v>167478</v>
      </c>
    </row>
    <row r="49415" spans="1:10" x14ac:dyDescent="0.35">
      <c r="A49415" s="1" t="s">
        <v>150</v>
      </c>
      <c r="B49415" s="1" t="s">
        <v>165936</v>
      </c>
      <c r="C49415" s="1" t="s">
        <v>70</v>
      </c>
      <c r="D49415" s="1" t="s">
        <v>167479</v>
      </c>
      <c r="E49415" s="1" t="s">
        <v>167480</v>
      </c>
      <c r="F49415" s="1" t="s">
        <v>167481</v>
      </c>
      <c r="G49415" s="1" t="s">
        <v>167441</v>
      </c>
      <c r="H49415" s="1" t="s">
        <v>167442</v>
      </c>
      <c r="I49415" s="1" t="s">
        <v>165942</v>
      </c>
      <c r="J49415" s="1" t="s">
        <v>167482</v>
      </c>
    </row>
    <row r="49416" spans="1:10" x14ac:dyDescent="0.35">
      <c r="A49416" s="1" t="s">
        <v>150</v>
      </c>
      <c r="B49416" s="1" t="s">
        <v>165936</v>
      </c>
      <c r="C49416" s="1" t="s">
        <v>75</v>
      </c>
      <c r="D49416" s="1" t="s">
        <v>102337</v>
      </c>
      <c r="E49416" s="1" t="s">
        <v>167483</v>
      </c>
      <c r="F49416" s="1" t="s">
        <v>167484</v>
      </c>
      <c r="G49416" s="1" t="s">
        <v>167441</v>
      </c>
      <c r="H49416" s="1" t="s">
        <v>167442</v>
      </c>
      <c r="I49416" s="1" t="s">
        <v>165942</v>
      </c>
      <c r="J49416" s="1" t="s">
        <v>167485</v>
      </c>
    </row>
    <row r="49417" spans="1:10" x14ac:dyDescent="0.35">
      <c r="A49417" s="1" t="s">
        <v>150</v>
      </c>
      <c r="B49417" s="1" t="s">
        <v>165936</v>
      </c>
      <c r="C49417" s="1" t="s">
        <v>80</v>
      </c>
      <c r="D49417" s="1" t="s">
        <v>55218</v>
      </c>
      <c r="E49417" s="1" t="s">
        <v>167486</v>
      </c>
      <c r="F49417" s="1" t="s">
        <v>167487</v>
      </c>
      <c r="G49417" s="1" t="s">
        <v>167441</v>
      </c>
      <c r="H49417" s="1" t="s">
        <v>167442</v>
      </c>
      <c r="I49417" s="1" t="s">
        <v>165942</v>
      </c>
      <c r="J49417" s="1" t="s">
        <v>167488</v>
      </c>
    </row>
    <row r="49418" spans="1:10" x14ac:dyDescent="0.35">
      <c r="A49418" s="1" t="s">
        <v>150</v>
      </c>
      <c r="B49418" s="1" t="s">
        <v>165936</v>
      </c>
      <c r="C49418" s="1" t="s">
        <v>85</v>
      </c>
      <c r="D49418" s="1" t="s">
        <v>167489</v>
      </c>
      <c r="E49418" s="1" t="s">
        <v>167490</v>
      </c>
      <c r="F49418" s="1" t="s">
        <v>167491</v>
      </c>
      <c r="G49418" s="1" t="s">
        <v>167441</v>
      </c>
      <c r="H49418" s="1" t="s">
        <v>167442</v>
      </c>
      <c r="I49418" s="1" t="s">
        <v>165942</v>
      </c>
      <c r="J49418" s="1" t="s">
        <v>167492</v>
      </c>
    </row>
    <row r="49419" spans="1:10" x14ac:dyDescent="0.35">
      <c r="A49419" s="1" t="s">
        <v>150</v>
      </c>
      <c r="B49419" s="1" t="s">
        <v>165936</v>
      </c>
      <c r="C49419" s="1" t="s">
        <v>90</v>
      </c>
      <c r="D49419" s="1" t="s">
        <v>93117</v>
      </c>
      <c r="E49419" s="1" t="s">
        <v>167493</v>
      </c>
      <c r="F49419" s="1" t="s">
        <v>167494</v>
      </c>
      <c r="G49419" s="1" t="s">
        <v>167441</v>
      </c>
      <c r="H49419" s="1" t="s">
        <v>167442</v>
      </c>
      <c r="I49419" s="1" t="s">
        <v>165942</v>
      </c>
      <c r="J49419" s="1" t="s">
        <v>167495</v>
      </c>
    </row>
    <row r="49420" spans="1:10" x14ac:dyDescent="0.35">
      <c r="A49420" s="1" t="s">
        <v>150</v>
      </c>
      <c r="B49420" s="1" t="s">
        <v>165936</v>
      </c>
      <c r="C49420" s="1" t="s">
        <v>95</v>
      </c>
      <c r="D49420" s="1" t="s">
        <v>167496</v>
      </c>
      <c r="E49420" s="1" t="s">
        <v>167497</v>
      </c>
      <c r="F49420" s="1" t="s">
        <v>167498</v>
      </c>
      <c r="G49420" s="1" t="s">
        <v>167441</v>
      </c>
      <c r="H49420" s="1" t="s">
        <v>167442</v>
      </c>
      <c r="I49420" s="1" t="s">
        <v>165942</v>
      </c>
      <c r="J49420" s="1" t="s">
        <v>167499</v>
      </c>
    </row>
    <row r="49421" spans="1:10" x14ac:dyDescent="0.35">
      <c r="A49421" s="1" t="s">
        <v>150</v>
      </c>
      <c r="B49421" s="1" t="s">
        <v>165936</v>
      </c>
      <c r="C49421" s="1" t="s">
        <v>100</v>
      </c>
      <c r="D49421" s="1" t="s">
        <v>95224</v>
      </c>
      <c r="E49421" s="1" t="s">
        <v>167500</v>
      </c>
      <c r="F49421" s="1" t="s">
        <v>167501</v>
      </c>
      <c r="G49421" s="1" t="s">
        <v>167441</v>
      </c>
      <c r="H49421" s="1" t="s">
        <v>167442</v>
      </c>
      <c r="I49421" s="1" t="s">
        <v>165942</v>
      </c>
      <c r="J49421" s="1" t="s">
        <v>167502</v>
      </c>
    </row>
    <row r="49422" spans="1:10" x14ac:dyDescent="0.35">
      <c r="A49422" s="1" t="s">
        <v>150</v>
      </c>
      <c r="B49422" s="1" t="s">
        <v>165936</v>
      </c>
      <c r="C49422" s="1" t="s">
        <v>105</v>
      </c>
      <c r="D49422" s="1" t="s">
        <v>167503</v>
      </c>
      <c r="E49422" s="1" t="s">
        <v>167504</v>
      </c>
      <c r="F49422" s="1" t="s">
        <v>167505</v>
      </c>
      <c r="G49422" s="1" t="s">
        <v>167441</v>
      </c>
      <c r="H49422" s="1" t="s">
        <v>167442</v>
      </c>
      <c r="I49422" s="1" t="s">
        <v>165942</v>
      </c>
      <c r="J49422" s="1" t="s">
        <v>167506</v>
      </c>
    </row>
    <row r="49423" spans="1:10" x14ac:dyDescent="0.35">
      <c r="A49423" s="1" t="s">
        <v>150</v>
      </c>
      <c r="B49423" s="1" t="s">
        <v>165936</v>
      </c>
      <c r="C49423" s="1" t="s">
        <v>110</v>
      </c>
      <c r="D49423" s="1" t="s">
        <v>63769</v>
      </c>
      <c r="E49423" s="1" t="s">
        <v>167507</v>
      </c>
      <c r="F49423" s="1" t="s">
        <v>167508</v>
      </c>
      <c r="G49423" s="1" t="s">
        <v>167441</v>
      </c>
      <c r="H49423" s="1" t="s">
        <v>167442</v>
      </c>
      <c r="I49423" s="1" t="s">
        <v>165942</v>
      </c>
      <c r="J49423" s="1" t="s">
        <v>167509</v>
      </c>
    </row>
    <row r="49424" spans="1:10" x14ac:dyDescent="0.35">
      <c r="A49424" s="1" t="s">
        <v>150</v>
      </c>
      <c r="B49424" s="1" t="s">
        <v>165936</v>
      </c>
      <c r="C49424" s="1" t="s">
        <v>115</v>
      </c>
      <c r="D49424" s="1" t="s">
        <v>167510</v>
      </c>
      <c r="E49424" s="1" t="s">
        <v>167511</v>
      </c>
      <c r="F49424" s="1" t="s">
        <v>167512</v>
      </c>
      <c r="G49424" s="1" t="s">
        <v>167441</v>
      </c>
      <c r="H49424" s="1" t="s">
        <v>167442</v>
      </c>
      <c r="I49424" s="1" t="s">
        <v>165942</v>
      </c>
      <c r="J49424" s="1" t="s">
        <v>167513</v>
      </c>
    </row>
    <row r="49425" spans="1:10" x14ac:dyDescent="0.35">
      <c r="A49425" s="1" t="s">
        <v>150</v>
      </c>
      <c r="B49425" s="1" t="s">
        <v>165936</v>
      </c>
      <c r="C49425" s="1" t="s">
        <v>120</v>
      </c>
      <c r="D49425" s="1" t="s">
        <v>167514</v>
      </c>
      <c r="E49425" s="1" t="s">
        <v>167515</v>
      </c>
      <c r="F49425" s="1" t="s">
        <v>167516</v>
      </c>
      <c r="G49425" s="1" t="s">
        <v>167441</v>
      </c>
      <c r="H49425" s="1" t="s">
        <v>167442</v>
      </c>
      <c r="I49425" s="1" t="s">
        <v>165942</v>
      </c>
      <c r="J49425" s="1" t="s">
        <v>167517</v>
      </c>
    </row>
    <row r="49426" spans="1:10" x14ac:dyDescent="0.35">
      <c r="A49426" s="1" t="s">
        <v>150</v>
      </c>
      <c r="B49426" s="1" t="s">
        <v>165936</v>
      </c>
      <c r="C49426" s="1" t="s">
        <v>125</v>
      </c>
      <c r="D49426" s="1" t="s">
        <v>167518</v>
      </c>
      <c r="E49426" s="1" t="s">
        <v>167519</v>
      </c>
      <c r="F49426" s="1" t="s">
        <v>167520</v>
      </c>
      <c r="G49426" s="1" t="s">
        <v>167441</v>
      </c>
      <c r="H49426" s="1" t="s">
        <v>167442</v>
      </c>
      <c r="I49426" s="1" t="s">
        <v>165942</v>
      </c>
      <c r="J49426" s="1" t="s">
        <v>167521</v>
      </c>
    </row>
    <row r="49427" spans="1:10" x14ac:dyDescent="0.35">
      <c r="A49427" s="1" t="s">
        <v>150</v>
      </c>
      <c r="B49427" s="1" t="s">
        <v>165936</v>
      </c>
      <c r="C49427" s="1" t="s">
        <v>130</v>
      </c>
      <c r="D49427" s="1" t="s">
        <v>167522</v>
      </c>
      <c r="E49427" s="1" t="s">
        <v>167523</v>
      </c>
      <c r="F49427" s="1" t="s">
        <v>167524</v>
      </c>
      <c r="G49427" s="1" t="s">
        <v>167441</v>
      </c>
      <c r="H49427" s="1" t="s">
        <v>167442</v>
      </c>
      <c r="I49427" s="1" t="s">
        <v>165942</v>
      </c>
      <c r="J49427" s="1" t="s">
        <v>167525</v>
      </c>
    </row>
    <row r="49428" spans="1:10" x14ac:dyDescent="0.35">
      <c r="A49428" s="1" t="s">
        <v>150</v>
      </c>
      <c r="B49428" s="1" t="s">
        <v>165936</v>
      </c>
      <c r="C49428" s="1" t="s">
        <v>135</v>
      </c>
      <c r="D49428" s="1" t="s">
        <v>107600</v>
      </c>
      <c r="E49428" s="1" t="s">
        <v>167526</v>
      </c>
      <c r="F49428" s="1" t="s">
        <v>167527</v>
      </c>
      <c r="G49428" s="1" t="s">
        <v>167441</v>
      </c>
      <c r="H49428" s="1" t="s">
        <v>167442</v>
      </c>
      <c r="I49428" s="1" t="s">
        <v>165942</v>
      </c>
      <c r="J49428" s="1" t="s">
        <v>167528</v>
      </c>
    </row>
    <row r="49429" spans="1:10" x14ac:dyDescent="0.35">
      <c r="A49429" s="1" t="s">
        <v>150</v>
      </c>
      <c r="B49429" s="1" t="s">
        <v>165936</v>
      </c>
      <c r="C49429" s="1" t="s">
        <v>140</v>
      </c>
      <c r="D49429" s="1" t="s">
        <v>167529</v>
      </c>
      <c r="E49429" s="1" t="s">
        <v>167530</v>
      </c>
      <c r="F49429" s="1" t="s">
        <v>167531</v>
      </c>
      <c r="G49429" s="1" t="s">
        <v>167441</v>
      </c>
      <c r="H49429" s="1" t="s">
        <v>167442</v>
      </c>
      <c r="I49429" s="1" t="s">
        <v>165942</v>
      </c>
      <c r="J49429" s="1" t="s">
        <v>167532</v>
      </c>
    </row>
    <row r="49430" spans="1:10" x14ac:dyDescent="0.35">
      <c r="A49430" s="1" t="s">
        <v>150</v>
      </c>
      <c r="B49430" s="1" t="s">
        <v>165936</v>
      </c>
      <c r="C49430" s="1" t="s">
        <v>145</v>
      </c>
      <c r="D49430" s="1" t="s">
        <v>17352</v>
      </c>
      <c r="E49430" s="1" t="s">
        <v>167533</v>
      </c>
      <c r="F49430" s="1" t="s">
        <v>167534</v>
      </c>
      <c r="G49430" s="1" t="s">
        <v>167441</v>
      </c>
      <c r="H49430" s="1" t="s">
        <v>167442</v>
      </c>
      <c r="I49430" s="1" t="s">
        <v>165942</v>
      </c>
      <c r="J49430" s="1" t="s">
        <v>167535</v>
      </c>
    </row>
    <row r="49431" spans="1:10" x14ac:dyDescent="0.35">
      <c r="A49431" s="1" t="s">
        <v>150</v>
      </c>
      <c r="B49431" s="1" t="s">
        <v>165936</v>
      </c>
      <c r="C49431" s="1" t="s">
        <v>150</v>
      </c>
      <c r="D49431" s="1" t="s">
        <v>64597</v>
      </c>
      <c r="E49431" s="1" t="s">
        <v>167536</v>
      </c>
      <c r="F49431" s="1" t="s">
        <v>167537</v>
      </c>
      <c r="G49431" s="1" t="s">
        <v>167441</v>
      </c>
      <c r="H49431" s="1" t="s">
        <v>167442</v>
      </c>
      <c r="I49431" s="1" t="s">
        <v>165942</v>
      </c>
      <c r="J49431" s="1" t="s">
        <v>167538</v>
      </c>
    </row>
    <row r="49432" spans="1:10" x14ac:dyDescent="0.35">
      <c r="A49432" s="1" t="s">
        <v>150</v>
      </c>
      <c r="B49432" s="1" t="s">
        <v>165936</v>
      </c>
      <c r="C49432" s="1" t="s">
        <v>155</v>
      </c>
      <c r="D49432" s="1" t="s">
        <v>130332</v>
      </c>
      <c r="E49432" s="1" t="s">
        <v>123915</v>
      </c>
      <c r="F49432" s="1" t="s">
        <v>167539</v>
      </c>
      <c r="G49432" s="1" t="s">
        <v>167441</v>
      </c>
      <c r="H49432" s="1" t="s">
        <v>167442</v>
      </c>
      <c r="I49432" s="1" t="s">
        <v>165942</v>
      </c>
      <c r="J49432" s="1" t="s">
        <v>167540</v>
      </c>
    </row>
    <row r="49433" spans="1:10" x14ac:dyDescent="0.35">
      <c r="A49433" s="1" t="s">
        <v>150</v>
      </c>
      <c r="B49433" s="1" t="s">
        <v>165936</v>
      </c>
      <c r="C49433" s="1" t="s">
        <v>160</v>
      </c>
      <c r="D49433" s="1" t="s">
        <v>167541</v>
      </c>
      <c r="E49433" s="1" t="s">
        <v>167542</v>
      </c>
      <c r="F49433" s="1" t="s">
        <v>167543</v>
      </c>
      <c r="G49433" s="1" t="s">
        <v>167441</v>
      </c>
      <c r="H49433" s="1" t="s">
        <v>167442</v>
      </c>
      <c r="I49433" s="1" t="s">
        <v>165942</v>
      </c>
      <c r="J49433" s="1" t="s">
        <v>167544</v>
      </c>
    </row>
    <row r="49434" spans="1:10" x14ac:dyDescent="0.35">
      <c r="A49434" s="1" t="s">
        <v>150</v>
      </c>
      <c r="B49434" s="1" t="s">
        <v>165936</v>
      </c>
      <c r="C49434" s="1" t="s">
        <v>165</v>
      </c>
      <c r="D49434" s="1" t="s">
        <v>167545</v>
      </c>
      <c r="E49434" s="1" t="s">
        <v>167546</v>
      </c>
      <c r="F49434" s="1" t="s">
        <v>167547</v>
      </c>
      <c r="G49434" s="1" t="s">
        <v>167441</v>
      </c>
      <c r="H49434" s="1" t="s">
        <v>167442</v>
      </c>
      <c r="I49434" s="1" t="s">
        <v>165942</v>
      </c>
      <c r="J49434" s="1" t="s">
        <v>167548</v>
      </c>
    </row>
    <row r="49435" spans="1:10" x14ac:dyDescent="0.35">
      <c r="A49435" s="1" t="s">
        <v>150</v>
      </c>
      <c r="B49435" s="1" t="s">
        <v>165936</v>
      </c>
      <c r="C49435" s="1" t="s">
        <v>170</v>
      </c>
      <c r="D49435" s="1" t="s">
        <v>167549</v>
      </c>
      <c r="E49435" s="1" t="s">
        <v>167550</v>
      </c>
      <c r="F49435" s="1" t="s">
        <v>167551</v>
      </c>
      <c r="G49435" s="1" t="s">
        <v>167441</v>
      </c>
      <c r="H49435" s="1" t="s">
        <v>167442</v>
      </c>
      <c r="I49435" s="1" t="s">
        <v>165942</v>
      </c>
      <c r="J49435" s="1" t="s">
        <v>167552</v>
      </c>
    </row>
    <row r="49436" spans="1:10" x14ac:dyDescent="0.35">
      <c r="A49436" s="1" t="s">
        <v>155</v>
      </c>
      <c r="B49436" s="1" t="s">
        <v>165936</v>
      </c>
      <c r="C49436" s="1" t="s">
        <v>8</v>
      </c>
      <c r="D49436" s="1" t="s">
        <v>167553</v>
      </c>
      <c r="E49436" s="1" t="s">
        <v>167554</v>
      </c>
      <c r="F49436" s="1" t="s">
        <v>167555</v>
      </c>
      <c r="G49436" s="1" t="s">
        <v>167556</v>
      </c>
      <c r="H49436" s="1" t="s">
        <v>167557</v>
      </c>
      <c r="I49436" s="1" t="s">
        <v>165942</v>
      </c>
      <c r="J49436" s="1" t="s">
        <v>13</v>
      </c>
    </row>
    <row r="49437" spans="1:10" x14ac:dyDescent="0.35">
      <c r="A49437" s="1" t="s">
        <v>155</v>
      </c>
      <c r="B49437" s="1" t="s">
        <v>165936</v>
      </c>
      <c r="C49437" s="1" t="s">
        <v>15</v>
      </c>
      <c r="D49437" s="1" t="s">
        <v>167558</v>
      </c>
      <c r="E49437" s="1" t="s">
        <v>167559</v>
      </c>
      <c r="F49437" s="1" t="s">
        <v>167560</v>
      </c>
      <c r="G49437" s="1" t="s">
        <v>167556</v>
      </c>
      <c r="H49437" s="1" t="s">
        <v>167557</v>
      </c>
      <c r="I49437" s="1" t="s">
        <v>165942</v>
      </c>
      <c r="J49437" s="1" t="s">
        <v>167561</v>
      </c>
    </row>
    <row r="49438" spans="1:10" x14ac:dyDescent="0.35">
      <c r="A49438" s="1" t="s">
        <v>155</v>
      </c>
      <c r="B49438" s="1" t="s">
        <v>165936</v>
      </c>
      <c r="C49438" s="1" t="s">
        <v>20</v>
      </c>
      <c r="D49438" s="1" t="s">
        <v>56900</v>
      </c>
      <c r="E49438" s="1" t="s">
        <v>167562</v>
      </c>
      <c r="F49438" s="1" t="s">
        <v>167563</v>
      </c>
      <c r="G49438" s="1" t="s">
        <v>167556</v>
      </c>
      <c r="H49438" s="1" t="s">
        <v>167557</v>
      </c>
      <c r="I49438" s="1" t="s">
        <v>165942</v>
      </c>
      <c r="J49438" s="1" t="s">
        <v>167564</v>
      </c>
    </row>
    <row r="49439" spans="1:10" x14ac:dyDescent="0.35">
      <c r="A49439" s="1" t="s">
        <v>155</v>
      </c>
      <c r="B49439" s="1" t="s">
        <v>165936</v>
      </c>
      <c r="C49439" s="1" t="s">
        <v>25</v>
      </c>
      <c r="D49439" s="1" t="s">
        <v>94061</v>
      </c>
      <c r="E49439" s="1" t="s">
        <v>167565</v>
      </c>
      <c r="F49439" s="1" t="s">
        <v>167566</v>
      </c>
      <c r="G49439" s="1" t="s">
        <v>167556</v>
      </c>
      <c r="H49439" s="1" t="s">
        <v>167557</v>
      </c>
      <c r="I49439" s="1" t="s">
        <v>165942</v>
      </c>
      <c r="J49439" s="1" t="s">
        <v>167567</v>
      </c>
    </row>
    <row r="49440" spans="1:10" x14ac:dyDescent="0.35">
      <c r="A49440" s="1" t="s">
        <v>155</v>
      </c>
      <c r="B49440" s="1" t="s">
        <v>165936</v>
      </c>
      <c r="C49440" s="1" t="s">
        <v>30</v>
      </c>
      <c r="D49440" s="1" t="s">
        <v>167568</v>
      </c>
      <c r="E49440" s="1" t="s">
        <v>167569</v>
      </c>
      <c r="F49440" s="1" t="s">
        <v>167570</v>
      </c>
      <c r="G49440" s="1" t="s">
        <v>167556</v>
      </c>
      <c r="H49440" s="1" t="s">
        <v>167557</v>
      </c>
      <c r="I49440" s="1" t="s">
        <v>165942</v>
      </c>
      <c r="J49440" s="1" t="s">
        <v>167571</v>
      </c>
    </row>
    <row r="49441" spans="1:10" x14ac:dyDescent="0.35">
      <c r="A49441" s="1" t="s">
        <v>155</v>
      </c>
      <c r="B49441" s="1" t="s">
        <v>165936</v>
      </c>
      <c r="C49441" s="1" t="s">
        <v>35</v>
      </c>
      <c r="D49441" s="1" t="s">
        <v>131337</v>
      </c>
      <c r="E49441" s="1" t="s">
        <v>167572</v>
      </c>
      <c r="F49441" s="1" t="s">
        <v>167573</v>
      </c>
      <c r="G49441" s="1" t="s">
        <v>167556</v>
      </c>
      <c r="H49441" s="1" t="s">
        <v>167557</v>
      </c>
      <c r="I49441" s="1" t="s">
        <v>165942</v>
      </c>
      <c r="J49441" s="1" t="s">
        <v>167574</v>
      </c>
    </row>
    <row r="49442" spans="1:10" x14ac:dyDescent="0.35">
      <c r="A49442" s="1" t="s">
        <v>155</v>
      </c>
      <c r="B49442" s="1" t="s">
        <v>165936</v>
      </c>
      <c r="C49442" s="1" t="s">
        <v>40</v>
      </c>
      <c r="D49442" s="1" t="s">
        <v>167575</v>
      </c>
      <c r="E49442" s="1" t="s">
        <v>167576</v>
      </c>
      <c r="F49442" s="1" t="s">
        <v>167577</v>
      </c>
      <c r="G49442" s="1" t="s">
        <v>167556</v>
      </c>
      <c r="H49442" s="1" t="s">
        <v>167557</v>
      </c>
      <c r="I49442" s="1" t="s">
        <v>165942</v>
      </c>
      <c r="J49442" s="1" t="s">
        <v>167578</v>
      </c>
    </row>
    <row r="49443" spans="1:10" x14ac:dyDescent="0.35">
      <c r="A49443" s="1" t="s">
        <v>155</v>
      </c>
      <c r="B49443" s="1" t="s">
        <v>165936</v>
      </c>
      <c r="C49443" s="1" t="s">
        <v>45</v>
      </c>
      <c r="D49443" s="1" t="s">
        <v>4980</v>
      </c>
      <c r="E49443" s="1" t="s">
        <v>167579</v>
      </c>
      <c r="F49443" s="1" t="s">
        <v>167580</v>
      </c>
      <c r="G49443" s="1" t="s">
        <v>167556</v>
      </c>
      <c r="H49443" s="1" t="s">
        <v>167557</v>
      </c>
      <c r="I49443" s="1" t="s">
        <v>165942</v>
      </c>
      <c r="J49443" s="1" t="s">
        <v>167581</v>
      </c>
    </row>
    <row r="49444" spans="1:10" x14ac:dyDescent="0.35">
      <c r="A49444" s="1" t="s">
        <v>155</v>
      </c>
      <c r="B49444" s="1" t="s">
        <v>165936</v>
      </c>
      <c r="C49444" s="1" t="s">
        <v>50</v>
      </c>
      <c r="D49444" s="1" t="s">
        <v>84114</v>
      </c>
      <c r="E49444" s="1" t="s">
        <v>167582</v>
      </c>
      <c r="F49444" s="1" t="s">
        <v>167583</v>
      </c>
      <c r="G49444" s="1" t="s">
        <v>167556</v>
      </c>
      <c r="H49444" s="1" t="s">
        <v>167557</v>
      </c>
      <c r="I49444" s="1" t="s">
        <v>165942</v>
      </c>
      <c r="J49444" s="1" t="s">
        <v>167584</v>
      </c>
    </row>
    <row r="49445" spans="1:10" x14ac:dyDescent="0.35">
      <c r="A49445" s="1" t="s">
        <v>155</v>
      </c>
      <c r="B49445" s="1" t="s">
        <v>165936</v>
      </c>
      <c r="C49445" s="1" t="s">
        <v>55</v>
      </c>
      <c r="D49445" s="1" t="s">
        <v>163671</v>
      </c>
      <c r="E49445" s="1" t="s">
        <v>167585</v>
      </c>
      <c r="F49445" s="1" t="s">
        <v>167586</v>
      </c>
      <c r="G49445" s="1" t="s">
        <v>167556</v>
      </c>
      <c r="H49445" s="1" t="s">
        <v>167557</v>
      </c>
      <c r="I49445" s="1" t="s">
        <v>165942</v>
      </c>
      <c r="J49445" s="1" t="s">
        <v>167587</v>
      </c>
    </row>
    <row r="49446" spans="1:10" x14ac:dyDescent="0.35">
      <c r="A49446" s="1" t="s">
        <v>155</v>
      </c>
      <c r="B49446" s="1" t="s">
        <v>165936</v>
      </c>
      <c r="C49446" s="1" t="s">
        <v>60</v>
      </c>
      <c r="D49446" s="1" t="s">
        <v>92372</v>
      </c>
      <c r="E49446" s="1" t="s">
        <v>167588</v>
      </c>
      <c r="F49446" s="1" t="s">
        <v>167589</v>
      </c>
      <c r="G49446" s="1" t="s">
        <v>167556</v>
      </c>
      <c r="H49446" s="1" t="s">
        <v>167557</v>
      </c>
      <c r="I49446" s="1" t="s">
        <v>165942</v>
      </c>
      <c r="J49446" s="1" t="s">
        <v>167590</v>
      </c>
    </row>
    <row r="49447" spans="1:10" x14ac:dyDescent="0.35">
      <c r="A49447" s="1" t="s">
        <v>155</v>
      </c>
      <c r="B49447" s="1" t="s">
        <v>165936</v>
      </c>
      <c r="C49447" s="1" t="s">
        <v>65</v>
      </c>
      <c r="D49447" s="1" t="s">
        <v>68912</v>
      </c>
      <c r="E49447" s="1" t="s">
        <v>167591</v>
      </c>
      <c r="F49447" s="1" t="s">
        <v>167592</v>
      </c>
      <c r="G49447" s="1" t="s">
        <v>167556</v>
      </c>
      <c r="H49447" s="1" t="s">
        <v>167557</v>
      </c>
      <c r="I49447" s="1" t="s">
        <v>165942</v>
      </c>
      <c r="J49447" s="1" t="s">
        <v>167593</v>
      </c>
    </row>
    <row r="49448" spans="1:10" x14ac:dyDescent="0.35">
      <c r="A49448" s="1" t="s">
        <v>155</v>
      </c>
      <c r="B49448" s="1" t="s">
        <v>165936</v>
      </c>
      <c r="C49448" s="1" t="s">
        <v>70</v>
      </c>
      <c r="D49448" s="1" t="s">
        <v>167594</v>
      </c>
      <c r="E49448" s="1" t="s">
        <v>167595</v>
      </c>
      <c r="F49448" s="1" t="s">
        <v>167596</v>
      </c>
      <c r="G49448" s="1" t="s">
        <v>167556</v>
      </c>
      <c r="H49448" s="1" t="s">
        <v>167557</v>
      </c>
      <c r="I49448" s="1" t="s">
        <v>165942</v>
      </c>
      <c r="J49448" s="1" t="s">
        <v>167597</v>
      </c>
    </row>
    <row r="49449" spans="1:10" x14ac:dyDescent="0.35">
      <c r="A49449" s="1" t="s">
        <v>155</v>
      </c>
      <c r="B49449" s="1" t="s">
        <v>165936</v>
      </c>
      <c r="C49449" s="1" t="s">
        <v>75</v>
      </c>
      <c r="D49449" s="1" t="s">
        <v>67141</v>
      </c>
      <c r="E49449" s="1" t="s">
        <v>167598</v>
      </c>
      <c r="F49449" s="1" t="s">
        <v>167599</v>
      </c>
      <c r="G49449" s="1" t="s">
        <v>167556</v>
      </c>
      <c r="H49449" s="1" t="s">
        <v>167557</v>
      </c>
      <c r="I49449" s="1" t="s">
        <v>165942</v>
      </c>
      <c r="J49449" s="1" t="s">
        <v>167600</v>
      </c>
    </row>
    <row r="49450" spans="1:10" x14ac:dyDescent="0.35">
      <c r="A49450" s="1" t="s">
        <v>155</v>
      </c>
      <c r="B49450" s="1" t="s">
        <v>165936</v>
      </c>
      <c r="C49450" s="1" t="s">
        <v>80</v>
      </c>
      <c r="D49450" s="1" t="s">
        <v>167601</v>
      </c>
      <c r="E49450" s="1" t="s">
        <v>167602</v>
      </c>
      <c r="F49450" s="1" t="s">
        <v>167603</v>
      </c>
      <c r="G49450" s="1" t="s">
        <v>167556</v>
      </c>
      <c r="H49450" s="1" t="s">
        <v>167557</v>
      </c>
      <c r="I49450" s="1" t="s">
        <v>165942</v>
      </c>
      <c r="J49450" s="1" t="s">
        <v>167604</v>
      </c>
    </row>
    <row r="49451" spans="1:10" x14ac:dyDescent="0.35">
      <c r="A49451" s="1" t="s">
        <v>155</v>
      </c>
      <c r="B49451" s="1" t="s">
        <v>165936</v>
      </c>
      <c r="C49451" s="1" t="s">
        <v>85</v>
      </c>
      <c r="D49451" s="1" t="s">
        <v>167605</v>
      </c>
      <c r="E49451" s="1" t="s">
        <v>167606</v>
      </c>
      <c r="F49451" s="1" t="s">
        <v>167607</v>
      </c>
      <c r="G49451" s="1" t="s">
        <v>167556</v>
      </c>
      <c r="H49451" s="1" t="s">
        <v>167557</v>
      </c>
      <c r="I49451" s="1" t="s">
        <v>165942</v>
      </c>
      <c r="J49451" s="1" t="s">
        <v>167608</v>
      </c>
    </row>
    <row r="49452" spans="1:10" x14ac:dyDescent="0.35">
      <c r="A49452" s="1" t="s">
        <v>155</v>
      </c>
      <c r="B49452" s="1" t="s">
        <v>165936</v>
      </c>
      <c r="C49452" s="1" t="s">
        <v>90</v>
      </c>
      <c r="D49452" s="1" t="s">
        <v>23705</v>
      </c>
      <c r="E49452" s="1" t="s">
        <v>167609</v>
      </c>
      <c r="F49452" s="1" t="s">
        <v>167610</v>
      </c>
      <c r="G49452" s="1" t="s">
        <v>167556</v>
      </c>
      <c r="H49452" s="1" t="s">
        <v>167557</v>
      </c>
      <c r="I49452" s="1" t="s">
        <v>165942</v>
      </c>
      <c r="J49452" s="1" t="s">
        <v>167611</v>
      </c>
    </row>
    <row r="49453" spans="1:10" x14ac:dyDescent="0.35">
      <c r="A49453" s="1" t="s">
        <v>155</v>
      </c>
      <c r="B49453" s="1" t="s">
        <v>165936</v>
      </c>
      <c r="C49453" s="1" t="s">
        <v>95</v>
      </c>
      <c r="D49453" s="1" t="s">
        <v>167612</v>
      </c>
      <c r="E49453" s="1" t="s">
        <v>167613</v>
      </c>
      <c r="F49453" s="1" t="s">
        <v>167614</v>
      </c>
      <c r="G49453" s="1" t="s">
        <v>167556</v>
      </c>
      <c r="H49453" s="1" t="s">
        <v>167557</v>
      </c>
      <c r="I49453" s="1" t="s">
        <v>165942</v>
      </c>
      <c r="J49453" s="1" t="s">
        <v>167615</v>
      </c>
    </row>
    <row r="49454" spans="1:10" x14ac:dyDescent="0.35">
      <c r="A49454" s="1" t="s">
        <v>155</v>
      </c>
      <c r="B49454" s="1" t="s">
        <v>165936</v>
      </c>
      <c r="C49454" s="1" t="s">
        <v>100</v>
      </c>
      <c r="D49454" s="1" t="s">
        <v>167616</v>
      </c>
      <c r="E49454" s="1" t="s">
        <v>167617</v>
      </c>
      <c r="F49454" s="1" t="s">
        <v>167618</v>
      </c>
      <c r="G49454" s="1" t="s">
        <v>167556</v>
      </c>
      <c r="H49454" s="1" t="s">
        <v>167557</v>
      </c>
      <c r="I49454" s="1" t="s">
        <v>165942</v>
      </c>
      <c r="J49454" s="1" t="s">
        <v>167619</v>
      </c>
    </row>
    <row r="49455" spans="1:10" x14ac:dyDescent="0.35">
      <c r="A49455" s="1" t="s">
        <v>155</v>
      </c>
      <c r="B49455" s="1" t="s">
        <v>165936</v>
      </c>
      <c r="C49455" s="1" t="s">
        <v>105</v>
      </c>
      <c r="D49455" s="1" t="s">
        <v>167620</v>
      </c>
      <c r="E49455" s="1" t="s">
        <v>167621</v>
      </c>
      <c r="F49455" s="1" t="s">
        <v>167622</v>
      </c>
      <c r="G49455" s="1" t="s">
        <v>167556</v>
      </c>
      <c r="H49455" s="1" t="s">
        <v>167557</v>
      </c>
      <c r="I49455" s="1" t="s">
        <v>165942</v>
      </c>
      <c r="J49455" s="1" t="s">
        <v>167623</v>
      </c>
    </row>
    <row r="49456" spans="1:10" x14ac:dyDescent="0.35">
      <c r="A49456" s="1" t="s">
        <v>155</v>
      </c>
      <c r="B49456" s="1" t="s">
        <v>165936</v>
      </c>
      <c r="C49456" s="1" t="s">
        <v>110</v>
      </c>
      <c r="D49456" s="1" t="s">
        <v>167624</v>
      </c>
      <c r="E49456" s="1" t="s">
        <v>167625</v>
      </c>
      <c r="F49456" s="1" t="s">
        <v>167626</v>
      </c>
      <c r="G49456" s="1" t="s">
        <v>167556</v>
      </c>
      <c r="H49456" s="1" t="s">
        <v>167557</v>
      </c>
      <c r="I49456" s="1" t="s">
        <v>165942</v>
      </c>
      <c r="J49456" s="1" t="s">
        <v>167627</v>
      </c>
    </row>
    <row r="49457" spans="1:10" x14ac:dyDescent="0.35">
      <c r="A49457" s="1" t="s">
        <v>155</v>
      </c>
      <c r="B49457" s="1" t="s">
        <v>165936</v>
      </c>
      <c r="C49457" s="1" t="s">
        <v>115</v>
      </c>
      <c r="D49457" s="1" t="s">
        <v>167628</v>
      </c>
      <c r="E49457" s="1" t="s">
        <v>167629</v>
      </c>
      <c r="F49457" s="1" t="s">
        <v>167630</v>
      </c>
      <c r="G49457" s="1" t="s">
        <v>167556</v>
      </c>
      <c r="H49457" s="1" t="s">
        <v>167557</v>
      </c>
      <c r="I49457" s="1" t="s">
        <v>165942</v>
      </c>
      <c r="J49457" s="1" t="s">
        <v>167631</v>
      </c>
    </row>
    <row r="49458" spans="1:10" x14ac:dyDescent="0.35">
      <c r="A49458" s="1" t="s">
        <v>155</v>
      </c>
      <c r="B49458" s="1" t="s">
        <v>165936</v>
      </c>
      <c r="C49458" s="1" t="s">
        <v>120</v>
      </c>
      <c r="D49458" s="1" t="s">
        <v>60751</v>
      </c>
      <c r="E49458" s="1" t="s">
        <v>167632</v>
      </c>
      <c r="F49458" s="1" t="s">
        <v>167633</v>
      </c>
      <c r="G49458" s="1" t="s">
        <v>167556</v>
      </c>
      <c r="H49458" s="1" t="s">
        <v>167557</v>
      </c>
      <c r="I49458" s="1" t="s">
        <v>165942</v>
      </c>
      <c r="J49458" s="1" t="s">
        <v>167634</v>
      </c>
    </row>
    <row r="49459" spans="1:10" x14ac:dyDescent="0.35">
      <c r="A49459" s="1" t="s">
        <v>155</v>
      </c>
      <c r="B49459" s="1" t="s">
        <v>165936</v>
      </c>
      <c r="C49459" s="1" t="s">
        <v>125</v>
      </c>
      <c r="D49459" s="1" t="s">
        <v>163523</v>
      </c>
      <c r="E49459" s="1" t="s">
        <v>167635</v>
      </c>
      <c r="F49459" s="1" t="s">
        <v>167636</v>
      </c>
      <c r="G49459" s="1" t="s">
        <v>167556</v>
      </c>
      <c r="H49459" s="1" t="s">
        <v>167557</v>
      </c>
      <c r="I49459" s="1" t="s">
        <v>165942</v>
      </c>
      <c r="J49459" s="1" t="s">
        <v>167637</v>
      </c>
    </row>
    <row r="49460" spans="1:10" x14ac:dyDescent="0.35">
      <c r="A49460" s="1" t="s">
        <v>155</v>
      </c>
      <c r="B49460" s="1" t="s">
        <v>165936</v>
      </c>
      <c r="C49460" s="1" t="s">
        <v>130</v>
      </c>
      <c r="D49460" s="1" t="s">
        <v>69503</v>
      </c>
      <c r="E49460" s="1" t="s">
        <v>167638</v>
      </c>
      <c r="F49460" s="1" t="s">
        <v>167639</v>
      </c>
      <c r="G49460" s="1" t="s">
        <v>167556</v>
      </c>
      <c r="H49460" s="1" t="s">
        <v>167557</v>
      </c>
      <c r="I49460" s="1" t="s">
        <v>165942</v>
      </c>
      <c r="J49460" s="1" t="s">
        <v>167640</v>
      </c>
    </row>
    <row r="49461" spans="1:10" x14ac:dyDescent="0.35">
      <c r="A49461" s="1" t="s">
        <v>155</v>
      </c>
      <c r="B49461" s="1" t="s">
        <v>165936</v>
      </c>
      <c r="C49461" s="1" t="s">
        <v>135</v>
      </c>
      <c r="D49461" s="1" t="s">
        <v>167641</v>
      </c>
      <c r="E49461" s="1" t="s">
        <v>167642</v>
      </c>
      <c r="F49461" s="1" t="s">
        <v>167643</v>
      </c>
      <c r="G49461" s="1" t="s">
        <v>167556</v>
      </c>
      <c r="H49461" s="1" t="s">
        <v>167557</v>
      </c>
      <c r="I49461" s="1" t="s">
        <v>165942</v>
      </c>
      <c r="J49461" s="1" t="s">
        <v>167644</v>
      </c>
    </row>
    <row r="49462" spans="1:10" x14ac:dyDescent="0.35">
      <c r="A49462" s="1" t="s">
        <v>155</v>
      </c>
      <c r="B49462" s="1" t="s">
        <v>165936</v>
      </c>
      <c r="C49462" s="1" t="s">
        <v>140</v>
      </c>
      <c r="D49462" s="1" t="s">
        <v>40679</v>
      </c>
      <c r="E49462" s="1" t="s">
        <v>167645</v>
      </c>
      <c r="F49462" s="1" t="s">
        <v>167646</v>
      </c>
      <c r="G49462" s="1" t="s">
        <v>167556</v>
      </c>
      <c r="H49462" s="1" t="s">
        <v>167557</v>
      </c>
      <c r="I49462" s="1" t="s">
        <v>165942</v>
      </c>
      <c r="J49462" s="1" t="s">
        <v>167647</v>
      </c>
    </row>
    <row r="49463" spans="1:10" x14ac:dyDescent="0.35">
      <c r="A49463" s="1" t="s">
        <v>155</v>
      </c>
      <c r="B49463" s="1" t="s">
        <v>165936</v>
      </c>
      <c r="C49463" s="1" t="s">
        <v>145</v>
      </c>
      <c r="D49463" s="1" t="s">
        <v>167648</v>
      </c>
      <c r="E49463" s="1" t="s">
        <v>167649</v>
      </c>
      <c r="F49463" s="1" t="s">
        <v>167650</v>
      </c>
      <c r="G49463" s="1" t="s">
        <v>167556</v>
      </c>
      <c r="H49463" s="1" t="s">
        <v>167557</v>
      </c>
      <c r="I49463" s="1" t="s">
        <v>165942</v>
      </c>
      <c r="J49463" s="1" t="s">
        <v>167651</v>
      </c>
    </row>
    <row r="49464" spans="1:10" x14ac:dyDescent="0.35">
      <c r="A49464" s="1" t="s">
        <v>155</v>
      </c>
      <c r="B49464" s="1" t="s">
        <v>165936</v>
      </c>
      <c r="C49464" s="1" t="s">
        <v>150</v>
      </c>
      <c r="D49464" s="1" t="s">
        <v>167652</v>
      </c>
      <c r="E49464" s="1" t="s">
        <v>167653</v>
      </c>
      <c r="F49464" s="1" t="s">
        <v>167654</v>
      </c>
      <c r="G49464" s="1" t="s">
        <v>167556</v>
      </c>
      <c r="H49464" s="1" t="s">
        <v>167557</v>
      </c>
      <c r="I49464" s="1" t="s">
        <v>165942</v>
      </c>
      <c r="J49464" s="1" t="s">
        <v>167655</v>
      </c>
    </row>
    <row r="49465" spans="1:10" x14ac:dyDescent="0.35">
      <c r="A49465" s="1" t="s">
        <v>155</v>
      </c>
      <c r="B49465" s="1" t="s">
        <v>165936</v>
      </c>
      <c r="C49465" s="1" t="s">
        <v>155</v>
      </c>
      <c r="D49465" s="1" t="s">
        <v>167656</v>
      </c>
      <c r="E49465" s="1" t="s">
        <v>167657</v>
      </c>
      <c r="F49465" s="1" t="s">
        <v>167658</v>
      </c>
      <c r="G49465" s="1" t="s">
        <v>167556</v>
      </c>
      <c r="H49465" s="1" t="s">
        <v>167557</v>
      </c>
      <c r="I49465" s="1" t="s">
        <v>165942</v>
      </c>
      <c r="J49465" s="1" t="s">
        <v>167659</v>
      </c>
    </row>
    <row r="49466" spans="1:10" x14ac:dyDescent="0.35">
      <c r="A49466" s="1" t="s">
        <v>155</v>
      </c>
      <c r="B49466" s="1" t="s">
        <v>165936</v>
      </c>
      <c r="C49466" s="1" t="s">
        <v>160</v>
      </c>
      <c r="D49466" s="1" t="s">
        <v>135991</v>
      </c>
      <c r="E49466" s="1" t="s">
        <v>167660</v>
      </c>
      <c r="F49466" s="1" t="s">
        <v>167661</v>
      </c>
      <c r="G49466" s="1" t="s">
        <v>167556</v>
      </c>
      <c r="H49466" s="1" t="s">
        <v>167557</v>
      </c>
      <c r="I49466" s="1" t="s">
        <v>165942</v>
      </c>
      <c r="J49466" s="1" t="s">
        <v>167662</v>
      </c>
    </row>
    <row r="49467" spans="1:10" x14ac:dyDescent="0.35">
      <c r="A49467" s="1" t="s">
        <v>155</v>
      </c>
      <c r="B49467" s="1" t="s">
        <v>165936</v>
      </c>
      <c r="C49467" s="1" t="s">
        <v>165</v>
      </c>
      <c r="D49467" s="1" t="s">
        <v>167663</v>
      </c>
      <c r="E49467" s="1" t="s">
        <v>167664</v>
      </c>
      <c r="F49467" s="1" t="s">
        <v>167665</v>
      </c>
      <c r="G49467" s="1" t="s">
        <v>167556</v>
      </c>
      <c r="H49467" s="1" t="s">
        <v>167557</v>
      </c>
      <c r="I49467" s="1" t="s">
        <v>165942</v>
      </c>
      <c r="J49467" s="1" t="s">
        <v>167666</v>
      </c>
    </row>
    <row r="49468" spans="1:10" x14ac:dyDescent="0.35">
      <c r="A49468" s="1" t="s">
        <v>155</v>
      </c>
      <c r="B49468" s="1" t="s">
        <v>165936</v>
      </c>
      <c r="C49468" s="1" t="s">
        <v>170</v>
      </c>
      <c r="D49468" s="1" t="s">
        <v>167667</v>
      </c>
      <c r="E49468" s="1" t="s">
        <v>167668</v>
      </c>
      <c r="F49468" s="1" t="s">
        <v>167669</v>
      </c>
      <c r="G49468" s="1" t="s">
        <v>167556</v>
      </c>
      <c r="H49468" s="1" t="s">
        <v>167557</v>
      </c>
      <c r="I49468" s="1" t="s">
        <v>165942</v>
      </c>
      <c r="J49468" s="1" t="s">
        <v>167670</v>
      </c>
    </row>
    <row r="49469" spans="1:10" x14ac:dyDescent="0.35">
      <c r="A49469" s="1" t="s">
        <v>160</v>
      </c>
      <c r="B49469" s="1" t="s">
        <v>165936</v>
      </c>
      <c r="C49469" s="1" t="s">
        <v>8</v>
      </c>
      <c r="D49469" s="1" t="s">
        <v>167671</v>
      </c>
      <c r="E49469" s="1" t="s">
        <v>167672</v>
      </c>
      <c r="F49469" s="1" t="s">
        <v>167673</v>
      </c>
      <c r="G49469" s="1" t="s">
        <v>167674</v>
      </c>
      <c r="H49469" s="1" t="s">
        <v>167675</v>
      </c>
      <c r="I49469" s="1" t="s">
        <v>165942</v>
      </c>
      <c r="J49469" s="1" t="s">
        <v>13</v>
      </c>
    </row>
    <row r="49470" spans="1:10" x14ac:dyDescent="0.35">
      <c r="A49470" s="1" t="s">
        <v>160</v>
      </c>
      <c r="B49470" s="1" t="s">
        <v>165936</v>
      </c>
      <c r="C49470" s="1" t="s">
        <v>15</v>
      </c>
      <c r="D49470" s="1" t="s">
        <v>113813</v>
      </c>
      <c r="E49470" s="1" t="s">
        <v>167676</v>
      </c>
      <c r="F49470" s="1" t="s">
        <v>167677</v>
      </c>
      <c r="G49470" s="1" t="s">
        <v>167674</v>
      </c>
      <c r="H49470" s="1" t="s">
        <v>167675</v>
      </c>
      <c r="I49470" s="1" t="s">
        <v>165942</v>
      </c>
      <c r="J49470" s="1" t="s">
        <v>167678</v>
      </c>
    </row>
    <row r="49471" spans="1:10" x14ac:dyDescent="0.35">
      <c r="A49471" s="1" t="s">
        <v>160</v>
      </c>
      <c r="B49471" s="1" t="s">
        <v>165936</v>
      </c>
      <c r="C49471" s="1" t="s">
        <v>20</v>
      </c>
      <c r="D49471" s="1" t="s">
        <v>167679</v>
      </c>
      <c r="E49471" s="1" t="s">
        <v>167680</v>
      </c>
      <c r="F49471" s="1" t="s">
        <v>167681</v>
      </c>
      <c r="G49471" s="1" t="s">
        <v>167674</v>
      </c>
      <c r="H49471" s="1" t="s">
        <v>167675</v>
      </c>
      <c r="I49471" s="1" t="s">
        <v>165942</v>
      </c>
      <c r="J49471" s="1" t="s">
        <v>167682</v>
      </c>
    </row>
    <row r="49472" spans="1:10" x14ac:dyDescent="0.35">
      <c r="A49472" s="1" t="s">
        <v>160</v>
      </c>
      <c r="B49472" s="1" t="s">
        <v>165936</v>
      </c>
      <c r="C49472" s="1" t="s">
        <v>25</v>
      </c>
      <c r="D49472" s="1" t="s">
        <v>167683</v>
      </c>
      <c r="E49472" s="1" t="s">
        <v>167684</v>
      </c>
      <c r="F49472" s="1" t="s">
        <v>167685</v>
      </c>
      <c r="G49472" s="1" t="s">
        <v>167674</v>
      </c>
      <c r="H49472" s="1" t="s">
        <v>167675</v>
      </c>
      <c r="I49472" s="1" t="s">
        <v>165942</v>
      </c>
      <c r="J49472" s="1" t="s">
        <v>167686</v>
      </c>
    </row>
    <row r="49473" spans="1:10" x14ac:dyDescent="0.35">
      <c r="A49473" s="1" t="s">
        <v>160</v>
      </c>
      <c r="B49473" s="1" t="s">
        <v>165936</v>
      </c>
      <c r="C49473" s="1" t="s">
        <v>30</v>
      </c>
      <c r="D49473" s="1" t="s">
        <v>167687</v>
      </c>
      <c r="E49473" s="1" t="s">
        <v>167688</v>
      </c>
      <c r="F49473" s="1" t="s">
        <v>167689</v>
      </c>
      <c r="G49473" s="1" t="s">
        <v>167674</v>
      </c>
      <c r="H49473" s="1" t="s">
        <v>167675</v>
      </c>
      <c r="I49473" s="1" t="s">
        <v>165942</v>
      </c>
      <c r="J49473" s="1" t="s">
        <v>167690</v>
      </c>
    </row>
    <row r="49474" spans="1:10" x14ac:dyDescent="0.35">
      <c r="A49474" s="1" t="s">
        <v>160</v>
      </c>
      <c r="B49474" s="1" t="s">
        <v>165936</v>
      </c>
      <c r="C49474" s="1" t="s">
        <v>35</v>
      </c>
      <c r="D49474" s="1" t="s">
        <v>167691</v>
      </c>
      <c r="E49474" s="1" t="s">
        <v>167692</v>
      </c>
      <c r="F49474" s="1" t="s">
        <v>167693</v>
      </c>
      <c r="G49474" s="1" t="s">
        <v>167674</v>
      </c>
      <c r="H49474" s="1" t="s">
        <v>167675</v>
      </c>
      <c r="I49474" s="1" t="s">
        <v>165942</v>
      </c>
      <c r="J49474" s="1" t="s">
        <v>167694</v>
      </c>
    </row>
    <row r="49475" spans="1:10" x14ac:dyDescent="0.35">
      <c r="A49475" s="1" t="s">
        <v>160</v>
      </c>
      <c r="B49475" s="1" t="s">
        <v>165936</v>
      </c>
      <c r="C49475" s="1" t="s">
        <v>40</v>
      </c>
      <c r="D49475" s="1" t="s">
        <v>167695</v>
      </c>
      <c r="E49475" s="1" t="s">
        <v>167696</v>
      </c>
      <c r="F49475" s="1" t="s">
        <v>167697</v>
      </c>
      <c r="G49475" s="1" t="s">
        <v>167674</v>
      </c>
      <c r="H49475" s="1" t="s">
        <v>167675</v>
      </c>
      <c r="I49475" s="1" t="s">
        <v>165942</v>
      </c>
      <c r="J49475" s="1" t="s">
        <v>167698</v>
      </c>
    </row>
    <row r="49476" spans="1:10" x14ac:dyDescent="0.35">
      <c r="A49476" s="1" t="s">
        <v>160</v>
      </c>
      <c r="B49476" s="1" t="s">
        <v>165936</v>
      </c>
      <c r="C49476" s="1" t="s">
        <v>45</v>
      </c>
      <c r="D49476" s="1" t="s">
        <v>107336</v>
      </c>
      <c r="E49476" s="1" t="s">
        <v>167699</v>
      </c>
      <c r="F49476" s="1" t="s">
        <v>167700</v>
      </c>
      <c r="G49476" s="1" t="s">
        <v>167674</v>
      </c>
      <c r="H49476" s="1" t="s">
        <v>167675</v>
      </c>
      <c r="I49476" s="1" t="s">
        <v>165942</v>
      </c>
      <c r="J49476" s="1" t="s">
        <v>167701</v>
      </c>
    </row>
    <row r="49477" spans="1:10" x14ac:dyDescent="0.35">
      <c r="A49477" s="1" t="s">
        <v>160</v>
      </c>
      <c r="B49477" s="1" t="s">
        <v>165936</v>
      </c>
      <c r="C49477" s="1" t="s">
        <v>50</v>
      </c>
      <c r="D49477" s="1" t="s">
        <v>167702</v>
      </c>
      <c r="E49477" s="1" t="s">
        <v>167703</v>
      </c>
      <c r="F49477" s="1" t="s">
        <v>167704</v>
      </c>
      <c r="G49477" s="1" t="s">
        <v>167674</v>
      </c>
      <c r="H49477" s="1" t="s">
        <v>167675</v>
      </c>
      <c r="I49477" s="1" t="s">
        <v>165942</v>
      </c>
      <c r="J49477" s="1" t="s">
        <v>167705</v>
      </c>
    </row>
    <row r="49478" spans="1:10" x14ac:dyDescent="0.35">
      <c r="A49478" s="1" t="s">
        <v>160</v>
      </c>
      <c r="B49478" s="1" t="s">
        <v>165936</v>
      </c>
      <c r="C49478" s="1" t="s">
        <v>55</v>
      </c>
      <c r="D49478" s="1" t="s">
        <v>167706</v>
      </c>
      <c r="E49478" s="1" t="s">
        <v>167707</v>
      </c>
      <c r="F49478" s="1" t="s">
        <v>167708</v>
      </c>
      <c r="G49478" s="1" t="s">
        <v>167674</v>
      </c>
      <c r="H49478" s="1" t="s">
        <v>167675</v>
      </c>
      <c r="I49478" s="1" t="s">
        <v>165942</v>
      </c>
      <c r="J49478" s="1" t="s">
        <v>167709</v>
      </c>
    </row>
    <row r="49479" spans="1:10" x14ac:dyDescent="0.35">
      <c r="A49479" s="1" t="s">
        <v>160</v>
      </c>
      <c r="B49479" s="1" t="s">
        <v>165936</v>
      </c>
      <c r="C49479" s="1" t="s">
        <v>60</v>
      </c>
      <c r="D49479" s="1" t="s">
        <v>53603</v>
      </c>
      <c r="E49479" s="1" t="s">
        <v>167710</v>
      </c>
      <c r="F49479" s="1" t="s">
        <v>167711</v>
      </c>
      <c r="G49479" s="1" t="s">
        <v>167674</v>
      </c>
      <c r="H49479" s="1" t="s">
        <v>167675</v>
      </c>
      <c r="I49479" s="1" t="s">
        <v>165942</v>
      </c>
      <c r="J49479" s="1" t="s">
        <v>148326</v>
      </c>
    </row>
    <row r="49480" spans="1:10" x14ac:dyDescent="0.35">
      <c r="A49480" s="1" t="s">
        <v>160</v>
      </c>
      <c r="B49480" s="1" t="s">
        <v>165936</v>
      </c>
      <c r="C49480" s="1" t="s">
        <v>65</v>
      </c>
      <c r="D49480" s="1" t="s">
        <v>136163</v>
      </c>
      <c r="E49480" s="1" t="s">
        <v>167712</v>
      </c>
      <c r="F49480" s="1" t="s">
        <v>167713</v>
      </c>
      <c r="G49480" s="1" t="s">
        <v>167674</v>
      </c>
      <c r="H49480" s="1" t="s">
        <v>167675</v>
      </c>
      <c r="I49480" s="1" t="s">
        <v>165942</v>
      </c>
      <c r="J49480" s="1" t="s">
        <v>167714</v>
      </c>
    </row>
    <row r="49481" spans="1:10" x14ac:dyDescent="0.35">
      <c r="A49481" s="1" t="s">
        <v>160</v>
      </c>
      <c r="B49481" s="1" t="s">
        <v>165936</v>
      </c>
      <c r="C49481" s="1" t="s">
        <v>70</v>
      </c>
      <c r="D49481" s="1" t="s">
        <v>167715</v>
      </c>
      <c r="E49481" s="1" t="s">
        <v>167716</v>
      </c>
      <c r="F49481" s="1" t="s">
        <v>167717</v>
      </c>
      <c r="G49481" s="1" t="s">
        <v>167674</v>
      </c>
      <c r="H49481" s="1" t="s">
        <v>167675</v>
      </c>
      <c r="I49481" s="1" t="s">
        <v>165942</v>
      </c>
      <c r="J49481" s="1" t="s">
        <v>167718</v>
      </c>
    </row>
    <row r="49482" spans="1:10" x14ac:dyDescent="0.35">
      <c r="A49482" s="1" t="s">
        <v>160</v>
      </c>
      <c r="B49482" s="1" t="s">
        <v>165936</v>
      </c>
      <c r="C49482" s="1" t="s">
        <v>75</v>
      </c>
      <c r="D49482" s="1" t="s">
        <v>167719</v>
      </c>
      <c r="E49482" s="1" t="s">
        <v>167720</v>
      </c>
      <c r="F49482" s="1" t="s">
        <v>167721</v>
      </c>
      <c r="G49482" s="1" t="s">
        <v>167674</v>
      </c>
      <c r="H49482" s="1" t="s">
        <v>167675</v>
      </c>
      <c r="I49482" s="1" t="s">
        <v>165942</v>
      </c>
      <c r="J49482" s="1" t="s">
        <v>167722</v>
      </c>
    </row>
    <row r="49483" spans="1:10" x14ac:dyDescent="0.35">
      <c r="A49483" s="1" t="s">
        <v>160</v>
      </c>
      <c r="B49483" s="1" t="s">
        <v>165936</v>
      </c>
      <c r="C49483" s="1" t="s">
        <v>80</v>
      </c>
      <c r="D49483" s="1" t="s">
        <v>167723</v>
      </c>
      <c r="E49483" s="1" t="s">
        <v>167724</v>
      </c>
      <c r="F49483" s="1" t="s">
        <v>167725</v>
      </c>
      <c r="G49483" s="1" t="s">
        <v>167674</v>
      </c>
      <c r="H49483" s="1" t="s">
        <v>167675</v>
      </c>
      <c r="I49483" s="1" t="s">
        <v>165942</v>
      </c>
      <c r="J49483" s="1" t="s">
        <v>167726</v>
      </c>
    </row>
    <row r="49484" spans="1:10" x14ac:dyDescent="0.35">
      <c r="A49484" s="1" t="s">
        <v>160</v>
      </c>
      <c r="B49484" s="1" t="s">
        <v>165936</v>
      </c>
      <c r="C49484" s="1" t="s">
        <v>85</v>
      </c>
      <c r="D49484" s="1" t="s">
        <v>87001</v>
      </c>
      <c r="E49484" s="1" t="s">
        <v>167727</v>
      </c>
      <c r="F49484" s="1" t="s">
        <v>167728</v>
      </c>
      <c r="G49484" s="1" t="s">
        <v>167674</v>
      </c>
      <c r="H49484" s="1" t="s">
        <v>167675</v>
      </c>
      <c r="I49484" s="1" t="s">
        <v>165942</v>
      </c>
      <c r="J49484" s="1" t="s">
        <v>167729</v>
      </c>
    </row>
    <row r="49485" spans="1:10" x14ac:dyDescent="0.35">
      <c r="A49485" s="1" t="s">
        <v>160</v>
      </c>
      <c r="B49485" s="1" t="s">
        <v>165936</v>
      </c>
      <c r="C49485" s="1" t="s">
        <v>90</v>
      </c>
      <c r="D49485" s="1" t="s">
        <v>12494</v>
      </c>
      <c r="E49485" s="1" t="s">
        <v>167730</v>
      </c>
      <c r="F49485" s="1" t="s">
        <v>167731</v>
      </c>
      <c r="G49485" s="1" t="s">
        <v>167674</v>
      </c>
      <c r="H49485" s="1" t="s">
        <v>167675</v>
      </c>
      <c r="I49485" s="1" t="s">
        <v>165942</v>
      </c>
      <c r="J49485" s="1" t="s">
        <v>167732</v>
      </c>
    </row>
    <row r="49486" spans="1:10" x14ac:dyDescent="0.35">
      <c r="A49486" s="1" t="s">
        <v>160</v>
      </c>
      <c r="B49486" s="1" t="s">
        <v>165936</v>
      </c>
      <c r="C49486" s="1" t="s">
        <v>95</v>
      </c>
      <c r="D49486" s="1" t="s">
        <v>53873</v>
      </c>
      <c r="E49486" s="1" t="s">
        <v>167733</v>
      </c>
      <c r="F49486" s="1" t="s">
        <v>167734</v>
      </c>
      <c r="G49486" s="1" t="s">
        <v>167674</v>
      </c>
      <c r="H49486" s="1" t="s">
        <v>167675</v>
      </c>
      <c r="I49486" s="1" t="s">
        <v>165942</v>
      </c>
      <c r="J49486" s="1" t="s">
        <v>167735</v>
      </c>
    </row>
    <row r="49487" spans="1:10" x14ac:dyDescent="0.35">
      <c r="A49487" s="1" t="s">
        <v>160</v>
      </c>
      <c r="B49487" s="1" t="s">
        <v>165936</v>
      </c>
      <c r="C49487" s="1" t="s">
        <v>100</v>
      </c>
      <c r="D49487" s="1" t="s">
        <v>70601</v>
      </c>
      <c r="E49487" s="1" t="s">
        <v>167736</v>
      </c>
      <c r="F49487" s="1" t="s">
        <v>167737</v>
      </c>
      <c r="G49487" s="1" t="s">
        <v>167674</v>
      </c>
      <c r="H49487" s="1" t="s">
        <v>167675</v>
      </c>
      <c r="I49487" s="1" t="s">
        <v>165942</v>
      </c>
      <c r="J49487" s="1" t="s">
        <v>167738</v>
      </c>
    </row>
    <row r="49488" spans="1:10" x14ac:dyDescent="0.35">
      <c r="A49488" s="1" t="s">
        <v>160</v>
      </c>
      <c r="B49488" s="1" t="s">
        <v>165936</v>
      </c>
      <c r="C49488" s="1" t="s">
        <v>105</v>
      </c>
      <c r="D49488" s="1" t="s">
        <v>167739</v>
      </c>
      <c r="E49488" s="1" t="s">
        <v>167740</v>
      </c>
      <c r="F49488" s="1" t="s">
        <v>167741</v>
      </c>
      <c r="G49488" s="1" t="s">
        <v>167674</v>
      </c>
      <c r="H49488" s="1" t="s">
        <v>167675</v>
      </c>
      <c r="I49488" s="1" t="s">
        <v>165942</v>
      </c>
      <c r="J49488" s="1" t="s">
        <v>167742</v>
      </c>
    </row>
    <row r="49489" spans="1:10" x14ac:dyDescent="0.35">
      <c r="A49489" s="1" t="s">
        <v>160</v>
      </c>
      <c r="B49489" s="1" t="s">
        <v>165936</v>
      </c>
      <c r="C49489" s="1" t="s">
        <v>110</v>
      </c>
      <c r="D49489" s="1" t="s">
        <v>58144</v>
      </c>
      <c r="E49489" s="1" t="s">
        <v>167743</v>
      </c>
      <c r="F49489" s="1" t="s">
        <v>167744</v>
      </c>
      <c r="G49489" s="1" t="s">
        <v>167674</v>
      </c>
      <c r="H49489" s="1" t="s">
        <v>167675</v>
      </c>
      <c r="I49489" s="1" t="s">
        <v>165942</v>
      </c>
      <c r="J49489" s="1" t="s">
        <v>167745</v>
      </c>
    </row>
    <row r="49490" spans="1:10" x14ac:dyDescent="0.35">
      <c r="A49490" s="1" t="s">
        <v>160</v>
      </c>
      <c r="B49490" s="1" t="s">
        <v>165936</v>
      </c>
      <c r="C49490" s="1" t="s">
        <v>115</v>
      </c>
      <c r="D49490" s="1" t="s">
        <v>26484</v>
      </c>
      <c r="E49490" s="1" t="s">
        <v>167746</v>
      </c>
      <c r="F49490" s="1" t="s">
        <v>167747</v>
      </c>
      <c r="G49490" s="1" t="s">
        <v>167674</v>
      </c>
      <c r="H49490" s="1" t="s">
        <v>167675</v>
      </c>
      <c r="I49490" s="1" t="s">
        <v>165942</v>
      </c>
      <c r="J49490" s="1" t="s">
        <v>167748</v>
      </c>
    </row>
    <row r="49491" spans="1:10" x14ac:dyDescent="0.35">
      <c r="A49491" s="1" t="s">
        <v>160</v>
      </c>
      <c r="B49491" s="1" t="s">
        <v>165936</v>
      </c>
      <c r="C49491" s="1" t="s">
        <v>120</v>
      </c>
      <c r="D49491" s="1" t="s">
        <v>167749</v>
      </c>
      <c r="E49491" s="1" t="s">
        <v>167750</v>
      </c>
      <c r="F49491" s="1" t="s">
        <v>167751</v>
      </c>
      <c r="G49491" s="1" t="s">
        <v>167674</v>
      </c>
      <c r="H49491" s="1" t="s">
        <v>167675</v>
      </c>
      <c r="I49491" s="1" t="s">
        <v>165942</v>
      </c>
      <c r="J49491" s="1" t="s">
        <v>167752</v>
      </c>
    </row>
    <row r="49492" spans="1:10" x14ac:dyDescent="0.35">
      <c r="A49492" s="1" t="s">
        <v>160</v>
      </c>
      <c r="B49492" s="1" t="s">
        <v>165936</v>
      </c>
      <c r="C49492" s="1" t="s">
        <v>125</v>
      </c>
      <c r="D49492" s="1" t="s">
        <v>103296</v>
      </c>
      <c r="E49492" s="1" t="s">
        <v>167753</v>
      </c>
      <c r="F49492" s="1" t="s">
        <v>167754</v>
      </c>
      <c r="G49492" s="1" t="s">
        <v>167674</v>
      </c>
      <c r="H49492" s="1" t="s">
        <v>167675</v>
      </c>
      <c r="I49492" s="1" t="s">
        <v>165942</v>
      </c>
      <c r="J49492" s="1" t="s">
        <v>167755</v>
      </c>
    </row>
    <row r="49493" spans="1:10" x14ac:dyDescent="0.35">
      <c r="A49493" s="1" t="s">
        <v>160</v>
      </c>
      <c r="B49493" s="1" t="s">
        <v>165936</v>
      </c>
      <c r="C49493" s="1" t="s">
        <v>130</v>
      </c>
      <c r="D49493" s="1" t="s">
        <v>87383</v>
      </c>
      <c r="E49493" s="1" t="s">
        <v>167756</v>
      </c>
      <c r="F49493" s="1" t="s">
        <v>167757</v>
      </c>
      <c r="G49493" s="1" t="s">
        <v>167674</v>
      </c>
      <c r="H49493" s="1" t="s">
        <v>167675</v>
      </c>
      <c r="I49493" s="1" t="s">
        <v>165942</v>
      </c>
      <c r="J49493" s="1" t="s">
        <v>167758</v>
      </c>
    </row>
    <row r="49494" spans="1:10" x14ac:dyDescent="0.35">
      <c r="A49494" s="1" t="s">
        <v>160</v>
      </c>
      <c r="B49494" s="1" t="s">
        <v>165936</v>
      </c>
      <c r="C49494" s="1" t="s">
        <v>135</v>
      </c>
      <c r="D49494" s="1" t="s">
        <v>61771</v>
      </c>
      <c r="E49494" s="1" t="s">
        <v>167759</v>
      </c>
      <c r="F49494" s="1" t="s">
        <v>167760</v>
      </c>
      <c r="G49494" s="1" t="s">
        <v>167674</v>
      </c>
      <c r="H49494" s="1" t="s">
        <v>167675</v>
      </c>
      <c r="I49494" s="1" t="s">
        <v>165942</v>
      </c>
      <c r="J49494" s="1" t="s">
        <v>167761</v>
      </c>
    </row>
    <row r="49495" spans="1:10" x14ac:dyDescent="0.35">
      <c r="A49495" s="1" t="s">
        <v>160</v>
      </c>
      <c r="B49495" s="1" t="s">
        <v>165936</v>
      </c>
      <c r="C49495" s="1" t="s">
        <v>140</v>
      </c>
      <c r="D49495" s="1" t="s">
        <v>167762</v>
      </c>
      <c r="E49495" s="1" t="s">
        <v>167763</v>
      </c>
      <c r="F49495" s="1" t="s">
        <v>167764</v>
      </c>
      <c r="G49495" s="1" t="s">
        <v>167674</v>
      </c>
      <c r="H49495" s="1" t="s">
        <v>167675</v>
      </c>
      <c r="I49495" s="1" t="s">
        <v>165942</v>
      </c>
      <c r="J49495" s="1" t="s">
        <v>167765</v>
      </c>
    </row>
    <row r="49496" spans="1:10" x14ac:dyDescent="0.35">
      <c r="A49496" s="1" t="s">
        <v>160</v>
      </c>
      <c r="B49496" s="1" t="s">
        <v>165936</v>
      </c>
      <c r="C49496" s="1" t="s">
        <v>145</v>
      </c>
      <c r="D49496" s="1" t="s">
        <v>167766</v>
      </c>
      <c r="E49496" s="1" t="s">
        <v>167767</v>
      </c>
      <c r="F49496" s="1" t="s">
        <v>167768</v>
      </c>
      <c r="G49496" s="1" t="s">
        <v>167674</v>
      </c>
      <c r="H49496" s="1" t="s">
        <v>167675</v>
      </c>
      <c r="I49496" s="1" t="s">
        <v>165942</v>
      </c>
      <c r="J49496" s="1" t="s">
        <v>167769</v>
      </c>
    </row>
    <row r="49497" spans="1:10" x14ac:dyDescent="0.35">
      <c r="A49497" s="1" t="s">
        <v>160</v>
      </c>
      <c r="B49497" s="1" t="s">
        <v>165936</v>
      </c>
      <c r="C49497" s="1" t="s">
        <v>150</v>
      </c>
      <c r="D49497" s="1" t="s">
        <v>167770</v>
      </c>
      <c r="E49497" s="1" t="s">
        <v>167771</v>
      </c>
      <c r="F49497" s="1" t="s">
        <v>167772</v>
      </c>
      <c r="G49497" s="1" t="s">
        <v>167674</v>
      </c>
      <c r="H49497" s="1" t="s">
        <v>167675</v>
      </c>
      <c r="I49497" s="1" t="s">
        <v>165942</v>
      </c>
      <c r="J49497" s="1" t="s">
        <v>167773</v>
      </c>
    </row>
    <row r="49498" spans="1:10" x14ac:dyDescent="0.35">
      <c r="A49498" s="1" t="s">
        <v>160</v>
      </c>
      <c r="B49498" s="1" t="s">
        <v>165936</v>
      </c>
      <c r="C49498" s="1" t="s">
        <v>155</v>
      </c>
      <c r="D49498" s="1" t="s">
        <v>26969</v>
      </c>
      <c r="E49498" s="1" t="s">
        <v>167774</v>
      </c>
      <c r="F49498" s="1" t="s">
        <v>167775</v>
      </c>
      <c r="G49498" s="1" t="s">
        <v>167674</v>
      </c>
      <c r="H49498" s="1" t="s">
        <v>167675</v>
      </c>
      <c r="I49498" s="1" t="s">
        <v>165942</v>
      </c>
      <c r="J49498" s="1" t="s">
        <v>167776</v>
      </c>
    </row>
    <row r="49499" spans="1:10" x14ac:dyDescent="0.35">
      <c r="A49499" s="1" t="s">
        <v>160</v>
      </c>
      <c r="B49499" s="1" t="s">
        <v>165936</v>
      </c>
      <c r="C49499" s="1" t="s">
        <v>160</v>
      </c>
      <c r="D49499" s="1" t="s">
        <v>91667</v>
      </c>
      <c r="E49499" s="1" t="s">
        <v>167777</v>
      </c>
      <c r="F49499" s="1" t="s">
        <v>167778</v>
      </c>
      <c r="G49499" s="1" t="s">
        <v>167674</v>
      </c>
      <c r="H49499" s="1" t="s">
        <v>167675</v>
      </c>
      <c r="I49499" s="1" t="s">
        <v>165942</v>
      </c>
      <c r="J49499" s="1" t="s">
        <v>167779</v>
      </c>
    </row>
    <row r="49500" spans="1:10" x14ac:dyDescent="0.35">
      <c r="A49500" s="1" t="s">
        <v>160</v>
      </c>
      <c r="B49500" s="1" t="s">
        <v>165936</v>
      </c>
      <c r="C49500" s="1" t="s">
        <v>165</v>
      </c>
      <c r="D49500" s="1" t="s">
        <v>167780</v>
      </c>
      <c r="E49500" s="1" t="s">
        <v>167781</v>
      </c>
      <c r="F49500" s="1" t="s">
        <v>167782</v>
      </c>
      <c r="G49500" s="1" t="s">
        <v>167674</v>
      </c>
      <c r="H49500" s="1" t="s">
        <v>167675</v>
      </c>
      <c r="I49500" s="1" t="s">
        <v>165942</v>
      </c>
      <c r="J49500" s="1" t="s">
        <v>167783</v>
      </c>
    </row>
    <row r="49501" spans="1:10" x14ac:dyDescent="0.35">
      <c r="A49501" s="1" t="s">
        <v>160</v>
      </c>
      <c r="B49501" s="1" t="s">
        <v>165936</v>
      </c>
      <c r="C49501" s="1" t="s">
        <v>170</v>
      </c>
      <c r="D49501" s="1" t="s">
        <v>167784</v>
      </c>
      <c r="E49501" s="1" t="s">
        <v>167785</v>
      </c>
      <c r="F49501" s="1" t="s">
        <v>167786</v>
      </c>
      <c r="G49501" s="1" t="s">
        <v>167674</v>
      </c>
      <c r="H49501" s="1" t="s">
        <v>167675</v>
      </c>
      <c r="I49501" s="1" t="s">
        <v>165942</v>
      </c>
      <c r="J49501" s="1" t="s">
        <v>167787</v>
      </c>
    </row>
    <row r="49502" spans="1:10" x14ac:dyDescent="0.35">
      <c r="A49502" s="1" t="s">
        <v>165</v>
      </c>
      <c r="B49502" s="1" t="s">
        <v>167788</v>
      </c>
      <c r="C49502" s="1" t="s">
        <v>8</v>
      </c>
      <c r="D49502" s="1" t="s">
        <v>29179</v>
      </c>
      <c r="E49502" s="1" t="s">
        <v>167789</v>
      </c>
      <c r="F49502" s="1" t="s">
        <v>167790</v>
      </c>
      <c r="G49502" s="1" t="s">
        <v>167791</v>
      </c>
      <c r="H49502" s="1" t="s">
        <v>167792</v>
      </c>
      <c r="I49502" s="1" t="s">
        <v>167793</v>
      </c>
      <c r="J49502" s="1" t="s">
        <v>13</v>
      </c>
    </row>
    <row r="49503" spans="1:10" x14ac:dyDescent="0.35">
      <c r="A49503" s="1" t="s">
        <v>165</v>
      </c>
      <c r="B49503" s="1" t="s">
        <v>167788</v>
      </c>
      <c r="C49503" s="1" t="s">
        <v>15</v>
      </c>
      <c r="D49503" s="1" t="s">
        <v>4046</v>
      </c>
      <c r="E49503" s="1" t="s">
        <v>167794</v>
      </c>
      <c r="F49503" s="1" t="s">
        <v>167795</v>
      </c>
      <c r="G49503" s="1" t="s">
        <v>167791</v>
      </c>
      <c r="H49503" s="1" t="s">
        <v>167792</v>
      </c>
      <c r="I49503" s="1" t="s">
        <v>167793</v>
      </c>
      <c r="J49503" s="1" t="s">
        <v>167796</v>
      </c>
    </row>
    <row r="49504" spans="1:10" x14ac:dyDescent="0.35">
      <c r="A49504" s="1" t="s">
        <v>165</v>
      </c>
      <c r="B49504" s="1" t="s">
        <v>167788</v>
      </c>
      <c r="C49504" s="1" t="s">
        <v>20</v>
      </c>
      <c r="D49504" s="1" t="s">
        <v>156948</v>
      </c>
      <c r="E49504" s="1" t="s">
        <v>167797</v>
      </c>
      <c r="F49504" s="1" t="s">
        <v>167798</v>
      </c>
      <c r="G49504" s="1" t="s">
        <v>167791</v>
      </c>
      <c r="H49504" s="1" t="s">
        <v>167792</v>
      </c>
      <c r="I49504" s="1" t="s">
        <v>167793</v>
      </c>
      <c r="J49504" s="1" t="s">
        <v>167799</v>
      </c>
    </row>
    <row r="49505" spans="1:10" x14ac:dyDescent="0.35">
      <c r="A49505" s="1" t="s">
        <v>165</v>
      </c>
      <c r="B49505" s="1" t="s">
        <v>167788</v>
      </c>
      <c r="C49505" s="1" t="s">
        <v>25</v>
      </c>
      <c r="D49505" s="1" t="s">
        <v>10302</v>
      </c>
      <c r="E49505" s="1" t="s">
        <v>167800</v>
      </c>
      <c r="F49505" s="1" t="s">
        <v>167801</v>
      </c>
      <c r="G49505" s="1" t="s">
        <v>167791</v>
      </c>
      <c r="H49505" s="1" t="s">
        <v>167792</v>
      </c>
      <c r="I49505" s="1" t="s">
        <v>167793</v>
      </c>
      <c r="J49505" s="1" t="s">
        <v>167802</v>
      </c>
    </row>
    <row r="49506" spans="1:10" x14ac:dyDescent="0.35">
      <c r="A49506" s="1" t="s">
        <v>165</v>
      </c>
      <c r="B49506" s="1" t="s">
        <v>167788</v>
      </c>
      <c r="C49506" s="1" t="s">
        <v>30</v>
      </c>
      <c r="D49506" s="1" t="s">
        <v>51820</v>
      </c>
      <c r="E49506" s="1" t="s">
        <v>167803</v>
      </c>
      <c r="F49506" s="1" t="s">
        <v>167804</v>
      </c>
      <c r="G49506" s="1" t="s">
        <v>167791</v>
      </c>
      <c r="H49506" s="1" t="s">
        <v>167792</v>
      </c>
      <c r="I49506" s="1" t="s">
        <v>167793</v>
      </c>
      <c r="J49506" s="1" t="s">
        <v>167805</v>
      </c>
    </row>
    <row r="49507" spans="1:10" x14ac:dyDescent="0.35">
      <c r="A49507" s="1" t="s">
        <v>165</v>
      </c>
      <c r="B49507" s="1" t="s">
        <v>167788</v>
      </c>
      <c r="C49507" s="1" t="s">
        <v>35</v>
      </c>
      <c r="D49507" s="1" t="s">
        <v>8337</v>
      </c>
      <c r="E49507" s="1" t="s">
        <v>167806</v>
      </c>
      <c r="F49507" s="1" t="s">
        <v>167807</v>
      </c>
      <c r="G49507" s="1" t="s">
        <v>167791</v>
      </c>
      <c r="H49507" s="1" t="s">
        <v>167792</v>
      </c>
      <c r="I49507" s="1" t="s">
        <v>167793</v>
      </c>
      <c r="J49507" s="1" t="s">
        <v>167808</v>
      </c>
    </row>
    <row r="49508" spans="1:10" x14ac:dyDescent="0.35">
      <c r="A49508" s="1" t="s">
        <v>165</v>
      </c>
      <c r="B49508" s="1" t="s">
        <v>167788</v>
      </c>
      <c r="C49508" s="1" t="s">
        <v>40</v>
      </c>
      <c r="D49508" s="1" t="s">
        <v>144633</v>
      </c>
      <c r="E49508" s="1" t="s">
        <v>167809</v>
      </c>
      <c r="F49508" s="1" t="s">
        <v>167810</v>
      </c>
      <c r="G49508" s="1" t="s">
        <v>167791</v>
      </c>
      <c r="H49508" s="1" t="s">
        <v>167792</v>
      </c>
      <c r="I49508" s="1" t="s">
        <v>167793</v>
      </c>
      <c r="J49508" s="1" t="s">
        <v>157245</v>
      </c>
    </row>
    <row r="49509" spans="1:10" x14ac:dyDescent="0.35">
      <c r="A49509" s="1" t="s">
        <v>165</v>
      </c>
      <c r="B49509" s="1" t="s">
        <v>167788</v>
      </c>
      <c r="C49509" s="1" t="s">
        <v>45</v>
      </c>
      <c r="D49509" s="1" t="s">
        <v>145145</v>
      </c>
      <c r="E49509" s="1" t="s">
        <v>167811</v>
      </c>
      <c r="F49509" s="1" t="s">
        <v>167812</v>
      </c>
      <c r="G49509" s="1" t="s">
        <v>167791</v>
      </c>
      <c r="H49509" s="1" t="s">
        <v>167792</v>
      </c>
      <c r="I49509" s="1" t="s">
        <v>167793</v>
      </c>
      <c r="J49509" s="1" t="s">
        <v>167813</v>
      </c>
    </row>
    <row r="49510" spans="1:10" x14ac:dyDescent="0.35">
      <c r="A49510" s="1" t="s">
        <v>165</v>
      </c>
      <c r="B49510" s="1" t="s">
        <v>167788</v>
      </c>
      <c r="C49510" s="1" t="s">
        <v>50</v>
      </c>
      <c r="D49510" s="1" t="s">
        <v>6854</v>
      </c>
      <c r="E49510" s="1" t="s">
        <v>167814</v>
      </c>
      <c r="F49510" s="1" t="s">
        <v>167815</v>
      </c>
      <c r="G49510" s="1" t="s">
        <v>167791</v>
      </c>
      <c r="H49510" s="1" t="s">
        <v>167792</v>
      </c>
      <c r="I49510" s="1" t="s">
        <v>167793</v>
      </c>
      <c r="J49510" s="1" t="s">
        <v>167816</v>
      </c>
    </row>
    <row r="49511" spans="1:10" x14ac:dyDescent="0.35">
      <c r="A49511" s="1" t="s">
        <v>165</v>
      </c>
      <c r="B49511" s="1" t="s">
        <v>167788</v>
      </c>
      <c r="C49511" s="1" t="s">
        <v>55</v>
      </c>
      <c r="D49511" s="1" t="s">
        <v>10194</v>
      </c>
      <c r="E49511" s="1" t="s">
        <v>167817</v>
      </c>
      <c r="F49511" s="1" t="s">
        <v>167818</v>
      </c>
      <c r="G49511" s="1" t="s">
        <v>167791</v>
      </c>
      <c r="H49511" s="1" t="s">
        <v>167792</v>
      </c>
      <c r="I49511" s="1" t="s">
        <v>167793</v>
      </c>
      <c r="J49511" s="1" t="s">
        <v>167819</v>
      </c>
    </row>
    <row r="49512" spans="1:10" x14ac:dyDescent="0.35">
      <c r="A49512" s="1" t="s">
        <v>165</v>
      </c>
      <c r="B49512" s="1" t="s">
        <v>167788</v>
      </c>
      <c r="C49512" s="1" t="s">
        <v>60</v>
      </c>
      <c r="D49512" s="1" t="s">
        <v>4717</v>
      </c>
      <c r="E49512" s="1" t="s">
        <v>167820</v>
      </c>
      <c r="F49512" s="1" t="s">
        <v>167821</v>
      </c>
      <c r="G49512" s="1" t="s">
        <v>167791</v>
      </c>
      <c r="H49512" s="1" t="s">
        <v>167792</v>
      </c>
      <c r="I49512" s="1" t="s">
        <v>167793</v>
      </c>
      <c r="J49512" s="1" t="s">
        <v>167822</v>
      </c>
    </row>
    <row r="49513" spans="1:10" x14ac:dyDescent="0.35">
      <c r="A49513" s="1" t="s">
        <v>165</v>
      </c>
      <c r="B49513" s="1" t="s">
        <v>167788</v>
      </c>
      <c r="C49513" s="1" t="s">
        <v>65</v>
      </c>
      <c r="D49513" s="1" t="s">
        <v>110697</v>
      </c>
      <c r="E49513" s="1" t="s">
        <v>167823</v>
      </c>
      <c r="F49513" s="1" t="s">
        <v>167824</v>
      </c>
      <c r="G49513" s="1" t="s">
        <v>167791</v>
      </c>
      <c r="H49513" s="1" t="s">
        <v>167792</v>
      </c>
      <c r="I49513" s="1" t="s">
        <v>167793</v>
      </c>
      <c r="J49513" s="1" t="s">
        <v>167825</v>
      </c>
    </row>
    <row r="49514" spans="1:10" x14ac:dyDescent="0.35">
      <c r="A49514" s="1" t="s">
        <v>165</v>
      </c>
      <c r="B49514" s="1" t="s">
        <v>167788</v>
      </c>
      <c r="C49514" s="1" t="s">
        <v>70</v>
      </c>
      <c r="D49514" s="1" t="s">
        <v>46916</v>
      </c>
      <c r="E49514" s="1" t="s">
        <v>167826</v>
      </c>
      <c r="F49514" s="1" t="s">
        <v>167827</v>
      </c>
      <c r="G49514" s="1" t="s">
        <v>167791</v>
      </c>
      <c r="H49514" s="1" t="s">
        <v>167792</v>
      </c>
      <c r="I49514" s="1" t="s">
        <v>167793</v>
      </c>
      <c r="J49514" s="1" t="s">
        <v>167828</v>
      </c>
    </row>
    <row r="49515" spans="1:10" x14ac:dyDescent="0.35">
      <c r="A49515" s="1" t="s">
        <v>165</v>
      </c>
      <c r="B49515" s="1" t="s">
        <v>167788</v>
      </c>
      <c r="C49515" s="1" t="s">
        <v>75</v>
      </c>
      <c r="D49515" s="1" t="s">
        <v>8099</v>
      </c>
      <c r="E49515" s="1" t="s">
        <v>167829</v>
      </c>
      <c r="F49515" s="1" t="s">
        <v>167830</v>
      </c>
      <c r="G49515" s="1" t="s">
        <v>167791</v>
      </c>
      <c r="H49515" s="1" t="s">
        <v>167792</v>
      </c>
      <c r="I49515" s="1" t="s">
        <v>167793</v>
      </c>
      <c r="J49515" s="1" t="s">
        <v>167831</v>
      </c>
    </row>
    <row r="49516" spans="1:10" x14ac:dyDescent="0.35">
      <c r="A49516" s="1" t="s">
        <v>165</v>
      </c>
      <c r="B49516" s="1" t="s">
        <v>167788</v>
      </c>
      <c r="C49516" s="1" t="s">
        <v>80</v>
      </c>
      <c r="D49516" s="1" t="s">
        <v>167832</v>
      </c>
      <c r="E49516" s="1" t="s">
        <v>167833</v>
      </c>
      <c r="F49516" s="1" t="s">
        <v>167834</v>
      </c>
      <c r="G49516" s="1" t="s">
        <v>167791</v>
      </c>
      <c r="H49516" s="1" t="s">
        <v>167792</v>
      </c>
      <c r="I49516" s="1" t="s">
        <v>167793</v>
      </c>
      <c r="J49516" s="1" t="s">
        <v>167835</v>
      </c>
    </row>
    <row r="49517" spans="1:10" x14ac:dyDescent="0.35">
      <c r="A49517" s="1" t="s">
        <v>165</v>
      </c>
      <c r="B49517" s="1" t="s">
        <v>167788</v>
      </c>
      <c r="C49517" s="1" t="s">
        <v>85</v>
      </c>
      <c r="D49517" s="1" t="s">
        <v>7526</v>
      </c>
      <c r="E49517" s="1" t="s">
        <v>167836</v>
      </c>
      <c r="F49517" s="1" t="s">
        <v>167837</v>
      </c>
      <c r="G49517" s="1" t="s">
        <v>167791</v>
      </c>
      <c r="H49517" s="1" t="s">
        <v>167792</v>
      </c>
      <c r="I49517" s="1" t="s">
        <v>167793</v>
      </c>
      <c r="J49517" s="1" t="s">
        <v>167838</v>
      </c>
    </row>
    <row r="49518" spans="1:10" x14ac:dyDescent="0.35">
      <c r="A49518" s="1" t="s">
        <v>165</v>
      </c>
      <c r="B49518" s="1" t="s">
        <v>167788</v>
      </c>
      <c r="C49518" s="1" t="s">
        <v>90</v>
      </c>
      <c r="D49518" s="1" t="s">
        <v>167839</v>
      </c>
      <c r="E49518" s="1" t="s">
        <v>167840</v>
      </c>
      <c r="F49518" s="1" t="s">
        <v>167841</v>
      </c>
      <c r="G49518" s="1" t="s">
        <v>167791</v>
      </c>
      <c r="H49518" s="1" t="s">
        <v>167792</v>
      </c>
      <c r="I49518" s="1" t="s">
        <v>167793</v>
      </c>
      <c r="J49518" s="1" t="s">
        <v>167842</v>
      </c>
    </row>
    <row r="49519" spans="1:10" x14ac:dyDescent="0.35">
      <c r="A49519" s="1" t="s">
        <v>165</v>
      </c>
      <c r="B49519" s="1" t="s">
        <v>167788</v>
      </c>
      <c r="C49519" s="1" t="s">
        <v>95</v>
      </c>
      <c r="D49519" s="1" t="s">
        <v>30053</v>
      </c>
      <c r="E49519" s="1" t="s">
        <v>167843</v>
      </c>
      <c r="F49519" s="1" t="s">
        <v>167844</v>
      </c>
      <c r="G49519" s="1" t="s">
        <v>167791</v>
      </c>
      <c r="H49519" s="1" t="s">
        <v>167792</v>
      </c>
      <c r="I49519" s="1" t="s">
        <v>167793</v>
      </c>
      <c r="J49519" s="1" t="s">
        <v>167845</v>
      </c>
    </row>
    <row r="49520" spans="1:10" x14ac:dyDescent="0.35">
      <c r="A49520" s="1" t="s">
        <v>165</v>
      </c>
      <c r="B49520" s="1" t="s">
        <v>167788</v>
      </c>
      <c r="C49520" s="1" t="s">
        <v>100</v>
      </c>
      <c r="D49520" s="1" t="s">
        <v>167846</v>
      </c>
      <c r="E49520" s="1" t="s">
        <v>167847</v>
      </c>
      <c r="F49520" s="1" t="s">
        <v>167848</v>
      </c>
      <c r="G49520" s="1" t="s">
        <v>167791</v>
      </c>
      <c r="H49520" s="1" t="s">
        <v>167792</v>
      </c>
      <c r="I49520" s="1" t="s">
        <v>167793</v>
      </c>
      <c r="J49520" s="1" t="s">
        <v>167849</v>
      </c>
    </row>
    <row r="49521" spans="1:10" x14ac:dyDescent="0.35">
      <c r="A49521" s="1" t="s">
        <v>165</v>
      </c>
      <c r="B49521" s="1" t="s">
        <v>167788</v>
      </c>
      <c r="C49521" s="1" t="s">
        <v>105</v>
      </c>
      <c r="D49521" s="1" t="s">
        <v>348</v>
      </c>
      <c r="E49521" s="1" t="s">
        <v>167850</v>
      </c>
      <c r="F49521" s="1" t="s">
        <v>167851</v>
      </c>
      <c r="G49521" s="1" t="s">
        <v>167791</v>
      </c>
      <c r="H49521" s="1" t="s">
        <v>167792</v>
      </c>
      <c r="I49521" s="1" t="s">
        <v>167793</v>
      </c>
      <c r="J49521" s="1" t="s">
        <v>167852</v>
      </c>
    </row>
    <row r="49522" spans="1:10" x14ac:dyDescent="0.35">
      <c r="A49522" s="1" t="s">
        <v>165</v>
      </c>
      <c r="B49522" s="1" t="s">
        <v>167788</v>
      </c>
      <c r="C49522" s="1" t="s">
        <v>110</v>
      </c>
      <c r="D49522" s="1" t="s">
        <v>167853</v>
      </c>
      <c r="E49522" s="1" t="s">
        <v>167854</v>
      </c>
      <c r="F49522" s="1" t="s">
        <v>167855</v>
      </c>
      <c r="G49522" s="1" t="s">
        <v>167791</v>
      </c>
      <c r="H49522" s="1" t="s">
        <v>167792</v>
      </c>
      <c r="I49522" s="1" t="s">
        <v>167793</v>
      </c>
      <c r="J49522" s="1" t="s">
        <v>167856</v>
      </c>
    </row>
    <row r="49523" spans="1:10" x14ac:dyDescent="0.35">
      <c r="A49523" s="1" t="s">
        <v>165</v>
      </c>
      <c r="B49523" s="1" t="s">
        <v>167788</v>
      </c>
      <c r="C49523" s="1" t="s">
        <v>115</v>
      </c>
      <c r="D49523" s="1" t="s">
        <v>1596</v>
      </c>
      <c r="E49523" s="1" t="s">
        <v>167857</v>
      </c>
      <c r="F49523" s="1" t="s">
        <v>167858</v>
      </c>
      <c r="G49523" s="1" t="s">
        <v>167791</v>
      </c>
      <c r="H49523" s="1" t="s">
        <v>167792</v>
      </c>
      <c r="I49523" s="1" t="s">
        <v>167793</v>
      </c>
      <c r="J49523" s="1" t="s">
        <v>167859</v>
      </c>
    </row>
    <row r="49524" spans="1:10" x14ac:dyDescent="0.35">
      <c r="A49524" s="1" t="s">
        <v>165</v>
      </c>
      <c r="B49524" s="1" t="s">
        <v>167788</v>
      </c>
      <c r="C49524" s="1" t="s">
        <v>120</v>
      </c>
      <c r="D49524" s="1" t="s">
        <v>116378</v>
      </c>
      <c r="E49524" s="1" t="s">
        <v>167860</v>
      </c>
      <c r="F49524" s="1" t="s">
        <v>167861</v>
      </c>
      <c r="G49524" s="1" t="s">
        <v>167791</v>
      </c>
      <c r="H49524" s="1" t="s">
        <v>167792</v>
      </c>
      <c r="I49524" s="1" t="s">
        <v>167793</v>
      </c>
      <c r="J49524" s="1" t="s">
        <v>167862</v>
      </c>
    </row>
    <row r="49525" spans="1:10" x14ac:dyDescent="0.35">
      <c r="A49525" s="1" t="s">
        <v>165</v>
      </c>
      <c r="B49525" s="1" t="s">
        <v>167788</v>
      </c>
      <c r="C49525" s="1" t="s">
        <v>125</v>
      </c>
      <c r="D49525" s="1" t="s">
        <v>15716</v>
      </c>
      <c r="E49525" s="1" t="s">
        <v>167863</v>
      </c>
      <c r="F49525" s="1" t="s">
        <v>167864</v>
      </c>
      <c r="G49525" s="1" t="s">
        <v>167791</v>
      </c>
      <c r="H49525" s="1" t="s">
        <v>167792</v>
      </c>
      <c r="I49525" s="1" t="s">
        <v>167793</v>
      </c>
      <c r="J49525" s="1" t="s">
        <v>167865</v>
      </c>
    </row>
    <row r="49526" spans="1:10" x14ac:dyDescent="0.35">
      <c r="A49526" s="1" t="s">
        <v>165</v>
      </c>
      <c r="B49526" s="1" t="s">
        <v>167788</v>
      </c>
      <c r="C49526" s="1" t="s">
        <v>130</v>
      </c>
      <c r="D49526" s="1" t="s">
        <v>9013</v>
      </c>
      <c r="E49526" s="1" t="s">
        <v>167866</v>
      </c>
      <c r="F49526" s="1" t="s">
        <v>167867</v>
      </c>
      <c r="G49526" s="1" t="s">
        <v>167791</v>
      </c>
      <c r="H49526" s="1" t="s">
        <v>167792</v>
      </c>
      <c r="I49526" s="1" t="s">
        <v>167793</v>
      </c>
      <c r="J49526" s="1" t="s">
        <v>167868</v>
      </c>
    </row>
    <row r="49527" spans="1:10" x14ac:dyDescent="0.35">
      <c r="A49527" s="1" t="s">
        <v>165</v>
      </c>
      <c r="B49527" s="1" t="s">
        <v>167788</v>
      </c>
      <c r="C49527" s="1" t="s">
        <v>135</v>
      </c>
      <c r="D49527" s="1" t="s">
        <v>119313</v>
      </c>
      <c r="E49527" s="1" t="s">
        <v>167869</v>
      </c>
      <c r="F49527" s="1" t="s">
        <v>167870</v>
      </c>
      <c r="G49527" s="1" t="s">
        <v>167791</v>
      </c>
      <c r="H49527" s="1" t="s">
        <v>167792</v>
      </c>
      <c r="I49527" s="1" t="s">
        <v>167793</v>
      </c>
      <c r="J49527" s="1" t="s">
        <v>167871</v>
      </c>
    </row>
    <row r="49528" spans="1:10" x14ac:dyDescent="0.35">
      <c r="A49528" s="1" t="s">
        <v>165</v>
      </c>
      <c r="B49528" s="1" t="s">
        <v>167788</v>
      </c>
      <c r="C49528" s="1" t="s">
        <v>140</v>
      </c>
      <c r="D49528" s="1" t="s">
        <v>15459</v>
      </c>
      <c r="E49528" s="1" t="s">
        <v>167872</v>
      </c>
      <c r="F49528" s="1" t="s">
        <v>167873</v>
      </c>
      <c r="G49528" s="1" t="s">
        <v>167791</v>
      </c>
      <c r="H49528" s="1" t="s">
        <v>167792</v>
      </c>
      <c r="I49528" s="1" t="s">
        <v>167793</v>
      </c>
      <c r="J49528" s="1" t="s">
        <v>167874</v>
      </c>
    </row>
    <row r="49529" spans="1:10" x14ac:dyDescent="0.35">
      <c r="A49529" s="1" t="s">
        <v>165</v>
      </c>
      <c r="B49529" s="1" t="s">
        <v>167788</v>
      </c>
      <c r="C49529" s="1" t="s">
        <v>145</v>
      </c>
      <c r="D49529" s="1" t="s">
        <v>167875</v>
      </c>
      <c r="E49529" s="1" t="s">
        <v>167876</v>
      </c>
      <c r="F49529" s="1" t="s">
        <v>167877</v>
      </c>
      <c r="G49529" s="1" t="s">
        <v>167791</v>
      </c>
      <c r="H49529" s="1" t="s">
        <v>167792</v>
      </c>
      <c r="I49529" s="1" t="s">
        <v>167793</v>
      </c>
      <c r="J49529" s="1" t="s">
        <v>167878</v>
      </c>
    </row>
    <row r="49530" spans="1:10" x14ac:dyDescent="0.35">
      <c r="A49530" s="1" t="s">
        <v>165</v>
      </c>
      <c r="B49530" s="1" t="s">
        <v>167788</v>
      </c>
      <c r="C49530" s="1" t="s">
        <v>150</v>
      </c>
      <c r="D49530" s="1" t="s">
        <v>161122</v>
      </c>
      <c r="E49530" s="1" t="s">
        <v>167879</v>
      </c>
      <c r="F49530" s="1" t="s">
        <v>167880</v>
      </c>
      <c r="G49530" s="1" t="s">
        <v>167791</v>
      </c>
      <c r="H49530" s="1" t="s">
        <v>167792</v>
      </c>
      <c r="I49530" s="1" t="s">
        <v>167793</v>
      </c>
      <c r="J49530" s="1" t="s">
        <v>167881</v>
      </c>
    </row>
    <row r="49531" spans="1:10" x14ac:dyDescent="0.35">
      <c r="A49531" s="1" t="s">
        <v>165</v>
      </c>
      <c r="B49531" s="1" t="s">
        <v>167788</v>
      </c>
      <c r="C49531" s="1" t="s">
        <v>155</v>
      </c>
      <c r="D49531" s="1" t="s">
        <v>167882</v>
      </c>
      <c r="E49531" s="1" t="s">
        <v>167883</v>
      </c>
      <c r="F49531" s="1" t="s">
        <v>167884</v>
      </c>
      <c r="G49531" s="1" t="s">
        <v>167791</v>
      </c>
      <c r="H49531" s="1" t="s">
        <v>167792</v>
      </c>
      <c r="I49531" s="1" t="s">
        <v>167793</v>
      </c>
      <c r="J49531" s="1" t="s">
        <v>167885</v>
      </c>
    </row>
    <row r="49532" spans="1:10" x14ac:dyDescent="0.35">
      <c r="A49532" s="1" t="s">
        <v>165</v>
      </c>
      <c r="B49532" s="1" t="s">
        <v>167788</v>
      </c>
      <c r="C49532" s="1" t="s">
        <v>160</v>
      </c>
      <c r="D49532" s="1" t="s">
        <v>5095</v>
      </c>
      <c r="E49532" s="1" t="s">
        <v>167886</v>
      </c>
      <c r="F49532" s="1" t="s">
        <v>167887</v>
      </c>
      <c r="G49532" s="1" t="s">
        <v>167791</v>
      </c>
      <c r="H49532" s="1" t="s">
        <v>167792</v>
      </c>
      <c r="I49532" s="1" t="s">
        <v>167793</v>
      </c>
      <c r="J49532" s="1" t="s">
        <v>167888</v>
      </c>
    </row>
    <row r="49533" spans="1:10" x14ac:dyDescent="0.35">
      <c r="A49533" s="1" t="s">
        <v>165</v>
      </c>
      <c r="B49533" s="1" t="s">
        <v>167788</v>
      </c>
      <c r="C49533" s="1" t="s">
        <v>165</v>
      </c>
      <c r="D49533" s="1" t="s">
        <v>151837</v>
      </c>
      <c r="E49533" s="1" t="s">
        <v>167889</v>
      </c>
      <c r="F49533" s="1" t="s">
        <v>167890</v>
      </c>
      <c r="G49533" s="1" t="s">
        <v>167791</v>
      </c>
      <c r="H49533" s="1" t="s">
        <v>167792</v>
      </c>
      <c r="I49533" s="1" t="s">
        <v>167793</v>
      </c>
      <c r="J49533" s="1" t="s">
        <v>167891</v>
      </c>
    </row>
    <row r="49534" spans="1:10" x14ac:dyDescent="0.35">
      <c r="A49534" s="1" t="s">
        <v>165</v>
      </c>
      <c r="B49534" s="1" t="s">
        <v>167788</v>
      </c>
      <c r="C49534" s="1" t="s">
        <v>170</v>
      </c>
      <c r="D49534" s="1" t="s">
        <v>115601</v>
      </c>
      <c r="E49534" s="1" t="s">
        <v>167892</v>
      </c>
      <c r="F49534" s="1" t="s">
        <v>167893</v>
      </c>
      <c r="G49534" s="1" t="s">
        <v>167791</v>
      </c>
      <c r="H49534" s="1" t="s">
        <v>167792</v>
      </c>
      <c r="I49534" s="1" t="s">
        <v>167793</v>
      </c>
      <c r="J49534" s="1" t="s">
        <v>167894</v>
      </c>
    </row>
    <row r="49535" spans="1:10" x14ac:dyDescent="0.35">
      <c r="A49535" s="1" t="s">
        <v>170</v>
      </c>
      <c r="B49535" s="1" t="s">
        <v>167788</v>
      </c>
      <c r="C49535" s="1" t="s">
        <v>8</v>
      </c>
      <c r="D49535" s="1" t="s">
        <v>161594</v>
      </c>
      <c r="E49535" s="1" t="s">
        <v>167895</v>
      </c>
      <c r="F49535" s="1" t="s">
        <v>167896</v>
      </c>
      <c r="G49535" s="1" t="s">
        <v>167897</v>
      </c>
      <c r="H49535" s="1" t="s">
        <v>167898</v>
      </c>
      <c r="I49535" s="1" t="s">
        <v>167793</v>
      </c>
      <c r="J49535" s="1" t="s">
        <v>13</v>
      </c>
    </row>
    <row r="49536" spans="1:10" x14ac:dyDescent="0.35">
      <c r="A49536" s="1" t="s">
        <v>170</v>
      </c>
      <c r="B49536" s="1" t="s">
        <v>167788</v>
      </c>
      <c r="C49536" s="1" t="s">
        <v>15</v>
      </c>
      <c r="D49536" s="1" t="s">
        <v>142743</v>
      </c>
      <c r="E49536" s="1" t="s">
        <v>167899</v>
      </c>
      <c r="F49536" s="1" t="s">
        <v>167900</v>
      </c>
      <c r="G49536" s="1" t="s">
        <v>167897</v>
      </c>
      <c r="H49536" s="1" t="s">
        <v>167898</v>
      </c>
      <c r="I49536" s="1" t="s">
        <v>167793</v>
      </c>
      <c r="J49536" s="1" t="s">
        <v>167901</v>
      </c>
    </row>
    <row r="49537" spans="1:10" x14ac:dyDescent="0.35">
      <c r="A49537" s="1" t="s">
        <v>170</v>
      </c>
      <c r="B49537" s="1" t="s">
        <v>167788</v>
      </c>
      <c r="C49537" s="1" t="s">
        <v>20</v>
      </c>
      <c r="D49537" s="1" t="s">
        <v>14787</v>
      </c>
      <c r="E49537" s="1" t="s">
        <v>167902</v>
      </c>
      <c r="F49537" s="1" t="s">
        <v>167903</v>
      </c>
      <c r="G49537" s="1" t="s">
        <v>167897</v>
      </c>
      <c r="H49537" s="1" t="s">
        <v>167898</v>
      </c>
      <c r="I49537" s="1" t="s">
        <v>167793</v>
      </c>
      <c r="J49537" s="1" t="s">
        <v>167904</v>
      </c>
    </row>
    <row r="49538" spans="1:10" x14ac:dyDescent="0.35">
      <c r="A49538" s="1" t="s">
        <v>170</v>
      </c>
      <c r="B49538" s="1" t="s">
        <v>167788</v>
      </c>
      <c r="C49538" s="1" t="s">
        <v>25</v>
      </c>
      <c r="D49538" s="1" t="s">
        <v>71037</v>
      </c>
      <c r="E49538" s="1" t="s">
        <v>167905</v>
      </c>
      <c r="F49538" s="1" t="s">
        <v>167906</v>
      </c>
      <c r="G49538" s="1" t="s">
        <v>167897</v>
      </c>
      <c r="H49538" s="1" t="s">
        <v>167898</v>
      </c>
      <c r="I49538" s="1" t="s">
        <v>167793</v>
      </c>
      <c r="J49538" s="1" t="s">
        <v>167907</v>
      </c>
    </row>
    <row r="49539" spans="1:10" x14ac:dyDescent="0.35">
      <c r="A49539" s="1" t="s">
        <v>170</v>
      </c>
      <c r="B49539" s="1" t="s">
        <v>167788</v>
      </c>
      <c r="C49539" s="1" t="s">
        <v>30</v>
      </c>
      <c r="D49539" s="1" t="s">
        <v>118904</v>
      </c>
      <c r="E49539" s="1" t="s">
        <v>167908</v>
      </c>
      <c r="F49539" s="1" t="s">
        <v>167909</v>
      </c>
      <c r="G49539" s="1" t="s">
        <v>167897</v>
      </c>
      <c r="H49539" s="1" t="s">
        <v>167898</v>
      </c>
      <c r="I49539" s="1" t="s">
        <v>167793</v>
      </c>
      <c r="J49539" s="1" t="s">
        <v>167910</v>
      </c>
    </row>
    <row r="49540" spans="1:10" x14ac:dyDescent="0.35">
      <c r="A49540" s="1" t="s">
        <v>170</v>
      </c>
      <c r="B49540" s="1" t="s">
        <v>167788</v>
      </c>
      <c r="C49540" s="1" t="s">
        <v>35</v>
      </c>
      <c r="D49540" s="1" t="s">
        <v>7067</v>
      </c>
      <c r="E49540" s="1" t="s">
        <v>167911</v>
      </c>
      <c r="F49540" s="1" t="s">
        <v>167912</v>
      </c>
      <c r="G49540" s="1" t="s">
        <v>167897</v>
      </c>
      <c r="H49540" s="1" t="s">
        <v>167898</v>
      </c>
      <c r="I49540" s="1" t="s">
        <v>167793</v>
      </c>
      <c r="J49540" s="1" t="s">
        <v>167913</v>
      </c>
    </row>
    <row r="49541" spans="1:10" x14ac:dyDescent="0.35">
      <c r="A49541" s="1" t="s">
        <v>170</v>
      </c>
      <c r="B49541" s="1" t="s">
        <v>167788</v>
      </c>
      <c r="C49541" s="1" t="s">
        <v>40</v>
      </c>
      <c r="D49541" s="1" t="s">
        <v>6645</v>
      </c>
      <c r="E49541" s="1" t="s">
        <v>167914</v>
      </c>
      <c r="F49541" s="1" t="s">
        <v>167915</v>
      </c>
      <c r="G49541" s="1" t="s">
        <v>167897</v>
      </c>
      <c r="H49541" s="1" t="s">
        <v>167898</v>
      </c>
      <c r="I49541" s="1" t="s">
        <v>167793</v>
      </c>
      <c r="J49541" s="1" t="s">
        <v>167916</v>
      </c>
    </row>
    <row r="49542" spans="1:10" x14ac:dyDescent="0.35">
      <c r="A49542" s="1" t="s">
        <v>170</v>
      </c>
      <c r="B49542" s="1" t="s">
        <v>167788</v>
      </c>
      <c r="C49542" s="1" t="s">
        <v>45</v>
      </c>
      <c r="D49542" s="1" t="s">
        <v>6559</v>
      </c>
      <c r="E49542" s="1" t="s">
        <v>167917</v>
      </c>
      <c r="F49542" s="1" t="s">
        <v>167918</v>
      </c>
      <c r="G49542" s="1" t="s">
        <v>167897</v>
      </c>
      <c r="H49542" s="1" t="s">
        <v>167898</v>
      </c>
      <c r="I49542" s="1" t="s">
        <v>167793</v>
      </c>
      <c r="J49542" s="1" t="s">
        <v>167919</v>
      </c>
    </row>
    <row r="49543" spans="1:10" x14ac:dyDescent="0.35">
      <c r="A49543" s="1" t="s">
        <v>170</v>
      </c>
      <c r="B49543" s="1" t="s">
        <v>167788</v>
      </c>
      <c r="C49543" s="1" t="s">
        <v>50</v>
      </c>
      <c r="D49543" s="1" t="s">
        <v>167920</v>
      </c>
      <c r="E49543" s="1" t="s">
        <v>167921</v>
      </c>
      <c r="F49543" s="1" t="s">
        <v>167922</v>
      </c>
      <c r="G49543" s="1" t="s">
        <v>167897</v>
      </c>
      <c r="H49543" s="1" t="s">
        <v>167898</v>
      </c>
      <c r="I49543" s="1" t="s">
        <v>167793</v>
      </c>
      <c r="J49543" s="1" t="s">
        <v>167923</v>
      </c>
    </row>
    <row r="49544" spans="1:10" x14ac:dyDescent="0.35">
      <c r="A49544" s="1" t="s">
        <v>170</v>
      </c>
      <c r="B49544" s="1" t="s">
        <v>167788</v>
      </c>
      <c r="C49544" s="1" t="s">
        <v>55</v>
      </c>
      <c r="D49544" s="1" t="s">
        <v>36674</v>
      </c>
      <c r="E49544" s="1" t="s">
        <v>167924</v>
      </c>
      <c r="F49544" s="1" t="s">
        <v>167925</v>
      </c>
      <c r="G49544" s="1" t="s">
        <v>167897</v>
      </c>
      <c r="H49544" s="1" t="s">
        <v>167898</v>
      </c>
      <c r="I49544" s="1" t="s">
        <v>167793</v>
      </c>
      <c r="J49544" s="1" t="s">
        <v>167926</v>
      </c>
    </row>
    <row r="49545" spans="1:10" x14ac:dyDescent="0.35">
      <c r="A49545" s="1" t="s">
        <v>170</v>
      </c>
      <c r="B49545" s="1" t="s">
        <v>167788</v>
      </c>
      <c r="C49545" s="1" t="s">
        <v>60</v>
      </c>
      <c r="D49545" s="1" t="s">
        <v>14072</v>
      </c>
      <c r="E49545" s="1" t="s">
        <v>167927</v>
      </c>
      <c r="F49545" s="1" t="s">
        <v>167928</v>
      </c>
      <c r="G49545" s="1" t="s">
        <v>167897</v>
      </c>
      <c r="H49545" s="1" t="s">
        <v>167898</v>
      </c>
      <c r="I49545" s="1" t="s">
        <v>167793</v>
      </c>
      <c r="J49545" s="1" t="s">
        <v>167929</v>
      </c>
    </row>
    <row r="49546" spans="1:10" x14ac:dyDescent="0.35">
      <c r="A49546" s="1" t="s">
        <v>170</v>
      </c>
      <c r="B49546" s="1" t="s">
        <v>167788</v>
      </c>
      <c r="C49546" s="1" t="s">
        <v>65</v>
      </c>
      <c r="D49546" s="1" t="s">
        <v>167930</v>
      </c>
      <c r="E49546" s="1" t="s">
        <v>167931</v>
      </c>
      <c r="F49546" s="1" t="s">
        <v>167932</v>
      </c>
      <c r="G49546" s="1" t="s">
        <v>167897</v>
      </c>
      <c r="H49546" s="1" t="s">
        <v>167898</v>
      </c>
      <c r="I49546" s="1" t="s">
        <v>167793</v>
      </c>
      <c r="J49546" s="1" t="s">
        <v>167933</v>
      </c>
    </row>
    <row r="49547" spans="1:10" x14ac:dyDescent="0.35">
      <c r="A49547" s="1" t="s">
        <v>170</v>
      </c>
      <c r="B49547" s="1" t="s">
        <v>167788</v>
      </c>
      <c r="C49547" s="1" t="s">
        <v>70</v>
      </c>
      <c r="D49547" s="1" t="s">
        <v>6500</v>
      </c>
      <c r="E49547" s="1" t="s">
        <v>167934</v>
      </c>
      <c r="F49547" s="1" t="s">
        <v>167935</v>
      </c>
      <c r="G49547" s="1" t="s">
        <v>167897</v>
      </c>
      <c r="H49547" s="1" t="s">
        <v>167898</v>
      </c>
      <c r="I49547" s="1" t="s">
        <v>167793</v>
      </c>
      <c r="J49547" s="1" t="s">
        <v>167936</v>
      </c>
    </row>
    <row r="49548" spans="1:10" x14ac:dyDescent="0.35">
      <c r="A49548" s="1" t="s">
        <v>170</v>
      </c>
      <c r="B49548" s="1" t="s">
        <v>167788</v>
      </c>
      <c r="C49548" s="1" t="s">
        <v>75</v>
      </c>
      <c r="D49548" s="1" t="s">
        <v>4685</v>
      </c>
      <c r="E49548" s="1" t="s">
        <v>167937</v>
      </c>
      <c r="F49548" s="1" t="s">
        <v>167938</v>
      </c>
      <c r="G49548" s="1" t="s">
        <v>167897</v>
      </c>
      <c r="H49548" s="1" t="s">
        <v>167898</v>
      </c>
      <c r="I49548" s="1" t="s">
        <v>167793</v>
      </c>
      <c r="J49548" s="1" t="s">
        <v>167939</v>
      </c>
    </row>
    <row r="49549" spans="1:10" x14ac:dyDescent="0.35">
      <c r="A49549" s="1" t="s">
        <v>170</v>
      </c>
      <c r="B49549" s="1" t="s">
        <v>167788</v>
      </c>
      <c r="C49549" s="1" t="s">
        <v>80</v>
      </c>
      <c r="D49549" s="1" t="s">
        <v>104649</v>
      </c>
      <c r="E49549" s="1" t="s">
        <v>167940</v>
      </c>
      <c r="F49549" s="1" t="s">
        <v>167941</v>
      </c>
      <c r="G49549" s="1" t="s">
        <v>167897</v>
      </c>
      <c r="H49549" s="1" t="s">
        <v>167898</v>
      </c>
      <c r="I49549" s="1" t="s">
        <v>167793</v>
      </c>
      <c r="J49549" s="1" t="s">
        <v>167942</v>
      </c>
    </row>
    <row r="49550" spans="1:10" x14ac:dyDescent="0.35">
      <c r="A49550" s="1" t="s">
        <v>170</v>
      </c>
      <c r="B49550" s="1" t="s">
        <v>167788</v>
      </c>
      <c r="C49550" s="1" t="s">
        <v>85</v>
      </c>
      <c r="D49550" s="1" t="s">
        <v>111495</v>
      </c>
      <c r="E49550" s="1" t="s">
        <v>167943</v>
      </c>
      <c r="F49550" s="1" t="s">
        <v>167944</v>
      </c>
      <c r="G49550" s="1" t="s">
        <v>167897</v>
      </c>
      <c r="H49550" s="1" t="s">
        <v>167898</v>
      </c>
      <c r="I49550" s="1" t="s">
        <v>167793</v>
      </c>
      <c r="J49550" s="1" t="s">
        <v>167945</v>
      </c>
    </row>
    <row r="49551" spans="1:10" x14ac:dyDescent="0.35">
      <c r="A49551" s="1" t="s">
        <v>170</v>
      </c>
      <c r="B49551" s="1" t="s">
        <v>167788</v>
      </c>
      <c r="C49551" s="1" t="s">
        <v>90</v>
      </c>
      <c r="D49551" s="1" t="s">
        <v>117028</v>
      </c>
      <c r="E49551" s="1" t="s">
        <v>167946</v>
      </c>
      <c r="F49551" s="1" t="s">
        <v>167947</v>
      </c>
      <c r="G49551" s="1" t="s">
        <v>167897</v>
      </c>
      <c r="H49551" s="1" t="s">
        <v>167898</v>
      </c>
      <c r="I49551" s="1" t="s">
        <v>167793</v>
      </c>
      <c r="J49551" s="1" t="s">
        <v>167948</v>
      </c>
    </row>
    <row r="49552" spans="1:10" x14ac:dyDescent="0.35">
      <c r="A49552" s="1" t="s">
        <v>170</v>
      </c>
      <c r="B49552" s="1" t="s">
        <v>167788</v>
      </c>
      <c r="C49552" s="1" t="s">
        <v>95</v>
      </c>
      <c r="D49552" s="1" t="s">
        <v>8325</v>
      </c>
      <c r="E49552" s="1" t="s">
        <v>167949</v>
      </c>
      <c r="F49552" s="1" t="s">
        <v>167950</v>
      </c>
      <c r="G49552" s="1" t="s">
        <v>167897</v>
      </c>
      <c r="H49552" s="1" t="s">
        <v>167898</v>
      </c>
      <c r="I49552" s="1" t="s">
        <v>167793</v>
      </c>
      <c r="J49552" s="1" t="s">
        <v>167951</v>
      </c>
    </row>
    <row r="49553" spans="1:10" x14ac:dyDescent="0.35">
      <c r="A49553" s="1" t="s">
        <v>170</v>
      </c>
      <c r="B49553" s="1" t="s">
        <v>167788</v>
      </c>
      <c r="C49553" s="1" t="s">
        <v>100</v>
      </c>
      <c r="D49553" s="1" t="s">
        <v>109985</v>
      </c>
      <c r="E49553" s="1" t="s">
        <v>167952</v>
      </c>
      <c r="F49553" s="1" t="s">
        <v>167953</v>
      </c>
      <c r="G49553" s="1" t="s">
        <v>167897</v>
      </c>
      <c r="H49553" s="1" t="s">
        <v>167898</v>
      </c>
      <c r="I49553" s="1" t="s">
        <v>167793</v>
      </c>
      <c r="J49553" s="1" t="s">
        <v>167954</v>
      </c>
    </row>
    <row r="49554" spans="1:10" x14ac:dyDescent="0.35">
      <c r="A49554" s="1" t="s">
        <v>170</v>
      </c>
      <c r="B49554" s="1" t="s">
        <v>167788</v>
      </c>
      <c r="C49554" s="1" t="s">
        <v>105</v>
      </c>
      <c r="D49554" s="1" t="s">
        <v>11763</v>
      </c>
      <c r="E49554" s="1" t="s">
        <v>167955</v>
      </c>
      <c r="F49554" s="1" t="s">
        <v>167956</v>
      </c>
      <c r="G49554" s="1" t="s">
        <v>167897</v>
      </c>
      <c r="H49554" s="1" t="s">
        <v>167898</v>
      </c>
      <c r="I49554" s="1" t="s">
        <v>167793</v>
      </c>
      <c r="J49554" s="1" t="s">
        <v>167957</v>
      </c>
    </row>
    <row r="49555" spans="1:10" x14ac:dyDescent="0.35">
      <c r="A49555" s="1" t="s">
        <v>170</v>
      </c>
      <c r="B49555" s="1" t="s">
        <v>167788</v>
      </c>
      <c r="C49555" s="1" t="s">
        <v>110</v>
      </c>
      <c r="D49555" s="1" t="s">
        <v>25060</v>
      </c>
      <c r="E49555" s="1" t="s">
        <v>167958</v>
      </c>
      <c r="F49555" s="1" t="s">
        <v>167959</v>
      </c>
      <c r="G49555" s="1" t="s">
        <v>167897</v>
      </c>
      <c r="H49555" s="1" t="s">
        <v>167898</v>
      </c>
      <c r="I49555" s="1" t="s">
        <v>167793</v>
      </c>
      <c r="J49555" s="1" t="s">
        <v>167960</v>
      </c>
    </row>
    <row r="49556" spans="1:10" x14ac:dyDescent="0.35">
      <c r="A49556" s="1" t="s">
        <v>170</v>
      </c>
      <c r="B49556" s="1" t="s">
        <v>167788</v>
      </c>
      <c r="C49556" s="1" t="s">
        <v>115</v>
      </c>
      <c r="D49556" s="1" t="s">
        <v>117919</v>
      </c>
      <c r="E49556" s="1" t="s">
        <v>167961</v>
      </c>
      <c r="F49556" s="1" t="s">
        <v>167962</v>
      </c>
      <c r="G49556" s="1" t="s">
        <v>167897</v>
      </c>
      <c r="H49556" s="1" t="s">
        <v>167898</v>
      </c>
      <c r="I49556" s="1" t="s">
        <v>167793</v>
      </c>
      <c r="J49556" s="1" t="s">
        <v>167963</v>
      </c>
    </row>
    <row r="49557" spans="1:10" x14ac:dyDescent="0.35">
      <c r="A49557" s="1" t="s">
        <v>170</v>
      </c>
      <c r="B49557" s="1" t="s">
        <v>167788</v>
      </c>
      <c r="C49557" s="1" t="s">
        <v>120</v>
      </c>
      <c r="D49557" s="1" t="s">
        <v>111072</v>
      </c>
      <c r="E49557" s="1" t="s">
        <v>167964</v>
      </c>
      <c r="F49557" s="1" t="s">
        <v>167965</v>
      </c>
      <c r="G49557" s="1" t="s">
        <v>167897</v>
      </c>
      <c r="H49557" s="1" t="s">
        <v>167898</v>
      </c>
      <c r="I49557" s="1" t="s">
        <v>167793</v>
      </c>
      <c r="J49557" s="1" t="s">
        <v>167966</v>
      </c>
    </row>
    <row r="49558" spans="1:10" x14ac:dyDescent="0.35">
      <c r="A49558" s="1" t="s">
        <v>170</v>
      </c>
      <c r="B49558" s="1" t="s">
        <v>167788</v>
      </c>
      <c r="C49558" s="1" t="s">
        <v>125</v>
      </c>
      <c r="D49558" s="1" t="s">
        <v>110342</v>
      </c>
      <c r="E49558" s="1" t="s">
        <v>167967</v>
      </c>
      <c r="F49558" s="1" t="s">
        <v>167968</v>
      </c>
      <c r="G49558" s="1" t="s">
        <v>167897</v>
      </c>
      <c r="H49558" s="1" t="s">
        <v>167898</v>
      </c>
      <c r="I49558" s="1" t="s">
        <v>167793</v>
      </c>
      <c r="J49558" s="1" t="s">
        <v>167969</v>
      </c>
    </row>
    <row r="49559" spans="1:10" x14ac:dyDescent="0.35">
      <c r="A49559" s="1" t="s">
        <v>170</v>
      </c>
      <c r="B49559" s="1" t="s">
        <v>167788</v>
      </c>
      <c r="C49559" s="1" t="s">
        <v>130</v>
      </c>
      <c r="D49559" s="1" t="s">
        <v>10102</v>
      </c>
      <c r="E49559" s="1" t="s">
        <v>167970</v>
      </c>
      <c r="F49559" s="1" t="s">
        <v>167971</v>
      </c>
      <c r="G49559" s="1" t="s">
        <v>167897</v>
      </c>
      <c r="H49559" s="1" t="s">
        <v>167898</v>
      </c>
      <c r="I49559" s="1" t="s">
        <v>167793</v>
      </c>
      <c r="J49559" s="1" t="s">
        <v>167972</v>
      </c>
    </row>
    <row r="49560" spans="1:10" x14ac:dyDescent="0.35">
      <c r="A49560" s="1" t="s">
        <v>170</v>
      </c>
      <c r="B49560" s="1" t="s">
        <v>167788</v>
      </c>
      <c r="C49560" s="1" t="s">
        <v>135</v>
      </c>
      <c r="D49560" s="1" t="s">
        <v>10213</v>
      </c>
      <c r="E49560" s="1" t="s">
        <v>167973</v>
      </c>
      <c r="F49560" s="1" t="s">
        <v>167974</v>
      </c>
      <c r="G49560" s="1" t="s">
        <v>167897</v>
      </c>
      <c r="H49560" s="1" t="s">
        <v>167898</v>
      </c>
      <c r="I49560" s="1" t="s">
        <v>167793</v>
      </c>
      <c r="J49560" s="1" t="s">
        <v>167975</v>
      </c>
    </row>
    <row r="49561" spans="1:10" x14ac:dyDescent="0.35">
      <c r="A49561" s="1" t="s">
        <v>170</v>
      </c>
      <c r="B49561" s="1" t="s">
        <v>167788</v>
      </c>
      <c r="C49561" s="1" t="s">
        <v>140</v>
      </c>
      <c r="D49561" s="1" t="s">
        <v>27882</v>
      </c>
      <c r="E49561" s="1" t="s">
        <v>167976</v>
      </c>
      <c r="F49561" s="1" t="s">
        <v>167977</v>
      </c>
      <c r="G49561" s="1" t="s">
        <v>167897</v>
      </c>
      <c r="H49561" s="1" t="s">
        <v>167898</v>
      </c>
      <c r="I49561" s="1" t="s">
        <v>167793</v>
      </c>
      <c r="J49561" s="1" t="s">
        <v>167978</v>
      </c>
    </row>
    <row r="49562" spans="1:10" x14ac:dyDescent="0.35">
      <c r="A49562" s="1" t="s">
        <v>170</v>
      </c>
      <c r="B49562" s="1" t="s">
        <v>167788</v>
      </c>
      <c r="C49562" s="1" t="s">
        <v>145</v>
      </c>
      <c r="D49562" s="1" t="s">
        <v>8116</v>
      </c>
      <c r="E49562" s="1" t="s">
        <v>167979</v>
      </c>
      <c r="F49562" s="1" t="s">
        <v>167980</v>
      </c>
      <c r="G49562" s="1" t="s">
        <v>167897</v>
      </c>
      <c r="H49562" s="1" t="s">
        <v>167898</v>
      </c>
      <c r="I49562" s="1" t="s">
        <v>167793</v>
      </c>
      <c r="J49562" s="1" t="s">
        <v>39380</v>
      </c>
    </row>
    <row r="49563" spans="1:10" x14ac:dyDescent="0.35">
      <c r="A49563" s="1" t="s">
        <v>170</v>
      </c>
      <c r="B49563" s="1" t="s">
        <v>167788</v>
      </c>
      <c r="C49563" s="1" t="s">
        <v>150</v>
      </c>
      <c r="D49563" s="1" t="s">
        <v>167839</v>
      </c>
      <c r="E49563" s="1" t="s">
        <v>167981</v>
      </c>
      <c r="F49563" s="1" t="s">
        <v>167982</v>
      </c>
      <c r="G49563" s="1" t="s">
        <v>167897</v>
      </c>
      <c r="H49563" s="1" t="s">
        <v>167898</v>
      </c>
      <c r="I49563" s="1" t="s">
        <v>167793</v>
      </c>
      <c r="J49563" s="1" t="s">
        <v>167983</v>
      </c>
    </row>
    <row r="49564" spans="1:10" x14ac:dyDescent="0.35">
      <c r="A49564" s="1" t="s">
        <v>170</v>
      </c>
      <c r="B49564" s="1" t="s">
        <v>167788</v>
      </c>
      <c r="C49564" s="1" t="s">
        <v>155</v>
      </c>
      <c r="D49564" s="1" t="s">
        <v>104931</v>
      </c>
      <c r="E49564" s="1" t="s">
        <v>167984</v>
      </c>
      <c r="F49564" s="1" t="s">
        <v>167985</v>
      </c>
      <c r="G49564" s="1" t="s">
        <v>167897</v>
      </c>
      <c r="H49564" s="1" t="s">
        <v>167898</v>
      </c>
      <c r="I49564" s="1" t="s">
        <v>167793</v>
      </c>
      <c r="J49564" s="1" t="s">
        <v>167986</v>
      </c>
    </row>
    <row r="49565" spans="1:10" x14ac:dyDescent="0.35">
      <c r="A49565" s="1" t="s">
        <v>170</v>
      </c>
      <c r="B49565" s="1" t="s">
        <v>167788</v>
      </c>
      <c r="C49565" s="1" t="s">
        <v>160</v>
      </c>
      <c r="D49565" s="1" t="s">
        <v>104092</v>
      </c>
      <c r="E49565" s="1" t="s">
        <v>167987</v>
      </c>
      <c r="F49565" s="1" t="s">
        <v>167988</v>
      </c>
      <c r="G49565" s="1" t="s">
        <v>167897</v>
      </c>
      <c r="H49565" s="1" t="s">
        <v>167898</v>
      </c>
      <c r="I49565" s="1" t="s">
        <v>167793</v>
      </c>
      <c r="J49565" s="1" t="s">
        <v>167989</v>
      </c>
    </row>
    <row r="49566" spans="1:10" x14ac:dyDescent="0.35">
      <c r="A49566" s="1" t="s">
        <v>170</v>
      </c>
      <c r="B49566" s="1" t="s">
        <v>167788</v>
      </c>
      <c r="C49566" s="1" t="s">
        <v>165</v>
      </c>
      <c r="D49566" s="1" t="s">
        <v>110048</v>
      </c>
      <c r="E49566" s="1" t="s">
        <v>167990</v>
      </c>
      <c r="F49566" s="1" t="s">
        <v>167991</v>
      </c>
      <c r="G49566" s="1" t="s">
        <v>167897</v>
      </c>
      <c r="H49566" s="1" t="s">
        <v>167898</v>
      </c>
      <c r="I49566" s="1" t="s">
        <v>167793</v>
      </c>
      <c r="J49566" s="1" t="s">
        <v>167992</v>
      </c>
    </row>
    <row r="49567" spans="1:10" x14ac:dyDescent="0.35">
      <c r="A49567" s="1" t="s">
        <v>170</v>
      </c>
      <c r="B49567" s="1" t="s">
        <v>167788</v>
      </c>
      <c r="C49567" s="1" t="s">
        <v>170</v>
      </c>
      <c r="D49567" s="1" t="s">
        <v>167993</v>
      </c>
      <c r="E49567" s="1" t="s">
        <v>167994</v>
      </c>
      <c r="F49567" s="1" t="s">
        <v>167995</v>
      </c>
      <c r="G49567" s="1" t="s">
        <v>167897</v>
      </c>
      <c r="H49567" s="1" t="s">
        <v>167898</v>
      </c>
      <c r="I49567" s="1" t="s">
        <v>167793</v>
      </c>
      <c r="J49567" s="1" t="s">
        <v>167996</v>
      </c>
    </row>
    <row r="49568" spans="1:10" x14ac:dyDescent="0.35">
      <c r="A49568" s="1" t="s">
        <v>27731</v>
      </c>
      <c r="B49568" s="1" t="s">
        <v>167788</v>
      </c>
      <c r="C49568" s="1" t="s">
        <v>8</v>
      </c>
      <c r="D49568" s="1" t="s">
        <v>29179</v>
      </c>
      <c r="E49568" s="1" t="s">
        <v>167997</v>
      </c>
      <c r="F49568" s="1" t="s">
        <v>167998</v>
      </c>
      <c r="G49568" s="1" t="s">
        <v>167999</v>
      </c>
      <c r="H49568" s="1" t="s">
        <v>168000</v>
      </c>
      <c r="I49568" s="1" t="s">
        <v>167793</v>
      </c>
      <c r="J49568" s="1" t="s">
        <v>13</v>
      </c>
    </row>
    <row r="49569" spans="1:10" x14ac:dyDescent="0.35">
      <c r="A49569" s="1" t="s">
        <v>27731</v>
      </c>
      <c r="B49569" s="1" t="s">
        <v>167788</v>
      </c>
      <c r="C49569" s="1" t="s">
        <v>15</v>
      </c>
      <c r="D49569" s="1" t="s">
        <v>4046</v>
      </c>
      <c r="E49569" s="1" t="s">
        <v>168001</v>
      </c>
      <c r="F49569" s="1" t="s">
        <v>168002</v>
      </c>
      <c r="G49569" s="1" t="s">
        <v>167999</v>
      </c>
      <c r="H49569" s="1" t="s">
        <v>168000</v>
      </c>
      <c r="I49569" s="1" t="s">
        <v>167793</v>
      </c>
      <c r="J49569" s="1" t="s">
        <v>167796</v>
      </c>
    </row>
    <row r="49570" spans="1:10" x14ac:dyDescent="0.35">
      <c r="A49570" s="1" t="s">
        <v>27731</v>
      </c>
      <c r="B49570" s="1" t="s">
        <v>167788</v>
      </c>
      <c r="C49570" s="1" t="s">
        <v>20</v>
      </c>
      <c r="D49570" s="1" t="s">
        <v>156948</v>
      </c>
      <c r="E49570" s="1" t="s">
        <v>168003</v>
      </c>
      <c r="F49570" s="1" t="s">
        <v>168004</v>
      </c>
      <c r="G49570" s="1" t="s">
        <v>167999</v>
      </c>
      <c r="H49570" s="1" t="s">
        <v>168000</v>
      </c>
      <c r="I49570" s="1" t="s">
        <v>167793</v>
      </c>
      <c r="J49570" s="1" t="s">
        <v>167799</v>
      </c>
    </row>
    <row r="49571" spans="1:10" x14ac:dyDescent="0.35">
      <c r="A49571" s="1" t="s">
        <v>27731</v>
      </c>
      <c r="B49571" s="1" t="s">
        <v>167788</v>
      </c>
      <c r="C49571" s="1" t="s">
        <v>25</v>
      </c>
      <c r="D49571" s="1" t="s">
        <v>10302</v>
      </c>
      <c r="E49571" s="1" t="s">
        <v>168005</v>
      </c>
      <c r="F49571" s="1" t="s">
        <v>168006</v>
      </c>
      <c r="G49571" s="1" t="s">
        <v>167999</v>
      </c>
      <c r="H49571" s="1" t="s">
        <v>168000</v>
      </c>
      <c r="I49571" s="1" t="s">
        <v>167793</v>
      </c>
      <c r="J49571" s="1" t="s">
        <v>167802</v>
      </c>
    </row>
    <row r="49572" spans="1:10" x14ac:dyDescent="0.35">
      <c r="A49572" s="1" t="s">
        <v>27731</v>
      </c>
      <c r="B49572" s="1" t="s">
        <v>167788</v>
      </c>
      <c r="C49572" s="1" t="s">
        <v>30</v>
      </c>
      <c r="D49572" s="1" t="s">
        <v>51820</v>
      </c>
      <c r="E49572" s="1" t="s">
        <v>168007</v>
      </c>
      <c r="F49572" s="1" t="s">
        <v>168008</v>
      </c>
      <c r="G49572" s="1" t="s">
        <v>167999</v>
      </c>
      <c r="H49572" s="1" t="s">
        <v>168000</v>
      </c>
      <c r="I49572" s="1" t="s">
        <v>167793</v>
      </c>
      <c r="J49572" s="1" t="s">
        <v>167805</v>
      </c>
    </row>
    <row r="49573" spans="1:10" x14ac:dyDescent="0.35">
      <c r="A49573" s="1" t="s">
        <v>27731</v>
      </c>
      <c r="B49573" s="1" t="s">
        <v>167788</v>
      </c>
      <c r="C49573" s="1" t="s">
        <v>35</v>
      </c>
      <c r="D49573" s="1" t="s">
        <v>8337</v>
      </c>
      <c r="E49573" s="1" t="s">
        <v>168009</v>
      </c>
      <c r="F49573" s="1" t="s">
        <v>168010</v>
      </c>
      <c r="G49573" s="1" t="s">
        <v>167999</v>
      </c>
      <c r="H49573" s="1" t="s">
        <v>168000</v>
      </c>
      <c r="I49573" s="1" t="s">
        <v>167793</v>
      </c>
      <c r="J49573" s="1" t="s">
        <v>167808</v>
      </c>
    </row>
    <row r="49574" spans="1:10" x14ac:dyDescent="0.35">
      <c r="A49574" s="1" t="s">
        <v>27731</v>
      </c>
      <c r="B49574" s="1" t="s">
        <v>167788</v>
      </c>
      <c r="C49574" s="1" t="s">
        <v>40</v>
      </c>
      <c r="D49574" s="1" t="s">
        <v>144633</v>
      </c>
      <c r="E49574" s="1" t="s">
        <v>168011</v>
      </c>
      <c r="F49574" s="1" t="s">
        <v>168012</v>
      </c>
      <c r="G49574" s="1" t="s">
        <v>167999</v>
      </c>
      <c r="H49574" s="1" t="s">
        <v>168000</v>
      </c>
      <c r="I49574" s="1" t="s">
        <v>167793</v>
      </c>
      <c r="J49574" s="1" t="s">
        <v>157245</v>
      </c>
    </row>
    <row r="49575" spans="1:10" x14ac:dyDescent="0.35">
      <c r="A49575" s="1" t="s">
        <v>27731</v>
      </c>
      <c r="B49575" s="1" t="s">
        <v>167788</v>
      </c>
      <c r="C49575" s="1" t="s">
        <v>45</v>
      </c>
      <c r="D49575" s="1" t="s">
        <v>145145</v>
      </c>
      <c r="E49575" s="1" t="s">
        <v>168013</v>
      </c>
      <c r="F49575" s="1" t="s">
        <v>168014</v>
      </c>
      <c r="G49575" s="1" t="s">
        <v>167999</v>
      </c>
      <c r="H49575" s="1" t="s">
        <v>168000</v>
      </c>
      <c r="I49575" s="1" t="s">
        <v>167793</v>
      </c>
      <c r="J49575" s="1" t="s">
        <v>167813</v>
      </c>
    </row>
    <row r="49576" spans="1:10" x14ac:dyDescent="0.35">
      <c r="A49576" s="1" t="s">
        <v>27731</v>
      </c>
      <c r="B49576" s="1" t="s">
        <v>167788</v>
      </c>
      <c r="C49576" s="1" t="s">
        <v>50</v>
      </c>
      <c r="D49576" s="1" t="s">
        <v>6854</v>
      </c>
      <c r="E49576" s="1" t="s">
        <v>168015</v>
      </c>
      <c r="F49576" s="1" t="s">
        <v>168016</v>
      </c>
      <c r="G49576" s="1" t="s">
        <v>167999</v>
      </c>
      <c r="H49576" s="1" t="s">
        <v>168000</v>
      </c>
      <c r="I49576" s="1" t="s">
        <v>167793</v>
      </c>
      <c r="J49576" s="1" t="s">
        <v>167816</v>
      </c>
    </row>
    <row r="49577" spans="1:10" x14ac:dyDescent="0.35">
      <c r="A49577" s="1" t="s">
        <v>27731</v>
      </c>
      <c r="B49577" s="1" t="s">
        <v>167788</v>
      </c>
      <c r="C49577" s="1" t="s">
        <v>55</v>
      </c>
      <c r="D49577" s="1" t="s">
        <v>10194</v>
      </c>
      <c r="E49577" s="1" t="s">
        <v>168017</v>
      </c>
      <c r="F49577" s="1" t="s">
        <v>168018</v>
      </c>
      <c r="G49577" s="1" t="s">
        <v>167999</v>
      </c>
      <c r="H49577" s="1" t="s">
        <v>168000</v>
      </c>
      <c r="I49577" s="1" t="s">
        <v>167793</v>
      </c>
      <c r="J49577" s="1" t="s">
        <v>167819</v>
      </c>
    </row>
    <row r="49578" spans="1:10" x14ac:dyDescent="0.35">
      <c r="A49578" s="1" t="s">
        <v>27731</v>
      </c>
      <c r="B49578" s="1" t="s">
        <v>167788</v>
      </c>
      <c r="C49578" s="1" t="s">
        <v>60</v>
      </c>
      <c r="D49578" s="1" t="s">
        <v>4717</v>
      </c>
      <c r="E49578" s="1" t="s">
        <v>168019</v>
      </c>
      <c r="F49578" s="1" t="s">
        <v>168020</v>
      </c>
      <c r="G49578" s="1" t="s">
        <v>167999</v>
      </c>
      <c r="H49578" s="1" t="s">
        <v>168000</v>
      </c>
      <c r="I49578" s="1" t="s">
        <v>167793</v>
      </c>
      <c r="J49578" s="1" t="s">
        <v>167822</v>
      </c>
    </row>
    <row r="49579" spans="1:10" x14ac:dyDescent="0.35">
      <c r="A49579" s="1" t="s">
        <v>27731</v>
      </c>
      <c r="B49579" s="1" t="s">
        <v>167788</v>
      </c>
      <c r="C49579" s="1" t="s">
        <v>65</v>
      </c>
      <c r="D49579" s="1" t="s">
        <v>110697</v>
      </c>
      <c r="E49579" s="1" t="s">
        <v>168021</v>
      </c>
      <c r="F49579" s="1" t="s">
        <v>168022</v>
      </c>
      <c r="G49579" s="1" t="s">
        <v>167999</v>
      </c>
      <c r="H49579" s="1" t="s">
        <v>168000</v>
      </c>
      <c r="I49579" s="1" t="s">
        <v>167793</v>
      </c>
      <c r="J49579" s="1" t="s">
        <v>167825</v>
      </c>
    </row>
    <row r="49580" spans="1:10" x14ac:dyDescent="0.35">
      <c r="A49580" s="1" t="s">
        <v>27731</v>
      </c>
      <c r="B49580" s="1" t="s">
        <v>167788</v>
      </c>
      <c r="C49580" s="1" t="s">
        <v>70</v>
      </c>
      <c r="D49580" s="1" t="s">
        <v>46916</v>
      </c>
      <c r="E49580" s="1" t="s">
        <v>168023</v>
      </c>
      <c r="F49580" s="1" t="s">
        <v>168024</v>
      </c>
      <c r="G49580" s="1" t="s">
        <v>167999</v>
      </c>
      <c r="H49580" s="1" t="s">
        <v>168000</v>
      </c>
      <c r="I49580" s="1" t="s">
        <v>167793</v>
      </c>
      <c r="J49580" s="1" t="s">
        <v>167828</v>
      </c>
    </row>
    <row r="49581" spans="1:10" x14ac:dyDescent="0.35">
      <c r="A49581" s="1" t="s">
        <v>27731</v>
      </c>
      <c r="B49581" s="1" t="s">
        <v>167788</v>
      </c>
      <c r="C49581" s="1" t="s">
        <v>75</v>
      </c>
      <c r="D49581" s="1" t="s">
        <v>8099</v>
      </c>
      <c r="E49581" s="1" t="s">
        <v>168025</v>
      </c>
      <c r="F49581" s="1" t="s">
        <v>168026</v>
      </c>
      <c r="G49581" s="1" t="s">
        <v>167999</v>
      </c>
      <c r="H49581" s="1" t="s">
        <v>168000</v>
      </c>
      <c r="I49581" s="1" t="s">
        <v>167793</v>
      </c>
      <c r="J49581" s="1" t="s">
        <v>167831</v>
      </c>
    </row>
    <row r="49582" spans="1:10" x14ac:dyDescent="0.35">
      <c r="A49582" s="1" t="s">
        <v>27731</v>
      </c>
      <c r="B49582" s="1" t="s">
        <v>167788</v>
      </c>
      <c r="C49582" s="1" t="s">
        <v>80</v>
      </c>
      <c r="D49582" s="1" t="s">
        <v>167832</v>
      </c>
      <c r="E49582" s="1" t="s">
        <v>168027</v>
      </c>
      <c r="F49582" s="1" t="s">
        <v>168028</v>
      </c>
      <c r="G49582" s="1" t="s">
        <v>167999</v>
      </c>
      <c r="H49582" s="1" t="s">
        <v>168000</v>
      </c>
      <c r="I49582" s="1" t="s">
        <v>167793</v>
      </c>
      <c r="J49582" s="1" t="s">
        <v>167835</v>
      </c>
    </row>
    <row r="49583" spans="1:10" x14ac:dyDescent="0.35">
      <c r="A49583" s="1" t="s">
        <v>27731</v>
      </c>
      <c r="B49583" s="1" t="s">
        <v>167788</v>
      </c>
      <c r="C49583" s="1" t="s">
        <v>85</v>
      </c>
      <c r="D49583" s="1" t="s">
        <v>7526</v>
      </c>
      <c r="E49583" s="1" t="s">
        <v>168029</v>
      </c>
      <c r="F49583" s="1" t="s">
        <v>168030</v>
      </c>
      <c r="G49583" s="1" t="s">
        <v>167999</v>
      </c>
      <c r="H49583" s="1" t="s">
        <v>168000</v>
      </c>
      <c r="I49583" s="1" t="s">
        <v>167793</v>
      </c>
      <c r="J49583" s="1" t="s">
        <v>167838</v>
      </c>
    </row>
    <row r="49584" spans="1:10" x14ac:dyDescent="0.35">
      <c r="A49584" s="1" t="s">
        <v>27731</v>
      </c>
      <c r="B49584" s="1" t="s">
        <v>167788</v>
      </c>
      <c r="C49584" s="1" t="s">
        <v>90</v>
      </c>
      <c r="D49584" s="1" t="s">
        <v>167839</v>
      </c>
      <c r="E49584" s="1" t="s">
        <v>168031</v>
      </c>
      <c r="F49584" s="1" t="s">
        <v>168032</v>
      </c>
      <c r="G49584" s="1" t="s">
        <v>167999</v>
      </c>
      <c r="H49584" s="1" t="s">
        <v>168000</v>
      </c>
      <c r="I49584" s="1" t="s">
        <v>167793</v>
      </c>
      <c r="J49584" s="1" t="s">
        <v>167842</v>
      </c>
    </row>
    <row r="49585" spans="1:10" x14ac:dyDescent="0.35">
      <c r="A49585" s="1" t="s">
        <v>27731</v>
      </c>
      <c r="B49585" s="1" t="s">
        <v>167788</v>
      </c>
      <c r="C49585" s="1" t="s">
        <v>95</v>
      </c>
      <c r="D49585" s="1" t="s">
        <v>30053</v>
      </c>
      <c r="E49585" s="1" t="s">
        <v>168033</v>
      </c>
      <c r="F49585" s="1" t="s">
        <v>168034</v>
      </c>
      <c r="G49585" s="1" t="s">
        <v>167999</v>
      </c>
      <c r="H49585" s="1" t="s">
        <v>168000</v>
      </c>
      <c r="I49585" s="1" t="s">
        <v>167793</v>
      </c>
      <c r="J49585" s="1" t="s">
        <v>167845</v>
      </c>
    </row>
    <row r="49586" spans="1:10" x14ac:dyDescent="0.35">
      <c r="A49586" s="1" t="s">
        <v>27731</v>
      </c>
      <c r="B49586" s="1" t="s">
        <v>167788</v>
      </c>
      <c r="C49586" s="1" t="s">
        <v>100</v>
      </c>
      <c r="D49586" s="1" t="s">
        <v>167846</v>
      </c>
      <c r="E49586" s="1" t="s">
        <v>168035</v>
      </c>
      <c r="F49586" s="1" t="s">
        <v>168036</v>
      </c>
      <c r="G49586" s="1" t="s">
        <v>167999</v>
      </c>
      <c r="H49586" s="1" t="s">
        <v>168000</v>
      </c>
      <c r="I49586" s="1" t="s">
        <v>167793</v>
      </c>
      <c r="J49586" s="1" t="s">
        <v>167849</v>
      </c>
    </row>
    <row r="49587" spans="1:10" x14ac:dyDescent="0.35">
      <c r="A49587" s="1" t="s">
        <v>27731</v>
      </c>
      <c r="B49587" s="1" t="s">
        <v>167788</v>
      </c>
      <c r="C49587" s="1" t="s">
        <v>105</v>
      </c>
      <c r="D49587" s="1" t="s">
        <v>348</v>
      </c>
      <c r="E49587" s="1" t="s">
        <v>168037</v>
      </c>
      <c r="F49587" s="1" t="s">
        <v>168038</v>
      </c>
      <c r="G49587" s="1" t="s">
        <v>167999</v>
      </c>
      <c r="H49587" s="1" t="s">
        <v>168000</v>
      </c>
      <c r="I49587" s="1" t="s">
        <v>167793</v>
      </c>
      <c r="J49587" s="1" t="s">
        <v>167852</v>
      </c>
    </row>
    <row r="49588" spans="1:10" x14ac:dyDescent="0.35">
      <c r="A49588" s="1" t="s">
        <v>27731</v>
      </c>
      <c r="B49588" s="1" t="s">
        <v>167788</v>
      </c>
      <c r="C49588" s="1" t="s">
        <v>110</v>
      </c>
      <c r="D49588" s="1" t="s">
        <v>167853</v>
      </c>
      <c r="E49588" s="1" t="s">
        <v>168039</v>
      </c>
      <c r="F49588" s="1" t="s">
        <v>168040</v>
      </c>
      <c r="G49588" s="1" t="s">
        <v>167999</v>
      </c>
      <c r="H49588" s="1" t="s">
        <v>168000</v>
      </c>
      <c r="I49588" s="1" t="s">
        <v>167793</v>
      </c>
      <c r="J49588" s="1" t="s">
        <v>167856</v>
      </c>
    </row>
    <row r="49589" spans="1:10" x14ac:dyDescent="0.35">
      <c r="A49589" s="1" t="s">
        <v>27731</v>
      </c>
      <c r="B49589" s="1" t="s">
        <v>167788</v>
      </c>
      <c r="C49589" s="1" t="s">
        <v>115</v>
      </c>
      <c r="D49589" s="1" t="s">
        <v>1596</v>
      </c>
      <c r="E49589" s="1" t="s">
        <v>168041</v>
      </c>
      <c r="F49589" s="1" t="s">
        <v>168042</v>
      </c>
      <c r="G49589" s="1" t="s">
        <v>167999</v>
      </c>
      <c r="H49589" s="1" t="s">
        <v>168000</v>
      </c>
      <c r="I49589" s="1" t="s">
        <v>167793</v>
      </c>
      <c r="J49589" s="1" t="s">
        <v>167859</v>
      </c>
    </row>
    <row r="49590" spans="1:10" x14ac:dyDescent="0.35">
      <c r="A49590" s="1" t="s">
        <v>27731</v>
      </c>
      <c r="B49590" s="1" t="s">
        <v>167788</v>
      </c>
      <c r="C49590" s="1" t="s">
        <v>120</v>
      </c>
      <c r="D49590" s="1" t="s">
        <v>116378</v>
      </c>
      <c r="E49590" s="1" t="s">
        <v>168043</v>
      </c>
      <c r="F49590" s="1" t="s">
        <v>168044</v>
      </c>
      <c r="G49590" s="1" t="s">
        <v>167999</v>
      </c>
      <c r="H49590" s="1" t="s">
        <v>168000</v>
      </c>
      <c r="I49590" s="1" t="s">
        <v>167793</v>
      </c>
      <c r="J49590" s="1" t="s">
        <v>167862</v>
      </c>
    </row>
    <row r="49591" spans="1:10" x14ac:dyDescent="0.35">
      <c r="A49591" s="1" t="s">
        <v>27731</v>
      </c>
      <c r="B49591" s="1" t="s">
        <v>167788</v>
      </c>
      <c r="C49591" s="1" t="s">
        <v>125</v>
      </c>
      <c r="D49591" s="1" t="s">
        <v>15716</v>
      </c>
      <c r="E49591" s="1" t="s">
        <v>168045</v>
      </c>
      <c r="F49591" s="1" t="s">
        <v>168046</v>
      </c>
      <c r="G49591" s="1" t="s">
        <v>167999</v>
      </c>
      <c r="H49591" s="1" t="s">
        <v>168000</v>
      </c>
      <c r="I49591" s="1" t="s">
        <v>167793</v>
      </c>
      <c r="J49591" s="1" t="s">
        <v>167865</v>
      </c>
    </row>
    <row r="49592" spans="1:10" x14ac:dyDescent="0.35">
      <c r="A49592" s="1" t="s">
        <v>27731</v>
      </c>
      <c r="B49592" s="1" t="s">
        <v>167788</v>
      </c>
      <c r="C49592" s="1" t="s">
        <v>130</v>
      </c>
      <c r="D49592" s="1" t="s">
        <v>9013</v>
      </c>
      <c r="E49592" s="1" t="s">
        <v>168047</v>
      </c>
      <c r="F49592" s="1" t="s">
        <v>168048</v>
      </c>
      <c r="G49592" s="1" t="s">
        <v>167999</v>
      </c>
      <c r="H49592" s="1" t="s">
        <v>168000</v>
      </c>
      <c r="I49592" s="1" t="s">
        <v>167793</v>
      </c>
      <c r="J49592" s="1" t="s">
        <v>167868</v>
      </c>
    </row>
    <row r="49593" spans="1:10" x14ac:dyDescent="0.35">
      <c r="A49593" s="1" t="s">
        <v>27731</v>
      </c>
      <c r="B49593" s="1" t="s">
        <v>167788</v>
      </c>
      <c r="C49593" s="1" t="s">
        <v>135</v>
      </c>
      <c r="D49593" s="1" t="s">
        <v>119313</v>
      </c>
      <c r="E49593" s="1" t="s">
        <v>168049</v>
      </c>
      <c r="F49593" s="1" t="s">
        <v>168050</v>
      </c>
      <c r="G49593" s="1" t="s">
        <v>167999</v>
      </c>
      <c r="H49593" s="1" t="s">
        <v>168000</v>
      </c>
      <c r="I49593" s="1" t="s">
        <v>167793</v>
      </c>
      <c r="J49593" s="1" t="s">
        <v>167871</v>
      </c>
    </row>
    <row r="49594" spans="1:10" x14ac:dyDescent="0.35">
      <c r="A49594" s="1" t="s">
        <v>27731</v>
      </c>
      <c r="B49594" s="1" t="s">
        <v>167788</v>
      </c>
      <c r="C49594" s="1" t="s">
        <v>140</v>
      </c>
      <c r="D49594" s="1" t="s">
        <v>15459</v>
      </c>
      <c r="E49594" s="1" t="s">
        <v>168051</v>
      </c>
      <c r="F49594" s="1" t="s">
        <v>168052</v>
      </c>
      <c r="G49594" s="1" t="s">
        <v>167999</v>
      </c>
      <c r="H49594" s="1" t="s">
        <v>168000</v>
      </c>
      <c r="I49594" s="1" t="s">
        <v>167793</v>
      </c>
      <c r="J49594" s="1" t="s">
        <v>167874</v>
      </c>
    </row>
    <row r="49595" spans="1:10" x14ac:dyDescent="0.35">
      <c r="A49595" s="1" t="s">
        <v>27731</v>
      </c>
      <c r="B49595" s="1" t="s">
        <v>167788</v>
      </c>
      <c r="C49595" s="1" t="s">
        <v>145</v>
      </c>
      <c r="D49595" s="1" t="s">
        <v>167875</v>
      </c>
      <c r="E49595" s="1" t="s">
        <v>168053</v>
      </c>
      <c r="F49595" s="1" t="s">
        <v>168054</v>
      </c>
      <c r="G49595" s="1" t="s">
        <v>167999</v>
      </c>
      <c r="H49595" s="1" t="s">
        <v>168000</v>
      </c>
      <c r="I49595" s="1" t="s">
        <v>167793</v>
      </c>
      <c r="J49595" s="1" t="s">
        <v>167878</v>
      </c>
    </row>
    <row r="49596" spans="1:10" x14ac:dyDescent="0.35">
      <c r="A49596" s="1" t="s">
        <v>27731</v>
      </c>
      <c r="B49596" s="1" t="s">
        <v>167788</v>
      </c>
      <c r="C49596" s="1" t="s">
        <v>150</v>
      </c>
      <c r="D49596" s="1" t="s">
        <v>161122</v>
      </c>
      <c r="E49596" s="1" t="s">
        <v>168055</v>
      </c>
      <c r="F49596" s="1" t="s">
        <v>168056</v>
      </c>
      <c r="G49596" s="1" t="s">
        <v>167999</v>
      </c>
      <c r="H49596" s="1" t="s">
        <v>168000</v>
      </c>
      <c r="I49596" s="1" t="s">
        <v>167793</v>
      </c>
      <c r="J49596" s="1" t="s">
        <v>167881</v>
      </c>
    </row>
    <row r="49597" spans="1:10" x14ac:dyDescent="0.35">
      <c r="A49597" s="1" t="s">
        <v>27731</v>
      </c>
      <c r="B49597" s="1" t="s">
        <v>167788</v>
      </c>
      <c r="C49597" s="1" t="s">
        <v>155</v>
      </c>
      <c r="D49597" s="1" t="s">
        <v>167882</v>
      </c>
      <c r="E49597" s="1" t="s">
        <v>168057</v>
      </c>
      <c r="F49597" s="1" t="s">
        <v>168058</v>
      </c>
      <c r="G49597" s="1" t="s">
        <v>167999</v>
      </c>
      <c r="H49597" s="1" t="s">
        <v>168000</v>
      </c>
      <c r="I49597" s="1" t="s">
        <v>167793</v>
      </c>
      <c r="J49597" s="1" t="s">
        <v>167885</v>
      </c>
    </row>
    <row r="49598" spans="1:10" x14ac:dyDescent="0.35">
      <c r="A49598" s="1" t="s">
        <v>27731</v>
      </c>
      <c r="B49598" s="1" t="s">
        <v>167788</v>
      </c>
      <c r="C49598" s="1" t="s">
        <v>160</v>
      </c>
      <c r="D49598" s="1" t="s">
        <v>5095</v>
      </c>
      <c r="E49598" s="1" t="s">
        <v>168059</v>
      </c>
      <c r="F49598" s="1" t="s">
        <v>168060</v>
      </c>
      <c r="G49598" s="1" t="s">
        <v>167999</v>
      </c>
      <c r="H49598" s="1" t="s">
        <v>168000</v>
      </c>
      <c r="I49598" s="1" t="s">
        <v>167793</v>
      </c>
      <c r="J49598" s="1" t="s">
        <v>167888</v>
      </c>
    </row>
    <row r="49599" spans="1:10" x14ac:dyDescent="0.35">
      <c r="A49599" s="1" t="s">
        <v>27731</v>
      </c>
      <c r="B49599" s="1" t="s">
        <v>167788</v>
      </c>
      <c r="C49599" s="1" t="s">
        <v>165</v>
      </c>
      <c r="D49599" s="1" t="s">
        <v>151837</v>
      </c>
      <c r="E49599" s="1" t="s">
        <v>168061</v>
      </c>
      <c r="F49599" s="1" t="s">
        <v>168062</v>
      </c>
      <c r="G49599" s="1" t="s">
        <v>167999</v>
      </c>
      <c r="H49599" s="1" t="s">
        <v>168000</v>
      </c>
      <c r="I49599" s="1" t="s">
        <v>167793</v>
      </c>
      <c r="J49599" s="1" t="s">
        <v>167891</v>
      </c>
    </row>
    <row r="49600" spans="1:10" x14ac:dyDescent="0.35">
      <c r="A49600" s="1" t="s">
        <v>27731</v>
      </c>
      <c r="B49600" s="1" t="s">
        <v>167788</v>
      </c>
      <c r="C49600" s="1" t="s">
        <v>170</v>
      </c>
      <c r="D49600" s="1" t="s">
        <v>115601</v>
      </c>
      <c r="E49600" s="1" t="s">
        <v>168063</v>
      </c>
      <c r="F49600" s="1" t="s">
        <v>168064</v>
      </c>
      <c r="G49600" s="1" t="s">
        <v>167999</v>
      </c>
      <c r="H49600" s="1" t="s">
        <v>168000</v>
      </c>
      <c r="I49600" s="1" t="s">
        <v>167793</v>
      </c>
      <c r="J49600" s="1" t="s">
        <v>167894</v>
      </c>
    </row>
    <row r="49601" spans="1:10" x14ac:dyDescent="0.35">
      <c r="A49601" s="1" t="s">
        <v>145880</v>
      </c>
      <c r="B49601" s="1" t="s">
        <v>167788</v>
      </c>
      <c r="C49601" s="1" t="s">
        <v>8</v>
      </c>
      <c r="D49601" s="1" t="s">
        <v>29179</v>
      </c>
      <c r="E49601" s="1" t="s">
        <v>168065</v>
      </c>
      <c r="F49601" s="1" t="s">
        <v>168066</v>
      </c>
      <c r="G49601" s="1" t="s">
        <v>168067</v>
      </c>
      <c r="H49601" s="1" t="s">
        <v>168068</v>
      </c>
      <c r="I49601" s="1" t="s">
        <v>167793</v>
      </c>
      <c r="J49601" s="1" t="s">
        <v>13</v>
      </c>
    </row>
    <row r="49602" spans="1:10" x14ac:dyDescent="0.35">
      <c r="A49602" s="1" t="s">
        <v>145880</v>
      </c>
      <c r="B49602" s="1" t="s">
        <v>167788</v>
      </c>
      <c r="C49602" s="1" t="s">
        <v>15</v>
      </c>
      <c r="D49602" s="1" t="s">
        <v>4046</v>
      </c>
      <c r="E49602" s="1" t="s">
        <v>168069</v>
      </c>
      <c r="F49602" s="1" t="s">
        <v>168070</v>
      </c>
      <c r="G49602" s="1" t="s">
        <v>168067</v>
      </c>
      <c r="H49602" s="1" t="s">
        <v>168068</v>
      </c>
      <c r="I49602" s="1" t="s">
        <v>167793</v>
      </c>
      <c r="J49602" s="1" t="s">
        <v>167796</v>
      </c>
    </row>
    <row r="49603" spans="1:10" x14ac:dyDescent="0.35">
      <c r="A49603" s="1" t="s">
        <v>145880</v>
      </c>
      <c r="B49603" s="1" t="s">
        <v>167788</v>
      </c>
      <c r="C49603" s="1" t="s">
        <v>20</v>
      </c>
      <c r="D49603" s="1" t="s">
        <v>156948</v>
      </c>
      <c r="E49603" s="1" t="s">
        <v>168071</v>
      </c>
      <c r="F49603" s="1" t="s">
        <v>168072</v>
      </c>
      <c r="G49603" s="1" t="s">
        <v>168067</v>
      </c>
      <c r="H49603" s="1" t="s">
        <v>168068</v>
      </c>
      <c r="I49603" s="1" t="s">
        <v>167793</v>
      </c>
      <c r="J49603" s="1" t="s">
        <v>167799</v>
      </c>
    </row>
    <row r="49604" spans="1:10" x14ac:dyDescent="0.35">
      <c r="A49604" s="1" t="s">
        <v>145880</v>
      </c>
      <c r="B49604" s="1" t="s">
        <v>167788</v>
      </c>
      <c r="C49604" s="1" t="s">
        <v>25</v>
      </c>
      <c r="D49604" s="1" t="s">
        <v>10302</v>
      </c>
      <c r="E49604" s="1" t="s">
        <v>168073</v>
      </c>
      <c r="F49604" s="1" t="s">
        <v>168074</v>
      </c>
      <c r="G49604" s="1" t="s">
        <v>168067</v>
      </c>
      <c r="H49604" s="1" t="s">
        <v>168068</v>
      </c>
      <c r="I49604" s="1" t="s">
        <v>167793</v>
      </c>
      <c r="J49604" s="1" t="s">
        <v>167802</v>
      </c>
    </row>
    <row r="49605" spans="1:10" x14ac:dyDescent="0.35">
      <c r="A49605" s="1" t="s">
        <v>145880</v>
      </c>
      <c r="B49605" s="1" t="s">
        <v>167788</v>
      </c>
      <c r="C49605" s="1" t="s">
        <v>30</v>
      </c>
      <c r="D49605" s="1" t="s">
        <v>51820</v>
      </c>
      <c r="E49605" s="1" t="s">
        <v>168075</v>
      </c>
      <c r="F49605" s="1" t="s">
        <v>168076</v>
      </c>
      <c r="G49605" s="1" t="s">
        <v>168067</v>
      </c>
      <c r="H49605" s="1" t="s">
        <v>168068</v>
      </c>
      <c r="I49605" s="1" t="s">
        <v>167793</v>
      </c>
      <c r="J49605" s="1" t="s">
        <v>167805</v>
      </c>
    </row>
    <row r="49606" spans="1:10" x14ac:dyDescent="0.35">
      <c r="A49606" s="1" t="s">
        <v>145880</v>
      </c>
      <c r="B49606" s="1" t="s">
        <v>167788</v>
      </c>
      <c r="C49606" s="1" t="s">
        <v>35</v>
      </c>
      <c r="D49606" s="1" t="s">
        <v>8337</v>
      </c>
      <c r="E49606" s="1" t="s">
        <v>168077</v>
      </c>
      <c r="F49606" s="1" t="s">
        <v>168078</v>
      </c>
      <c r="G49606" s="1" t="s">
        <v>168067</v>
      </c>
      <c r="H49606" s="1" t="s">
        <v>168068</v>
      </c>
      <c r="I49606" s="1" t="s">
        <v>167793</v>
      </c>
      <c r="J49606" s="1" t="s">
        <v>167808</v>
      </c>
    </row>
    <row r="49607" spans="1:10" x14ac:dyDescent="0.35">
      <c r="A49607" s="1" t="s">
        <v>145880</v>
      </c>
      <c r="B49607" s="1" t="s">
        <v>167788</v>
      </c>
      <c r="C49607" s="1" t="s">
        <v>40</v>
      </c>
      <c r="D49607" s="1" t="s">
        <v>144633</v>
      </c>
      <c r="E49607" s="1" t="s">
        <v>168079</v>
      </c>
      <c r="F49607" s="1" t="s">
        <v>168080</v>
      </c>
      <c r="G49607" s="1" t="s">
        <v>168067</v>
      </c>
      <c r="H49607" s="1" t="s">
        <v>168068</v>
      </c>
      <c r="I49607" s="1" t="s">
        <v>167793</v>
      </c>
      <c r="J49607" s="1" t="s">
        <v>157245</v>
      </c>
    </row>
    <row r="49608" spans="1:10" x14ac:dyDescent="0.35">
      <c r="A49608" s="1" t="s">
        <v>145880</v>
      </c>
      <c r="B49608" s="1" t="s">
        <v>167788</v>
      </c>
      <c r="C49608" s="1" t="s">
        <v>45</v>
      </c>
      <c r="D49608" s="1" t="s">
        <v>145145</v>
      </c>
      <c r="E49608" s="1" t="s">
        <v>168081</v>
      </c>
      <c r="F49608" s="1" t="s">
        <v>168082</v>
      </c>
      <c r="G49608" s="1" t="s">
        <v>168067</v>
      </c>
      <c r="H49608" s="1" t="s">
        <v>168068</v>
      </c>
      <c r="I49608" s="1" t="s">
        <v>167793</v>
      </c>
      <c r="J49608" s="1" t="s">
        <v>167813</v>
      </c>
    </row>
    <row r="49609" spans="1:10" x14ac:dyDescent="0.35">
      <c r="A49609" s="1" t="s">
        <v>145880</v>
      </c>
      <c r="B49609" s="1" t="s">
        <v>167788</v>
      </c>
      <c r="C49609" s="1" t="s">
        <v>50</v>
      </c>
      <c r="D49609" s="1" t="s">
        <v>6854</v>
      </c>
      <c r="E49609" s="1" t="s">
        <v>168083</v>
      </c>
      <c r="F49609" s="1" t="s">
        <v>168084</v>
      </c>
      <c r="G49609" s="1" t="s">
        <v>168067</v>
      </c>
      <c r="H49609" s="1" t="s">
        <v>168068</v>
      </c>
      <c r="I49609" s="1" t="s">
        <v>167793</v>
      </c>
      <c r="J49609" s="1" t="s">
        <v>167816</v>
      </c>
    </row>
    <row r="49610" spans="1:10" x14ac:dyDescent="0.35">
      <c r="A49610" s="1" t="s">
        <v>145880</v>
      </c>
      <c r="B49610" s="1" t="s">
        <v>167788</v>
      </c>
      <c r="C49610" s="1" t="s">
        <v>55</v>
      </c>
      <c r="D49610" s="1" t="s">
        <v>10194</v>
      </c>
      <c r="E49610" s="1" t="s">
        <v>168085</v>
      </c>
      <c r="F49610" s="1" t="s">
        <v>168086</v>
      </c>
      <c r="G49610" s="1" t="s">
        <v>168067</v>
      </c>
      <c r="H49610" s="1" t="s">
        <v>168068</v>
      </c>
      <c r="I49610" s="1" t="s">
        <v>167793</v>
      </c>
      <c r="J49610" s="1" t="s">
        <v>167819</v>
      </c>
    </row>
    <row r="49611" spans="1:10" x14ac:dyDescent="0.35">
      <c r="A49611" s="1" t="s">
        <v>145880</v>
      </c>
      <c r="B49611" s="1" t="s">
        <v>167788</v>
      </c>
      <c r="C49611" s="1" t="s">
        <v>60</v>
      </c>
      <c r="D49611" s="1" t="s">
        <v>4717</v>
      </c>
      <c r="E49611" s="1" t="s">
        <v>168087</v>
      </c>
      <c r="F49611" s="1" t="s">
        <v>168088</v>
      </c>
      <c r="G49611" s="1" t="s">
        <v>168067</v>
      </c>
      <c r="H49611" s="1" t="s">
        <v>168068</v>
      </c>
      <c r="I49611" s="1" t="s">
        <v>167793</v>
      </c>
      <c r="J49611" s="1" t="s">
        <v>167822</v>
      </c>
    </row>
    <row r="49612" spans="1:10" x14ac:dyDescent="0.35">
      <c r="A49612" s="1" t="s">
        <v>145880</v>
      </c>
      <c r="B49612" s="1" t="s">
        <v>167788</v>
      </c>
      <c r="C49612" s="1" t="s">
        <v>65</v>
      </c>
      <c r="D49612" s="1" t="s">
        <v>110697</v>
      </c>
      <c r="E49612" s="1" t="s">
        <v>168089</v>
      </c>
      <c r="F49612" s="1" t="s">
        <v>168090</v>
      </c>
      <c r="G49612" s="1" t="s">
        <v>168067</v>
      </c>
      <c r="H49612" s="1" t="s">
        <v>168068</v>
      </c>
      <c r="I49612" s="1" t="s">
        <v>167793</v>
      </c>
      <c r="J49612" s="1" t="s">
        <v>167825</v>
      </c>
    </row>
    <row r="49613" spans="1:10" x14ac:dyDescent="0.35">
      <c r="A49613" s="1" t="s">
        <v>145880</v>
      </c>
      <c r="B49613" s="1" t="s">
        <v>167788</v>
      </c>
      <c r="C49613" s="1" t="s">
        <v>70</v>
      </c>
      <c r="D49613" s="1" t="s">
        <v>46916</v>
      </c>
      <c r="E49613" s="1" t="s">
        <v>168091</v>
      </c>
      <c r="F49613" s="1" t="s">
        <v>168092</v>
      </c>
      <c r="G49613" s="1" t="s">
        <v>168067</v>
      </c>
      <c r="H49613" s="1" t="s">
        <v>168068</v>
      </c>
      <c r="I49613" s="1" t="s">
        <v>167793</v>
      </c>
      <c r="J49613" s="1" t="s">
        <v>167828</v>
      </c>
    </row>
    <row r="49614" spans="1:10" x14ac:dyDescent="0.35">
      <c r="A49614" s="1" t="s">
        <v>145880</v>
      </c>
      <c r="B49614" s="1" t="s">
        <v>167788</v>
      </c>
      <c r="C49614" s="1" t="s">
        <v>75</v>
      </c>
      <c r="D49614" s="1" t="s">
        <v>8099</v>
      </c>
      <c r="E49614" s="1" t="s">
        <v>168093</v>
      </c>
      <c r="F49614" s="1" t="s">
        <v>168094</v>
      </c>
      <c r="G49614" s="1" t="s">
        <v>168067</v>
      </c>
      <c r="H49614" s="1" t="s">
        <v>168068</v>
      </c>
      <c r="I49614" s="1" t="s">
        <v>167793</v>
      </c>
      <c r="J49614" s="1" t="s">
        <v>167831</v>
      </c>
    </row>
    <row r="49615" spans="1:10" x14ac:dyDescent="0.35">
      <c r="A49615" s="1" t="s">
        <v>145880</v>
      </c>
      <c r="B49615" s="1" t="s">
        <v>167788</v>
      </c>
      <c r="C49615" s="1" t="s">
        <v>80</v>
      </c>
      <c r="D49615" s="1" t="s">
        <v>167832</v>
      </c>
      <c r="E49615" s="1" t="s">
        <v>168095</v>
      </c>
      <c r="F49615" s="1" t="s">
        <v>168096</v>
      </c>
      <c r="G49615" s="1" t="s">
        <v>168067</v>
      </c>
      <c r="H49615" s="1" t="s">
        <v>168068</v>
      </c>
      <c r="I49615" s="1" t="s">
        <v>167793</v>
      </c>
      <c r="J49615" s="1" t="s">
        <v>167835</v>
      </c>
    </row>
    <row r="49616" spans="1:10" x14ac:dyDescent="0.35">
      <c r="A49616" s="1" t="s">
        <v>145880</v>
      </c>
      <c r="B49616" s="1" t="s">
        <v>167788</v>
      </c>
      <c r="C49616" s="1" t="s">
        <v>85</v>
      </c>
      <c r="D49616" s="1" t="s">
        <v>7526</v>
      </c>
      <c r="E49616" s="1" t="s">
        <v>168097</v>
      </c>
      <c r="F49616" s="1" t="s">
        <v>168098</v>
      </c>
      <c r="G49616" s="1" t="s">
        <v>168067</v>
      </c>
      <c r="H49616" s="1" t="s">
        <v>168068</v>
      </c>
      <c r="I49616" s="1" t="s">
        <v>167793</v>
      </c>
      <c r="J49616" s="1" t="s">
        <v>167838</v>
      </c>
    </row>
    <row r="49617" spans="1:10" x14ac:dyDescent="0.35">
      <c r="A49617" s="1" t="s">
        <v>145880</v>
      </c>
      <c r="B49617" s="1" t="s">
        <v>167788</v>
      </c>
      <c r="C49617" s="1" t="s">
        <v>90</v>
      </c>
      <c r="D49617" s="1" t="s">
        <v>167839</v>
      </c>
      <c r="E49617" s="1" t="s">
        <v>168099</v>
      </c>
      <c r="F49617" s="1" t="s">
        <v>168100</v>
      </c>
      <c r="G49617" s="1" t="s">
        <v>168067</v>
      </c>
      <c r="H49617" s="1" t="s">
        <v>168068</v>
      </c>
      <c r="I49617" s="1" t="s">
        <v>167793</v>
      </c>
      <c r="J49617" s="1" t="s">
        <v>167842</v>
      </c>
    </row>
    <row r="49618" spans="1:10" x14ac:dyDescent="0.35">
      <c r="A49618" s="1" t="s">
        <v>145880</v>
      </c>
      <c r="B49618" s="1" t="s">
        <v>167788</v>
      </c>
      <c r="C49618" s="1" t="s">
        <v>95</v>
      </c>
      <c r="D49618" s="1" t="s">
        <v>30053</v>
      </c>
      <c r="E49618" s="1" t="s">
        <v>168101</v>
      </c>
      <c r="F49618" s="1" t="s">
        <v>168102</v>
      </c>
      <c r="G49618" s="1" t="s">
        <v>168067</v>
      </c>
      <c r="H49618" s="1" t="s">
        <v>168068</v>
      </c>
      <c r="I49618" s="1" t="s">
        <v>167793</v>
      </c>
      <c r="J49618" s="1" t="s">
        <v>167845</v>
      </c>
    </row>
    <row r="49619" spans="1:10" x14ac:dyDescent="0.35">
      <c r="A49619" s="1" t="s">
        <v>145880</v>
      </c>
      <c r="B49619" s="1" t="s">
        <v>167788</v>
      </c>
      <c r="C49619" s="1" t="s">
        <v>100</v>
      </c>
      <c r="D49619" s="1" t="s">
        <v>167846</v>
      </c>
      <c r="E49619" s="1" t="s">
        <v>168103</v>
      </c>
      <c r="F49619" s="1" t="s">
        <v>168104</v>
      </c>
      <c r="G49619" s="1" t="s">
        <v>168067</v>
      </c>
      <c r="H49619" s="1" t="s">
        <v>168068</v>
      </c>
      <c r="I49619" s="1" t="s">
        <v>167793</v>
      </c>
      <c r="J49619" s="1" t="s">
        <v>167849</v>
      </c>
    </row>
    <row r="49620" spans="1:10" x14ac:dyDescent="0.35">
      <c r="A49620" s="1" t="s">
        <v>145880</v>
      </c>
      <c r="B49620" s="1" t="s">
        <v>167788</v>
      </c>
      <c r="C49620" s="1" t="s">
        <v>105</v>
      </c>
      <c r="D49620" s="1" t="s">
        <v>348</v>
      </c>
      <c r="E49620" s="1" t="s">
        <v>168105</v>
      </c>
      <c r="F49620" s="1" t="s">
        <v>168106</v>
      </c>
      <c r="G49620" s="1" t="s">
        <v>168067</v>
      </c>
      <c r="H49620" s="1" t="s">
        <v>168068</v>
      </c>
      <c r="I49620" s="1" t="s">
        <v>167793</v>
      </c>
      <c r="J49620" s="1" t="s">
        <v>167852</v>
      </c>
    </row>
    <row r="49621" spans="1:10" x14ac:dyDescent="0.35">
      <c r="A49621" s="1" t="s">
        <v>145880</v>
      </c>
      <c r="B49621" s="1" t="s">
        <v>167788</v>
      </c>
      <c r="C49621" s="1" t="s">
        <v>110</v>
      </c>
      <c r="D49621" s="1" t="s">
        <v>167853</v>
      </c>
      <c r="E49621" s="1" t="s">
        <v>168107</v>
      </c>
      <c r="F49621" s="1" t="s">
        <v>168108</v>
      </c>
      <c r="G49621" s="1" t="s">
        <v>168067</v>
      </c>
      <c r="H49621" s="1" t="s">
        <v>168068</v>
      </c>
      <c r="I49621" s="1" t="s">
        <v>167793</v>
      </c>
      <c r="J49621" s="1" t="s">
        <v>167856</v>
      </c>
    </row>
    <row r="49622" spans="1:10" x14ac:dyDescent="0.35">
      <c r="A49622" s="1" t="s">
        <v>145880</v>
      </c>
      <c r="B49622" s="1" t="s">
        <v>167788</v>
      </c>
      <c r="C49622" s="1" t="s">
        <v>115</v>
      </c>
      <c r="D49622" s="1" t="s">
        <v>1596</v>
      </c>
      <c r="E49622" s="1" t="s">
        <v>168109</v>
      </c>
      <c r="F49622" s="1" t="s">
        <v>168110</v>
      </c>
      <c r="G49622" s="1" t="s">
        <v>168067</v>
      </c>
      <c r="H49622" s="1" t="s">
        <v>168068</v>
      </c>
      <c r="I49622" s="1" t="s">
        <v>167793</v>
      </c>
      <c r="J49622" s="1" t="s">
        <v>167859</v>
      </c>
    </row>
    <row r="49623" spans="1:10" x14ac:dyDescent="0.35">
      <c r="A49623" s="1" t="s">
        <v>145880</v>
      </c>
      <c r="B49623" s="1" t="s">
        <v>167788</v>
      </c>
      <c r="C49623" s="1" t="s">
        <v>120</v>
      </c>
      <c r="D49623" s="1" t="s">
        <v>116378</v>
      </c>
      <c r="E49623" s="1" t="s">
        <v>168111</v>
      </c>
      <c r="F49623" s="1" t="s">
        <v>168112</v>
      </c>
      <c r="G49623" s="1" t="s">
        <v>168067</v>
      </c>
      <c r="H49623" s="1" t="s">
        <v>168068</v>
      </c>
      <c r="I49623" s="1" t="s">
        <v>167793</v>
      </c>
      <c r="J49623" s="1" t="s">
        <v>167862</v>
      </c>
    </row>
    <row r="49624" spans="1:10" x14ac:dyDescent="0.35">
      <c r="A49624" s="1" t="s">
        <v>145880</v>
      </c>
      <c r="B49624" s="1" t="s">
        <v>167788</v>
      </c>
      <c r="C49624" s="1" t="s">
        <v>125</v>
      </c>
      <c r="D49624" s="1" t="s">
        <v>15716</v>
      </c>
      <c r="E49624" s="1" t="s">
        <v>168113</v>
      </c>
      <c r="F49624" s="1" t="s">
        <v>168114</v>
      </c>
      <c r="G49624" s="1" t="s">
        <v>168067</v>
      </c>
      <c r="H49624" s="1" t="s">
        <v>168068</v>
      </c>
      <c r="I49624" s="1" t="s">
        <v>167793</v>
      </c>
      <c r="J49624" s="1" t="s">
        <v>167865</v>
      </c>
    </row>
    <row r="49625" spans="1:10" x14ac:dyDescent="0.35">
      <c r="A49625" s="1" t="s">
        <v>145880</v>
      </c>
      <c r="B49625" s="1" t="s">
        <v>167788</v>
      </c>
      <c r="C49625" s="1" t="s">
        <v>130</v>
      </c>
      <c r="D49625" s="1" t="s">
        <v>9013</v>
      </c>
      <c r="E49625" s="1" t="s">
        <v>168115</v>
      </c>
      <c r="F49625" s="1" t="s">
        <v>168116</v>
      </c>
      <c r="G49625" s="1" t="s">
        <v>168067</v>
      </c>
      <c r="H49625" s="1" t="s">
        <v>168068</v>
      </c>
      <c r="I49625" s="1" t="s">
        <v>167793</v>
      </c>
      <c r="J49625" s="1" t="s">
        <v>167868</v>
      </c>
    </row>
    <row r="49626" spans="1:10" x14ac:dyDescent="0.35">
      <c r="A49626" s="1" t="s">
        <v>145880</v>
      </c>
      <c r="B49626" s="1" t="s">
        <v>167788</v>
      </c>
      <c r="C49626" s="1" t="s">
        <v>135</v>
      </c>
      <c r="D49626" s="1" t="s">
        <v>119313</v>
      </c>
      <c r="E49626" s="1" t="s">
        <v>168117</v>
      </c>
      <c r="F49626" s="1" t="s">
        <v>168118</v>
      </c>
      <c r="G49626" s="1" t="s">
        <v>168067</v>
      </c>
      <c r="H49626" s="1" t="s">
        <v>168068</v>
      </c>
      <c r="I49626" s="1" t="s">
        <v>167793</v>
      </c>
      <c r="J49626" s="1" t="s">
        <v>167871</v>
      </c>
    </row>
    <row r="49627" spans="1:10" x14ac:dyDescent="0.35">
      <c r="A49627" s="1" t="s">
        <v>145880</v>
      </c>
      <c r="B49627" s="1" t="s">
        <v>167788</v>
      </c>
      <c r="C49627" s="1" t="s">
        <v>140</v>
      </c>
      <c r="D49627" s="1" t="s">
        <v>15459</v>
      </c>
      <c r="E49627" s="1" t="s">
        <v>168119</v>
      </c>
      <c r="F49627" s="1" t="s">
        <v>168120</v>
      </c>
      <c r="G49627" s="1" t="s">
        <v>168067</v>
      </c>
      <c r="H49627" s="1" t="s">
        <v>168068</v>
      </c>
      <c r="I49627" s="1" t="s">
        <v>167793</v>
      </c>
      <c r="J49627" s="1" t="s">
        <v>167874</v>
      </c>
    </row>
    <row r="49628" spans="1:10" x14ac:dyDescent="0.35">
      <c r="A49628" s="1" t="s">
        <v>145880</v>
      </c>
      <c r="B49628" s="1" t="s">
        <v>167788</v>
      </c>
      <c r="C49628" s="1" t="s">
        <v>145</v>
      </c>
      <c r="D49628" s="1" t="s">
        <v>167875</v>
      </c>
      <c r="E49628" s="1" t="s">
        <v>168121</v>
      </c>
      <c r="F49628" s="1" t="s">
        <v>168122</v>
      </c>
      <c r="G49628" s="1" t="s">
        <v>168067</v>
      </c>
      <c r="H49628" s="1" t="s">
        <v>168068</v>
      </c>
      <c r="I49628" s="1" t="s">
        <v>167793</v>
      </c>
      <c r="J49628" s="1" t="s">
        <v>167878</v>
      </c>
    </row>
    <row r="49629" spans="1:10" x14ac:dyDescent="0.35">
      <c r="A49629" s="1" t="s">
        <v>145880</v>
      </c>
      <c r="B49629" s="1" t="s">
        <v>167788</v>
      </c>
      <c r="C49629" s="1" t="s">
        <v>150</v>
      </c>
      <c r="D49629" s="1" t="s">
        <v>161122</v>
      </c>
      <c r="E49629" s="1" t="s">
        <v>168123</v>
      </c>
      <c r="F49629" s="1" t="s">
        <v>168124</v>
      </c>
      <c r="G49629" s="1" t="s">
        <v>168067</v>
      </c>
      <c r="H49629" s="1" t="s">
        <v>168068</v>
      </c>
      <c r="I49629" s="1" t="s">
        <v>167793</v>
      </c>
      <c r="J49629" s="1" t="s">
        <v>167881</v>
      </c>
    </row>
    <row r="49630" spans="1:10" x14ac:dyDescent="0.35">
      <c r="A49630" s="1" t="s">
        <v>145880</v>
      </c>
      <c r="B49630" s="1" t="s">
        <v>167788</v>
      </c>
      <c r="C49630" s="1" t="s">
        <v>155</v>
      </c>
      <c r="D49630" s="1" t="s">
        <v>167882</v>
      </c>
      <c r="E49630" s="1" t="s">
        <v>168125</v>
      </c>
      <c r="F49630" s="1" t="s">
        <v>168126</v>
      </c>
      <c r="G49630" s="1" t="s">
        <v>168067</v>
      </c>
      <c r="H49630" s="1" t="s">
        <v>168068</v>
      </c>
      <c r="I49630" s="1" t="s">
        <v>167793</v>
      </c>
      <c r="J49630" s="1" t="s">
        <v>167885</v>
      </c>
    </row>
    <row r="49631" spans="1:10" x14ac:dyDescent="0.35">
      <c r="A49631" s="1" t="s">
        <v>145880</v>
      </c>
      <c r="B49631" s="1" t="s">
        <v>167788</v>
      </c>
      <c r="C49631" s="1" t="s">
        <v>160</v>
      </c>
      <c r="D49631" s="1" t="s">
        <v>5095</v>
      </c>
      <c r="E49631" s="1" t="s">
        <v>168127</v>
      </c>
      <c r="F49631" s="1" t="s">
        <v>168128</v>
      </c>
      <c r="G49631" s="1" t="s">
        <v>168067</v>
      </c>
      <c r="H49631" s="1" t="s">
        <v>168068</v>
      </c>
      <c r="I49631" s="1" t="s">
        <v>167793</v>
      </c>
      <c r="J49631" s="1" t="s">
        <v>167888</v>
      </c>
    </row>
    <row r="49632" spans="1:10" x14ac:dyDescent="0.35">
      <c r="A49632" s="1" t="s">
        <v>145880</v>
      </c>
      <c r="B49632" s="1" t="s">
        <v>167788</v>
      </c>
      <c r="C49632" s="1" t="s">
        <v>165</v>
      </c>
      <c r="D49632" s="1" t="s">
        <v>151837</v>
      </c>
      <c r="E49632" s="1" t="s">
        <v>168129</v>
      </c>
      <c r="F49632" s="1" t="s">
        <v>168130</v>
      </c>
      <c r="G49632" s="1" t="s">
        <v>168067</v>
      </c>
      <c r="H49632" s="1" t="s">
        <v>168068</v>
      </c>
      <c r="I49632" s="1" t="s">
        <v>167793</v>
      </c>
      <c r="J49632" s="1" t="s">
        <v>167891</v>
      </c>
    </row>
    <row r="49633" spans="1:10" x14ac:dyDescent="0.35">
      <c r="A49633" s="1" t="s">
        <v>145880</v>
      </c>
      <c r="B49633" s="1" t="s">
        <v>167788</v>
      </c>
      <c r="C49633" s="1" t="s">
        <v>170</v>
      </c>
      <c r="D49633" s="1" t="s">
        <v>115601</v>
      </c>
      <c r="E49633" s="1" t="s">
        <v>168131</v>
      </c>
      <c r="F49633" s="1" t="s">
        <v>168132</v>
      </c>
      <c r="G49633" s="1" t="s">
        <v>168067</v>
      </c>
      <c r="H49633" s="1" t="s">
        <v>168068</v>
      </c>
      <c r="I49633" s="1" t="s">
        <v>167793</v>
      </c>
      <c r="J49633" s="1" t="s">
        <v>167894</v>
      </c>
    </row>
    <row r="49634" spans="1:10" x14ac:dyDescent="0.35">
      <c r="A49634" s="1" t="s">
        <v>142609</v>
      </c>
      <c r="B49634" s="1" t="s">
        <v>167788</v>
      </c>
      <c r="C49634" s="1" t="s">
        <v>8</v>
      </c>
      <c r="D49634" s="1" t="s">
        <v>29179</v>
      </c>
      <c r="E49634" s="1" t="s">
        <v>168133</v>
      </c>
      <c r="F49634" s="1" t="s">
        <v>168134</v>
      </c>
      <c r="G49634" s="1" t="s">
        <v>168135</v>
      </c>
      <c r="H49634" s="1" t="s">
        <v>168136</v>
      </c>
      <c r="I49634" s="1" t="s">
        <v>167793</v>
      </c>
      <c r="J49634" s="1" t="s">
        <v>13</v>
      </c>
    </row>
    <row r="49635" spans="1:10" x14ac:dyDescent="0.35">
      <c r="A49635" s="1" t="s">
        <v>142609</v>
      </c>
      <c r="B49635" s="1" t="s">
        <v>167788</v>
      </c>
      <c r="C49635" s="1" t="s">
        <v>15</v>
      </c>
      <c r="D49635" s="1" t="s">
        <v>4046</v>
      </c>
      <c r="E49635" s="1" t="s">
        <v>168137</v>
      </c>
      <c r="F49635" s="1" t="s">
        <v>168138</v>
      </c>
      <c r="G49635" s="1" t="s">
        <v>168135</v>
      </c>
      <c r="H49635" s="1" t="s">
        <v>168136</v>
      </c>
      <c r="I49635" s="1" t="s">
        <v>167793</v>
      </c>
      <c r="J49635" s="1" t="s">
        <v>167796</v>
      </c>
    </row>
    <row r="49636" spans="1:10" x14ac:dyDescent="0.35">
      <c r="A49636" s="1" t="s">
        <v>142609</v>
      </c>
      <c r="B49636" s="1" t="s">
        <v>167788</v>
      </c>
      <c r="C49636" s="1" t="s">
        <v>20</v>
      </c>
      <c r="D49636" s="1" t="s">
        <v>156948</v>
      </c>
      <c r="E49636" s="1" t="s">
        <v>168139</v>
      </c>
      <c r="F49636" s="1" t="s">
        <v>168140</v>
      </c>
      <c r="G49636" s="1" t="s">
        <v>168135</v>
      </c>
      <c r="H49636" s="1" t="s">
        <v>168136</v>
      </c>
      <c r="I49636" s="1" t="s">
        <v>167793</v>
      </c>
      <c r="J49636" s="1" t="s">
        <v>167799</v>
      </c>
    </row>
    <row r="49637" spans="1:10" x14ac:dyDescent="0.35">
      <c r="A49637" s="1" t="s">
        <v>142609</v>
      </c>
      <c r="B49637" s="1" t="s">
        <v>167788</v>
      </c>
      <c r="C49637" s="1" t="s">
        <v>25</v>
      </c>
      <c r="D49637" s="1" t="s">
        <v>10302</v>
      </c>
      <c r="E49637" s="1" t="s">
        <v>168141</v>
      </c>
      <c r="F49637" s="1" t="s">
        <v>168142</v>
      </c>
      <c r="G49637" s="1" t="s">
        <v>168135</v>
      </c>
      <c r="H49637" s="1" t="s">
        <v>168136</v>
      </c>
      <c r="I49637" s="1" t="s">
        <v>167793</v>
      </c>
      <c r="J49637" s="1" t="s">
        <v>167802</v>
      </c>
    </row>
    <row r="49638" spans="1:10" x14ac:dyDescent="0.35">
      <c r="A49638" s="1" t="s">
        <v>142609</v>
      </c>
      <c r="B49638" s="1" t="s">
        <v>167788</v>
      </c>
      <c r="C49638" s="1" t="s">
        <v>30</v>
      </c>
      <c r="D49638" s="1" t="s">
        <v>51820</v>
      </c>
      <c r="E49638" s="1" t="s">
        <v>168143</v>
      </c>
      <c r="F49638" s="1" t="s">
        <v>168144</v>
      </c>
      <c r="G49638" s="1" t="s">
        <v>168135</v>
      </c>
      <c r="H49638" s="1" t="s">
        <v>168136</v>
      </c>
      <c r="I49638" s="1" t="s">
        <v>167793</v>
      </c>
      <c r="J49638" s="1" t="s">
        <v>167805</v>
      </c>
    </row>
    <row r="49639" spans="1:10" x14ac:dyDescent="0.35">
      <c r="A49639" s="1" t="s">
        <v>142609</v>
      </c>
      <c r="B49639" s="1" t="s">
        <v>167788</v>
      </c>
      <c r="C49639" s="1" t="s">
        <v>35</v>
      </c>
      <c r="D49639" s="1" t="s">
        <v>8337</v>
      </c>
      <c r="E49639" s="1" t="s">
        <v>168145</v>
      </c>
      <c r="F49639" s="1" t="s">
        <v>168146</v>
      </c>
      <c r="G49639" s="1" t="s">
        <v>168135</v>
      </c>
      <c r="H49639" s="1" t="s">
        <v>168136</v>
      </c>
      <c r="I49639" s="1" t="s">
        <v>167793</v>
      </c>
      <c r="J49639" s="1" t="s">
        <v>167808</v>
      </c>
    </row>
    <row r="49640" spans="1:10" x14ac:dyDescent="0.35">
      <c r="A49640" s="1" t="s">
        <v>142609</v>
      </c>
      <c r="B49640" s="1" t="s">
        <v>167788</v>
      </c>
      <c r="C49640" s="1" t="s">
        <v>40</v>
      </c>
      <c r="D49640" s="1" t="s">
        <v>144633</v>
      </c>
      <c r="E49640" s="1" t="s">
        <v>168147</v>
      </c>
      <c r="F49640" s="1" t="s">
        <v>168148</v>
      </c>
      <c r="G49640" s="1" t="s">
        <v>168135</v>
      </c>
      <c r="H49640" s="1" t="s">
        <v>168136</v>
      </c>
      <c r="I49640" s="1" t="s">
        <v>167793</v>
      </c>
      <c r="J49640" s="1" t="s">
        <v>157245</v>
      </c>
    </row>
    <row r="49641" spans="1:10" x14ac:dyDescent="0.35">
      <c r="A49641" s="1" t="s">
        <v>142609</v>
      </c>
      <c r="B49641" s="1" t="s">
        <v>167788</v>
      </c>
      <c r="C49641" s="1" t="s">
        <v>45</v>
      </c>
      <c r="D49641" s="1" t="s">
        <v>145145</v>
      </c>
      <c r="E49641" s="1" t="s">
        <v>168149</v>
      </c>
      <c r="F49641" s="1" t="s">
        <v>168150</v>
      </c>
      <c r="G49641" s="1" t="s">
        <v>168135</v>
      </c>
      <c r="H49641" s="1" t="s">
        <v>168136</v>
      </c>
      <c r="I49641" s="1" t="s">
        <v>167793</v>
      </c>
      <c r="J49641" s="1" t="s">
        <v>167813</v>
      </c>
    </row>
    <row r="49642" spans="1:10" x14ac:dyDescent="0.35">
      <c r="A49642" s="1" t="s">
        <v>142609</v>
      </c>
      <c r="B49642" s="1" t="s">
        <v>167788</v>
      </c>
      <c r="C49642" s="1" t="s">
        <v>50</v>
      </c>
      <c r="D49642" s="1" t="s">
        <v>6854</v>
      </c>
      <c r="E49642" s="1" t="s">
        <v>168151</v>
      </c>
      <c r="F49642" s="1" t="s">
        <v>168152</v>
      </c>
      <c r="G49642" s="1" t="s">
        <v>168135</v>
      </c>
      <c r="H49642" s="1" t="s">
        <v>168136</v>
      </c>
      <c r="I49642" s="1" t="s">
        <v>167793</v>
      </c>
      <c r="J49642" s="1" t="s">
        <v>167816</v>
      </c>
    </row>
    <row r="49643" spans="1:10" x14ac:dyDescent="0.35">
      <c r="A49643" s="1" t="s">
        <v>142609</v>
      </c>
      <c r="B49643" s="1" t="s">
        <v>167788</v>
      </c>
      <c r="C49643" s="1" t="s">
        <v>55</v>
      </c>
      <c r="D49643" s="1" t="s">
        <v>10194</v>
      </c>
      <c r="E49643" s="1" t="s">
        <v>168153</v>
      </c>
      <c r="F49643" s="1" t="s">
        <v>168154</v>
      </c>
      <c r="G49643" s="1" t="s">
        <v>168135</v>
      </c>
      <c r="H49643" s="1" t="s">
        <v>168136</v>
      </c>
      <c r="I49643" s="1" t="s">
        <v>167793</v>
      </c>
      <c r="J49643" s="1" t="s">
        <v>167819</v>
      </c>
    </row>
    <row r="49644" spans="1:10" x14ac:dyDescent="0.35">
      <c r="A49644" s="1" t="s">
        <v>142609</v>
      </c>
      <c r="B49644" s="1" t="s">
        <v>167788</v>
      </c>
      <c r="C49644" s="1" t="s">
        <v>60</v>
      </c>
      <c r="D49644" s="1" t="s">
        <v>4717</v>
      </c>
      <c r="E49644" s="1" t="s">
        <v>168155</v>
      </c>
      <c r="F49644" s="1" t="s">
        <v>168156</v>
      </c>
      <c r="G49644" s="1" t="s">
        <v>168135</v>
      </c>
      <c r="H49644" s="1" t="s">
        <v>168136</v>
      </c>
      <c r="I49644" s="1" t="s">
        <v>167793</v>
      </c>
      <c r="J49644" s="1" t="s">
        <v>167822</v>
      </c>
    </row>
    <row r="49645" spans="1:10" x14ac:dyDescent="0.35">
      <c r="A49645" s="1" t="s">
        <v>142609</v>
      </c>
      <c r="B49645" s="1" t="s">
        <v>167788</v>
      </c>
      <c r="C49645" s="1" t="s">
        <v>65</v>
      </c>
      <c r="D49645" s="1" t="s">
        <v>110697</v>
      </c>
      <c r="E49645" s="1" t="s">
        <v>168157</v>
      </c>
      <c r="F49645" s="1" t="s">
        <v>168158</v>
      </c>
      <c r="G49645" s="1" t="s">
        <v>168135</v>
      </c>
      <c r="H49645" s="1" t="s">
        <v>168136</v>
      </c>
      <c r="I49645" s="1" t="s">
        <v>167793</v>
      </c>
      <c r="J49645" s="1" t="s">
        <v>167825</v>
      </c>
    </row>
    <row r="49646" spans="1:10" x14ac:dyDescent="0.35">
      <c r="A49646" s="1" t="s">
        <v>142609</v>
      </c>
      <c r="B49646" s="1" t="s">
        <v>167788</v>
      </c>
      <c r="C49646" s="1" t="s">
        <v>70</v>
      </c>
      <c r="D49646" s="1" t="s">
        <v>46916</v>
      </c>
      <c r="E49646" s="1" t="s">
        <v>168159</v>
      </c>
      <c r="F49646" s="1" t="s">
        <v>168160</v>
      </c>
      <c r="G49646" s="1" t="s">
        <v>168135</v>
      </c>
      <c r="H49646" s="1" t="s">
        <v>168136</v>
      </c>
      <c r="I49646" s="1" t="s">
        <v>167793</v>
      </c>
      <c r="J49646" s="1" t="s">
        <v>167828</v>
      </c>
    </row>
    <row r="49647" spans="1:10" x14ac:dyDescent="0.35">
      <c r="A49647" s="1" t="s">
        <v>142609</v>
      </c>
      <c r="B49647" s="1" t="s">
        <v>167788</v>
      </c>
      <c r="C49647" s="1" t="s">
        <v>75</v>
      </c>
      <c r="D49647" s="1" t="s">
        <v>8099</v>
      </c>
      <c r="E49647" s="1" t="s">
        <v>168161</v>
      </c>
      <c r="F49647" s="1" t="s">
        <v>168162</v>
      </c>
      <c r="G49647" s="1" t="s">
        <v>168135</v>
      </c>
      <c r="H49647" s="1" t="s">
        <v>168136</v>
      </c>
      <c r="I49647" s="1" t="s">
        <v>167793</v>
      </c>
      <c r="J49647" s="1" t="s">
        <v>167831</v>
      </c>
    </row>
    <row r="49648" spans="1:10" x14ac:dyDescent="0.35">
      <c r="A49648" s="1" t="s">
        <v>142609</v>
      </c>
      <c r="B49648" s="1" t="s">
        <v>167788</v>
      </c>
      <c r="C49648" s="1" t="s">
        <v>80</v>
      </c>
      <c r="D49648" s="1" t="s">
        <v>167832</v>
      </c>
      <c r="E49648" s="1" t="s">
        <v>168163</v>
      </c>
      <c r="F49648" s="1" t="s">
        <v>168164</v>
      </c>
      <c r="G49648" s="1" t="s">
        <v>168135</v>
      </c>
      <c r="H49648" s="1" t="s">
        <v>168136</v>
      </c>
      <c r="I49648" s="1" t="s">
        <v>167793</v>
      </c>
      <c r="J49648" s="1" t="s">
        <v>167835</v>
      </c>
    </row>
    <row r="49649" spans="1:10" x14ac:dyDescent="0.35">
      <c r="A49649" s="1" t="s">
        <v>142609</v>
      </c>
      <c r="B49649" s="1" t="s">
        <v>167788</v>
      </c>
      <c r="C49649" s="1" t="s">
        <v>85</v>
      </c>
      <c r="D49649" s="1" t="s">
        <v>7526</v>
      </c>
      <c r="E49649" s="1" t="s">
        <v>168165</v>
      </c>
      <c r="F49649" s="1" t="s">
        <v>168166</v>
      </c>
      <c r="G49649" s="1" t="s">
        <v>168135</v>
      </c>
      <c r="H49649" s="1" t="s">
        <v>168136</v>
      </c>
      <c r="I49649" s="1" t="s">
        <v>167793</v>
      </c>
      <c r="J49649" s="1" t="s">
        <v>167838</v>
      </c>
    </row>
    <row r="49650" spans="1:10" x14ac:dyDescent="0.35">
      <c r="A49650" s="1" t="s">
        <v>142609</v>
      </c>
      <c r="B49650" s="1" t="s">
        <v>167788</v>
      </c>
      <c r="C49650" s="1" t="s">
        <v>90</v>
      </c>
      <c r="D49650" s="1" t="s">
        <v>167839</v>
      </c>
      <c r="E49650" s="1" t="s">
        <v>168167</v>
      </c>
      <c r="F49650" s="1" t="s">
        <v>168168</v>
      </c>
      <c r="G49650" s="1" t="s">
        <v>168135</v>
      </c>
      <c r="H49650" s="1" t="s">
        <v>168136</v>
      </c>
      <c r="I49650" s="1" t="s">
        <v>167793</v>
      </c>
      <c r="J49650" s="1" t="s">
        <v>167842</v>
      </c>
    </row>
    <row r="49651" spans="1:10" x14ac:dyDescent="0.35">
      <c r="A49651" s="1" t="s">
        <v>142609</v>
      </c>
      <c r="B49651" s="1" t="s">
        <v>167788</v>
      </c>
      <c r="C49651" s="1" t="s">
        <v>95</v>
      </c>
      <c r="D49651" s="1" t="s">
        <v>30053</v>
      </c>
      <c r="E49651" s="1" t="s">
        <v>168169</v>
      </c>
      <c r="F49651" s="1" t="s">
        <v>168170</v>
      </c>
      <c r="G49651" s="1" t="s">
        <v>168135</v>
      </c>
      <c r="H49651" s="1" t="s">
        <v>168136</v>
      </c>
      <c r="I49651" s="1" t="s">
        <v>167793</v>
      </c>
      <c r="J49651" s="1" t="s">
        <v>167845</v>
      </c>
    </row>
    <row r="49652" spans="1:10" x14ac:dyDescent="0.35">
      <c r="A49652" s="1" t="s">
        <v>142609</v>
      </c>
      <c r="B49652" s="1" t="s">
        <v>167788</v>
      </c>
      <c r="C49652" s="1" t="s">
        <v>100</v>
      </c>
      <c r="D49652" s="1" t="s">
        <v>167846</v>
      </c>
      <c r="E49652" s="1" t="s">
        <v>168171</v>
      </c>
      <c r="F49652" s="1" t="s">
        <v>168172</v>
      </c>
      <c r="G49652" s="1" t="s">
        <v>168135</v>
      </c>
      <c r="H49652" s="1" t="s">
        <v>168136</v>
      </c>
      <c r="I49652" s="1" t="s">
        <v>167793</v>
      </c>
      <c r="J49652" s="1" t="s">
        <v>167849</v>
      </c>
    </row>
    <row r="49653" spans="1:10" x14ac:dyDescent="0.35">
      <c r="A49653" s="1" t="s">
        <v>142609</v>
      </c>
      <c r="B49653" s="1" t="s">
        <v>167788</v>
      </c>
      <c r="C49653" s="1" t="s">
        <v>105</v>
      </c>
      <c r="D49653" s="1" t="s">
        <v>348</v>
      </c>
      <c r="E49653" s="1" t="s">
        <v>168173</v>
      </c>
      <c r="F49653" s="1" t="s">
        <v>168174</v>
      </c>
      <c r="G49653" s="1" t="s">
        <v>168135</v>
      </c>
      <c r="H49653" s="1" t="s">
        <v>168136</v>
      </c>
      <c r="I49653" s="1" t="s">
        <v>167793</v>
      </c>
      <c r="J49653" s="1" t="s">
        <v>167852</v>
      </c>
    </row>
    <row r="49654" spans="1:10" x14ac:dyDescent="0.35">
      <c r="A49654" s="1" t="s">
        <v>142609</v>
      </c>
      <c r="B49654" s="1" t="s">
        <v>167788</v>
      </c>
      <c r="C49654" s="1" t="s">
        <v>110</v>
      </c>
      <c r="D49654" s="1" t="s">
        <v>167853</v>
      </c>
      <c r="E49654" s="1" t="s">
        <v>168175</v>
      </c>
      <c r="F49654" s="1" t="s">
        <v>168176</v>
      </c>
      <c r="G49654" s="1" t="s">
        <v>168135</v>
      </c>
      <c r="H49654" s="1" t="s">
        <v>168136</v>
      </c>
      <c r="I49654" s="1" t="s">
        <v>167793</v>
      </c>
      <c r="J49654" s="1" t="s">
        <v>167856</v>
      </c>
    </row>
    <row r="49655" spans="1:10" x14ac:dyDescent="0.35">
      <c r="A49655" s="1" t="s">
        <v>142609</v>
      </c>
      <c r="B49655" s="1" t="s">
        <v>167788</v>
      </c>
      <c r="C49655" s="1" t="s">
        <v>115</v>
      </c>
      <c r="D49655" s="1" t="s">
        <v>1596</v>
      </c>
      <c r="E49655" s="1" t="s">
        <v>168177</v>
      </c>
      <c r="F49655" s="1" t="s">
        <v>168178</v>
      </c>
      <c r="G49655" s="1" t="s">
        <v>168135</v>
      </c>
      <c r="H49655" s="1" t="s">
        <v>168136</v>
      </c>
      <c r="I49655" s="1" t="s">
        <v>167793</v>
      </c>
      <c r="J49655" s="1" t="s">
        <v>167859</v>
      </c>
    </row>
    <row r="49656" spans="1:10" x14ac:dyDescent="0.35">
      <c r="A49656" s="1" t="s">
        <v>142609</v>
      </c>
      <c r="B49656" s="1" t="s">
        <v>167788</v>
      </c>
      <c r="C49656" s="1" t="s">
        <v>120</v>
      </c>
      <c r="D49656" s="1" t="s">
        <v>116378</v>
      </c>
      <c r="E49656" s="1" t="s">
        <v>168179</v>
      </c>
      <c r="F49656" s="1" t="s">
        <v>168180</v>
      </c>
      <c r="G49656" s="1" t="s">
        <v>168135</v>
      </c>
      <c r="H49656" s="1" t="s">
        <v>168136</v>
      </c>
      <c r="I49656" s="1" t="s">
        <v>167793</v>
      </c>
      <c r="J49656" s="1" t="s">
        <v>167862</v>
      </c>
    </row>
    <row r="49657" spans="1:10" x14ac:dyDescent="0.35">
      <c r="A49657" s="1" t="s">
        <v>142609</v>
      </c>
      <c r="B49657" s="1" t="s">
        <v>167788</v>
      </c>
      <c r="C49657" s="1" t="s">
        <v>125</v>
      </c>
      <c r="D49657" s="1" t="s">
        <v>15716</v>
      </c>
      <c r="E49657" s="1" t="s">
        <v>168181</v>
      </c>
      <c r="F49657" s="1" t="s">
        <v>168182</v>
      </c>
      <c r="G49657" s="1" t="s">
        <v>168135</v>
      </c>
      <c r="H49657" s="1" t="s">
        <v>168136</v>
      </c>
      <c r="I49657" s="1" t="s">
        <v>167793</v>
      </c>
      <c r="J49657" s="1" t="s">
        <v>167865</v>
      </c>
    </row>
    <row r="49658" spans="1:10" x14ac:dyDescent="0.35">
      <c r="A49658" s="1" t="s">
        <v>142609</v>
      </c>
      <c r="B49658" s="1" t="s">
        <v>167788</v>
      </c>
      <c r="C49658" s="1" t="s">
        <v>130</v>
      </c>
      <c r="D49658" s="1" t="s">
        <v>9013</v>
      </c>
      <c r="E49658" s="1" t="s">
        <v>168183</v>
      </c>
      <c r="F49658" s="1" t="s">
        <v>168184</v>
      </c>
      <c r="G49658" s="1" t="s">
        <v>168135</v>
      </c>
      <c r="H49658" s="1" t="s">
        <v>168136</v>
      </c>
      <c r="I49658" s="1" t="s">
        <v>167793</v>
      </c>
      <c r="J49658" s="1" t="s">
        <v>167868</v>
      </c>
    </row>
    <row r="49659" spans="1:10" x14ac:dyDescent="0.35">
      <c r="A49659" s="1" t="s">
        <v>142609</v>
      </c>
      <c r="B49659" s="1" t="s">
        <v>167788</v>
      </c>
      <c r="C49659" s="1" t="s">
        <v>135</v>
      </c>
      <c r="D49659" s="1" t="s">
        <v>119313</v>
      </c>
      <c r="E49659" s="1" t="s">
        <v>168185</v>
      </c>
      <c r="F49659" s="1" t="s">
        <v>168186</v>
      </c>
      <c r="G49659" s="1" t="s">
        <v>168135</v>
      </c>
      <c r="H49659" s="1" t="s">
        <v>168136</v>
      </c>
      <c r="I49659" s="1" t="s">
        <v>167793</v>
      </c>
      <c r="J49659" s="1" t="s">
        <v>167871</v>
      </c>
    </row>
    <row r="49660" spans="1:10" x14ac:dyDescent="0.35">
      <c r="A49660" s="1" t="s">
        <v>142609</v>
      </c>
      <c r="B49660" s="1" t="s">
        <v>167788</v>
      </c>
      <c r="C49660" s="1" t="s">
        <v>140</v>
      </c>
      <c r="D49660" s="1" t="s">
        <v>15459</v>
      </c>
      <c r="E49660" s="1" t="s">
        <v>168187</v>
      </c>
      <c r="F49660" s="1" t="s">
        <v>168188</v>
      </c>
      <c r="G49660" s="1" t="s">
        <v>168135</v>
      </c>
      <c r="H49660" s="1" t="s">
        <v>168136</v>
      </c>
      <c r="I49660" s="1" t="s">
        <v>167793</v>
      </c>
      <c r="J49660" s="1" t="s">
        <v>167874</v>
      </c>
    </row>
    <row r="49661" spans="1:10" x14ac:dyDescent="0.35">
      <c r="A49661" s="1" t="s">
        <v>142609</v>
      </c>
      <c r="B49661" s="1" t="s">
        <v>167788</v>
      </c>
      <c r="C49661" s="1" t="s">
        <v>145</v>
      </c>
      <c r="D49661" s="1" t="s">
        <v>167875</v>
      </c>
      <c r="E49661" s="1" t="s">
        <v>168189</v>
      </c>
      <c r="F49661" s="1" t="s">
        <v>168190</v>
      </c>
      <c r="G49661" s="1" t="s">
        <v>168135</v>
      </c>
      <c r="H49661" s="1" t="s">
        <v>168136</v>
      </c>
      <c r="I49661" s="1" t="s">
        <v>167793</v>
      </c>
      <c r="J49661" s="1" t="s">
        <v>167878</v>
      </c>
    </row>
    <row r="49662" spans="1:10" x14ac:dyDescent="0.35">
      <c r="A49662" s="1" t="s">
        <v>142609</v>
      </c>
      <c r="B49662" s="1" t="s">
        <v>167788</v>
      </c>
      <c r="C49662" s="1" t="s">
        <v>150</v>
      </c>
      <c r="D49662" s="1" t="s">
        <v>161122</v>
      </c>
      <c r="E49662" s="1" t="s">
        <v>168191</v>
      </c>
      <c r="F49662" s="1" t="s">
        <v>168192</v>
      </c>
      <c r="G49662" s="1" t="s">
        <v>168135</v>
      </c>
      <c r="H49662" s="1" t="s">
        <v>168136</v>
      </c>
      <c r="I49662" s="1" t="s">
        <v>167793</v>
      </c>
      <c r="J49662" s="1" t="s">
        <v>167881</v>
      </c>
    </row>
    <row r="49663" spans="1:10" x14ac:dyDescent="0.35">
      <c r="A49663" s="1" t="s">
        <v>142609</v>
      </c>
      <c r="B49663" s="1" t="s">
        <v>167788</v>
      </c>
      <c r="C49663" s="1" t="s">
        <v>155</v>
      </c>
      <c r="D49663" s="1" t="s">
        <v>167882</v>
      </c>
      <c r="E49663" s="1" t="s">
        <v>168193</v>
      </c>
      <c r="F49663" s="1" t="s">
        <v>168194</v>
      </c>
      <c r="G49663" s="1" t="s">
        <v>168135</v>
      </c>
      <c r="H49663" s="1" t="s">
        <v>168136</v>
      </c>
      <c r="I49663" s="1" t="s">
        <v>167793</v>
      </c>
      <c r="J49663" s="1" t="s">
        <v>167885</v>
      </c>
    </row>
    <row r="49664" spans="1:10" x14ac:dyDescent="0.35">
      <c r="A49664" s="1" t="s">
        <v>142609</v>
      </c>
      <c r="B49664" s="1" t="s">
        <v>167788</v>
      </c>
      <c r="C49664" s="1" t="s">
        <v>160</v>
      </c>
      <c r="D49664" s="1" t="s">
        <v>5095</v>
      </c>
      <c r="E49664" s="1" t="s">
        <v>168195</v>
      </c>
      <c r="F49664" s="1" t="s">
        <v>168196</v>
      </c>
      <c r="G49664" s="1" t="s">
        <v>168135</v>
      </c>
      <c r="H49664" s="1" t="s">
        <v>168136</v>
      </c>
      <c r="I49664" s="1" t="s">
        <v>167793</v>
      </c>
      <c r="J49664" s="1" t="s">
        <v>167888</v>
      </c>
    </row>
    <row r="49665" spans="1:10" x14ac:dyDescent="0.35">
      <c r="A49665" s="1" t="s">
        <v>142609</v>
      </c>
      <c r="B49665" s="1" t="s">
        <v>167788</v>
      </c>
      <c r="C49665" s="1" t="s">
        <v>165</v>
      </c>
      <c r="D49665" s="1" t="s">
        <v>151837</v>
      </c>
      <c r="E49665" s="1" t="s">
        <v>168197</v>
      </c>
      <c r="F49665" s="1" t="s">
        <v>168198</v>
      </c>
      <c r="G49665" s="1" t="s">
        <v>168135</v>
      </c>
      <c r="H49665" s="1" t="s">
        <v>168136</v>
      </c>
      <c r="I49665" s="1" t="s">
        <v>167793</v>
      </c>
      <c r="J49665" s="1" t="s">
        <v>167891</v>
      </c>
    </row>
    <row r="49666" spans="1:10" x14ac:dyDescent="0.35">
      <c r="A49666" s="1" t="s">
        <v>142609</v>
      </c>
      <c r="B49666" s="1" t="s">
        <v>167788</v>
      </c>
      <c r="C49666" s="1" t="s">
        <v>170</v>
      </c>
      <c r="D49666" s="1" t="s">
        <v>115601</v>
      </c>
      <c r="E49666" s="1" t="s">
        <v>168199</v>
      </c>
      <c r="F49666" s="1" t="s">
        <v>168200</v>
      </c>
      <c r="G49666" s="1" t="s">
        <v>168135</v>
      </c>
      <c r="H49666" s="1" t="s">
        <v>168136</v>
      </c>
      <c r="I49666" s="1" t="s">
        <v>167793</v>
      </c>
      <c r="J49666" s="1" t="s">
        <v>167894</v>
      </c>
    </row>
    <row r="49667" spans="1:10" x14ac:dyDescent="0.35">
      <c r="A49667" s="1" t="s">
        <v>12073</v>
      </c>
      <c r="B49667" s="1" t="s">
        <v>167788</v>
      </c>
      <c r="C49667" s="1" t="s">
        <v>8</v>
      </c>
      <c r="D49667" s="1" t="s">
        <v>121616</v>
      </c>
      <c r="E49667" s="1" t="s">
        <v>168201</v>
      </c>
      <c r="F49667" s="1" t="s">
        <v>168202</v>
      </c>
      <c r="G49667" s="1" t="s">
        <v>168203</v>
      </c>
      <c r="H49667" s="1" t="s">
        <v>168204</v>
      </c>
      <c r="I49667" s="1" t="s">
        <v>167793</v>
      </c>
      <c r="J49667" s="1" t="s">
        <v>13</v>
      </c>
    </row>
    <row r="49668" spans="1:10" x14ac:dyDescent="0.35">
      <c r="A49668" s="1" t="s">
        <v>12073</v>
      </c>
      <c r="B49668" s="1" t="s">
        <v>167788</v>
      </c>
      <c r="C49668" s="1" t="s">
        <v>15</v>
      </c>
      <c r="D49668" s="1" t="s">
        <v>109585</v>
      </c>
      <c r="E49668" s="1" t="s">
        <v>168205</v>
      </c>
      <c r="F49668" s="1" t="s">
        <v>168206</v>
      </c>
      <c r="G49668" s="1" t="s">
        <v>168203</v>
      </c>
      <c r="H49668" s="1" t="s">
        <v>168204</v>
      </c>
      <c r="I49668" s="1" t="s">
        <v>167793</v>
      </c>
      <c r="J49668" s="1" t="s">
        <v>168207</v>
      </c>
    </row>
    <row r="49669" spans="1:10" x14ac:dyDescent="0.35">
      <c r="A49669" s="1" t="s">
        <v>12073</v>
      </c>
      <c r="B49669" s="1" t="s">
        <v>167788</v>
      </c>
      <c r="C49669" s="1" t="s">
        <v>20</v>
      </c>
      <c r="D49669" s="1" t="s">
        <v>104186</v>
      </c>
      <c r="E49669" s="1" t="s">
        <v>168208</v>
      </c>
      <c r="F49669" s="1" t="s">
        <v>168209</v>
      </c>
      <c r="G49669" s="1" t="s">
        <v>168203</v>
      </c>
      <c r="H49669" s="1" t="s">
        <v>168204</v>
      </c>
      <c r="I49669" s="1" t="s">
        <v>167793</v>
      </c>
      <c r="J49669" s="1" t="s">
        <v>168210</v>
      </c>
    </row>
    <row r="49670" spans="1:10" x14ac:dyDescent="0.35">
      <c r="A49670" s="1" t="s">
        <v>12073</v>
      </c>
      <c r="B49670" s="1" t="s">
        <v>167788</v>
      </c>
      <c r="C49670" s="1" t="s">
        <v>25</v>
      </c>
      <c r="D49670" s="1" t="s">
        <v>46348</v>
      </c>
      <c r="E49670" s="1" t="s">
        <v>168211</v>
      </c>
      <c r="F49670" s="1" t="s">
        <v>168212</v>
      </c>
      <c r="G49670" s="1" t="s">
        <v>168203</v>
      </c>
      <c r="H49670" s="1" t="s">
        <v>168204</v>
      </c>
      <c r="I49670" s="1" t="s">
        <v>167793</v>
      </c>
      <c r="J49670" s="1" t="s">
        <v>168213</v>
      </c>
    </row>
    <row r="49671" spans="1:10" x14ac:dyDescent="0.35">
      <c r="A49671" s="1" t="s">
        <v>12073</v>
      </c>
      <c r="B49671" s="1" t="s">
        <v>167788</v>
      </c>
      <c r="C49671" s="1" t="s">
        <v>30</v>
      </c>
      <c r="D49671" s="1" t="s">
        <v>9960</v>
      </c>
      <c r="E49671" s="1" t="s">
        <v>168214</v>
      </c>
      <c r="F49671" s="1" t="s">
        <v>168215</v>
      </c>
      <c r="G49671" s="1" t="s">
        <v>168203</v>
      </c>
      <c r="H49671" s="1" t="s">
        <v>168204</v>
      </c>
      <c r="I49671" s="1" t="s">
        <v>167793</v>
      </c>
      <c r="J49671" s="1" t="s">
        <v>168216</v>
      </c>
    </row>
    <row r="49672" spans="1:10" x14ac:dyDescent="0.35">
      <c r="A49672" s="1" t="s">
        <v>12073</v>
      </c>
      <c r="B49672" s="1" t="s">
        <v>167788</v>
      </c>
      <c r="C49672" s="1" t="s">
        <v>35</v>
      </c>
      <c r="D49672" s="1" t="s">
        <v>27421</v>
      </c>
      <c r="E49672" s="1" t="s">
        <v>168217</v>
      </c>
      <c r="F49672" s="1" t="s">
        <v>168218</v>
      </c>
      <c r="G49672" s="1" t="s">
        <v>168203</v>
      </c>
      <c r="H49672" s="1" t="s">
        <v>168204</v>
      </c>
      <c r="I49672" s="1" t="s">
        <v>167793</v>
      </c>
      <c r="J49672" s="1" t="s">
        <v>168219</v>
      </c>
    </row>
    <row r="49673" spans="1:10" x14ac:dyDescent="0.35">
      <c r="A49673" s="1" t="s">
        <v>12073</v>
      </c>
      <c r="B49673" s="1" t="s">
        <v>167788</v>
      </c>
      <c r="C49673" s="1" t="s">
        <v>40</v>
      </c>
      <c r="D49673" s="1" t="s">
        <v>120543</v>
      </c>
      <c r="E49673" s="1" t="s">
        <v>168220</v>
      </c>
      <c r="F49673" s="1" t="s">
        <v>168221</v>
      </c>
      <c r="G49673" s="1" t="s">
        <v>168203</v>
      </c>
      <c r="H49673" s="1" t="s">
        <v>168204</v>
      </c>
      <c r="I49673" s="1" t="s">
        <v>167793</v>
      </c>
      <c r="J49673" s="1" t="s">
        <v>168222</v>
      </c>
    </row>
    <row r="49674" spans="1:10" x14ac:dyDescent="0.35">
      <c r="A49674" s="1" t="s">
        <v>12073</v>
      </c>
      <c r="B49674" s="1" t="s">
        <v>167788</v>
      </c>
      <c r="C49674" s="1" t="s">
        <v>45</v>
      </c>
      <c r="D49674" s="1" t="s">
        <v>46916</v>
      </c>
      <c r="E49674" s="1" t="s">
        <v>168223</v>
      </c>
      <c r="F49674" s="1" t="s">
        <v>168224</v>
      </c>
      <c r="G49674" s="1" t="s">
        <v>168203</v>
      </c>
      <c r="H49674" s="1" t="s">
        <v>168204</v>
      </c>
      <c r="I49674" s="1" t="s">
        <v>167793</v>
      </c>
      <c r="J49674" s="1" t="s">
        <v>168225</v>
      </c>
    </row>
    <row r="49675" spans="1:10" x14ac:dyDescent="0.35">
      <c r="A49675" s="1" t="s">
        <v>12073</v>
      </c>
      <c r="B49675" s="1" t="s">
        <v>167788</v>
      </c>
      <c r="C49675" s="1" t="s">
        <v>50</v>
      </c>
      <c r="D49675" s="1" t="s">
        <v>111495</v>
      </c>
      <c r="E49675" s="1" t="s">
        <v>168226</v>
      </c>
      <c r="F49675" s="1" t="s">
        <v>168227</v>
      </c>
      <c r="G49675" s="1" t="s">
        <v>168203</v>
      </c>
      <c r="H49675" s="1" t="s">
        <v>168204</v>
      </c>
      <c r="I49675" s="1" t="s">
        <v>167793</v>
      </c>
      <c r="J49675" s="1" t="s">
        <v>168228</v>
      </c>
    </row>
    <row r="49676" spans="1:10" x14ac:dyDescent="0.35">
      <c r="A49676" s="1" t="s">
        <v>12073</v>
      </c>
      <c r="B49676" s="1" t="s">
        <v>167788</v>
      </c>
      <c r="C49676" s="1" t="s">
        <v>55</v>
      </c>
      <c r="D49676" s="1" t="s">
        <v>7048</v>
      </c>
      <c r="E49676" s="1" t="s">
        <v>168229</v>
      </c>
      <c r="F49676" s="1" t="s">
        <v>168230</v>
      </c>
      <c r="G49676" s="1" t="s">
        <v>168203</v>
      </c>
      <c r="H49676" s="1" t="s">
        <v>168204</v>
      </c>
      <c r="I49676" s="1" t="s">
        <v>167793</v>
      </c>
      <c r="J49676" s="1" t="s">
        <v>168231</v>
      </c>
    </row>
    <row r="49677" spans="1:10" x14ac:dyDescent="0.35">
      <c r="A49677" s="1" t="s">
        <v>12073</v>
      </c>
      <c r="B49677" s="1" t="s">
        <v>167788</v>
      </c>
      <c r="C49677" s="1" t="s">
        <v>60</v>
      </c>
      <c r="D49677" s="1" t="s">
        <v>30160</v>
      </c>
      <c r="E49677" s="1" t="s">
        <v>168232</v>
      </c>
      <c r="F49677" s="1" t="s">
        <v>168233</v>
      </c>
      <c r="G49677" s="1" t="s">
        <v>168203</v>
      </c>
      <c r="H49677" s="1" t="s">
        <v>168204</v>
      </c>
      <c r="I49677" s="1" t="s">
        <v>167793</v>
      </c>
      <c r="J49677" s="1" t="s">
        <v>168234</v>
      </c>
    </row>
    <row r="49678" spans="1:10" x14ac:dyDescent="0.35">
      <c r="A49678" s="1" t="s">
        <v>12073</v>
      </c>
      <c r="B49678" s="1" t="s">
        <v>167788</v>
      </c>
      <c r="C49678" s="1" t="s">
        <v>65</v>
      </c>
      <c r="D49678" s="1" t="s">
        <v>1584</v>
      </c>
      <c r="E49678" s="1" t="s">
        <v>168235</v>
      </c>
      <c r="F49678" s="1" t="s">
        <v>168236</v>
      </c>
      <c r="G49678" s="1" t="s">
        <v>168203</v>
      </c>
      <c r="H49678" s="1" t="s">
        <v>168204</v>
      </c>
      <c r="I49678" s="1" t="s">
        <v>167793</v>
      </c>
      <c r="J49678" s="1" t="s">
        <v>168237</v>
      </c>
    </row>
    <row r="49679" spans="1:10" x14ac:dyDescent="0.35">
      <c r="A49679" s="1" t="s">
        <v>12073</v>
      </c>
      <c r="B49679" s="1" t="s">
        <v>167788</v>
      </c>
      <c r="C49679" s="1" t="s">
        <v>70</v>
      </c>
      <c r="D49679" s="1" t="s">
        <v>1683</v>
      </c>
      <c r="E49679" s="1" t="s">
        <v>168238</v>
      </c>
      <c r="F49679" s="1" t="s">
        <v>168239</v>
      </c>
      <c r="G49679" s="1" t="s">
        <v>168203</v>
      </c>
      <c r="H49679" s="1" t="s">
        <v>168204</v>
      </c>
      <c r="I49679" s="1" t="s">
        <v>167793</v>
      </c>
      <c r="J49679" s="1" t="s">
        <v>168240</v>
      </c>
    </row>
    <row r="49680" spans="1:10" x14ac:dyDescent="0.35">
      <c r="A49680" s="1" t="s">
        <v>12073</v>
      </c>
      <c r="B49680" s="1" t="s">
        <v>167788</v>
      </c>
      <c r="C49680" s="1" t="s">
        <v>75</v>
      </c>
      <c r="D49680" s="1" t="s">
        <v>143568</v>
      </c>
      <c r="E49680" s="1" t="s">
        <v>168241</v>
      </c>
      <c r="F49680" s="1" t="s">
        <v>168242</v>
      </c>
      <c r="G49680" s="1" t="s">
        <v>168203</v>
      </c>
      <c r="H49680" s="1" t="s">
        <v>168204</v>
      </c>
      <c r="I49680" s="1" t="s">
        <v>167793</v>
      </c>
      <c r="J49680" s="1" t="s">
        <v>168243</v>
      </c>
    </row>
    <row r="49681" spans="1:10" x14ac:dyDescent="0.35">
      <c r="A49681" s="1" t="s">
        <v>12073</v>
      </c>
      <c r="B49681" s="1" t="s">
        <v>167788</v>
      </c>
      <c r="C49681" s="1" t="s">
        <v>80</v>
      </c>
      <c r="D49681" s="1" t="s">
        <v>115727</v>
      </c>
      <c r="E49681" s="1" t="s">
        <v>168244</v>
      </c>
      <c r="F49681" s="1" t="s">
        <v>168245</v>
      </c>
      <c r="G49681" s="1" t="s">
        <v>168203</v>
      </c>
      <c r="H49681" s="1" t="s">
        <v>168204</v>
      </c>
      <c r="I49681" s="1" t="s">
        <v>167793</v>
      </c>
      <c r="J49681" s="1" t="s">
        <v>168246</v>
      </c>
    </row>
    <row r="49682" spans="1:10" x14ac:dyDescent="0.35">
      <c r="A49682" s="1" t="s">
        <v>12073</v>
      </c>
      <c r="B49682" s="1" t="s">
        <v>167788</v>
      </c>
      <c r="C49682" s="1" t="s">
        <v>85</v>
      </c>
      <c r="D49682" s="1" t="s">
        <v>168247</v>
      </c>
      <c r="E49682" s="1" t="s">
        <v>168248</v>
      </c>
      <c r="F49682" s="1" t="s">
        <v>168249</v>
      </c>
      <c r="G49682" s="1" t="s">
        <v>168203</v>
      </c>
      <c r="H49682" s="1" t="s">
        <v>168204</v>
      </c>
      <c r="I49682" s="1" t="s">
        <v>167793</v>
      </c>
      <c r="J49682" s="1" t="s">
        <v>12047</v>
      </c>
    </row>
    <row r="49683" spans="1:10" x14ac:dyDescent="0.35">
      <c r="A49683" s="1" t="s">
        <v>12073</v>
      </c>
      <c r="B49683" s="1" t="s">
        <v>167788</v>
      </c>
      <c r="C49683" s="1" t="s">
        <v>90</v>
      </c>
      <c r="D49683" s="1" t="s">
        <v>15868</v>
      </c>
      <c r="E49683" s="1" t="s">
        <v>168250</v>
      </c>
      <c r="F49683" s="1" t="s">
        <v>168251</v>
      </c>
      <c r="G49683" s="1" t="s">
        <v>168203</v>
      </c>
      <c r="H49683" s="1" t="s">
        <v>168204</v>
      </c>
      <c r="I49683" s="1" t="s">
        <v>167793</v>
      </c>
      <c r="J49683" s="1" t="s">
        <v>168252</v>
      </c>
    </row>
    <row r="49684" spans="1:10" x14ac:dyDescent="0.35">
      <c r="A49684" s="1" t="s">
        <v>12073</v>
      </c>
      <c r="B49684" s="1" t="s">
        <v>167788</v>
      </c>
      <c r="C49684" s="1" t="s">
        <v>95</v>
      </c>
      <c r="D49684" s="1" t="s">
        <v>144803</v>
      </c>
      <c r="E49684" s="1" t="s">
        <v>168253</v>
      </c>
      <c r="F49684" s="1" t="s">
        <v>168254</v>
      </c>
      <c r="G49684" s="1" t="s">
        <v>168203</v>
      </c>
      <c r="H49684" s="1" t="s">
        <v>168204</v>
      </c>
      <c r="I49684" s="1" t="s">
        <v>167793</v>
      </c>
      <c r="J49684" s="1" t="s">
        <v>168255</v>
      </c>
    </row>
    <row r="49685" spans="1:10" x14ac:dyDescent="0.35">
      <c r="A49685" s="1" t="s">
        <v>12073</v>
      </c>
      <c r="B49685" s="1" t="s">
        <v>167788</v>
      </c>
      <c r="C49685" s="1" t="s">
        <v>100</v>
      </c>
      <c r="D49685" s="1" t="s">
        <v>168256</v>
      </c>
      <c r="E49685" s="1" t="s">
        <v>168257</v>
      </c>
      <c r="F49685" s="1" t="s">
        <v>168258</v>
      </c>
      <c r="G49685" s="1" t="s">
        <v>168203</v>
      </c>
      <c r="H49685" s="1" t="s">
        <v>168204</v>
      </c>
      <c r="I49685" s="1" t="s">
        <v>167793</v>
      </c>
      <c r="J49685" s="1" t="s">
        <v>168259</v>
      </c>
    </row>
    <row r="49686" spans="1:10" x14ac:dyDescent="0.35">
      <c r="A49686" s="1" t="s">
        <v>12073</v>
      </c>
      <c r="B49686" s="1" t="s">
        <v>167788</v>
      </c>
      <c r="C49686" s="1" t="s">
        <v>105</v>
      </c>
      <c r="D49686" s="1" t="s">
        <v>6638</v>
      </c>
      <c r="E49686" s="1" t="s">
        <v>168260</v>
      </c>
      <c r="F49686" s="1" t="s">
        <v>168261</v>
      </c>
      <c r="G49686" s="1" t="s">
        <v>168203</v>
      </c>
      <c r="H49686" s="1" t="s">
        <v>168204</v>
      </c>
      <c r="I49686" s="1" t="s">
        <v>167793</v>
      </c>
      <c r="J49686" s="1" t="s">
        <v>168262</v>
      </c>
    </row>
    <row r="49687" spans="1:10" x14ac:dyDescent="0.35">
      <c r="A49687" s="1" t="s">
        <v>12073</v>
      </c>
      <c r="B49687" s="1" t="s">
        <v>167788</v>
      </c>
      <c r="C49687" s="1" t="s">
        <v>110</v>
      </c>
      <c r="D49687" s="1" t="s">
        <v>115910</v>
      </c>
      <c r="E49687" s="1" t="s">
        <v>168263</v>
      </c>
      <c r="F49687" s="1" t="s">
        <v>168264</v>
      </c>
      <c r="G49687" s="1" t="s">
        <v>168203</v>
      </c>
      <c r="H49687" s="1" t="s">
        <v>168204</v>
      </c>
      <c r="I49687" s="1" t="s">
        <v>167793</v>
      </c>
      <c r="J49687" s="1" t="s">
        <v>168265</v>
      </c>
    </row>
    <row r="49688" spans="1:10" x14ac:dyDescent="0.35">
      <c r="A49688" s="1" t="s">
        <v>12073</v>
      </c>
      <c r="B49688" s="1" t="s">
        <v>167788</v>
      </c>
      <c r="C49688" s="1" t="s">
        <v>115</v>
      </c>
      <c r="D49688" s="1" t="s">
        <v>25734</v>
      </c>
      <c r="E49688" s="1" t="s">
        <v>168266</v>
      </c>
      <c r="F49688" s="1" t="s">
        <v>168267</v>
      </c>
      <c r="G49688" s="1" t="s">
        <v>168203</v>
      </c>
      <c r="H49688" s="1" t="s">
        <v>168204</v>
      </c>
      <c r="I49688" s="1" t="s">
        <v>167793</v>
      </c>
      <c r="J49688" s="1" t="s">
        <v>168268</v>
      </c>
    </row>
    <row r="49689" spans="1:10" x14ac:dyDescent="0.35">
      <c r="A49689" s="1" t="s">
        <v>12073</v>
      </c>
      <c r="B49689" s="1" t="s">
        <v>167788</v>
      </c>
      <c r="C49689" s="1" t="s">
        <v>120</v>
      </c>
      <c r="D49689" s="1" t="s">
        <v>111960</v>
      </c>
      <c r="E49689" s="1" t="s">
        <v>168269</v>
      </c>
      <c r="F49689" s="1" t="s">
        <v>168270</v>
      </c>
      <c r="G49689" s="1" t="s">
        <v>168203</v>
      </c>
      <c r="H49689" s="1" t="s">
        <v>168204</v>
      </c>
      <c r="I49689" s="1" t="s">
        <v>167793</v>
      </c>
      <c r="J49689" s="1" t="s">
        <v>168271</v>
      </c>
    </row>
    <row r="49690" spans="1:10" x14ac:dyDescent="0.35">
      <c r="A49690" s="1" t="s">
        <v>12073</v>
      </c>
      <c r="B49690" s="1" t="s">
        <v>167788</v>
      </c>
      <c r="C49690" s="1" t="s">
        <v>125</v>
      </c>
      <c r="D49690" s="1" t="s">
        <v>145213</v>
      </c>
      <c r="E49690" s="1" t="s">
        <v>168272</v>
      </c>
      <c r="F49690" s="1" t="s">
        <v>168273</v>
      </c>
      <c r="G49690" s="1" t="s">
        <v>168203</v>
      </c>
      <c r="H49690" s="1" t="s">
        <v>168204</v>
      </c>
      <c r="I49690" s="1" t="s">
        <v>167793</v>
      </c>
      <c r="J49690" s="1" t="s">
        <v>168274</v>
      </c>
    </row>
    <row r="49691" spans="1:10" x14ac:dyDescent="0.35">
      <c r="A49691" s="1" t="s">
        <v>12073</v>
      </c>
      <c r="B49691" s="1" t="s">
        <v>167788</v>
      </c>
      <c r="C49691" s="1" t="s">
        <v>130</v>
      </c>
      <c r="D49691" s="1" t="s">
        <v>28465</v>
      </c>
      <c r="E49691" s="1" t="s">
        <v>168275</v>
      </c>
      <c r="F49691" s="1" t="s">
        <v>168276</v>
      </c>
      <c r="G49691" s="1" t="s">
        <v>168203</v>
      </c>
      <c r="H49691" s="1" t="s">
        <v>168204</v>
      </c>
      <c r="I49691" s="1" t="s">
        <v>167793</v>
      </c>
      <c r="J49691" s="1" t="s">
        <v>168277</v>
      </c>
    </row>
    <row r="49692" spans="1:10" x14ac:dyDescent="0.35">
      <c r="A49692" s="1" t="s">
        <v>12073</v>
      </c>
      <c r="B49692" s="1" t="s">
        <v>167788</v>
      </c>
      <c r="C49692" s="1" t="s">
        <v>135</v>
      </c>
      <c r="D49692" s="1" t="s">
        <v>10338</v>
      </c>
      <c r="E49692" s="1" t="s">
        <v>168278</v>
      </c>
      <c r="F49692" s="1" t="s">
        <v>168279</v>
      </c>
      <c r="G49692" s="1" t="s">
        <v>168203</v>
      </c>
      <c r="H49692" s="1" t="s">
        <v>168204</v>
      </c>
      <c r="I49692" s="1" t="s">
        <v>167793</v>
      </c>
      <c r="J49692" s="1" t="s">
        <v>168280</v>
      </c>
    </row>
    <row r="49693" spans="1:10" x14ac:dyDescent="0.35">
      <c r="A49693" s="1" t="s">
        <v>12073</v>
      </c>
      <c r="B49693" s="1" t="s">
        <v>167788</v>
      </c>
      <c r="C49693" s="1" t="s">
        <v>140</v>
      </c>
      <c r="D49693" s="1" t="s">
        <v>159738</v>
      </c>
      <c r="E49693" s="1" t="s">
        <v>168281</v>
      </c>
      <c r="F49693" s="1" t="s">
        <v>168282</v>
      </c>
      <c r="G49693" s="1" t="s">
        <v>168203</v>
      </c>
      <c r="H49693" s="1" t="s">
        <v>168204</v>
      </c>
      <c r="I49693" s="1" t="s">
        <v>167793</v>
      </c>
      <c r="J49693" s="1" t="s">
        <v>168283</v>
      </c>
    </row>
    <row r="49694" spans="1:10" x14ac:dyDescent="0.35">
      <c r="A49694" s="1" t="s">
        <v>12073</v>
      </c>
      <c r="B49694" s="1" t="s">
        <v>167788</v>
      </c>
      <c r="C49694" s="1" t="s">
        <v>145</v>
      </c>
      <c r="D49694" s="1" t="s">
        <v>168284</v>
      </c>
      <c r="E49694" s="1" t="s">
        <v>168285</v>
      </c>
      <c r="F49694" s="1" t="s">
        <v>168286</v>
      </c>
      <c r="G49694" s="1" t="s">
        <v>168203</v>
      </c>
      <c r="H49694" s="1" t="s">
        <v>168204</v>
      </c>
      <c r="I49694" s="1" t="s">
        <v>167793</v>
      </c>
      <c r="J49694" s="1" t="s">
        <v>168287</v>
      </c>
    </row>
    <row r="49695" spans="1:10" x14ac:dyDescent="0.35">
      <c r="A49695" s="1" t="s">
        <v>12073</v>
      </c>
      <c r="B49695" s="1" t="s">
        <v>167788</v>
      </c>
      <c r="C49695" s="1" t="s">
        <v>150</v>
      </c>
      <c r="D49695" s="1" t="s">
        <v>15364</v>
      </c>
      <c r="E49695" s="1" t="s">
        <v>168288</v>
      </c>
      <c r="F49695" s="1" t="s">
        <v>168289</v>
      </c>
      <c r="G49695" s="1" t="s">
        <v>168203</v>
      </c>
      <c r="H49695" s="1" t="s">
        <v>168204</v>
      </c>
      <c r="I49695" s="1" t="s">
        <v>167793</v>
      </c>
      <c r="J49695" s="1" t="s">
        <v>168290</v>
      </c>
    </row>
    <row r="49696" spans="1:10" x14ac:dyDescent="0.35">
      <c r="A49696" s="1" t="s">
        <v>12073</v>
      </c>
      <c r="B49696" s="1" t="s">
        <v>167788</v>
      </c>
      <c r="C49696" s="1" t="s">
        <v>155</v>
      </c>
      <c r="D49696" s="1" t="s">
        <v>168291</v>
      </c>
      <c r="E49696" s="1" t="s">
        <v>168292</v>
      </c>
      <c r="F49696" s="1" t="s">
        <v>168293</v>
      </c>
      <c r="G49696" s="1" t="s">
        <v>168203</v>
      </c>
      <c r="H49696" s="1" t="s">
        <v>168204</v>
      </c>
      <c r="I49696" s="1" t="s">
        <v>167793</v>
      </c>
      <c r="J49696" s="1" t="s">
        <v>168294</v>
      </c>
    </row>
    <row r="49697" spans="1:10" x14ac:dyDescent="0.35">
      <c r="A49697" s="1" t="s">
        <v>12073</v>
      </c>
      <c r="B49697" s="1" t="s">
        <v>167788</v>
      </c>
      <c r="C49697" s="1" t="s">
        <v>160</v>
      </c>
      <c r="D49697" s="1" t="s">
        <v>7965</v>
      </c>
      <c r="E49697" s="1" t="s">
        <v>168295</v>
      </c>
      <c r="F49697" s="1" t="s">
        <v>168296</v>
      </c>
      <c r="G49697" s="1" t="s">
        <v>168203</v>
      </c>
      <c r="H49697" s="1" t="s">
        <v>168204</v>
      </c>
      <c r="I49697" s="1" t="s">
        <v>167793</v>
      </c>
      <c r="J49697" s="1" t="s">
        <v>168297</v>
      </c>
    </row>
    <row r="49698" spans="1:10" x14ac:dyDescent="0.35">
      <c r="A49698" s="1" t="s">
        <v>12073</v>
      </c>
      <c r="B49698" s="1" t="s">
        <v>167788</v>
      </c>
      <c r="C49698" s="1" t="s">
        <v>165</v>
      </c>
      <c r="D49698" s="1" t="s">
        <v>135586</v>
      </c>
      <c r="E49698" s="1" t="s">
        <v>168298</v>
      </c>
      <c r="F49698" s="1" t="s">
        <v>168299</v>
      </c>
      <c r="G49698" s="1" t="s">
        <v>168203</v>
      </c>
      <c r="H49698" s="1" t="s">
        <v>168204</v>
      </c>
      <c r="I49698" s="1" t="s">
        <v>167793</v>
      </c>
      <c r="J49698" s="1" t="s">
        <v>168300</v>
      </c>
    </row>
    <row r="49699" spans="1:10" x14ac:dyDescent="0.35">
      <c r="A49699" s="1" t="s">
        <v>12073</v>
      </c>
      <c r="B49699" s="1" t="s">
        <v>167788</v>
      </c>
      <c r="C49699" s="1" t="s">
        <v>170</v>
      </c>
      <c r="D49699" s="1" t="s">
        <v>74794</v>
      </c>
      <c r="E49699" s="1" t="s">
        <v>168301</v>
      </c>
      <c r="F49699" s="1" t="s">
        <v>168302</v>
      </c>
      <c r="G49699" s="1" t="s">
        <v>168203</v>
      </c>
      <c r="H49699" s="1" t="s">
        <v>168204</v>
      </c>
      <c r="I49699" s="1" t="s">
        <v>167793</v>
      </c>
      <c r="J49699" s="1" t="s">
        <v>168303</v>
      </c>
    </row>
    <row r="49700" spans="1:10" x14ac:dyDescent="0.35">
      <c r="A49700" s="1" t="s">
        <v>9889</v>
      </c>
      <c r="B49700" s="1" t="s">
        <v>167788</v>
      </c>
      <c r="C49700" s="1" t="s">
        <v>8</v>
      </c>
      <c r="D49700" s="1" t="s">
        <v>168304</v>
      </c>
      <c r="E49700" s="1" t="s">
        <v>168305</v>
      </c>
      <c r="F49700" s="1" t="s">
        <v>168306</v>
      </c>
      <c r="G49700" s="1" t="s">
        <v>168307</v>
      </c>
      <c r="H49700" s="1" t="s">
        <v>168308</v>
      </c>
      <c r="I49700" s="1" t="s">
        <v>167793</v>
      </c>
      <c r="J49700" s="1" t="s">
        <v>13</v>
      </c>
    </row>
    <row r="49701" spans="1:10" x14ac:dyDescent="0.35">
      <c r="A49701" s="1" t="s">
        <v>9889</v>
      </c>
      <c r="B49701" s="1" t="s">
        <v>167788</v>
      </c>
      <c r="C49701" s="1" t="s">
        <v>15</v>
      </c>
      <c r="D49701" s="1" t="s">
        <v>120921</v>
      </c>
      <c r="E49701" s="1" t="s">
        <v>168309</v>
      </c>
      <c r="F49701" s="1" t="s">
        <v>168310</v>
      </c>
      <c r="G49701" s="1" t="s">
        <v>168307</v>
      </c>
      <c r="H49701" s="1" t="s">
        <v>168308</v>
      </c>
      <c r="I49701" s="1" t="s">
        <v>167793</v>
      </c>
      <c r="J49701" s="1" t="s">
        <v>168311</v>
      </c>
    </row>
    <row r="49702" spans="1:10" x14ac:dyDescent="0.35">
      <c r="A49702" s="1" t="s">
        <v>9889</v>
      </c>
      <c r="B49702" s="1" t="s">
        <v>167788</v>
      </c>
      <c r="C49702" s="1" t="s">
        <v>20</v>
      </c>
      <c r="D49702" s="1" t="s">
        <v>142974</v>
      </c>
      <c r="E49702" s="1" t="s">
        <v>168312</v>
      </c>
      <c r="F49702" s="1" t="s">
        <v>168313</v>
      </c>
      <c r="G49702" s="1" t="s">
        <v>168307</v>
      </c>
      <c r="H49702" s="1" t="s">
        <v>168308</v>
      </c>
      <c r="I49702" s="1" t="s">
        <v>167793</v>
      </c>
      <c r="J49702" s="1" t="s">
        <v>168314</v>
      </c>
    </row>
    <row r="49703" spans="1:10" x14ac:dyDescent="0.35">
      <c r="A49703" s="1" t="s">
        <v>9889</v>
      </c>
      <c r="B49703" s="1" t="s">
        <v>167788</v>
      </c>
      <c r="C49703" s="1" t="s">
        <v>25</v>
      </c>
      <c r="D49703" s="1" t="s">
        <v>25000</v>
      </c>
      <c r="E49703" s="1" t="s">
        <v>168315</v>
      </c>
      <c r="F49703" s="1" t="s">
        <v>168316</v>
      </c>
      <c r="G49703" s="1" t="s">
        <v>168307</v>
      </c>
      <c r="H49703" s="1" t="s">
        <v>168308</v>
      </c>
      <c r="I49703" s="1" t="s">
        <v>167793</v>
      </c>
      <c r="J49703" s="1" t="s">
        <v>168317</v>
      </c>
    </row>
    <row r="49704" spans="1:10" x14ac:dyDescent="0.35">
      <c r="A49704" s="1" t="s">
        <v>9889</v>
      </c>
      <c r="B49704" s="1" t="s">
        <v>167788</v>
      </c>
      <c r="C49704" s="1" t="s">
        <v>30</v>
      </c>
      <c r="D49704" s="1" t="s">
        <v>10830</v>
      </c>
      <c r="E49704" s="1" t="s">
        <v>168318</v>
      </c>
      <c r="F49704" s="1" t="s">
        <v>168319</v>
      </c>
      <c r="G49704" s="1" t="s">
        <v>168307</v>
      </c>
      <c r="H49704" s="1" t="s">
        <v>168308</v>
      </c>
      <c r="I49704" s="1" t="s">
        <v>167793</v>
      </c>
      <c r="J49704" s="1" t="s">
        <v>168320</v>
      </c>
    </row>
    <row r="49705" spans="1:10" x14ac:dyDescent="0.35">
      <c r="A49705" s="1" t="s">
        <v>9889</v>
      </c>
      <c r="B49705" s="1" t="s">
        <v>167788</v>
      </c>
      <c r="C49705" s="1" t="s">
        <v>35</v>
      </c>
      <c r="D49705" s="1" t="s">
        <v>27495</v>
      </c>
      <c r="E49705" s="1" t="s">
        <v>168321</v>
      </c>
      <c r="F49705" s="1" t="s">
        <v>168322</v>
      </c>
      <c r="G49705" s="1" t="s">
        <v>168307</v>
      </c>
      <c r="H49705" s="1" t="s">
        <v>168308</v>
      </c>
      <c r="I49705" s="1" t="s">
        <v>167793</v>
      </c>
      <c r="J49705" s="1" t="s">
        <v>168323</v>
      </c>
    </row>
    <row r="49706" spans="1:10" x14ac:dyDescent="0.35">
      <c r="A49706" s="1" t="s">
        <v>9889</v>
      </c>
      <c r="B49706" s="1" t="s">
        <v>167788</v>
      </c>
      <c r="C49706" s="1" t="s">
        <v>40</v>
      </c>
      <c r="D49706" s="1" t="s">
        <v>109650</v>
      </c>
      <c r="E49706" s="1" t="s">
        <v>168324</v>
      </c>
      <c r="F49706" s="1" t="s">
        <v>168325</v>
      </c>
      <c r="G49706" s="1" t="s">
        <v>168307</v>
      </c>
      <c r="H49706" s="1" t="s">
        <v>168308</v>
      </c>
      <c r="I49706" s="1" t="s">
        <v>167793</v>
      </c>
      <c r="J49706" s="1" t="s">
        <v>168326</v>
      </c>
    </row>
    <row r="49707" spans="1:10" x14ac:dyDescent="0.35">
      <c r="A49707" s="1" t="s">
        <v>9889</v>
      </c>
      <c r="B49707" s="1" t="s">
        <v>167788</v>
      </c>
      <c r="C49707" s="1" t="s">
        <v>45</v>
      </c>
      <c r="D49707" s="1" t="s">
        <v>120838</v>
      </c>
      <c r="E49707" s="1" t="s">
        <v>168327</v>
      </c>
      <c r="F49707" s="1" t="s">
        <v>168328</v>
      </c>
      <c r="G49707" s="1" t="s">
        <v>168307</v>
      </c>
      <c r="H49707" s="1" t="s">
        <v>168308</v>
      </c>
      <c r="I49707" s="1" t="s">
        <v>167793</v>
      </c>
      <c r="J49707" s="1" t="s">
        <v>168329</v>
      </c>
    </row>
    <row r="49708" spans="1:10" x14ac:dyDescent="0.35">
      <c r="A49708" s="1" t="s">
        <v>9889</v>
      </c>
      <c r="B49708" s="1" t="s">
        <v>167788</v>
      </c>
      <c r="C49708" s="1" t="s">
        <v>50</v>
      </c>
      <c r="D49708" s="1" t="s">
        <v>142888</v>
      </c>
      <c r="E49708" s="1" t="s">
        <v>168330</v>
      </c>
      <c r="F49708" s="1" t="s">
        <v>168331</v>
      </c>
      <c r="G49708" s="1" t="s">
        <v>168307</v>
      </c>
      <c r="H49708" s="1" t="s">
        <v>168308</v>
      </c>
      <c r="I49708" s="1" t="s">
        <v>167793</v>
      </c>
      <c r="J49708" s="1" t="s">
        <v>168332</v>
      </c>
    </row>
    <row r="49709" spans="1:10" x14ac:dyDescent="0.35">
      <c r="A49709" s="1" t="s">
        <v>9889</v>
      </c>
      <c r="B49709" s="1" t="s">
        <v>167788</v>
      </c>
      <c r="C49709" s="1" t="s">
        <v>55</v>
      </c>
      <c r="D49709" s="1" t="s">
        <v>15449</v>
      </c>
      <c r="E49709" s="1" t="s">
        <v>168333</v>
      </c>
      <c r="F49709" s="1" t="s">
        <v>168334</v>
      </c>
      <c r="G49709" s="1" t="s">
        <v>168307</v>
      </c>
      <c r="H49709" s="1" t="s">
        <v>168308</v>
      </c>
      <c r="I49709" s="1" t="s">
        <v>167793</v>
      </c>
      <c r="J49709" s="1" t="s">
        <v>168335</v>
      </c>
    </row>
    <row r="49710" spans="1:10" x14ac:dyDescent="0.35">
      <c r="A49710" s="1" t="s">
        <v>9889</v>
      </c>
      <c r="B49710" s="1" t="s">
        <v>167788</v>
      </c>
      <c r="C49710" s="1" t="s">
        <v>60</v>
      </c>
      <c r="D49710" s="1" t="s">
        <v>9280</v>
      </c>
      <c r="E49710" s="1" t="s">
        <v>168336</v>
      </c>
      <c r="F49710" s="1" t="s">
        <v>168337</v>
      </c>
      <c r="G49710" s="1" t="s">
        <v>168307</v>
      </c>
      <c r="H49710" s="1" t="s">
        <v>168308</v>
      </c>
      <c r="I49710" s="1" t="s">
        <v>167793</v>
      </c>
      <c r="J49710" s="1" t="s">
        <v>168338</v>
      </c>
    </row>
    <row r="49711" spans="1:10" x14ac:dyDescent="0.35">
      <c r="A49711" s="1" t="s">
        <v>9889</v>
      </c>
      <c r="B49711" s="1" t="s">
        <v>167788</v>
      </c>
      <c r="C49711" s="1" t="s">
        <v>65</v>
      </c>
      <c r="D49711" s="1" t="s">
        <v>120366</v>
      </c>
      <c r="E49711" s="1" t="s">
        <v>168339</v>
      </c>
      <c r="F49711" s="1" t="s">
        <v>168340</v>
      </c>
      <c r="G49711" s="1" t="s">
        <v>168307</v>
      </c>
      <c r="H49711" s="1" t="s">
        <v>168308</v>
      </c>
      <c r="I49711" s="1" t="s">
        <v>167793</v>
      </c>
      <c r="J49711" s="1" t="s">
        <v>168341</v>
      </c>
    </row>
    <row r="49712" spans="1:10" x14ac:dyDescent="0.35">
      <c r="A49712" s="1" t="s">
        <v>9889</v>
      </c>
      <c r="B49712" s="1" t="s">
        <v>167788</v>
      </c>
      <c r="C49712" s="1" t="s">
        <v>70</v>
      </c>
      <c r="D49712" s="1" t="s">
        <v>142946</v>
      </c>
      <c r="E49712" s="1" t="s">
        <v>168342</v>
      </c>
      <c r="F49712" s="1" t="s">
        <v>168343</v>
      </c>
      <c r="G49712" s="1" t="s">
        <v>168307</v>
      </c>
      <c r="H49712" s="1" t="s">
        <v>168308</v>
      </c>
      <c r="I49712" s="1" t="s">
        <v>167793</v>
      </c>
      <c r="J49712" s="1" t="s">
        <v>72385</v>
      </c>
    </row>
    <row r="49713" spans="1:10" x14ac:dyDescent="0.35">
      <c r="A49713" s="1" t="s">
        <v>9889</v>
      </c>
      <c r="B49713" s="1" t="s">
        <v>167788</v>
      </c>
      <c r="C49713" s="1" t="s">
        <v>75</v>
      </c>
      <c r="D49713" s="1" t="s">
        <v>47416</v>
      </c>
      <c r="E49713" s="1" t="s">
        <v>168344</v>
      </c>
      <c r="F49713" s="1" t="s">
        <v>168345</v>
      </c>
      <c r="G49713" s="1" t="s">
        <v>168307</v>
      </c>
      <c r="H49713" s="1" t="s">
        <v>168308</v>
      </c>
      <c r="I49713" s="1" t="s">
        <v>167793</v>
      </c>
      <c r="J49713" s="1" t="s">
        <v>168346</v>
      </c>
    </row>
    <row r="49714" spans="1:10" x14ac:dyDescent="0.35">
      <c r="A49714" s="1" t="s">
        <v>9889</v>
      </c>
      <c r="B49714" s="1" t="s">
        <v>167788</v>
      </c>
      <c r="C49714" s="1" t="s">
        <v>80</v>
      </c>
      <c r="D49714" s="1" t="s">
        <v>141220</v>
      </c>
      <c r="E49714" s="1" t="s">
        <v>168347</v>
      </c>
      <c r="F49714" s="1" t="s">
        <v>168348</v>
      </c>
      <c r="G49714" s="1" t="s">
        <v>168307</v>
      </c>
      <c r="H49714" s="1" t="s">
        <v>168308</v>
      </c>
      <c r="I49714" s="1" t="s">
        <v>167793</v>
      </c>
      <c r="J49714" s="1" t="s">
        <v>168349</v>
      </c>
    </row>
    <row r="49715" spans="1:10" x14ac:dyDescent="0.35">
      <c r="A49715" s="1" t="s">
        <v>9889</v>
      </c>
      <c r="B49715" s="1" t="s">
        <v>167788</v>
      </c>
      <c r="C49715" s="1" t="s">
        <v>85</v>
      </c>
      <c r="D49715" s="1" t="s">
        <v>4106</v>
      </c>
      <c r="E49715" s="1" t="s">
        <v>168350</v>
      </c>
      <c r="F49715" s="1" t="s">
        <v>168351</v>
      </c>
      <c r="G49715" s="1" t="s">
        <v>168307</v>
      </c>
      <c r="H49715" s="1" t="s">
        <v>168308</v>
      </c>
      <c r="I49715" s="1" t="s">
        <v>167793</v>
      </c>
      <c r="J49715" s="1" t="s">
        <v>168352</v>
      </c>
    </row>
    <row r="49716" spans="1:10" x14ac:dyDescent="0.35">
      <c r="A49716" s="1" t="s">
        <v>9889</v>
      </c>
      <c r="B49716" s="1" t="s">
        <v>167788</v>
      </c>
      <c r="C49716" s="1" t="s">
        <v>90</v>
      </c>
      <c r="D49716" s="1" t="s">
        <v>37314</v>
      </c>
      <c r="E49716" s="1" t="s">
        <v>168353</v>
      </c>
      <c r="F49716" s="1" t="s">
        <v>168354</v>
      </c>
      <c r="G49716" s="1" t="s">
        <v>168307</v>
      </c>
      <c r="H49716" s="1" t="s">
        <v>168308</v>
      </c>
      <c r="I49716" s="1" t="s">
        <v>167793</v>
      </c>
      <c r="J49716" s="1" t="s">
        <v>168355</v>
      </c>
    </row>
    <row r="49717" spans="1:10" x14ac:dyDescent="0.35">
      <c r="A49717" s="1" t="s">
        <v>9889</v>
      </c>
      <c r="B49717" s="1" t="s">
        <v>167788</v>
      </c>
      <c r="C49717" s="1" t="s">
        <v>95</v>
      </c>
      <c r="D49717" s="1" t="s">
        <v>168356</v>
      </c>
      <c r="E49717" s="1" t="s">
        <v>168357</v>
      </c>
      <c r="F49717" s="1" t="s">
        <v>168358</v>
      </c>
      <c r="G49717" s="1" t="s">
        <v>168307</v>
      </c>
      <c r="H49717" s="1" t="s">
        <v>168308</v>
      </c>
      <c r="I49717" s="1" t="s">
        <v>167793</v>
      </c>
      <c r="J49717" s="1" t="s">
        <v>168359</v>
      </c>
    </row>
    <row r="49718" spans="1:10" x14ac:dyDescent="0.35">
      <c r="A49718" s="1" t="s">
        <v>9889</v>
      </c>
      <c r="B49718" s="1" t="s">
        <v>167788</v>
      </c>
      <c r="C49718" s="1" t="s">
        <v>100</v>
      </c>
      <c r="D49718" s="1" t="s">
        <v>112588</v>
      </c>
      <c r="E49718" s="1" t="s">
        <v>168360</v>
      </c>
      <c r="F49718" s="1" t="s">
        <v>168361</v>
      </c>
      <c r="G49718" s="1" t="s">
        <v>168307</v>
      </c>
      <c r="H49718" s="1" t="s">
        <v>168308</v>
      </c>
      <c r="I49718" s="1" t="s">
        <v>167793</v>
      </c>
      <c r="J49718" s="1" t="s">
        <v>168362</v>
      </c>
    </row>
    <row r="49719" spans="1:10" x14ac:dyDescent="0.35">
      <c r="A49719" s="1" t="s">
        <v>9889</v>
      </c>
      <c r="B49719" s="1" t="s">
        <v>167788</v>
      </c>
      <c r="C49719" s="1" t="s">
        <v>105</v>
      </c>
      <c r="D49719" s="1" t="s">
        <v>168363</v>
      </c>
      <c r="E49719" s="1" t="s">
        <v>168364</v>
      </c>
      <c r="F49719" s="1" t="s">
        <v>168365</v>
      </c>
      <c r="G49719" s="1" t="s">
        <v>168307</v>
      </c>
      <c r="H49719" s="1" t="s">
        <v>168308</v>
      </c>
      <c r="I49719" s="1" t="s">
        <v>167793</v>
      </c>
      <c r="J49719" s="1" t="s">
        <v>168366</v>
      </c>
    </row>
    <row r="49720" spans="1:10" x14ac:dyDescent="0.35">
      <c r="A49720" s="1" t="s">
        <v>9889</v>
      </c>
      <c r="B49720" s="1" t="s">
        <v>167788</v>
      </c>
      <c r="C49720" s="1" t="s">
        <v>110</v>
      </c>
      <c r="D49720" s="1" t="s">
        <v>2288</v>
      </c>
      <c r="E49720" s="1" t="s">
        <v>168367</v>
      </c>
      <c r="F49720" s="1" t="s">
        <v>168368</v>
      </c>
      <c r="G49720" s="1" t="s">
        <v>168307</v>
      </c>
      <c r="H49720" s="1" t="s">
        <v>168308</v>
      </c>
      <c r="I49720" s="1" t="s">
        <v>167793</v>
      </c>
      <c r="J49720" s="1" t="s">
        <v>168369</v>
      </c>
    </row>
    <row r="49721" spans="1:10" x14ac:dyDescent="0.35">
      <c r="A49721" s="1" t="s">
        <v>9889</v>
      </c>
      <c r="B49721" s="1" t="s">
        <v>167788</v>
      </c>
      <c r="C49721" s="1" t="s">
        <v>115</v>
      </c>
      <c r="D49721" s="1" t="s">
        <v>14061</v>
      </c>
      <c r="E49721" s="1" t="s">
        <v>168370</v>
      </c>
      <c r="F49721" s="1" t="s">
        <v>168371</v>
      </c>
      <c r="G49721" s="1" t="s">
        <v>168307</v>
      </c>
      <c r="H49721" s="1" t="s">
        <v>168308</v>
      </c>
      <c r="I49721" s="1" t="s">
        <v>167793</v>
      </c>
      <c r="J49721" s="1" t="s">
        <v>168372</v>
      </c>
    </row>
    <row r="49722" spans="1:10" x14ac:dyDescent="0.35">
      <c r="A49722" s="1" t="s">
        <v>9889</v>
      </c>
      <c r="B49722" s="1" t="s">
        <v>167788</v>
      </c>
      <c r="C49722" s="1" t="s">
        <v>120</v>
      </c>
      <c r="D49722" s="1" t="s">
        <v>148732</v>
      </c>
      <c r="E49722" s="1" t="s">
        <v>168373</v>
      </c>
      <c r="F49722" s="1" t="s">
        <v>168374</v>
      </c>
      <c r="G49722" s="1" t="s">
        <v>168307</v>
      </c>
      <c r="H49722" s="1" t="s">
        <v>168308</v>
      </c>
      <c r="I49722" s="1" t="s">
        <v>167793</v>
      </c>
      <c r="J49722" s="1" t="s">
        <v>29851</v>
      </c>
    </row>
    <row r="49723" spans="1:10" x14ac:dyDescent="0.35">
      <c r="A49723" s="1" t="s">
        <v>9889</v>
      </c>
      <c r="B49723" s="1" t="s">
        <v>167788</v>
      </c>
      <c r="C49723" s="1" t="s">
        <v>125</v>
      </c>
      <c r="D49723" s="1" t="s">
        <v>51011</v>
      </c>
      <c r="E49723" s="1" t="s">
        <v>168375</v>
      </c>
      <c r="F49723" s="1" t="s">
        <v>168376</v>
      </c>
      <c r="G49723" s="1" t="s">
        <v>168307</v>
      </c>
      <c r="H49723" s="1" t="s">
        <v>168308</v>
      </c>
      <c r="I49723" s="1" t="s">
        <v>167793</v>
      </c>
      <c r="J49723" s="1" t="s">
        <v>168377</v>
      </c>
    </row>
    <row r="49724" spans="1:10" x14ac:dyDescent="0.35">
      <c r="A49724" s="1" t="s">
        <v>9889</v>
      </c>
      <c r="B49724" s="1" t="s">
        <v>167788</v>
      </c>
      <c r="C49724" s="1" t="s">
        <v>130</v>
      </c>
      <c r="D49724" s="1" t="s">
        <v>117687</v>
      </c>
      <c r="E49724" s="1" t="s">
        <v>168378</v>
      </c>
      <c r="F49724" s="1" t="s">
        <v>168379</v>
      </c>
      <c r="G49724" s="1" t="s">
        <v>168307</v>
      </c>
      <c r="H49724" s="1" t="s">
        <v>168308</v>
      </c>
      <c r="I49724" s="1" t="s">
        <v>167793</v>
      </c>
      <c r="J49724" s="1" t="s">
        <v>168380</v>
      </c>
    </row>
    <row r="49725" spans="1:10" x14ac:dyDescent="0.35">
      <c r="A49725" s="1" t="s">
        <v>9889</v>
      </c>
      <c r="B49725" s="1" t="s">
        <v>167788</v>
      </c>
      <c r="C49725" s="1" t="s">
        <v>135</v>
      </c>
      <c r="D49725" s="1" t="s">
        <v>4122</v>
      </c>
      <c r="E49725" s="1" t="s">
        <v>168381</v>
      </c>
      <c r="F49725" s="1" t="s">
        <v>168382</v>
      </c>
      <c r="G49725" s="1" t="s">
        <v>168307</v>
      </c>
      <c r="H49725" s="1" t="s">
        <v>168308</v>
      </c>
      <c r="I49725" s="1" t="s">
        <v>167793</v>
      </c>
      <c r="J49725" s="1" t="s">
        <v>168383</v>
      </c>
    </row>
    <row r="49726" spans="1:10" x14ac:dyDescent="0.35">
      <c r="A49726" s="1" t="s">
        <v>9889</v>
      </c>
      <c r="B49726" s="1" t="s">
        <v>167788</v>
      </c>
      <c r="C49726" s="1" t="s">
        <v>140</v>
      </c>
      <c r="D49726" s="1" t="s">
        <v>168384</v>
      </c>
      <c r="E49726" s="1" t="s">
        <v>168385</v>
      </c>
      <c r="F49726" s="1" t="s">
        <v>168386</v>
      </c>
      <c r="G49726" s="1" t="s">
        <v>168307</v>
      </c>
      <c r="H49726" s="1" t="s">
        <v>168308</v>
      </c>
      <c r="I49726" s="1" t="s">
        <v>167793</v>
      </c>
      <c r="J49726" s="1" t="s">
        <v>168387</v>
      </c>
    </row>
    <row r="49727" spans="1:10" x14ac:dyDescent="0.35">
      <c r="A49727" s="1" t="s">
        <v>9889</v>
      </c>
      <c r="B49727" s="1" t="s">
        <v>167788</v>
      </c>
      <c r="C49727" s="1" t="s">
        <v>145</v>
      </c>
      <c r="D49727" s="1" t="s">
        <v>33548</v>
      </c>
      <c r="E49727" s="1" t="s">
        <v>168388</v>
      </c>
      <c r="F49727" s="1" t="s">
        <v>168389</v>
      </c>
      <c r="G49727" s="1" t="s">
        <v>168307</v>
      </c>
      <c r="H49727" s="1" t="s">
        <v>168308</v>
      </c>
      <c r="I49727" s="1" t="s">
        <v>167793</v>
      </c>
      <c r="J49727" s="1" t="s">
        <v>168390</v>
      </c>
    </row>
    <row r="49728" spans="1:10" x14ac:dyDescent="0.35">
      <c r="A49728" s="1" t="s">
        <v>9889</v>
      </c>
      <c r="B49728" s="1" t="s">
        <v>167788</v>
      </c>
      <c r="C49728" s="1" t="s">
        <v>150</v>
      </c>
      <c r="D49728" s="1" t="s">
        <v>168391</v>
      </c>
      <c r="E49728" s="1" t="s">
        <v>168392</v>
      </c>
      <c r="F49728" s="1" t="s">
        <v>168393</v>
      </c>
      <c r="G49728" s="1" t="s">
        <v>168307</v>
      </c>
      <c r="H49728" s="1" t="s">
        <v>168308</v>
      </c>
      <c r="I49728" s="1" t="s">
        <v>167793</v>
      </c>
      <c r="J49728" s="1" t="s">
        <v>168394</v>
      </c>
    </row>
    <row r="49729" spans="1:10" x14ac:dyDescent="0.35">
      <c r="A49729" s="1" t="s">
        <v>9889</v>
      </c>
      <c r="B49729" s="1" t="s">
        <v>167788</v>
      </c>
      <c r="C49729" s="1" t="s">
        <v>155</v>
      </c>
      <c r="D49729" s="1" t="s">
        <v>36715</v>
      </c>
      <c r="E49729" s="1" t="s">
        <v>168395</v>
      </c>
      <c r="F49729" s="1" t="s">
        <v>168396</v>
      </c>
      <c r="G49729" s="1" t="s">
        <v>168307</v>
      </c>
      <c r="H49729" s="1" t="s">
        <v>168308</v>
      </c>
      <c r="I49729" s="1" t="s">
        <v>167793</v>
      </c>
      <c r="J49729" s="1" t="s">
        <v>168397</v>
      </c>
    </row>
    <row r="49730" spans="1:10" x14ac:dyDescent="0.35">
      <c r="A49730" s="1" t="s">
        <v>9889</v>
      </c>
      <c r="B49730" s="1" t="s">
        <v>167788</v>
      </c>
      <c r="C49730" s="1" t="s">
        <v>160</v>
      </c>
      <c r="D49730" s="1" t="s">
        <v>73741</v>
      </c>
      <c r="E49730" s="1" t="s">
        <v>168398</v>
      </c>
      <c r="F49730" s="1" t="s">
        <v>168399</v>
      </c>
      <c r="G49730" s="1" t="s">
        <v>168307</v>
      </c>
      <c r="H49730" s="1" t="s">
        <v>168308</v>
      </c>
      <c r="I49730" s="1" t="s">
        <v>167793</v>
      </c>
      <c r="J49730" s="1" t="s">
        <v>168400</v>
      </c>
    </row>
    <row r="49731" spans="1:10" x14ac:dyDescent="0.35">
      <c r="A49731" s="1" t="s">
        <v>9889</v>
      </c>
      <c r="B49731" s="1" t="s">
        <v>167788</v>
      </c>
      <c r="C49731" s="1" t="s">
        <v>165</v>
      </c>
      <c r="D49731" s="1" t="s">
        <v>44403</v>
      </c>
      <c r="E49731" s="1" t="s">
        <v>168401</v>
      </c>
      <c r="F49731" s="1" t="s">
        <v>168402</v>
      </c>
      <c r="G49731" s="1" t="s">
        <v>168307</v>
      </c>
      <c r="H49731" s="1" t="s">
        <v>168308</v>
      </c>
      <c r="I49731" s="1" t="s">
        <v>167793</v>
      </c>
      <c r="J49731" s="1" t="s">
        <v>168403</v>
      </c>
    </row>
    <row r="49732" spans="1:10" x14ac:dyDescent="0.35">
      <c r="A49732" s="1" t="s">
        <v>9889</v>
      </c>
      <c r="B49732" s="1" t="s">
        <v>167788</v>
      </c>
      <c r="C49732" s="1" t="s">
        <v>170</v>
      </c>
      <c r="D49732" s="1" t="s">
        <v>111854</v>
      </c>
      <c r="E49732" s="1" t="s">
        <v>168404</v>
      </c>
      <c r="F49732" s="1" t="s">
        <v>168405</v>
      </c>
      <c r="G49732" s="1" t="s">
        <v>168307</v>
      </c>
      <c r="H49732" s="1" t="s">
        <v>168308</v>
      </c>
      <c r="I49732" s="1" t="s">
        <v>167793</v>
      </c>
      <c r="J49732" s="1" t="s">
        <v>168406</v>
      </c>
    </row>
    <row r="49733" spans="1:10" x14ac:dyDescent="0.35">
      <c r="A49733" s="1" t="s">
        <v>5514</v>
      </c>
      <c r="B49733" s="1" t="s">
        <v>168407</v>
      </c>
      <c r="C49733" s="1" t="s">
        <v>8</v>
      </c>
      <c r="D49733" s="1" t="s">
        <v>83410</v>
      </c>
      <c r="E49733" s="1" t="s">
        <v>168408</v>
      </c>
      <c r="F49733" s="1" t="s">
        <v>168409</v>
      </c>
      <c r="G49733" s="1" t="s">
        <v>168410</v>
      </c>
      <c r="H49733" s="1" t="s">
        <v>168411</v>
      </c>
      <c r="I49733" s="1" t="s">
        <v>168412</v>
      </c>
      <c r="J49733" s="1" t="s">
        <v>13</v>
      </c>
    </row>
    <row r="49734" spans="1:10" x14ac:dyDescent="0.35">
      <c r="A49734" s="1" t="s">
        <v>5514</v>
      </c>
      <c r="B49734" s="1" t="s">
        <v>168407</v>
      </c>
      <c r="C49734" s="1" t="s">
        <v>15</v>
      </c>
      <c r="D49734" s="1" t="s">
        <v>168413</v>
      </c>
      <c r="E49734" s="1" t="s">
        <v>168414</v>
      </c>
      <c r="F49734" s="1" t="s">
        <v>168415</v>
      </c>
      <c r="G49734" s="1" t="s">
        <v>168410</v>
      </c>
      <c r="H49734" s="1" t="s">
        <v>168411</v>
      </c>
      <c r="I49734" s="1" t="s">
        <v>168412</v>
      </c>
      <c r="J49734" s="1" t="s">
        <v>168416</v>
      </c>
    </row>
    <row r="49735" spans="1:10" x14ac:dyDescent="0.35">
      <c r="A49735" s="1" t="s">
        <v>5514</v>
      </c>
      <c r="B49735" s="1" t="s">
        <v>168407</v>
      </c>
      <c r="C49735" s="1" t="s">
        <v>20</v>
      </c>
      <c r="D49735" s="1" t="s">
        <v>32560</v>
      </c>
      <c r="E49735" s="1" t="s">
        <v>168417</v>
      </c>
      <c r="F49735" s="1" t="s">
        <v>168418</v>
      </c>
      <c r="G49735" s="1" t="s">
        <v>168410</v>
      </c>
      <c r="H49735" s="1" t="s">
        <v>168411</v>
      </c>
      <c r="I49735" s="1" t="s">
        <v>168412</v>
      </c>
      <c r="J49735" s="1" t="s">
        <v>168419</v>
      </c>
    </row>
    <row r="49736" spans="1:10" x14ac:dyDescent="0.35">
      <c r="A49736" s="1" t="s">
        <v>5514</v>
      </c>
      <c r="B49736" s="1" t="s">
        <v>168407</v>
      </c>
      <c r="C49736" s="1" t="s">
        <v>25</v>
      </c>
      <c r="D49736" s="1" t="s">
        <v>35610</v>
      </c>
      <c r="E49736" s="1" t="s">
        <v>168420</v>
      </c>
      <c r="F49736" s="1" t="s">
        <v>168421</v>
      </c>
      <c r="G49736" s="1" t="s">
        <v>168410</v>
      </c>
      <c r="H49736" s="1" t="s">
        <v>168411</v>
      </c>
      <c r="I49736" s="1" t="s">
        <v>168412</v>
      </c>
      <c r="J49736" s="1" t="s">
        <v>168422</v>
      </c>
    </row>
    <row r="49737" spans="1:10" x14ac:dyDescent="0.35">
      <c r="A49737" s="1" t="s">
        <v>5514</v>
      </c>
      <c r="B49737" s="1" t="s">
        <v>168407</v>
      </c>
      <c r="C49737" s="1" t="s">
        <v>30</v>
      </c>
      <c r="D49737" s="1" t="s">
        <v>135768</v>
      </c>
      <c r="E49737" s="1" t="s">
        <v>168423</v>
      </c>
      <c r="F49737" s="1" t="s">
        <v>168424</v>
      </c>
      <c r="G49737" s="1" t="s">
        <v>168410</v>
      </c>
      <c r="H49737" s="1" t="s">
        <v>168411</v>
      </c>
      <c r="I49737" s="1" t="s">
        <v>168412</v>
      </c>
      <c r="J49737" s="1" t="s">
        <v>168425</v>
      </c>
    </row>
    <row r="49738" spans="1:10" x14ac:dyDescent="0.35">
      <c r="A49738" s="1" t="s">
        <v>5514</v>
      </c>
      <c r="B49738" s="1" t="s">
        <v>168407</v>
      </c>
      <c r="C49738" s="1" t="s">
        <v>35</v>
      </c>
      <c r="D49738" s="1" t="s">
        <v>7175</v>
      </c>
      <c r="E49738" s="1" t="s">
        <v>168426</v>
      </c>
      <c r="F49738" s="1" t="s">
        <v>168427</v>
      </c>
      <c r="G49738" s="1" t="s">
        <v>168410</v>
      </c>
      <c r="H49738" s="1" t="s">
        <v>168411</v>
      </c>
      <c r="I49738" s="1" t="s">
        <v>168412</v>
      </c>
      <c r="J49738" s="1" t="s">
        <v>168428</v>
      </c>
    </row>
    <row r="49739" spans="1:10" x14ac:dyDescent="0.35">
      <c r="A49739" s="1" t="s">
        <v>5514</v>
      </c>
      <c r="B49739" s="1" t="s">
        <v>168407</v>
      </c>
      <c r="C49739" s="1" t="s">
        <v>40</v>
      </c>
      <c r="D49739" s="1" t="s">
        <v>5195</v>
      </c>
      <c r="E49739" s="1" t="s">
        <v>168429</v>
      </c>
      <c r="F49739" s="1" t="s">
        <v>168430</v>
      </c>
      <c r="G49739" s="1" t="s">
        <v>168410</v>
      </c>
      <c r="H49739" s="1" t="s">
        <v>168411</v>
      </c>
      <c r="I49739" s="1" t="s">
        <v>168412</v>
      </c>
      <c r="J49739" s="1" t="s">
        <v>168431</v>
      </c>
    </row>
    <row r="49740" spans="1:10" x14ac:dyDescent="0.35">
      <c r="A49740" s="1" t="s">
        <v>5514</v>
      </c>
      <c r="B49740" s="1" t="s">
        <v>168407</v>
      </c>
      <c r="C49740" s="1" t="s">
        <v>45</v>
      </c>
      <c r="D49740" s="1" t="s">
        <v>49912</v>
      </c>
      <c r="E49740" s="1" t="s">
        <v>168432</v>
      </c>
      <c r="F49740" s="1" t="s">
        <v>168433</v>
      </c>
      <c r="G49740" s="1" t="s">
        <v>168410</v>
      </c>
      <c r="H49740" s="1" t="s">
        <v>168411</v>
      </c>
      <c r="I49740" s="1" t="s">
        <v>168412</v>
      </c>
      <c r="J49740" s="1" t="s">
        <v>168434</v>
      </c>
    </row>
    <row r="49741" spans="1:10" x14ac:dyDescent="0.35">
      <c r="A49741" s="1" t="s">
        <v>5514</v>
      </c>
      <c r="B49741" s="1" t="s">
        <v>168407</v>
      </c>
      <c r="C49741" s="1" t="s">
        <v>50</v>
      </c>
      <c r="D49741" s="1" t="s">
        <v>70990</v>
      </c>
      <c r="E49741" s="1" t="s">
        <v>168435</v>
      </c>
      <c r="F49741" s="1" t="s">
        <v>168436</v>
      </c>
      <c r="G49741" s="1" t="s">
        <v>168410</v>
      </c>
      <c r="H49741" s="1" t="s">
        <v>168411</v>
      </c>
      <c r="I49741" s="1" t="s">
        <v>168412</v>
      </c>
      <c r="J49741" s="1" t="s">
        <v>168437</v>
      </c>
    </row>
    <row r="49742" spans="1:10" x14ac:dyDescent="0.35">
      <c r="A49742" s="1" t="s">
        <v>5514</v>
      </c>
      <c r="B49742" s="1" t="s">
        <v>168407</v>
      </c>
      <c r="C49742" s="1" t="s">
        <v>55</v>
      </c>
      <c r="D49742" s="1" t="s">
        <v>15511</v>
      </c>
      <c r="E49742" s="1" t="s">
        <v>168438</v>
      </c>
      <c r="F49742" s="1" t="s">
        <v>168439</v>
      </c>
      <c r="G49742" s="1" t="s">
        <v>168410</v>
      </c>
      <c r="H49742" s="1" t="s">
        <v>168411</v>
      </c>
      <c r="I49742" s="1" t="s">
        <v>168412</v>
      </c>
      <c r="J49742" s="1" t="s">
        <v>168440</v>
      </c>
    </row>
    <row r="49743" spans="1:10" x14ac:dyDescent="0.35">
      <c r="A49743" s="1" t="s">
        <v>5514</v>
      </c>
      <c r="B49743" s="1" t="s">
        <v>168407</v>
      </c>
      <c r="C49743" s="1" t="s">
        <v>60</v>
      </c>
      <c r="D49743" s="1" t="s">
        <v>135271</v>
      </c>
      <c r="E49743" s="1" t="s">
        <v>168441</v>
      </c>
      <c r="F49743" s="1" t="s">
        <v>168442</v>
      </c>
      <c r="G49743" s="1" t="s">
        <v>168410</v>
      </c>
      <c r="H49743" s="1" t="s">
        <v>168411</v>
      </c>
      <c r="I49743" s="1" t="s">
        <v>168412</v>
      </c>
      <c r="J49743" s="1" t="s">
        <v>168443</v>
      </c>
    </row>
    <row r="49744" spans="1:10" x14ac:dyDescent="0.35">
      <c r="A49744" s="1" t="s">
        <v>5514</v>
      </c>
      <c r="B49744" s="1" t="s">
        <v>168407</v>
      </c>
      <c r="C49744" s="1" t="s">
        <v>65</v>
      </c>
      <c r="D49744" s="1" t="s">
        <v>47447</v>
      </c>
      <c r="E49744" s="1" t="s">
        <v>168444</v>
      </c>
      <c r="F49744" s="1" t="s">
        <v>168445</v>
      </c>
      <c r="G49744" s="1" t="s">
        <v>168410</v>
      </c>
      <c r="H49744" s="1" t="s">
        <v>168411</v>
      </c>
      <c r="I49744" s="1" t="s">
        <v>168412</v>
      </c>
      <c r="J49744" s="1" t="s">
        <v>168446</v>
      </c>
    </row>
    <row r="49745" spans="1:10" x14ac:dyDescent="0.35">
      <c r="A49745" s="1" t="s">
        <v>5514</v>
      </c>
      <c r="B49745" s="1" t="s">
        <v>168407</v>
      </c>
      <c r="C49745" s="1" t="s">
        <v>70</v>
      </c>
      <c r="D49745" s="1" t="s">
        <v>24824</v>
      </c>
      <c r="E49745" s="1" t="s">
        <v>168447</v>
      </c>
      <c r="F49745" s="1" t="s">
        <v>168448</v>
      </c>
      <c r="G49745" s="1" t="s">
        <v>168410</v>
      </c>
      <c r="H49745" s="1" t="s">
        <v>168411</v>
      </c>
      <c r="I49745" s="1" t="s">
        <v>168412</v>
      </c>
      <c r="J49745" s="1" t="s">
        <v>168449</v>
      </c>
    </row>
    <row r="49746" spans="1:10" x14ac:dyDescent="0.35">
      <c r="A49746" s="1" t="s">
        <v>5514</v>
      </c>
      <c r="B49746" s="1" t="s">
        <v>168407</v>
      </c>
      <c r="C49746" s="1" t="s">
        <v>75</v>
      </c>
      <c r="D49746" s="1" t="s">
        <v>38845</v>
      </c>
      <c r="E49746" s="1" t="s">
        <v>168450</v>
      </c>
      <c r="F49746" s="1" t="s">
        <v>168451</v>
      </c>
      <c r="G49746" s="1" t="s">
        <v>168410</v>
      </c>
      <c r="H49746" s="1" t="s">
        <v>168411</v>
      </c>
      <c r="I49746" s="1" t="s">
        <v>168412</v>
      </c>
      <c r="J49746" s="1" t="s">
        <v>168452</v>
      </c>
    </row>
    <row r="49747" spans="1:10" x14ac:dyDescent="0.35">
      <c r="A49747" s="1" t="s">
        <v>5514</v>
      </c>
      <c r="B49747" s="1" t="s">
        <v>168407</v>
      </c>
      <c r="C49747" s="1" t="s">
        <v>80</v>
      </c>
      <c r="D49747" s="1" t="s">
        <v>245</v>
      </c>
      <c r="E49747" s="1" t="s">
        <v>168453</v>
      </c>
      <c r="F49747" s="1" t="s">
        <v>168454</v>
      </c>
      <c r="G49747" s="1" t="s">
        <v>168410</v>
      </c>
      <c r="H49747" s="1" t="s">
        <v>168411</v>
      </c>
      <c r="I49747" s="1" t="s">
        <v>168412</v>
      </c>
      <c r="J49747" s="1" t="s">
        <v>168455</v>
      </c>
    </row>
    <row r="49748" spans="1:10" x14ac:dyDescent="0.35">
      <c r="A49748" s="1" t="s">
        <v>5514</v>
      </c>
      <c r="B49748" s="1" t="s">
        <v>168407</v>
      </c>
      <c r="C49748" s="1" t="s">
        <v>85</v>
      </c>
      <c r="D49748" s="1" t="s">
        <v>49220</v>
      </c>
      <c r="E49748" s="1" t="s">
        <v>168456</v>
      </c>
      <c r="F49748" s="1" t="s">
        <v>168457</v>
      </c>
      <c r="G49748" s="1" t="s">
        <v>168410</v>
      </c>
      <c r="H49748" s="1" t="s">
        <v>168411</v>
      </c>
      <c r="I49748" s="1" t="s">
        <v>168412</v>
      </c>
      <c r="J49748" s="1" t="s">
        <v>168458</v>
      </c>
    </row>
    <row r="49749" spans="1:10" x14ac:dyDescent="0.35">
      <c r="A49749" s="1" t="s">
        <v>5514</v>
      </c>
      <c r="B49749" s="1" t="s">
        <v>168407</v>
      </c>
      <c r="C49749" s="1" t="s">
        <v>90</v>
      </c>
      <c r="D49749" s="1" t="s">
        <v>168459</v>
      </c>
      <c r="E49749" s="1" t="s">
        <v>168460</v>
      </c>
      <c r="F49749" s="1" t="s">
        <v>168461</v>
      </c>
      <c r="G49749" s="1" t="s">
        <v>168410</v>
      </c>
      <c r="H49749" s="1" t="s">
        <v>168411</v>
      </c>
      <c r="I49749" s="1" t="s">
        <v>168412</v>
      </c>
      <c r="J49749" s="1" t="s">
        <v>168462</v>
      </c>
    </row>
    <row r="49750" spans="1:10" x14ac:dyDescent="0.35">
      <c r="A49750" s="1" t="s">
        <v>5514</v>
      </c>
      <c r="B49750" s="1" t="s">
        <v>168407</v>
      </c>
      <c r="C49750" s="1" t="s">
        <v>95</v>
      </c>
      <c r="D49750" s="1" t="s">
        <v>115641</v>
      </c>
      <c r="E49750" s="1" t="s">
        <v>168463</v>
      </c>
      <c r="F49750" s="1" t="s">
        <v>168464</v>
      </c>
      <c r="G49750" s="1" t="s">
        <v>168410</v>
      </c>
      <c r="H49750" s="1" t="s">
        <v>168411</v>
      </c>
      <c r="I49750" s="1" t="s">
        <v>168412</v>
      </c>
      <c r="J49750" s="1" t="s">
        <v>168465</v>
      </c>
    </row>
    <row r="49751" spans="1:10" x14ac:dyDescent="0.35">
      <c r="A49751" s="1" t="s">
        <v>5514</v>
      </c>
      <c r="B49751" s="1" t="s">
        <v>168407</v>
      </c>
      <c r="C49751" s="1" t="s">
        <v>100</v>
      </c>
      <c r="D49751" s="1" t="s">
        <v>49736</v>
      </c>
      <c r="E49751" s="1" t="s">
        <v>168466</v>
      </c>
      <c r="F49751" s="1" t="s">
        <v>168467</v>
      </c>
      <c r="G49751" s="1" t="s">
        <v>168410</v>
      </c>
      <c r="H49751" s="1" t="s">
        <v>168411</v>
      </c>
      <c r="I49751" s="1" t="s">
        <v>168412</v>
      </c>
      <c r="J49751" s="1" t="s">
        <v>168468</v>
      </c>
    </row>
    <row r="49752" spans="1:10" x14ac:dyDescent="0.35">
      <c r="A49752" s="1" t="s">
        <v>5514</v>
      </c>
      <c r="B49752" s="1" t="s">
        <v>168407</v>
      </c>
      <c r="C49752" s="1" t="s">
        <v>105</v>
      </c>
      <c r="D49752" s="1" t="s">
        <v>82880</v>
      </c>
      <c r="E49752" s="1" t="s">
        <v>168469</v>
      </c>
      <c r="F49752" s="1" t="s">
        <v>168470</v>
      </c>
      <c r="G49752" s="1" t="s">
        <v>168410</v>
      </c>
      <c r="H49752" s="1" t="s">
        <v>168411</v>
      </c>
      <c r="I49752" s="1" t="s">
        <v>168412</v>
      </c>
      <c r="J49752" s="1" t="s">
        <v>168471</v>
      </c>
    </row>
    <row r="49753" spans="1:10" x14ac:dyDescent="0.35">
      <c r="A49753" s="1" t="s">
        <v>5514</v>
      </c>
      <c r="B49753" s="1" t="s">
        <v>168407</v>
      </c>
      <c r="C49753" s="1" t="s">
        <v>110</v>
      </c>
      <c r="D49753" s="1" t="s">
        <v>8820</v>
      </c>
      <c r="E49753" s="1" t="s">
        <v>168472</v>
      </c>
      <c r="F49753" s="1" t="s">
        <v>168473</v>
      </c>
      <c r="G49753" s="1" t="s">
        <v>168410</v>
      </c>
      <c r="H49753" s="1" t="s">
        <v>168411</v>
      </c>
      <c r="I49753" s="1" t="s">
        <v>168412</v>
      </c>
      <c r="J49753" s="1" t="s">
        <v>168474</v>
      </c>
    </row>
    <row r="49754" spans="1:10" x14ac:dyDescent="0.35">
      <c r="A49754" s="1" t="s">
        <v>5514</v>
      </c>
      <c r="B49754" s="1" t="s">
        <v>168407</v>
      </c>
      <c r="C49754" s="1" t="s">
        <v>115</v>
      </c>
      <c r="D49754" s="1" t="s">
        <v>71248</v>
      </c>
      <c r="E49754" s="1" t="s">
        <v>168475</v>
      </c>
      <c r="F49754" s="1" t="s">
        <v>168476</v>
      </c>
      <c r="G49754" s="1" t="s">
        <v>168410</v>
      </c>
      <c r="H49754" s="1" t="s">
        <v>168411</v>
      </c>
      <c r="I49754" s="1" t="s">
        <v>168412</v>
      </c>
      <c r="J49754" s="1" t="s">
        <v>168477</v>
      </c>
    </row>
    <row r="49755" spans="1:10" x14ac:dyDescent="0.35">
      <c r="A49755" s="1" t="s">
        <v>5514</v>
      </c>
      <c r="B49755" s="1" t="s">
        <v>168407</v>
      </c>
      <c r="C49755" s="1" t="s">
        <v>120</v>
      </c>
      <c r="D49755" s="1" t="s">
        <v>16057</v>
      </c>
      <c r="E49755" s="1" t="s">
        <v>168478</v>
      </c>
      <c r="F49755" s="1" t="s">
        <v>168479</v>
      </c>
      <c r="G49755" s="1" t="s">
        <v>168410</v>
      </c>
      <c r="H49755" s="1" t="s">
        <v>168411</v>
      </c>
      <c r="I49755" s="1" t="s">
        <v>168412</v>
      </c>
      <c r="J49755" s="1" t="s">
        <v>168480</v>
      </c>
    </row>
    <row r="49756" spans="1:10" x14ac:dyDescent="0.35">
      <c r="A49756" s="1" t="s">
        <v>5514</v>
      </c>
      <c r="B49756" s="1" t="s">
        <v>168407</v>
      </c>
      <c r="C49756" s="1" t="s">
        <v>125</v>
      </c>
      <c r="D49756" s="1" t="s">
        <v>104875</v>
      </c>
      <c r="E49756" s="1" t="s">
        <v>168481</v>
      </c>
      <c r="F49756" s="1" t="s">
        <v>168482</v>
      </c>
      <c r="G49756" s="1" t="s">
        <v>168410</v>
      </c>
      <c r="H49756" s="1" t="s">
        <v>168411</v>
      </c>
      <c r="I49756" s="1" t="s">
        <v>168412</v>
      </c>
      <c r="J49756" s="1" t="s">
        <v>168483</v>
      </c>
    </row>
    <row r="49757" spans="1:10" x14ac:dyDescent="0.35">
      <c r="A49757" s="1" t="s">
        <v>5514</v>
      </c>
      <c r="B49757" s="1" t="s">
        <v>168407</v>
      </c>
      <c r="C49757" s="1" t="s">
        <v>130</v>
      </c>
      <c r="D49757" s="1" t="s">
        <v>72822</v>
      </c>
      <c r="E49757" s="1" t="s">
        <v>168484</v>
      </c>
      <c r="F49757" s="1" t="s">
        <v>168485</v>
      </c>
      <c r="G49757" s="1" t="s">
        <v>168410</v>
      </c>
      <c r="H49757" s="1" t="s">
        <v>168411</v>
      </c>
      <c r="I49757" s="1" t="s">
        <v>168412</v>
      </c>
      <c r="J49757" s="1" t="s">
        <v>168486</v>
      </c>
    </row>
    <row r="49758" spans="1:10" x14ac:dyDescent="0.35">
      <c r="A49758" s="1" t="s">
        <v>5514</v>
      </c>
      <c r="B49758" s="1" t="s">
        <v>168407</v>
      </c>
      <c r="C49758" s="1" t="s">
        <v>135</v>
      </c>
      <c r="D49758" s="1" t="s">
        <v>168487</v>
      </c>
      <c r="E49758" s="1" t="s">
        <v>168488</v>
      </c>
      <c r="F49758" s="1" t="s">
        <v>168489</v>
      </c>
      <c r="G49758" s="1" t="s">
        <v>168410</v>
      </c>
      <c r="H49758" s="1" t="s">
        <v>168411</v>
      </c>
      <c r="I49758" s="1" t="s">
        <v>168412</v>
      </c>
      <c r="J49758" s="1" t="s">
        <v>168490</v>
      </c>
    </row>
    <row r="49759" spans="1:10" x14ac:dyDescent="0.35">
      <c r="A49759" s="1" t="s">
        <v>5514</v>
      </c>
      <c r="B49759" s="1" t="s">
        <v>168407</v>
      </c>
      <c r="C49759" s="1" t="s">
        <v>140</v>
      </c>
      <c r="D49759" s="1" t="s">
        <v>154190</v>
      </c>
      <c r="E49759" s="1" t="s">
        <v>168491</v>
      </c>
      <c r="F49759" s="1" t="s">
        <v>168492</v>
      </c>
      <c r="G49759" s="1" t="s">
        <v>168410</v>
      </c>
      <c r="H49759" s="1" t="s">
        <v>168411</v>
      </c>
      <c r="I49759" s="1" t="s">
        <v>168412</v>
      </c>
      <c r="J49759" s="1" t="s">
        <v>168493</v>
      </c>
    </row>
    <row r="49760" spans="1:10" x14ac:dyDescent="0.35">
      <c r="A49760" s="1" t="s">
        <v>5514</v>
      </c>
      <c r="B49760" s="1" t="s">
        <v>168407</v>
      </c>
      <c r="C49760" s="1" t="s">
        <v>145</v>
      </c>
      <c r="D49760" s="1" t="s">
        <v>168494</v>
      </c>
      <c r="E49760" s="1" t="s">
        <v>168495</v>
      </c>
      <c r="F49760" s="1" t="s">
        <v>168496</v>
      </c>
      <c r="G49760" s="1" t="s">
        <v>168410</v>
      </c>
      <c r="H49760" s="1" t="s">
        <v>168411</v>
      </c>
      <c r="I49760" s="1" t="s">
        <v>168412</v>
      </c>
      <c r="J49760" s="1" t="s">
        <v>168497</v>
      </c>
    </row>
    <row r="49761" spans="1:10" x14ac:dyDescent="0.35">
      <c r="A49761" s="1" t="s">
        <v>5514</v>
      </c>
      <c r="B49761" s="1" t="s">
        <v>168407</v>
      </c>
      <c r="C49761" s="1" t="s">
        <v>150</v>
      </c>
      <c r="D49761" s="1" t="s">
        <v>168498</v>
      </c>
      <c r="E49761" s="1" t="s">
        <v>168499</v>
      </c>
      <c r="F49761" s="1" t="s">
        <v>168500</v>
      </c>
      <c r="G49761" s="1" t="s">
        <v>168410</v>
      </c>
      <c r="H49761" s="1" t="s">
        <v>168411</v>
      </c>
      <c r="I49761" s="1" t="s">
        <v>168412</v>
      </c>
      <c r="J49761" s="1" t="s">
        <v>168501</v>
      </c>
    </row>
    <row r="49762" spans="1:10" x14ac:dyDescent="0.35">
      <c r="A49762" s="1" t="s">
        <v>5514</v>
      </c>
      <c r="B49762" s="1" t="s">
        <v>168407</v>
      </c>
      <c r="C49762" s="1" t="s">
        <v>155</v>
      </c>
      <c r="D49762" s="1" t="s">
        <v>43266</v>
      </c>
      <c r="E49762" s="1" t="s">
        <v>168502</v>
      </c>
      <c r="F49762" s="1" t="s">
        <v>168503</v>
      </c>
      <c r="G49762" s="1" t="s">
        <v>168410</v>
      </c>
      <c r="H49762" s="1" t="s">
        <v>168411</v>
      </c>
      <c r="I49762" s="1" t="s">
        <v>168412</v>
      </c>
      <c r="J49762" s="1" t="s">
        <v>168504</v>
      </c>
    </row>
    <row r="49763" spans="1:10" x14ac:dyDescent="0.35">
      <c r="A49763" s="1" t="s">
        <v>5514</v>
      </c>
      <c r="B49763" s="1" t="s">
        <v>168407</v>
      </c>
      <c r="C49763" s="1" t="s">
        <v>160</v>
      </c>
      <c r="D49763" s="1" t="s">
        <v>2977</v>
      </c>
      <c r="E49763" s="1" t="s">
        <v>168505</v>
      </c>
      <c r="F49763" s="1" t="s">
        <v>168506</v>
      </c>
      <c r="G49763" s="1" t="s">
        <v>168410</v>
      </c>
      <c r="H49763" s="1" t="s">
        <v>168411</v>
      </c>
      <c r="I49763" s="1" t="s">
        <v>168412</v>
      </c>
      <c r="J49763" s="1" t="s">
        <v>168507</v>
      </c>
    </row>
    <row r="49764" spans="1:10" x14ac:dyDescent="0.35">
      <c r="A49764" s="1" t="s">
        <v>5514</v>
      </c>
      <c r="B49764" s="1" t="s">
        <v>168407</v>
      </c>
      <c r="C49764" s="1" t="s">
        <v>165</v>
      </c>
      <c r="D49764" s="1" t="s">
        <v>168508</v>
      </c>
      <c r="E49764" s="1" t="s">
        <v>168509</v>
      </c>
      <c r="F49764" s="1" t="s">
        <v>168510</v>
      </c>
      <c r="G49764" s="1" t="s">
        <v>168410</v>
      </c>
      <c r="H49764" s="1" t="s">
        <v>168411</v>
      </c>
      <c r="I49764" s="1" t="s">
        <v>168412</v>
      </c>
      <c r="J49764" s="1" t="s">
        <v>168511</v>
      </c>
    </row>
    <row r="49765" spans="1:10" x14ac:dyDescent="0.35">
      <c r="A49765" s="1" t="s">
        <v>5514</v>
      </c>
      <c r="B49765" s="1" t="s">
        <v>168407</v>
      </c>
      <c r="C49765" s="1" t="s">
        <v>170</v>
      </c>
      <c r="D49765" s="1" t="s">
        <v>18974</v>
      </c>
      <c r="E49765" s="1" t="s">
        <v>168512</v>
      </c>
      <c r="F49765" s="1" t="s">
        <v>168513</v>
      </c>
      <c r="G49765" s="1" t="s">
        <v>168410</v>
      </c>
      <c r="H49765" s="1" t="s">
        <v>168411</v>
      </c>
      <c r="I49765" s="1" t="s">
        <v>168412</v>
      </c>
      <c r="J49765" s="1" t="s">
        <v>168514</v>
      </c>
    </row>
    <row r="49766" spans="1:10" x14ac:dyDescent="0.35">
      <c r="A49766" s="1" t="s">
        <v>4372</v>
      </c>
      <c r="B49766" s="1" t="s">
        <v>168407</v>
      </c>
      <c r="C49766" s="1" t="s">
        <v>8</v>
      </c>
      <c r="D49766" s="1" t="s">
        <v>168515</v>
      </c>
      <c r="E49766" s="1" t="s">
        <v>168516</v>
      </c>
      <c r="F49766" s="1" t="s">
        <v>168517</v>
      </c>
      <c r="G49766" s="1" t="s">
        <v>168518</v>
      </c>
      <c r="H49766" s="1" t="s">
        <v>168519</v>
      </c>
      <c r="I49766" s="1" t="s">
        <v>168412</v>
      </c>
      <c r="J49766" s="1" t="s">
        <v>13</v>
      </c>
    </row>
    <row r="49767" spans="1:10" x14ac:dyDescent="0.35">
      <c r="A49767" s="1" t="s">
        <v>4372</v>
      </c>
      <c r="B49767" s="1" t="s">
        <v>168407</v>
      </c>
      <c r="C49767" s="1" t="s">
        <v>15</v>
      </c>
      <c r="D49767" s="1" t="s">
        <v>151874</v>
      </c>
      <c r="E49767" s="1" t="s">
        <v>168520</v>
      </c>
      <c r="F49767" s="1" t="s">
        <v>168521</v>
      </c>
      <c r="G49767" s="1" t="s">
        <v>168518</v>
      </c>
      <c r="H49767" s="1" t="s">
        <v>168519</v>
      </c>
      <c r="I49767" s="1" t="s">
        <v>168412</v>
      </c>
      <c r="J49767" s="1" t="s">
        <v>168522</v>
      </c>
    </row>
    <row r="49768" spans="1:10" x14ac:dyDescent="0.35">
      <c r="A49768" s="1" t="s">
        <v>4372</v>
      </c>
      <c r="B49768" s="1" t="s">
        <v>168407</v>
      </c>
      <c r="C49768" s="1" t="s">
        <v>20</v>
      </c>
      <c r="D49768" s="1" t="s">
        <v>168523</v>
      </c>
      <c r="E49768" s="1" t="s">
        <v>168524</v>
      </c>
      <c r="F49768" s="1" t="s">
        <v>168525</v>
      </c>
      <c r="G49768" s="1" t="s">
        <v>168518</v>
      </c>
      <c r="H49768" s="1" t="s">
        <v>168519</v>
      </c>
      <c r="I49768" s="1" t="s">
        <v>168412</v>
      </c>
      <c r="J49768" s="1" t="s">
        <v>168526</v>
      </c>
    </row>
    <row r="49769" spans="1:10" x14ac:dyDescent="0.35">
      <c r="A49769" s="1" t="s">
        <v>4372</v>
      </c>
      <c r="B49769" s="1" t="s">
        <v>168407</v>
      </c>
      <c r="C49769" s="1" t="s">
        <v>25</v>
      </c>
      <c r="D49769" s="1" t="s">
        <v>135524</v>
      </c>
      <c r="E49769" s="1" t="s">
        <v>168527</v>
      </c>
      <c r="F49769" s="1" t="s">
        <v>168528</v>
      </c>
      <c r="G49769" s="1" t="s">
        <v>168518</v>
      </c>
      <c r="H49769" s="1" t="s">
        <v>168519</v>
      </c>
      <c r="I49769" s="1" t="s">
        <v>168412</v>
      </c>
      <c r="J49769" s="1" t="s">
        <v>168529</v>
      </c>
    </row>
    <row r="49770" spans="1:10" x14ac:dyDescent="0.35">
      <c r="A49770" s="1" t="s">
        <v>4372</v>
      </c>
      <c r="B49770" s="1" t="s">
        <v>168407</v>
      </c>
      <c r="C49770" s="1" t="s">
        <v>30</v>
      </c>
      <c r="D49770" s="1" t="s">
        <v>33182</v>
      </c>
      <c r="E49770" s="1" t="s">
        <v>168530</v>
      </c>
      <c r="F49770" s="1" t="s">
        <v>168531</v>
      </c>
      <c r="G49770" s="1" t="s">
        <v>168518</v>
      </c>
      <c r="H49770" s="1" t="s">
        <v>168519</v>
      </c>
      <c r="I49770" s="1" t="s">
        <v>168412</v>
      </c>
      <c r="J49770" s="1" t="s">
        <v>168532</v>
      </c>
    </row>
    <row r="49771" spans="1:10" x14ac:dyDescent="0.35">
      <c r="A49771" s="1" t="s">
        <v>4372</v>
      </c>
      <c r="B49771" s="1" t="s">
        <v>168407</v>
      </c>
      <c r="C49771" s="1" t="s">
        <v>35</v>
      </c>
      <c r="D49771" s="1" t="s">
        <v>168533</v>
      </c>
      <c r="E49771" s="1" t="s">
        <v>168534</v>
      </c>
      <c r="F49771" s="1" t="s">
        <v>168535</v>
      </c>
      <c r="G49771" s="1" t="s">
        <v>168518</v>
      </c>
      <c r="H49771" s="1" t="s">
        <v>168519</v>
      </c>
      <c r="I49771" s="1" t="s">
        <v>168412</v>
      </c>
      <c r="J49771" s="1" t="s">
        <v>168536</v>
      </c>
    </row>
    <row r="49772" spans="1:10" x14ac:dyDescent="0.35">
      <c r="A49772" s="1" t="s">
        <v>4372</v>
      </c>
      <c r="B49772" s="1" t="s">
        <v>168407</v>
      </c>
      <c r="C49772" s="1" t="s">
        <v>40</v>
      </c>
      <c r="D49772" s="1" t="s">
        <v>168537</v>
      </c>
      <c r="E49772" s="1" t="s">
        <v>168538</v>
      </c>
      <c r="F49772" s="1" t="s">
        <v>168539</v>
      </c>
      <c r="G49772" s="1" t="s">
        <v>168518</v>
      </c>
      <c r="H49772" s="1" t="s">
        <v>168519</v>
      </c>
      <c r="I49772" s="1" t="s">
        <v>168412</v>
      </c>
      <c r="J49772" s="1" t="s">
        <v>168540</v>
      </c>
    </row>
    <row r="49773" spans="1:10" x14ac:dyDescent="0.35">
      <c r="A49773" s="1" t="s">
        <v>4372</v>
      </c>
      <c r="B49773" s="1" t="s">
        <v>168407</v>
      </c>
      <c r="C49773" s="1" t="s">
        <v>45</v>
      </c>
      <c r="D49773" s="1" t="s">
        <v>168541</v>
      </c>
      <c r="E49773" s="1" t="s">
        <v>168542</v>
      </c>
      <c r="F49773" s="1" t="s">
        <v>168543</v>
      </c>
      <c r="G49773" s="1" t="s">
        <v>168518</v>
      </c>
      <c r="H49773" s="1" t="s">
        <v>168519</v>
      </c>
      <c r="I49773" s="1" t="s">
        <v>168412</v>
      </c>
      <c r="J49773" s="1" t="s">
        <v>168544</v>
      </c>
    </row>
    <row r="49774" spans="1:10" x14ac:dyDescent="0.35">
      <c r="A49774" s="1" t="s">
        <v>4372</v>
      </c>
      <c r="B49774" s="1" t="s">
        <v>168407</v>
      </c>
      <c r="C49774" s="1" t="s">
        <v>50</v>
      </c>
      <c r="D49774" s="1" t="s">
        <v>155570</v>
      </c>
      <c r="E49774" s="1" t="s">
        <v>168545</v>
      </c>
      <c r="F49774" s="1" t="s">
        <v>168546</v>
      </c>
      <c r="G49774" s="1" t="s">
        <v>168518</v>
      </c>
      <c r="H49774" s="1" t="s">
        <v>168519</v>
      </c>
      <c r="I49774" s="1" t="s">
        <v>168412</v>
      </c>
      <c r="J49774" s="1" t="s">
        <v>168547</v>
      </c>
    </row>
    <row r="49775" spans="1:10" x14ac:dyDescent="0.35">
      <c r="A49775" s="1" t="s">
        <v>4372</v>
      </c>
      <c r="B49775" s="1" t="s">
        <v>168407</v>
      </c>
      <c r="C49775" s="1" t="s">
        <v>55</v>
      </c>
      <c r="D49775" s="1" t="s">
        <v>15635</v>
      </c>
      <c r="E49775" s="1" t="s">
        <v>168548</v>
      </c>
      <c r="F49775" s="1" t="s">
        <v>168549</v>
      </c>
      <c r="G49775" s="1" t="s">
        <v>168518</v>
      </c>
      <c r="H49775" s="1" t="s">
        <v>168519</v>
      </c>
      <c r="I49775" s="1" t="s">
        <v>168412</v>
      </c>
      <c r="J49775" s="1" t="s">
        <v>168550</v>
      </c>
    </row>
    <row r="49776" spans="1:10" x14ac:dyDescent="0.35">
      <c r="A49776" s="1" t="s">
        <v>4372</v>
      </c>
      <c r="B49776" s="1" t="s">
        <v>168407</v>
      </c>
      <c r="C49776" s="1" t="s">
        <v>60</v>
      </c>
      <c r="D49776" s="1" t="s">
        <v>168551</v>
      </c>
      <c r="E49776" s="1" t="s">
        <v>168552</v>
      </c>
      <c r="F49776" s="1" t="s">
        <v>168553</v>
      </c>
      <c r="G49776" s="1" t="s">
        <v>168518</v>
      </c>
      <c r="H49776" s="1" t="s">
        <v>168519</v>
      </c>
      <c r="I49776" s="1" t="s">
        <v>168412</v>
      </c>
      <c r="J49776" s="1" t="s">
        <v>168554</v>
      </c>
    </row>
    <row r="49777" spans="1:10" x14ac:dyDescent="0.35">
      <c r="A49777" s="1" t="s">
        <v>4372</v>
      </c>
      <c r="B49777" s="1" t="s">
        <v>168407</v>
      </c>
      <c r="C49777" s="1" t="s">
        <v>65</v>
      </c>
      <c r="D49777" s="1" t="s">
        <v>5353</v>
      </c>
      <c r="E49777" s="1" t="s">
        <v>168555</v>
      </c>
      <c r="F49777" s="1" t="s">
        <v>168556</v>
      </c>
      <c r="G49777" s="1" t="s">
        <v>168518</v>
      </c>
      <c r="H49777" s="1" t="s">
        <v>168519</v>
      </c>
      <c r="I49777" s="1" t="s">
        <v>168412</v>
      </c>
      <c r="J49777" s="1" t="s">
        <v>168557</v>
      </c>
    </row>
    <row r="49778" spans="1:10" x14ac:dyDescent="0.35">
      <c r="A49778" s="1" t="s">
        <v>4372</v>
      </c>
      <c r="B49778" s="1" t="s">
        <v>168407</v>
      </c>
      <c r="C49778" s="1" t="s">
        <v>70</v>
      </c>
      <c r="D49778" s="1" t="s">
        <v>160465</v>
      </c>
      <c r="E49778" s="1" t="s">
        <v>168558</v>
      </c>
      <c r="F49778" s="1" t="s">
        <v>168559</v>
      </c>
      <c r="G49778" s="1" t="s">
        <v>168518</v>
      </c>
      <c r="H49778" s="1" t="s">
        <v>168519</v>
      </c>
      <c r="I49778" s="1" t="s">
        <v>168412</v>
      </c>
      <c r="J49778" s="1" t="s">
        <v>168560</v>
      </c>
    </row>
    <row r="49779" spans="1:10" x14ac:dyDescent="0.35">
      <c r="A49779" s="1" t="s">
        <v>4372</v>
      </c>
      <c r="B49779" s="1" t="s">
        <v>168407</v>
      </c>
      <c r="C49779" s="1" t="s">
        <v>75</v>
      </c>
      <c r="D49779" s="1" t="s">
        <v>168561</v>
      </c>
      <c r="E49779" s="1" t="s">
        <v>168562</v>
      </c>
      <c r="F49779" s="1" t="s">
        <v>168563</v>
      </c>
      <c r="G49779" s="1" t="s">
        <v>168518</v>
      </c>
      <c r="H49779" s="1" t="s">
        <v>168519</v>
      </c>
      <c r="I49779" s="1" t="s">
        <v>168412</v>
      </c>
      <c r="J49779" s="1" t="s">
        <v>168564</v>
      </c>
    </row>
    <row r="49780" spans="1:10" x14ac:dyDescent="0.35">
      <c r="A49780" s="1" t="s">
        <v>4372</v>
      </c>
      <c r="B49780" s="1" t="s">
        <v>168407</v>
      </c>
      <c r="C49780" s="1" t="s">
        <v>80</v>
      </c>
      <c r="D49780" s="1" t="s">
        <v>168565</v>
      </c>
      <c r="E49780" s="1" t="s">
        <v>168566</v>
      </c>
      <c r="F49780" s="1" t="s">
        <v>168567</v>
      </c>
      <c r="G49780" s="1" t="s">
        <v>168518</v>
      </c>
      <c r="H49780" s="1" t="s">
        <v>168519</v>
      </c>
      <c r="I49780" s="1" t="s">
        <v>168412</v>
      </c>
      <c r="J49780" s="1" t="s">
        <v>168568</v>
      </c>
    </row>
    <row r="49781" spans="1:10" x14ac:dyDescent="0.35">
      <c r="A49781" s="1" t="s">
        <v>4372</v>
      </c>
      <c r="B49781" s="1" t="s">
        <v>168407</v>
      </c>
      <c r="C49781" s="1" t="s">
        <v>85</v>
      </c>
      <c r="D49781" s="1" t="s">
        <v>9609</v>
      </c>
      <c r="E49781" s="1" t="s">
        <v>168569</v>
      </c>
      <c r="F49781" s="1" t="s">
        <v>168570</v>
      </c>
      <c r="G49781" s="1" t="s">
        <v>168518</v>
      </c>
      <c r="H49781" s="1" t="s">
        <v>168519</v>
      </c>
      <c r="I49781" s="1" t="s">
        <v>168412</v>
      </c>
      <c r="J49781" s="1" t="s">
        <v>168571</v>
      </c>
    </row>
    <row r="49782" spans="1:10" x14ac:dyDescent="0.35">
      <c r="A49782" s="1" t="s">
        <v>4372</v>
      </c>
      <c r="B49782" s="1" t="s">
        <v>168407</v>
      </c>
      <c r="C49782" s="1" t="s">
        <v>90</v>
      </c>
      <c r="D49782" s="1" t="s">
        <v>37084</v>
      </c>
      <c r="E49782" s="1" t="s">
        <v>168572</v>
      </c>
      <c r="F49782" s="1" t="s">
        <v>168573</v>
      </c>
      <c r="G49782" s="1" t="s">
        <v>168518</v>
      </c>
      <c r="H49782" s="1" t="s">
        <v>168519</v>
      </c>
      <c r="I49782" s="1" t="s">
        <v>168412</v>
      </c>
      <c r="J49782" s="1" t="s">
        <v>168574</v>
      </c>
    </row>
    <row r="49783" spans="1:10" x14ac:dyDescent="0.35">
      <c r="A49783" s="1" t="s">
        <v>4372</v>
      </c>
      <c r="B49783" s="1" t="s">
        <v>168407</v>
      </c>
      <c r="C49783" s="1" t="s">
        <v>95</v>
      </c>
      <c r="D49783" s="1" t="s">
        <v>42804</v>
      </c>
      <c r="E49783" s="1" t="s">
        <v>168575</v>
      </c>
      <c r="F49783" s="1" t="s">
        <v>168576</v>
      </c>
      <c r="G49783" s="1" t="s">
        <v>168518</v>
      </c>
      <c r="H49783" s="1" t="s">
        <v>168519</v>
      </c>
      <c r="I49783" s="1" t="s">
        <v>168412</v>
      </c>
      <c r="J49783" s="1" t="s">
        <v>168577</v>
      </c>
    </row>
    <row r="49784" spans="1:10" x14ac:dyDescent="0.35">
      <c r="A49784" s="1" t="s">
        <v>4372</v>
      </c>
      <c r="B49784" s="1" t="s">
        <v>168407</v>
      </c>
      <c r="C49784" s="1" t="s">
        <v>100</v>
      </c>
      <c r="D49784" s="1" t="s">
        <v>71717</v>
      </c>
      <c r="E49784" s="1" t="s">
        <v>168578</v>
      </c>
      <c r="F49784" s="1" t="s">
        <v>168579</v>
      </c>
      <c r="G49784" s="1" t="s">
        <v>168518</v>
      </c>
      <c r="H49784" s="1" t="s">
        <v>168519</v>
      </c>
      <c r="I49784" s="1" t="s">
        <v>168412</v>
      </c>
      <c r="J49784" s="1" t="s">
        <v>168580</v>
      </c>
    </row>
    <row r="49785" spans="1:10" x14ac:dyDescent="0.35">
      <c r="A49785" s="1" t="s">
        <v>4372</v>
      </c>
      <c r="B49785" s="1" t="s">
        <v>168407</v>
      </c>
      <c r="C49785" s="1" t="s">
        <v>105</v>
      </c>
      <c r="D49785" s="1" t="s">
        <v>33580</v>
      </c>
      <c r="E49785" s="1" t="s">
        <v>168581</v>
      </c>
      <c r="F49785" s="1" t="s">
        <v>168582</v>
      </c>
      <c r="G49785" s="1" t="s">
        <v>168518</v>
      </c>
      <c r="H49785" s="1" t="s">
        <v>168519</v>
      </c>
      <c r="I49785" s="1" t="s">
        <v>168412</v>
      </c>
      <c r="J49785" s="1" t="s">
        <v>168583</v>
      </c>
    </row>
    <row r="49786" spans="1:10" x14ac:dyDescent="0.35">
      <c r="A49786" s="1" t="s">
        <v>4372</v>
      </c>
      <c r="B49786" s="1" t="s">
        <v>168407</v>
      </c>
      <c r="C49786" s="1" t="s">
        <v>110</v>
      </c>
      <c r="D49786" s="1" t="s">
        <v>35610</v>
      </c>
      <c r="E49786" s="1" t="s">
        <v>168584</v>
      </c>
      <c r="F49786" s="1" t="s">
        <v>168585</v>
      </c>
      <c r="G49786" s="1" t="s">
        <v>168518</v>
      </c>
      <c r="H49786" s="1" t="s">
        <v>168519</v>
      </c>
      <c r="I49786" s="1" t="s">
        <v>168412</v>
      </c>
      <c r="J49786" s="1" t="s">
        <v>168586</v>
      </c>
    </row>
    <row r="49787" spans="1:10" x14ac:dyDescent="0.35">
      <c r="A49787" s="1" t="s">
        <v>4372</v>
      </c>
      <c r="B49787" s="1" t="s">
        <v>168407</v>
      </c>
      <c r="C49787" s="1" t="s">
        <v>115</v>
      </c>
      <c r="D49787" s="1" t="s">
        <v>74662</v>
      </c>
      <c r="E49787" s="1" t="s">
        <v>168587</v>
      </c>
      <c r="F49787" s="1" t="s">
        <v>168588</v>
      </c>
      <c r="G49787" s="1" t="s">
        <v>168518</v>
      </c>
      <c r="H49787" s="1" t="s">
        <v>168519</v>
      </c>
      <c r="I49787" s="1" t="s">
        <v>168412</v>
      </c>
      <c r="J49787" s="1" t="s">
        <v>168589</v>
      </c>
    </row>
    <row r="49788" spans="1:10" x14ac:dyDescent="0.35">
      <c r="A49788" s="1" t="s">
        <v>4372</v>
      </c>
      <c r="B49788" s="1" t="s">
        <v>168407</v>
      </c>
      <c r="C49788" s="1" t="s">
        <v>120</v>
      </c>
      <c r="D49788" s="1" t="s">
        <v>118212</v>
      </c>
      <c r="E49788" s="1" t="s">
        <v>168590</v>
      </c>
      <c r="F49788" s="1" t="s">
        <v>168591</v>
      </c>
      <c r="G49788" s="1" t="s">
        <v>168518</v>
      </c>
      <c r="H49788" s="1" t="s">
        <v>168519</v>
      </c>
      <c r="I49788" s="1" t="s">
        <v>168412</v>
      </c>
      <c r="J49788" s="1" t="s">
        <v>168592</v>
      </c>
    </row>
    <row r="49789" spans="1:10" x14ac:dyDescent="0.35">
      <c r="A49789" s="1" t="s">
        <v>4372</v>
      </c>
      <c r="B49789" s="1" t="s">
        <v>168407</v>
      </c>
      <c r="C49789" s="1" t="s">
        <v>125</v>
      </c>
      <c r="D49789" s="1" t="s">
        <v>47953</v>
      </c>
      <c r="E49789" s="1" t="s">
        <v>168593</v>
      </c>
      <c r="F49789" s="1" t="s">
        <v>168594</v>
      </c>
      <c r="G49789" s="1" t="s">
        <v>168518</v>
      </c>
      <c r="H49789" s="1" t="s">
        <v>168519</v>
      </c>
      <c r="I49789" s="1" t="s">
        <v>168412</v>
      </c>
      <c r="J49789" s="1" t="s">
        <v>168595</v>
      </c>
    </row>
    <row r="49790" spans="1:10" x14ac:dyDescent="0.35">
      <c r="A49790" s="1" t="s">
        <v>4372</v>
      </c>
      <c r="B49790" s="1" t="s">
        <v>168407</v>
      </c>
      <c r="C49790" s="1" t="s">
        <v>130</v>
      </c>
      <c r="D49790" s="1" t="s">
        <v>15943</v>
      </c>
      <c r="E49790" s="1" t="s">
        <v>168596</v>
      </c>
      <c r="F49790" s="1" t="s">
        <v>168597</v>
      </c>
      <c r="G49790" s="1" t="s">
        <v>168518</v>
      </c>
      <c r="H49790" s="1" t="s">
        <v>168519</v>
      </c>
      <c r="I49790" s="1" t="s">
        <v>168412</v>
      </c>
      <c r="J49790" s="1" t="s">
        <v>168598</v>
      </c>
    </row>
    <row r="49791" spans="1:10" x14ac:dyDescent="0.35">
      <c r="A49791" s="1" t="s">
        <v>4372</v>
      </c>
      <c r="B49791" s="1" t="s">
        <v>168407</v>
      </c>
      <c r="C49791" s="1" t="s">
        <v>135</v>
      </c>
      <c r="D49791" s="1" t="s">
        <v>168599</v>
      </c>
      <c r="E49791" s="1" t="s">
        <v>168600</v>
      </c>
      <c r="F49791" s="1" t="s">
        <v>168601</v>
      </c>
      <c r="G49791" s="1" t="s">
        <v>168518</v>
      </c>
      <c r="H49791" s="1" t="s">
        <v>168519</v>
      </c>
      <c r="I49791" s="1" t="s">
        <v>168412</v>
      </c>
      <c r="J49791" s="1" t="s">
        <v>168602</v>
      </c>
    </row>
    <row r="49792" spans="1:10" x14ac:dyDescent="0.35">
      <c r="A49792" s="1" t="s">
        <v>4372</v>
      </c>
      <c r="B49792" s="1" t="s">
        <v>168407</v>
      </c>
      <c r="C49792" s="1" t="s">
        <v>140</v>
      </c>
      <c r="D49792" s="1" t="s">
        <v>168603</v>
      </c>
      <c r="E49792" s="1" t="s">
        <v>168604</v>
      </c>
      <c r="F49792" s="1" t="s">
        <v>168605</v>
      </c>
      <c r="G49792" s="1" t="s">
        <v>168518</v>
      </c>
      <c r="H49792" s="1" t="s">
        <v>168519</v>
      </c>
      <c r="I49792" s="1" t="s">
        <v>168412</v>
      </c>
      <c r="J49792" s="1" t="s">
        <v>168606</v>
      </c>
    </row>
    <row r="49793" spans="1:10" x14ac:dyDescent="0.35">
      <c r="A49793" s="1" t="s">
        <v>4372</v>
      </c>
      <c r="B49793" s="1" t="s">
        <v>168407</v>
      </c>
      <c r="C49793" s="1" t="s">
        <v>145</v>
      </c>
      <c r="D49793" s="1" t="s">
        <v>135215</v>
      </c>
      <c r="E49793" s="1" t="s">
        <v>168607</v>
      </c>
      <c r="F49793" s="1" t="s">
        <v>168608</v>
      </c>
      <c r="G49793" s="1" t="s">
        <v>168518</v>
      </c>
      <c r="H49793" s="1" t="s">
        <v>168519</v>
      </c>
      <c r="I49793" s="1" t="s">
        <v>168412</v>
      </c>
      <c r="J49793" s="1" t="s">
        <v>168609</v>
      </c>
    </row>
    <row r="49794" spans="1:10" x14ac:dyDescent="0.35">
      <c r="A49794" s="1" t="s">
        <v>4372</v>
      </c>
      <c r="B49794" s="1" t="s">
        <v>168407</v>
      </c>
      <c r="C49794" s="1" t="s">
        <v>150</v>
      </c>
      <c r="D49794" s="1" t="s">
        <v>153312</v>
      </c>
      <c r="E49794" s="1" t="s">
        <v>168610</v>
      </c>
      <c r="F49794" s="1" t="s">
        <v>168611</v>
      </c>
      <c r="G49794" s="1" t="s">
        <v>168518</v>
      </c>
      <c r="H49794" s="1" t="s">
        <v>168519</v>
      </c>
      <c r="I49794" s="1" t="s">
        <v>168412</v>
      </c>
      <c r="J49794" s="1" t="s">
        <v>168612</v>
      </c>
    </row>
    <row r="49795" spans="1:10" x14ac:dyDescent="0.35">
      <c r="A49795" s="1" t="s">
        <v>4372</v>
      </c>
      <c r="B49795" s="1" t="s">
        <v>168407</v>
      </c>
      <c r="C49795" s="1" t="s">
        <v>155</v>
      </c>
      <c r="D49795" s="1" t="s">
        <v>73497</v>
      </c>
      <c r="E49795" s="1" t="s">
        <v>168613</v>
      </c>
      <c r="F49795" s="1" t="s">
        <v>168614</v>
      </c>
      <c r="G49795" s="1" t="s">
        <v>168518</v>
      </c>
      <c r="H49795" s="1" t="s">
        <v>168519</v>
      </c>
      <c r="I49795" s="1" t="s">
        <v>168412</v>
      </c>
      <c r="J49795" s="1" t="s">
        <v>168615</v>
      </c>
    </row>
    <row r="49796" spans="1:10" x14ac:dyDescent="0.35">
      <c r="A49796" s="1" t="s">
        <v>4372</v>
      </c>
      <c r="B49796" s="1" t="s">
        <v>168407</v>
      </c>
      <c r="C49796" s="1" t="s">
        <v>160</v>
      </c>
      <c r="D49796" s="1" t="s">
        <v>10772</v>
      </c>
      <c r="E49796" s="1" t="s">
        <v>168616</v>
      </c>
      <c r="F49796" s="1" t="s">
        <v>168617</v>
      </c>
      <c r="G49796" s="1" t="s">
        <v>168518</v>
      </c>
      <c r="H49796" s="1" t="s">
        <v>168519</v>
      </c>
      <c r="I49796" s="1" t="s">
        <v>168412</v>
      </c>
      <c r="J49796" s="1" t="s">
        <v>168618</v>
      </c>
    </row>
    <row r="49797" spans="1:10" x14ac:dyDescent="0.35">
      <c r="A49797" s="1" t="s">
        <v>4372</v>
      </c>
      <c r="B49797" s="1" t="s">
        <v>168407</v>
      </c>
      <c r="C49797" s="1" t="s">
        <v>165</v>
      </c>
      <c r="D49797" s="1" t="s">
        <v>81</v>
      </c>
      <c r="E49797" s="1" t="s">
        <v>168619</v>
      </c>
      <c r="F49797" s="1" t="s">
        <v>168620</v>
      </c>
      <c r="G49797" s="1" t="s">
        <v>168518</v>
      </c>
      <c r="H49797" s="1" t="s">
        <v>168519</v>
      </c>
      <c r="I49797" s="1" t="s">
        <v>168412</v>
      </c>
      <c r="J49797" s="1" t="s">
        <v>168621</v>
      </c>
    </row>
    <row r="49798" spans="1:10" x14ac:dyDescent="0.35">
      <c r="A49798" s="1" t="s">
        <v>4372</v>
      </c>
      <c r="B49798" s="1" t="s">
        <v>168407</v>
      </c>
      <c r="C49798" s="1" t="s">
        <v>170</v>
      </c>
      <c r="D49798" s="1" t="s">
        <v>144892</v>
      </c>
      <c r="E49798" s="1" t="s">
        <v>168622</v>
      </c>
      <c r="F49798" s="1" t="s">
        <v>168623</v>
      </c>
      <c r="G49798" s="1" t="s">
        <v>168518</v>
      </c>
      <c r="H49798" s="1" t="s">
        <v>168519</v>
      </c>
      <c r="I49798" s="1" t="s">
        <v>168412</v>
      </c>
      <c r="J49798" s="1" t="s">
        <v>168624</v>
      </c>
    </row>
    <row r="49799" spans="1:10" x14ac:dyDescent="0.35">
      <c r="A49799" s="1" t="s">
        <v>10455</v>
      </c>
      <c r="B49799" s="1" t="s">
        <v>168407</v>
      </c>
      <c r="C49799" s="1" t="s">
        <v>8</v>
      </c>
      <c r="D49799" s="1" t="s">
        <v>168625</v>
      </c>
      <c r="E49799" s="1" t="s">
        <v>168626</v>
      </c>
      <c r="F49799" s="1" t="s">
        <v>168627</v>
      </c>
      <c r="G49799" s="1" t="s">
        <v>168628</v>
      </c>
      <c r="H49799" s="1" t="s">
        <v>168629</v>
      </c>
      <c r="I49799" s="1" t="s">
        <v>168412</v>
      </c>
      <c r="J49799" s="1" t="s">
        <v>13</v>
      </c>
    </row>
    <row r="49800" spans="1:10" x14ac:dyDescent="0.35">
      <c r="A49800" s="1" t="s">
        <v>10455</v>
      </c>
      <c r="B49800" s="1" t="s">
        <v>168407</v>
      </c>
      <c r="C49800" s="1" t="s">
        <v>15</v>
      </c>
      <c r="D49800" s="1" t="s">
        <v>168630</v>
      </c>
      <c r="E49800" s="1" t="s">
        <v>168631</v>
      </c>
      <c r="F49800" s="1" t="s">
        <v>168632</v>
      </c>
      <c r="G49800" s="1" t="s">
        <v>168628</v>
      </c>
      <c r="H49800" s="1" t="s">
        <v>168629</v>
      </c>
      <c r="I49800" s="1" t="s">
        <v>168412</v>
      </c>
      <c r="J49800" s="1" t="s">
        <v>168633</v>
      </c>
    </row>
    <row r="49801" spans="1:10" x14ac:dyDescent="0.35">
      <c r="A49801" s="1" t="s">
        <v>10455</v>
      </c>
      <c r="B49801" s="1" t="s">
        <v>168407</v>
      </c>
      <c r="C49801" s="1" t="s">
        <v>20</v>
      </c>
      <c r="D49801" s="1" t="s">
        <v>48227</v>
      </c>
      <c r="E49801" s="1" t="s">
        <v>168634</v>
      </c>
      <c r="F49801" s="1" t="s">
        <v>168635</v>
      </c>
      <c r="G49801" s="1" t="s">
        <v>168628</v>
      </c>
      <c r="H49801" s="1" t="s">
        <v>168629</v>
      </c>
      <c r="I49801" s="1" t="s">
        <v>168412</v>
      </c>
      <c r="J49801" s="1" t="s">
        <v>168636</v>
      </c>
    </row>
    <row r="49802" spans="1:10" x14ac:dyDescent="0.35">
      <c r="A49802" s="1" t="s">
        <v>10455</v>
      </c>
      <c r="B49802" s="1" t="s">
        <v>168407</v>
      </c>
      <c r="C49802" s="1" t="s">
        <v>25</v>
      </c>
      <c r="D49802" s="1" t="s">
        <v>168637</v>
      </c>
      <c r="E49802" s="1" t="s">
        <v>168638</v>
      </c>
      <c r="F49802" s="1" t="s">
        <v>168639</v>
      </c>
      <c r="G49802" s="1" t="s">
        <v>168628</v>
      </c>
      <c r="H49802" s="1" t="s">
        <v>168629</v>
      </c>
      <c r="I49802" s="1" t="s">
        <v>168412</v>
      </c>
      <c r="J49802" s="1" t="s">
        <v>168640</v>
      </c>
    </row>
    <row r="49803" spans="1:10" x14ac:dyDescent="0.35">
      <c r="A49803" s="1" t="s">
        <v>10455</v>
      </c>
      <c r="B49803" s="1" t="s">
        <v>168407</v>
      </c>
      <c r="C49803" s="1" t="s">
        <v>30</v>
      </c>
      <c r="D49803" s="1" t="s">
        <v>16001</v>
      </c>
      <c r="E49803" s="1" t="s">
        <v>168641</v>
      </c>
      <c r="F49803" s="1" t="s">
        <v>168642</v>
      </c>
      <c r="G49803" s="1" t="s">
        <v>168628</v>
      </c>
      <c r="H49803" s="1" t="s">
        <v>168629</v>
      </c>
      <c r="I49803" s="1" t="s">
        <v>168412</v>
      </c>
      <c r="J49803" s="1" t="s">
        <v>168643</v>
      </c>
    </row>
    <row r="49804" spans="1:10" x14ac:dyDescent="0.35">
      <c r="A49804" s="1" t="s">
        <v>10455</v>
      </c>
      <c r="B49804" s="1" t="s">
        <v>168407</v>
      </c>
      <c r="C49804" s="1" t="s">
        <v>35</v>
      </c>
      <c r="D49804" s="1" t="s">
        <v>73338</v>
      </c>
      <c r="E49804" s="1" t="s">
        <v>168644</v>
      </c>
      <c r="F49804" s="1" t="s">
        <v>168645</v>
      </c>
      <c r="G49804" s="1" t="s">
        <v>168628</v>
      </c>
      <c r="H49804" s="1" t="s">
        <v>168629</v>
      </c>
      <c r="I49804" s="1" t="s">
        <v>168412</v>
      </c>
      <c r="J49804" s="1" t="s">
        <v>168646</v>
      </c>
    </row>
    <row r="49805" spans="1:10" x14ac:dyDescent="0.35">
      <c r="A49805" s="1" t="s">
        <v>10455</v>
      </c>
      <c r="B49805" s="1" t="s">
        <v>168407</v>
      </c>
      <c r="C49805" s="1" t="s">
        <v>40</v>
      </c>
      <c r="D49805" s="1" t="s">
        <v>141763</v>
      </c>
      <c r="E49805" s="1" t="s">
        <v>168647</v>
      </c>
      <c r="F49805" s="1" t="s">
        <v>168648</v>
      </c>
      <c r="G49805" s="1" t="s">
        <v>168628</v>
      </c>
      <c r="H49805" s="1" t="s">
        <v>168629</v>
      </c>
      <c r="I49805" s="1" t="s">
        <v>168412</v>
      </c>
      <c r="J49805" s="1" t="s">
        <v>167729</v>
      </c>
    </row>
    <row r="49806" spans="1:10" x14ac:dyDescent="0.35">
      <c r="A49806" s="1" t="s">
        <v>10455</v>
      </c>
      <c r="B49806" s="1" t="s">
        <v>168407</v>
      </c>
      <c r="C49806" s="1" t="s">
        <v>45</v>
      </c>
      <c r="D49806" s="1" t="s">
        <v>15262</v>
      </c>
      <c r="E49806" s="1" t="s">
        <v>168649</v>
      </c>
      <c r="F49806" s="1" t="s">
        <v>168650</v>
      </c>
      <c r="G49806" s="1" t="s">
        <v>168628</v>
      </c>
      <c r="H49806" s="1" t="s">
        <v>168629</v>
      </c>
      <c r="I49806" s="1" t="s">
        <v>168412</v>
      </c>
      <c r="J49806" s="1" t="s">
        <v>168651</v>
      </c>
    </row>
    <row r="49807" spans="1:10" x14ac:dyDescent="0.35">
      <c r="A49807" s="1" t="s">
        <v>10455</v>
      </c>
      <c r="B49807" s="1" t="s">
        <v>168407</v>
      </c>
      <c r="C49807" s="1" t="s">
        <v>50</v>
      </c>
      <c r="D49807" s="1" t="s">
        <v>109918</v>
      </c>
      <c r="E49807" s="1" t="s">
        <v>168652</v>
      </c>
      <c r="F49807" s="1" t="s">
        <v>168653</v>
      </c>
      <c r="G49807" s="1" t="s">
        <v>168628</v>
      </c>
      <c r="H49807" s="1" t="s">
        <v>168629</v>
      </c>
      <c r="I49807" s="1" t="s">
        <v>168412</v>
      </c>
      <c r="J49807" s="1" t="s">
        <v>168654</v>
      </c>
    </row>
    <row r="49808" spans="1:10" x14ac:dyDescent="0.35">
      <c r="A49808" s="1" t="s">
        <v>10455</v>
      </c>
      <c r="B49808" s="1" t="s">
        <v>168407</v>
      </c>
      <c r="C49808" s="1" t="s">
        <v>55</v>
      </c>
      <c r="D49808" s="1" t="s">
        <v>37589</v>
      </c>
      <c r="E49808" s="1" t="s">
        <v>168655</v>
      </c>
      <c r="F49808" s="1" t="s">
        <v>168656</v>
      </c>
      <c r="G49808" s="1" t="s">
        <v>168628</v>
      </c>
      <c r="H49808" s="1" t="s">
        <v>168629</v>
      </c>
      <c r="I49808" s="1" t="s">
        <v>168412</v>
      </c>
      <c r="J49808" s="1" t="s">
        <v>168657</v>
      </c>
    </row>
    <row r="49809" spans="1:10" x14ac:dyDescent="0.35">
      <c r="A49809" s="1" t="s">
        <v>10455</v>
      </c>
      <c r="B49809" s="1" t="s">
        <v>168407</v>
      </c>
      <c r="C49809" s="1" t="s">
        <v>60</v>
      </c>
      <c r="D49809" s="1" t="s">
        <v>9546</v>
      </c>
      <c r="E49809" s="1" t="s">
        <v>168658</v>
      </c>
      <c r="F49809" s="1" t="s">
        <v>168659</v>
      </c>
      <c r="G49809" s="1" t="s">
        <v>168628</v>
      </c>
      <c r="H49809" s="1" t="s">
        <v>168629</v>
      </c>
      <c r="I49809" s="1" t="s">
        <v>168412</v>
      </c>
      <c r="J49809" s="1" t="s">
        <v>168660</v>
      </c>
    </row>
    <row r="49810" spans="1:10" x14ac:dyDescent="0.35">
      <c r="A49810" s="1" t="s">
        <v>10455</v>
      </c>
      <c r="B49810" s="1" t="s">
        <v>168407</v>
      </c>
      <c r="C49810" s="1" t="s">
        <v>65</v>
      </c>
      <c r="D49810" s="1" t="s">
        <v>121347</v>
      </c>
      <c r="E49810" s="1" t="s">
        <v>168661</v>
      </c>
      <c r="F49810" s="1" t="s">
        <v>168662</v>
      </c>
      <c r="G49810" s="1" t="s">
        <v>168628</v>
      </c>
      <c r="H49810" s="1" t="s">
        <v>168629</v>
      </c>
      <c r="I49810" s="1" t="s">
        <v>168412</v>
      </c>
      <c r="J49810" s="1" t="s">
        <v>168663</v>
      </c>
    </row>
    <row r="49811" spans="1:10" x14ac:dyDescent="0.35">
      <c r="A49811" s="1" t="s">
        <v>10455</v>
      </c>
      <c r="B49811" s="1" t="s">
        <v>168407</v>
      </c>
      <c r="C49811" s="1" t="s">
        <v>70</v>
      </c>
      <c r="D49811" s="1" t="s">
        <v>168664</v>
      </c>
      <c r="E49811" s="1" t="s">
        <v>168665</v>
      </c>
      <c r="F49811" s="1" t="s">
        <v>168666</v>
      </c>
      <c r="G49811" s="1" t="s">
        <v>168628</v>
      </c>
      <c r="H49811" s="1" t="s">
        <v>168629</v>
      </c>
      <c r="I49811" s="1" t="s">
        <v>168412</v>
      </c>
      <c r="J49811" s="1" t="s">
        <v>168667</v>
      </c>
    </row>
    <row r="49812" spans="1:10" x14ac:dyDescent="0.35">
      <c r="A49812" s="1" t="s">
        <v>10455</v>
      </c>
      <c r="B49812" s="1" t="s">
        <v>168407</v>
      </c>
      <c r="C49812" s="1" t="s">
        <v>75</v>
      </c>
      <c r="D49812" s="1" t="s">
        <v>168668</v>
      </c>
      <c r="E49812" s="1" t="s">
        <v>168669</v>
      </c>
      <c r="F49812" s="1" t="s">
        <v>168670</v>
      </c>
      <c r="G49812" s="1" t="s">
        <v>168628</v>
      </c>
      <c r="H49812" s="1" t="s">
        <v>168629</v>
      </c>
      <c r="I49812" s="1" t="s">
        <v>168412</v>
      </c>
      <c r="J49812" s="1" t="s">
        <v>168671</v>
      </c>
    </row>
    <row r="49813" spans="1:10" x14ac:dyDescent="0.35">
      <c r="A49813" s="1" t="s">
        <v>10455</v>
      </c>
      <c r="B49813" s="1" t="s">
        <v>168407</v>
      </c>
      <c r="C49813" s="1" t="s">
        <v>80</v>
      </c>
      <c r="D49813" s="1" t="s">
        <v>70942</v>
      </c>
      <c r="E49813" s="1" t="s">
        <v>168672</v>
      </c>
      <c r="F49813" s="1" t="s">
        <v>168673</v>
      </c>
      <c r="G49813" s="1" t="s">
        <v>168628</v>
      </c>
      <c r="H49813" s="1" t="s">
        <v>168629</v>
      </c>
      <c r="I49813" s="1" t="s">
        <v>168412</v>
      </c>
      <c r="J49813" s="1" t="s">
        <v>168674</v>
      </c>
    </row>
    <row r="49814" spans="1:10" x14ac:dyDescent="0.35">
      <c r="A49814" s="1" t="s">
        <v>10455</v>
      </c>
      <c r="B49814" s="1" t="s">
        <v>168407</v>
      </c>
      <c r="C49814" s="1" t="s">
        <v>85</v>
      </c>
      <c r="D49814" s="1" t="s">
        <v>50674</v>
      </c>
      <c r="E49814" s="1" t="s">
        <v>168675</v>
      </c>
      <c r="F49814" s="1" t="s">
        <v>168676</v>
      </c>
      <c r="G49814" s="1" t="s">
        <v>168628</v>
      </c>
      <c r="H49814" s="1" t="s">
        <v>168629</v>
      </c>
      <c r="I49814" s="1" t="s">
        <v>168412</v>
      </c>
      <c r="J49814" s="1" t="s">
        <v>168677</v>
      </c>
    </row>
    <row r="49815" spans="1:10" x14ac:dyDescent="0.35">
      <c r="A49815" s="1" t="s">
        <v>10455</v>
      </c>
      <c r="B49815" s="1" t="s">
        <v>168407</v>
      </c>
      <c r="C49815" s="1" t="s">
        <v>90</v>
      </c>
      <c r="D49815" s="1" t="s">
        <v>168678</v>
      </c>
      <c r="E49815" s="1" t="s">
        <v>168679</v>
      </c>
      <c r="F49815" s="1" t="s">
        <v>168680</v>
      </c>
      <c r="G49815" s="1" t="s">
        <v>168628</v>
      </c>
      <c r="H49815" s="1" t="s">
        <v>168629</v>
      </c>
      <c r="I49815" s="1" t="s">
        <v>168412</v>
      </c>
      <c r="J49815" s="1" t="s">
        <v>168681</v>
      </c>
    </row>
    <row r="49816" spans="1:10" x14ac:dyDescent="0.35">
      <c r="A49816" s="1" t="s">
        <v>10455</v>
      </c>
      <c r="B49816" s="1" t="s">
        <v>168407</v>
      </c>
      <c r="C49816" s="1" t="s">
        <v>95</v>
      </c>
      <c r="D49816" s="1" t="s">
        <v>115275</v>
      </c>
      <c r="E49816" s="1" t="s">
        <v>168682</v>
      </c>
      <c r="F49816" s="1" t="s">
        <v>168683</v>
      </c>
      <c r="G49816" s="1" t="s">
        <v>168628</v>
      </c>
      <c r="H49816" s="1" t="s">
        <v>168629</v>
      </c>
      <c r="I49816" s="1" t="s">
        <v>168412</v>
      </c>
      <c r="J49816" s="1" t="s">
        <v>168684</v>
      </c>
    </row>
    <row r="49817" spans="1:10" x14ac:dyDescent="0.35">
      <c r="A49817" s="1" t="s">
        <v>10455</v>
      </c>
      <c r="B49817" s="1" t="s">
        <v>168407</v>
      </c>
      <c r="C49817" s="1" t="s">
        <v>100</v>
      </c>
      <c r="D49817" s="1" t="s">
        <v>51806</v>
      </c>
      <c r="E49817" s="1" t="s">
        <v>168685</v>
      </c>
      <c r="F49817" s="1" t="s">
        <v>168686</v>
      </c>
      <c r="G49817" s="1" t="s">
        <v>168628</v>
      </c>
      <c r="H49817" s="1" t="s">
        <v>168629</v>
      </c>
      <c r="I49817" s="1" t="s">
        <v>168412</v>
      </c>
      <c r="J49817" s="1" t="s">
        <v>168687</v>
      </c>
    </row>
    <row r="49818" spans="1:10" x14ac:dyDescent="0.35">
      <c r="A49818" s="1" t="s">
        <v>10455</v>
      </c>
      <c r="B49818" s="1" t="s">
        <v>168407</v>
      </c>
      <c r="C49818" s="1" t="s">
        <v>105</v>
      </c>
      <c r="D49818" s="1" t="s">
        <v>168688</v>
      </c>
      <c r="E49818" s="1" t="s">
        <v>168689</v>
      </c>
      <c r="F49818" s="1" t="s">
        <v>168690</v>
      </c>
      <c r="G49818" s="1" t="s">
        <v>168628</v>
      </c>
      <c r="H49818" s="1" t="s">
        <v>168629</v>
      </c>
      <c r="I49818" s="1" t="s">
        <v>168412</v>
      </c>
      <c r="J49818" s="1" t="s">
        <v>168691</v>
      </c>
    </row>
    <row r="49819" spans="1:10" x14ac:dyDescent="0.35">
      <c r="A49819" s="1" t="s">
        <v>10455</v>
      </c>
      <c r="B49819" s="1" t="s">
        <v>168407</v>
      </c>
      <c r="C49819" s="1" t="s">
        <v>110</v>
      </c>
      <c r="D49819" s="1" t="s">
        <v>74937</v>
      </c>
      <c r="E49819" s="1" t="s">
        <v>168692</v>
      </c>
      <c r="F49819" s="1" t="s">
        <v>168693</v>
      </c>
      <c r="G49819" s="1" t="s">
        <v>168628</v>
      </c>
      <c r="H49819" s="1" t="s">
        <v>168629</v>
      </c>
      <c r="I49819" s="1" t="s">
        <v>168412</v>
      </c>
      <c r="J49819" s="1" t="s">
        <v>168694</v>
      </c>
    </row>
    <row r="49820" spans="1:10" x14ac:dyDescent="0.35">
      <c r="A49820" s="1" t="s">
        <v>10455</v>
      </c>
      <c r="B49820" s="1" t="s">
        <v>168407</v>
      </c>
      <c r="C49820" s="1" t="s">
        <v>115</v>
      </c>
      <c r="D49820" s="1" t="s">
        <v>33592</v>
      </c>
      <c r="E49820" s="1" t="s">
        <v>168695</v>
      </c>
      <c r="F49820" s="1" t="s">
        <v>168696</v>
      </c>
      <c r="G49820" s="1" t="s">
        <v>168628</v>
      </c>
      <c r="H49820" s="1" t="s">
        <v>168629</v>
      </c>
      <c r="I49820" s="1" t="s">
        <v>168412</v>
      </c>
      <c r="J49820" s="1" t="s">
        <v>168697</v>
      </c>
    </row>
    <row r="49821" spans="1:10" x14ac:dyDescent="0.35">
      <c r="A49821" s="1" t="s">
        <v>10455</v>
      </c>
      <c r="B49821" s="1" t="s">
        <v>168407</v>
      </c>
      <c r="C49821" s="1" t="s">
        <v>120</v>
      </c>
      <c r="D49821" s="1" t="s">
        <v>168698</v>
      </c>
      <c r="E49821" s="1" t="s">
        <v>168699</v>
      </c>
      <c r="F49821" s="1" t="s">
        <v>168700</v>
      </c>
      <c r="G49821" s="1" t="s">
        <v>168628</v>
      </c>
      <c r="H49821" s="1" t="s">
        <v>168629</v>
      </c>
      <c r="I49821" s="1" t="s">
        <v>168412</v>
      </c>
      <c r="J49821" s="1" t="s">
        <v>168701</v>
      </c>
    </row>
    <row r="49822" spans="1:10" x14ac:dyDescent="0.35">
      <c r="A49822" s="1" t="s">
        <v>10455</v>
      </c>
      <c r="B49822" s="1" t="s">
        <v>168407</v>
      </c>
      <c r="C49822" s="1" t="s">
        <v>125</v>
      </c>
      <c r="D49822" s="1" t="s">
        <v>43274</v>
      </c>
      <c r="E49822" s="1" t="s">
        <v>168702</v>
      </c>
      <c r="F49822" s="1" t="s">
        <v>168703</v>
      </c>
      <c r="G49822" s="1" t="s">
        <v>168628</v>
      </c>
      <c r="H49822" s="1" t="s">
        <v>168629</v>
      </c>
      <c r="I49822" s="1" t="s">
        <v>168412</v>
      </c>
      <c r="J49822" s="1" t="s">
        <v>168704</v>
      </c>
    </row>
    <row r="49823" spans="1:10" x14ac:dyDescent="0.35">
      <c r="A49823" s="1" t="s">
        <v>10455</v>
      </c>
      <c r="B49823" s="1" t="s">
        <v>168407</v>
      </c>
      <c r="C49823" s="1" t="s">
        <v>130</v>
      </c>
      <c r="D49823" s="1" t="s">
        <v>168705</v>
      </c>
      <c r="E49823" s="1" t="s">
        <v>168706</v>
      </c>
      <c r="F49823" s="1" t="s">
        <v>168707</v>
      </c>
      <c r="G49823" s="1" t="s">
        <v>168628</v>
      </c>
      <c r="H49823" s="1" t="s">
        <v>168629</v>
      </c>
      <c r="I49823" s="1" t="s">
        <v>168412</v>
      </c>
      <c r="J49823" s="1" t="s">
        <v>168708</v>
      </c>
    </row>
    <row r="49824" spans="1:10" x14ac:dyDescent="0.35">
      <c r="A49824" s="1" t="s">
        <v>10455</v>
      </c>
      <c r="B49824" s="1" t="s">
        <v>168407</v>
      </c>
      <c r="C49824" s="1" t="s">
        <v>135</v>
      </c>
      <c r="D49824" s="1" t="s">
        <v>916</v>
      </c>
      <c r="E49824" s="1" t="s">
        <v>168709</v>
      </c>
      <c r="F49824" s="1" t="s">
        <v>168710</v>
      </c>
      <c r="G49824" s="1" t="s">
        <v>168628</v>
      </c>
      <c r="H49824" s="1" t="s">
        <v>168629</v>
      </c>
      <c r="I49824" s="1" t="s">
        <v>168412</v>
      </c>
      <c r="J49824" s="1" t="s">
        <v>168711</v>
      </c>
    </row>
    <row r="49825" spans="1:10" x14ac:dyDescent="0.35">
      <c r="A49825" s="1" t="s">
        <v>10455</v>
      </c>
      <c r="B49825" s="1" t="s">
        <v>168407</v>
      </c>
      <c r="C49825" s="1" t="s">
        <v>140</v>
      </c>
      <c r="D49825" s="1" t="s">
        <v>168712</v>
      </c>
      <c r="E49825" s="1" t="s">
        <v>168713</v>
      </c>
      <c r="F49825" s="1" t="s">
        <v>168714</v>
      </c>
      <c r="G49825" s="1" t="s">
        <v>168628</v>
      </c>
      <c r="H49825" s="1" t="s">
        <v>168629</v>
      </c>
      <c r="I49825" s="1" t="s">
        <v>168412</v>
      </c>
      <c r="J49825" s="1" t="s">
        <v>168715</v>
      </c>
    </row>
    <row r="49826" spans="1:10" x14ac:dyDescent="0.35">
      <c r="A49826" s="1" t="s">
        <v>10455</v>
      </c>
      <c r="B49826" s="1" t="s">
        <v>168407</v>
      </c>
      <c r="C49826" s="1" t="s">
        <v>145</v>
      </c>
      <c r="D49826" s="1" t="s">
        <v>900</v>
      </c>
      <c r="E49826" s="1" t="s">
        <v>168716</v>
      </c>
      <c r="F49826" s="1" t="s">
        <v>168717</v>
      </c>
      <c r="G49826" s="1" t="s">
        <v>168628</v>
      </c>
      <c r="H49826" s="1" t="s">
        <v>168629</v>
      </c>
      <c r="I49826" s="1" t="s">
        <v>168412</v>
      </c>
      <c r="J49826" s="1" t="s">
        <v>168718</v>
      </c>
    </row>
    <row r="49827" spans="1:10" x14ac:dyDescent="0.35">
      <c r="A49827" s="1" t="s">
        <v>10455</v>
      </c>
      <c r="B49827" s="1" t="s">
        <v>168407</v>
      </c>
      <c r="C49827" s="1" t="s">
        <v>150</v>
      </c>
      <c r="D49827" s="1" t="s">
        <v>168719</v>
      </c>
      <c r="E49827" s="1" t="s">
        <v>168720</v>
      </c>
      <c r="F49827" s="1" t="s">
        <v>168721</v>
      </c>
      <c r="G49827" s="1" t="s">
        <v>168628</v>
      </c>
      <c r="H49827" s="1" t="s">
        <v>168629</v>
      </c>
      <c r="I49827" s="1" t="s">
        <v>168412</v>
      </c>
      <c r="J49827" s="1" t="s">
        <v>168722</v>
      </c>
    </row>
    <row r="49828" spans="1:10" x14ac:dyDescent="0.35">
      <c r="A49828" s="1" t="s">
        <v>10455</v>
      </c>
      <c r="B49828" s="1" t="s">
        <v>168407</v>
      </c>
      <c r="C49828" s="1" t="s">
        <v>155</v>
      </c>
      <c r="D49828" s="1" t="s">
        <v>168723</v>
      </c>
      <c r="E49828" s="1" t="s">
        <v>168724</v>
      </c>
      <c r="F49828" s="1" t="s">
        <v>168725</v>
      </c>
      <c r="G49828" s="1" t="s">
        <v>168628</v>
      </c>
      <c r="H49828" s="1" t="s">
        <v>168629</v>
      </c>
      <c r="I49828" s="1" t="s">
        <v>168412</v>
      </c>
      <c r="J49828" s="1" t="s">
        <v>168726</v>
      </c>
    </row>
    <row r="49829" spans="1:10" x14ac:dyDescent="0.35">
      <c r="A49829" s="1" t="s">
        <v>10455</v>
      </c>
      <c r="B49829" s="1" t="s">
        <v>168407</v>
      </c>
      <c r="C49829" s="1" t="s">
        <v>160</v>
      </c>
      <c r="D49829" s="1" t="s">
        <v>168727</v>
      </c>
      <c r="E49829" s="1" t="s">
        <v>168728</v>
      </c>
      <c r="F49829" s="1" t="s">
        <v>168729</v>
      </c>
      <c r="G49829" s="1" t="s">
        <v>168628</v>
      </c>
      <c r="H49829" s="1" t="s">
        <v>168629</v>
      </c>
      <c r="I49829" s="1" t="s">
        <v>168412</v>
      </c>
      <c r="J49829" s="1" t="s">
        <v>168730</v>
      </c>
    </row>
    <row r="49830" spans="1:10" x14ac:dyDescent="0.35">
      <c r="A49830" s="1" t="s">
        <v>10455</v>
      </c>
      <c r="B49830" s="1" t="s">
        <v>168407</v>
      </c>
      <c r="C49830" s="1" t="s">
        <v>165</v>
      </c>
      <c r="D49830" s="1" t="s">
        <v>168731</v>
      </c>
      <c r="E49830" s="1" t="s">
        <v>168732</v>
      </c>
      <c r="F49830" s="1" t="s">
        <v>168733</v>
      </c>
      <c r="G49830" s="1" t="s">
        <v>168628</v>
      </c>
      <c r="H49830" s="1" t="s">
        <v>168629</v>
      </c>
      <c r="I49830" s="1" t="s">
        <v>168412</v>
      </c>
      <c r="J49830" s="1" t="s">
        <v>168734</v>
      </c>
    </row>
    <row r="49831" spans="1:10" x14ac:dyDescent="0.35">
      <c r="A49831" s="1" t="s">
        <v>10455</v>
      </c>
      <c r="B49831" s="1" t="s">
        <v>168407</v>
      </c>
      <c r="C49831" s="1" t="s">
        <v>170</v>
      </c>
      <c r="D49831" s="1" t="s">
        <v>114497</v>
      </c>
      <c r="E49831" s="1" t="s">
        <v>168735</v>
      </c>
      <c r="F49831" s="1" t="s">
        <v>168736</v>
      </c>
      <c r="G49831" s="1" t="s">
        <v>168628</v>
      </c>
      <c r="H49831" s="1" t="s">
        <v>168629</v>
      </c>
      <c r="I49831" s="1" t="s">
        <v>168412</v>
      </c>
      <c r="J49831" s="1" t="s">
        <v>168737</v>
      </c>
    </row>
    <row r="49832" spans="1:10" x14ac:dyDescent="0.35">
      <c r="A49832" s="1" t="s">
        <v>3920</v>
      </c>
      <c r="B49832" s="1" t="s">
        <v>168407</v>
      </c>
      <c r="C49832" s="1" t="s">
        <v>8</v>
      </c>
      <c r="D49832" s="1" t="s">
        <v>168738</v>
      </c>
      <c r="E49832" s="1" t="s">
        <v>28103</v>
      </c>
      <c r="F49832" s="1" t="s">
        <v>168739</v>
      </c>
      <c r="G49832" s="1" t="s">
        <v>168740</v>
      </c>
      <c r="H49832" s="1" t="s">
        <v>111568</v>
      </c>
      <c r="I49832" s="1" t="s">
        <v>168412</v>
      </c>
      <c r="J49832" s="1" t="s">
        <v>13</v>
      </c>
    </row>
    <row r="49833" spans="1:10" x14ac:dyDescent="0.35">
      <c r="A49833" s="1" t="s">
        <v>3920</v>
      </c>
      <c r="B49833" s="1" t="s">
        <v>168407</v>
      </c>
      <c r="C49833" s="1" t="s">
        <v>15</v>
      </c>
      <c r="D49833" s="1" t="s">
        <v>168741</v>
      </c>
      <c r="E49833" s="1" t="s">
        <v>168742</v>
      </c>
      <c r="F49833" s="1" t="s">
        <v>168743</v>
      </c>
      <c r="G49833" s="1" t="s">
        <v>168740</v>
      </c>
      <c r="H49833" s="1" t="s">
        <v>111568</v>
      </c>
      <c r="I49833" s="1" t="s">
        <v>168412</v>
      </c>
      <c r="J49833" s="1" t="s">
        <v>168744</v>
      </c>
    </row>
    <row r="49834" spans="1:10" x14ac:dyDescent="0.35">
      <c r="A49834" s="1" t="s">
        <v>3920</v>
      </c>
      <c r="B49834" s="1" t="s">
        <v>168407</v>
      </c>
      <c r="C49834" s="1" t="s">
        <v>20</v>
      </c>
      <c r="D49834" s="1" t="s">
        <v>168745</v>
      </c>
      <c r="E49834" s="1" t="s">
        <v>4242</v>
      </c>
      <c r="F49834" s="1" t="s">
        <v>168746</v>
      </c>
      <c r="G49834" s="1" t="s">
        <v>168740</v>
      </c>
      <c r="H49834" s="1" t="s">
        <v>111568</v>
      </c>
      <c r="I49834" s="1" t="s">
        <v>168412</v>
      </c>
      <c r="J49834" s="1" t="s">
        <v>168747</v>
      </c>
    </row>
    <row r="49835" spans="1:10" x14ac:dyDescent="0.35">
      <c r="A49835" s="1" t="s">
        <v>3920</v>
      </c>
      <c r="B49835" s="1" t="s">
        <v>168407</v>
      </c>
      <c r="C49835" s="1" t="s">
        <v>25</v>
      </c>
      <c r="D49835" s="1" t="s">
        <v>59376</v>
      </c>
      <c r="E49835" s="1" t="s">
        <v>168748</v>
      </c>
      <c r="F49835" s="1" t="s">
        <v>168749</v>
      </c>
      <c r="G49835" s="1" t="s">
        <v>168740</v>
      </c>
      <c r="H49835" s="1" t="s">
        <v>111568</v>
      </c>
      <c r="I49835" s="1" t="s">
        <v>168412</v>
      </c>
      <c r="J49835" s="1" t="s">
        <v>168750</v>
      </c>
    </row>
    <row r="49836" spans="1:10" x14ac:dyDescent="0.35">
      <c r="A49836" s="1" t="s">
        <v>3920</v>
      </c>
      <c r="B49836" s="1" t="s">
        <v>168407</v>
      </c>
      <c r="C49836" s="1" t="s">
        <v>30</v>
      </c>
      <c r="D49836" s="1" t="s">
        <v>168751</v>
      </c>
      <c r="E49836" s="1" t="s">
        <v>29071</v>
      </c>
      <c r="F49836" s="1" t="s">
        <v>168752</v>
      </c>
      <c r="G49836" s="1" t="s">
        <v>168740</v>
      </c>
      <c r="H49836" s="1" t="s">
        <v>111568</v>
      </c>
      <c r="I49836" s="1" t="s">
        <v>168412</v>
      </c>
      <c r="J49836" s="1" t="s">
        <v>168753</v>
      </c>
    </row>
    <row r="49837" spans="1:10" x14ac:dyDescent="0.35">
      <c r="A49837" s="1" t="s">
        <v>3920</v>
      </c>
      <c r="B49837" s="1" t="s">
        <v>168407</v>
      </c>
      <c r="C49837" s="1" t="s">
        <v>35</v>
      </c>
      <c r="D49837" s="1" t="s">
        <v>168754</v>
      </c>
      <c r="E49837" s="1" t="s">
        <v>168755</v>
      </c>
      <c r="F49837" s="1" t="s">
        <v>48041</v>
      </c>
      <c r="G49837" s="1" t="s">
        <v>168740</v>
      </c>
      <c r="H49837" s="1" t="s">
        <v>111568</v>
      </c>
      <c r="I49837" s="1" t="s">
        <v>168412</v>
      </c>
      <c r="J49837" s="1" t="s">
        <v>168756</v>
      </c>
    </row>
    <row r="49838" spans="1:10" x14ac:dyDescent="0.35">
      <c r="A49838" s="1" t="s">
        <v>3920</v>
      </c>
      <c r="B49838" s="1" t="s">
        <v>168407</v>
      </c>
      <c r="C49838" s="1" t="s">
        <v>40</v>
      </c>
      <c r="D49838" s="1" t="s">
        <v>63995</v>
      </c>
      <c r="E49838" s="1" t="s">
        <v>8813</v>
      </c>
      <c r="F49838" s="1" t="s">
        <v>168757</v>
      </c>
      <c r="G49838" s="1" t="s">
        <v>168740</v>
      </c>
      <c r="H49838" s="1" t="s">
        <v>111568</v>
      </c>
      <c r="I49838" s="1" t="s">
        <v>168412</v>
      </c>
      <c r="J49838" s="1" t="s">
        <v>168758</v>
      </c>
    </row>
    <row r="49839" spans="1:10" x14ac:dyDescent="0.35">
      <c r="A49839" s="1" t="s">
        <v>3920</v>
      </c>
      <c r="B49839" s="1" t="s">
        <v>168407</v>
      </c>
      <c r="C49839" s="1" t="s">
        <v>45</v>
      </c>
      <c r="D49839" s="1" t="s">
        <v>20428</v>
      </c>
      <c r="E49839" s="1" t="s">
        <v>168759</v>
      </c>
      <c r="F49839" s="1" t="s">
        <v>168760</v>
      </c>
      <c r="G49839" s="1" t="s">
        <v>168740</v>
      </c>
      <c r="H49839" s="1" t="s">
        <v>111568</v>
      </c>
      <c r="I49839" s="1" t="s">
        <v>168412</v>
      </c>
      <c r="J49839" s="1" t="s">
        <v>168761</v>
      </c>
    </row>
    <row r="49840" spans="1:10" x14ac:dyDescent="0.35">
      <c r="A49840" s="1" t="s">
        <v>3920</v>
      </c>
      <c r="B49840" s="1" t="s">
        <v>168407</v>
      </c>
      <c r="C49840" s="1" t="s">
        <v>50</v>
      </c>
      <c r="D49840" s="1" t="s">
        <v>97083</v>
      </c>
      <c r="E49840" s="1" t="s">
        <v>3009</v>
      </c>
      <c r="F49840" s="1" t="s">
        <v>168762</v>
      </c>
      <c r="G49840" s="1" t="s">
        <v>168740</v>
      </c>
      <c r="H49840" s="1" t="s">
        <v>111568</v>
      </c>
      <c r="I49840" s="1" t="s">
        <v>168412</v>
      </c>
      <c r="J49840" s="1" t="s">
        <v>168763</v>
      </c>
    </row>
    <row r="49841" spans="1:10" x14ac:dyDescent="0.35">
      <c r="A49841" s="1" t="s">
        <v>3920</v>
      </c>
      <c r="B49841" s="1" t="s">
        <v>168407</v>
      </c>
      <c r="C49841" s="1" t="s">
        <v>55</v>
      </c>
      <c r="D49841" s="1" t="s">
        <v>58203</v>
      </c>
      <c r="E49841" s="1" t="s">
        <v>8817</v>
      </c>
      <c r="F49841" s="1" t="s">
        <v>168764</v>
      </c>
      <c r="G49841" s="1" t="s">
        <v>168740</v>
      </c>
      <c r="H49841" s="1" t="s">
        <v>111568</v>
      </c>
      <c r="I49841" s="1" t="s">
        <v>168412</v>
      </c>
      <c r="J49841" s="1" t="s">
        <v>168765</v>
      </c>
    </row>
    <row r="49842" spans="1:10" x14ac:dyDescent="0.35">
      <c r="A49842" s="1" t="s">
        <v>3920</v>
      </c>
      <c r="B49842" s="1" t="s">
        <v>168407</v>
      </c>
      <c r="C49842" s="1" t="s">
        <v>60</v>
      </c>
      <c r="D49842" s="1" t="s">
        <v>168766</v>
      </c>
      <c r="E49842" s="1" t="s">
        <v>112665</v>
      </c>
      <c r="F49842" s="1" t="s">
        <v>168767</v>
      </c>
      <c r="G49842" s="1" t="s">
        <v>168740</v>
      </c>
      <c r="H49842" s="1" t="s">
        <v>111568</v>
      </c>
      <c r="I49842" s="1" t="s">
        <v>168412</v>
      </c>
      <c r="J49842" s="1" t="s">
        <v>168768</v>
      </c>
    </row>
    <row r="49843" spans="1:10" x14ac:dyDescent="0.35">
      <c r="A49843" s="1" t="s">
        <v>3920</v>
      </c>
      <c r="B49843" s="1" t="s">
        <v>168407</v>
      </c>
      <c r="C49843" s="1" t="s">
        <v>65</v>
      </c>
      <c r="D49843" s="1" t="s">
        <v>23947</v>
      </c>
      <c r="E49843" s="1" t="s">
        <v>4265</v>
      </c>
      <c r="F49843" s="1" t="s">
        <v>168769</v>
      </c>
      <c r="G49843" s="1" t="s">
        <v>168740</v>
      </c>
      <c r="H49843" s="1" t="s">
        <v>111568</v>
      </c>
      <c r="I49843" s="1" t="s">
        <v>168412</v>
      </c>
      <c r="J49843" s="1" t="s">
        <v>168770</v>
      </c>
    </row>
    <row r="49844" spans="1:10" x14ac:dyDescent="0.35">
      <c r="A49844" s="1" t="s">
        <v>3920</v>
      </c>
      <c r="B49844" s="1" t="s">
        <v>168407</v>
      </c>
      <c r="C49844" s="1" t="s">
        <v>70</v>
      </c>
      <c r="D49844" s="1" t="s">
        <v>98869</v>
      </c>
      <c r="E49844" s="1" t="s">
        <v>4238</v>
      </c>
      <c r="F49844" s="1" t="s">
        <v>168771</v>
      </c>
      <c r="G49844" s="1" t="s">
        <v>168740</v>
      </c>
      <c r="H49844" s="1" t="s">
        <v>111568</v>
      </c>
      <c r="I49844" s="1" t="s">
        <v>168412</v>
      </c>
      <c r="J49844" s="1" t="s">
        <v>168772</v>
      </c>
    </row>
    <row r="49845" spans="1:10" x14ac:dyDescent="0.35">
      <c r="A49845" s="1" t="s">
        <v>3920</v>
      </c>
      <c r="B49845" s="1" t="s">
        <v>168407</v>
      </c>
      <c r="C49845" s="1" t="s">
        <v>75</v>
      </c>
      <c r="D49845" s="1" t="s">
        <v>168773</v>
      </c>
      <c r="E49845" s="1" t="s">
        <v>28084</v>
      </c>
      <c r="F49845" s="1" t="s">
        <v>168774</v>
      </c>
      <c r="G49845" s="1" t="s">
        <v>168740</v>
      </c>
      <c r="H49845" s="1" t="s">
        <v>111568</v>
      </c>
      <c r="I49845" s="1" t="s">
        <v>168412</v>
      </c>
      <c r="J49845" s="1" t="s">
        <v>168775</v>
      </c>
    </row>
    <row r="49846" spans="1:10" x14ac:dyDescent="0.35">
      <c r="A49846" s="1" t="s">
        <v>3920</v>
      </c>
      <c r="B49846" s="1" t="s">
        <v>168407</v>
      </c>
      <c r="C49846" s="1" t="s">
        <v>80</v>
      </c>
      <c r="D49846" s="1" t="s">
        <v>168776</v>
      </c>
      <c r="E49846" s="1" t="s">
        <v>168777</v>
      </c>
      <c r="F49846" s="1" t="s">
        <v>168778</v>
      </c>
      <c r="G49846" s="1" t="s">
        <v>168740</v>
      </c>
      <c r="H49846" s="1" t="s">
        <v>111568</v>
      </c>
      <c r="I49846" s="1" t="s">
        <v>168412</v>
      </c>
      <c r="J49846" s="1" t="s">
        <v>168779</v>
      </c>
    </row>
    <row r="49847" spans="1:10" x14ac:dyDescent="0.35">
      <c r="A49847" s="1" t="s">
        <v>3920</v>
      </c>
      <c r="B49847" s="1" t="s">
        <v>168407</v>
      </c>
      <c r="C49847" s="1" t="s">
        <v>85</v>
      </c>
      <c r="D49847" s="1" t="s">
        <v>103077</v>
      </c>
      <c r="E49847" s="1" t="s">
        <v>4265</v>
      </c>
      <c r="F49847" s="1" t="s">
        <v>168780</v>
      </c>
      <c r="G49847" s="1" t="s">
        <v>168740</v>
      </c>
      <c r="H49847" s="1" t="s">
        <v>111568</v>
      </c>
      <c r="I49847" s="1" t="s">
        <v>168412</v>
      </c>
      <c r="J49847" s="1" t="s">
        <v>168781</v>
      </c>
    </row>
    <row r="49848" spans="1:10" x14ac:dyDescent="0.35">
      <c r="A49848" s="1" t="s">
        <v>3920</v>
      </c>
      <c r="B49848" s="1" t="s">
        <v>168407</v>
      </c>
      <c r="C49848" s="1" t="s">
        <v>90</v>
      </c>
      <c r="D49848" s="1" t="s">
        <v>92255</v>
      </c>
      <c r="E49848" s="1" t="s">
        <v>4238</v>
      </c>
      <c r="F49848" s="1" t="s">
        <v>168782</v>
      </c>
      <c r="G49848" s="1" t="s">
        <v>168740</v>
      </c>
      <c r="H49848" s="1" t="s">
        <v>111568</v>
      </c>
      <c r="I49848" s="1" t="s">
        <v>168412</v>
      </c>
      <c r="J49848" s="1" t="s">
        <v>168783</v>
      </c>
    </row>
    <row r="49849" spans="1:10" x14ac:dyDescent="0.35">
      <c r="A49849" s="1" t="s">
        <v>3920</v>
      </c>
      <c r="B49849" s="1" t="s">
        <v>168407</v>
      </c>
      <c r="C49849" s="1" t="s">
        <v>95</v>
      </c>
      <c r="D49849" s="1" t="s">
        <v>168784</v>
      </c>
      <c r="E49849" s="1" t="s">
        <v>168785</v>
      </c>
      <c r="F49849" s="1" t="s">
        <v>168786</v>
      </c>
      <c r="G49849" s="1" t="s">
        <v>168740</v>
      </c>
      <c r="H49849" s="1" t="s">
        <v>111568</v>
      </c>
      <c r="I49849" s="1" t="s">
        <v>168412</v>
      </c>
      <c r="J49849" s="1" t="s">
        <v>168787</v>
      </c>
    </row>
    <row r="49850" spans="1:10" x14ac:dyDescent="0.35">
      <c r="A49850" s="1" t="s">
        <v>3920</v>
      </c>
      <c r="B49850" s="1" t="s">
        <v>168407</v>
      </c>
      <c r="C49850" s="1" t="s">
        <v>100</v>
      </c>
      <c r="D49850" s="1" t="s">
        <v>14701</v>
      </c>
      <c r="E49850" s="1" t="s">
        <v>168788</v>
      </c>
      <c r="F49850" s="1" t="s">
        <v>168789</v>
      </c>
      <c r="G49850" s="1" t="s">
        <v>168740</v>
      </c>
      <c r="H49850" s="1" t="s">
        <v>111568</v>
      </c>
      <c r="I49850" s="1" t="s">
        <v>168412</v>
      </c>
      <c r="J49850" s="1" t="s">
        <v>168790</v>
      </c>
    </row>
    <row r="49851" spans="1:10" x14ac:dyDescent="0.35">
      <c r="A49851" s="1" t="s">
        <v>3920</v>
      </c>
      <c r="B49851" s="1" t="s">
        <v>168407</v>
      </c>
      <c r="C49851" s="1" t="s">
        <v>105</v>
      </c>
      <c r="D49851" s="1" t="s">
        <v>168791</v>
      </c>
      <c r="E49851" s="1" t="s">
        <v>118844</v>
      </c>
      <c r="F49851" s="1" t="s">
        <v>168792</v>
      </c>
      <c r="G49851" s="1" t="s">
        <v>168740</v>
      </c>
      <c r="H49851" s="1" t="s">
        <v>111568</v>
      </c>
      <c r="I49851" s="1" t="s">
        <v>168412</v>
      </c>
      <c r="J49851" s="1" t="s">
        <v>168793</v>
      </c>
    </row>
    <row r="49852" spans="1:10" x14ac:dyDescent="0.35">
      <c r="A49852" s="1" t="s">
        <v>3920</v>
      </c>
      <c r="B49852" s="1" t="s">
        <v>168407</v>
      </c>
      <c r="C49852" s="1" t="s">
        <v>110</v>
      </c>
      <c r="D49852" s="1" t="s">
        <v>68051</v>
      </c>
      <c r="E49852" s="1" t="s">
        <v>168794</v>
      </c>
      <c r="F49852" s="1" t="s">
        <v>168795</v>
      </c>
      <c r="G49852" s="1" t="s">
        <v>168740</v>
      </c>
      <c r="H49852" s="1" t="s">
        <v>111568</v>
      </c>
      <c r="I49852" s="1" t="s">
        <v>168412</v>
      </c>
      <c r="J49852" s="1" t="s">
        <v>168796</v>
      </c>
    </row>
    <row r="49853" spans="1:10" x14ac:dyDescent="0.35">
      <c r="A49853" s="1" t="s">
        <v>3920</v>
      </c>
      <c r="B49853" s="1" t="s">
        <v>168407</v>
      </c>
      <c r="C49853" s="1" t="s">
        <v>115</v>
      </c>
      <c r="D49853" s="1" t="s">
        <v>87402</v>
      </c>
      <c r="E49853" s="1" t="s">
        <v>168797</v>
      </c>
      <c r="F49853" s="1" t="s">
        <v>168798</v>
      </c>
      <c r="G49853" s="1" t="s">
        <v>168740</v>
      </c>
      <c r="H49853" s="1" t="s">
        <v>111568</v>
      </c>
      <c r="I49853" s="1" t="s">
        <v>168412</v>
      </c>
      <c r="J49853" s="1" t="s">
        <v>168799</v>
      </c>
    </row>
    <row r="49854" spans="1:10" x14ac:dyDescent="0.35">
      <c r="A49854" s="1" t="s">
        <v>3920</v>
      </c>
      <c r="B49854" s="1" t="s">
        <v>168407</v>
      </c>
      <c r="C49854" s="1" t="s">
        <v>120</v>
      </c>
      <c r="D49854" s="1" t="s">
        <v>79596</v>
      </c>
      <c r="E49854" s="1" t="s">
        <v>4246</v>
      </c>
      <c r="F49854" s="1" t="s">
        <v>168800</v>
      </c>
      <c r="G49854" s="1" t="s">
        <v>168740</v>
      </c>
      <c r="H49854" s="1" t="s">
        <v>111568</v>
      </c>
      <c r="I49854" s="1" t="s">
        <v>168412</v>
      </c>
      <c r="J49854" s="1" t="s">
        <v>168801</v>
      </c>
    </row>
    <row r="49855" spans="1:10" x14ac:dyDescent="0.35">
      <c r="A49855" s="1" t="s">
        <v>3920</v>
      </c>
      <c r="B49855" s="1" t="s">
        <v>168407</v>
      </c>
      <c r="C49855" s="1" t="s">
        <v>125</v>
      </c>
      <c r="D49855" s="1" t="s">
        <v>168802</v>
      </c>
      <c r="E49855" s="1" t="s">
        <v>3074</v>
      </c>
      <c r="F49855" s="1" t="s">
        <v>168803</v>
      </c>
      <c r="G49855" s="1" t="s">
        <v>168740</v>
      </c>
      <c r="H49855" s="1" t="s">
        <v>111568</v>
      </c>
      <c r="I49855" s="1" t="s">
        <v>168412</v>
      </c>
      <c r="J49855" s="1" t="s">
        <v>168804</v>
      </c>
    </row>
    <row r="49856" spans="1:10" x14ac:dyDescent="0.35">
      <c r="A49856" s="1" t="s">
        <v>3920</v>
      </c>
      <c r="B49856" s="1" t="s">
        <v>168407</v>
      </c>
      <c r="C49856" s="1" t="s">
        <v>130</v>
      </c>
      <c r="D49856" s="1" t="s">
        <v>168805</v>
      </c>
      <c r="E49856" s="1" t="s">
        <v>2997</v>
      </c>
      <c r="F49856" s="1" t="s">
        <v>168806</v>
      </c>
      <c r="G49856" s="1" t="s">
        <v>168740</v>
      </c>
      <c r="H49856" s="1" t="s">
        <v>111568</v>
      </c>
      <c r="I49856" s="1" t="s">
        <v>168412</v>
      </c>
      <c r="J49856" s="1" t="s">
        <v>168807</v>
      </c>
    </row>
    <row r="49857" spans="1:10" x14ac:dyDescent="0.35">
      <c r="A49857" s="1" t="s">
        <v>3920</v>
      </c>
      <c r="B49857" s="1" t="s">
        <v>168407</v>
      </c>
      <c r="C49857" s="1" t="s">
        <v>135</v>
      </c>
      <c r="D49857" s="1" t="s">
        <v>168808</v>
      </c>
      <c r="E49857" s="1" t="s">
        <v>168809</v>
      </c>
      <c r="F49857" s="1" t="s">
        <v>168810</v>
      </c>
      <c r="G49857" s="1" t="s">
        <v>168740</v>
      </c>
      <c r="H49857" s="1" t="s">
        <v>111568</v>
      </c>
      <c r="I49857" s="1" t="s">
        <v>168412</v>
      </c>
      <c r="J49857" s="1" t="s">
        <v>168811</v>
      </c>
    </row>
    <row r="49858" spans="1:10" x14ac:dyDescent="0.35">
      <c r="A49858" s="1" t="s">
        <v>3920</v>
      </c>
      <c r="B49858" s="1" t="s">
        <v>168407</v>
      </c>
      <c r="C49858" s="1" t="s">
        <v>140</v>
      </c>
      <c r="D49858" s="1" t="s">
        <v>127437</v>
      </c>
      <c r="E49858" s="1" t="s">
        <v>168812</v>
      </c>
      <c r="F49858" s="1" t="s">
        <v>168813</v>
      </c>
      <c r="G49858" s="1" t="s">
        <v>168740</v>
      </c>
      <c r="H49858" s="1" t="s">
        <v>111568</v>
      </c>
      <c r="I49858" s="1" t="s">
        <v>168412</v>
      </c>
      <c r="J49858" s="1" t="s">
        <v>168814</v>
      </c>
    </row>
    <row r="49859" spans="1:10" x14ac:dyDescent="0.35">
      <c r="A49859" s="1" t="s">
        <v>3920</v>
      </c>
      <c r="B49859" s="1" t="s">
        <v>168407</v>
      </c>
      <c r="C49859" s="1" t="s">
        <v>145</v>
      </c>
      <c r="D49859" s="1" t="s">
        <v>168815</v>
      </c>
      <c r="E49859" s="1" t="s">
        <v>2971</v>
      </c>
      <c r="F49859" s="1" t="s">
        <v>168816</v>
      </c>
      <c r="G49859" s="1" t="s">
        <v>168740</v>
      </c>
      <c r="H49859" s="1" t="s">
        <v>111568</v>
      </c>
      <c r="I49859" s="1" t="s">
        <v>168412</v>
      </c>
      <c r="J49859" s="1" t="s">
        <v>168817</v>
      </c>
    </row>
    <row r="49860" spans="1:10" x14ac:dyDescent="0.35">
      <c r="A49860" s="1" t="s">
        <v>3920</v>
      </c>
      <c r="B49860" s="1" t="s">
        <v>168407</v>
      </c>
      <c r="C49860" s="1" t="s">
        <v>150</v>
      </c>
      <c r="D49860" s="1" t="s">
        <v>168818</v>
      </c>
      <c r="E49860" s="1" t="s">
        <v>29103</v>
      </c>
      <c r="F49860" s="1" t="s">
        <v>168819</v>
      </c>
      <c r="G49860" s="1" t="s">
        <v>168740</v>
      </c>
      <c r="H49860" s="1" t="s">
        <v>111568</v>
      </c>
      <c r="I49860" s="1" t="s">
        <v>168412</v>
      </c>
      <c r="J49860" s="1" t="s">
        <v>168820</v>
      </c>
    </row>
    <row r="49861" spans="1:10" x14ac:dyDescent="0.35">
      <c r="A49861" s="1" t="s">
        <v>3920</v>
      </c>
      <c r="B49861" s="1" t="s">
        <v>168407</v>
      </c>
      <c r="C49861" s="1" t="s">
        <v>155</v>
      </c>
      <c r="D49861" s="1" t="s">
        <v>168821</v>
      </c>
      <c r="E49861" s="1" t="s">
        <v>4226</v>
      </c>
      <c r="F49861" s="1" t="s">
        <v>168822</v>
      </c>
      <c r="G49861" s="1" t="s">
        <v>168740</v>
      </c>
      <c r="H49861" s="1" t="s">
        <v>111568</v>
      </c>
      <c r="I49861" s="1" t="s">
        <v>168412</v>
      </c>
      <c r="J49861" s="1" t="s">
        <v>168823</v>
      </c>
    </row>
    <row r="49862" spans="1:10" x14ac:dyDescent="0.35">
      <c r="A49862" s="1" t="s">
        <v>3920</v>
      </c>
      <c r="B49862" s="1" t="s">
        <v>168407</v>
      </c>
      <c r="C49862" s="1" t="s">
        <v>160</v>
      </c>
      <c r="D49862" s="1" t="s">
        <v>168824</v>
      </c>
      <c r="E49862" s="1" t="s">
        <v>168825</v>
      </c>
      <c r="F49862" s="1" t="s">
        <v>168826</v>
      </c>
      <c r="G49862" s="1" t="s">
        <v>168740</v>
      </c>
      <c r="H49862" s="1" t="s">
        <v>111568</v>
      </c>
      <c r="I49862" s="1" t="s">
        <v>168412</v>
      </c>
      <c r="J49862" s="1" t="s">
        <v>168827</v>
      </c>
    </row>
    <row r="49863" spans="1:10" x14ac:dyDescent="0.35">
      <c r="A49863" s="1" t="s">
        <v>3920</v>
      </c>
      <c r="B49863" s="1" t="s">
        <v>168407</v>
      </c>
      <c r="C49863" s="1" t="s">
        <v>165</v>
      </c>
      <c r="D49863" s="1" t="s">
        <v>168828</v>
      </c>
      <c r="E49863" s="1" t="s">
        <v>118865</v>
      </c>
      <c r="F49863" s="1" t="s">
        <v>168829</v>
      </c>
      <c r="G49863" s="1" t="s">
        <v>168740</v>
      </c>
      <c r="H49863" s="1" t="s">
        <v>111568</v>
      </c>
      <c r="I49863" s="1" t="s">
        <v>168412</v>
      </c>
      <c r="J49863" s="1" t="s">
        <v>168830</v>
      </c>
    </row>
    <row r="49864" spans="1:10" x14ac:dyDescent="0.35">
      <c r="A49864" s="1" t="s">
        <v>3920</v>
      </c>
      <c r="B49864" s="1" t="s">
        <v>168407</v>
      </c>
      <c r="C49864" s="1" t="s">
        <v>170</v>
      </c>
      <c r="D49864" s="1" t="s">
        <v>168831</v>
      </c>
      <c r="E49864" s="1" t="s">
        <v>168832</v>
      </c>
      <c r="F49864" s="1" t="s">
        <v>168833</v>
      </c>
      <c r="G49864" s="1" t="s">
        <v>168740</v>
      </c>
      <c r="H49864" s="1" t="s">
        <v>111568</v>
      </c>
      <c r="I49864" s="1" t="s">
        <v>168412</v>
      </c>
      <c r="J49864" s="1" t="s">
        <v>168834</v>
      </c>
    </row>
    <row r="49865" spans="1:10" x14ac:dyDescent="0.35">
      <c r="A49865" s="1" t="s">
        <v>27727</v>
      </c>
      <c r="B49865" s="1" t="s">
        <v>168407</v>
      </c>
      <c r="C49865" s="1" t="s">
        <v>8</v>
      </c>
      <c r="D49865" s="1" t="s">
        <v>2327</v>
      </c>
      <c r="E49865" s="1" t="s">
        <v>168835</v>
      </c>
      <c r="F49865" s="1" t="s">
        <v>168836</v>
      </c>
      <c r="G49865" s="1" t="s">
        <v>168837</v>
      </c>
      <c r="H49865" s="1" t="s">
        <v>168838</v>
      </c>
      <c r="I49865" s="1" t="s">
        <v>168412</v>
      </c>
      <c r="J49865" s="1" t="s">
        <v>13</v>
      </c>
    </row>
    <row r="49866" spans="1:10" x14ac:dyDescent="0.35">
      <c r="A49866" s="1" t="s">
        <v>27727</v>
      </c>
      <c r="B49866" s="1" t="s">
        <v>168407</v>
      </c>
      <c r="C49866" s="1" t="s">
        <v>15</v>
      </c>
      <c r="D49866" s="1" t="s">
        <v>8979</v>
      </c>
      <c r="E49866" s="1" t="s">
        <v>168839</v>
      </c>
      <c r="F49866" s="1" t="s">
        <v>168840</v>
      </c>
      <c r="G49866" s="1" t="s">
        <v>168837</v>
      </c>
      <c r="H49866" s="1" t="s">
        <v>168838</v>
      </c>
      <c r="I49866" s="1" t="s">
        <v>168412</v>
      </c>
      <c r="J49866" s="1" t="s">
        <v>121157</v>
      </c>
    </row>
    <row r="49867" spans="1:10" x14ac:dyDescent="0.35">
      <c r="A49867" s="1" t="s">
        <v>27727</v>
      </c>
      <c r="B49867" s="1" t="s">
        <v>168407</v>
      </c>
      <c r="C49867" s="1" t="s">
        <v>20</v>
      </c>
      <c r="D49867" s="1" t="s">
        <v>116412</v>
      </c>
      <c r="E49867" s="1" t="s">
        <v>168841</v>
      </c>
      <c r="F49867" s="1" t="s">
        <v>168842</v>
      </c>
      <c r="G49867" s="1" t="s">
        <v>168837</v>
      </c>
      <c r="H49867" s="1" t="s">
        <v>168838</v>
      </c>
      <c r="I49867" s="1" t="s">
        <v>168412</v>
      </c>
      <c r="J49867" s="1" t="s">
        <v>168843</v>
      </c>
    </row>
    <row r="49868" spans="1:10" x14ac:dyDescent="0.35">
      <c r="A49868" s="1" t="s">
        <v>27727</v>
      </c>
      <c r="B49868" s="1" t="s">
        <v>168407</v>
      </c>
      <c r="C49868" s="1" t="s">
        <v>25</v>
      </c>
      <c r="D49868" s="1" t="s">
        <v>35396</v>
      </c>
      <c r="E49868" s="1" t="s">
        <v>168844</v>
      </c>
      <c r="F49868" s="1" t="s">
        <v>168845</v>
      </c>
      <c r="G49868" s="1" t="s">
        <v>168837</v>
      </c>
      <c r="H49868" s="1" t="s">
        <v>168838</v>
      </c>
      <c r="I49868" s="1" t="s">
        <v>168412</v>
      </c>
      <c r="J49868" s="1" t="s">
        <v>168846</v>
      </c>
    </row>
    <row r="49869" spans="1:10" x14ac:dyDescent="0.35">
      <c r="A49869" s="1" t="s">
        <v>27727</v>
      </c>
      <c r="B49869" s="1" t="s">
        <v>168407</v>
      </c>
      <c r="C49869" s="1" t="s">
        <v>30</v>
      </c>
      <c r="D49869" s="1" t="s">
        <v>168847</v>
      </c>
      <c r="E49869" s="1" t="s">
        <v>168848</v>
      </c>
      <c r="F49869" s="1" t="s">
        <v>168849</v>
      </c>
      <c r="G49869" s="1" t="s">
        <v>168837</v>
      </c>
      <c r="H49869" s="1" t="s">
        <v>168838</v>
      </c>
      <c r="I49869" s="1" t="s">
        <v>168412</v>
      </c>
      <c r="J49869" s="1" t="s">
        <v>168850</v>
      </c>
    </row>
    <row r="49870" spans="1:10" x14ac:dyDescent="0.35">
      <c r="A49870" s="1" t="s">
        <v>27727</v>
      </c>
      <c r="B49870" s="1" t="s">
        <v>168407</v>
      </c>
      <c r="C49870" s="1" t="s">
        <v>35</v>
      </c>
      <c r="D49870" s="1" t="s">
        <v>75347</v>
      </c>
      <c r="E49870" s="1" t="s">
        <v>168851</v>
      </c>
      <c r="F49870" s="1" t="s">
        <v>168852</v>
      </c>
      <c r="G49870" s="1" t="s">
        <v>168837</v>
      </c>
      <c r="H49870" s="1" t="s">
        <v>168838</v>
      </c>
      <c r="I49870" s="1" t="s">
        <v>168412</v>
      </c>
      <c r="J49870" s="1" t="s">
        <v>168853</v>
      </c>
    </row>
    <row r="49871" spans="1:10" x14ac:dyDescent="0.35">
      <c r="A49871" s="1" t="s">
        <v>27727</v>
      </c>
      <c r="B49871" s="1" t="s">
        <v>168407</v>
      </c>
      <c r="C49871" s="1" t="s">
        <v>40</v>
      </c>
      <c r="D49871" s="1" t="s">
        <v>135698</v>
      </c>
      <c r="E49871" s="1" t="s">
        <v>168854</v>
      </c>
      <c r="F49871" s="1" t="s">
        <v>168855</v>
      </c>
      <c r="G49871" s="1" t="s">
        <v>168837</v>
      </c>
      <c r="H49871" s="1" t="s">
        <v>168838</v>
      </c>
      <c r="I49871" s="1" t="s">
        <v>168412</v>
      </c>
      <c r="J49871" s="1" t="s">
        <v>168856</v>
      </c>
    </row>
    <row r="49872" spans="1:10" x14ac:dyDescent="0.35">
      <c r="A49872" s="1" t="s">
        <v>27727</v>
      </c>
      <c r="B49872" s="1" t="s">
        <v>168407</v>
      </c>
      <c r="C49872" s="1" t="s">
        <v>45</v>
      </c>
      <c r="D49872" s="1" t="s">
        <v>70825</v>
      </c>
      <c r="E49872" s="1" t="s">
        <v>168857</v>
      </c>
      <c r="F49872" s="1" t="s">
        <v>168858</v>
      </c>
      <c r="G49872" s="1" t="s">
        <v>168837</v>
      </c>
      <c r="H49872" s="1" t="s">
        <v>168838</v>
      </c>
      <c r="I49872" s="1" t="s">
        <v>168412</v>
      </c>
      <c r="J49872" s="1" t="s">
        <v>168859</v>
      </c>
    </row>
    <row r="49873" spans="1:10" x14ac:dyDescent="0.35">
      <c r="A49873" s="1" t="s">
        <v>27727</v>
      </c>
      <c r="B49873" s="1" t="s">
        <v>168407</v>
      </c>
      <c r="C49873" s="1" t="s">
        <v>50</v>
      </c>
      <c r="D49873" s="1" t="s">
        <v>168860</v>
      </c>
      <c r="E49873" s="1" t="s">
        <v>168861</v>
      </c>
      <c r="F49873" s="1" t="s">
        <v>168862</v>
      </c>
      <c r="G49873" s="1" t="s">
        <v>168837</v>
      </c>
      <c r="H49873" s="1" t="s">
        <v>168838</v>
      </c>
      <c r="I49873" s="1" t="s">
        <v>168412</v>
      </c>
      <c r="J49873" s="1" t="s">
        <v>168863</v>
      </c>
    </row>
    <row r="49874" spans="1:10" x14ac:dyDescent="0.35">
      <c r="A49874" s="1" t="s">
        <v>27727</v>
      </c>
      <c r="B49874" s="1" t="s">
        <v>168407</v>
      </c>
      <c r="C49874" s="1" t="s">
        <v>55</v>
      </c>
      <c r="D49874" s="1" t="s">
        <v>15879</v>
      </c>
      <c r="E49874" s="1" t="s">
        <v>168864</v>
      </c>
      <c r="F49874" s="1" t="s">
        <v>168865</v>
      </c>
      <c r="G49874" s="1" t="s">
        <v>168837</v>
      </c>
      <c r="H49874" s="1" t="s">
        <v>168838</v>
      </c>
      <c r="I49874" s="1" t="s">
        <v>168412</v>
      </c>
      <c r="J49874" s="1" t="s">
        <v>168866</v>
      </c>
    </row>
    <row r="49875" spans="1:10" x14ac:dyDescent="0.35">
      <c r="A49875" s="1" t="s">
        <v>27727</v>
      </c>
      <c r="B49875" s="1" t="s">
        <v>168407</v>
      </c>
      <c r="C49875" s="1" t="s">
        <v>60</v>
      </c>
      <c r="D49875" s="1" t="s">
        <v>35703</v>
      </c>
      <c r="E49875" s="1" t="s">
        <v>168867</v>
      </c>
      <c r="F49875" s="1" t="s">
        <v>168868</v>
      </c>
      <c r="G49875" s="1" t="s">
        <v>168837</v>
      </c>
      <c r="H49875" s="1" t="s">
        <v>168838</v>
      </c>
      <c r="I49875" s="1" t="s">
        <v>168412</v>
      </c>
      <c r="J49875" s="1" t="s">
        <v>168869</v>
      </c>
    </row>
    <row r="49876" spans="1:10" x14ac:dyDescent="0.35">
      <c r="A49876" s="1" t="s">
        <v>27727</v>
      </c>
      <c r="B49876" s="1" t="s">
        <v>168407</v>
      </c>
      <c r="C49876" s="1" t="s">
        <v>65</v>
      </c>
      <c r="D49876" s="1" t="s">
        <v>83404</v>
      </c>
      <c r="E49876" s="1" t="s">
        <v>168870</v>
      </c>
      <c r="F49876" s="1" t="s">
        <v>168871</v>
      </c>
      <c r="G49876" s="1" t="s">
        <v>168837</v>
      </c>
      <c r="H49876" s="1" t="s">
        <v>168838</v>
      </c>
      <c r="I49876" s="1" t="s">
        <v>168412</v>
      </c>
      <c r="J49876" s="1" t="s">
        <v>168872</v>
      </c>
    </row>
    <row r="49877" spans="1:10" x14ac:dyDescent="0.35">
      <c r="A49877" s="1" t="s">
        <v>27727</v>
      </c>
      <c r="B49877" s="1" t="s">
        <v>168407</v>
      </c>
      <c r="C49877" s="1" t="s">
        <v>70</v>
      </c>
      <c r="D49877" s="1" t="s">
        <v>14576</v>
      </c>
      <c r="E49877" s="1" t="s">
        <v>168873</v>
      </c>
      <c r="F49877" s="1" t="s">
        <v>168874</v>
      </c>
      <c r="G49877" s="1" t="s">
        <v>168837</v>
      </c>
      <c r="H49877" s="1" t="s">
        <v>168838</v>
      </c>
      <c r="I49877" s="1" t="s">
        <v>168412</v>
      </c>
      <c r="J49877" s="1" t="s">
        <v>168875</v>
      </c>
    </row>
    <row r="49878" spans="1:10" x14ac:dyDescent="0.35">
      <c r="A49878" s="1" t="s">
        <v>27727</v>
      </c>
      <c r="B49878" s="1" t="s">
        <v>168407</v>
      </c>
      <c r="C49878" s="1" t="s">
        <v>75</v>
      </c>
      <c r="D49878" s="1" t="s">
        <v>33694</v>
      </c>
      <c r="E49878" s="1" t="s">
        <v>168876</v>
      </c>
      <c r="F49878" s="1" t="s">
        <v>168877</v>
      </c>
      <c r="G49878" s="1" t="s">
        <v>168837</v>
      </c>
      <c r="H49878" s="1" t="s">
        <v>168838</v>
      </c>
      <c r="I49878" s="1" t="s">
        <v>168412</v>
      </c>
      <c r="J49878" s="1" t="s">
        <v>168878</v>
      </c>
    </row>
    <row r="49879" spans="1:10" x14ac:dyDescent="0.35">
      <c r="A49879" s="1" t="s">
        <v>27727</v>
      </c>
      <c r="B49879" s="1" t="s">
        <v>168407</v>
      </c>
      <c r="C49879" s="1" t="s">
        <v>80</v>
      </c>
      <c r="D49879" s="1" t="s">
        <v>168879</v>
      </c>
      <c r="E49879" s="1" t="s">
        <v>168880</v>
      </c>
      <c r="F49879" s="1" t="s">
        <v>168881</v>
      </c>
      <c r="G49879" s="1" t="s">
        <v>168837</v>
      </c>
      <c r="H49879" s="1" t="s">
        <v>168838</v>
      </c>
      <c r="I49879" s="1" t="s">
        <v>168412</v>
      </c>
      <c r="J49879" s="1" t="s">
        <v>168882</v>
      </c>
    </row>
    <row r="49880" spans="1:10" x14ac:dyDescent="0.35">
      <c r="A49880" s="1" t="s">
        <v>27727</v>
      </c>
      <c r="B49880" s="1" t="s">
        <v>168407</v>
      </c>
      <c r="C49880" s="1" t="s">
        <v>85</v>
      </c>
      <c r="D49880" s="1" t="s">
        <v>168883</v>
      </c>
      <c r="E49880" s="1" t="s">
        <v>168884</v>
      </c>
      <c r="F49880" s="1" t="s">
        <v>168885</v>
      </c>
      <c r="G49880" s="1" t="s">
        <v>168837</v>
      </c>
      <c r="H49880" s="1" t="s">
        <v>168838</v>
      </c>
      <c r="I49880" s="1" t="s">
        <v>168412</v>
      </c>
      <c r="J49880" s="1" t="s">
        <v>168886</v>
      </c>
    </row>
    <row r="49881" spans="1:10" x14ac:dyDescent="0.35">
      <c r="A49881" s="1" t="s">
        <v>27727</v>
      </c>
      <c r="B49881" s="1" t="s">
        <v>168407</v>
      </c>
      <c r="C49881" s="1" t="s">
        <v>90</v>
      </c>
      <c r="D49881" s="1" t="s">
        <v>150706</v>
      </c>
      <c r="E49881" s="1" t="s">
        <v>168887</v>
      </c>
      <c r="F49881" s="1" t="s">
        <v>168888</v>
      </c>
      <c r="G49881" s="1" t="s">
        <v>168837</v>
      </c>
      <c r="H49881" s="1" t="s">
        <v>168838</v>
      </c>
      <c r="I49881" s="1" t="s">
        <v>168412</v>
      </c>
      <c r="J49881" s="1" t="s">
        <v>168889</v>
      </c>
    </row>
    <row r="49882" spans="1:10" x14ac:dyDescent="0.35">
      <c r="A49882" s="1" t="s">
        <v>27727</v>
      </c>
      <c r="B49882" s="1" t="s">
        <v>168407</v>
      </c>
      <c r="C49882" s="1" t="s">
        <v>95</v>
      </c>
      <c r="D49882" s="1" t="s">
        <v>35221</v>
      </c>
      <c r="E49882" s="1" t="s">
        <v>168890</v>
      </c>
      <c r="F49882" s="1" t="s">
        <v>168891</v>
      </c>
      <c r="G49882" s="1" t="s">
        <v>168837</v>
      </c>
      <c r="H49882" s="1" t="s">
        <v>168838</v>
      </c>
      <c r="I49882" s="1" t="s">
        <v>168412</v>
      </c>
      <c r="J49882" s="1" t="s">
        <v>168892</v>
      </c>
    </row>
    <row r="49883" spans="1:10" x14ac:dyDescent="0.35">
      <c r="A49883" s="1" t="s">
        <v>27727</v>
      </c>
      <c r="B49883" s="1" t="s">
        <v>168407</v>
      </c>
      <c r="C49883" s="1" t="s">
        <v>100</v>
      </c>
      <c r="D49883" s="1" t="s">
        <v>168893</v>
      </c>
      <c r="E49883" s="1" t="s">
        <v>168894</v>
      </c>
      <c r="F49883" s="1" t="s">
        <v>168895</v>
      </c>
      <c r="G49883" s="1" t="s">
        <v>168837</v>
      </c>
      <c r="H49883" s="1" t="s">
        <v>168838</v>
      </c>
      <c r="I49883" s="1" t="s">
        <v>168412</v>
      </c>
      <c r="J49883" s="1" t="s">
        <v>168896</v>
      </c>
    </row>
    <row r="49884" spans="1:10" x14ac:dyDescent="0.35">
      <c r="A49884" s="1" t="s">
        <v>27727</v>
      </c>
      <c r="B49884" s="1" t="s">
        <v>168407</v>
      </c>
      <c r="C49884" s="1" t="s">
        <v>105</v>
      </c>
      <c r="D49884" s="1" t="s">
        <v>121260</v>
      </c>
      <c r="E49884" s="1" t="s">
        <v>168897</v>
      </c>
      <c r="F49884" s="1" t="s">
        <v>168898</v>
      </c>
      <c r="G49884" s="1" t="s">
        <v>168837</v>
      </c>
      <c r="H49884" s="1" t="s">
        <v>168838</v>
      </c>
      <c r="I49884" s="1" t="s">
        <v>168412</v>
      </c>
      <c r="J49884" s="1" t="s">
        <v>168899</v>
      </c>
    </row>
    <row r="49885" spans="1:10" x14ac:dyDescent="0.35">
      <c r="A49885" s="1" t="s">
        <v>27727</v>
      </c>
      <c r="B49885" s="1" t="s">
        <v>168407</v>
      </c>
      <c r="C49885" s="1" t="s">
        <v>110</v>
      </c>
      <c r="D49885" s="1" t="s">
        <v>168900</v>
      </c>
      <c r="E49885" s="1" t="s">
        <v>168901</v>
      </c>
      <c r="F49885" s="1" t="s">
        <v>168902</v>
      </c>
      <c r="G49885" s="1" t="s">
        <v>168837</v>
      </c>
      <c r="H49885" s="1" t="s">
        <v>168838</v>
      </c>
      <c r="I49885" s="1" t="s">
        <v>168412</v>
      </c>
      <c r="J49885" s="1" t="s">
        <v>168903</v>
      </c>
    </row>
    <row r="49886" spans="1:10" x14ac:dyDescent="0.35">
      <c r="A49886" s="1" t="s">
        <v>27727</v>
      </c>
      <c r="B49886" s="1" t="s">
        <v>168407</v>
      </c>
      <c r="C49886" s="1" t="s">
        <v>115</v>
      </c>
      <c r="D49886" s="1" t="s">
        <v>46738</v>
      </c>
      <c r="E49886" s="1" t="s">
        <v>168904</v>
      </c>
      <c r="F49886" s="1" t="s">
        <v>168905</v>
      </c>
      <c r="G49886" s="1" t="s">
        <v>168837</v>
      </c>
      <c r="H49886" s="1" t="s">
        <v>168838</v>
      </c>
      <c r="I49886" s="1" t="s">
        <v>168412</v>
      </c>
      <c r="J49886" s="1" t="s">
        <v>168906</v>
      </c>
    </row>
    <row r="49887" spans="1:10" x14ac:dyDescent="0.35">
      <c r="A49887" s="1" t="s">
        <v>27727</v>
      </c>
      <c r="B49887" s="1" t="s">
        <v>168407</v>
      </c>
      <c r="C49887" s="1" t="s">
        <v>120</v>
      </c>
      <c r="D49887" s="1" t="s">
        <v>36046</v>
      </c>
      <c r="E49887" s="1" t="s">
        <v>168907</v>
      </c>
      <c r="F49887" s="1" t="s">
        <v>168908</v>
      </c>
      <c r="G49887" s="1" t="s">
        <v>168837</v>
      </c>
      <c r="H49887" s="1" t="s">
        <v>168838</v>
      </c>
      <c r="I49887" s="1" t="s">
        <v>168412</v>
      </c>
      <c r="J49887" s="1" t="s">
        <v>168909</v>
      </c>
    </row>
    <row r="49888" spans="1:10" x14ac:dyDescent="0.35">
      <c r="A49888" s="1" t="s">
        <v>27727</v>
      </c>
      <c r="B49888" s="1" t="s">
        <v>168407</v>
      </c>
      <c r="C49888" s="1" t="s">
        <v>125</v>
      </c>
      <c r="D49888" s="1" t="s">
        <v>10737</v>
      </c>
      <c r="E49888" s="1" t="s">
        <v>168910</v>
      </c>
      <c r="F49888" s="1" t="s">
        <v>168911</v>
      </c>
      <c r="G49888" s="1" t="s">
        <v>168837</v>
      </c>
      <c r="H49888" s="1" t="s">
        <v>168838</v>
      </c>
      <c r="I49888" s="1" t="s">
        <v>168412</v>
      </c>
      <c r="J49888" s="1" t="s">
        <v>168912</v>
      </c>
    </row>
    <row r="49889" spans="1:10" x14ac:dyDescent="0.35">
      <c r="A49889" s="1" t="s">
        <v>27727</v>
      </c>
      <c r="B49889" s="1" t="s">
        <v>168407</v>
      </c>
      <c r="C49889" s="1" t="s">
        <v>130</v>
      </c>
      <c r="D49889" s="1" t="s">
        <v>168913</v>
      </c>
      <c r="E49889" s="1" t="s">
        <v>168914</v>
      </c>
      <c r="F49889" s="1" t="s">
        <v>168915</v>
      </c>
      <c r="G49889" s="1" t="s">
        <v>168837</v>
      </c>
      <c r="H49889" s="1" t="s">
        <v>168838</v>
      </c>
      <c r="I49889" s="1" t="s">
        <v>168412</v>
      </c>
      <c r="J49889" s="1" t="s">
        <v>168916</v>
      </c>
    </row>
    <row r="49890" spans="1:10" x14ac:dyDescent="0.35">
      <c r="A49890" s="1" t="s">
        <v>27727</v>
      </c>
      <c r="B49890" s="1" t="s">
        <v>168407</v>
      </c>
      <c r="C49890" s="1" t="s">
        <v>135</v>
      </c>
      <c r="D49890" s="1" t="s">
        <v>134947</v>
      </c>
      <c r="E49890" s="1" t="s">
        <v>168917</v>
      </c>
      <c r="F49890" s="1" t="s">
        <v>168918</v>
      </c>
      <c r="G49890" s="1" t="s">
        <v>168837</v>
      </c>
      <c r="H49890" s="1" t="s">
        <v>168838</v>
      </c>
      <c r="I49890" s="1" t="s">
        <v>168412</v>
      </c>
      <c r="J49890" s="1" t="s">
        <v>168919</v>
      </c>
    </row>
    <row r="49891" spans="1:10" x14ac:dyDescent="0.35">
      <c r="A49891" s="1" t="s">
        <v>27727</v>
      </c>
      <c r="B49891" s="1" t="s">
        <v>168407</v>
      </c>
      <c r="C49891" s="1" t="s">
        <v>140</v>
      </c>
      <c r="D49891" s="1" t="s">
        <v>72523</v>
      </c>
      <c r="E49891" s="1" t="s">
        <v>168920</v>
      </c>
      <c r="F49891" s="1" t="s">
        <v>168921</v>
      </c>
      <c r="G49891" s="1" t="s">
        <v>168837</v>
      </c>
      <c r="H49891" s="1" t="s">
        <v>168838</v>
      </c>
      <c r="I49891" s="1" t="s">
        <v>168412</v>
      </c>
      <c r="J49891" s="1" t="s">
        <v>168922</v>
      </c>
    </row>
    <row r="49892" spans="1:10" x14ac:dyDescent="0.35">
      <c r="A49892" s="1" t="s">
        <v>27727</v>
      </c>
      <c r="B49892" s="1" t="s">
        <v>168407</v>
      </c>
      <c r="C49892" s="1" t="s">
        <v>145</v>
      </c>
      <c r="D49892" s="1" t="s">
        <v>168923</v>
      </c>
      <c r="E49892" s="1" t="s">
        <v>168924</v>
      </c>
      <c r="F49892" s="1" t="s">
        <v>168925</v>
      </c>
      <c r="G49892" s="1" t="s">
        <v>168837</v>
      </c>
      <c r="H49892" s="1" t="s">
        <v>168838</v>
      </c>
      <c r="I49892" s="1" t="s">
        <v>168412</v>
      </c>
      <c r="J49892" s="1" t="s">
        <v>168926</v>
      </c>
    </row>
    <row r="49893" spans="1:10" x14ac:dyDescent="0.35">
      <c r="A49893" s="1" t="s">
        <v>27727</v>
      </c>
      <c r="B49893" s="1" t="s">
        <v>168407</v>
      </c>
      <c r="C49893" s="1" t="s">
        <v>150</v>
      </c>
      <c r="D49893" s="1" t="s">
        <v>111456</v>
      </c>
      <c r="E49893" s="1" t="s">
        <v>168927</v>
      </c>
      <c r="F49893" s="1" t="s">
        <v>168928</v>
      </c>
      <c r="G49893" s="1" t="s">
        <v>168837</v>
      </c>
      <c r="H49893" s="1" t="s">
        <v>168838</v>
      </c>
      <c r="I49893" s="1" t="s">
        <v>168412</v>
      </c>
      <c r="J49893" s="1" t="s">
        <v>168929</v>
      </c>
    </row>
    <row r="49894" spans="1:10" x14ac:dyDescent="0.35">
      <c r="A49894" s="1" t="s">
        <v>27727</v>
      </c>
      <c r="B49894" s="1" t="s">
        <v>168407</v>
      </c>
      <c r="C49894" s="1" t="s">
        <v>155</v>
      </c>
      <c r="D49894" s="1" t="s">
        <v>70841</v>
      </c>
      <c r="E49894" s="1" t="s">
        <v>168930</v>
      </c>
      <c r="F49894" s="1" t="s">
        <v>168931</v>
      </c>
      <c r="G49894" s="1" t="s">
        <v>168837</v>
      </c>
      <c r="H49894" s="1" t="s">
        <v>168838</v>
      </c>
      <c r="I49894" s="1" t="s">
        <v>168412</v>
      </c>
      <c r="J49894" s="1" t="s">
        <v>168932</v>
      </c>
    </row>
    <row r="49895" spans="1:10" x14ac:dyDescent="0.35">
      <c r="A49895" s="1" t="s">
        <v>27727</v>
      </c>
      <c r="B49895" s="1" t="s">
        <v>168407</v>
      </c>
      <c r="C49895" s="1" t="s">
        <v>160</v>
      </c>
      <c r="D49895" s="1" t="s">
        <v>115860</v>
      </c>
      <c r="E49895" s="1" t="s">
        <v>168933</v>
      </c>
      <c r="F49895" s="1" t="s">
        <v>168934</v>
      </c>
      <c r="G49895" s="1" t="s">
        <v>168837</v>
      </c>
      <c r="H49895" s="1" t="s">
        <v>168838</v>
      </c>
      <c r="I49895" s="1" t="s">
        <v>168412</v>
      </c>
      <c r="J49895" s="1" t="s">
        <v>168935</v>
      </c>
    </row>
    <row r="49896" spans="1:10" x14ac:dyDescent="0.35">
      <c r="A49896" s="1" t="s">
        <v>27727</v>
      </c>
      <c r="B49896" s="1" t="s">
        <v>168407</v>
      </c>
      <c r="C49896" s="1" t="s">
        <v>165</v>
      </c>
      <c r="D49896" s="1" t="s">
        <v>126022</v>
      </c>
      <c r="E49896" s="1" t="s">
        <v>168936</v>
      </c>
      <c r="F49896" s="1" t="s">
        <v>168937</v>
      </c>
      <c r="G49896" s="1" t="s">
        <v>168837</v>
      </c>
      <c r="H49896" s="1" t="s">
        <v>168838</v>
      </c>
      <c r="I49896" s="1" t="s">
        <v>168412</v>
      </c>
      <c r="J49896" s="1" t="s">
        <v>168938</v>
      </c>
    </row>
    <row r="49897" spans="1:10" x14ac:dyDescent="0.35">
      <c r="A49897" s="1" t="s">
        <v>27727</v>
      </c>
      <c r="B49897" s="1" t="s">
        <v>168407</v>
      </c>
      <c r="C49897" s="1" t="s">
        <v>170</v>
      </c>
      <c r="D49897" s="1" t="s">
        <v>141098</v>
      </c>
      <c r="E49897" s="1" t="s">
        <v>168939</v>
      </c>
      <c r="F49897" s="1" t="s">
        <v>168940</v>
      </c>
      <c r="G49897" s="1" t="s">
        <v>168837</v>
      </c>
      <c r="H49897" s="1" t="s">
        <v>168838</v>
      </c>
      <c r="I49897" s="1" t="s">
        <v>168412</v>
      </c>
      <c r="J49897" s="1" t="s">
        <v>168941</v>
      </c>
    </row>
    <row r="49898" spans="1:10" x14ac:dyDescent="0.35">
      <c r="A49898" s="1" t="s">
        <v>10250</v>
      </c>
      <c r="B49898" s="1" t="s">
        <v>168407</v>
      </c>
      <c r="C49898" s="1" t="s">
        <v>8</v>
      </c>
      <c r="D49898" s="1" t="s">
        <v>49174</v>
      </c>
      <c r="E49898" s="1" t="s">
        <v>8861</v>
      </c>
      <c r="F49898" s="1" t="s">
        <v>168942</v>
      </c>
      <c r="G49898" s="1" t="s">
        <v>168943</v>
      </c>
      <c r="H49898" s="1" t="s">
        <v>168944</v>
      </c>
      <c r="I49898" s="1" t="s">
        <v>168412</v>
      </c>
      <c r="J49898" s="1" t="s">
        <v>13</v>
      </c>
    </row>
    <row r="49899" spans="1:10" x14ac:dyDescent="0.35">
      <c r="A49899" s="1" t="s">
        <v>10250</v>
      </c>
      <c r="B49899" s="1" t="s">
        <v>168407</v>
      </c>
      <c r="C49899" s="1" t="s">
        <v>15</v>
      </c>
      <c r="D49899" s="1" t="s">
        <v>168945</v>
      </c>
      <c r="E49899" s="1" t="s">
        <v>118800</v>
      </c>
      <c r="F49899" s="1" t="s">
        <v>168946</v>
      </c>
      <c r="G49899" s="1" t="s">
        <v>168943</v>
      </c>
      <c r="H49899" s="1" t="s">
        <v>168944</v>
      </c>
      <c r="I49899" s="1" t="s">
        <v>168412</v>
      </c>
      <c r="J49899" s="1" t="s">
        <v>168947</v>
      </c>
    </row>
    <row r="49900" spans="1:10" x14ac:dyDescent="0.35">
      <c r="A49900" s="1" t="s">
        <v>10250</v>
      </c>
      <c r="B49900" s="1" t="s">
        <v>168407</v>
      </c>
      <c r="C49900" s="1" t="s">
        <v>20</v>
      </c>
      <c r="D49900" s="1" t="s">
        <v>7969</v>
      </c>
      <c r="E49900" s="1" t="s">
        <v>168948</v>
      </c>
      <c r="F49900" s="1" t="s">
        <v>168949</v>
      </c>
      <c r="G49900" s="1" t="s">
        <v>168943</v>
      </c>
      <c r="H49900" s="1" t="s">
        <v>168944</v>
      </c>
      <c r="I49900" s="1" t="s">
        <v>168412</v>
      </c>
      <c r="J49900" s="1" t="s">
        <v>168950</v>
      </c>
    </row>
    <row r="49901" spans="1:10" x14ac:dyDescent="0.35">
      <c r="A49901" s="1" t="s">
        <v>10250</v>
      </c>
      <c r="B49901" s="1" t="s">
        <v>168407</v>
      </c>
      <c r="C49901" s="1" t="s">
        <v>25</v>
      </c>
      <c r="D49901" s="1" t="s">
        <v>168951</v>
      </c>
      <c r="E49901" s="1" t="s">
        <v>168952</v>
      </c>
      <c r="F49901" s="1" t="s">
        <v>168953</v>
      </c>
      <c r="G49901" s="1" t="s">
        <v>168943</v>
      </c>
      <c r="H49901" s="1" t="s">
        <v>168944</v>
      </c>
      <c r="I49901" s="1" t="s">
        <v>168412</v>
      </c>
      <c r="J49901" s="1" t="s">
        <v>168954</v>
      </c>
    </row>
    <row r="49902" spans="1:10" x14ac:dyDescent="0.35">
      <c r="A49902" s="1" t="s">
        <v>10250</v>
      </c>
      <c r="B49902" s="1" t="s">
        <v>168407</v>
      </c>
      <c r="C49902" s="1" t="s">
        <v>30</v>
      </c>
      <c r="D49902" s="1" t="s">
        <v>14576</v>
      </c>
      <c r="E49902" s="1" t="s">
        <v>168955</v>
      </c>
      <c r="F49902" s="1" t="s">
        <v>168956</v>
      </c>
      <c r="G49902" s="1" t="s">
        <v>168943</v>
      </c>
      <c r="H49902" s="1" t="s">
        <v>168944</v>
      </c>
      <c r="I49902" s="1" t="s">
        <v>168412</v>
      </c>
      <c r="J49902" s="1" t="s">
        <v>168957</v>
      </c>
    </row>
    <row r="49903" spans="1:10" x14ac:dyDescent="0.35">
      <c r="A49903" s="1" t="s">
        <v>10250</v>
      </c>
      <c r="B49903" s="1" t="s">
        <v>168407</v>
      </c>
      <c r="C49903" s="1" t="s">
        <v>35</v>
      </c>
      <c r="D49903" s="1" t="s">
        <v>51199</v>
      </c>
      <c r="E49903" s="1" t="s">
        <v>8839</v>
      </c>
      <c r="F49903" s="1" t="s">
        <v>168958</v>
      </c>
      <c r="G49903" s="1" t="s">
        <v>168943</v>
      </c>
      <c r="H49903" s="1" t="s">
        <v>168944</v>
      </c>
      <c r="I49903" s="1" t="s">
        <v>168412</v>
      </c>
      <c r="J49903" s="1" t="s">
        <v>168959</v>
      </c>
    </row>
    <row r="49904" spans="1:10" x14ac:dyDescent="0.35">
      <c r="A49904" s="1" t="s">
        <v>10250</v>
      </c>
      <c r="B49904" s="1" t="s">
        <v>168407</v>
      </c>
      <c r="C49904" s="1" t="s">
        <v>40</v>
      </c>
      <c r="D49904" s="1" t="s">
        <v>71096</v>
      </c>
      <c r="E49904" s="1" t="s">
        <v>168960</v>
      </c>
      <c r="F49904" s="1" t="s">
        <v>168961</v>
      </c>
      <c r="G49904" s="1" t="s">
        <v>168943</v>
      </c>
      <c r="H49904" s="1" t="s">
        <v>168944</v>
      </c>
      <c r="I49904" s="1" t="s">
        <v>168412</v>
      </c>
      <c r="J49904" s="1" t="s">
        <v>168962</v>
      </c>
    </row>
    <row r="49905" spans="1:10" x14ac:dyDescent="0.35">
      <c r="A49905" s="1" t="s">
        <v>10250</v>
      </c>
      <c r="B49905" s="1" t="s">
        <v>168407</v>
      </c>
      <c r="C49905" s="1" t="s">
        <v>45</v>
      </c>
      <c r="D49905" s="1" t="s">
        <v>29134</v>
      </c>
      <c r="E49905" s="1" t="s">
        <v>4203</v>
      </c>
      <c r="F49905" s="1" t="s">
        <v>168963</v>
      </c>
      <c r="G49905" s="1" t="s">
        <v>168943</v>
      </c>
      <c r="H49905" s="1" t="s">
        <v>168944</v>
      </c>
      <c r="I49905" s="1" t="s">
        <v>168412</v>
      </c>
      <c r="J49905" s="1" t="s">
        <v>168964</v>
      </c>
    </row>
    <row r="49906" spans="1:10" x14ac:dyDescent="0.35">
      <c r="A49906" s="1" t="s">
        <v>10250</v>
      </c>
      <c r="B49906" s="1" t="s">
        <v>168407</v>
      </c>
      <c r="C49906" s="1" t="s">
        <v>50</v>
      </c>
      <c r="D49906" s="1" t="s">
        <v>35541</v>
      </c>
      <c r="E49906" s="1" t="s">
        <v>8871</v>
      </c>
      <c r="F49906" s="1" t="s">
        <v>143483</v>
      </c>
      <c r="G49906" s="1" t="s">
        <v>168943</v>
      </c>
      <c r="H49906" s="1" t="s">
        <v>168944</v>
      </c>
      <c r="I49906" s="1" t="s">
        <v>168412</v>
      </c>
      <c r="J49906" s="1" t="s">
        <v>168965</v>
      </c>
    </row>
    <row r="49907" spans="1:10" x14ac:dyDescent="0.35">
      <c r="A49907" s="1" t="s">
        <v>10250</v>
      </c>
      <c r="B49907" s="1" t="s">
        <v>168407</v>
      </c>
      <c r="C49907" s="1" t="s">
        <v>55</v>
      </c>
      <c r="D49907" s="1" t="s">
        <v>50521</v>
      </c>
      <c r="E49907" s="1" t="s">
        <v>28023</v>
      </c>
      <c r="F49907" s="1" t="s">
        <v>168966</v>
      </c>
      <c r="G49907" s="1" t="s">
        <v>168943</v>
      </c>
      <c r="H49907" s="1" t="s">
        <v>168944</v>
      </c>
      <c r="I49907" s="1" t="s">
        <v>168412</v>
      </c>
      <c r="J49907" s="1" t="s">
        <v>168967</v>
      </c>
    </row>
    <row r="49908" spans="1:10" x14ac:dyDescent="0.35">
      <c r="A49908" s="1" t="s">
        <v>10250</v>
      </c>
      <c r="B49908" s="1" t="s">
        <v>168407</v>
      </c>
      <c r="C49908" s="1" t="s">
        <v>60</v>
      </c>
      <c r="D49908" s="1" t="s">
        <v>115475</v>
      </c>
      <c r="E49908" s="1" t="s">
        <v>168968</v>
      </c>
      <c r="F49908" s="1" t="s">
        <v>168969</v>
      </c>
      <c r="G49908" s="1" t="s">
        <v>168943</v>
      </c>
      <c r="H49908" s="1" t="s">
        <v>168944</v>
      </c>
      <c r="I49908" s="1" t="s">
        <v>168412</v>
      </c>
      <c r="J49908" s="1" t="s">
        <v>168970</v>
      </c>
    </row>
    <row r="49909" spans="1:10" x14ac:dyDescent="0.35">
      <c r="A49909" s="1" t="s">
        <v>10250</v>
      </c>
      <c r="B49909" s="1" t="s">
        <v>168407</v>
      </c>
      <c r="C49909" s="1" t="s">
        <v>65</v>
      </c>
      <c r="D49909" s="1" t="s">
        <v>168971</v>
      </c>
      <c r="E49909" s="1" t="s">
        <v>15121</v>
      </c>
      <c r="F49909" s="1" t="s">
        <v>168972</v>
      </c>
      <c r="G49909" s="1" t="s">
        <v>168943</v>
      </c>
      <c r="H49909" s="1" t="s">
        <v>168944</v>
      </c>
      <c r="I49909" s="1" t="s">
        <v>168412</v>
      </c>
      <c r="J49909" s="1" t="s">
        <v>168973</v>
      </c>
    </row>
    <row r="49910" spans="1:10" x14ac:dyDescent="0.35">
      <c r="A49910" s="1" t="s">
        <v>10250</v>
      </c>
      <c r="B49910" s="1" t="s">
        <v>168407</v>
      </c>
      <c r="C49910" s="1" t="s">
        <v>70</v>
      </c>
      <c r="D49910" s="1" t="s">
        <v>35055</v>
      </c>
      <c r="E49910" s="1" t="s">
        <v>8832</v>
      </c>
      <c r="F49910" s="1" t="s">
        <v>168974</v>
      </c>
      <c r="G49910" s="1" t="s">
        <v>168943</v>
      </c>
      <c r="H49910" s="1" t="s">
        <v>168944</v>
      </c>
      <c r="I49910" s="1" t="s">
        <v>168412</v>
      </c>
      <c r="J49910" s="1" t="s">
        <v>168975</v>
      </c>
    </row>
    <row r="49911" spans="1:10" x14ac:dyDescent="0.35">
      <c r="A49911" s="1" t="s">
        <v>10250</v>
      </c>
      <c r="B49911" s="1" t="s">
        <v>168407</v>
      </c>
      <c r="C49911" s="1" t="s">
        <v>75</v>
      </c>
      <c r="D49911" s="1" t="s">
        <v>49018</v>
      </c>
      <c r="E49911" s="1" t="s">
        <v>28155</v>
      </c>
      <c r="F49911" s="1" t="s">
        <v>168976</v>
      </c>
      <c r="G49911" s="1" t="s">
        <v>168943</v>
      </c>
      <c r="H49911" s="1" t="s">
        <v>168944</v>
      </c>
      <c r="I49911" s="1" t="s">
        <v>168412</v>
      </c>
      <c r="J49911" s="1" t="s">
        <v>168977</v>
      </c>
    </row>
    <row r="49912" spans="1:10" x14ac:dyDescent="0.35">
      <c r="A49912" s="1" t="s">
        <v>10250</v>
      </c>
      <c r="B49912" s="1" t="s">
        <v>168407</v>
      </c>
      <c r="C49912" s="1" t="s">
        <v>80</v>
      </c>
      <c r="D49912" s="1" t="s">
        <v>15387</v>
      </c>
      <c r="E49912" s="1" t="s">
        <v>168978</v>
      </c>
      <c r="F49912" s="1" t="s">
        <v>168979</v>
      </c>
      <c r="G49912" s="1" t="s">
        <v>168943</v>
      </c>
      <c r="H49912" s="1" t="s">
        <v>168944</v>
      </c>
      <c r="I49912" s="1" t="s">
        <v>168412</v>
      </c>
      <c r="J49912" s="1" t="s">
        <v>168980</v>
      </c>
    </row>
    <row r="49913" spans="1:10" x14ac:dyDescent="0.35">
      <c r="A49913" s="1" t="s">
        <v>10250</v>
      </c>
      <c r="B49913" s="1" t="s">
        <v>168407</v>
      </c>
      <c r="C49913" s="1" t="s">
        <v>85</v>
      </c>
      <c r="D49913" s="1" t="s">
        <v>38338</v>
      </c>
      <c r="E49913" s="1" t="s">
        <v>168981</v>
      </c>
      <c r="F49913" s="1" t="s">
        <v>168982</v>
      </c>
      <c r="G49913" s="1" t="s">
        <v>168943</v>
      </c>
      <c r="H49913" s="1" t="s">
        <v>168944</v>
      </c>
      <c r="I49913" s="1" t="s">
        <v>168412</v>
      </c>
      <c r="J49913" s="1" t="s">
        <v>168983</v>
      </c>
    </row>
    <row r="49914" spans="1:10" x14ac:dyDescent="0.35">
      <c r="A49914" s="1" t="s">
        <v>10250</v>
      </c>
      <c r="B49914" s="1" t="s">
        <v>168407</v>
      </c>
      <c r="C49914" s="1" t="s">
        <v>90</v>
      </c>
      <c r="D49914" s="1" t="s">
        <v>49973</v>
      </c>
      <c r="E49914" s="1" t="s">
        <v>28076</v>
      </c>
      <c r="F49914" s="1" t="s">
        <v>168984</v>
      </c>
      <c r="G49914" s="1" t="s">
        <v>168943</v>
      </c>
      <c r="H49914" s="1" t="s">
        <v>168944</v>
      </c>
      <c r="I49914" s="1" t="s">
        <v>168412</v>
      </c>
      <c r="J49914" s="1" t="s">
        <v>168985</v>
      </c>
    </row>
    <row r="49915" spans="1:10" x14ac:dyDescent="0.35">
      <c r="A49915" s="1" t="s">
        <v>10250</v>
      </c>
      <c r="B49915" s="1" t="s">
        <v>168407</v>
      </c>
      <c r="C49915" s="1" t="s">
        <v>95</v>
      </c>
      <c r="D49915" s="1" t="s">
        <v>168986</v>
      </c>
      <c r="E49915" s="1" t="s">
        <v>15157</v>
      </c>
      <c r="F49915" s="1" t="s">
        <v>168987</v>
      </c>
      <c r="G49915" s="1" t="s">
        <v>168943</v>
      </c>
      <c r="H49915" s="1" t="s">
        <v>168944</v>
      </c>
      <c r="I49915" s="1" t="s">
        <v>168412</v>
      </c>
      <c r="J49915" s="1" t="s">
        <v>168988</v>
      </c>
    </row>
    <row r="49916" spans="1:10" x14ac:dyDescent="0.35">
      <c r="A49916" s="1" t="s">
        <v>10250</v>
      </c>
      <c r="B49916" s="1" t="s">
        <v>168407</v>
      </c>
      <c r="C49916" s="1" t="s">
        <v>100</v>
      </c>
      <c r="D49916" s="1" t="s">
        <v>30921</v>
      </c>
      <c r="E49916" s="1" t="s">
        <v>28278</v>
      </c>
      <c r="F49916" s="1" t="s">
        <v>168989</v>
      </c>
      <c r="G49916" s="1" t="s">
        <v>168943</v>
      </c>
      <c r="H49916" s="1" t="s">
        <v>168944</v>
      </c>
      <c r="I49916" s="1" t="s">
        <v>168412</v>
      </c>
      <c r="J49916" s="1" t="s">
        <v>168990</v>
      </c>
    </row>
    <row r="49917" spans="1:10" x14ac:dyDescent="0.35">
      <c r="A49917" s="1" t="s">
        <v>10250</v>
      </c>
      <c r="B49917" s="1" t="s">
        <v>168407</v>
      </c>
      <c r="C49917" s="1" t="s">
        <v>105</v>
      </c>
      <c r="D49917" s="1" t="s">
        <v>119873</v>
      </c>
      <c r="E49917" s="1" t="s">
        <v>4269</v>
      </c>
      <c r="F49917" s="1" t="s">
        <v>139222</v>
      </c>
      <c r="G49917" s="1" t="s">
        <v>168943</v>
      </c>
      <c r="H49917" s="1" t="s">
        <v>168944</v>
      </c>
      <c r="I49917" s="1" t="s">
        <v>168412</v>
      </c>
      <c r="J49917" s="1" t="s">
        <v>168991</v>
      </c>
    </row>
    <row r="49918" spans="1:10" x14ac:dyDescent="0.35">
      <c r="A49918" s="1" t="s">
        <v>10250</v>
      </c>
      <c r="B49918" s="1" t="s">
        <v>168407</v>
      </c>
      <c r="C49918" s="1" t="s">
        <v>110</v>
      </c>
      <c r="D49918" s="1" t="s">
        <v>124259</v>
      </c>
      <c r="E49918" s="1" t="s">
        <v>29138</v>
      </c>
      <c r="F49918" s="1" t="s">
        <v>168992</v>
      </c>
      <c r="G49918" s="1" t="s">
        <v>168943</v>
      </c>
      <c r="H49918" s="1" t="s">
        <v>168944</v>
      </c>
      <c r="I49918" s="1" t="s">
        <v>168412</v>
      </c>
      <c r="J49918" s="1" t="s">
        <v>168993</v>
      </c>
    </row>
    <row r="49919" spans="1:10" x14ac:dyDescent="0.35">
      <c r="A49919" s="1" t="s">
        <v>10250</v>
      </c>
      <c r="B49919" s="1" t="s">
        <v>168407</v>
      </c>
      <c r="C49919" s="1" t="s">
        <v>115</v>
      </c>
      <c r="D49919" s="1" t="s">
        <v>168994</v>
      </c>
      <c r="E49919" s="1" t="s">
        <v>28285</v>
      </c>
      <c r="F49919" s="1" t="s">
        <v>168995</v>
      </c>
      <c r="G49919" s="1" t="s">
        <v>168943</v>
      </c>
      <c r="H49919" s="1" t="s">
        <v>168944</v>
      </c>
      <c r="I49919" s="1" t="s">
        <v>168412</v>
      </c>
      <c r="J49919" s="1" t="s">
        <v>168996</v>
      </c>
    </row>
    <row r="49920" spans="1:10" x14ac:dyDescent="0.35">
      <c r="A49920" s="1" t="s">
        <v>10250</v>
      </c>
      <c r="B49920" s="1" t="s">
        <v>168407</v>
      </c>
      <c r="C49920" s="1" t="s">
        <v>120</v>
      </c>
      <c r="D49920" s="1" t="s">
        <v>168997</v>
      </c>
      <c r="E49920" s="1" t="s">
        <v>15121</v>
      </c>
      <c r="F49920" s="1" t="s">
        <v>168998</v>
      </c>
      <c r="G49920" s="1" t="s">
        <v>168943</v>
      </c>
      <c r="H49920" s="1" t="s">
        <v>168944</v>
      </c>
      <c r="I49920" s="1" t="s">
        <v>168412</v>
      </c>
      <c r="J49920" s="1" t="s">
        <v>168999</v>
      </c>
    </row>
    <row r="49921" spans="1:10" x14ac:dyDescent="0.35">
      <c r="A49921" s="1" t="s">
        <v>10250</v>
      </c>
      <c r="B49921" s="1" t="s">
        <v>168407</v>
      </c>
      <c r="C49921" s="1" t="s">
        <v>125</v>
      </c>
      <c r="D49921" s="1" t="s">
        <v>148991</v>
      </c>
      <c r="E49921" s="1" t="s">
        <v>118800</v>
      </c>
      <c r="F49921" s="1" t="s">
        <v>98424</v>
      </c>
      <c r="G49921" s="1" t="s">
        <v>168943</v>
      </c>
      <c r="H49921" s="1" t="s">
        <v>168944</v>
      </c>
      <c r="I49921" s="1" t="s">
        <v>168412</v>
      </c>
      <c r="J49921" s="1" t="s">
        <v>169000</v>
      </c>
    </row>
    <row r="49922" spans="1:10" x14ac:dyDescent="0.35">
      <c r="A49922" s="1" t="s">
        <v>10250</v>
      </c>
      <c r="B49922" s="1" t="s">
        <v>168407</v>
      </c>
      <c r="C49922" s="1" t="s">
        <v>130</v>
      </c>
      <c r="D49922" s="1" t="s">
        <v>83534</v>
      </c>
      <c r="E49922" s="1" t="s">
        <v>29071</v>
      </c>
      <c r="F49922" s="1" t="s">
        <v>169001</v>
      </c>
      <c r="G49922" s="1" t="s">
        <v>168943</v>
      </c>
      <c r="H49922" s="1" t="s">
        <v>168944</v>
      </c>
      <c r="I49922" s="1" t="s">
        <v>168412</v>
      </c>
      <c r="J49922" s="1" t="s">
        <v>169002</v>
      </c>
    </row>
    <row r="49923" spans="1:10" x14ac:dyDescent="0.35">
      <c r="A49923" s="1" t="s">
        <v>10250</v>
      </c>
      <c r="B49923" s="1" t="s">
        <v>168407</v>
      </c>
      <c r="C49923" s="1" t="s">
        <v>135</v>
      </c>
      <c r="D49923" s="1" t="s">
        <v>14382</v>
      </c>
      <c r="E49923" s="1" t="s">
        <v>169003</v>
      </c>
      <c r="F49923" s="1" t="s">
        <v>169004</v>
      </c>
      <c r="G49923" s="1" t="s">
        <v>168943</v>
      </c>
      <c r="H49923" s="1" t="s">
        <v>168944</v>
      </c>
      <c r="I49923" s="1" t="s">
        <v>168412</v>
      </c>
      <c r="J49923" s="1" t="s">
        <v>169005</v>
      </c>
    </row>
    <row r="49924" spans="1:10" x14ac:dyDescent="0.35">
      <c r="A49924" s="1" t="s">
        <v>10250</v>
      </c>
      <c r="B49924" s="1" t="s">
        <v>168407</v>
      </c>
      <c r="C49924" s="1" t="s">
        <v>140</v>
      </c>
      <c r="D49924" s="1" t="s">
        <v>13299</v>
      </c>
      <c r="E49924" s="1" t="s">
        <v>169006</v>
      </c>
      <c r="F49924" s="1" t="s">
        <v>169007</v>
      </c>
      <c r="G49924" s="1" t="s">
        <v>168943</v>
      </c>
      <c r="H49924" s="1" t="s">
        <v>168944</v>
      </c>
      <c r="I49924" s="1" t="s">
        <v>168412</v>
      </c>
      <c r="J49924" s="1" t="s">
        <v>169008</v>
      </c>
    </row>
    <row r="49925" spans="1:10" x14ac:dyDescent="0.35">
      <c r="A49925" s="1" t="s">
        <v>10250</v>
      </c>
      <c r="B49925" s="1" t="s">
        <v>168407</v>
      </c>
      <c r="C49925" s="1" t="s">
        <v>145</v>
      </c>
      <c r="D49925" s="1" t="s">
        <v>31807</v>
      </c>
      <c r="E49925" s="1" t="s">
        <v>8802</v>
      </c>
      <c r="F49925" s="1" t="s">
        <v>169009</v>
      </c>
      <c r="G49925" s="1" t="s">
        <v>168943</v>
      </c>
      <c r="H49925" s="1" t="s">
        <v>168944</v>
      </c>
      <c r="I49925" s="1" t="s">
        <v>168412</v>
      </c>
      <c r="J49925" s="1" t="s">
        <v>169010</v>
      </c>
    </row>
    <row r="49926" spans="1:10" x14ac:dyDescent="0.35">
      <c r="A49926" s="1" t="s">
        <v>10250</v>
      </c>
      <c r="B49926" s="1" t="s">
        <v>168407</v>
      </c>
      <c r="C49926" s="1" t="s">
        <v>150</v>
      </c>
      <c r="D49926" s="1" t="s">
        <v>169011</v>
      </c>
      <c r="E49926" s="1" t="s">
        <v>28188</v>
      </c>
      <c r="F49926" s="1" t="s">
        <v>169012</v>
      </c>
      <c r="G49926" s="1" t="s">
        <v>168943</v>
      </c>
      <c r="H49926" s="1" t="s">
        <v>168944</v>
      </c>
      <c r="I49926" s="1" t="s">
        <v>168412</v>
      </c>
      <c r="J49926" s="1" t="s">
        <v>169013</v>
      </c>
    </row>
    <row r="49927" spans="1:10" x14ac:dyDescent="0.35">
      <c r="A49927" s="1" t="s">
        <v>10250</v>
      </c>
      <c r="B49927" s="1" t="s">
        <v>168407</v>
      </c>
      <c r="C49927" s="1" t="s">
        <v>155</v>
      </c>
      <c r="D49927" s="1" t="s">
        <v>169014</v>
      </c>
      <c r="E49927" s="1" t="s">
        <v>4230</v>
      </c>
      <c r="F49927" s="1" t="s">
        <v>169015</v>
      </c>
      <c r="G49927" s="1" t="s">
        <v>168943</v>
      </c>
      <c r="H49927" s="1" t="s">
        <v>168944</v>
      </c>
      <c r="I49927" s="1" t="s">
        <v>168412</v>
      </c>
      <c r="J49927" s="1" t="s">
        <v>169016</v>
      </c>
    </row>
    <row r="49928" spans="1:10" x14ac:dyDescent="0.35">
      <c r="A49928" s="1" t="s">
        <v>10250</v>
      </c>
      <c r="B49928" s="1" t="s">
        <v>168407</v>
      </c>
      <c r="C49928" s="1" t="s">
        <v>160</v>
      </c>
      <c r="D49928" s="1" t="s">
        <v>169017</v>
      </c>
      <c r="E49928" s="1" t="s">
        <v>168948</v>
      </c>
      <c r="F49928" s="1" t="s">
        <v>139689</v>
      </c>
      <c r="G49928" s="1" t="s">
        <v>168943</v>
      </c>
      <c r="H49928" s="1" t="s">
        <v>168944</v>
      </c>
      <c r="I49928" s="1" t="s">
        <v>168412</v>
      </c>
      <c r="J49928" s="1" t="s">
        <v>169018</v>
      </c>
    </row>
    <row r="49929" spans="1:10" x14ac:dyDescent="0.35">
      <c r="A49929" s="1" t="s">
        <v>10250</v>
      </c>
      <c r="B49929" s="1" t="s">
        <v>168407</v>
      </c>
      <c r="C49929" s="1" t="s">
        <v>165</v>
      </c>
      <c r="D49929" s="1" t="s">
        <v>46403</v>
      </c>
      <c r="E49929" s="1" t="s">
        <v>8817</v>
      </c>
      <c r="F49929" s="1" t="s">
        <v>169019</v>
      </c>
      <c r="G49929" s="1" t="s">
        <v>168943</v>
      </c>
      <c r="H49929" s="1" t="s">
        <v>168944</v>
      </c>
      <c r="I49929" s="1" t="s">
        <v>168412</v>
      </c>
      <c r="J49929" s="1" t="s">
        <v>169020</v>
      </c>
    </row>
    <row r="49930" spans="1:10" x14ac:dyDescent="0.35">
      <c r="A49930" s="1" t="s">
        <v>10250</v>
      </c>
      <c r="B49930" s="1" t="s">
        <v>168407</v>
      </c>
      <c r="C49930" s="1" t="s">
        <v>170</v>
      </c>
      <c r="D49930" s="1" t="s">
        <v>169021</v>
      </c>
      <c r="E49930" s="1" t="s">
        <v>15114</v>
      </c>
      <c r="F49930" s="1" t="s">
        <v>169022</v>
      </c>
      <c r="G49930" s="1" t="s">
        <v>168943</v>
      </c>
      <c r="H49930" s="1" t="s">
        <v>168944</v>
      </c>
      <c r="I49930" s="1" t="s">
        <v>168412</v>
      </c>
      <c r="J49930" s="1" t="s">
        <v>169023</v>
      </c>
    </row>
    <row r="49931" spans="1:10" x14ac:dyDescent="0.35">
      <c r="A49931" s="1" t="s">
        <v>3896</v>
      </c>
      <c r="B49931" s="1" t="s">
        <v>168407</v>
      </c>
      <c r="C49931" s="1" t="s">
        <v>8</v>
      </c>
      <c r="D49931" s="1" t="s">
        <v>111738</v>
      </c>
      <c r="E49931" s="1" t="s">
        <v>169024</v>
      </c>
      <c r="F49931" s="1" t="s">
        <v>169025</v>
      </c>
      <c r="G49931" s="1" t="s">
        <v>169026</v>
      </c>
      <c r="H49931" s="1" t="s">
        <v>169027</v>
      </c>
      <c r="I49931" s="1" t="s">
        <v>168412</v>
      </c>
      <c r="J49931" s="1" t="s">
        <v>13</v>
      </c>
    </row>
    <row r="49932" spans="1:10" x14ac:dyDescent="0.35">
      <c r="A49932" s="1" t="s">
        <v>3896</v>
      </c>
      <c r="B49932" s="1" t="s">
        <v>168407</v>
      </c>
      <c r="C49932" s="1" t="s">
        <v>15</v>
      </c>
      <c r="D49932" s="1" t="s">
        <v>169028</v>
      </c>
      <c r="E49932" s="1" t="s">
        <v>169029</v>
      </c>
      <c r="F49932" s="1" t="s">
        <v>168961</v>
      </c>
      <c r="G49932" s="1" t="s">
        <v>169026</v>
      </c>
      <c r="H49932" s="1" t="s">
        <v>169027</v>
      </c>
      <c r="I49932" s="1" t="s">
        <v>168412</v>
      </c>
      <c r="J49932" s="1" t="s">
        <v>169030</v>
      </c>
    </row>
    <row r="49933" spans="1:10" x14ac:dyDescent="0.35">
      <c r="A49933" s="1" t="s">
        <v>3896</v>
      </c>
      <c r="B49933" s="1" t="s">
        <v>168407</v>
      </c>
      <c r="C49933" s="1" t="s">
        <v>20</v>
      </c>
      <c r="D49933" s="1" t="s">
        <v>44415</v>
      </c>
      <c r="E49933" s="1" t="s">
        <v>169031</v>
      </c>
      <c r="F49933" s="1" t="s">
        <v>169032</v>
      </c>
      <c r="G49933" s="1" t="s">
        <v>169026</v>
      </c>
      <c r="H49933" s="1" t="s">
        <v>169027</v>
      </c>
      <c r="I49933" s="1" t="s">
        <v>168412</v>
      </c>
      <c r="J49933" s="1" t="s">
        <v>169033</v>
      </c>
    </row>
    <row r="49934" spans="1:10" x14ac:dyDescent="0.35">
      <c r="A49934" s="1" t="s">
        <v>3896</v>
      </c>
      <c r="B49934" s="1" t="s">
        <v>168407</v>
      </c>
      <c r="C49934" s="1" t="s">
        <v>25</v>
      </c>
      <c r="D49934" s="1" t="s">
        <v>169034</v>
      </c>
      <c r="E49934" s="1" t="s">
        <v>169035</v>
      </c>
      <c r="F49934" s="1" t="s">
        <v>169036</v>
      </c>
      <c r="G49934" s="1" t="s">
        <v>169026</v>
      </c>
      <c r="H49934" s="1" t="s">
        <v>169027</v>
      </c>
      <c r="I49934" s="1" t="s">
        <v>168412</v>
      </c>
      <c r="J49934" s="1" t="s">
        <v>169037</v>
      </c>
    </row>
    <row r="49935" spans="1:10" x14ac:dyDescent="0.35">
      <c r="A49935" s="1" t="s">
        <v>3896</v>
      </c>
      <c r="B49935" s="1" t="s">
        <v>168407</v>
      </c>
      <c r="C49935" s="1" t="s">
        <v>30</v>
      </c>
      <c r="D49935" s="1" t="s">
        <v>30744</v>
      </c>
      <c r="E49935" s="1" t="s">
        <v>169038</v>
      </c>
      <c r="F49935" s="1" t="s">
        <v>169039</v>
      </c>
      <c r="G49935" s="1" t="s">
        <v>169026</v>
      </c>
      <c r="H49935" s="1" t="s">
        <v>169027</v>
      </c>
      <c r="I49935" s="1" t="s">
        <v>168412</v>
      </c>
      <c r="J49935" s="1" t="s">
        <v>169040</v>
      </c>
    </row>
    <row r="49936" spans="1:10" x14ac:dyDescent="0.35">
      <c r="A49936" s="1" t="s">
        <v>3896</v>
      </c>
      <c r="B49936" s="1" t="s">
        <v>168407</v>
      </c>
      <c r="C49936" s="1" t="s">
        <v>35</v>
      </c>
      <c r="D49936" s="1" t="s">
        <v>169041</v>
      </c>
      <c r="E49936" s="1" t="s">
        <v>169042</v>
      </c>
      <c r="F49936" s="1" t="s">
        <v>169043</v>
      </c>
      <c r="G49936" s="1" t="s">
        <v>169026</v>
      </c>
      <c r="H49936" s="1" t="s">
        <v>169027</v>
      </c>
      <c r="I49936" s="1" t="s">
        <v>168412</v>
      </c>
      <c r="J49936" s="1" t="s">
        <v>169044</v>
      </c>
    </row>
    <row r="49937" spans="1:10" x14ac:dyDescent="0.35">
      <c r="A49937" s="1" t="s">
        <v>3896</v>
      </c>
      <c r="B49937" s="1" t="s">
        <v>168407</v>
      </c>
      <c r="C49937" s="1" t="s">
        <v>40</v>
      </c>
      <c r="D49937" s="1" t="s">
        <v>28666</v>
      </c>
      <c r="E49937" s="1" t="s">
        <v>6859</v>
      </c>
      <c r="F49937" s="1" t="s">
        <v>169045</v>
      </c>
      <c r="G49937" s="1" t="s">
        <v>169026</v>
      </c>
      <c r="H49937" s="1" t="s">
        <v>169027</v>
      </c>
      <c r="I49937" s="1" t="s">
        <v>168412</v>
      </c>
      <c r="J49937" s="1" t="s">
        <v>169046</v>
      </c>
    </row>
    <row r="49938" spans="1:10" x14ac:dyDescent="0.35">
      <c r="A49938" s="1" t="s">
        <v>3896</v>
      </c>
      <c r="B49938" s="1" t="s">
        <v>168407</v>
      </c>
      <c r="C49938" s="1" t="s">
        <v>45</v>
      </c>
      <c r="D49938" s="1" t="s">
        <v>151862</v>
      </c>
      <c r="E49938" s="1" t="s">
        <v>169035</v>
      </c>
      <c r="F49938" s="1" t="s">
        <v>169047</v>
      </c>
      <c r="G49938" s="1" t="s">
        <v>169026</v>
      </c>
      <c r="H49938" s="1" t="s">
        <v>169027</v>
      </c>
      <c r="I49938" s="1" t="s">
        <v>168412</v>
      </c>
      <c r="J49938" s="1" t="s">
        <v>169048</v>
      </c>
    </row>
    <row r="49939" spans="1:10" x14ac:dyDescent="0.35">
      <c r="A49939" s="1" t="s">
        <v>3896</v>
      </c>
      <c r="B49939" s="1" t="s">
        <v>168407</v>
      </c>
      <c r="C49939" s="1" t="s">
        <v>50</v>
      </c>
      <c r="D49939" s="1" t="s">
        <v>169049</v>
      </c>
      <c r="E49939" s="1" t="s">
        <v>169050</v>
      </c>
      <c r="F49939" s="1" t="s">
        <v>169051</v>
      </c>
      <c r="G49939" s="1" t="s">
        <v>169026</v>
      </c>
      <c r="H49939" s="1" t="s">
        <v>169027</v>
      </c>
      <c r="I49939" s="1" t="s">
        <v>168412</v>
      </c>
      <c r="J49939" s="1" t="s">
        <v>169052</v>
      </c>
    </row>
    <row r="49940" spans="1:10" x14ac:dyDescent="0.35">
      <c r="A49940" s="1" t="s">
        <v>3896</v>
      </c>
      <c r="B49940" s="1" t="s">
        <v>168407</v>
      </c>
      <c r="C49940" s="1" t="s">
        <v>55</v>
      </c>
      <c r="D49940" s="1" t="s">
        <v>31741</v>
      </c>
      <c r="E49940" s="1" t="s">
        <v>8839</v>
      </c>
      <c r="F49940" s="1" t="s">
        <v>169053</v>
      </c>
      <c r="G49940" s="1" t="s">
        <v>169026</v>
      </c>
      <c r="H49940" s="1" t="s">
        <v>169027</v>
      </c>
      <c r="I49940" s="1" t="s">
        <v>168412</v>
      </c>
      <c r="J49940" s="1" t="s">
        <v>169054</v>
      </c>
    </row>
    <row r="49941" spans="1:10" x14ac:dyDescent="0.35">
      <c r="A49941" s="1" t="s">
        <v>3896</v>
      </c>
      <c r="B49941" s="1" t="s">
        <v>168407</v>
      </c>
      <c r="C49941" s="1" t="s">
        <v>60</v>
      </c>
      <c r="D49941" s="1" t="s">
        <v>72906</v>
      </c>
      <c r="E49941" s="1" t="s">
        <v>169055</v>
      </c>
      <c r="F49941" s="1" t="s">
        <v>169056</v>
      </c>
      <c r="G49941" s="1" t="s">
        <v>169026</v>
      </c>
      <c r="H49941" s="1" t="s">
        <v>169027</v>
      </c>
      <c r="I49941" s="1" t="s">
        <v>168412</v>
      </c>
      <c r="J49941" s="1" t="s">
        <v>169057</v>
      </c>
    </row>
    <row r="49942" spans="1:10" x14ac:dyDescent="0.35">
      <c r="A49942" s="1" t="s">
        <v>3896</v>
      </c>
      <c r="B49942" s="1" t="s">
        <v>168407</v>
      </c>
      <c r="C49942" s="1" t="s">
        <v>65</v>
      </c>
      <c r="D49942" s="1" t="s">
        <v>35825</v>
      </c>
      <c r="E49942" s="1" t="s">
        <v>169058</v>
      </c>
      <c r="F49942" s="1" t="s">
        <v>169059</v>
      </c>
      <c r="G49942" s="1" t="s">
        <v>169026</v>
      </c>
      <c r="H49942" s="1" t="s">
        <v>169027</v>
      </c>
      <c r="I49942" s="1" t="s">
        <v>168412</v>
      </c>
      <c r="J49942" s="1" t="s">
        <v>169060</v>
      </c>
    </row>
    <row r="49943" spans="1:10" x14ac:dyDescent="0.35">
      <c r="A49943" s="1" t="s">
        <v>3896</v>
      </c>
      <c r="B49943" s="1" t="s">
        <v>168407</v>
      </c>
      <c r="C49943" s="1" t="s">
        <v>70</v>
      </c>
      <c r="D49943" s="1" t="s">
        <v>120402</v>
      </c>
      <c r="E49943" s="1" t="s">
        <v>169061</v>
      </c>
      <c r="F49943" s="1" t="s">
        <v>169062</v>
      </c>
      <c r="G49943" s="1" t="s">
        <v>169026</v>
      </c>
      <c r="H49943" s="1" t="s">
        <v>169027</v>
      </c>
      <c r="I49943" s="1" t="s">
        <v>168412</v>
      </c>
      <c r="J49943" s="1" t="s">
        <v>169063</v>
      </c>
    </row>
    <row r="49944" spans="1:10" x14ac:dyDescent="0.35">
      <c r="A49944" s="1" t="s">
        <v>3896</v>
      </c>
      <c r="B49944" s="1" t="s">
        <v>168407</v>
      </c>
      <c r="C49944" s="1" t="s">
        <v>75</v>
      </c>
      <c r="D49944" s="1" t="s">
        <v>15937</v>
      </c>
      <c r="E49944" s="1" t="s">
        <v>4250</v>
      </c>
      <c r="F49944" s="1" t="s">
        <v>169064</v>
      </c>
      <c r="G49944" s="1" t="s">
        <v>169026</v>
      </c>
      <c r="H49944" s="1" t="s">
        <v>169027</v>
      </c>
      <c r="I49944" s="1" t="s">
        <v>168412</v>
      </c>
      <c r="J49944" s="1" t="s">
        <v>169065</v>
      </c>
    </row>
    <row r="49945" spans="1:10" x14ac:dyDescent="0.35">
      <c r="A49945" s="1" t="s">
        <v>3896</v>
      </c>
      <c r="B49945" s="1" t="s">
        <v>168407</v>
      </c>
      <c r="C49945" s="1" t="s">
        <v>80</v>
      </c>
      <c r="D49945" s="1" t="s">
        <v>47369</v>
      </c>
      <c r="E49945" s="1" t="s">
        <v>169066</v>
      </c>
      <c r="F49945" s="1" t="s">
        <v>169067</v>
      </c>
      <c r="G49945" s="1" t="s">
        <v>169026</v>
      </c>
      <c r="H49945" s="1" t="s">
        <v>169027</v>
      </c>
      <c r="I49945" s="1" t="s">
        <v>168412</v>
      </c>
      <c r="J49945" s="1" t="s">
        <v>169068</v>
      </c>
    </row>
    <row r="49946" spans="1:10" x14ac:dyDescent="0.35">
      <c r="A49946" s="1" t="s">
        <v>3896</v>
      </c>
      <c r="B49946" s="1" t="s">
        <v>168407</v>
      </c>
      <c r="C49946" s="1" t="s">
        <v>85</v>
      </c>
      <c r="D49946" s="1" t="s">
        <v>74247</v>
      </c>
      <c r="E49946" s="1" t="s">
        <v>468</v>
      </c>
      <c r="F49946" s="1" t="s">
        <v>169069</v>
      </c>
      <c r="G49946" s="1" t="s">
        <v>169026</v>
      </c>
      <c r="H49946" s="1" t="s">
        <v>169027</v>
      </c>
      <c r="I49946" s="1" t="s">
        <v>168412</v>
      </c>
      <c r="J49946" s="1" t="s">
        <v>169070</v>
      </c>
    </row>
    <row r="49947" spans="1:10" x14ac:dyDescent="0.35">
      <c r="A49947" s="1" t="s">
        <v>3896</v>
      </c>
      <c r="B49947" s="1" t="s">
        <v>168407</v>
      </c>
      <c r="C49947" s="1" t="s">
        <v>90</v>
      </c>
      <c r="D49947" s="1" t="s">
        <v>169071</v>
      </c>
      <c r="E49947" s="1" t="s">
        <v>169072</v>
      </c>
      <c r="F49947" s="1" t="s">
        <v>169073</v>
      </c>
      <c r="G49947" s="1" t="s">
        <v>169026</v>
      </c>
      <c r="H49947" s="1" t="s">
        <v>169027</v>
      </c>
      <c r="I49947" s="1" t="s">
        <v>168412</v>
      </c>
      <c r="J49947" s="1" t="s">
        <v>169074</v>
      </c>
    </row>
    <row r="49948" spans="1:10" x14ac:dyDescent="0.35">
      <c r="A49948" s="1" t="s">
        <v>3896</v>
      </c>
      <c r="B49948" s="1" t="s">
        <v>168407</v>
      </c>
      <c r="C49948" s="1" t="s">
        <v>95</v>
      </c>
      <c r="D49948" s="1" t="s">
        <v>169075</v>
      </c>
      <c r="E49948" s="1" t="s">
        <v>118865</v>
      </c>
      <c r="F49948" s="1" t="s">
        <v>139679</v>
      </c>
      <c r="G49948" s="1" t="s">
        <v>169026</v>
      </c>
      <c r="H49948" s="1" t="s">
        <v>169027</v>
      </c>
      <c r="I49948" s="1" t="s">
        <v>168412</v>
      </c>
      <c r="J49948" s="1" t="s">
        <v>169076</v>
      </c>
    </row>
    <row r="49949" spans="1:10" x14ac:dyDescent="0.35">
      <c r="A49949" s="1" t="s">
        <v>3896</v>
      </c>
      <c r="B49949" s="1" t="s">
        <v>168407</v>
      </c>
      <c r="C49949" s="1" t="s">
        <v>100</v>
      </c>
      <c r="D49949" s="1" t="s">
        <v>44967</v>
      </c>
      <c r="E49949" s="1" t="s">
        <v>4269</v>
      </c>
      <c r="F49949" s="1" t="s">
        <v>169077</v>
      </c>
      <c r="G49949" s="1" t="s">
        <v>169026</v>
      </c>
      <c r="H49949" s="1" t="s">
        <v>169027</v>
      </c>
      <c r="I49949" s="1" t="s">
        <v>168412</v>
      </c>
      <c r="J49949" s="1" t="s">
        <v>169078</v>
      </c>
    </row>
    <row r="49950" spans="1:10" x14ac:dyDescent="0.35">
      <c r="A49950" s="1" t="s">
        <v>3896</v>
      </c>
      <c r="B49950" s="1" t="s">
        <v>168407</v>
      </c>
      <c r="C49950" s="1" t="s">
        <v>105</v>
      </c>
      <c r="D49950" s="1" t="s">
        <v>169079</v>
      </c>
      <c r="E49950" s="1" t="s">
        <v>169080</v>
      </c>
      <c r="F49950" s="1" t="s">
        <v>169081</v>
      </c>
      <c r="G49950" s="1" t="s">
        <v>169026</v>
      </c>
      <c r="H49950" s="1" t="s">
        <v>169027</v>
      </c>
      <c r="I49950" s="1" t="s">
        <v>168412</v>
      </c>
      <c r="J49950" s="1" t="s">
        <v>169082</v>
      </c>
    </row>
    <row r="49951" spans="1:10" x14ac:dyDescent="0.35">
      <c r="A49951" s="1" t="s">
        <v>3896</v>
      </c>
      <c r="B49951" s="1" t="s">
        <v>168407</v>
      </c>
      <c r="C49951" s="1" t="s">
        <v>110</v>
      </c>
      <c r="D49951" s="1" t="s">
        <v>36407</v>
      </c>
      <c r="E49951" s="1" t="s">
        <v>169042</v>
      </c>
      <c r="F49951" s="1" t="s">
        <v>169083</v>
      </c>
      <c r="G49951" s="1" t="s">
        <v>169026</v>
      </c>
      <c r="H49951" s="1" t="s">
        <v>169027</v>
      </c>
      <c r="I49951" s="1" t="s">
        <v>168412</v>
      </c>
      <c r="J49951" s="1" t="s">
        <v>169084</v>
      </c>
    </row>
    <row r="49952" spans="1:10" x14ac:dyDescent="0.35">
      <c r="A49952" s="1" t="s">
        <v>3896</v>
      </c>
      <c r="B49952" s="1" t="s">
        <v>168407</v>
      </c>
      <c r="C49952" s="1" t="s">
        <v>115</v>
      </c>
      <c r="D49952" s="1" t="s">
        <v>140972</v>
      </c>
      <c r="E49952" s="1" t="s">
        <v>169066</v>
      </c>
      <c r="F49952" s="1" t="s">
        <v>169085</v>
      </c>
      <c r="G49952" s="1" t="s">
        <v>169026</v>
      </c>
      <c r="H49952" s="1" t="s">
        <v>169027</v>
      </c>
      <c r="I49952" s="1" t="s">
        <v>168412</v>
      </c>
      <c r="J49952" s="1" t="s">
        <v>169086</v>
      </c>
    </row>
    <row r="49953" spans="1:10" x14ac:dyDescent="0.35">
      <c r="A49953" s="1" t="s">
        <v>3896</v>
      </c>
      <c r="B49953" s="1" t="s">
        <v>168407</v>
      </c>
      <c r="C49953" s="1" t="s">
        <v>120</v>
      </c>
      <c r="D49953" s="1" t="s">
        <v>169087</v>
      </c>
      <c r="E49953" s="1" t="s">
        <v>169088</v>
      </c>
      <c r="F49953" s="1" t="s">
        <v>169089</v>
      </c>
      <c r="G49953" s="1" t="s">
        <v>169026</v>
      </c>
      <c r="H49953" s="1" t="s">
        <v>169027</v>
      </c>
      <c r="I49953" s="1" t="s">
        <v>168412</v>
      </c>
      <c r="J49953" s="1" t="s">
        <v>169090</v>
      </c>
    </row>
    <row r="49954" spans="1:10" x14ac:dyDescent="0.35">
      <c r="A49954" s="1" t="s">
        <v>3896</v>
      </c>
      <c r="B49954" s="1" t="s">
        <v>168407</v>
      </c>
      <c r="C49954" s="1" t="s">
        <v>125</v>
      </c>
      <c r="D49954" s="1" t="s">
        <v>82205</v>
      </c>
      <c r="E49954" s="1" t="s">
        <v>3021</v>
      </c>
      <c r="F49954" s="1" t="s">
        <v>169091</v>
      </c>
      <c r="G49954" s="1" t="s">
        <v>169026</v>
      </c>
      <c r="H49954" s="1" t="s">
        <v>169027</v>
      </c>
      <c r="I49954" s="1" t="s">
        <v>168412</v>
      </c>
      <c r="J49954" s="1" t="s">
        <v>169092</v>
      </c>
    </row>
    <row r="49955" spans="1:10" x14ac:dyDescent="0.35">
      <c r="A49955" s="1" t="s">
        <v>3896</v>
      </c>
      <c r="B49955" s="1" t="s">
        <v>168407</v>
      </c>
      <c r="C49955" s="1" t="s">
        <v>130</v>
      </c>
      <c r="D49955" s="1" t="s">
        <v>12765</v>
      </c>
      <c r="E49955" s="1" t="s">
        <v>169093</v>
      </c>
      <c r="F49955" s="1" t="s">
        <v>169094</v>
      </c>
      <c r="G49955" s="1" t="s">
        <v>169026</v>
      </c>
      <c r="H49955" s="1" t="s">
        <v>169027</v>
      </c>
      <c r="I49955" s="1" t="s">
        <v>168412</v>
      </c>
      <c r="J49955" s="1" t="s">
        <v>169095</v>
      </c>
    </row>
    <row r="49956" spans="1:10" x14ac:dyDescent="0.35">
      <c r="A49956" s="1" t="s">
        <v>3896</v>
      </c>
      <c r="B49956" s="1" t="s">
        <v>168407</v>
      </c>
      <c r="C49956" s="1" t="s">
        <v>135</v>
      </c>
      <c r="D49956" s="1" t="s">
        <v>114044</v>
      </c>
      <c r="E49956" s="1" t="s">
        <v>169096</v>
      </c>
      <c r="F49956" s="1" t="s">
        <v>169097</v>
      </c>
      <c r="G49956" s="1" t="s">
        <v>169026</v>
      </c>
      <c r="H49956" s="1" t="s">
        <v>169027</v>
      </c>
      <c r="I49956" s="1" t="s">
        <v>168412</v>
      </c>
      <c r="J49956" s="1" t="s">
        <v>169098</v>
      </c>
    </row>
    <row r="49957" spans="1:10" x14ac:dyDescent="0.35">
      <c r="A49957" s="1" t="s">
        <v>3896</v>
      </c>
      <c r="B49957" s="1" t="s">
        <v>168407</v>
      </c>
      <c r="C49957" s="1" t="s">
        <v>140</v>
      </c>
      <c r="D49957" s="1" t="s">
        <v>31803</v>
      </c>
      <c r="E49957" s="1" t="s">
        <v>169099</v>
      </c>
      <c r="F49957" s="1" t="s">
        <v>169100</v>
      </c>
      <c r="G49957" s="1" t="s">
        <v>169026</v>
      </c>
      <c r="H49957" s="1" t="s">
        <v>169027</v>
      </c>
      <c r="I49957" s="1" t="s">
        <v>168412</v>
      </c>
      <c r="J49957" s="1" t="s">
        <v>169101</v>
      </c>
    </row>
    <row r="49958" spans="1:10" x14ac:dyDescent="0.35">
      <c r="A49958" s="1" t="s">
        <v>3896</v>
      </c>
      <c r="B49958" s="1" t="s">
        <v>168407</v>
      </c>
      <c r="C49958" s="1" t="s">
        <v>145</v>
      </c>
      <c r="D49958" s="1" t="s">
        <v>168723</v>
      </c>
      <c r="E49958" s="1" t="s">
        <v>4246</v>
      </c>
      <c r="F49958" s="1" t="s">
        <v>169102</v>
      </c>
      <c r="G49958" s="1" t="s">
        <v>169026</v>
      </c>
      <c r="H49958" s="1" t="s">
        <v>169027</v>
      </c>
      <c r="I49958" s="1" t="s">
        <v>168412</v>
      </c>
      <c r="J49958" s="1" t="s">
        <v>169103</v>
      </c>
    </row>
    <row r="49959" spans="1:10" x14ac:dyDescent="0.35">
      <c r="A49959" s="1" t="s">
        <v>3896</v>
      </c>
      <c r="B49959" s="1" t="s">
        <v>168407</v>
      </c>
      <c r="C49959" s="1" t="s">
        <v>150</v>
      </c>
      <c r="D49959" s="1" t="s">
        <v>18300</v>
      </c>
      <c r="E49959" s="1" t="s">
        <v>168759</v>
      </c>
      <c r="F49959" s="1" t="s">
        <v>169104</v>
      </c>
      <c r="G49959" s="1" t="s">
        <v>169026</v>
      </c>
      <c r="H49959" s="1" t="s">
        <v>169027</v>
      </c>
      <c r="I49959" s="1" t="s">
        <v>168412</v>
      </c>
      <c r="J49959" s="1" t="s">
        <v>169105</v>
      </c>
    </row>
    <row r="49960" spans="1:10" x14ac:dyDescent="0.35">
      <c r="A49960" s="1" t="s">
        <v>3896</v>
      </c>
      <c r="B49960" s="1" t="s">
        <v>168407</v>
      </c>
      <c r="C49960" s="1" t="s">
        <v>155</v>
      </c>
      <c r="D49960" s="1" t="s">
        <v>169106</v>
      </c>
      <c r="E49960" s="1" t="s">
        <v>169107</v>
      </c>
      <c r="F49960" s="1" t="s">
        <v>169108</v>
      </c>
      <c r="G49960" s="1" t="s">
        <v>169026</v>
      </c>
      <c r="H49960" s="1" t="s">
        <v>169027</v>
      </c>
      <c r="I49960" s="1" t="s">
        <v>168412</v>
      </c>
      <c r="J49960" s="1" t="s">
        <v>169109</v>
      </c>
    </row>
    <row r="49961" spans="1:10" x14ac:dyDescent="0.35">
      <c r="A49961" s="1" t="s">
        <v>3896</v>
      </c>
      <c r="B49961" s="1" t="s">
        <v>168407</v>
      </c>
      <c r="C49961" s="1" t="s">
        <v>160</v>
      </c>
      <c r="D49961" s="1" t="s">
        <v>114165</v>
      </c>
      <c r="E49961" s="1" t="s">
        <v>169110</v>
      </c>
      <c r="F49961" s="1" t="s">
        <v>169111</v>
      </c>
      <c r="G49961" s="1" t="s">
        <v>169026</v>
      </c>
      <c r="H49961" s="1" t="s">
        <v>169027</v>
      </c>
      <c r="I49961" s="1" t="s">
        <v>168412</v>
      </c>
      <c r="J49961" s="1" t="s">
        <v>169112</v>
      </c>
    </row>
    <row r="49962" spans="1:10" x14ac:dyDescent="0.35">
      <c r="A49962" s="1" t="s">
        <v>3896</v>
      </c>
      <c r="B49962" s="1" t="s">
        <v>168407</v>
      </c>
      <c r="C49962" s="1" t="s">
        <v>165</v>
      </c>
      <c r="D49962" s="1" t="s">
        <v>114404</v>
      </c>
      <c r="E49962" s="1" t="s">
        <v>2964</v>
      </c>
      <c r="F49962" s="1" t="s">
        <v>169113</v>
      </c>
      <c r="G49962" s="1" t="s">
        <v>169026</v>
      </c>
      <c r="H49962" s="1" t="s">
        <v>169027</v>
      </c>
      <c r="I49962" s="1" t="s">
        <v>168412</v>
      </c>
      <c r="J49962" s="1" t="s">
        <v>169114</v>
      </c>
    </row>
    <row r="49963" spans="1:10" x14ac:dyDescent="0.35">
      <c r="A49963" s="1" t="s">
        <v>3896</v>
      </c>
      <c r="B49963" s="1" t="s">
        <v>168407</v>
      </c>
      <c r="C49963" s="1" t="s">
        <v>170</v>
      </c>
      <c r="D49963" s="1" t="s">
        <v>153825</v>
      </c>
      <c r="E49963" s="1" t="s">
        <v>168797</v>
      </c>
      <c r="F49963" s="1" t="s">
        <v>169115</v>
      </c>
      <c r="G49963" s="1" t="s">
        <v>169026</v>
      </c>
      <c r="H49963" s="1" t="s">
        <v>169027</v>
      </c>
      <c r="I49963" s="1" t="s">
        <v>168412</v>
      </c>
      <c r="J49963" s="1" t="s">
        <v>169116</v>
      </c>
    </row>
    <row r="49964" spans="1:10" x14ac:dyDescent="0.35">
      <c r="A49964" s="1" t="s">
        <v>4427</v>
      </c>
      <c r="B49964" s="1" t="s">
        <v>168407</v>
      </c>
      <c r="C49964" s="1" t="s">
        <v>8</v>
      </c>
      <c r="D49964" s="1" t="s">
        <v>169117</v>
      </c>
      <c r="E49964" s="1" t="s">
        <v>169118</v>
      </c>
      <c r="F49964" s="1" t="s">
        <v>169119</v>
      </c>
      <c r="G49964" s="1" t="s">
        <v>169120</v>
      </c>
      <c r="H49964" s="1" t="s">
        <v>169121</v>
      </c>
      <c r="I49964" s="1" t="s">
        <v>168412</v>
      </c>
      <c r="J49964" s="1" t="s">
        <v>13</v>
      </c>
    </row>
    <row r="49965" spans="1:10" x14ac:dyDescent="0.35">
      <c r="A49965" s="1" t="s">
        <v>4427</v>
      </c>
      <c r="B49965" s="1" t="s">
        <v>168407</v>
      </c>
      <c r="C49965" s="1" t="s">
        <v>15</v>
      </c>
      <c r="D49965" s="1" t="s">
        <v>150364</v>
      </c>
      <c r="E49965" s="1" t="s">
        <v>169122</v>
      </c>
      <c r="F49965" s="1" t="s">
        <v>169123</v>
      </c>
      <c r="G49965" s="1" t="s">
        <v>169120</v>
      </c>
      <c r="H49965" s="1" t="s">
        <v>169121</v>
      </c>
      <c r="I49965" s="1" t="s">
        <v>168412</v>
      </c>
      <c r="J49965" s="1" t="s">
        <v>169124</v>
      </c>
    </row>
    <row r="49966" spans="1:10" x14ac:dyDescent="0.35">
      <c r="A49966" s="1" t="s">
        <v>4427</v>
      </c>
      <c r="B49966" s="1" t="s">
        <v>168407</v>
      </c>
      <c r="C49966" s="1" t="s">
        <v>20</v>
      </c>
      <c r="D49966" s="1" t="s">
        <v>169125</v>
      </c>
      <c r="E49966" s="1" t="s">
        <v>169126</v>
      </c>
      <c r="F49966" s="1" t="s">
        <v>169127</v>
      </c>
      <c r="G49966" s="1" t="s">
        <v>169120</v>
      </c>
      <c r="H49966" s="1" t="s">
        <v>169121</v>
      </c>
      <c r="I49966" s="1" t="s">
        <v>168412</v>
      </c>
      <c r="J49966" s="1" t="s">
        <v>169128</v>
      </c>
    </row>
    <row r="49967" spans="1:10" x14ac:dyDescent="0.35">
      <c r="A49967" s="1" t="s">
        <v>4427</v>
      </c>
      <c r="B49967" s="1" t="s">
        <v>168407</v>
      </c>
      <c r="C49967" s="1" t="s">
        <v>25</v>
      </c>
      <c r="D49967" s="1" t="s">
        <v>114102</v>
      </c>
      <c r="E49967" s="1" t="s">
        <v>169129</v>
      </c>
      <c r="F49967" s="1" t="s">
        <v>169130</v>
      </c>
      <c r="G49967" s="1" t="s">
        <v>169120</v>
      </c>
      <c r="H49967" s="1" t="s">
        <v>169121</v>
      </c>
      <c r="I49967" s="1" t="s">
        <v>168412</v>
      </c>
      <c r="J49967" s="1" t="s">
        <v>169131</v>
      </c>
    </row>
    <row r="49968" spans="1:10" x14ac:dyDescent="0.35">
      <c r="A49968" s="1" t="s">
        <v>4427</v>
      </c>
      <c r="B49968" s="1" t="s">
        <v>168407</v>
      </c>
      <c r="C49968" s="1" t="s">
        <v>30</v>
      </c>
      <c r="D49968" s="1" t="s">
        <v>160362</v>
      </c>
      <c r="E49968" s="1" t="s">
        <v>169132</v>
      </c>
      <c r="F49968" s="1" t="s">
        <v>169133</v>
      </c>
      <c r="G49968" s="1" t="s">
        <v>169120</v>
      </c>
      <c r="H49968" s="1" t="s">
        <v>169121</v>
      </c>
      <c r="I49968" s="1" t="s">
        <v>168412</v>
      </c>
      <c r="J49968" s="1" t="s">
        <v>169134</v>
      </c>
    </row>
    <row r="49969" spans="1:10" x14ac:dyDescent="0.35">
      <c r="A49969" s="1" t="s">
        <v>4427</v>
      </c>
      <c r="B49969" s="1" t="s">
        <v>168407</v>
      </c>
      <c r="C49969" s="1" t="s">
        <v>35</v>
      </c>
      <c r="D49969" s="1" t="s">
        <v>147307</v>
      </c>
      <c r="E49969" s="1" t="s">
        <v>169135</v>
      </c>
      <c r="F49969" s="1" t="s">
        <v>169136</v>
      </c>
      <c r="G49969" s="1" t="s">
        <v>169120</v>
      </c>
      <c r="H49969" s="1" t="s">
        <v>169121</v>
      </c>
      <c r="I49969" s="1" t="s">
        <v>168412</v>
      </c>
      <c r="J49969" s="1" t="s">
        <v>169137</v>
      </c>
    </row>
    <row r="49970" spans="1:10" x14ac:dyDescent="0.35">
      <c r="A49970" s="1" t="s">
        <v>4427</v>
      </c>
      <c r="B49970" s="1" t="s">
        <v>168407</v>
      </c>
      <c r="C49970" s="1" t="s">
        <v>40</v>
      </c>
      <c r="D49970" s="1" t="s">
        <v>13494</v>
      </c>
      <c r="E49970" s="1" t="s">
        <v>169138</v>
      </c>
      <c r="F49970" s="1" t="s">
        <v>169139</v>
      </c>
      <c r="G49970" s="1" t="s">
        <v>169120</v>
      </c>
      <c r="H49970" s="1" t="s">
        <v>169121</v>
      </c>
      <c r="I49970" s="1" t="s">
        <v>168412</v>
      </c>
      <c r="J49970" s="1" t="s">
        <v>169140</v>
      </c>
    </row>
    <row r="49971" spans="1:10" x14ac:dyDescent="0.35">
      <c r="A49971" s="1" t="s">
        <v>4427</v>
      </c>
      <c r="B49971" s="1" t="s">
        <v>168407</v>
      </c>
      <c r="C49971" s="1" t="s">
        <v>45</v>
      </c>
      <c r="D49971" s="1" t="s">
        <v>169141</v>
      </c>
      <c r="E49971" s="1" t="s">
        <v>169142</v>
      </c>
      <c r="F49971" s="1" t="s">
        <v>169143</v>
      </c>
      <c r="G49971" s="1" t="s">
        <v>169120</v>
      </c>
      <c r="H49971" s="1" t="s">
        <v>169121</v>
      </c>
      <c r="I49971" s="1" t="s">
        <v>168412</v>
      </c>
      <c r="J49971" s="1" t="s">
        <v>169144</v>
      </c>
    </row>
    <row r="49972" spans="1:10" x14ac:dyDescent="0.35">
      <c r="A49972" s="1" t="s">
        <v>4427</v>
      </c>
      <c r="B49972" s="1" t="s">
        <v>168407</v>
      </c>
      <c r="C49972" s="1" t="s">
        <v>50</v>
      </c>
      <c r="D49972" s="1" t="s">
        <v>169145</v>
      </c>
      <c r="E49972" s="1" t="s">
        <v>169146</v>
      </c>
      <c r="F49972" s="1" t="s">
        <v>169147</v>
      </c>
      <c r="G49972" s="1" t="s">
        <v>169120</v>
      </c>
      <c r="H49972" s="1" t="s">
        <v>169121</v>
      </c>
      <c r="I49972" s="1" t="s">
        <v>168412</v>
      </c>
      <c r="J49972" s="1" t="s">
        <v>169148</v>
      </c>
    </row>
    <row r="49973" spans="1:10" x14ac:dyDescent="0.35">
      <c r="A49973" s="1" t="s">
        <v>4427</v>
      </c>
      <c r="B49973" s="1" t="s">
        <v>168407</v>
      </c>
      <c r="C49973" s="1" t="s">
        <v>55</v>
      </c>
      <c r="D49973" s="1" t="s">
        <v>169149</v>
      </c>
      <c r="E49973" s="1" t="s">
        <v>11366</v>
      </c>
      <c r="F49973" s="1" t="s">
        <v>169150</v>
      </c>
      <c r="G49973" s="1" t="s">
        <v>169120</v>
      </c>
      <c r="H49973" s="1" t="s">
        <v>169121</v>
      </c>
      <c r="I49973" s="1" t="s">
        <v>168412</v>
      </c>
      <c r="J49973" s="1" t="s">
        <v>169151</v>
      </c>
    </row>
    <row r="49974" spans="1:10" x14ac:dyDescent="0.35">
      <c r="A49974" s="1" t="s">
        <v>4427</v>
      </c>
      <c r="B49974" s="1" t="s">
        <v>168407</v>
      </c>
      <c r="C49974" s="1" t="s">
        <v>60</v>
      </c>
      <c r="D49974" s="1" t="s">
        <v>169152</v>
      </c>
      <c r="E49974" s="1" t="s">
        <v>169153</v>
      </c>
      <c r="F49974" s="1" t="s">
        <v>169154</v>
      </c>
      <c r="G49974" s="1" t="s">
        <v>169120</v>
      </c>
      <c r="H49974" s="1" t="s">
        <v>169121</v>
      </c>
      <c r="I49974" s="1" t="s">
        <v>168412</v>
      </c>
      <c r="J49974" s="1" t="s">
        <v>169155</v>
      </c>
    </row>
    <row r="49975" spans="1:10" x14ac:dyDescent="0.35">
      <c r="A49975" s="1" t="s">
        <v>4427</v>
      </c>
      <c r="B49975" s="1" t="s">
        <v>168407</v>
      </c>
      <c r="C49975" s="1" t="s">
        <v>65</v>
      </c>
      <c r="D49975" s="1" t="s">
        <v>169156</v>
      </c>
      <c r="E49975" s="1" t="s">
        <v>169157</v>
      </c>
      <c r="F49975" s="1" t="s">
        <v>169158</v>
      </c>
      <c r="G49975" s="1" t="s">
        <v>169120</v>
      </c>
      <c r="H49975" s="1" t="s">
        <v>169121</v>
      </c>
      <c r="I49975" s="1" t="s">
        <v>168412</v>
      </c>
      <c r="J49975" s="1" t="s">
        <v>169159</v>
      </c>
    </row>
    <row r="49976" spans="1:10" x14ac:dyDescent="0.35">
      <c r="A49976" s="1" t="s">
        <v>4427</v>
      </c>
      <c r="B49976" s="1" t="s">
        <v>168407</v>
      </c>
      <c r="C49976" s="1" t="s">
        <v>70</v>
      </c>
      <c r="D49976" s="1" t="s">
        <v>49331</v>
      </c>
      <c r="E49976" s="1" t="s">
        <v>169160</v>
      </c>
      <c r="F49976" s="1" t="s">
        <v>169161</v>
      </c>
      <c r="G49976" s="1" t="s">
        <v>169120</v>
      </c>
      <c r="H49976" s="1" t="s">
        <v>169121</v>
      </c>
      <c r="I49976" s="1" t="s">
        <v>168412</v>
      </c>
      <c r="J49976" s="1" t="s">
        <v>169162</v>
      </c>
    </row>
    <row r="49977" spans="1:10" x14ac:dyDescent="0.35">
      <c r="A49977" s="1" t="s">
        <v>4427</v>
      </c>
      <c r="B49977" s="1" t="s">
        <v>168407</v>
      </c>
      <c r="C49977" s="1" t="s">
        <v>75</v>
      </c>
      <c r="D49977" s="1" t="s">
        <v>169163</v>
      </c>
      <c r="E49977" s="1" t="s">
        <v>169164</v>
      </c>
      <c r="F49977" s="1" t="s">
        <v>169165</v>
      </c>
      <c r="G49977" s="1" t="s">
        <v>169120</v>
      </c>
      <c r="H49977" s="1" t="s">
        <v>169121</v>
      </c>
      <c r="I49977" s="1" t="s">
        <v>168412</v>
      </c>
      <c r="J49977" s="1" t="s">
        <v>169166</v>
      </c>
    </row>
    <row r="49978" spans="1:10" x14ac:dyDescent="0.35">
      <c r="A49978" s="1" t="s">
        <v>4427</v>
      </c>
      <c r="B49978" s="1" t="s">
        <v>168407</v>
      </c>
      <c r="C49978" s="1" t="s">
        <v>80</v>
      </c>
      <c r="D49978" s="1" t="s">
        <v>169167</v>
      </c>
      <c r="E49978" s="1" t="s">
        <v>169168</v>
      </c>
      <c r="F49978" s="1" t="s">
        <v>169169</v>
      </c>
      <c r="G49978" s="1" t="s">
        <v>169120</v>
      </c>
      <c r="H49978" s="1" t="s">
        <v>169121</v>
      </c>
      <c r="I49978" s="1" t="s">
        <v>168412</v>
      </c>
      <c r="J49978" s="1" t="s">
        <v>169170</v>
      </c>
    </row>
    <row r="49979" spans="1:10" x14ac:dyDescent="0.35">
      <c r="A49979" s="1" t="s">
        <v>4427</v>
      </c>
      <c r="B49979" s="1" t="s">
        <v>168407</v>
      </c>
      <c r="C49979" s="1" t="s">
        <v>85</v>
      </c>
      <c r="D49979" s="1" t="s">
        <v>130026</v>
      </c>
      <c r="E49979" s="1" t="s">
        <v>169171</v>
      </c>
      <c r="F49979" s="1" t="s">
        <v>169172</v>
      </c>
      <c r="G49979" s="1" t="s">
        <v>169120</v>
      </c>
      <c r="H49979" s="1" t="s">
        <v>169121</v>
      </c>
      <c r="I49979" s="1" t="s">
        <v>168412</v>
      </c>
      <c r="J49979" s="1" t="s">
        <v>169173</v>
      </c>
    </row>
    <row r="49980" spans="1:10" x14ac:dyDescent="0.35">
      <c r="A49980" s="1" t="s">
        <v>4427</v>
      </c>
      <c r="B49980" s="1" t="s">
        <v>168407</v>
      </c>
      <c r="C49980" s="1" t="s">
        <v>90</v>
      </c>
      <c r="D49980" s="1" t="s">
        <v>169174</v>
      </c>
      <c r="E49980" s="1" t="s">
        <v>169175</v>
      </c>
      <c r="F49980" s="1" t="s">
        <v>169176</v>
      </c>
      <c r="G49980" s="1" t="s">
        <v>169120</v>
      </c>
      <c r="H49980" s="1" t="s">
        <v>169121</v>
      </c>
      <c r="I49980" s="1" t="s">
        <v>168412</v>
      </c>
      <c r="J49980" s="1" t="s">
        <v>169177</v>
      </c>
    </row>
    <row r="49981" spans="1:10" x14ac:dyDescent="0.35">
      <c r="A49981" s="1" t="s">
        <v>4427</v>
      </c>
      <c r="B49981" s="1" t="s">
        <v>168407</v>
      </c>
      <c r="C49981" s="1" t="s">
        <v>95</v>
      </c>
      <c r="D49981" s="1" t="s">
        <v>58734</v>
      </c>
      <c r="E49981" s="1" t="s">
        <v>169178</v>
      </c>
      <c r="F49981" s="1" t="s">
        <v>169179</v>
      </c>
      <c r="G49981" s="1" t="s">
        <v>169120</v>
      </c>
      <c r="H49981" s="1" t="s">
        <v>169121</v>
      </c>
      <c r="I49981" s="1" t="s">
        <v>168412</v>
      </c>
      <c r="J49981" s="1" t="s">
        <v>169180</v>
      </c>
    </row>
    <row r="49982" spans="1:10" x14ac:dyDescent="0.35">
      <c r="A49982" s="1" t="s">
        <v>4427</v>
      </c>
      <c r="B49982" s="1" t="s">
        <v>168407</v>
      </c>
      <c r="C49982" s="1" t="s">
        <v>100</v>
      </c>
      <c r="D49982" s="1" t="s">
        <v>103034</v>
      </c>
      <c r="E49982" s="1" t="s">
        <v>169181</v>
      </c>
      <c r="F49982" s="1" t="s">
        <v>169182</v>
      </c>
      <c r="G49982" s="1" t="s">
        <v>169120</v>
      </c>
      <c r="H49982" s="1" t="s">
        <v>169121</v>
      </c>
      <c r="I49982" s="1" t="s">
        <v>168412</v>
      </c>
      <c r="J49982" s="1" t="s">
        <v>169183</v>
      </c>
    </row>
    <row r="49983" spans="1:10" x14ac:dyDescent="0.35">
      <c r="A49983" s="1" t="s">
        <v>4427</v>
      </c>
      <c r="B49983" s="1" t="s">
        <v>168407</v>
      </c>
      <c r="C49983" s="1" t="s">
        <v>105</v>
      </c>
      <c r="D49983" s="1" t="s">
        <v>68800</v>
      </c>
      <c r="E49983" s="1" t="s">
        <v>169184</v>
      </c>
      <c r="F49983" s="1" t="s">
        <v>169185</v>
      </c>
      <c r="G49983" s="1" t="s">
        <v>169120</v>
      </c>
      <c r="H49983" s="1" t="s">
        <v>169121</v>
      </c>
      <c r="I49983" s="1" t="s">
        <v>168412</v>
      </c>
      <c r="J49983" s="1" t="s">
        <v>169186</v>
      </c>
    </row>
    <row r="49984" spans="1:10" x14ac:dyDescent="0.35">
      <c r="A49984" s="1" t="s">
        <v>4427</v>
      </c>
      <c r="B49984" s="1" t="s">
        <v>168407</v>
      </c>
      <c r="C49984" s="1" t="s">
        <v>110</v>
      </c>
      <c r="D49984" s="1" t="s">
        <v>169187</v>
      </c>
      <c r="E49984" s="1" t="s">
        <v>169188</v>
      </c>
      <c r="F49984" s="1" t="s">
        <v>169189</v>
      </c>
      <c r="G49984" s="1" t="s">
        <v>169120</v>
      </c>
      <c r="H49984" s="1" t="s">
        <v>169121</v>
      </c>
      <c r="I49984" s="1" t="s">
        <v>168412</v>
      </c>
      <c r="J49984" s="1" t="s">
        <v>169190</v>
      </c>
    </row>
    <row r="49985" spans="1:10" x14ac:dyDescent="0.35">
      <c r="A49985" s="1" t="s">
        <v>4427</v>
      </c>
      <c r="B49985" s="1" t="s">
        <v>168407</v>
      </c>
      <c r="C49985" s="1" t="s">
        <v>115</v>
      </c>
      <c r="D49985" s="1" t="s">
        <v>7464</v>
      </c>
      <c r="E49985" s="1" t="s">
        <v>169191</v>
      </c>
      <c r="F49985" s="1" t="s">
        <v>169192</v>
      </c>
      <c r="G49985" s="1" t="s">
        <v>169120</v>
      </c>
      <c r="H49985" s="1" t="s">
        <v>169121</v>
      </c>
      <c r="I49985" s="1" t="s">
        <v>168412</v>
      </c>
      <c r="J49985" s="1" t="s">
        <v>169193</v>
      </c>
    </row>
    <row r="49986" spans="1:10" x14ac:dyDescent="0.35">
      <c r="A49986" s="1" t="s">
        <v>4427</v>
      </c>
      <c r="B49986" s="1" t="s">
        <v>168407</v>
      </c>
      <c r="C49986" s="1" t="s">
        <v>120</v>
      </c>
      <c r="D49986" s="1" t="s">
        <v>22782</v>
      </c>
      <c r="E49986" s="1" t="s">
        <v>169194</v>
      </c>
      <c r="F49986" s="1" t="s">
        <v>169195</v>
      </c>
      <c r="G49986" s="1" t="s">
        <v>169120</v>
      </c>
      <c r="H49986" s="1" t="s">
        <v>169121</v>
      </c>
      <c r="I49986" s="1" t="s">
        <v>168412</v>
      </c>
      <c r="J49986" s="1" t="s">
        <v>169196</v>
      </c>
    </row>
    <row r="49987" spans="1:10" x14ac:dyDescent="0.35">
      <c r="A49987" s="1" t="s">
        <v>4427</v>
      </c>
      <c r="B49987" s="1" t="s">
        <v>168407</v>
      </c>
      <c r="C49987" s="1" t="s">
        <v>125</v>
      </c>
      <c r="D49987" s="1" t="s">
        <v>169197</v>
      </c>
      <c r="E49987" s="1" t="s">
        <v>169198</v>
      </c>
      <c r="F49987" s="1" t="s">
        <v>169199</v>
      </c>
      <c r="G49987" s="1" t="s">
        <v>169120</v>
      </c>
      <c r="H49987" s="1" t="s">
        <v>169121</v>
      </c>
      <c r="I49987" s="1" t="s">
        <v>168412</v>
      </c>
      <c r="J49987" s="1" t="s">
        <v>169200</v>
      </c>
    </row>
    <row r="49988" spans="1:10" x14ac:dyDescent="0.35">
      <c r="A49988" s="1" t="s">
        <v>4427</v>
      </c>
      <c r="B49988" s="1" t="s">
        <v>168407</v>
      </c>
      <c r="C49988" s="1" t="s">
        <v>130</v>
      </c>
      <c r="D49988" s="1" t="s">
        <v>169201</v>
      </c>
      <c r="E49988" s="1" t="s">
        <v>169202</v>
      </c>
      <c r="F49988" s="1" t="s">
        <v>169203</v>
      </c>
      <c r="G49988" s="1" t="s">
        <v>169120</v>
      </c>
      <c r="H49988" s="1" t="s">
        <v>169121</v>
      </c>
      <c r="I49988" s="1" t="s">
        <v>168412</v>
      </c>
      <c r="J49988" s="1" t="s">
        <v>169204</v>
      </c>
    </row>
    <row r="49989" spans="1:10" x14ac:dyDescent="0.35">
      <c r="A49989" s="1" t="s">
        <v>4427</v>
      </c>
      <c r="B49989" s="1" t="s">
        <v>168407</v>
      </c>
      <c r="C49989" s="1" t="s">
        <v>135</v>
      </c>
      <c r="D49989" s="1" t="s">
        <v>8550</v>
      </c>
      <c r="E49989" s="1" t="s">
        <v>169205</v>
      </c>
      <c r="F49989" s="1" t="s">
        <v>169206</v>
      </c>
      <c r="G49989" s="1" t="s">
        <v>169120</v>
      </c>
      <c r="H49989" s="1" t="s">
        <v>169121</v>
      </c>
      <c r="I49989" s="1" t="s">
        <v>168412</v>
      </c>
      <c r="J49989" s="1" t="s">
        <v>169207</v>
      </c>
    </row>
    <row r="49990" spans="1:10" x14ac:dyDescent="0.35">
      <c r="A49990" s="1" t="s">
        <v>4427</v>
      </c>
      <c r="B49990" s="1" t="s">
        <v>168407</v>
      </c>
      <c r="C49990" s="1" t="s">
        <v>140</v>
      </c>
      <c r="D49990" s="1" t="s">
        <v>169208</v>
      </c>
      <c r="E49990" s="1" t="s">
        <v>169209</v>
      </c>
      <c r="F49990" s="1" t="s">
        <v>169210</v>
      </c>
      <c r="G49990" s="1" t="s">
        <v>169120</v>
      </c>
      <c r="H49990" s="1" t="s">
        <v>169121</v>
      </c>
      <c r="I49990" s="1" t="s">
        <v>168412</v>
      </c>
      <c r="J49990" s="1" t="s">
        <v>169211</v>
      </c>
    </row>
    <row r="49991" spans="1:10" x14ac:dyDescent="0.35">
      <c r="A49991" s="1" t="s">
        <v>4427</v>
      </c>
      <c r="B49991" s="1" t="s">
        <v>168407</v>
      </c>
      <c r="C49991" s="1" t="s">
        <v>145</v>
      </c>
      <c r="D49991" s="1" t="s">
        <v>169212</v>
      </c>
      <c r="E49991" s="1" t="s">
        <v>169213</v>
      </c>
      <c r="F49991" s="1" t="s">
        <v>169214</v>
      </c>
      <c r="G49991" s="1" t="s">
        <v>169120</v>
      </c>
      <c r="H49991" s="1" t="s">
        <v>169121</v>
      </c>
      <c r="I49991" s="1" t="s">
        <v>168412</v>
      </c>
      <c r="J49991" s="1" t="s">
        <v>169215</v>
      </c>
    </row>
    <row r="49992" spans="1:10" x14ac:dyDescent="0.35">
      <c r="A49992" s="1" t="s">
        <v>4427</v>
      </c>
      <c r="B49992" s="1" t="s">
        <v>168407</v>
      </c>
      <c r="C49992" s="1" t="s">
        <v>150</v>
      </c>
      <c r="D49992" s="1" t="s">
        <v>66441</v>
      </c>
      <c r="E49992" s="1" t="s">
        <v>169216</v>
      </c>
      <c r="F49992" s="1" t="s">
        <v>169217</v>
      </c>
      <c r="G49992" s="1" t="s">
        <v>169120</v>
      </c>
      <c r="H49992" s="1" t="s">
        <v>169121</v>
      </c>
      <c r="I49992" s="1" t="s">
        <v>168412</v>
      </c>
      <c r="J49992" s="1" t="s">
        <v>169218</v>
      </c>
    </row>
    <row r="49993" spans="1:10" x14ac:dyDescent="0.35">
      <c r="A49993" s="1" t="s">
        <v>4427</v>
      </c>
      <c r="B49993" s="1" t="s">
        <v>168407</v>
      </c>
      <c r="C49993" s="1" t="s">
        <v>155</v>
      </c>
      <c r="D49993" s="1" t="s">
        <v>169219</v>
      </c>
      <c r="E49993" s="1" t="s">
        <v>169220</v>
      </c>
      <c r="F49993" s="1" t="s">
        <v>169221</v>
      </c>
      <c r="G49993" s="1" t="s">
        <v>169120</v>
      </c>
      <c r="H49993" s="1" t="s">
        <v>169121</v>
      </c>
      <c r="I49993" s="1" t="s">
        <v>168412</v>
      </c>
      <c r="J49993" s="1" t="s">
        <v>169222</v>
      </c>
    </row>
    <row r="49994" spans="1:10" x14ac:dyDescent="0.35">
      <c r="A49994" s="1" t="s">
        <v>4427</v>
      </c>
      <c r="B49994" s="1" t="s">
        <v>168407</v>
      </c>
      <c r="C49994" s="1" t="s">
        <v>160</v>
      </c>
      <c r="D49994" s="1" t="s">
        <v>66222</v>
      </c>
      <c r="E49994" s="1" t="s">
        <v>169223</v>
      </c>
      <c r="F49994" s="1" t="s">
        <v>169224</v>
      </c>
      <c r="G49994" s="1" t="s">
        <v>169120</v>
      </c>
      <c r="H49994" s="1" t="s">
        <v>169121</v>
      </c>
      <c r="I49994" s="1" t="s">
        <v>168412</v>
      </c>
      <c r="J49994" s="1" t="s">
        <v>169225</v>
      </c>
    </row>
    <row r="49995" spans="1:10" x14ac:dyDescent="0.35">
      <c r="A49995" s="1" t="s">
        <v>4427</v>
      </c>
      <c r="B49995" s="1" t="s">
        <v>168407</v>
      </c>
      <c r="C49995" s="1" t="s">
        <v>165</v>
      </c>
      <c r="D49995" s="1" t="s">
        <v>169226</v>
      </c>
      <c r="E49995" s="1" t="s">
        <v>169227</v>
      </c>
      <c r="F49995" s="1" t="s">
        <v>169228</v>
      </c>
      <c r="G49995" s="1" t="s">
        <v>169120</v>
      </c>
      <c r="H49995" s="1" t="s">
        <v>169121</v>
      </c>
      <c r="I49995" s="1" t="s">
        <v>168412</v>
      </c>
      <c r="J49995" s="1" t="s">
        <v>169229</v>
      </c>
    </row>
    <row r="49996" spans="1:10" x14ac:dyDescent="0.35">
      <c r="A49996" s="1" t="s">
        <v>4427</v>
      </c>
      <c r="B49996" s="1" t="s">
        <v>168407</v>
      </c>
      <c r="C49996" s="1" t="s">
        <v>170</v>
      </c>
      <c r="D49996" s="1" t="s">
        <v>67316</v>
      </c>
      <c r="E49996" s="1" t="s">
        <v>169230</v>
      </c>
      <c r="F49996" s="1" t="s">
        <v>169231</v>
      </c>
      <c r="G49996" s="1" t="s">
        <v>169120</v>
      </c>
      <c r="H49996" s="1" t="s">
        <v>169121</v>
      </c>
      <c r="I49996" s="1" t="s">
        <v>168412</v>
      </c>
      <c r="J49996" s="1" t="s">
        <v>169232</v>
      </c>
    </row>
    <row r="49997" spans="1:10" x14ac:dyDescent="0.35">
      <c r="A49997" s="1" t="s">
        <v>25379</v>
      </c>
      <c r="B49997" s="1" t="s">
        <v>168407</v>
      </c>
      <c r="C49997" s="1" t="s">
        <v>8</v>
      </c>
      <c r="D49997" s="1" t="s">
        <v>2327</v>
      </c>
      <c r="E49997" s="1" t="s">
        <v>28155</v>
      </c>
      <c r="F49997" s="1" t="s">
        <v>169233</v>
      </c>
      <c r="G49997" s="1" t="s">
        <v>169234</v>
      </c>
      <c r="H49997" s="1" t="s">
        <v>169235</v>
      </c>
      <c r="I49997" s="1" t="s">
        <v>168412</v>
      </c>
      <c r="J49997" s="1" t="s">
        <v>13</v>
      </c>
    </row>
    <row r="49998" spans="1:10" x14ac:dyDescent="0.35">
      <c r="A49998" s="1" t="s">
        <v>25379</v>
      </c>
      <c r="B49998" s="1" t="s">
        <v>168407</v>
      </c>
      <c r="C49998" s="1" t="s">
        <v>15</v>
      </c>
      <c r="D49998" s="1" t="s">
        <v>8979</v>
      </c>
      <c r="E49998" s="1" t="s">
        <v>169236</v>
      </c>
      <c r="F49998" s="1" t="s">
        <v>97816</v>
      </c>
      <c r="G49998" s="1" t="s">
        <v>169234</v>
      </c>
      <c r="H49998" s="1" t="s">
        <v>169235</v>
      </c>
      <c r="I49998" s="1" t="s">
        <v>168412</v>
      </c>
      <c r="J49998" s="1" t="s">
        <v>121157</v>
      </c>
    </row>
    <row r="49999" spans="1:10" x14ac:dyDescent="0.35">
      <c r="A49999" s="1" t="s">
        <v>25379</v>
      </c>
      <c r="B49999" s="1" t="s">
        <v>168407</v>
      </c>
      <c r="C49999" s="1" t="s">
        <v>20</v>
      </c>
      <c r="D49999" s="1" t="s">
        <v>116412</v>
      </c>
      <c r="E49999" s="1" t="s">
        <v>169237</v>
      </c>
      <c r="F49999" s="1" t="s">
        <v>169238</v>
      </c>
      <c r="G49999" s="1" t="s">
        <v>169234</v>
      </c>
      <c r="H49999" s="1" t="s">
        <v>169235</v>
      </c>
      <c r="I49999" s="1" t="s">
        <v>168412</v>
      </c>
      <c r="J49999" s="1" t="s">
        <v>168843</v>
      </c>
    </row>
    <row r="50000" spans="1:10" x14ac:dyDescent="0.35">
      <c r="A50000" s="1" t="s">
        <v>25379</v>
      </c>
      <c r="B50000" s="1" t="s">
        <v>168407</v>
      </c>
      <c r="C50000" s="1" t="s">
        <v>25</v>
      </c>
      <c r="D50000" s="1" t="s">
        <v>35396</v>
      </c>
      <c r="E50000" s="1" t="s">
        <v>4230</v>
      </c>
      <c r="F50000" s="1" t="s">
        <v>169239</v>
      </c>
      <c r="G50000" s="1" t="s">
        <v>169234</v>
      </c>
      <c r="H50000" s="1" t="s">
        <v>169235</v>
      </c>
      <c r="I50000" s="1" t="s">
        <v>168412</v>
      </c>
      <c r="J50000" s="1" t="s">
        <v>168846</v>
      </c>
    </row>
    <row r="50001" spans="1:10" x14ac:dyDescent="0.35">
      <c r="A50001" s="1" t="s">
        <v>25379</v>
      </c>
      <c r="B50001" s="1" t="s">
        <v>168407</v>
      </c>
      <c r="C50001" s="1" t="s">
        <v>30</v>
      </c>
      <c r="D50001" s="1" t="s">
        <v>168847</v>
      </c>
      <c r="E50001" s="1" t="s">
        <v>8839</v>
      </c>
      <c r="F50001" s="1" t="s">
        <v>169240</v>
      </c>
      <c r="G50001" s="1" t="s">
        <v>169234</v>
      </c>
      <c r="H50001" s="1" t="s">
        <v>169235</v>
      </c>
      <c r="I50001" s="1" t="s">
        <v>168412</v>
      </c>
      <c r="J50001" s="1" t="s">
        <v>168850</v>
      </c>
    </row>
    <row r="50002" spans="1:10" x14ac:dyDescent="0.35">
      <c r="A50002" s="1" t="s">
        <v>25379</v>
      </c>
      <c r="B50002" s="1" t="s">
        <v>168407</v>
      </c>
      <c r="C50002" s="1" t="s">
        <v>35</v>
      </c>
      <c r="D50002" s="1" t="s">
        <v>75347</v>
      </c>
      <c r="E50002" s="1" t="s">
        <v>4261</v>
      </c>
      <c r="F50002" s="1" t="s">
        <v>169241</v>
      </c>
      <c r="G50002" s="1" t="s">
        <v>169234</v>
      </c>
      <c r="H50002" s="1" t="s">
        <v>169235</v>
      </c>
      <c r="I50002" s="1" t="s">
        <v>168412</v>
      </c>
      <c r="J50002" s="1" t="s">
        <v>168853</v>
      </c>
    </row>
    <row r="50003" spans="1:10" x14ac:dyDescent="0.35">
      <c r="A50003" s="1" t="s">
        <v>25379</v>
      </c>
      <c r="B50003" s="1" t="s">
        <v>168407</v>
      </c>
      <c r="C50003" s="1" t="s">
        <v>40</v>
      </c>
      <c r="D50003" s="1" t="s">
        <v>135698</v>
      </c>
      <c r="E50003" s="1" t="s">
        <v>169242</v>
      </c>
      <c r="F50003" s="1" t="s">
        <v>169243</v>
      </c>
      <c r="G50003" s="1" t="s">
        <v>169234</v>
      </c>
      <c r="H50003" s="1" t="s">
        <v>169235</v>
      </c>
      <c r="I50003" s="1" t="s">
        <v>168412</v>
      </c>
      <c r="J50003" s="1" t="s">
        <v>168856</v>
      </c>
    </row>
    <row r="50004" spans="1:10" x14ac:dyDescent="0.35">
      <c r="A50004" s="1" t="s">
        <v>25379</v>
      </c>
      <c r="B50004" s="1" t="s">
        <v>168407</v>
      </c>
      <c r="C50004" s="1" t="s">
        <v>45</v>
      </c>
      <c r="D50004" s="1" t="s">
        <v>70825</v>
      </c>
      <c r="E50004" s="1" t="s">
        <v>169244</v>
      </c>
      <c r="F50004" s="1" t="s">
        <v>169245</v>
      </c>
      <c r="G50004" s="1" t="s">
        <v>169234</v>
      </c>
      <c r="H50004" s="1" t="s">
        <v>169235</v>
      </c>
      <c r="I50004" s="1" t="s">
        <v>168412</v>
      </c>
      <c r="J50004" s="1" t="s">
        <v>168859</v>
      </c>
    </row>
    <row r="50005" spans="1:10" x14ac:dyDescent="0.35">
      <c r="A50005" s="1" t="s">
        <v>25379</v>
      </c>
      <c r="B50005" s="1" t="s">
        <v>168407</v>
      </c>
      <c r="C50005" s="1" t="s">
        <v>50</v>
      </c>
      <c r="D50005" s="1" t="s">
        <v>168860</v>
      </c>
      <c r="E50005" s="1" t="s">
        <v>169088</v>
      </c>
      <c r="F50005" s="1" t="s">
        <v>169246</v>
      </c>
      <c r="G50005" s="1" t="s">
        <v>169234</v>
      </c>
      <c r="H50005" s="1" t="s">
        <v>169235</v>
      </c>
      <c r="I50005" s="1" t="s">
        <v>168412</v>
      </c>
      <c r="J50005" s="1" t="s">
        <v>168863</v>
      </c>
    </row>
    <row r="50006" spans="1:10" x14ac:dyDescent="0.35">
      <c r="A50006" s="1" t="s">
        <v>25379</v>
      </c>
      <c r="B50006" s="1" t="s">
        <v>168407</v>
      </c>
      <c r="C50006" s="1" t="s">
        <v>55</v>
      </c>
      <c r="D50006" s="1" t="s">
        <v>15879</v>
      </c>
      <c r="E50006" s="1" t="s">
        <v>28285</v>
      </c>
      <c r="F50006" s="1" t="s">
        <v>169247</v>
      </c>
      <c r="G50006" s="1" t="s">
        <v>169234</v>
      </c>
      <c r="H50006" s="1" t="s">
        <v>169235</v>
      </c>
      <c r="I50006" s="1" t="s">
        <v>168412</v>
      </c>
      <c r="J50006" s="1" t="s">
        <v>168866</v>
      </c>
    </row>
    <row r="50007" spans="1:10" x14ac:dyDescent="0.35">
      <c r="A50007" s="1" t="s">
        <v>25379</v>
      </c>
      <c r="B50007" s="1" t="s">
        <v>168407</v>
      </c>
      <c r="C50007" s="1" t="s">
        <v>60</v>
      </c>
      <c r="D50007" s="1" t="s">
        <v>35703</v>
      </c>
      <c r="E50007" s="1" t="s">
        <v>169248</v>
      </c>
      <c r="F50007" s="1" t="s">
        <v>169249</v>
      </c>
      <c r="G50007" s="1" t="s">
        <v>169234</v>
      </c>
      <c r="H50007" s="1" t="s">
        <v>169235</v>
      </c>
      <c r="I50007" s="1" t="s">
        <v>168412</v>
      </c>
      <c r="J50007" s="1" t="s">
        <v>168869</v>
      </c>
    </row>
    <row r="50008" spans="1:10" x14ac:dyDescent="0.35">
      <c r="A50008" s="1" t="s">
        <v>25379</v>
      </c>
      <c r="B50008" s="1" t="s">
        <v>168407</v>
      </c>
      <c r="C50008" s="1" t="s">
        <v>65</v>
      </c>
      <c r="D50008" s="1" t="s">
        <v>83404</v>
      </c>
      <c r="E50008" s="1" t="s">
        <v>169250</v>
      </c>
      <c r="F50008" s="1" t="s">
        <v>169251</v>
      </c>
      <c r="G50008" s="1" t="s">
        <v>169234</v>
      </c>
      <c r="H50008" s="1" t="s">
        <v>169235</v>
      </c>
      <c r="I50008" s="1" t="s">
        <v>168412</v>
      </c>
      <c r="J50008" s="1" t="s">
        <v>168872</v>
      </c>
    </row>
    <row r="50009" spans="1:10" x14ac:dyDescent="0.35">
      <c r="A50009" s="1" t="s">
        <v>25379</v>
      </c>
      <c r="B50009" s="1" t="s">
        <v>168407</v>
      </c>
      <c r="C50009" s="1" t="s">
        <v>70</v>
      </c>
      <c r="D50009" s="1" t="s">
        <v>14576</v>
      </c>
      <c r="E50009" s="1" t="s">
        <v>169252</v>
      </c>
      <c r="F50009" s="1" t="s">
        <v>169253</v>
      </c>
      <c r="G50009" s="1" t="s">
        <v>169234</v>
      </c>
      <c r="H50009" s="1" t="s">
        <v>169235</v>
      </c>
      <c r="I50009" s="1" t="s">
        <v>168412</v>
      </c>
      <c r="J50009" s="1" t="s">
        <v>168875</v>
      </c>
    </row>
    <row r="50010" spans="1:10" x14ac:dyDescent="0.35">
      <c r="A50010" s="1" t="s">
        <v>25379</v>
      </c>
      <c r="B50010" s="1" t="s">
        <v>168407</v>
      </c>
      <c r="C50010" s="1" t="s">
        <v>75</v>
      </c>
      <c r="D50010" s="1" t="s">
        <v>33694</v>
      </c>
      <c r="E50010" s="1" t="s">
        <v>169254</v>
      </c>
      <c r="F50010" s="1" t="s">
        <v>169255</v>
      </c>
      <c r="G50010" s="1" t="s">
        <v>169234</v>
      </c>
      <c r="H50010" s="1" t="s">
        <v>169235</v>
      </c>
      <c r="I50010" s="1" t="s">
        <v>168412</v>
      </c>
      <c r="J50010" s="1" t="s">
        <v>168878</v>
      </c>
    </row>
    <row r="50011" spans="1:10" x14ac:dyDescent="0.35">
      <c r="A50011" s="1" t="s">
        <v>25379</v>
      </c>
      <c r="B50011" s="1" t="s">
        <v>168407</v>
      </c>
      <c r="C50011" s="1" t="s">
        <v>80</v>
      </c>
      <c r="D50011" s="1" t="s">
        <v>168879</v>
      </c>
      <c r="E50011" s="1" t="s">
        <v>169256</v>
      </c>
      <c r="F50011" s="1" t="s">
        <v>169257</v>
      </c>
      <c r="G50011" s="1" t="s">
        <v>169234</v>
      </c>
      <c r="H50011" s="1" t="s">
        <v>169235</v>
      </c>
      <c r="I50011" s="1" t="s">
        <v>168412</v>
      </c>
      <c r="J50011" s="1" t="s">
        <v>168882</v>
      </c>
    </row>
    <row r="50012" spans="1:10" x14ac:dyDescent="0.35">
      <c r="A50012" s="1" t="s">
        <v>25379</v>
      </c>
      <c r="B50012" s="1" t="s">
        <v>168407</v>
      </c>
      <c r="C50012" s="1" t="s">
        <v>85</v>
      </c>
      <c r="D50012" s="1" t="s">
        <v>168883</v>
      </c>
      <c r="E50012" s="1" t="s">
        <v>28191</v>
      </c>
      <c r="F50012" s="1" t="s">
        <v>169258</v>
      </c>
      <c r="G50012" s="1" t="s">
        <v>169234</v>
      </c>
      <c r="H50012" s="1" t="s">
        <v>169235</v>
      </c>
      <c r="I50012" s="1" t="s">
        <v>168412</v>
      </c>
      <c r="J50012" s="1" t="s">
        <v>168886</v>
      </c>
    </row>
    <row r="50013" spans="1:10" x14ac:dyDescent="0.35">
      <c r="A50013" s="1" t="s">
        <v>25379</v>
      </c>
      <c r="B50013" s="1" t="s">
        <v>168407</v>
      </c>
      <c r="C50013" s="1" t="s">
        <v>90</v>
      </c>
      <c r="D50013" s="1" t="s">
        <v>150706</v>
      </c>
      <c r="E50013" s="1" t="s">
        <v>4261</v>
      </c>
      <c r="F50013" s="1" t="s">
        <v>169259</v>
      </c>
      <c r="G50013" s="1" t="s">
        <v>169234</v>
      </c>
      <c r="H50013" s="1" t="s">
        <v>169235</v>
      </c>
      <c r="I50013" s="1" t="s">
        <v>168412</v>
      </c>
      <c r="J50013" s="1" t="s">
        <v>168889</v>
      </c>
    </row>
    <row r="50014" spans="1:10" x14ac:dyDescent="0.35">
      <c r="A50014" s="1" t="s">
        <v>25379</v>
      </c>
      <c r="B50014" s="1" t="s">
        <v>168407</v>
      </c>
      <c r="C50014" s="1" t="s">
        <v>95</v>
      </c>
      <c r="D50014" s="1" t="s">
        <v>35221</v>
      </c>
      <c r="E50014" s="1" t="s">
        <v>168797</v>
      </c>
      <c r="F50014" s="1" t="s">
        <v>169260</v>
      </c>
      <c r="G50014" s="1" t="s">
        <v>169234</v>
      </c>
      <c r="H50014" s="1" t="s">
        <v>169235</v>
      </c>
      <c r="I50014" s="1" t="s">
        <v>168412</v>
      </c>
      <c r="J50014" s="1" t="s">
        <v>168892</v>
      </c>
    </row>
    <row r="50015" spans="1:10" x14ac:dyDescent="0.35">
      <c r="A50015" s="1" t="s">
        <v>25379</v>
      </c>
      <c r="B50015" s="1" t="s">
        <v>168407</v>
      </c>
      <c r="C50015" s="1" t="s">
        <v>100</v>
      </c>
      <c r="D50015" s="1" t="s">
        <v>168893</v>
      </c>
      <c r="E50015" s="1" t="s">
        <v>169261</v>
      </c>
      <c r="F50015" s="1" t="s">
        <v>169262</v>
      </c>
      <c r="G50015" s="1" t="s">
        <v>169234</v>
      </c>
      <c r="H50015" s="1" t="s">
        <v>169235</v>
      </c>
      <c r="I50015" s="1" t="s">
        <v>168412</v>
      </c>
      <c r="J50015" s="1" t="s">
        <v>168896</v>
      </c>
    </row>
    <row r="50016" spans="1:10" x14ac:dyDescent="0.35">
      <c r="A50016" s="1" t="s">
        <v>25379</v>
      </c>
      <c r="B50016" s="1" t="s">
        <v>168407</v>
      </c>
      <c r="C50016" s="1" t="s">
        <v>105</v>
      </c>
      <c r="D50016" s="1" t="s">
        <v>121260</v>
      </c>
      <c r="E50016" s="1" t="s">
        <v>169263</v>
      </c>
      <c r="F50016" s="1" t="s">
        <v>169264</v>
      </c>
      <c r="G50016" s="1" t="s">
        <v>169234</v>
      </c>
      <c r="H50016" s="1" t="s">
        <v>169235</v>
      </c>
      <c r="I50016" s="1" t="s">
        <v>168412</v>
      </c>
      <c r="J50016" s="1" t="s">
        <v>168899</v>
      </c>
    </row>
    <row r="50017" spans="1:10" x14ac:dyDescent="0.35">
      <c r="A50017" s="1" t="s">
        <v>25379</v>
      </c>
      <c r="B50017" s="1" t="s">
        <v>168407</v>
      </c>
      <c r="C50017" s="1" t="s">
        <v>110</v>
      </c>
      <c r="D50017" s="1" t="s">
        <v>168900</v>
      </c>
      <c r="E50017" s="1" t="s">
        <v>169066</v>
      </c>
      <c r="F50017" s="1" t="s">
        <v>169265</v>
      </c>
      <c r="G50017" s="1" t="s">
        <v>169234</v>
      </c>
      <c r="H50017" s="1" t="s">
        <v>169235</v>
      </c>
      <c r="I50017" s="1" t="s">
        <v>168412</v>
      </c>
      <c r="J50017" s="1" t="s">
        <v>168903</v>
      </c>
    </row>
    <row r="50018" spans="1:10" x14ac:dyDescent="0.35">
      <c r="A50018" s="1" t="s">
        <v>25379</v>
      </c>
      <c r="B50018" s="1" t="s">
        <v>168407</v>
      </c>
      <c r="C50018" s="1" t="s">
        <v>115</v>
      </c>
      <c r="D50018" s="1" t="s">
        <v>46738</v>
      </c>
      <c r="E50018" s="1" t="s">
        <v>8861</v>
      </c>
      <c r="F50018" s="1" t="s">
        <v>169266</v>
      </c>
      <c r="G50018" s="1" t="s">
        <v>169234</v>
      </c>
      <c r="H50018" s="1" t="s">
        <v>169235</v>
      </c>
      <c r="I50018" s="1" t="s">
        <v>168412</v>
      </c>
      <c r="J50018" s="1" t="s">
        <v>168906</v>
      </c>
    </row>
    <row r="50019" spans="1:10" x14ac:dyDescent="0.35">
      <c r="A50019" s="1" t="s">
        <v>25379</v>
      </c>
      <c r="B50019" s="1" t="s">
        <v>168407</v>
      </c>
      <c r="C50019" s="1" t="s">
        <v>120</v>
      </c>
      <c r="D50019" s="1" t="s">
        <v>36046</v>
      </c>
      <c r="E50019" s="1" t="s">
        <v>73098</v>
      </c>
      <c r="F50019" s="1" t="s">
        <v>169267</v>
      </c>
      <c r="G50019" s="1" t="s">
        <v>169234</v>
      </c>
      <c r="H50019" s="1" t="s">
        <v>169235</v>
      </c>
      <c r="I50019" s="1" t="s">
        <v>168412</v>
      </c>
      <c r="J50019" s="1" t="s">
        <v>168909</v>
      </c>
    </row>
    <row r="50020" spans="1:10" x14ac:dyDescent="0.35">
      <c r="A50020" s="1" t="s">
        <v>25379</v>
      </c>
      <c r="B50020" s="1" t="s">
        <v>168407</v>
      </c>
      <c r="C50020" s="1" t="s">
        <v>125</v>
      </c>
      <c r="D50020" s="1" t="s">
        <v>10737</v>
      </c>
      <c r="E50020" s="1" t="s">
        <v>169031</v>
      </c>
      <c r="F50020" s="1" t="s">
        <v>169268</v>
      </c>
      <c r="G50020" s="1" t="s">
        <v>169234</v>
      </c>
      <c r="H50020" s="1" t="s">
        <v>169235</v>
      </c>
      <c r="I50020" s="1" t="s">
        <v>168412</v>
      </c>
      <c r="J50020" s="1" t="s">
        <v>168912</v>
      </c>
    </row>
    <row r="50021" spans="1:10" x14ac:dyDescent="0.35">
      <c r="A50021" s="1" t="s">
        <v>25379</v>
      </c>
      <c r="B50021" s="1" t="s">
        <v>168407</v>
      </c>
      <c r="C50021" s="1" t="s">
        <v>130</v>
      </c>
      <c r="D50021" s="1" t="s">
        <v>168913</v>
      </c>
      <c r="E50021" s="1" t="s">
        <v>169269</v>
      </c>
      <c r="F50021" s="1" t="s">
        <v>169270</v>
      </c>
      <c r="G50021" s="1" t="s">
        <v>169234</v>
      </c>
      <c r="H50021" s="1" t="s">
        <v>169235</v>
      </c>
      <c r="I50021" s="1" t="s">
        <v>168412</v>
      </c>
      <c r="J50021" s="1" t="s">
        <v>168916</v>
      </c>
    </row>
    <row r="50022" spans="1:10" x14ac:dyDescent="0.35">
      <c r="A50022" s="1" t="s">
        <v>25379</v>
      </c>
      <c r="B50022" s="1" t="s">
        <v>168407</v>
      </c>
      <c r="C50022" s="1" t="s">
        <v>135</v>
      </c>
      <c r="D50022" s="1" t="s">
        <v>134947</v>
      </c>
      <c r="E50022" s="1" t="s">
        <v>169271</v>
      </c>
      <c r="F50022" s="1" t="s">
        <v>169272</v>
      </c>
      <c r="G50022" s="1" t="s">
        <v>169234</v>
      </c>
      <c r="H50022" s="1" t="s">
        <v>169235</v>
      </c>
      <c r="I50022" s="1" t="s">
        <v>168412</v>
      </c>
      <c r="J50022" s="1" t="s">
        <v>168919</v>
      </c>
    </row>
    <row r="50023" spans="1:10" x14ac:dyDescent="0.35">
      <c r="A50023" s="1" t="s">
        <v>25379</v>
      </c>
      <c r="B50023" s="1" t="s">
        <v>168407</v>
      </c>
      <c r="C50023" s="1" t="s">
        <v>140</v>
      </c>
      <c r="D50023" s="1" t="s">
        <v>72523</v>
      </c>
      <c r="E50023" s="1" t="s">
        <v>6967</v>
      </c>
      <c r="F50023" s="1" t="s">
        <v>169273</v>
      </c>
      <c r="G50023" s="1" t="s">
        <v>169234</v>
      </c>
      <c r="H50023" s="1" t="s">
        <v>169235</v>
      </c>
      <c r="I50023" s="1" t="s">
        <v>168412</v>
      </c>
      <c r="J50023" s="1" t="s">
        <v>168922</v>
      </c>
    </row>
    <row r="50024" spans="1:10" x14ac:dyDescent="0.35">
      <c r="A50024" s="1" t="s">
        <v>25379</v>
      </c>
      <c r="B50024" s="1" t="s">
        <v>168407</v>
      </c>
      <c r="C50024" s="1" t="s">
        <v>145</v>
      </c>
      <c r="D50024" s="1" t="s">
        <v>168923</v>
      </c>
      <c r="E50024" s="1" t="s">
        <v>4192</v>
      </c>
      <c r="F50024" s="1" t="s">
        <v>169274</v>
      </c>
      <c r="G50024" s="1" t="s">
        <v>169234</v>
      </c>
      <c r="H50024" s="1" t="s">
        <v>169235</v>
      </c>
      <c r="I50024" s="1" t="s">
        <v>168412</v>
      </c>
      <c r="J50024" s="1" t="s">
        <v>168926</v>
      </c>
    </row>
    <row r="50025" spans="1:10" x14ac:dyDescent="0.35">
      <c r="A50025" s="1" t="s">
        <v>25379</v>
      </c>
      <c r="B50025" s="1" t="s">
        <v>168407</v>
      </c>
      <c r="C50025" s="1" t="s">
        <v>150</v>
      </c>
      <c r="D50025" s="1" t="s">
        <v>111456</v>
      </c>
      <c r="E50025" s="1" t="s">
        <v>4196</v>
      </c>
      <c r="F50025" s="1" t="s">
        <v>169275</v>
      </c>
      <c r="G50025" s="1" t="s">
        <v>169234</v>
      </c>
      <c r="H50025" s="1" t="s">
        <v>169235</v>
      </c>
      <c r="I50025" s="1" t="s">
        <v>168412</v>
      </c>
      <c r="J50025" s="1" t="s">
        <v>168929</v>
      </c>
    </row>
    <row r="50026" spans="1:10" x14ac:dyDescent="0.35">
      <c r="A50026" s="1" t="s">
        <v>25379</v>
      </c>
      <c r="B50026" s="1" t="s">
        <v>168407</v>
      </c>
      <c r="C50026" s="1" t="s">
        <v>155</v>
      </c>
      <c r="D50026" s="1" t="s">
        <v>70841</v>
      </c>
      <c r="E50026" s="1" t="s">
        <v>169276</v>
      </c>
      <c r="F50026" s="1" t="s">
        <v>169277</v>
      </c>
      <c r="G50026" s="1" t="s">
        <v>169234</v>
      </c>
      <c r="H50026" s="1" t="s">
        <v>169235</v>
      </c>
      <c r="I50026" s="1" t="s">
        <v>168412</v>
      </c>
      <c r="J50026" s="1" t="s">
        <v>168932</v>
      </c>
    </row>
    <row r="50027" spans="1:10" x14ac:dyDescent="0.35">
      <c r="A50027" s="1" t="s">
        <v>25379</v>
      </c>
      <c r="B50027" s="1" t="s">
        <v>168407</v>
      </c>
      <c r="C50027" s="1" t="s">
        <v>160</v>
      </c>
      <c r="D50027" s="1" t="s">
        <v>115860</v>
      </c>
      <c r="E50027" s="1" t="s">
        <v>169278</v>
      </c>
      <c r="F50027" s="1" t="s">
        <v>169279</v>
      </c>
      <c r="G50027" s="1" t="s">
        <v>169234</v>
      </c>
      <c r="H50027" s="1" t="s">
        <v>169235</v>
      </c>
      <c r="I50027" s="1" t="s">
        <v>168412</v>
      </c>
      <c r="J50027" s="1" t="s">
        <v>168935</v>
      </c>
    </row>
    <row r="50028" spans="1:10" x14ac:dyDescent="0.35">
      <c r="A50028" s="1" t="s">
        <v>25379</v>
      </c>
      <c r="B50028" s="1" t="s">
        <v>168407</v>
      </c>
      <c r="C50028" s="1" t="s">
        <v>165</v>
      </c>
      <c r="D50028" s="1" t="s">
        <v>126022</v>
      </c>
      <c r="E50028" s="1" t="s">
        <v>29103</v>
      </c>
      <c r="F50028" s="1" t="s">
        <v>169280</v>
      </c>
      <c r="G50028" s="1" t="s">
        <v>169234</v>
      </c>
      <c r="H50028" s="1" t="s">
        <v>169235</v>
      </c>
      <c r="I50028" s="1" t="s">
        <v>168412</v>
      </c>
      <c r="J50028" s="1" t="s">
        <v>168938</v>
      </c>
    </row>
    <row r="50029" spans="1:10" x14ac:dyDescent="0.35">
      <c r="A50029" s="1" t="s">
        <v>25379</v>
      </c>
      <c r="B50029" s="1" t="s">
        <v>168407</v>
      </c>
      <c r="C50029" s="1" t="s">
        <v>170</v>
      </c>
      <c r="D50029" s="1" t="s">
        <v>141098</v>
      </c>
      <c r="E50029" s="1" t="s">
        <v>4149</v>
      </c>
      <c r="F50029" s="1" t="s">
        <v>169281</v>
      </c>
      <c r="G50029" s="1" t="s">
        <v>169234</v>
      </c>
      <c r="H50029" s="1" t="s">
        <v>169235</v>
      </c>
      <c r="I50029" s="1" t="s">
        <v>168412</v>
      </c>
      <c r="J50029" s="1" t="s">
        <v>168941</v>
      </c>
    </row>
    <row r="50030" spans="1:10" x14ac:dyDescent="0.35">
      <c r="A50030" s="1" t="s">
        <v>120217</v>
      </c>
      <c r="B50030" s="1" t="s">
        <v>168407</v>
      </c>
      <c r="C50030" s="1" t="s">
        <v>8</v>
      </c>
      <c r="D50030" s="1" t="s">
        <v>169282</v>
      </c>
      <c r="E50030" s="1" t="s">
        <v>169283</v>
      </c>
      <c r="F50030" s="1" t="s">
        <v>169284</v>
      </c>
      <c r="G50030" s="1" t="s">
        <v>169285</v>
      </c>
      <c r="H50030" s="1" t="s">
        <v>169286</v>
      </c>
      <c r="I50030" s="1" t="s">
        <v>168412</v>
      </c>
      <c r="J50030" s="1" t="s">
        <v>13</v>
      </c>
    </row>
    <row r="50031" spans="1:10" x14ac:dyDescent="0.35">
      <c r="A50031" s="1" t="s">
        <v>120217</v>
      </c>
      <c r="B50031" s="1" t="s">
        <v>168407</v>
      </c>
      <c r="C50031" s="1" t="s">
        <v>15</v>
      </c>
      <c r="D50031" s="1" t="s">
        <v>27523</v>
      </c>
      <c r="E50031" s="1" t="s">
        <v>169287</v>
      </c>
      <c r="F50031" s="1" t="s">
        <v>169288</v>
      </c>
      <c r="G50031" s="1" t="s">
        <v>169285</v>
      </c>
      <c r="H50031" s="1" t="s">
        <v>169286</v>
      </c>
      <c r="I50031" s="1" t="s">
        <v>168412</v>
      </c>
      <c r="J50031" s="1" t="s">
        <v>169289</v>
      </c>
    </row>
    <row r="50032" spans="1:10" x14ac:dyDescent="0.35">
      <c r="A50032" s="1" t="s">
        <v>120217</v>
      </c>
      <c r="B50032" s="1" t="s">
        <v>168407</v>
      </c>
      <c r="C50032" s="1" t="s">
        <v>20</v>
      </c>
      <c r="D50032" s="1" t="s">
        <v>6616</v>
      </c>
      <c r="E50032" s="1" t="s">
        <v>169290</v>
      </c>
      <c r="F50032" s="1" t="s">
        <v>169291</v>
      </c>
      <c r="G50032" s="1" t="s">
        <v>169285</v>
      </c>
      <c r="H50032" s="1" t="s">
        <v>169286</v>
      </c>
      <c r="I50032" s="1" t="s">
        <v>168412</v>
      </c>
      <c r="J50032" s="1" t="s">
        <v>169292</v>
      </c>
    </row>
    <row r="50033" spans="1:10" x14ac:dyDescent="0.35">
      <c r="A50033" s="1" t="s">
        <v>120217</v>
      </c>
      <c r="B50033" s="1" t="s">
        <v>168407</v>
      </c>
      <c r="C50033" s="1" t="s">
        <v>25</v>
      </c>
      <c r="D50033" s="1" t="s">
        <v>48213</v>
      </c>
      <c r="E50033" s="1" t="s">
        <v>169293</v>
      </c>
      <c r="F50033" s="1" t="s">
        <v>169294</v>
      </c>
      <c r="G50033" s="1" t="s">
        <v>169285</v>
      </c>
      <c r="H50033" s="1" t="s">
        <v>169286</v>
      </c>
      <c r="I50033" s="1" t="s">
        <v>168412</v>
      </c>
      <c r="J50033" s="1" t="s">
        <v>169295</v>
      </c>
    </row>
    <row r="50034" spans="1:10" x14ac:dyDescent="0.35">
      <c r="A50034" s="1" t="s">
        <v>120217</v>
      </c>
      <c r="B50034" s="1" t="s">
        <v>168407</v>
      </c>
      <c r="C50034" s="1" t="s">
        <v>30</v>
      </c>
      <c r="D50034" s="1" t="s">
        <v>148946</v>
      </c>
      <c r="E50034" s="1" t="s">
        <v>169296</v>
      </c>
      <c r="F50034" s="1" t="s">
        <v>169297</v>
      </c>
      <c r="G50034" s="1" t="s">
        <v>169285</v>
      </c>
      <c r="H50034" s="1" t="s">
        <v>169286</v>
      </c>
      <c r="I50034" s="1" t="s">
        <v>168412</v>
      </c>
      <c r="J50034" s="1" t="s">
        <v>169298</v>
      </c>
    </row>
    <row r="50035" spans="1:10" x14ac:dyDescent="0.35">
      <c r="A50035" s="1" t="s">
        <v>120217</v>
      </c>
      <c r="B50035" s="1" t="s">
        <v>168407</v>
      </c>
      <c r="C50035" s="1" t="s">
        <v>35</v>
      </c>
      <c r="D50035" s="1" t="s">
        <v>4538</v>
      </c>
      <c r="E50035" s="1" t="s">
        <v>169299</v>
      </c>
      <c r="F50035" s="1" t="s">
        <v>169300</v>
      </c>
      <c r="G50035" s="1" t="s">
        <v>169285</v>
      </c>
      <c r="H50035" s="1" t="s">
        <v>169286</v>
      </c>
      <c r="I50035" s="1" t="s">
        <v>168412</v>
      </c>
      <c r="J50035" s="1" t="s">
        <v>169301</v>
      </c>
    </row>
    <row r="50036" spans="1:10" x14ac:dyDescent="0.35">
      <c r="A50036" s="1" t="s">
        <v>120217</v>
      </c>
      <c r="B50036" s="1" t="s">
        <v>168407</v>
      </c>
      <c r="C50036" s="1" t="s">
        <v>40</v>
      </c>
      <c r="D50036" s="1" t="s">
        <v>169302</v>
      </c>
      <c r="E50036" s="1" t="s">
        <v>169303</v>
      </c>
      <c r="F50036" s="1" t="s">
        <v>169304</v>
      </c>
      <c r="G50036" s="1" t="s">
        <v>169285</v>
      </c>
      <c r="H50036" s="1" t="s">
        <v>169286</v>
      </c>
      <c r="I50036" s="1" t="s">
        <v>168412</v>
      </c>
      <c r="J50036" s="1" t="s">
        <v>169305</v>
      </c>
    </row>
    <row r="50037" spans="1:10" x14ac:dyDescent="0.35">
      <c r="A50037" s="1" t="s">
        <v>120217</v>
      </c>
      <c r="B50037" s="1" t="s">
        <v>168407</v>
      </c>
      <c r="C50037" s="1" t="s">
        <v>45</v>
      </c>
      <c r="D50037" s="1" t="s">
        <v>35419</v>
      </c>
      <c r="E50037" s="1" t="s">
        <v>169306</v>
      </c>
      <c r="F50037" s="1" t="s">
        <v>169307</v>
      </c>
      <c r="G50037" s="1" t="s">
        <v>169285</v>
      </c>
      <c r="H50037" s="1" t="s">
        <v>169286</v>
      </c>
      <c r="I50037" s="1" t="s">
        <v>168412</v>
      </c>
      <c r="J50037" s="1" t="s">
        <v>169308</v>
      </c>
    </row>
    <row r="50038" spans="1:10" x14ac:dyDescent="0.35">
      <c r="A50038" s="1" t="s">
        <v>120217</v>
      </c>
      <c r="B50038" s="1" t="s">
        <v>168407</v>
      </c>
      <c r="C50038" s="1" t="s">
        <v>50</v>
      </c>
      <c r="D50038" s="1" t="s">
        <v>13000</v>
      </c>
      <c r="E50038" s="1" t="s">
        <v>169309</v>
      </c>
      <c r="F50038" s="1" t="s">
        <v>169310</v>
      </c>
      <c r="G50038" s="1" t="s">
        <v>169285</v>
      </c>
      <c r="H50038" s="1" t="s">
        <v>169286</v>
      </c>
      <c r="I50038" s="1" t="s">
        <v>168412</v>
      </c>
      <c r="J50038" s="1" t="s">
        <v>169311</v>
      </c>
    </row>
    <row r="50039" spans="1:10" x14ac:dyDescent="0.35">
      <c r="A50039" s="1" t="s">
        <v>120217</v>
      </c>
      <c r="B50039" s="1" t="s">
        <v>168407</v>
      </c>
      <c r="C50039" s="1" t="s">
        <v>55</v>
      </c>
      <c r="D50039" s="1" t="s">
        <v>44336</v>
      </c>
      <c r="E50039" s="1" t="s">
        <v>169312</v>
      </c>
      <c r="F50039" s="1" t="s">
        <v>169313</v>
      </c>
      <c r="G50039" s="1" t="s">
        <v>169285</v>
      </c>
      <c r="H50039" s="1" t="s">
        <v>169286</v>
      </c>
      <c r="I50039" s="1" t="s">
        <v>168412</v>
      </c>
      <c r="J50039" s="1" t="s">
        <v>169314</v>
      </c>
    </row>
    <row r="50040" spans="1:10" x14ac:dyDescent="0.35">
      <c r="A50040" s="1" t="s">
        <v>120217</v>
      </c>
      <c r="B50040" s="1" t="s">
        <v>168407</v>
      </c>
      <c r="C50040" s="1" t="s">
        <v>60</v>
      </c>
      <c r="D50040" s="1" t="s">
        <v>169315</v>
      </c>
      <c r="E50040" s="1" t="s">
        <v>169316</v>
      </c>
      <c r="F50040" s="1" t="s">
        <v>169317</v>
      </c>
      <c r="G50040" s="1" t="s">
        <v>169285</v>
      </c>
      <c r="H50040" s="1" t="s">
        <v>169286</v>
      </c>
      <c r="I50040" s="1" t="s">
        <v>168412</v>
      </c>
      <c r="J50040" s="1" t="s">
        <v>169318</v>
      </c>
    </row>
    <row r="50041" spans="1:10" x14ac:dyDescent="0.35">
      <c r="A50041" s="1" t="s">
        <v>120217</v>
      </c>
      <c r="B50041" s="1" t="s">
        <v>168407</v>
      </c>
      <c r="C50041" s="1" t="s">
        <v>65</v>
      </c>
      <c r="D50041" s="1" t="s">
        <v>169319</v>
      </c>
      <c r="E50041" s="1" t="s">
        <v>169320</v>
      </c>
      <c r="F50041" s="1" t="s">
        <v>169321</v>
      </c>
      <c r="G50041" s="1" t="s">
        <v>169285</v>
      </c>
      <c r="H50041" s="1" t="s">
        <v>169286</v>
      </c>
      <c r="I50041" s="1" t="s">
        <v>168412</v>
      </c>
      <c r="J50041" s="1" t="s">
        <v>169322</v>
      </c>
    </row>
    <row r="50042" spans="1:10" x14ac:dyDescent="0.35">
      <c r="A50042" s="1" t="s">
        <v>120217</v>
      </c>
      <c r="B50042" s="1" t="s">
        <v>168407</v>
      </c>
      <c r="C50042" s="1" t="s">
        <v>70</v>
      </c>
      <c r="D50042" s="1" t="s">
        <v>72730</v>
      </c>
      <c r="E50042" s="1" t="s">
        <v>169323</v>
      </c>
      <c r="F50042" s="1" t="s">
        <v>169324</v>
      </c>
      <c r="G50042" s="1" t="s">
        <v>169285</v>
      </c>
      <c r="H50042" s="1" t="s">
        <v>169286</v>
      </c>
      <c r="I50042" s="1" t="s">
        <v>168412</v>
      </c>
      <c r="J50042" s="1" t="s">
        <v>169325</v>
      </c>
    </row>
    <row r="50043" spans="1:10" x14ac:dyDescent="0.35">
      <c r="A50043" s="1" t="s">
        <v>120217</v>
      </c>
      <c r="B50043" s="1" t="s">
        <v>168407</v>
      </c>
      <c r="C50043" s="1" t="s">
        <v>75</v>
      </c>
      <c r="D50043" s="1" t="s">
        <v>25738</v>
      </c>
      <c r="E50043" s="1" t="s">
        <v>169326</v>
      </c>
      <c r="F50043" s="1" t="s">
        <v>169327</v>
      </c>
      <c r="G50043" s="1" t="s">
        <v>169285</v>
      </c>
      <c r="H50043" s="1" t="s">
        <v>169286</v>
      </c>
      <c r="I50043" s="1" t="s">
        <v>168412</v>
      </c>
      <c r="J50043" s="1" t="s">
        <v>169328</v>
      </c>
    </row>
    <row r="50044" spans="1:10" x14ac:dyDescent="0.35">
      <c r="A50044" s="1" t="s">
        <v>120217</v>
      </c>
      <c r="B50044" s="1" t="s">
        <v>168407</v>
      </c>
      <c r="C50044" s="1" t="s">
        <v>80</v>
      </c>
      <c r="D50044" s="1" t="s">
        <v>580</v>
      </c>
      <c r="E50044" s="1" t="s">
        <v>169329</v>
      </c>
      <c r="F50044" s="1" t="s">
        <v>169330</v>
      </c>
      <c r="G50044" s="1" t="s">
        <v>169285</v>
      </c>
      <c r="H50044" s="1" t="s">
        <v>169286</v>
      </c>
      <c r="I50044" s="1" t="s">
        <v>168412</v>
      </c>
      <c r="J50044" s="1" t="s">
        <v>169331</v>
      </c>
    </row>
    <row r="50045" spans="1:10" x14ac:dyDescent="0.35">
      <c r="A50045" s="1" t="s">
        <v>120217</v>
      </c>
      <c r="B50045" s="1" t="s">
        <v>168407</v>
      </c>
      <c r="C50045" s="1" t="s">
        <v>85</v>
      </c>
      <c r="D50045" s="1" t="s">
        <v>151347</v>
      </c>
      <c r="E50045" s="1" t="s">
        <v>169332</v>
      </c>
      <c r="F50045" s="1" t="s">
        <v>169333</v>
      </c>
      <c r="G50045" s="1" t="s">
        <v>169285</v>
      </c>
      <c r="H50045" s="1" t="s">
        <v>169286</v>
      </c>
      <c r="I50045" s="1" t="s">
        <v>168412</v>
      </c>
      <c r="J50045" s="1" t="s">
        <v>169334</v>
      </c>
    </row>
    <row r="50046" spans="1:10" x14ac:dyDescent="0.35">
      <c r="A50046" s="1" t="s">
        <v>120217</v>
      </c>
      <c r="B50046" s="1" t="s">
        <v>168407</v>
      </c>
      <c r="C50046" s="1" t="s">
        <v>90</v>
      </c>
      <c r="D50046" s="1" t="s">
        <v>169335</v>
      </c>
      <c r="E50046" s="1" t="s">
        <v>169336</v>
      </c>
      <c r="F50046" s="1" t="s">
        <v>169337</v>
      </c>
      <c r="G50046" s="1" t="s">
        <v>169285</v>
      </c>
      <c r="H50046" s="1" t="s">
        <v>169286</v>
      </c>
      <c r="I50046" s="1" t="s">
        <v>168412</v>
      </c>
      <c r="J50046" s="1" t="s">
        <v>169338</v>
      </c>
    </row>
    <row r="50047" spans="1:10" x14ac:dyDescent="0.35">
      <c r="A50047" s="1" t="s">
        <v>120217</v>
      </c>
      <c r="B50047" s="1" t="s">
        <v>168407</v>
      </c>
      <c r="C50047" s="1" t="s">
        <v>95</v>
      </c>
      <c r="D50047" s="1" t="s">
        <v>118543</v>
      </c>
      <c r="E50047" s="1" t="s">
        <v>169339</v>
      </c>
      <c r="F50047" s="1" t="s">
        <v>169340</v>
      </c>
      <c r="G50047" s="1" t="s">
        <v>169285</v>
      </c>
      <c r="H50047" s="1" t="s">
        <v>169286</v>
      </c>
      <c r="I50047" s="1" t="s">
        <v>168412</v>
      </c>
      <c r="J50047" s="1" t="s">
        <v>169341</v>
      </c>
    </row>
    <row r="50048" spans="1:10" x14ac:dyDescent="0.35">
      <c r="A50048" s="1" t="s">
        <v>120217</v>
      </c>
      <c r="B50048" s="1" t="s">
        <v>168407</v>
      </c>
      <c r="C50048" s="1" t="s">
        <v>100</v>
      </c>
      <c r="D50048" s="1" t="s">
        <v>15643</v>
      </c>
      <c r="E50048" s="1" t="s">
        <v>169342</v>
      </c>
      <c r="F50048" s="1" t="s">
        <v>169343</v>
      </c>
      <c r="G50048" s="1" t="s">
        <v>169285</v>
      </c>
      <c r="H50048" s="1" t="s">
        <v>169286</v>
      </c>
      <c r="I50048" s="1" t="s">
        <v>168412</v>
      </c>
      <c r="J50048" s="1" t="s">
        <v>169344</v>
      </c>
    </row>
    <row r="50049" spans="1:10" x14ac:dyDescent="0.35">
      <c r="A50049" s="1" t="s">
        <v>120217</v>
      </c>
      <c r="B50049" s="1" t="s">
        <v>168407</v>
      </c>
      <c r="C50049" s="1" t="s">
        <v>105</v>
      </c>
      <c r="D50049" s="1" t="s">
        <v>5147</v>
      </c>
      <c r="E50049" s="1" t="s">
        <v>169345</v>
      </c>
      <c r="F50049" s="1" t="s">
        <v>169346</v>
      </c>
      <c r="G50049" s="1" t="s">
        <v>169285</v>
      </c>
      <c r="H50049" s="1" t="s">
        <v>169286</v>
      </c>
      <c r="I50049" s="1" t="s">
        <v>168412</v>
      </c>
      <c r="J50049" s="1" t="s">
        <v>169347</v>
      </c>
    </row>
    <row r="50050" spans="1:10" x14ac:dyDescent="0.35">
      <c r="A50050" s="1" t="s">
        <v>120217</v>
      </c>
      <c r="B50050" s="1" t="s">
        <v>168407</v>
      </c>
      <c r="C50050" s="1" t="s">
        <v>110</v>
      </c>
      <c r="D50050" s="1" t="s">
        <v>152451</v>
      </c>
      <c r="E50050" s="1" t="s">
        <v>169348</v>
      </c>
      <c r="F50050" s="1" t="s">
        <v>169349</v>
      </c>
      <c r="G50050" s="1" t="s">
        <v>169285</v>
      </c>
      <c r="H50050" s="1" t="s">
        <v>169286</v>
      </c>
      <c r="I50050" s="1" t="s">
        <v>168412</v>
      </c>
      <c r="J50050" s="1" t="s">
        <v>169350</v>
      </c>
    </row>
    <row r="50051" spans="1:10" x14ac:dyDescent="0.35">
      <c r="A50051" s="1" t="s">
        <v>120217</v>
      </c>
      <c r="B50051" s="1" t="s">
        <v>168407</v>
      </c>
      <c r="C50051" s="1" t="s">
        <v>115</v>
      </c>
      <c r="D50051" s="1" t="s">
        <v>47953</v>
      </c>
      <c r="E50051" s="1" t="s">
        <v>169351</v>
      </c>
      <c r="F50051" s="1" t="s">
        <v>169352</v>
      </c>
      <c r="G50051" s="1" t="s">
        <v>169285</v>
      </c>
      <c r="H50051" s="1" t="s">
        <v>169286</v>
      </c>
      <c r="I50051" s="1" t="s">
        <v>168412</v>
      </c>
      <c r="J50051" s="1" t="s">
        <v>169353</v>
      </c>
    </row>
    <row r="50052" spans="1:10" x14ac:dyDescent="0.35">
      <c r="A50052" s="1" t="s">
        <v>120217</v>
      </c>
      <c r="B50052" s="1" t="s">
        <v>168407</v>
      </c>
      <c r="C50052" s="1" t="s">
        <v>120</v>
      </c>
      <c r="D50052" s="1" t="s">
        <v>169354</v>
      </c>
      <c r="E50052" s="1" t="s">
        <v>169355</v>
      </c>
      <c r="F50052" s="1" t="s">
        <v>169356</v>
      </c>
      <c r="G50052" s="1" t="s">
        <v>169285</v>
      </c>
      <c r="H50052" s="1" t="s">
        <v>169286</v>
      </c>
      <c r="I50052" s="1" t="s">
        <v>168412</v>
      </c>
      <c r="J50052" s="1" t="s">
        <v>169357</v>
      </c>
    </row>
    <row r="50053" spans="1:10" x14ac:dyDescent="0.35">
      <c r="A50053" s="1" t="s">
        <v>120217</v>
      </c>
      <c r="B50053" s="1" t="s">
        <v>168407</v>
      </c>
      <c r="C50053" s="1" t="s">
        <v>125</v>
      </c>
      <c r="D50053" s="1" t="s">
        <v>11856</v>
      </c>
      <c r="E50053" s="1" t="s">
        <v>169358</v>
      </c>
      <c r="F50053" s="1" t="s">
        <v>169359</v>
      </c>
      <c r="G50053" s="1" t="s">
        <v>169285</v>
      </c>
      <c r="H50053" s="1" t="s">
        <v>169286</v>
      </c>
      <c r="I50053" s="1" t="s">
        <v>168412</v>
      </c>
      <c r="J50053" s="1" t="s">
        <v>169360</v>
      </c>
    </row>
    <row r="50054" spans="1:10" x14ac:dyDescent="0.35">
      <c r="A50054" s="1" t="s">
        <v>120217</v>
      </c>
      <c r="B50054" s="1" t="s">
        <v>168407</v>
      </c>
      <c r="C50054" s="1" t="s">
        <v>130</v>
      </c>
      <c r="D50054" s="1" t="s">
        <v>114273</v>
      </c>
      <c r="E50054" s="1" t="s">
        <v>169361</v>
      </c>
      <c r="F50054" s="1" t="s">
        <v>169362</v>
      </c>
      <c r="G50054" s="1" t="s">
        <v>169285</v>
      </c>
      <c r="H50054" s="1" t="s">
        <v>169286</v>
      </c>
      <c r="I50054" s="1" t="s">
        <v>168412</v>
      </c>
      <c r="J50054" s="1" t="s">
        <v>169363</v>
      </c>
    </row>
    <row r="50055" spans="1:10" x14ac:dyDescent="0.35">
      <c r="A50055" s="1" t="s">
        <v>120217</v>
      </c>
      <c r="B50055" s="1" t="s">
        <v>168407</v>
      </c>
      <c r="C50055" s="1" t="s">
        <v>135</v>
      </c>
      <c r="D50055" s="1" t="s">
        <v>169364</v>
      </c>
      <c r="E50055" s="1" t="s">
        <v>169365</v>
      </c>
      <c r="F50055" s="1" t="s">
        <v>169366</v>
      </c>
      <c r="G50055" s="1" t="s">
        <v>169285</v>
      </c>
      <c r="H50055" s="1" t="s">
        <v>169286</v>
      </c>
      <c r="I50055" s="1" t="s">
        <v>168412</v>
      </c>
      <c r="J50055" s="1" t="s">
        <v>169367</v>
      </c>
    </row>
    <row r="50056" spans="1:10" x14ac:dyDescent="0.35">
      <c r="A50056" s="1" t="s">
        <v>120217</v>
      </c>
      <c r="B50056" s="1" t="s">
        <v>168407</v>
      </c>
      <c r="C50056" s="1" t="s">
        <v>140</v>
      </c>
      <c r="D50056" s="1" t="s">
        <v>169368</v>
      </c>
      <c r="E50056" s="1" t="s">
        <v>169369</v>
      </c>
      <c r="F50056" s="1" t="s">
        <v>169370</v>
      </c>
      <c r="G50056" s="1" t="s">
        <v>169285</v>
      </c>
      <c r="H50056" s="1" t="s">
        <v>169286</v>
      </c>
      <c r="I50056" s="1" t="s">
        <v>168412</v>
      </c>
      <c r="J50056" s="1" t="s">
        <v>169371</v>
      </c>
    </row>
    <row r="50057" spans="1:10" x14ac:dyDescent="0.35">
      <c r="A50057" s="1" t="s">
        <v>120217</v>
      </c>
      <c r="B50057" s="1" t="s">
        <v>168407</v>
      </c>
      <c r="C50057" s="1" t="s">
        <v>145</v>
      </c>
      <c r="D50057" s="1" t="s">
        <v>18169</v>
      </c>
      <c r="E50057" s="1" t="s">
        <v>169372</v>
      </c>
      <c r="F50057" s="1" t="s">
        <v>169373</v>
      </c>
      <c r="G50057" s="1" t="s">
        <v>169285</v>
      </c>
      <c r="H50057" s="1" t="s">
        <v>169286</v>
      </c>
      <c r="I50057" s="1" t="s">
        <v>168412</v>
      </c>
      <c r="J50057" s="1" t="s">
        <v>169374</v>
      </c>
    </row>
    <row r="50058" spans="1:10" x14ac:dyDescent="0.35">
      <c r="A50058" s="1" t="s">
        <v>120217</v>
      </c>
      <c r="B50058" s="1" t="s">
        <v>168407</v>
      </c>
      <c r="C50058" s="1" t="s">
        <v>150</v>
      </c>
      <c r="D50058" s="1" t="s">
        <v>31303</v>
      </c>
      <c r="E50058" s="1" t="s">
        <v>169375</v>
      </c>
      <c r="F50058" s="1" t="s">
        <v>169376</v>
      </c>
      <c r="G50058" s="1" t="s">
        <v>169285</v>
      </c>
      <c r="H50058" s="1" t="s">
        <v>169286</v>
      </c>
      <c r="I50058" s="1" t="s">
        <v>168412</v>
      </c>
      <c r="J50058" s="1" t="s">
        <v>169377</v>
      </c>
    </row>
    <row r="50059" spans="1:10" x14ac:dyDescent="0.35">
      <c r="A50059" s="1" t="s">
        <v>120217</v>
      </c>
      <c r="B50059" s="1" t="s">
        <v>168407</v>
      </c>
      <c r="C50059" s="1" t="s">
        <v>155</v>
      </c>
      <c r="D50059" s="1" t="s">
        <v>31047</v>
      </c>
      <c r="E50059" s="1" t="s">
        <v>169378</v>
      </c>
      <c r="F50059" s="1" t="s">
        <v>169379</v>
      </c>
      <c r="G50059" s="1" t="s">
        <v>169285</v>
      </c>
      <c r="H50059" s="1" t="s">
        <v>169286</v>
      </c>
      <c r="I50059" s="1" t="s">
        <v>168412</v>
      </c>
      <c r="J50059" s="1" t="s">
        <v>169380</v>
      </c>
    </row>
    <row r="50060" spans="1:10" x14ac:dyDescent="0.35">
      <c r="A50060" s="1" t="s">
        <v>120217</v>
      </c>
      <c r="B50060" s="1" t="s">
        <v>168407</v>
      </c>
      <c r="C50060" s="1" t="s">
        <v>160</v>
      </c>
      <c r="D50060" s="1" t="s">
        <v>73349</v>
      </c>
      <c r="E50060" s="1" t="s">
        <v>169381</v>
      </c>
      <c r="F50060" s="1" t="s">
        <v>169382</v>
      </c>
      <c r="G50060" s="1" t="s">
        <v>169285</v>
      </c>
      <c r="H50060" s="1" t="s">
        <v>169286</v>
      </c>
      <c r="I50060" s="1" t="s">
        <v>168412</v>
      </c>
      <c r="J50060" s="1" t="s">
        <v>169383</v>
      </c>
    </row>
    <row r="50061" spans="1:10" x14ac:dyDescent="0.35">
      <c r="A50061" s="1" t="s">
        <v>120217</v>
      </c>
      <c r="B50061" s="1" t="s">
        <v>168407</v>
      </c>
      <c r="C50061" s="1" t="s">
        <v>165</v>
      </c>
      <c r="D50061" s="1" t="s">
        <v>49951</v>
      </c>
      <c r="E50061" s="1" t="s">
        <v>169384</v>
      </c>
      <c r="F50061" s="1" t="s">
        <v>169385</v>
      </c>
      <c r="G50061" s="1" t="s">
        <v>169285</v>
      </c>
      <c r="H50061" s="1" t="s">
        <v>169286</v>
      </c>
      <c r="I50061" s="1" t="s">
        <v>168412</v>
      </c>
      <c r="J50061" s="1" t="s">
        <v>169386</v>
      </c>
    </row>
    <row r="50062" spans="1:10" x14ac:dyDescent="0.35">
      <c r="A50062" s="1" t="s">
        <v>120217</v>
      </c>
      <c r="B50062" s="1" t="s">
        <v>168407</v>
      </c>
      <c r="C50062" s="1" t="s">
        <v>170</v>
      </c>
      <c r="D50062" s="1" t="s">
        <v>114033</v>
      </c>
      <c r="E50062" s="1" t="s">
        <v>169387</v>
      </c>
      <c r="F50062" s="1" t="s">
        <v>169388</v>
      </c>
      <c r="G50062" s="1" t="s">
        <v>169285</v>
      </c>
      <c r="H50062" s="1" t="s">
        <v>169286</v>
      </c>
      <c r="I50062" s="1" t="s">
        <v>168412</v>
      </c>
      <c r="J50062" s="1" t="s">
        <v>169389</v>
      </c>
    </row>
    <row r="50063" spans="1:10" x14ac:dyDescent="0.35">
      <c r="A50063" s="1" t="s">
        <v>44987</v>
      </c>
      <c r="B50063" s="1" t="s">
        <v>169390</v>
      </c>
      <c r="C50063" s="1" t="s">
        <v>8</v>
      </c>
      <c r="D50063" s="1" t="s">
        <v>7515</v>
      </c>
      <c r="E50063" s="1" t="s">
        <v>169391</v>
      </c>
      <c r="F50063" s="1" t="s">
        <v>169392</v>
      </c>
      <c r="G50063" s="1" t="s">
        <v>169393</v>
      </c>
      <c r="H50063" s="1" t="s">
        <v>35899</v>
      </c>
      <c r="I50063" s="1" t="s">
        <v>169394</v>
      </c>
      <c r="J50063" s="1" t="s">
        <v>13</v>
      </c>
    </row>
    <row r="50064" spans="1:10" x14ac:dyDescent="0.35">
      <c r="A50064" s="1" t="s">
        <v>44987</v>
      </c>
      <c r="B50064" s="1" t="s">
        <v>169390</v>
      </c>
      <c r="C50064" s="1" t="s">
        <v>15</v>
      </c>
      <c r="D50064" s="1" t="s">
        <v>8138</v>
      </c>
      <c r="E50064" s="1" t="s">
        <v>169395</v>
      </c>
      <c r="F50064" s="1" t="s">
        <v>169396</v>
      </c>
      <c r="G50064" s="1" t="s">
        <v>169393</v>
      </c>
      <c r="H50064" s="1" t="s">
        <v>35899</v>
      </c>
      <c r="I50064" s="1" t="s">
        <v>169394</v>
      </c>
      <c r="J50064" s="1" t="s">
        <v>169397</v>
      </c>
    </row>
    <row r="50065" spans="1:10" x14ac:dyDescent="0.35">
      <c r="A50065" s="1" t="s">
        <v>44987</v>
      </c>
      <c r="B50065" s="1" t="s">
        <v>169390</v>
      </c>
      <c r="C50065" s="1" t="s">
        <v>20</v>
      </c>
      <c r="D50065" s="1" t="s">
        <v>4082</v>
      </c>
      <c r="E50065" s="1" t="s">
        <v>169398</v>
      </c>
      <c r="F50065" s="1" t="s">
        <v>169399</v>
      </c>
      <c r="G50065" s="1" t="s">
        <v>169393</v>
      </c>
      <c r="H50065" s="1" t="s">
        <v>35899</v>
      </c>
      <c r="I50065" s="1" t="s">
        <v>169394</v>
      </c>
      <c r="J50065" s="1" t="s">
        <v>169400</v>
      </c>
    </row>
    <row r="50066" spans="1:10" x14ac:dyDescent="0.35">
      <c r="A50066" s="1" t="s">
        <v>44987</v>
      </c>
      <c r="B50066" s="1" t="s">
        <v>169390</v>
      </c>
      <c r="C50066" s="1" t="s">
        <v>25</v>
      </c>
      <c r="D50066" s="1" t="s">
        <v>169401</v>
      </c>
      <c r="E50066" s="1" t="s">
        <v>169402</v>
      </c>
      <c r="F50066" s="1" t="s">
        <v>169403</v>
      </c>
      <c r="G50066" s="1" t="s">
        <v>169393</v>
      </c>
      <c r="H50066" s="1" t="s">
        <v>35899</v>
      </c>
      <c r="I50066" s="1" t="s">
        <v>169394</v>
      </c>
      <c r="J50066" s="1" t="s">
        <v>169404</v>
      </c>
    </row>
    <row r="50067" spans="1:10" x14ac:dyDescent="0.35">
      <c r="A50067" s="1" t="s">
        <v>44987</v>
      </c>
      <c r="B50067" s="1" t="s">
        <v>169390</v>
      </c>
      <c r="C50067" s="1" t="s">
        <v>30</v>
      </c>
      <c r="D50067" s="1" t="s">
        <v>26000</v>
      </c>
      <c r="E50067" s="1" t="s">
        <v>169405</v>
      </c>
      <c r="F50067" s="1" t="s">
        <v>169406</v>
      </c>
      <c r="G50067" s="1" t="s">
        <v>169393</v>
      </c>
      <c r="H50067" s="1" t="s">
        <v>35899</v>
      </c>
      <c r="I50067" s="1" t="s">
        <v>169394</v>
      </c>
      <c r="J50067" s="1" t="s">
        <v>169407</v>
      </c>
    </row>
    <row r="50068" spans="1:10" x14ac:dyDescent="0.35">
      <c r="A50068" s="1" t="s">
        <v>44987</v>
      </c>
      <c r="B50068" s="1" t="s">
        <v>169390</v>
      </c>
      <c r="C50068" s="1" t="s">
        <v>35</v>
      </c>
      <c r="D50068" s="1" t="s">
        <v>4741</v>
      </c>
      <c r="E50068" s="1" t="s">
        <v>169408</v>
      </c>
      <c r="F50068" s="1" t="s">
        <v>169409</v>
      </c>
      <c r="G50068" s="1" t="s">
        <v>169393</v>
      </c>
      <c r="H50068" s="1" t="s">
        <v>35899</v>
      </c>
      <c r="I50068" s="1" t="s">
        <v>169394</v>
      </c>
      <c r="J50068" s="1" t="s">
        <v>169410</v>
      </c>
    </row>
    <row r="50069" spans="1:10" x14ac:dyDescent="0.35">
      <c r="A50069" s="1" t="s">
        <v>44987</v>
      </c>
      <c r="B50069" s="1" t="s">
        <v>169390</v>
      </c>
      <c r="C50069" s="1" t="s">
        <v>40</v>
      </c>
      <c r="D50069" s="1" t="s">
        <v>120056</v>
      </c>
      <c r="E50069" s="1" t="s">
        <v>169411</v>
      </c>
      <c r="F50069" s="1" t="s">
        <v>169412</v>
      </c>
      <c r="G50069" s="1" t="s">
        <v>169393</v>
      </c>
      <c r="H50069" s="1" t="s">
        <v>35899</v>
      </c>
      <c r="I50069" s="1" t="s">
        <v>169394</v>
      </c>
      <c r="J50069" s="1" t="s">
        <v>169413</v>
      </c>
    </row>
    <row r="50070" spans="1:10" x14ac:dyDescent="0.35">
      <c r="A50070" s="1" t="s">
        <v>44987</v>
      </c>
      <c r="B50070" s="1" t="s">
        <v>169390</v>
      </c>
      <c r="C50070" s="1" t="s">
        <v>45</v>
      </c>
      <c r="D50070" s="1" t="s">
        <v>167832</v>
      </c>
      <c r="E50070" s="1" t="s">
        <v>169414</v>
      </c>
      <c r="F50070" s="1" t="s">
        <v>169415</v>
      </c>
      <c r="G50070" s="1" t="s">
        <v>169393</v>
      </c>
      <c r="H50070" s="1" t="s">
        <v>35899</v>
      </c>
      <c r="I50070" s="1" t="s">
        <v>169394</v>
      </c>
      <c r="J50070" s="1" t="s">
        <v>169416</v>
      </c>
    </row>
    <row r="50071" spans="1:10" x14ac:dyDescent="0.35">
      <c r="A50071" s="1" t="s">
        <v>44987</v>
      </c>
      <c r="B50071" s="1" t="s">
        <v>169390</v>
      </c>
      <c r="C50071" s="1" t="s">
        <v>50</v>
      </c>
      <c r="D50071" s="1" t="s">
        <v>112275</v>
      </c>
      <c r="E50071" s="1" t="s">
        <v>169417</v>
      </c>
      <c r="F50071" s="1" t="s">
        <v>169418</v>
      </c>
      <c r="G50071" s="1" t="s">
        <v>169393</v>
      </c>
      <c r="H50071" s="1" t="s">
        <v>35899</v>
      </c>
      <c r="I50071" s="1" t="s">
        <v>169394</v>
      </c>
      <c r="J50071" s="1" t="s">
        <v>169419</v>
      </c>
    </row>
    <row r="50072" spans="1:10" x14ac:dyDescent="0.35">
      <c r="A50072" s="1" t="s">
        <v>44987</v>
      </c>
      <c r="B50072" s="1" t="s">
        <v>169390</v>
      </c>
      <c r="C50072" s="1" t="s">
        <v>55</v>
      </c>
      <c r="D50072" s="1" t="s">
        <v>2853</v>
      </c>
      <c r="E50072" s="1" t="s">
        <v>169420</v>
      </c>
      <c r="F50072" s="1" t="s">
        <v>169421</v>
      </c>
      <c r="G50072" s="1" t="s">
        <v>169393</v>
      </c>
      <c r="H50072" s="1" t="s">
        <v>35899</v>
      </c>
      <c r="I50072" s="1" t="s">
        <v>169394</v>
      </c>
      <c r="J50072" s="1" t="s">
        <v>169422</v>
      </c>
    </row>
    <row r="50073" spans="1:10" x14ac:dyDescent="0.35">
      <c r="A50073" s="1" t="s">
        <v>44987</v>
      </c>
      <c r="B50073" s="1" t="s">
        <v>169390</v>
      </c>
      <c r="C50073" s="1" t="s">
        <v>60</v>
      </c>
      <c r="D50073" s="1" t="s">
        <v>143357</v>
      </c>
      <c r="E50073" s="1" t="s">
        <v>169423</v>
      </c>
      <c r="F50073" s="1" t="s">
        <v>169424</v>
      </c>
      <c r="G50073" s="1" t="s">
        <v>169393</v>
      </c>
      <c r="H50073" s="1" t="s">
        <v>35899</v>
      </c>
      <c r="I50073" s="1" t="s">
        <v>169394</v>
      </c>
      <c r="J50073" s="1" t="s">
        <v>169425</v>
      </c>
    </row>
    <row r="50074" spans="1:10" x14ac:dyDescent="0.35">
      <c r="A50074" s="1" t="s">
        <v>44987</v>
      </c>
      <c r="B50074" s="1" t="s">
        <v>169390</v>
      </c>
      <c r="C50074" s="1" t="s">
        <v>65</v>
      </c>
      <c r="D50074" s="1" t="s">
        <v>8099</v>
      </c>
      <c r="E50074" s="1" t="s">
        <v>169426</v>
      </c>
      <c r="F50074" s="1" t="s">
        <v>169427</v>
      </c>
      <c r="G50074" s="1" t="s">
        <v>169393</v>
      </c>
      <c r="H50074" s="1" t="s">
        <v>35899</v>
      </c>
      <c r="I50074" s="1" t="s">
        <v>169394</v>
      </c>
      <c r="J50074" s="1" t="s">
        <v>169428</v>
      </c>
    </row>
    <row r="50075" spans="1:10" x14ac:dyDescent="0.35">
      <c r="A50075" s="1" t="s">
        <v>44987</v>
      </c>
      <c r="B50075" s="1" t="s">
        <v>169390</v>
      </c>
      <c r="C50075" s="1" t="s">
        <v>70</v>
      </c>
      <c r="D50075" s="1" t="s">
        <v>28443</v>
      </c>
      <c r="E50075" s="1" t="s">
        <v>169429</v>
      </c>
      <c r="F50075" s="1" t="s">
        <v>169430</v>
      </c>
      <c r="G50075" s="1" t="s">
        <v>169393</v>
      </c>
      <c r="H50075" s="1" t="s">
        <v>35899</v>
      </c>
      <c r="I50075" s="1" t="s">
        <v>169394</v>
      </c>
      <c r="J50075" s="1" t="s">
        <v>169431</v>
      </c>
    </row>
    <row r="50076" spans="1:10" x14ac:dyDescent="0.35">
      <c r="A50076" s="1" t="s">
        <v>44987</v>
      </c>
      <c r="B50076" s="1" t="s">
        <v>169390</v>
      </c>
      <c r="C50076" s="1" t="s">
        <v>75</v>
      </c>
      <c r="D50076" s="1" t="s">
        <v>8116</v>
      </c>
      <c r="E50076" s="1" t="s">
        <v>169432</v>
      </c>
      <c r="F50076" s="1" t="s">
        <v>169433</v>
      </c>
      <c r="G50076" s="1" t="s">
        <v>169393</v>
      </c>
      <c r="H50076" s="1" t="s">
        <v>35899</v>
      </c>
      <c r="I50076" s="1" t="s">
        <v>169394</v>
      </c>
      <c r="J50076" s="1" t="s">
        <v>169434</v>
      </c>
    </row>
    <row r="50077" spans="1:10" x14ac:dyDescent="0.35">
      <c r="A50077" s="1" t="s">
        <v>44987</v>
      </c>
      <c r="B50077" s="1" t="s">
        <v>169390</v>
      </c>
      <c r="C50077" s="1" t="s">
        <v>80</v>
      </c>
      <c r="D50077" s="1" t="s">
        <v>169435</v>
      </c>
      <c r="E50077" s="1" t="s">
        <v>169436</v>
      </c>
      <c r="F50077" s="1" t="s">
        <v>169437</v>
      </c>
      <c r="G50077" s="1" t="s">
        <v>169393</v>
      </c>
      <c r="H50077" s="1" t="s">
        <v>35899</v>
      </c>
      <c r="I50077" s="1" t="s">
        <v>169394</v>
      </c>
      <c r="J50077" s="1" t="s">
        <v>169438</v>
      </c>
    </row>
    <row r="50078" spans="1:10" x14ac:dyDescent="0.35">
      <c r="A50078" s="1" t="s">
        <v>44987</v>
      </c>
      <c r="B50078" s="1" t="s">
        <v>169390</v>
      </c>
      <c r="C50078" s="1" t="s">
        <v>85</v>
      </c>
      <c r="D50078" s="1" t="s">
        <v>144793</v>
      </c>
      <c r="E50078" s="1" t="s">
        <v>169439</v>
      </c>
      <c r="F50078" s="1" t="s">
        <v>169440</v>
      </c>
      <c r="G50078" s="1" t="s">
        <v>169393</v>
      </c>
      <c r="H50078" s="1" t="s">
        <v>35899</v>
      </c>
      <c r="I50078" s="1" t="s">
        <v>169394</v>
      </c>
      <c r="J50078" s="1" t="s">
        <v>169441</v>
      </c>
    </row>
    <row r="50079" spans="1:10" x14ac:dyDescent="0.35">
      <c r="A50079" s="1" t="s">
        <v>44987</v>
      </c>
      <c r="B50079" s="1" t="s">
        <v>169390</v>
      </c>
      <c r="C50079" s="1" t="s">
        <v>90</v>
      </c>
      <c r="D50079" s="1" t="s">
        <v>7920</v>
      </c>
      <c r="E50079" s="1" t="s">
        <v>169442</v>
      </c>
      <c r="F50079" s="1" t="s">
        <v>169443</v>
      </c>
      <c r="G50079" s="1" t="s">
        <v>169393</v>
      </c>
      <c r="H50079" s="1" t="s">
        <v>35899</v>
      </c>
      <c r="I50079" s="1" t="s">
        <v>169394</v>
      </c>
      <c r="J50079" s="1" t="s">
        <v>169444</v>
      </c>
    </row>
    <row r="50080" spans="1:10" x14ac:dyDescent="0.35">
      <c r="A50080" s="1" t="s">
        <v>44987</v>
      </c>
      <c r="B50080" s="1" t="s">
        <v>169390</v>
      </c>
      <c r="C50080" s="1" t="s">
        <v>95</v>
      </c>
      <c r="D50080" s="1" t="s">
        <v>2556</v>
      </c>
      <c r="E50080" s="1" t="s">
        <v>169445</v>
      </c>
      <c r="F50080" s="1" t="s">
        <v>169446</v>
      </c>
      <c r="G50080" s="1" t="s">
        <v>169393</v>
      </c>
      <c r="H50080" s="1" t="s">
        <v>35899</v>
      </c>
      <c r="I50080" s="1" t="s">
        <v>169394</v>
      </c>
      <c r="J50080" s="1" t="s">
        <v>169447</v>
      </c>
    </row>
    <row r="50081" spans="1:10" x14ac:dyDescent="0.35">
      <c r="A50081" s="1" t="s">
        <v>44987</v>
      </c>
      <c r="B50081" s="1" t="s">
        <v>169390</v>
      </c>
      <c r="C50081" s="1" t="s">
        <v>100</v>
      </c>
      <c r="D50081" s="1" t="s">
        <v>162051</v>
      </c>
      <c r="E50081" s="1" t="s">
        <v>169448</v>
      </c>
      <c r="F50081" s="1" t="s">
        <v>169449</v>
      </c>
      <c r="G50081" s="1" t="s">
        <v>169393</v>
      </c>
      <c r="H50081" s="1" t="s">
        <v>35899</v>
      </c>
      <c r="I50081" s="1" t="s">
        <v>169394</v>
      </c>
      <c r="J50081" s="1" t="s">
        <v>169450</v>
      </c>
    </row>
    <row r="50082" spans="1:10" x14ac:dyDescent="0.35">
      <c r="A50082" s="1" t="s">
        <v>44987</v>
      </c>
      <c r="B50082" s="1" t="s">
        <v>169390</v>
      </c>
      <c r="C50082" s="1" t="s">
        <v>105</v>
      </c>
      <c r="D50082" s="1" t="s">
        <v>148942</v>
      </c>
      <c r="E50082" s="1" t="s">
        <v>169451</v>
      </c>
      <c r="F50082" s="1" t="s">
        <v>169452</v>
      </c>
      <c r="G50082" s="1" t="s">
        <v>169393</v>
      </c>
      <c r="H50082" s="1" t="s">
        <v>35899</v>
      </c>
      <c r="I50082" s="1" t="s">
        <v>169394</v>
      </c>
      <c r="J50082" s="1" t="s">
        <v>169453</v>
      </c>
    </row>
    <row r="50083" spans="1:10" x14ac:dyDescent="0.35">
      <c r="A50083" s="1" t="s">
        <v>44987</v>
      </c>
      <c r="B50083" s="1" t="s">
        <v>169390</v>
      </c>
      <c r="C50083" s="1" t="s">
        <v>110</v>
      </c>
      <c r="D50083" s="1" t="s">
        <v>169454</v>
      </c>
      <c r="E50083" s="1" t="s">
        <v>169455</v>
      </c>
      <c r="F50083" s="1" t="s">
        <v>169456</v>
      </c>
      <c r="G50083" s="1" t="s">
        <v>169393</v>
      </c>
      <c r="H50083" s="1" t="s">
        <v>35899</v>
      </c>
      <c r="I50083" s="1" t="s">
        <v>169394</v>
      </c>
      <c r="J50083" s="1" t="s">
        <v>169457</v>
      </c>
    </row>
    <row r="50084" spans="1:10" x14ac:dyDescent="0.35">
      <c r="A50084" s="1" t="s">
        <v>44987</v>
      </c>
      <c r="B50084" s="1" t="s">
        <v>169390</v>
      </c>
      <c r="C50084" s="1" t="s">
        <v>115</v>
      </c>
      <c r="D50084" s="1" t="s">
        <v>16344</v>
      </c>
      <c r="E50084" s="1" t="s">
        <v>169458</v>
      </c>
      <c r="F50084" s="1" t="s">
        <v>169459</v>
      </c>
      <c r="G50084" s="1" t="s">
        <v>169393</v>
      </c>
      <c r="H50084" s="1" t="s">
        <v>35899</v>
      </c>
      <c r="I50084" s="1" t="s">
        <v>169394</v>
      </c>
      <c r="J50084" s="1" t="s">
        <v>169460</v>
      </c>
    </row>
    <row r="50085" spans="1:10" x14ac:dyDescent="0.35">
      <c r="A50085" s="1" t="s">
        <v>44987</v>
      </c>
      <c r="B50085" s="1" t="s">
        <v>169390</v>
      </c>
      <c r="C50085" s="1" t="s">
        <v>120</v>
      </c>
      <c r="D50085" s="1" t="s">
        <v>15244</v>
      </c>
      <c r="E50085" s="1" t="s">
        <v>169461</v>
      </c>
      <c r="F50085" s="1" t="s">
        <v>169462</v>
      </c>
      <c r="G50085" s="1" t="s">
        <v>169393</v>
      </c>
      <c r="H50085" s="1" t="s">
        <v>35899</v>
      </c>
      <c r="I50085" s="1" t="s">
        <v>169394</v>
      </c>
      <c r="J50085" s="1" t="s">
        <v>169463</v>
      </c>
    </row>
    <row r="50086" spans="1:10" x14ac:dyDescent="0.35">
      <c r="A50086" s="1" t="s">
        <v>44987</v>
      </c>
      <c r="B50086" s="1" t="s">
        <v>169390</v>
      </c>
      <c r="C50086" s="1" t="s">
        <v>125</v>
      </c>
      <c r="D50086" s="1" t="s">
        <v>169464</v>
      </c>
      <c r="E50086" s="1" t="s">
        <v>169465</v>
      </c>
      <c r="F50086" s="1" t="s">
        <v>169466</v>
      </c>
      <c r="G50086" s="1" t="s">
        <v>169393</v>
      </c>
      <c r="H50086" s="1" t="s">
        <v>35899</v>
      </c>
      <c r="I50086" s="1" t="s">
        <v>169394</v>
      </c>
      <c r="J50086" s="1" t="s">
        <v>169467</v>
      </c>
    </row>
    <row r="50087" spans="1:10" x14ac:dyDescent="0.35">
      <c r="A50087" s="1" t="s">
        <v>44987</v>
      </c>
      <c r="B50087" s="1" t="s">
        <v>169390</v>
      </c>
      <c r="C50087" s="1" t="s">
        <v>130</v>
      </c>
      <c r="D50087" s="1" t="s">
        <v>169468</v>
      </c>
      <c r="E50087" s="1" t="s">
        <v>169469</v>
      </c>
      <c r="F50087" s="1" t="s">
        <v>169470</v>
      </c>
      <c r="G50087" s="1" t="s">
        <v>169393</v>
      </c>
      <c r="H50087" s="1" t="s">
        <v>35899</v>
      </c>
      <c r="I50087" s="1" t="s">
        <v>169394</v>
      </c>
      <c r="J50087" s="1" t="s">
        <v>169471</v>
      </c>
    </row>
    <row r="50088" spans="1:10" x14ac:dyDescent="0.35">
      <c r="A50088" s="1" t="s">
        <v>44987</v>
      </c>
      <c r="B50088" s="1" t="s">
        <v>169390</v>
      </c>
      <c r="C50088" s="1" t="s">
        <v>135</v>
      </c>
      <c r="D50088" s="1" t="s">
        <v>169472</v>
      </c>
      <c r="E50088" s="1" t="s">
        <v>169473</v>
      </c>
      <c r="F50088" s="1" t="s">
        <v>169474</v>
      </c>
      <c r="G50088" s="1" t="s">
        <v>169393</v>
      </c>
      <c r="H50088" s="1" t="s">
        <v>35899</v>
      </c>
      <c r="I50088" s="1" t="s">
        <v>169394</v>
      </c>
      <c r="J50088" s="1" t="s">
        <v>169475</v>
      </c>
    </row>
    <row r="50089" spans="1:10" x14ac:dyDescent="0.35">
      <c r="A50089" s="1" t="s">
        <v>44987</v>
      </c>
      <c r="B50089" s="1" t="s">
        <v>169390</v>
      </c>
      <c r="C50089" s="1" t="s">
        <v>140</v>
      </c>
      <c r="D50089" s="1" t="s">
        <v>48164</v>
      </c>
      <c r="E50089" s="1" t="s">
        <v>169476</v>
      </c>
      <c r="F50089" s="1" t="s">
        <v>169477</v>
      </c>
      <c r="G50089" s="1" t="s">
        <v>169393</v>
      </c>
      <c r="H50089" s="1" t="s">
        <v>35899</v>
      </c>
      <c r="I50089" s="1" t="s">
        <v>169394</v>
      </c>
      <c r="J50089" s="1" t="s">
        <v>169478</v>
      </c>
    </row>
    <row r="50090" spans="1:10" x14ac:dyDescent="0.35">
      <c r="A50090" s="1" t="s">
        <v>44987</v>
      </c>
      <c r="B50090" s="1" t="s">
        <v>169390</v>
      </c>
      <c r="C50090" s="1" t="s">
        <v>145</v>
      </c>
      <c r="D50090" s="1" t="s">
        <v>169041</v>
      </c>
      <c r="E50090" s="1" t="s">
        <v>169479</v>
      </c>
      <c r="F50090" s="1" t="s">
        <v>169480</v>
      </c>
      <c r="G50090" s="1" t="s">
        <v>169393</v>
      </c>
      <c r="H50090" s="1" t="s">
        <v>35899</v>
      </c>
      <c r="I50090" s="1" t="s">
        <v>169394</v>
      </c>
      <c r="J50090" s="1" t="s">
        <v>169481</v>
      </c>
    </row>
    <row r="50091" spans="1:10" x14ac:dyDescent="0.35">
      <c r="A50091" s="1" t="s">
        <v>44987</v>
      </c>
      <c r="B50091" s="1" t="s">
        <v>169390</v>
      </c>
      <c r="C50091" s="1" t="s">
        <v>150</v>
      </c>
      <c r="D50091" s="1" t="s">
        <v>28326</v>
      </c>
      <c r="E50091" s="1" t="s">
        <v>169482</v>
      </c>
      <c r="F50091" s="1" t="s">
        <v>169483</v>
      </c>
      <c r="G50091" s="1" t="s">
        <v>169393</v>
      </c>
      <c r="H50091" s="1" t="s">
        <v>35899</v>
      </c>
      <c r="I50091" s="1" t="s">
        <v>169394</v>
      </c>
      <c r="J50091" s="1" t="s">
        <v>169484</v>
      </c>
    </row>
    <row r="50092" spans="1:10" x14ac:dyDescent="0.35">
      <c r="A50092" s="1" t="s">
        <v>44987</v>
      </c>
      <c r="B50092" s="1" t="s">
        <v>169390</v>
      </c>
      <c r="C50092" s="1" t="s">
        <v>155</v>
      </c>
      <c r="D50092" s="1" t="s">
        <v>73838</v>
      </c>
      <c r="E50092" s="1" t="s">
        <v>169485</v>
      </c>
      <c r="F50092" s="1" t="s">
        <v>169486</v>
      </c>
      <c r="G50092" s="1" t="s">
        <v>169393</v>
      </c>
      <c r="H50092" s="1" t="s">
        <v>35899</v>
      </c>
      <c r="I50092" s="1" t="s">
        <v>169394</v>
      </c>
      <c r="J50092" s="1" t="s">
        <v>169487</v>
      </c>
    </row>
    <row r="50093" spans="1:10" x14ac:dyDescent="0.35">
      <c r="A50093" s="1" t="s">
        <v>44987</v>
      </c>
      <c r="B50093" s="1" t="s">
        <v>169390</v>
      </c>
      <c r="C50093" s="1" t="s">
        <v>160</v>
      </c>
      <c r="D50093" s="1" t="s">
        <v>25770</v>
      </c>
      <c r="E50093" s="1" t="s">
        <v>169488</v>
      </c>
      <c r="F50093" s="1" t="s">
        <v>169489</v>
      </c>
      <c r="G50093" s="1" t="s">
        <v>169393</v>
      </c>
      <c r="H50093" s="1" t="s">
        <v>35899</v>
      </c>
      <c r="I50093" s="1" t="s">
        <v>169394</v>
      </c>
      <c r="J50093" s="1" t="s">
        <v>169490</v>
      </c>
    </row>
    <row r="50094" spans="1:10" x14ac:dyDescent="0.35">
      <c r="A50094" s="1" t="s">
        <v>44987</v>
      </c>
      <c r="B50094" s="1" t="s">
        <v>169390</v>
      </c>
      <c r="C50094" s="1" t="s">
        <v>165</v>
      </c>
      <c r="D50094" s="1" t="s">
        <v>72523</v>
      </c>
      <c r="E50094" s="1" t="s">
        <v>169491</v>
      </c>
      <c r="F50094" s="1" t="s">
        <v>169492</v>
      </c>
      <c r="G50094" s="1" t="s">
        <v>169393</v>
      </c>
      <c r="H50094" s="1" t="s">
        <v>35899</v>
      </c>
      <c r="I50094" s="1" t="s">
        <v>169394</v>
      </c>
      <c r="J50094" s="1" t="s">
        <v>169493</v>
      </c>
    </row>
    <row r="50095" spans="1:10" x14ac:dyDescent="0.35">
      <c r="A50095" s="1" t="s">
        <v>44987</v>
      </c>
      <c r="B50095" s="1" t="s">
        <v>169390</v>
      </c>
      <c r="C50095" s="1" t="s">
        <v>170</v>
      </c>
      <c r="D50095" s="1" t="s">
        <v>169494</v>
      </c>
      <c r="E50095" s="1" t="s">
        <v>169495</v>
      </c>
      <c r="F50095" s="1" t="s">
        <v>169496</v>
      </c>
      <c r="G50095" s="1" t="s">
        <v>169393</v>
      </c>
      <c r="H50095" s="1" t="s">
        <v>35899</v>
      </c>
      <c r="I50095" s="1" t="s">
        <v>169394</v>
      </c>
      <c r="J50095" s="1" t="s">
        <v>169497</v>
      </c>
    </row>
    <row r="50096" spans="1:10" x14ac:dyDescent="0.35">
      <c r="A50096" s="1" t="s">
        <v>5534</v>
      </c>
      <c r="B50096" s="1" t="s">
        <v>169390</v>
      </c>
      <c r="C50096" s="1" t="s">
        <v>8</v>
      </c>
      <c r="D50096" s="1" t="s">
        <v>2853</v>
      </c>
      <c r="E50096" s="1" t="s">
        <v>169498</v>
      </c>
      <c r="F50096" s="1" t="s">
        <v>169499</v>
      </c>
      <c r="G50096" s="1" t="s">
        <v>169500</v>
      </c>
      <c r="H50096" s="1" t="s">
        <v>169501</v>
      </c>
      <c r="I50096" s="1" t="s">
        <v>169394</v>
      </c>
      <c r="J50096" s="1" t="s">
        <v>13</v>
      </c>
    </row>
    <row r="50097" spans="1:10" x14ac:dyDescent="0.35">
      <c r="A50097" s="1" t="s">
        <v>5534</v>
      </c>
      <c r="B50097" s="1" t="s">
        <v>169390</v>
      </c>
      <c r="C50097" s="1" t="s">
        <v>15</v>
      </c>
      <c r="D50097" s="1" t="s">
        <v>145045</v>
      </c>
      <c r="E50097" s="1" t="s">
        <v>169502</v>
      </c>
      <c r="F50097" s="1" t="s">
        <v>169503</v>
      </c>
      <c r="G50097" s="1" t="s">
        <v>169500</v>
      </c>
      <c r="H50097" s="1" t="s">
        <v>169501</v>
      </c>
      <c r="I50097" s="1" t="s">
        <v>169394</v>
      </c>
      <c r="J50097" s="1" t="s">
        <v>169504</v>
      </c>
    </row>
    <row r="50098" spans="1:10" x14ac:dyDescent="0.35">
      <c r="A50098" s="1" t="s">
        <v>5534</v>
      </c>
      <c r="B50098" s="1" t="s">
        <v>169390</v>
      </c>
      <c r="C50098" s="1" t="s">
        <v>20</v>
      </c>
      <c r="D50098" s="1" t="s">
        <v>8046</v>
      </c>
      <c r="E50098" s="1" t="s">
        <v>169505</v>
      </c>
      <c r="F50098" s="1" t="s">
        <v>169506</v>
      </c>
      <c r="G50098" s="1" t="s">
        <v>169500</v>
      </c>
      <c r="H50098" s="1" t="s">
        <v>169501</v>
      </c>
      <c r="I50098" s="1" t="s">
        <v>169394</v>
      </c>
      <c r="J50098" s="1" t="s">
        <v>169507</v>
      </c>
    </row>
    <row r="50099" spans="1:10" x14ac:dyDescent="0.35">
      <c r="A50099" s="1" t="s">
        <v>5534</v>
      </c>
      <c r="B50099" s="1" t="s">
        <v>169390</v>
      </c>
      <c r="C50099" s="1" t="s">
        <v>25</v>
      </c>
      <c r="D50099" s="1" t="s">
        <v>4050</v>
      </c>
      <c r="E50099" s="1" t="s">
        <v>169508</v>
      </c>
      <c r="F50099" s="1" t="s">
        <v>169509</v>
      </c>
      <c r="G50099" s="1" t="s">
        <v>169500</v>
      </c>
      <c r="H50099" s="1" t="s">
        <v>169501</v>
      </c>
      <c r="I50099" s="1" t="s">
        <v>169394</v>
      </c>
      <c r="J50099" s="1" t="s">
        <v>169510</v>
      </c>
    </row>
    <row r="50100" spans="1:10" x14ac:dyDescent="0.35">
      <c r="A50100" s="1" t="s">
        <v>5534</v>
      </c>
      <c r="B50100" s="1" t="s">
        <v>169390</v>
      </c>
      <c r="C50100" s="1" t="s">
        <v>30</v>
      </c>
      <c r="D50100" s="1" t="s">
        <v>7560</v>
      </c>
      <c r="E50100" s="1" t="s">
        <v>169511</v>
      </c>
      <c r="F50100" s="1" t="s">
        <v>169512</v>
      </c>
      <c r="G50100" s="1" t="s">
        <v>169500</v>
      </c>
      <c r="H50100" s="1" t="s">
        <v>169501</v>
      </c>
      <c r="I50100" s="1" t="s">
        <v>169394</v>
      </c>
      <c r="J50100" s="1" t="s">
        <v>169513</v>
      </c>
    </row>
    <row r="50101" spans="1:10" x14ac:dyDescent="0.35">
      <c r="A50101" s="1" t="s">
        <v>5534</v>
      </c>
      <c r="B50101" s="1" t="s">
        <v>169390</v>
      </c>
      <c r="C50101" s="1" t="s">
        <v>35</v>
      </c>
      <c r="D50101" s="1" t="s">
        <v>28003</v>
      </c>
      <c r="E50101" s="1" t="s">
        <v>169514</v>
      </c>
      <c r="F50101" s="1" t="s">
        <v>169515</v>
      </c>
      <c r="G50101" s="1" t="s">
        <v>169500</v>
      </c>
      <c r="H50101" s="1" t="s">
        <v>169501</v>
      </c>
      <c r="I50101" s="1" t="s">
        <v>169394</v>
      </c>
      <c r="J50101" s="1" t="s">
        <v>169516</v>
      </c>
    </row>
    <row r="50102" spans="1:10" x14ac:dyDescent="0.35">
      <c r="A50102" s="1" t="s">
        <v>5534</v>
      </c>
      <c r="B50102" s="1" t="s">
        <v>169390</v>
      </c>
      <c r="C50102" s="1" t="s">
        <v>40</v>
      </c>
      <c r="D50102" s="1" t="s">
        <v>120915</v>
      </c>
      <c r="E50102" s="1" t="s">
        <v>169517</v>
      </c>
      <c r="F50102" s="1" t="s">
        <v>169518</v>
      </c>
      <c r="G50102" s="1" t="s">
        <v>169500</v>
      </c>
      <c r="H50102" s="1" t="s">
        <v>169501</v>
      </c>
      <c r="I50102" s="1" t="s">
        <v>169394</v>
      </c>
      <c r="J50102" s="1" t="s">
        <v>169519</v>
      </c>
    </row>
    <row r="50103" spans="1:10" x14ac:dyDescent="0.35">
      <c r="A50103" s="1" t="s">
        <v>5534</v>
      </c>
      <c r="B50103" s="1" t="s">
        <v>169390</v>
      </c>
      <c r="C50103" s="1" t="s">
        <v>45</v>
      </c>
      <c r="D50103" s="1" t="s">
        <v>1612</v>
      </c>
      <c r="E50103" s="1" t="s">
        <v>169520</v>
      </c>
      <c r="F50103" s="1" t="s">
        <v>169521</v>
      </c>
      <c r="G50103" s="1" t="s">
        <v>169500</v>
      </c>
      <c r="H50103" s="1" t="s">
        <v>169501</v>
      </c>
      <c r="I50103" s="1" t="s">
        <v>169394</v>
      </c>
      <c r="J50103" s="1" t="s">
        <v>169522</v>
      </c>
    </row>
    <row r="50104" spans="1:10" x14ac:dyDescent="0.35">
      <c r="A50104" s="1" t="s">
        <v>5534</v>
      </c>
      <c r="B50104" s="1" t="s">
        <v>169390</v>
      </c>
      <c r="C50104" s="1" t="s">
        <v>50</v>
      </c>
      <c r="D50104" s="1" t="s">
        <v>206</v>
      </c>
      <c r="E50104" s="1" t="s">
        <v>169523</v>
      </c>
      <c r="F50104" s="1" t="s">
        <v>169524</v>
      </c>
      <c r="G50104" s="1" t="s">
        <v>169500</v>
      </c>
      <c r="H50104" s="1" t="s">
        <v>169501</v>
      </c>
      <c r="I50104" s="1" t="s">
        <v>169394</v>
      </c>
      <c r="J50104" s="1" t="s">
        <v>169525</v>
      </c>
    </row>
    <row r="50105" spans="1:10" x14ac:dyDescent="0.35">
      <c r="A50105" s="1" t="s">
        <v>5534</v>
      </c>
      <c r="B50105" s="1" t="s">
        <v>169390</v>
      </c>
      <c r="C50105" s="1" t="s">
        <v>55</v>
      </c>
      <c r="D50105" s="1" t="s">
        <v>15244</v>
      </c>
      <c r="E50105" s="1" t="s">
        <v>169526</v>
      </c>
      <c r="F50105" s="1" t="s">
        <v>169527</v>
      </c>
      <c r="G50105" s="1" t="s">
        <v>169500</v>
      </c>
      <c r="H50105" s="1" t="s">
        <v>169501</v>
      </c>
      <c r="I50105" s="1" t="s">
        <v>169394</v>
      </c>
      <c r="J50105" s="1" t="s">
        <v>169528</v>
      </c>
    </row>
    <row r="50106" spans="1:10" x14ac:dyDescent="0.35">
      <c r="A50106" s="1" t="s">
        <v>5534</v>
      </c>
      <c r="B50106" s="1" t="s">
        <v>169390</v>
      </c>
      <c r="C50106" s="1" t="s">
        <v>60</v>
      </c>
      <c r="D50106" s="1" t="s">
        <v>13011</v>
      </c>
      <c r="E50106" s="1" t="s">
        <v>169529</v>
      </c>
      <c r="F50106" s="1" t="s">
        <v>169530</v>
      </c>
      <c r="G50106" s="1" t="s">
        <v>169500</v>
      </c>
      <c r="H50106" s="1" t="s">
        <v>169501</v>
      </c>
      <c r="I50106" s="1" t="s">
        <v>169394</v>
      </c>
      <c r="J50106" s="1" t="s">
        <v>169531</v>
      </c>
    </row>
    <row r="50107" spans="1:10" x14ac:dyDescent="0.35">
      <c r="A50107" s="1" t="s">
        <v>5534</v>
      </c>
      <c r="B50107" s="1" t="s">
        <v>169390</v>
      </c>
      <c r="C50107" s="1" t="s">
        <v>65</v>
      </c>
      <c r="D50107" s="1" t="s">
        <v>156929</v>
      </c>
      <c r="E50107" s="1" t="s">
        <v>169532</v>
      </c>
      <c r="F50107" s="1" t="s">
        <v>169533</v>
      </c>
      <c r="G50107" s="1" t="s">
        <v>169500</v>
      </c>
      <c r="H50107" s="1" t="s">
        <v>169501</v>
      </c>
      <c r="I50107" s="1" t="s">
        <v>169394</v>
      </c>
      <c r="J50107" s="1" t="s">
        <v>169534</v>
      </c>
    </row>
    <row r="50108" spans="1:10" x14ac:dyDescent="0.35">
      <c r="A50108" s="1" t="s">
        <v>5534</v>
      </c>
      <c r="B50108" s="1" t="s">
        <v>169390</v>
      </c>
      <c r="C50108" s="1" t="s">
        <v>70</v>
      </c>
      <c r="D50108" s="1" t="s">
        <v>104854</v>
      </c>
      <c r="E50108" s="1" t="s">
        <v>169535</v>
      </c>
      <c r="F50108" s="1" t="s">
        <v>169536</v>
      </c>
      <c r="G50108" s="1" t="s">
        <v>169500</v>
      </c>
      <c r="H50108" s="1" t="s">
        <v>169501</v>
      </c>
      <c r="I50108" s="1" t="s">
        <v>169394</v>
      </c>
      <c r="J50108" s="1" t="s">
        <v>169537</v>
      </c>
    </row>
    <row r="50109" spans="1:10" x14ac:dyDescent="0.35">
      <c r="A50109" s="1" t="s">
        <v>5534</v>
      </c>
      <c r="B50109" s="1" t="s">
        <v>169390</v>
      </c>
      <c r="C50109" s="1" t="s">
        <v>75</v>
      </c>
      <c r="D50109" s="1" t="s">
        <v>30756</v>
      </c>
      <c r="E50109" s="1" t="s">
        <v>169538</v>
      </c>
      <c r="F50109" s="1" t="s">
        <v>169539</v>
      </c>
      <c r="G50109" s="1" t="s">
        <v>169500</v>
      </c>
      <c r="H50109" s="1" t="s">
        <v>169501</v>
      </c>
      <c r="I50109" s="1" t="s">
        <v>169394</v>
      </c>
      <c r="J50109" s="1" t="s">
        <v>169540</v>
      </c>
    </row>
    <row r="50110" spans="1:10" x14ac:dyDescent="0.35">
      <c r="A50110" s="1" t="s">
        <v>5534</v>
      </c>
      <c r="B50110" s="1" t="s">
        <v>169390</v>
      </c>
      <c r="C50110" s="1" t="s">
        <v>80</v>
      </c>
      <c r="D50110" s="1" t="s">
        <v>34336</v>
      </c>
      <c r="E50110" s="1" t="s">
        <v>169541</v>
      </c>
      <c r="F50110" s="1" t="s">
        <v>169542</v>
      </c>
      <c r="G50110" s="1" t="s">
        <v>169500</v>
      </c>
      <c r="H50110" s="1" t="s">
        <v>169501</v>
      </c>
      <c r="I50110" s="1" t="s">
        <v>169394</v>
      </c>
      <c r="J50110" s="1" t="s">
        <v>169543</v>
      </c>
    </row>
    <row r="50111" spans="1:10" x14ac:dyDescent="0.35">
      <c r="A50111" s="1" t="s">
        <v>5534</v>
      </c>
      <c r="B50111" s="1" t="s">
        <v>169390</v>
      </c>
      <c r="C50111" s="1" t="s">
        <v>85</v>
      </c>
      <c r="D50111" s="1" t="s">
        <v>8805</v>
      </c>
      <c r="E50111" s="1" t="s">
        <v>169544</v>
      </c>
      <c r="F50111" s="1" t="s">
        <v>169545</v>
      </c>
      <c r="G50111" s="1" t="s">
        <v>169500</v>
      </c>
      <c r="H50111" s="1" t="s">
        <v>169501</v>
      </c>
      <c r="I50111" s="1" t="s">
        <v>169394</v>
      </c>
      <c r="J50111" s="1" t="s">
        <v>169546</v>
      </c>
    </row>
    <row r="50112" spans="1:10" x14ac:dyDescent="0.35">
      <c r="A50112" s="1" t="s">
        <v>5534</v>
      </c>
      <c r="B50112" s="1" t="s">
        <v>169390</v>
      </c>
      <c r="C50112" s="1" t="s">
        <v>90</v>
      </c>
      <c r="D50112" s="1" t="s">
        <v>135277</v>
      </c>
      <c r="E50112" s="1" t="s">
        <v>169547</v>
      </c>
      <c r="F50112" s="1" t="s">
        <v>169548</v>
      </c>
      <c r="G50112" s="1" t="s">
        <v>169500</v>
      </c>
      <c r="H50112" s="1" t="s">
        <v>169501</v>
      </c>
      <c r="I50112" s="1" t="s">
        <v>169394</v>
      </c>
      <c r="J50112" s="1" t="s">
        <v>169549</v>
      </c>
    </row>
    <row r="50113" spans="1:10" x14ac:dyDescent="0.35">
      <c r="A50113" s="1" t="s">
        <v>5534</v>
      </c>
      <c r="B50113" s="1" t="s">
        <v>169390</v>
      </c>
      <c r="C50113" s="1" t="s">
        <v>95</v>
      </c>
      <c r="D50113" s="1" t="s">
        <v>44429</v>
      </c>
      <c r="E50113" s="1" t="s">
        <v>169550</v>
      </c>
      <c r="F50113" s="1" t="s">
        <v>169551</v>
      </c>
      <c r="G50113" s="1" t="s">
        <v>169500</v>
      </c>
      <c r="H50113" s="1" t="s">
        <v>169501</v>
      </c>
      <c r="I50113" s="1" t="s">
        <v>169394</v>
      </c>
      <c r="J50113" s="1" t="s">
        <v>169552</v>
      </c>
    </row>
    <row r="50114" spans="1:10" x14ac:dyDescent="0.35">
      <c r="A50114" s="1" t="s">
        <v>5534</v>
      </c>
      <c r="B50114" s="1" t="s">
        <v>169390</v>
      </c>
      <c r="C50114" s="1" t="s">
        <v>100</v>
      </c>
      <c r="D50114" s="1" t="s">
        <v>168565</v>
      </c>
      <c r="E50114" s="1" t="s">
        <v>169553</v>
      </c>
      <c r="F50114" s="1" t="s">
        <v>128927</v>
      </c>
      <c r="G50114" s="1" t="s">
        <v>169500</v>
      </c>
      <c r="H50114" s="1" t="s">
        <v>169501</v>
      </c>
      <c r="I50114" s="1" t="s">
        <v>169394</v>
      </c>
      <c r="J50114" s="1" t="s">
        <v>169554</v>
      </c>
    </row>
    <row r="50115" spans="1:10" x14ac:dyDescent="0.35">
      <c r="A50115" s="1" t="s">
        <v>5534</v>
      </c>
      <c r="B50115" s="1" t="s">
        <v>169390</v>
      </c>
      <c r="C50115" s="1" t="s">
        <v>105</v>
      </c>
      <c r="D50115" s="1" t="s">
        <v>15296</v>
      </c>
      <c r="E50115" s="1" t="s">
        <v>169555</v>
      </c>
      <c r="F50115" s="1" t="s">
        <v>169556</v>
      </c>
      <c r="G50115" s="1" t="s">
        <v>169500</v>
      </c>
      <c r="H50115" s="1" t="s">
        <v>169501</v>
      </c>
      <c r="I50115" s="1" t="s">
        <v>169394</v>
      </c>
      <c r="J50115" s="1" t="s">
        <v>169557</v>
      </c>
    </row>
    <row r="50116" spans="1:10" x14ac:dyDescent="0.35">
      <c r="A50116" s="1" t="s">
        <v>5534</v>
      </c>
      <c r="B50116" s="1" t="s">
        <v>169390</v>
      </c>
      <c r="C50116" s="1" t="s">
        <v>110</v>
      </c>
      <c r="D50116" s="1" t="s">
        <v>30487</v>
      </c>
      <c r="E50116" s="1" t="s">
        <v>169558</v>
      </c>
      <c r="F50116" s="1" t="s">
        <v>169559</v>
      </c>
      <c r="G50116" s="1" t="s">
        <v>169500</v>
      </c>
      <c r="H50116" s="1" t="s">
        <v>169501</v>
      </c>
      <c r="I50116" s="1" t="s">
        <v>169394</v>
      </c>
      <c r="J50116" s="1" t="s">
        <v>169560</v>
      </c>
    </row>
    <row r="50117" spans="1:10" x14ac:dyDescent="0.35">
      <c r="A50117" s="1" t="s">
        <v>5534</v>
      </c>
      <c r="B50117" s="1" t="s">
        <v>169390</v>
      </c>
      <c r="C50117" s="1" t="s">
        <v>115</v>
      </c>
      <c r="D50117" s="1" t="s">
        <v>169561</v>
      </c>
      <c r="E50117" s="1" t="s">
        <v>169562</v>
      </c>
      <c r="F50117" s="1" t="s">
        <v>169563</v>
      </c>
      <c r="G50117" s="1" t="s">
        <v>169500</v>
      </c>
      <c r="H50117" s="1" t="s">
        <v>169501</v>
      </c>
      <c r="I50117" s="1" t="s">
        <v>169394</v>
      </c>
      <c r="J50117" s="1" t="s">
        <v>169564</v>
      </c>
    </row>
    <row r="50118" spans="1:10" x14ac:dyDescent="0.35">
      <c r="A50118" s="1" t="s">
        <v>5534</v>
      </c>
      <c r="B50118" s="1" t="s">
        <v>169390</v>
      </c>
      <c r="C50118" s="1" t="s">
        <v>120</v>
      </c>
      <c r="D50118" s="1" t="s">
        <v>169565</v>
      </c>
      <c r="E50118" s="1" t="s">
        <v>169566</v>
      </c>
      <c r="F50118" s="1" t="s">
        <v>169567</v>
      </c>
      <c r="G50118" s="1" t="s">
        <v>169500</v>
      </c>
      <c r="H50118" s="1" t="s">
        <v>169501</v>
      </c>
      <c r="I50118" s="1" t="s">
        <v>169394</v>
      </c>
      <c r="J50118" s="1" t="s">
        <v>169568</v>
      </c>
    </row>
    <row r="50119" spans="1:10" x14ac:dyDescent="0.35">
      <c r="A50119" s="1" t="s">
        <v>5534</v>
      </c>
      <c r="B50119" s="1" t="s">
        <v>169390</v>
      </c>
      <c r="C50119" s="1" t="s">
        <v>125</v>
      </c>
      <c r="D50119" s="1" t="s">
        <v>71468</v>
      </c>
      <c r="E50119" s="1" t="s">
        <v>169569</v>
      </c>
      <c r="F50119" s="1" t="s">
        <v>169570</v>
      </c>
      <c r="G50119" s="1" t="s">
        <v>169500</v>
      </c>
      <c r="H50119" s="1" t="s">
        <v>169501</v>
      </c>
      <c r="I50119" s="1" t="s">
        <v>169394</v>
      </c>
      <c r="J50119" s="1" t="s">
        <v>169571</v>
      </c>
    </row>
    <row r="50120" spans="1:10" x14ac:dyDescent="0.35">
      <c r="A50120" s="1" t="s">
        <v>5534</v>
      </c>
      <c r="B50120" s="1" t="s">
        <v>169390</v>
      </c>
      <c r="C50120" s="1" t="s">
        <v>130</v>
      </c>
      <c r="D50120" s="1" t="s">
        <v>74266</v>
      </c>
      <c r="E50120" s="1" t="s">
        <v>169572</v>
      </c>
      <c r="F50120" s="1" t="s">
        <v>169573</v>
      </c>
      <c r="G50120" s="1" t="s">
        <v>169500</v>
      </c>
      <c r="H50120" s="1" t="s">
        <v>169501</v>
      </c>
      <c r="I50120" s="1" t="s">
        <v>169394</v>
      </c>
      <c r="J50120" s="1" t="s">
        <v>169574</v>
      </c>
    </row>
    <row r="50121" spans="1:10" x14ac:dyDescent="0.35">
      <c r="A50121" s="1" t="s">
        <v>5534</v>
      </c>
      <c r="B50121" s="1" t="s">
        <v>169390</v>
      </c>
      <c r="C50121" s="1" t="s">
        <v>135</v>
      </c>
      <c r="D50121" s="1" t="s">
        <v>82890</v>
      </c>
      <c r="E50121" s="1" t="s">
        <v>169575</v>
      </c>
      <c r="F50121" s="1" t="s">
        <v>169576</v>
      </c>
      <c r="G50121" s="1" t="s">
        <v>169500</v>
      </c>
      <c r="H50121" s="1" t="s">
        <v>169501</v>
      </c>
      <c r="I50121" s="1" t="s">
        <v>169394</v>
      </c>
      <c r="J50121" s="1" t="s">
        <v>169577</v>
      </c>
    </row>
    <row r="50122" spans="1:10" x14ac:dyDescent="0.35">
      <c r="A50122" s="1" t="s">
        <v>5534</v>
      </c>
      <c r="B50122" s="1" t="s">
        <v>169390</v>
      </c>
      <c r="C50122" s="1" t="s">
        <v>140</v>
      </c>
      <c r="D50122" s="1" t="s">
        <v>169578</v>
      </c>
      <c r="E50122" s="1" t="s">
        <v>169579</v>
      </c>
      <c r="F50122" s="1" t="s">
        <v>169580</v>
      </c>
      <c r="G50122" s="1" t="s">
        <v>169500</v>
      </c>
      <c r="H50122" s="1" t="s">
        <v>169501</v>
      </c>
      <c r="I50122" s="1" t="s">
        <v>169394</v>
      </c>
      <c r="J50122" s="1" t="s">
        <v>169581</v>
      </c>
    </row>
    <row r="50123" spans="1:10" x14ac:dyDescent="0.35">
      <c r="A50123" s="1" t="s">
        <v>5534</v>
      </c>
      <c r="B50123" s="1" t="s">
        <v>169390</v>
      </c>
      <c r="C50123" s="1" t="s">
        <v>145</v>
      </c>
      <c r="D50123" s="1" t="s">
        <v>169582</v>
      </c>
      <c r="E50123" s="1" t="s">
        <v>169583</v>
      </c>
      <c r="F50123" s="1" t="s">
        <v>169584</v>
      </c>
      <c r="G50123" s="1" t="s">
        <v>169500</v>
      </c>
      <c r="H50123" s="1" t="s">
        <v>169501</v>
      </c>
      <c r="I50123" s="1" t="s">
        <v>169394</v>
      </c>
      <c r="J50123" s="1" t="s">
        <v>169585</v>
      </c>
    </row>
    <row r="50124" spans="1:10" x14ac:dyDescent="0.35">
      <c r="A50124" s="1" t="s">
        <v>5534</v>
      </c>
      <c r="B50124" s="1" t="s">
        <v>169390</v>
      </c>
      <c r="C50124" s="1" t="s">
        <v>150</v>
      </c>
      <c r="D50124" s="1" t="s">
        <v>117591</v>
      </c>
      <c r="E50124" s="1" t="s">
        <v>169586</v>
      </c>
      <c r="F50124" s="1" t="s">
        <v>169584</v>
      </c>
      <c r="G50124" s="1" t="s">
        <v>169500</v>
      </c>
      <c r="H50124" s="1" t="s">
        <v>169501</v>
      </c>
      <c r="I50124" s="1" t="s">
        <v>169394</v>
      </c>
      <c r="J50124" s="1" t="s">
        <v>169587</v>
      </c>
    </row>
    <row r="50125" spans="1:10" x14ac:dyDescent="0.35">
      <c r="A50125" s="1" t="s">
        <v>5534</v>
      </c>
      <c r="B50125" s="1" t="s">
        <v>169390</v>
      </c>
      <c r="C50125" s="1" t="s">
        <v>155</v>
      </c>
      <c r="D50125" s="1" t="s">
        <v>169588</v>
      </c>
      <c r="E50125" s="1" t="s">
        <v>169589</v>
      </c>
      <c r="F50125" s="1" t="s">
        <v>169590</v>
      </c>
      <c r="G50125" s="1" t="s">
        <v>169500</v>
      </c>
      <c r="H50125" s="1" t="s">
        <v>169501</v>
      </c>
      <c r="I50125" s="1" t="s">
        <v>169394</v>
      </c>
      <c r="J50125" s="1" t="s">
        <v>169591</v>
      </c>
    </row>
    <row r="50126" spans="1:10" x14ac:dyDescent="0.35">
      <c r="A50126" s="1" t="s">
        <v>5534</v>
      </c>
      <c r="B50126" s="1" t="s">
        <v>169390</v>
      </c>
      <c r="C50126" s="1" t="s">
        <v>160</v>
      </c>
      <c r="D50126" s="1" t="s">
        <v>19860</v>
      </c>
      <c r="E50126" s="1" t="s">
        <v>169592</v>
      </c>
      <c r="F50126" s="1" t="s">
        <v>169584</v>
      </c>
      <c r="G50126" s="1" t="s">
        <v>169500</v>
      </c>
      <c r="H50126" s="1" t="s">
        <v>169501</v>
      </c>
      <c r="I50126" s="1" t="s">
        <v>169394</v>
      </c>
      <c r="J50126" s="1" t="s">
        <v>169593</v>
      </c>
    </row>
    <row r="50127" spans="1:10" x14ac:dyDescent="0.35">
      <c r="A50127" s="1" t="s">
        <v>5534</v>
      </c>
      <c r="B50127" s="1" t="s">
        <v>169390</v>
      </c>
      <c r="C50127" s="1" t="s">
        <v>165</v>
      </c>
      <c r="D50127" s="1" t="s">
        <v>169594</v>
      </c>
      <c r="E50127" s="1" t="s">
        <v>169595</v>
      </c>
      <c r="F50127" s="1" t="s">
        <v>169596</v>
      </c>
      <c r="G50127" s="1" t="s">
        <v>169500</v>
      </c>
      <c r="H50127" s="1" t="s">
        <v>169501</v>
      </c>
      <c r="I50127" s="1" t="s">
        <v>169394</v>
      </c>
      <c r="J50127" s="1" t="s">
        <v>169597</v>
      </c>
    </row>
    <row r="50128" spans="1:10" x14ac:dyDescent="0.35">
      <c r="A50128" s="1" t="s">
        <v>5534</v>
      </c>
      <c r="B50128" s="1" t="s">
        <v>169390</v>
      </c>
      <c r="C50128" s="1" t="s">
        <v>170</v>
      </c>
      <c r="D50128" s="1" t="s">
        <v>3044</v>
      </c>
      <c r="E50128" s="1" t="s">
        <v>169598</v>
      </c>
      <c r="F50128" s="1" t="s">
        <v>169599</v>
      </c>
      <c r="G50128" s="1" t="s">
        <v>169500</v>
      </c>
      <c r="H50128" s="1" t="s">
        <v>169501</v>
      </c>
      <c r="I50128" s="1" t="s">
        <v>169394</v>
      </c>
      <c r="J50128" s="1" t="s">
        <v>169600</v>
      </c>
    </row>
    <row r="50129" spans="1:10" x14ac:dyDescent="0.35">
      <c r="A50129" s="1" t="s">
        <v>29549</v>
      </c>
      <c r="B50129" s="1" t="s">
        <v>169390</v>
      </c>
      <c r="C50129" s="1" t="s">
        <v>8</v>
      </c>
      <c r="D50129" s="1" t="s">
        <v>12927</v>
      </c>
      <c r="E50129" s="1" t="s">
        <v>169601</v>
      </c>
      <c r="F50129" s="1" t="s">
        <v>169602</v>
      </c>
      <c r="G50129" s="1" t="s">
        <v>169603</v>
      </c>
      <c r="H50129" s="1" t="s">
        <v>169604</v>
      </c>
      <c r="I50129" s="1" t="s">
        <v>169394</v>
      </c>
      <c r="J50129" s="1" t="s">
        <v>13</v>
      </c>
    </row>
    <row r="50130" spans="1:10" x14ac:dyDescent="0.35">
      <c r="A50130" s="1" t="s">
        <v>29549</v>
      </c>
      <c r="B50130" s="1" t="s">
        <v>169390</v>
      </c>
      <c r="C50130" s="1" t="s">
        <v>15</v>
      </c>
      <c r="D50130" s="1" t="s">
        <v>6294</v>
      </c>
      <c r="E50130" s="1" t="s">
        <v>169605</v>
      </c>
      <c r="F50130" s="1" t="s">
        <v>169606</v>
      </c>
      <c r="G50130" s="1" t="s">
        <v>169603</v>
      </c>
      <c r="H50130" s="1" t="s">
        <v>169604</v>
      </c>
      <c r="I50130" s="1" t="s">
        <v>169394</v>
      </c>
      <c r="J50130" s="1" t="s">
        <v>169607</v>
      </c>
    </row>
    <row r="50131" spans="1:10" x14ac:dyDescent="0.35">
      <c r="A50131" s="1" t="s">
        <v>29549</v>
      </c>
      <c r="B50131" s="1" t="s">
        <v>169390</v>
      </c>
      <c r="C50131" s="1" t="s">
        <v>20</v>
      </c>
      <c r="D50131" s="1" t="s">
        <v>51173</v>
      </c>
      <c r="E50131" s="1" t="s">
        <v>169608</v>
      </c>
      <c r="F50131" s="1" t="s">
        <v>169609</v>
      </c>
      <c r="G50131" s="1" t="s">
        <v>169603</v>
      </c>
      <c r="H50131" s="1" t="s">
        <v>169604</v>
      </c>
      <c r="I50131" s="1" t="s">
        <v>169394</v>
      </c>
      <c r="J50131" s="1" t="s">
        <v>169610</v>
      </c>
    </row>
    <row r="50132" spans="1:10" x14ac:dyDescent="0.35">
      <c r="A50132" s="1" t="s">
        <v>29549</v>
      </c>
      <c r="B50132" s="1" t="s">
        <v>169390</v>
      </c>
      <c r="C50132" s="1" t="s">
        <v>25</v>
      </c>
      <c r="D50132" s="1" t="s">
        <v>105027</v>
      </c>
      <c r="E50132" s="1" t="s">
        <v>169611</v>
      </c>
      <c r="F50132" s="1" t="s">
        <v>169612</v>
      </c>
      <c r="G50132" s="1" t="s">
        <v>169603</v>
      </c>
      <c r="H50132" s="1" t="s">
        <v>169604</v>
      </c>
      <c r="I50132" s="1" t="s">
        <v>169394</v>
      </c>
      <c r="J50132" s="1" t="s">
        <v>169613</v>
      </c>
    </row>
    <row r="50133" spans="1:10" x14ac:dyDescent="0.35">
      <c r="A50133" s="1" t="s">
        <v>29549</v>
      </c>
      <c r="B50133" s="1" t="s">
        <v>169390</v>
      </c>
      <c r="C50133" s="1" t="s">
        <v>30</v>
      </c>
      <c r="D50133" s="1" t="s">
        <v>12060</v>
      </c>
      <c r="E50133" s="1" t="s">
        <v>169614</v>
      </c>
      <c r="F50133" s="1" t="s">
        <v>169615</v>
      </c>
      <c r="G50133" s="1" t="s">
        <v>169603</v>
      </c>
      <c r="H50133" s="1" t="s">
        <v>169604</v>
      </c>
      <c r="I50133" s="1" t="s">
        <v>169394</v>
      </c>
      <c r="J50133" s="1" t="s">
        <v>169616</v>
      </c>
    </row>
    <row r="50134" spans="1:10" x14ac:dyDescent="0.35">
      <c r="A50134" s="1" t="s">
        <v>29549</v>
      </c>
      <c r="B50134" s="1" t="s">
        <v>169390</v>
      </c>
      <c r="C50134" s="1" t="s">
        <v>35</v>
      </c>
      <c r="D50134" s="1" t="s">
        <v>25309</v>
      </c>
      <c r="E50134" s="1" t="s">
        <v>169617</v>
      </c>
      <c r="F50134" s="1" t="s">
        <v>169618</v>
      </c>
      <c r="G50134" s="1" t="s">
        <v>169603</v>
      </c>
      <c r="H50134" s="1" t="s">
        <v>169604</v>
      </c>
      <c r="I50134" s="1" t="s">
        <v>169394</v>
      </c>
      <c r="J50134" s="1" t="s">
        <v>169619</v>
      </c>
    </row>
    <row r="50135" spans="1:10" x14ac:dyDescent="0.35">
      <c r="A50135" s="1" t="s">
        <v>29549</v>
      </c>
      <c r="B50135" s="1" t="s">
        <v>169390</v>
      </c>
      <c r="C50135" s="1" t="s">
        <v>40</v>
      </c>
      <c r="D50135" s="1" t="s">
        <v>131658</v>
      </c>
      <c r="E50135" s="1" t="s">
        <v>169620</v>
      </c>
      <c r="F50135" s="1" t="s">
        <v>169621</v>
      </c>
      <c r="G50135" s="1" t="s">
        <v>169603</v>
      </c>
      <c r="H50135" s="1" t="s">
        <v>169604</v>
      </c>
      <c r="I50135" s="1" t="s">
        <v>169394</v>
      </c>
      <c r="J50135" s="1" t="s">
        <v>169622</v>
      </c>
    </row>
    <row r="50136" spans="1:10" x14ac:dyDescent="0.35">
      <c r="A50136" s="1" t="s">
        <v>29549</v>
      </c>
      <c r="B50136" s="1" t="s">
        <v>169390</v>
      </c>
      <c r="C50136" s="1" t="s">
        <v>45</v>
      </c>
      <c r="D50136" s="1" t="s">
        <v>144632</v>
      </c>
      <c r="E50136" s="1" t="s">
        <v>169623</v>
      </c>
      <c r="F50136" s="1" t="s">
        <v>169624</v>
      </c>
      <c r="G50136" s="1" t="s">
        <v>169603</v>
      </c>
      <c r="H50136" s="1" t="s">
        <v>169604</v>
      </c>
      <c r="I50136" s="1" t="s">
        <v>169394</v>
      </c>
      <c r="J50136" s="1" t="s">
        <v>169625</v>
      </c>
    </row>
    <row r="50137" spans="1:10" x14ac:dyDescent="0.35">
      <c r="A50137" s="1" t="s">
        <v>29549</v>
      </c>
      <c r="B50137" s="1" t="s">
        <v>169390</v>
      </c>
      <c r="C50137" s="1" t="s">
        <v>50</v>
      </c>
      <c r="D50137" s="1" t="s">
        <v>146409</v>
      </c>
      <c r="E50137" s="1" t="s">
        <v>169626</v>
      </c>
      <c r="F50137" s="1" t="s">
        <v>169627</v>
      </c>
      <c r="G50137" s="1" t="s">
        <v>169603</v>
      </c>
      <c r="H50137" s="1" t="s">
        <v>169604</v>
      </c>
      <c r="I50137" s="1" t="s">
        <v>169394</v>
      </c>
      <c r="J50137" s="1" t="s">
        <v>169628</v>
      </c>
    </row>
    <row r="50138" spans="1:10" x14ac:dyDescent="0.35">
      <c r="A50138" s="1" t="s">
        <v>29549</v>
      </c>
      <c r="B50138" s="1" t="s">
        <v>169390</v>
      </c>
      <c r="C50138" s="1" t="s">
        <v>55</v>
      </c>
      <c r="D50138" s="1" t="s">
        <v>121197</v>
      </c>
      <c r="E50138" s="1" t="s">
        <v>169629</v>
      </c>
      <c r="F50138" s="1" t="s">
        <v>169630</v>
      </c>
      <c r="G50138" s="1" t="s">
        <v>169603</v>
      </c>
      <c r="H50138" s="1" t="s">
        <v>169604</v>
      </c>
      <c r="I50138" s="1" t="s">
        <v>169394</v>
      </c>
      <c r="J50138" s="1" t="s">
        <v>169631</v>
      </c>
    </row>
    <row r="50139" spans="1:10" x14ac:dyDescent="0.35">
      <c r="A50139" s="1" t="s">
        <v>29549</v>
      </c>
      <c r="B50139" s="1" t="s">
        <v>169390</v>
      </c>
      <c r="C50139" s="1" t="s">
        <v>60</v>
      </c>
      <c r="D50139" s="1" t="s">
        <v>6396</v>
      </c>
      <c r="E50139" s="1" t="s">
        <v>169632</v>
      </c>
      <c r="F50139" s="1" t="s">
        <v>169633</v>
      </c>
      <c r="G50139" s="1" t="s">
        <v>169603</v>
      </c>
      <c r="H50139" s="1" t="s">
        <v>169604</v>
      </c>
      <c r="I50139" s="1" t="s">
        <v>169394</v>
      </c>
      <c r="J50139" s="1" t="s">
        <v>169634</v>
      </c>
    </row>
    <row r="50140" spans="1:10" x14ac:dyDescent="0.35">
      <c r="A50140" s="1" t="s">
        <v>29549</v>
      </c>
      <c r="B50140" s="1" t="s">
        <v>169390</v>
      </c>
      <c r="C50140" s="1" t="s">
        <v>65</v>
      </c>
      <c r="D50140" s="1" t="s">
        <v>12108</v>
      </c>
      <c r="E50140" s="1" t="s">
        <v>169635</v>
      </c>
      <c r="F50140" s="1" t="s">
        <v>169636</v>
      </c>
      <c r="G50140" s="1" t="s">
        <v>169603</v>
      </c>
      <c r="H50140" s="1" t="s">
        <v>169604</v>
      </c>
      <c r="I50140" s="1" t="s">
        <v>169394</v>
      </c>
      <c r="J50140" s="1" t="s">
        <v>169637</v>
      </c>
    </row>
    <row r="50141" spans="1:10" x14ac:dyDescent="0.35">
      <c r="A50141" s="1" t="s">
        <v>29549</v>
      </c>
      <c r="B50141" s="1" t="s">
        <v>169390</v>
      </c>
      <c r="C50141" s="1" t="s">
        <v>70</v>
      </c>
      <c r="D50141" s="1" t="s">
        <v>121399</v>
      </c>
      <c r="E50141" s="1" t="s">
        <v>169638</v>
      </c>
      <c r="F50141" s="1" t="s">
        <v>169639</v>
      </c>
      <c r="G50141" s="1" t="s">
        <v>169603</v>
      </c>
      <c r="H50141" s="1" t="s">
        <v>169604</v>
      </c>
      <c r="I50141" s="1" t="s">
        <v>169394</v>
      </c>
      <c r="J50141" s="1" t="s">
        <v>169640</v>
      </c>
    </row>
    <row r="50142" spans="1:10" x14ac:dyDescent="0.35">
      <c r="A50142" s="1" t="s">
        <v>29549</v>
      </c>
      <c r="B50142" s="1" t="s">
        <v>169390</v>
      </c>
      <c r="C50142" s="1" t="s">
        <v>75</v>
      </c>
      <c r="D50142" s="1" t="s">
        <v>27749</v>
      </c>
      <c r="E50142" s="1" t="s">
        <v>169641</v>
      </c>
      <c r="F50142" s="1" t="s">
        <v>169642</v>
      </c>
      <c r="G50142" s="1" t="s">
        <v>169603</v>
      </c>
      <c r="H50142" s="1" t="s">
        <v>169604</v>
      </c>
      <c r="I50142" s="1" t="s">
        <v>169394</v>
      </c>
      <c r="J50142" s="1" t="s">
        <v>169643</v>
      </c>
    </row>
    <row r="50143" spans="1:10" x14ac:dyDescent="0.35">
      <c r="A50143" s="1" t="s">
        <v>29549</v>
      </c>
      <c r="B50143" s="1" t="s">
        <v>169390</v>
      </c>
      <c r="C50143" s="1" t="s">
        <v>80</v>
      </c>
      <c r="D50143" s="1" t="s">
        <v>143065</v>
      </c>
      <c r="E50143" s="1" t="s">
        <v>169644</v>
      </c>
      <c r="F50143" s="1" t="s">
        <v>169645</v>
      </c>
      <c r="G50143" s="1" t="s">
        <v>169603</v>
      </c>
      <c r="H50143" s="1" t="s">
        <v>169604</v>
      </c>
      <c r="I50143" s="1" t="s">
        <v>169394</v>
      </c>
      <c r="J50143" s="1" t="s">
        <v>12282</v>
      </c>
    </row>
    <row r="50144" spans="1:10" x14ac:dyDescent="0.35">
      <c r="A50144" s="1" t="s">
        <v>29549</v>
      </c>
      <c r="B50144" s="1" t="s">
        <v>169390</v>
      </c>
      <c r="C50144" s="1" t="s">
        <v>85</v>
      </c>
      <c r="D50144" s="1" t="s">
        <v>14255</v>
      </c>
      <c r="E50144" s="1" t="s">
        <v>169646</v>
      </c>
      <c r="F50144" s="1" t="s">
        <v>169647</v>
      </c>
      <c r="G50144" s="1" t="s">
        <v>169603</v>
      </c>
      <c r="H50144" s="1" t="s">
        <v>169604</v>
      </c>
      <c r="I50144" s="1" t="s">
        <v>169394</v>
      </c>
      <c r="J50144" s="1" t="s">
        <v>169648</v>
      </c>
    </row>
    <row r="50145" spans="1:10" x14ac:dyDescent="0.35">
      <c r="A50145" s="1" t="s">
        <v>29549</v>
      </c>
      <c r="B50145" s="1" t="s">
        <v>169390</v>
      </c>
      <c r="C50145" s="1" t="s">
        <v>90</v>
      </c>
      <c r="D50145" s="1" t="s">
        <v>1643</v>
      </c>
      <c r="E50145" s="1" t="s">
        <v>169649</v>
      </c>
      <c r="F50145" s="1" t="s">
        <v>169650</v>
      </c>
      <c r="G50145" s="1" t="s">
        <v>169603</v>
      </c>
      <c r="H50145" s="1" t="s">
        <v>169604</v>
      </c>
      <c r="I50145" s="1" t="s">
        <v>169394</v>
      </c>
      <c r="J50145" s="1" t="s">
        <v>169651</v>
      </c>
    </row>
    <row r="50146" spans="1:10" x14ac:dyDescent="0.35">
      <c r="A50146" s="1" t="s">
        <v>29549</v>
      </c>
      <c r="B50146" s="1" t="s">
        <v>169390</v>
      </c>
      <c r="C50146" s="1" t="s">
        <v>95</v>
      </c>
      <c r="D50146" s="1" t="s">
        <v>156948</v>
      </c>
      <c r="E50146" s="1" t="s">
        <v>169652</v>
      </c>
      <c r="F50146" s="1" t="s">
        <v>169653</v>
      </c>
      <c r="G50146" s="1" t="s">
        <v>169603</v>
      </c>
      <c r="H50146" s="1" t="s">
        <v>169604</v>
      </c>
      <c r="I50146" s="1" t="s">
        <v>169394</v>
      </c>
      <c r="J50146" s="1" t="s">
        <v>169654</v>
      </c>
    </row>
    <row r="50147" spans="1:10" x14ac:dyDescent="0.35">
      <c r="A50147" s="1" t="s">
        <v>29549</v>
      </c>
      <c r="B50147" s="1" t="s">
        <v>169390</v>
      </c>
      <c r="C50147" s="1" t="s">
        <v>100</v>
      </c>
      <c r="D50147" s="1" t="s">
        <v>1659</v>
      </c>
      <c r="E50147" s="1" t="s">
        <v>169655</v>
      </c>
      <c r="F50147" s="1" t="s">
        <v>169656</v>
      </c>
      <c r="G50147" s="1" t="s">
        <v>169603</v>
      </c>
      <c r="H50147" s="1" t="s">
        <v>169604</v>
      </c>
      <c r="I50147" s="1" t="s">
        <v>169394</v>
      </c>
      <c r="J50147" s="1" t="s">
        <v>169657</v>
      </c>
    </row>
    <row r="50148" spans="1:10" x14ac:dyDescent="0.35">
      <c r="A50148" s="1" t="s">
        <v>29549</v>
      </c>
      <c r="B50148" s="1" t="s">
        <v>169390</v>
      </c>
      <c r="C50148" s="1" t="s">
        <v>105</v>
      </c>
      <c r="D50148" s="1" t="s">
        <v>10002</v>
      </c>
      <c r="E50148" s="1" t="s">
        <v>169658</v>
      </c>
      <c r="F50148" s="1" t="s">
        <v>169659</v>
      </c>
      <c r="G50148" s="1" t="s">
        <v>169603</v>
      </c>
      <c r="H50148" s="1" t="s">
        <v>169604</v>
      </c>
      <c r="I50148" s="1" t="s">
        <v>169394</v>
      </c>
      <c r="J50148" s="1" t="s">
        <v>169660</v>
      </c>
    </row>
    <row r="50149" spans="1:10" x14ac:dyDescent="0.35">
      <c r="A50149" s="1" t="s">
        <v>29549</v>
      </c>
      <c r="B50149" s="1" t="s">
        <v>169390</v>
      </c>
      <c r="C50149" s="1" t="s">
        <v>110</v>
      </c>
      <c r="D50149" s="1" t="s">
        <v>10960</v>
      </c>
      <c r="E50149" s="1" t="s">
        <v>169661</v>
      </c>
      <c r="F50149" s="1" t="s">
        <v>169662</v>
      </c>
      <c r="G50149" s="1" t="s">
        <v>169603</v>
      </c>
      <c r="H50149" s="1" t="s">
        <v>169604</v>
      </c>
      <c r="I50149" s="1" t="s">
        <v>169394</v>
      </c>
      <c r="J50149" s="1" t="s">
        <v>169663</v>
      </c>
    </row>
    <row r="50150" spans="1:10" x14ac:dyDescent="0.35">
      <c r="A50150" s="1" t="s">
        <v>29549</v>
      </c>
      <c r="B50150" s="1" t="s">
        <v>169390</v>
      </c>
      <c r="C50150" s="1" t="s">
        <v>115</v>
      </c>
      <c r="D50150" s="1" t="s">
        <v>10960</v>
      </c>
      <c r="E50150" s="1" t="s">
        <v>169664</v>
      </c>
      <c r="F50150" s="1" t="s">
        <v>169665</v>
      </c>
      <c r="G50150" s="1" t="s">
        <v>169603</v>
      </c>
      <c r="H50150" s="1" t="s">
        <v>169604</v>
      </c>
      <c r="I50150" s="1" t="s">
        <v>169394</v>
      </c>
      <c r="J50150" s="1" t="s">
        <v>1180</v>
      </c>
    </row>
    <row r="50151" spans="1:10" x14ac:dyDescent="0.35">
      <c r="A50151" s="1" t="s">
        <v>29549</v>
      </c>
      <c r="B50151" s="1" t="s">
        <v>169390</v>
      </c>
      <c r="C50151" s="1" t="s">
        <v>120</v>
      </c>
      <c r="D50151" s="1" t="s">
        <v>118914</v>
      </c>
      <c r="E50151" s="1" t="s">
        <v>169666</v>
      </c>
      <c r="F50151" s="1" t="s">
        <v>169667</v>
      </c>
      <c r="G50151" s="1" t="s">
        <v>169603</v>
      </c>
      <c r="H50151" s="1" t="s">
        <v>169604</v>
      </c>
      <c r="I50151" s="1" t="s">
        <v>169394</v>
      </c>
      <c r="J50151" s="1" t="s">
        <v>169668</v>
      </c>
    </row>
    <row r="50152" spans="1:10" x14ac:dyDescent="0.35">
      <c r="A50152" s="1" t="s">
        <v>29549</v>
      </c>
      <c r="B50152" s="1" t="s">
        <v>169390</v>
      </c>
      <c r="C50152" s="1" t="s">
        <v>125</v>
      </c>
      <c r="D50152" s="1" t="s">
        <v>46860</v>
      </c>
      <c r="E50152" s="1" t="s">
        <v>169669</v>
      </c>
      <c r="F50152" s="1" t="s">
        <v>169670</v>
      </c>
      <c r="G50152" s="1" t="s">
        <v>169603</v>
      </c>
      <c r="H50152" s="1" t="s">
        <v>169604</v>
      </c>
      <c r="I50152" s="1" t="s">
        <v>169394</v>
      </c>
      <c r="J50152" s="1" t="s">
        <v>169671</v>
      </c>
    </row>
    <row r="50153" spans="1:10" x14ac:dyDescent="0.35">
      <c r="A50153" s="1" t="s">
        <v>29549</v>
      </c>
      <c r="B50153" s="1" t="s">
        <v>169390</v>
      </c>
      <c r="C50153" s="1" t="s">
        <v>130</v>
      </c>
      <c r="D50153" s="1" t="s">
        <v>169672</v>
      </c>
      <c r="E50153" s="1" t="s">
        <v>169673</v>
      </c>
      <c r="F50153" s="1" t="s">
        <v>169674</v>
      </c>
      <c r="G50153" s="1" t="s">
        <v>169603</v>
      </c>
      <c r="H50153" s="1" t="s">
        <v>169604</v>
      </c>
      <c r="I50153" s="1" t="s">
        <v>169394</v>
      </c>
      <c r="J50153" s="1" t="s">
        <v>169675</v>
      </c>
    </row>
    <row r="50154" spans="1:10" x14ac:dyDescent="0.35">
      <c r="A50154" s="1" t="s">
        <v>29549</v>
      </c>
      <c r="B50154" s="1" t="s">
        <v>169390</v>
      </c>
      <c r="C50154" s="1" t="s">
        <v>135</v>
      </c>
      <c r="D50154" s="1" t="s">
        <v>14607</v>
      </c>
      <c r="E50154" s="1" t="s">
        <v>169676</v>
      </c>
      <c r="F50154" s="1" t="s">
        <v>169677</v>
      </c>
      <c r="G50154" s="1" t="s">
        <v>169603</v>
      </c>
      <c r="H50154" s="1" t="s">
        <v>169604</v>
      </c>
      <c r="I50154" s="1" t="s">
        <v>169394</v>
      </c>
      <c r="J50154" s="1" t="s">
        <v>169678</v>
      </c>
    </row>
    <row r="50155" spans="1:10" x14ac:dyDescent="0.35">
      <c r="A50155" s="1" t="s">
        <v>29549</v>
      </c>
      <c r="B50155" s="1" t="s">
        <v>169390</v>
      </c>
      <c r="C50155" s="1" t="s">
        <v>140</v>
      </c>
      <c r="D50155" s="1" t="s">
        <v>169679</v>
      </c>
      <c r="E50155" s="1" t="s">
        <v>169680</v>
      </c>
      <c r="F50155" s="1" t="s">
        <v>169681</v>
      </c>
      <c r="G50155" s="1" t="s">
        <v>169603</v>
      </c>
      <c r="H50155" s="1" t="s">
        <v>169604</v>
      </c>
      <c r="I50155" s="1" t="s">
        <v>169394</v>
      </c>
      <c r="J50155" s="1" t="s">
        <v>169682</v>
      </c>
    </row>
    <row r="50156" spans="1:10" x14ac:dyDescent="0.35">
      <c r="A50156" s="1" t="s">
        <v>29549</v>
      </c>
      <c r="B50156" s="1" t="s">
        <v>169390</v>
      </c>
      <c r="C50156" s="1" t="s">
        <v>145</v>
      </c>
      <c r="D50156" s="1" t="s">
        <v>17663</v>
      </c>
      <c r="E50156" s="1" t="s">
        <v>169683</v>
      </c>
      <c r="F50156" s="1" t="s">
        <v>169684</v>
      </c>
      <c r="G50156" s="1" t="s">
        <v>169603</v>
      </c>
      <c r="H50156" s="1" t="s">
        <v>169604</v>
      </c>
      <c r="I50156" s="1" t="s">
        <v>169394</v>
      </c>
      <c r="J50156" s="1" t="s">
        <v>169685</v>
      </c>
    </row>
    <row r="50157" spans="1:10" x14ac:dyDescent="0.35">
      <c r="A50157" s="1" t="s">
        <v>29549</v>
      </c>
      <c r="B50157" s="1" t="s">
        <v>169390</v>
      </c>
      <c r="C50157" s="1" t="s">
        <v>150</v>
      </c>
      <c r="D50157" s="1" t="s">
        <v>114399</v>
      </c>
      <c r="E50157" s="1" t="s">
        <v>169686</v>
      </c>
      <c r="F50157" s="1" t="s">
        <v>169684</v>
      </c>
      <c r="G50157" s="1" t="s">
        <v>169603</v>
      </c>
      <c r="H50157" s="1" t="s">
        <v>169604</v>
      </c>
      <c r="I50157" s="1" t="s">
        <v>169394</v>
      </c>
      <c r="J50157" s="1" t="s">
        <v>169687</v>
      </c>
    </row>
    <row r="50158" spans="1:10" x14ac:dyDescent="0.35">
      <c r="A50158" s="1" t="s">
        <v>29549</v>
      </c>
      <c r="B50158" s="1" t="s">
        <v>169390</v>
      </c>
      <c r="C50158" s="1" t="s">
        <v>155</v>
      </c>
      <c r="D50158" s="1" t="s">
        <v>169688</v>
      </c>
      <c r="E50158" s="1" t="s">
        <v>169689</v>
      </c>
      <c r="F50158" s="1" t="s">
        <v>169690</v>
      </c>
      <c r="G50158" s="1" t="s">
        <v>169603</v>
      </c>
      <c r="H50158" s="1" t="s">
        <v>169604</v>
      </c>
      <c r="I50158" s="1" t="s">
        <v>169394</v>
      </c>
      <c r="J50158" s="1" t="s">
        <v>169691</v>
      </c>
    </row>
    <row r="50159" spans="1:10" x14ac:dyDescent="0.35">
      <c r="A50159" s="1" t="s">
        <v>29549</v>
      </c>
      <c r="B50159" s="1" t="s">
        <v>169390</v>
      </c>
      <c r="C50159" s="1" t="s">
        <v>160</v>
      </c>
      <c r="D50159" s="1" t="s">
        <v>159667</v>
      </c>
      <c r="E50159" s="1" t="s">
        <v>169692</v>
      </c>
      <c r="F50159" s="1" t="s">
        <v>169684</v>
      </c>
      <c r="G50159" s="1" t="s">
        <v>169603</v>
      </c>
      <c r="H50159" s="1" t="s">
        <v>169604</v>
      </c>
      <c r="I50159" s="1" t="s">
        <v>169394</v>
      </c>
      <c r="J50159" s="1" t="s">
        <v>169693</v>
      </c>
    </row>
    <row r="50160" spans="1:10" x14ac:dyDescent="0.35">
      <c r="A50160" s="1" t="s">
        <v>29549</v>
      </c>
      <c r="B50160" s="1" t="s">
        <v>169390</v>
      </c>
      <c r="C50160" s="1" t="s">
        <v>165</v>
      </c>
      <c r="D50160" s="1" t="s">
        <v>169694</v>
      </c>
      <c r="E50160" s="1" t="s">
        <v>169695</v>
      </c>
      <c r="F50160" s="1" t="s">
        <v>169696</v>
      </c>
      <c r="G50160" s="1" t="s">
        <v>169603</v>
      </c>
      <c r="H50160" s="1" t="s">
        <v>169604</v>
      </c>
      <c r="I50160" s="1" t="s">
        <v>169394</v>
      </c>
      <c r="J50160" s="1" t="s">
        <v>169697</v>
      </c>
    </row>
    <row r="50161" spans="1:10" x14ac:dyDescent="0.35">
      <c r="A50161" s="1" t="s">
        <v>29549</v>
      </c>
      <c r="B50161" s="1" t="s">
        <v>169390</v>
      </c>
      <c r="C50161" s="1" t="s">
        <v>170</v>
      </c>
      <c r="D50161" s="1" t="s">
        <v>169698</v>
      </c>
      <c r="E50161" s="1" t="s">
        <v>169699</v>
      </c>
      <c r="F50161" s="1" t="s">
        <v>169700</v>
      </c>
      <c r="G50161" s="1" t="s">
        <v>169603</v>
      </c>
      <c r="H50161" s="1" t="s">
        <v>169604</v>
      </c>
      <c r="I50161" s="1" t="s">
        <v>169394</v>
      </c>
      <c r="J50161" s="1" t="s">
        <v>169701</v>
      </c>
    </row>
    <row r="50162" spans="1:10" x14ac:dyDescent="0.35">
      <c r="A50162" s="1" t="s">
        <v>27676</v>
      </c>
      <c r="B50162" s="1" t="s">
        <v>169390</v>
      </c>
      <c r="C50162" s="1" t="s">
        <v>8</v>
      </c>
      <c r="D50162" s="1" t="s">
        <v>169702</v>
      </c>
      <c r="E50162" s="1" t="s">
        <v>169703</v>
      </c>
      <c r="F50162" s="1" t="s">
        <v>169704</v>
      </c>
      <c r="G50162" s="1" t="s">
        <v>169705</v>
      </c>
      <c r="H50162" s="1" t="s">
        <v>169706</v>
      </c>
      <c r="I50162" s="1" t="s">
        <v>169394</v>
      </c>
      <c r="J50162" s="1" t="s">
        <v>13</v>
      </c>
    </row>
    <row r="50163" spans="1:10" x14ac:dyDescent="0.35">
      <c r="A50163" s="1" t="s">
        <v>27676</v>
      </c>
      <c r="B50163" s="1" t="s">
        <v>169390</v>
      </c>
      <c r="C50163" s="1" t="s">
        <v>15</v>
      </c>
      <c r="D50163" s="1" t="s">
        <v>169707</v>
      </c>
      <c r="E50163" s="1" t="s">
        <v>169708</v>
      </c>
      <c r="F50163" s="1" t="s">
        <v>169709</v>
      </c>
      <c r="G50163" s="1" t="s">
        <v>169705</v>
      </c>
      <c r="H50163" s="1" t="s">
        <v>169706</v>
      </c>
      <c r="I50163" s="1" t="s">
        <v>169394</v>
      </c>
      <c r="J50163" s="1" t="s">
        <v>169710</v>
      </c>
    </row>
    <row r="50164" spans="1:10" x14ac:dyDescent="0.35">
      <c r="A50164" s="1" t="s">
        <v>27676</v>
      </c>
      <c r="B50164" s="1" t="s">
        <v>169390</v>
      </c>
      <c r="C50164" s="1" t="s">
        <v>20</v>
      </c>
      <c r="D50164" s="1" t="s">
        <v>169707</v>
      </c>
      <c r="E50164" s="1" t="s">
        <v>169711</v>
      </c>
      <c r="F50164" s="1" t="s">
        <v>169712</v>
      </c>
      <c r="G50164" s="1" t="s">
        <v>169705</v>
      </c>
      <c r="H50164" s="1" t="s">
        <v>169706</v>
      </c>
      <c r="I50164" s="1" t="s">
        <v>169394</v>
      </c>
      <c r="J50164" s="1" t="s">
        <v>1180</v>
      </c>
    </row>
    <row r="50165" spans="1:10" x14ac:dyDescent="0.35">
      <c r="A50165" s="1" t="s">
        <v>27676</v>
      </c>
      <c r="B50165" s="1" t="s">
        <v>169390</v>
      </c>
      <c r="C50165" s="1" t="s">
        <v>25</v>
      </c>
      <c r="D50165" s="1" t="s">
        <v>169713</v>
      </c>
      <c r="E50165" s="1" t="s">
        <v>169714</v>
      </c>
      <c r="F50165" s="1" t="s">
        <v>169715</v>
      </c>
      <c r="G50165" s="1" t="s">
        <v>169705</v>
      </c>
      <c r="H50165" s="1" t="s">
        <v>169706</v>
      </c>
      <c r="I50165" s="1" t="s">
        <v>169394</v>
      </c>
      <c r="J50165" s="1" t="s">
        <v>169716</v>
      </c>
    </row>
    <row r="50166" spans="1:10" x14ac:dyDescent="0.35">
      <c r="A50166" s="1" t="s">
        <v>27676</v>
      </c>
      <c r="B50166" s="1" t="s">
        <v>169390</v>
      </c>
      <c r="C50166" s="1" t="s">
        <v>30</v>
      </c>
      <c r="D50166" s="1" t="s">
        <v>32937</v>
      </c>
      <c r="E50166" s="1" t="s">
        <v>169717</v>
      </c>
      <c r="F50166" s="1" t="s">
        <v>169718</v>
      </c>
      <c r="G50166" s="1" t="s">
        <v>169705</v>
      </c>
      <c r="H50166" s="1" t="s">
        <v>169706</v>
      </c>
      <c r="I50166" s="1" t="s">
        <v>169394</v>
      </c>
      <c r="J50166" s="1" t="s">
        <v>169719</v>
      </c>
    </row>
    <row r="50167" spans="1:10" x14ac:dyDescent="0.35">
      <c r="A50167" s="1" t="s">
        <v>27676</v>
      </c>
      <c r="B50167" s="1" t="s">
        <v>169390</v>
      </c>
      <c r="C50167" s="1" t="s">
        <v>35</v>
      </c>
      <c r="D50167" s="1" t="s">
        <v>169720</v>
      </c>
      <c r="E50167" s="1" t="s">
        <v>169721</v>
      </c>
      <c r="F50167" s="1" t="s">
        <v>169722</v>
      </c>
      <c r="G50167" s="1" t="s">
        <v>169705</v>
      </c>
      <c r="H50167" s="1" t="s">
        <v>169706</v>
      </c>
      <c r="I50167" s="1" t="s">
        <v>169394</v>
      </c>
      <c r="J50167" s="1" t="s">
        <v>169723</v>
      </c>
    </row>
    <row r="50168" spans="1:10" x14ac:dyDescent="0.35">
      <c r="A50168" s="1" t="s">
        <v>27676</v>
      </c>
      <c r="B50168" s="1" t="s">
        <v>169390</v>
      </c>
      <c r="C50168" s="1" t="s">
        <v>40</v>
      </c>
      <c r="D50168" s="1" t="s">
        <v>30217</v>
      </c>
      <c r="E50168" s="1" t="s">
        <v>169724</v>
      </c>
      <c r="F50168" s="1" t="s">
        <v>169725</v>
      </c>
      <c r="G50168" s="1" t="s">
        <v>169705</v>
      </c>
      <c r="H50168" s="1" t="s">
        <v>169706</v>
      </c>
      <c r="I50168" s="1" t="s">
        <v>169394</v>
      </c>
      <c r="J50168" s="1" t="s">
        <v>169726</v>
      </c>
    </row>
    <row r="50169" spans="1:10" x14ac:dyDescent="0.35">
      <c r="A50169" s="1" t="s">
        <v>27676</v>
      </c>
      <c r="B50169" s="1" t="s">
        <v>169390</v>
      </c>
      <c r="C50169" s="1" t="s">
        <v>45</v>
      </c>
      <c r="D50169" s="1" t="s">
        <v>38316</v>
      </c>
      <c r="E50169" s="1" t="s">
        <v>169727</v>
      </c>
      <c r="F50169" s="1" t="s">
        <v>169728</v>
      </c>
      <c r="G50169" s="1" t="s">
        <v>169705</v>
      </c>
      <c r="H50169" s="1" t="s">
        <v>169706</v>
      </c>
      <c r="I50169" s="1" t="s">
        <v>169394</v>
      </c>
      <c r="J50169" s="1" t="s">
        <v>169729</v>
      </c>
    </row>
    <row r="50170" spans="1:10" x14ac:dyDescent="0.35">
      <c r="A50170" s="1" t="s">
        <v>27676</v>
      </c>
      <c r="B50170" s="1" t="s">
        <v>169390</v>
      </c>
      <c r="C50170" s="1" t="s">
        <v>50</v>
      </c>
      <c r="D50170" s="1" t="s">
        <v>31356</v>
      </c>
      <c r="E50170" s="1" t="s">
        <v>169730</v>
      </c>
      <c r="F50170" s="1" t="s">
        <v>169731</v>
      </c>
      <c r="G50170" s="1" t="s">
        <v>169705</v>
      </c>
      <c r="H50170" s="1" t="s">
        <v>169706</v>
      </c>
      <c r="I50170" s="1" t="s">
        <v>169394</v>
      </c>
      <c r="J50170" s="1" t="s">
        <v>169732</v>
      </c>
    </row>
    <row r="50171" spans="1:10" x14ac:dyDescent="0.35">
      <c r="A50171" s="1" t="s">
        <v>27676</v>
      </c>
      <c r="B50171" s="1" t="s">
        <v>169390</v>
      </c>
      <c r="C50171" s="1" t="s">
        <v>55</v>
      </c>
      <c r="D50171" s="1" t="s">
        <v>156113</v>
      </c>
      <c r="E50171" s="1" t="s">
        <v>169733</v>
      </c>
      <c r="F50171" s="1" t="s">
        <v>169734</v>
      </c>
      <c r="G50171" s="1" t="s">
        <v>169705</v>
      </c>
      <c r="H50171" s="1" t="s">
        <v>169706</v>
      </c>
      <c r="I50171" s="1" t="s">
        <v>169394</v>
      </c>
      <c r="J50171" s="1" t="s">
        <v>169735</v>
      </c>
    </row>
    <row r="50172" spans="1:10" x14ac:dyDescent="0.35">
      <c r="A50172" s="1" t="s">
        <v>27676</v>
      </c>
      <c r="B50172" s="1" t="s">
        <v>169390</v>
      </c>
      <c r="C50172" s="1" t="s">
        <v>60</v>
      </c>
      <c r="D50172" s="1" t="s">
        <v>169720</v>
      </c>
      <c r="E50172" s="1" t="s">
        <v>169736</v>
      </c>
      <c r="F50172" s="1" t="s">
        <v>169737</v>
      </c>
      <c r="G50172" s="1" t="s">
        <v>169705</v>
      </c>
      <c r="H50172" s="1" t="s">
        <v>169706</v>
      </c>
      <c r="I50172" s="1" t="s">
        <v>169394</v>
      </c>
      <c r="J50172" s="1" t="s">
        <v>169738</v>
      </c>
    </row>
    <row r="50173" spans="1:10" x14ac:dyDescent="0.35">
      <c r="A50173" s="1" t="s">
        <v>27676</v>
      </c>
      <c r="B50173" s="1" t="s">
        <v>169390</v>
      </c>
      <c r="C50173" s="1" t="s">
        <v>65</v>
      </c>
      <c r="D50173" s="1" t="s">
        <v>10554</v>
      </c>
      <c r="E50173" s="1" t="s">
        <v>169739</v>
      </c>
      <c r="F50173" s="1" t="s">
        <v>169740</v>
      </c>
      <c r="G50173" s="1" t="s">
        <v>169705</v>
      </c>
      <c r="H50173" s="1" t="s">
        <v>169706</v>
      </c>
      <c r="I50173" s="1" t="s">
        <v>169394</v>
      </c>
      <c r="J50173" s="1" t="s">
        <v>169741</v>
      </c>
    </row>
    <row r="50174" spans="1:10" x14ac:dyDescent="0.35">
      <c r="A50174" s="1" t="s">
        <v>27676</v>
      </c>
      <c r="B50174" s="1" t="s">
        <v>169390</v>
      </c>
      <c r="C50174" s="1" t="s">
        <v>70</v>
      </c>
      <c r="D50174" s="1" t="s">
        <v>169742</v>
      </c>
      <c r="E50174" s="1" t="s">
        <v>169743</v>
      </c>
      <c r="F50174" s="1" t="s">
        <v>169744</v>
      </c>
      <c r="G50174" s="1" t="s">
        <v>169705</v>
      </c>
      <c r="H50174" s="1" t="s">
        <v>169706</v>
      </c>
      <c r="I50174" s="1" t="s">
        <v>169394</v>
      </c>
      <c r="J50174" s="1" t="s">
        <v>169745</v>
      </c>
    </row>
    <row r="50175" spans="1:10" x14ac:dyDescent="0.35">
      <c r="A50175" s="1" t="s">
        <v>27676</v>
      </c>
      <c r="B50175" s="1" t="s">
        <v>169390</v>
      </c>
      <c r="C50175" s="1" t="s">
        <v>75</v>
      </c>
      <c r="D50175" s="1" t="s">
        <v>169746</v>
      </c>
      <c r="E50175" s="1" t="s">
        <v>169747</v>
      </c>
      <c r="F50175" s="1" t="s">
        <v>169748</v>
      </c>
      <c r="G50175" s="1" t="s">
        <v>169705</v>
      </c>
      <c r="H50175" s="1" t="s">
        <v>169706</v>
      </c>
      <c r="I50175" s="1" t="s">
        <v>169394</v>
      </c>
      <c r="J50175" s="1" t="s">
        <v>169749</v>
      </c>
    </row>
    <row r="50176" spans="1:10" x14ac:dyDescent="0.35">
      <c r="A50176" s="1" t="s">
        <v>27676</v>
      </c>
      <c r="B50176" s="1" t="s">
        <v>169390</v>
      </c>
      <c r="C50176" s="1" t="s">
        <v>80</v>
      </c>
      <c r="D50176" s="1" t="s">
        <v>119752</v>
      </c>
      <c r="E50176" s="1" t="s">
        <v>169750</v>
      </c>
      <c r="F50176" s="1" t="s">
        <v>169751</v>
      </c>
      <c r="G50176" s="1" t="s">
        <v>169705</v>
      </c>
      <c r="H50176" s="1" t="s">
        <v>169706</v>
      </c>
      <c r="I50176" s="1" t="s">
        <v>169394</v>
      </c>
      <c r="J50176" s="1" t="s">
        <v>169752</v>
      </c>
    </row>
    <row r="50177" spans="1:10" x14ac:dyDescent="0.35">
      <c r="A50177" s="1" t="s">
        <v>27676</v>
      </c>
      <c r="B50177" s="1" t="s">
        <v>169390</v>
      </c>
      <c r="C50177" s="1" t="s">
        <v>85</v>
      </c>
      <c r="D50177" s="1" t="s">
        <v>169753</v>
      </c>
      <c r="E50177" s="1" t="s">
        <v>169754</v>
      </c>
      <c r="F50177" s="1" t="s">
        <v>169755</v>
      </c>
      <c r="G50177" s="1" t="s">
        <v>169705</v>
      </c>
      <c r="H50177" s="1" t="s">
        <v>169706</v>
      </c>
      <c r="I50177" s="1" t="s">
        <v>169394</v>
      </c>
      <c r="J50177" s="1" t="s">
        <v>169756</v>
      </c>
    </row>
    <row r="50178" spans="1:10" x14ac:dyDescent="0.35">
      <c r="A50178" s="1" t="s">
        <v>27676</v>
      </c>
      <c r="B50178" s="1" t="s">
        <v>169390</v>
      </c>
      <c r="C50178" s="1" t="s">
        <v>90</v>
      </c>
      <c r="D50178" s="1" t="s">
        <v>126572</v>
      </c>
      <c r="E50178" s="1" t="s">
        <v>169757</v>
      </c>
      <c r="F50178" s="1" t="s">
        <v>169758</v>
      </c>
      <c r="G50178" s="1" t="s">
        <v>169705</v>
      </c>
      <c r="H50178" s="1" t="s">
        <v>169706</v>
      </c>
      <c r="I50178" s="1" t="s">
        <v>169394</v>
      </c>
      <c r="J50178" s="1" t="s">
        <v>169759</v>
      </c>
    </row>
    <row r="50179" spans="1:10" x14ac:dyDescent="0.35">
      <c r="A50179" s="1" t="s">
        <v>27676</v>
      </c>
      <c r="B50179" s="1" t="s">
        <v>169390</v>
      </c>
      <c r="C50179" s="1" t="s">
        <v>95</v>
      </c>
      <c r="D50179" s="1" t="s">
        <v>134985</v>
      </c>
      <c r="E50179" s="1" t="s">
        <v>169760</v>
      </c>
      <c r="F50179" s="1" t="s">
        <v>169761</v>
      </c>
      <c r="G50179" s="1" t="s">
        <v>169705</v>
      </c>
      <c r="H50179" s="1" t="s">
        <v>169706</v>
      </c>
      <c r="I50179" s="1" t="s">
        <v>169394</v>
      </c>
      <c r="J50179" s="1" t="s">
        <v>169762</v>
      </c>
    </row>
    <row r="50180" spans="1:10" x14ac:dyDescent="0.35">
      <c r="A50180" s="1" t="s">
        <v>27676</v>
      </c>
      <c r="B50180" s="1" t="s">
        <v>169390</v>
      </c>
      <c r="C50180" s="1" t="s">
        <v>100</v>
      </c>
      <c r="D50180" s="1" t="s">
        <v>3731</v>
      </c>
      <c r="E50180" s="1" t="s">
        <v>169763</v>
      </c>
      <c r="F50180" s="1" t="s">
        <v>169764</v>
      </c>
      <c r="G50180" s="1" t="s">
        <v>169705</v>
      </c>
      <c r="H50180" s="1" t="s">
        <v>169706</v>
      </c>
      <c r="I50180" s="1" t="s">
        <v>169394</v>
      </c>
      <c r="J50180" s="1" t="s">
        <v>169765</v>
      </c>
    </row>
    <row r="50181" spans="1:10" x14ac:dyDescent="0.35">
      <c r="A50181" s="1" t="s">
        <v>27676</v>
      </c>
      <c r="B50181" s="1" t="s">
        <v>169390</v>
      </c>
      <c r="C50181" s="1" t="s">
        <v>105</v>
      </c>
      <c r="D50181" s="1" t="s">
        <v>169766</v>
      </c>
      <c r="E50181" s="1" t="s">
        <v>169767</v>
      </c>
      <c r="F50181" s="1" t="s">
        <v>169768</v>
      </c>
      <c r="G50181" s="1" t="s">
        <v>169705</v>
      </c>
      <c r="H50181" s="1" t="s">
        <v>169706</v>
      </c>
      <c r="I50181" s="1" t="s">
        <v>169394</v>
      </c>
      <c r="J50181" s="1" t="s">
        <v>169769</v>
      </c>
    </row>
    <row r="50182" spans="1:10" x14ac:dyDescent="0.35">
      <c r="A50182" s="1" t="s">
        <v>27676</v>
      </c>
      <c r="B50182" s="1" t="s">
        <v>169390</v>
      </c>
      <c r="C50182" s="1" t="s">
        <v>110</v>
      </c>
      <c r="D50182" s="1" t="s">
        <v>13662</v>
      </c>
      <c r="E50182" s="1" t="s">
        <v>169770</v>
      </c>
      <c r="F50182" s="1" t="s">
        <v>169771</v>
      </c>
      <c r="G50182" s="1" t="s">
        <v>169705</v>
      </c>
      <c r="H50182" s="1" t="s">
        <v>169706</v>
      </c>
      <c r="I50182" s="1" t="s">
        <v>169394</v>
      </c>
      <c r="J50182" s="1" t="s">
        <v>169772</v>
      </c>
    </row>
    <row r="50183" spans="1:10" x14ac:dyDescent="0.35">
      <c r="A50183" s="1" t="s">
        <v>27676</v>
      </c>
      <c r="B50183" s="1" t="s">
        <v>169390</v>
      </c>
      <c r="C50183" s="1" t="s">
        <v>115</v>
      </c>
      <c r="D50183" s="1" t="s">
        <v>36848</v>
      </c>
      <c r="E50183" s="1" t="s">
        <v>169773</v>
      </c>
      <c r="F50183" s="1" t="s">
        <v>169774</v>
      </c>
      <c r="G50183" s="1" t="s">
        <v>169705</v>
      </c>
      <c r="H50183" s="1" t="s">
        <v>169706</v>
      </c>
      <c r="I50183" s="1" t="s">
        <v>169394</v>
      </c>
      <c r="J50183" s="1" t="s">
        <v>169775</v>
      </c>
    </row>
    <row r="50184" spans="1:10" x14ac:dyDescent="0.35">
      <c r="A50184" s="1" t="s">
        <v>27676</v>
      </c>
      <c r="B50184" s="1" t="s">
        <v>169390</v>
      </c>
      <c r="C50184" s="1" t="s">
        <v>120</v>
      </c>
      <c r="D50184" s="1" t="s">
        <v>169776</v>
      </c>
      <c r="E50184" s="1" t="s">
        <v>169777</v>
      </c>
      <c r="F50184" s="1" t="s">
        <v>169778</v>
      </c>
      <c r="G50184" s="1" t="s">
        <v>169705</v>
      </c>
      <c r="H50184" s="1" t="s">
        <v>169706</v>
      </c>
      <c r="I50184" s="1" t="s">
        <v>169394</v>
      </c>
      <c r="J50184" s="1" t="s">
        <v>169779</v>
      </c>
    </row>
    <row r="50185" spans="1:10" x14ac:dyDescent="0.35">
      <c r="A50185" s="1" t="s">
        <v>27676</v>
      </c>
      <c r="B50185" s="1" t="s">
        <v>169390</v>
      </c>
      <c r="C50185" s="1" t="s">
        <v>125</v>
      </c>
      <c r="D50185" s="1" t="s">
        <v>169780</v>
      </c>
      <c r="E50185" s="1" t="s">
        <v>169781</v>
      </c>
      <c r="F50185" s="1" t="s">
        <v>169782</v>
      </c>
      <c r="G50185" s="1" t="s">
        <v>169705</v>
      </c>
      <c r="H50185" s="1" t="s">
        <v>169706</v>
      </c>
      <c r="I50185" s="1" t="s">
        <v>169394</v>
      </c>
      <c r="J50185" s="1" t="s">
        <v>169783</v>
      </c>
    </row>
    <row r="50186" spans="1:10" x14ac:dyDescent="0.35">
      <c r="A50186" s="1" t="s">
        <v>27676</v>
      </c>
      <c r="B50186" s="1" t="s">
        <v>169390</v>
      </c>
      <c r="C50186" s="1" t="s">
        <v>130</v>
      </c>
      <c r="D50186" s="1" t="s">
        <v>169784</v>
      </c>
      <c r="E50186" s="1" t="s">
        <v>169785</v>
      </c>
      <c r="F50186" s="1" t="s">
        <v>169786</v>
      </c>
      <c r="G50186" s="1" t="s">
        <v>169705</v>
      </c>
      <c r="H50186" s="1" t="s">
        <v>169706</v>
      </c>
      <c r="I50186" s="1" t="s">
        <v>169394</v>
      </c>
      <c r="J50186" s="1" t="s">
        <v>169787</v>
      </c>
    </row>
    <row r="50187" spans="1:10" x14ac:dyDescent="0.35">
      <c r="A50187" s="1" t="s">
        <v>27676</v>
      </c>
      <c r="B50187" s="1" t="s">
        <v>169390</v>
      </c>
      <c r="C50187" s="1" t="s">
        <v>135</v>
      </c>
      <c r="D50187" s="1" t="s">
        <v>169788</v>
      </c>
      <c r="E50187" s="1" t="s">
        <v>169789</v>
      </c>
      <c r="F50187" s="1" t="s">
        <v>169790</v>
      </c>
      <c r="G50187" s="1" t="s">
        <v>169705</v>
      </c>
      <c r="H50187" s="1" t="s">
        <v>169706</v>
      </c>
      <c r="I50187" s="1" t="s">
        <v>169394</v>
      </c>
      <c r="J50187" s="1" t="s">
        <v>169791</v>
      </c>
    </row>
    <row r="50188" spans="1:10" x14ac:dyDescent="0.35">
      <c r="A50188" s="1" t="s">
        <v>27676</v>
      </c>
      <c r="B50188" s="1" t="s">
        <v>169390</v>
      </c>
      <c r="C50188" s="1" t="s">
        <v>140</v>
      </c>
      <c r="D50188" s="1" t="s">
        <v>17713</v>
      </c>
      <c r="E50188" s="1" t="s">
        <v>169792</v>
      </c>
      <c r="F50188" s="1" t="s">
        <v>169793</v>
      </c>
      <c r="G50188" s="1" t="s">
        <v>169705</v>
      </c>
      <c r="H50188" s="1" t="s">
        <v>169706</v>
      </c>
      <c r="I50188" s="1" t="s">
        <v>169394</v>
      </c>
      <c r="J50188" s="1" t="s">
        <v>169794</v>
      </c>
    </row>
    <row r="50189" spans="1:10" x14ac:dyDescent="0.35">
      <c r="A50189" s="1" t="s">
        <v>27676</v>
      </c>
      <c r="B50189" s="1" t="s">
        <v>169390</v>
      </c>
      <c r="C50189" s="1" t="s">
        <v>145</v>
      </c>
      <c r="D50189" s="1" t="s">
        <v>169795</v>
      </c>
      <c r="E50189" s="1" t="s">
        <v>169796</v>
      </c>
      <c r="F50189" s="1" t="s">
        <v>169797</v>
      </c>
      <c r="G50189" s="1" t="s">
        <v>169705</v>
      </c>
      <c r="H50189" s="1" t="s">
        <v>169706</v>
      </c>
      <c r="I50189" s="1" t="s">
        <v>169394</v>
      </c>
      <c r="J50189" s="1" t="s">
        <v>169798</v>
      </c>
    </row>
    <row r="50190" spans="1:10" x14ac:dyDescent="0.35">
      <c r="A50190" s="1" t="s">
        <v>27676</v>
      </c>
      <c r="B50190" s="1" t="s">
        <v>169390</v>
      </c>
      <c r="C50190" s="1" t="s">
        <v>150</v>
      </c>
      <c r="D50190" s="1" t="s">
        <v>13315</v>
      </c>
      <c r="E50190" s="1" t="s">
        <v>169799</v>
      </c>
      <c r="F50190" s="1" t="s">
        <v>169800</v>
      </c>
      <c r="G50190" s="1" t="s">
        <v>169705</v>
      </c>
      <c r="H50190" s="1" t="s">
        <v>169706</v>
      </c>
      <c r="I50190" s="1" t="s">
        <v>169394</v>
      </c>
      <c r="J50190" s="1" t="s">
        <v>169801</v>
      </c>
    </row>
    <row r="50191" spans="1:10" x14ac:dyDescent="0.35">
      <c r="A50191" s="1" t="s">
        <v>27676</v>
      </c>
      <c r="B50191" s="1" t="s">
        <v>169390</v>
      </c>
      <c r="C50191" s="1" t="s">
        <v>155</v>
      </c>
      <c r="D50191" s="1" t="s">
        <v>113030</v>
      </c>
      <c r="E50191" s="1" t="s">
        <v>169802</v>
      </c>
      <c r="F50191" s="1" t="s">
        <v>169803</v>
      </c>
      <c r="G50191" s="1" t="s">
        <v>169705</v>
      </c>
      <c r="H50191" s="1" t="s">
        <v>169706</v>
      </c>
      <c r="I50191" s="1" t="s">
        <v>169394</v>
      </c>
      <c r="J50191" s="1" t="s">
        <v>169804</v>
      </c>
    </row>
    <row r="50192" spans="1:10" x14ac:dyDescent="0.35">
      <c r="A50192" s="1" t="s">
        <v>27676</v>
      </c>
      <c r="B50192" s="1" t="s">
        <v>169390</v>
      </c>
      <c r="C50192" s="1" t="s">
        <v>160</v>
      </c>
      <c r="D50192" s="1" t="s">
        <v>169805</v>
      </c>
      <c r="E50192" s="1" t="s">
        <v>169806</v>
      </c>
      <c r="F50192" s="1" t="s">
        <v>169807</v>
      </c>
      <c r="G50192" s="1" t="s">
        <v>169705</v>
      </c>
      <c r="H50192" s="1" t="s">
        <v>169706</v>
      </c>
      <c r="I50192" s="1" t="s">
        <v>169394</v>
      </c>
      <c r="J50192" s="1" t="s">
        <v>169808</v>
      </c>
    </row>
    <row r="50193" spans="1:10" x14ac:dyDescent="0.35">
      <c r="A50193" s="1" t="s">
        <v>27676</v>
      </c>
      <c r="B50193" s="1" t="s">
        <v>169390</v>
      </c>
      <c r="C50193" s="1" t="s">
        <v>165</v>
      </c>
      <c r="D50193" s="1" t="s">
        <v>150364</v>
      </c>
      <c r="E50193" s="1" t="s">
        <v>169809</v>
      </c>
      <c r="F50193" s="1" t="s">
        <v>169810</v>
      </c>
      <c r="G50193" s="1" t="s">
        <v>169705</v>
      </c>
      <c r="H50193" s="1" t="s">
        <v>169706</v>
      </c>
      <c r="I50193" s="1" t="s">
        <v>169394</v>
      </c>
      <c r="J50193" s="1" t="s">
        <v>169811</v>
      </c>
    </row>
    <row r="50194" spans="1:10" x14ac:dyDescent="0.35">
      <c r="A50194" s="1" t="s">
        <v>27676</v>
      </c>
      <c r="B50194" s="1" t="s">
        <v>169390</v>
      </c>
      <c r="C50194" s="1" t="s">
        <v>170</v>
      </c>
      <c r="D50194" s="1" t="s">
        <v>169812</v>
      </c>
      <c r="E50194" s="1" t="s">
        <v>169813</v>
      </c>
      <c r="F50194" s="1" t="s">
        <v>169814</v>
      </c>
      <c r="G50194" s="1" t="s">
        <v>169705</v>
      </c>
      <c r="H50194" s="1" t="s">
        <v>169706</v>
      </c>
      <c r="I50194" s="1" t="s">
        <v>169394</v>
      </c>
      <c r="J50194" s="1" t="s">
        <v>169815</v>
      </c>
    </row>
    <row r="50195" spans="1:10" x14ac:dyDescent="0.35">
      <c r="A50195" s="1" t="s">
        <v>5502</v>
      </c>
      <c r="B50195" s="1" t="s">
        <v>169390</v>
      </c>
      <c r="C50195" s="1" t="s">
        <v>8</v>
      </c>
      <c r="D50195" s="1" t="s">
        <v>4458</v>
      </c>
      <c r="E50195" s="1" t="s">
        <v>169816</v>
      </c>
      <c r="F50195" s="1" t="s">
        <v>169817</v>
      </c>
      <c r="G50195" s="1" t="s">
        <v>169818</v>
      </c>
      <c r="H50195" s="1" t="s">
        <v>169819</v>
      </c>
      <c r="I50195" s="1" t="s">
        <v>169394</v>
      </c>
      <c r="J50195" s="1" t="s">
        <v>13</v>
      </c>
    </row>
    <row r="50196" spans="1:10" x14ac:dyDescent="0.35">
      <c r="A50196" s="1" t="s">
        <v>5502</v>
      </c>
      <c r="B50196" s="1" t="s">
        <v>169390</v>
      </c>
      <c r="C50196" s="1" t="s">
        <v>15</v>
      </c>
      <c r="D50196" s="1" t="s">
        <v>12899</v>
      </c>
      <c r="E50196" s="1" t="s">
        <v>169820</v>
      </c>
      <c r="F50196" s="1" t="s">
        <v>169821</v>
      </c>
      <c r="G50196" s="1" t="s">
        <v>169818</v>
      </c>
      <c r="H50196" s="1" t="s">
        <v>169819</v>
      </c>
      <c r="I50196" s="1" t="s">
        <v>169394</v>
      </c>
      <c r="J50196" s="1" t="s">
        <v>169822</v>
      </c>
    </row>
    <row r="50197" spans="1:10" x14ac:dyDescent="0.35">
      <c r="A50197" s="1" t="s">
        <v>5502</v>
      </c>
      <c r="B50197" s="1" t="s">
        <v>169390</v>
      </c>
      <c r="C50197" s="1" t="s">
        <v>20</v>
      </c>
      <c r="D50197" s="1" t="s">
        <v>128124</v>
      </c>
      <c r="E50197" s="1" t="s">
        <v>169823</v>
      </c>
      <c r="F50197" s="1" t="s">
        <v>169824</v>
      </c>
      <c r="G50197" s="1" t="s">
        <v>169818</v>
      </c>
      <c r="H50197" s="1" t="s">
        <v>169819</v>
      </c>
      <c r="I50197" s="1" t="s">
        <v>169394</v>
      </c>
      <c r="J50197" s="1" t="s">
        <v>169825</v>
      </c>
    </row>
    <row r="50198" spans="1:10" x14ac:dyDescent="0.35">
      <c r="A50198" s="1" t="s">
        <v>5502</v>
      </c>
      <c r="B50198" s="1" t="s">
        <v>169390</v>
      </c>
      <c r="C50198" s="1" t="s">
        <v>25</v>
      </c>
      <c r="D50198" s="1" t="s">
        <v>4496</v>
      </c>
      <c r="E50198" s="1" t="s">
        <v>169826</v>
      </c>
      <c r="F50198" s="1" t="s">
        <v>169827</v>
      </c>
      <c r="G50198" s="1" t="s">
        <v>169818</v>
      </c>
      <c r="H50198" s="1" t="s">
        <v>169819</v>
      </c>
      <c r="I50198" s="1" t="s">
        <v>169394</v>
      </c>
      <c r="J50198" s="1" t="s">
        <v>169828</v>
      </c>
    </row>
    <row r="50199" spans="1:10" x14ac:dyDescent="0.35">
      <c r="A50199" s="1" t="s">
        <v>5502</v>
      </c>
      <c r="B50199" s="1" t="s">
        <v>169390</v>
      </c>
      <c r="C50199" s="1" t="s">
        <v>30</v>
      </c>
      <c r="D50199" s="1" t="s">
        <v>28065</v>
      </c>
      <c r="E50199" s="1" t="s">
        <v>169829</v>
      </c>
      <c r="F50199" s="1" t="s">
        <v>169830</v>
      </c>
      <c r="G50199" s="1" t="s">
        <v>169818</v>
      </c>
      <c r="H50199" s="1" t="s">
        <v>169819</v>
      </c>
      <c r="I50199" s="1" t="s">
        <v>169394</v>
      </c>
      <c r="J50199" s="1" t="s">
        <v>169831</v>
      </c>
    </row>
    <row r="50200" spans="1:10" x14ac:dyDescent="0.35">
      <c r="A50200" s="1" t="s">
        <v>5502</v>
      </c>
      <c r="B50200" s="1" t="s">
        <v>169390</v>
      </c>
      <c r="C50200" s="1" t="s">
        <v>35</v>
      </c>
      <c r="D50200" s="1" t="s">
        <v>25488</v>
      </c>
      <c r="E50200" s="1" t="s">
        <v>169832</v>
      </c>
      <c r="F50200" s="1" t="s">
        <v>169833</v>
      </c>
      <c r="G50200" s="1" t="s">
        <v>169818</v>
      </c>
      <c r="H50200" s="1" t="s">
        <v>169819</v>
      </c>
      <c r="I50200" s="1" t="s">
        <v>169394</v>
      </c>
      <c r="J50200" s="1" t="s">
        <v>169834</v>
      </c>
    </row>
    <row r="50201" spans="1:10" x14ac:dyDescent="0.35">
      <c r="A50201" s="1" t="s">
        <v>5502</v>
      </c>
      <c r="B50201" s="1" t="s">
        <v>169390</v>
      </c>
      <c r="C50201" s="1" t="s">
        <v>40</v>
      </c>
      <c r="D50201" s="1" t="s">
        <v>143609</v>
      </c>
      <c r="E50201" s="1" t="s">
        <v>169835</v>
      </c>
      <c r="F50201" s="1" t="s">
        <v>169836</v>
      </c>
      <c r="G50201" s="1" t="s">
        <v>169818</v>
      </c>
      <c r="H50201" s="1" t="s">
        <v>169819</v>
      </c>
      <c r="I50201" s="1" t="s">
        <v>169394</v>
      </c>
      <c r="J50201" s="1" t="s">
        <v>169837</v>
      </c>
    </row>
    <row r="50202" spans="1:10" x14ac:dyDescent="0.35">
      <c r="A50202" s="1" t="s">
        <v>5502</v>
      </c>
      <c r="B50202" s="1" t="s">
        <v>169390</v>
      </c>
      <c r="C50202" s="1" t="s">
        <v>45</v>
      </c>
      <c r="D50202" s="1" t="s">
        <v>169838</v>
      </c>
      <c r="E50202" s="1" t="s">
        <v>169839</v>
      </c>
      <c r="F50202" s="1" t="s">
        <v>169840</v>
      </c>
      <c r="G50202" s="1" t="s">
        <v>169818</v>
      </c>
      <c r="H50202" s="1" t="s">
        <v>169819</v>
      </c>
      <c r="I50202" s="1" t="s">
        <v>169394</v>
      </c>
      <c r="J50202" s="1" t="s">
        <v>169841</v>
      </c>
    </row>
    <row r="50203" spans="1:10" x14ac:dyDescent="0.35">
      <c r="A50203" s="1" t="s">
        <v>5502</v>
      </c>
      <c r="B50203" s="1" t="s">
        <v>169390</v>
      </c>
      <c r="C50203" s="1" t="s">
        <v>50</v>
      </c>
      <c r="D50203" s="1" t="s">
        <v>119263</v>
      </c>
      <c r="E50203" s="1" t="s">
        <v>169842</v>
      </c>
      <c r="F50203" s="1" t="s">
        <v>169843</v>
      </c>
      <c r="G50203" s="1" t="s">
        <v>169818</v>
      </c>
      <c r="H50203" s="1" t="s">
        <v>169819</v>
      </c>
      <c r="I50203" s="1" t="s">
        <v>169394</v>
      </c>
      <c r="J50203" s="1" t="s">
        <v>169844</v>
      </c>
    </row>
    <row r="50204" spans="1:10" x14ac:dyDescent="0.35">
      <c r="A50204" s="1" t="s">
        <v>5502</v>
      </c>
      <c r="B50204" s="1" t="s">
        <v>169390</v>
      </c>
      <c r="C50204" s="1" t="s">
        <v>55</v>
      </c>
      <c r="D50204" s="1" t="s">
        <v>29664</v>
      </c>
      <c r="E50204" s="1" t="s">
        <v>169845</v>
      </c>
      <c r="F50204" s="1" t="s">
        <v>169846</v>
      </c>
      <c r="G50204" s="1" t="s">
        <v>169818</v>
      </c>
      <c r="H50204" s="1" t="s">
        <v>169819</v>
      </c>
      <c r="I50204" s="1" t="s">
        <v>169394</v>
      </c>
      <c r="J50204" s="1" t="s">
        <v>169847</v>
      </c>
    </row>
    <row r="50205" spans="1:10" x14ac:dyDescent="0.35">
      <c r="A50205" s="1" t="s">
        <v>5502</v>
      </c>
      <c r="B50205" s="1" t="s">
        <v>169390</v>
      </c>
      <c r="C50205" s="1" t="s">
        <v>60</v>
      </c>
      <c r="D50205" s="1" t="s">
        <v>112236</v>
      </c>
      <c r="E50205" s="1" t="s">
        <v>169848</v>
      </c>
      <c r="F50205" s="1" t="s">
        <v>169849</v>
      </c>
      <c r="G50205" s="1" t="s">
        <v>169818</v>
      </c>
      <c r="H50205" s="1" t="s">
        <v>169819</v>
      </c>
      <c r="I50205" s="1" t="s">
        <v>169394</v>
      </c>
      <c r="J50205" s="1" t="s">
        <v>169850</v>
      </c>
    </row>
    <row r="50206" spans="1:10" x14ac:dyDescent="0.35">
      <c r="A50206" s="1" t="s">
        <v>5502</v>
      </c>
      <c r="B50206" s="1" t="s">
        <v>169390</v>
      </c>
      <c r="C50206" s="1" t="s">
        <v>65</v>
      </c>
      <c r="D50206" s="1" t="s">
        <v>117499</v>
      </c>
      <c r="E50206" s="1" t="s">
        <v>169851</v>
      </c>
      <c r="F50206" s="1" t="s">
        <v>169852</v>
      </c>
      <c r="G50206" s="1" t="s">
        <v>169818</v>
      </c>
      <c r="H50206" s="1" t="s">
        <v>169819</v>
      </c>
      <c r="I50206" s="1" t="s">
        <v>169394</v>
      </c>
      <c r="J50206" s="1" t="s">
        <v>169853</v>
      </c>
    </row>
    <row r="50207" spans="1:10" x14ac:dyDescent="0.35">
      <c r="A50207" s="1" t="s">
        <v>5502</v>
      </c>
      <c r="B50207" s="1" t="s">
        <v>169390</v>
      </c>
      <c r="C50207" s="1" t="s">
        <v>70</v>
      </c>
      <c r="D50207" s="1" t="s">
        <v>46231</v>
      </c>
      <c r="E50207" s="1" t="s">
        <v>169854</v>
      </c>
      <c r="F50207" s="1" t="s">
        <v>169855</v>
      </c>
      <c r="G50207" s="1" t="s">
        <v>169818</v>
      </c>
      <c r="H50207" s="1" t="s">
        <v>169819</v>
      </c>
      <c r="I50207" s="1" t="s">
        <v>169394</v>
      </c>
      <c r="J50207" s="1" t="s">
        <v>169856</v>
      </c>
    </row>
    <row r="50208" spans="1:10" x14ac:dyDescent="0.35">
      <c r="A50208" s="1" t="s">
        <v>5502</v>
      </c>
      <c r="B50208" s="1" t="s">
        <v>169390</v>
      </c>
      <c r="C50208" s="1" t="s">
        <v>75</v>
      </c>
      <c r="D50208" s="1" t="s">
        <v>110028</v>
      </c>
      <c r="E50208" s="1" t="s">
        <v>169857</v>
      </c>
      <c r="F50208" s="1" t="s">
        <v>169858</v>
      </c>
      <c r="G50208" s="1" t="s">
        <v>169818</v>
      </c>
      <c r="H50208" s="1" t="s">
        <v>169819</v>
      </c>
      <c r="I50208" s="1" t="s">
        <v>169394</v>
      </c>
      <c r="J50208" s="1" t="s">
        <v>169859</v>
      </c>
    </row>
    <row r="50209" spans="1:10" x14ac:dyDescent="0.35">
      <c r="A50209" s="1" t="s">
        <v>5502</v>
      </c>
      <c r="B50209" s="1" t="s">
        <v>169390</v>
      </c>
      <c r="C50209" s="1" t="s">
        <v>80</v>
      </c>
      <c r="D50209" s="1" t="s">
        <v>14759</v>
      </c>
      <c r="E50209" s="1" t="s">
        <v>169860</v>
      </c>
      <c r="F50209" s="1" t="s">
        <v>169861</v>
      </c>
      <c r="G50209" s="1" t="s">
        <v>169818</v>
      </c>
      <c r="H50209" s="1" t="s">
        <v>169819</v>
      </c>
      <c r="I50209" s="1" t="s">
        <v>169394</v>
      </c>
      <c r="J50209" s="1" t="s">
        <v>169862</v>
      </c>
    </row>
    <row r="50210" spans="1:10" x14ac:dyDescent="0.35">
      <c r="A50210" s="1" t="s">
        <v>5502</v>
      </c>
      <c r="B50210" s="1" t="s">
        <v>169390</v>
      </c>
      <c r="C50210" s="1" t="s">
        <v>85</v>
      </c>
      <c r="D50210" s="1" t="s">
        <v>37676</v>
      </c>
      <c r="E50210" s="1" t="s">
        <v>169863</v>
      </c>
      <c r="F50210" s="1" t="s">
        <v>169864</v>
      </c>
      <c r="G50210" s="1" t="s">
        <v>169818</v>
      </c>
      <c r="H50210" s="1" t="s">
        <v>169819</v>
      </c>
      <c r="I50210" s="1" t="s">
        <v>169394</v>
      </c>
      <c r="J50210" s="1" t="s">
        <v>169865</v>
      </c>
    </row>
    <row r="50211" spans="1:10" x14ac:dyDescent="0.35">
      <c r="A50211" s="1" t="s">
        <v>5502</v>
      </c>
      <c r="B50211" s="1" t="s">
        <v>169390</v>
      </c>
      <c r="C50211" s="1" t="s">
        <v>90</v>
      </c>
      <c r="D50211" s="1" t="s">
        <v>35197</v>
      </c>
      <c r="E50211" s="1" t="s">
        <v>169866</v>
      </c>
      <c r="F50211" s="1" t="s">
        <v>169867</v>
      </c>
      <c r="G50211" s="1" t="s">
        <v>169818</v>
      </c>
      <c r="H50211" s="1" t="s">
        <v>169819</v>
      </c>
      <c r="I50211" s="1" t="s">
        <v>169394</v>
      </c>
      <c r="J50211" s="1" t="s">
        <v>169868</v>
      </c>
    </row>
    <row r="50212" spans="1:10" x14ac:dyDescent="0.35">
      <c r="A50212" s="1" t="s">
        <v>5502</v>
      </c>
      <c r="B50212" s="1" t="s">
        <v>169390</v>
      </c>
      <c r="C50212" s="1" t="s">
        <v>95</v>
      </c>
      <c r="D50212" s="1" t="s">
        <v>2564</v>
      </c>
      <c r="E50212" s="1" t="s">
        <v>169869</v>
      </c>
      <c r="F50212" s="1" t="s">
        <v>169870</v>
      </c>
      <c r="G50212" s="1" t="s">
        <v>169818</v>
      </c>
      <c r="H50212" s="1" t="s">
        <v>169819</v>
      </c>
      <c r="I50212" s="1" t="s">
        <v>169394</v>
      </c>
      <c r="J50212" s="1" t="s">
        <v>169871</v>
      </c>
    </row>
    <row r="50213" spans="1:10" x14ac:dyDescent="0.35">
      <c r="A50213" s="1" t="s">
        <v>5502</v>
      </c>
      <c r="B50213" s="1" t="s">
        <v>169390</v>
      </c>
      <c r="C50213" s="1" t="s">
        <v>100</v>
      </c>
      <c r="D50213" s="1" t="s">
        <v>47087</v>
      </c>
      <c r="E50213" s="1" t="s">
        <v>169872</v>
      </c>
      <c r="F50213" s="1" t="s">
        <v>169873</v>
      </c>
      <c r="G50213" s="1" t="s">
        <v>169818</v>
      </c>
      <c r="H50213" s="1" t="s">
        <v>169819</v>
      </c>
      <c r="I50213" s="1" t="s">
        <v>169394</v>
      </c>
      <c r="J50213" s="1" t="s">
        <v>169874</v>
      </c>
    </row>
    <row r="50214" spans="1:10" x14ac:dyDescent="0.35">
      <c r="A50214" s="1" t="s">
        <v>5502</v>
      </c>
      <c r="B50214" s="1" t="s">
        <v>169390</v>
      </c>
      <c r="C50214" s="1" t="s">
        <v>105</v>
      </c>
      <c r="D50214" s="1" t="s">
        <v>169875</v>
      </c>
      <c r="E50214" s="1" t="s">
        <v>169876</v>
      </c>
      <c r="F50214" s="1" t="s">
        <v>169877</v>
      </c>
      <c r="G50214" s="1" t="s">
        <v>169818</v>
      </c>
      <c r="H50214" s="1" t="s">
        <v>169819</v>
      </c>
      <c r="I50214" s="1" t="s">
        <v>169394</v>
      </c>
      <c r="J50214" s="1" t="s">
        <v>169878</v>
      </c>
    </row>
    <row r="50215" spans="1:10" x14ac:dyDescent="0.35">
      <c r="A50215" s="1" t="s">
        <v>5502</v>
      </c>
      <c r="B50215" s="1" t="s">
        <v>169390</v>
      </c>
      <c r="C50215" s="1" t="s">
        <v>110</v>
      </c>
      <c r="D50215" s="1" t="s">
        <v>34828</v>
      </c>
      <c r="E50215" s="1" t="s">
        <v>169879</v>
      </c>
      <c r="F50215" s="1" t="s">
        <v>169880</v>
      </c>
      <c r="G50215" s="1" t="s">
        <v>169818</v>
      </c>
      <c r="H50215" s="1" t="s">
        <v>169819</v>
      </c>
      <c r="I50215" s="1" t="s">
        <v>169394</v>
      </c>
      <c r="J50215" s="1" t="s">
        <v>169881</v>
      </c>
    </row>
    <row r="50216" spans="1:10" x14ac:dyDescent="0.35">
      <c r="A50216" s="1" t="s">
        <v>5502</v>
      </c>
      <c r="B50216" s="1" t="s">
        <v>169390</v>
      </c>
      <c r="C50216" s="1" t="s">
        <v>115</v>
      </c>
      <c r="D50216" s="1" t="s">
        <v>73095</v>
      </c>
      <c r="E50216" s="1" t="s">
        <v>169882</v>
      </c>
      <c r="F50216" s="1" t="s">
        <v>169883</v>
      </c>
      <c r="G50216" s="1" t="s">
        <v>169818</v>
      </c>
      <c r="H50216" s="1" t="s">
        <v>169819</v>
      </c>
      <c r="I50216" s="1" t="s">
        <v>169394</v>
      </c>
      <c r="J50216" s="1" t="s">
        <v>169884</v>
      </c>
    </row>
    <row r="50217" spans="1:10" x14ac:dyDescent="0.35">
      <c r="A50217" s="1" t="s">
        <v>5502</v>
      </c>
      <c r="B50217" s="1" t="s">
        <v>169390</v>
      </c>
      <c r="C50217" s="1" t="s">
        <v>120</v>
      </c>
      <c r="D50217" s="1" t="s">
        <v>36061</v>
      </c>
      <c r="E50217" s="1" t="s">
        <v>169885</v>
      </c>
      <c r="F50217" s="1" t="s">
        <v>169886</v>
      </c>
      <c r="G50217" s="1" t="s">
        <v>169818</v>
      </c>
      <c r="H50217" s="1" t="s">
        <v>169819</v>
      </c>
      <c r="I50217" s="1" t="s">
        <v>169394</v>
      </c>
      <c r="J50217" s="1" t="s">
        <v>169887</v>
      </c>
    </row>
    <row r="50218" spans="1:10" x14ac:dyDescent="0.35">
      <c r="A50218" s="1" t="s">
        <v>5502</v>
      </c>
      <c r="B50218" s="1" t="s">
        <v>169390</v>
      </c>
      <c r="C50218" s="1" t="s">
        <v>125</v>
      </c>
      <c r="D50218" s="1" t="s">
        <v>15492</v>
      </c>
      <c r="E50218" s="1" t="s">
        <v>169888</v>
      </c>
      <c r="F50218" s="1" t="s">
        <v>169889</v>
      </c>
      <c r="G50218" s="1" t="s">
        <v>169818</v>
      </c>
      <c r="H50218" s="1" t="s">
        <v>169819</v>
      </c>
      <c r="I50218" s="1" t="s">
        <v>169394</v>
      </c>
      <c r="J50218" s="1" t="s">
        <v>169890</v>
      </c>
    </row>
    <row r="50219" spans="1:10" x14ac:dyDescent="0.35">
      <c r="A50219" s="1" t="s">
        <v>5502</v>
      </c>
      <c r="B50219" s="1" t="s">
        <v>169390</v>
      </c>
      <c r="C50219" s="1" t="s">
        <v>130</v>
      </c>
      <c r="D50219" s="1" t="s">
        <v>169891</v>
      </c>
      <c r="E50219" s="1" t="s">
        <v>169892</v>
      </c>
      <c r="F50219" s="1" t="s">
        <v>169893</v>
      </c>
      <c r="G50219" s="1" t="s">
        <v>169818</v>
      </c>
      <c r="H50219" s="1" t="s">
        <v>169819</v>
      </c>
      <c r="I50219" s="1" t="s">
        <v>169394</v>
      </c>
      <c r="J50219" s="1" t="s">
        <v>169894</v>
      </c>
    </row>
    <row r="50220" spans="1:10" x14ac:dyDescent="0.35">
      <c r="A50220" s="1" t="s">
        <v>5502</v>
      </c>
      <c r="B50220" s="1" t="s">
        <v>169390</v>
      </c>
      <c r="C50220" s="1" t="s">
        <v>135</v>
      </c>
      <c r="D50220" s="1" t="s">
        <v>151773</v>
      </c>
      <c r="E50220" s="1" t="s">
        <v>169895</v>
      </c>
      <c r="F50220" s="1" t="s">
        <v>169896</v>
      </c>
      <c r="G50220" s="1" t="s">
        <v>169818</v>
      </c>
      <c r="H50220" s="1" t="s">
        <v>169819</v>
      </c>
      <c r="I50220" s="1" t="s">
        <v>169394</v>
      </c>
      <c r="J50220" s="1" t="s">
        <v>169897</v>
      </c>
    </row>
    <row r="50221" spans="1:10" x14ac:dyDescent="0.35">
      <c r="A50221" s="1" t="s">
        <v>5502</v>
      </c>
      <c r="B50221" s="1" t="s">
        <v>169390</v>
      </c>
      <c r="C50221" s="1" t="s">
        <v>140</v>
      </c>
      <c r="D50221" s="1" t="s">
        <v>72472</v>
      </c>
      <c r="E50221" s="1" t="s">
        <v>169898</v>
      </c>
      <c r="F50221" s="1" t="s">
        <v>169899</v>
      </c>
      <c r="G50221" s="1" t="s">
        <v>169818</v>
      </c>
      <c r="H50221" s="1" t="s">
        <v>169819</v>
      </c>
      <c r="I50221" s="1" t="s">
        <v>169394</v>
      </c>
      <c r="J50221" s="1" t="s">
        <v>169900</v>
      </c>
    </row>
    <row r="50222" spans="1:10" x14ac:dyDescent="0.35">
      <c r="A50222" s="1" t="s">
        <v>5502</v>
      </c>
      <c r="B50222" s="1" t="s">
        <v>169390</v>
      </c>
      <c r="C50222" s="1" t="s">
        <v>145</v>
      </c>
      <c r="D50222" s="1" t="s">
        <v>159764</v>
      </c>
      <c r="E50222" s="1" t="s">
        <v>169901</v>
      </c>
      <c r="F50222" s="1" t="s">
        <v>169902</v>
      </c>
      <c r="G50222" s="1" t="s">
        <v>169818</v>
      </c>
      <c r="H50222" s="1" t="s">
        <v>169819</v>
      </c>
      <c r="I50222" s="1" t="s">
        <v>169394</v>
      </c>
      <c r="J50222" s="1" t="s">
        <v>169903</v>
      </c>
    </row>
    <row r="50223" spans="1:10" x14ac:dyDescent="0.35">
      <c r="A50223" s="1" t="s">
        <v>5502</v>
      </c>
      <c r="B50223" s="1" t="s">
        <v>169390</v>
      </c>
      <c r="C50223" s="1" t="s">
        <v>150</v>
      </c>
      <c r="D50223" s="1" t="s">
        <v>169904</v>
      </c>
      <c r="E50223" s="1" t="s">
        <v>169905</v>
      </c>
      <c r="F50223" s="1" t="s">
        <v>169902</v>
      </c>
      <c r="G50223" s="1" t="s">
        <v>169818</v>
      </c>
      <c r="H50223" s="1" t="s">
        <v>169819</v>
      </c>
      <c r="I50223" s="1" t="s">
        <v>169394</v>
      </c>
      <c r="J50223" s="1" t="s">
        <v>169906</v>
      </c>
    </row>
    <row r="50224" spans="1:10" x14ac:dyDescent="0.35">
      <c r="A50224" s="1" t="s">
        <v>5502</v>
      </c>
      <c r="B50224" s="1" t="s">
        <v>169390</v>
      </c>
      <c r="C50224" s="1" t="s">
        <v>155</v>
      </c>
      <c r="D50224" s="1" t="s">
        <v>71119</v>
      </c>
      <c r="E50224" s="1" t="s">
        <v>169907</v>
      </c>
      <c r="F50224" s="1" t="s">
        <v>169908</v>
      </c>
      <c r="G50224" s="1" t="s">
        <v>169818</v>
      </c>
      <c r="H50224" s="1" t="s">
        <v>169819</v>
      </c>
      <c r="I50224" s="1" t="s">
        <v>169394</v>
      </c>
      <c r="J50224" s="1" t="s">
        <v>169909</v>
      </c>
    </row>
    <row r="50225" spans="1:10" x14ac:dyDescent="0.35">
      <c r="A50225" s="1" t="s">
        <v>5502</v>
      </c>
      <c r="B50225" s="1" t="s">
        <v>169390</v>
      </c>
      <c r="C50225" s="1" t="s">
        <v>160</v>
      </c>
      <c r="D50225" s="1" t="s">
        <v>8006</v>
      </c>
      <c r="E50225" s="1" t="s">
        <v>169910</v>
      </c>
      <c r="F50225" s="1" t="s">
        <v>169902</v>
      </c>
      <c r="G50225" s="1" t="s">
        <v>169818</v>
      </c>
      <c r="H50225" s="1" t="s">
        <v>169819</v>
      </c>
      <c r="I50225" s="1" t="s">
        <v>169394</v>
      </c>
      <c r="J50225" s="1" t="s">
        <v>169911</v>
      </c>
    </row>
    <row r="50226" spans="1:10" x14ac:dyDescent="0.35">
      <c r="A50226" s="1" t="s">
        <v>5502</v>
      </c>
      <c r="B50226" s="1" t="s">
        <v>169390</v>
      </c>
      <c r="C50226" s="1" t="s">
        <v>165</v>
      </c>
      <c r="D50226" s="1" t="s">
        <v>169912</v>
      </c>
      <c r="E50226" s="1" t="s">
        <v>169913</v>
      </c>
      <c r="F50226" s="1" t="s">
        <v>169914</v>
      </c>
      <c r="G50226" s="1" t="s">
        <v>169818</v>
      </c>
      <c r="H50226" s="1" t="s">
        <v>169819</v>
      </c>
      <c r="I50226" s="1" t="s">
        <v>169394</v>
      </c>
      <c r="J50226" s="1" t="s">
        <v>169915</v>
      </c>
    </row>
    <row r="50227" spans="1:10" x14ac:dyDescent="0.35">
      <c r="A50227" s="1" t="s">
        <v>5502</v>
      </c>
      <c r="B50227" s="1" t="s">
        <v>169390</v>
      </c>
      <c r="C50227" s="1" t="s">
        <v>170</v>
      </c>
      <c r="D50227" s="1" t="s">
        <v>35342</v>
      </c>
      <c r="E50227" s="1" t="s">
        <v>169916</v>
      </c>
      <c r="F50227" s="1" t="s">
        <v>169917</v>
      </c>
      <c r="G50227" s="1" t="s">
        <v>169818</v>
      </c>
      <c r="H50227" s="1" t="s">
        <v>169819</v>
      </c>
      <c r="I50227" s="1" t="s">
        <v>169394</v>
      </c>
      <c r="J50227" s="1" t="s">
        <v>169918</v>
      </c>
    </row>
    <row r="50228" spans="1:10" x14ac:dyDescent="0.35">
      <c r="A50228" s="1" t="s">
        <v>3999</v>
      </c>
      <c r="B50228" s="1" t="s">
        <v>169390</v>
      </c>
      <c r="C50228" s="1" t="s">
        <v>8</v>
      </c>
      <c r="D50228" s="1" t="s">
        <v>4007</v>
      </c>
      <c r="E50228" s="1" t="s">
        <v>169919</v>
      </c>
      <c r="F50228" s="1" t="s">
        <v>169920</v>
      </c>
      <c r="G50228" s="1" t="s">
        <v>169921</v>
      </c>
      <c r="H50228" s="1" t="s">
        <v>169922</v>
      </c>
      <c r="I50228" s="1" t="s">
        <v>169394</v>
      </c>
      <c r="J50228" s="1" t="s">
        <v>13</v>
      </c>
    </row>
    <row r="50229" spans="1:10" x14ac:dyDescent="0.35">
      <c r="A50229" s="1" t="s">
        <v>3999</v>
      </c>
      <c r="B50229" s="1" t="s">
        <v>169390</v>
      </c>
      <c r="C50229" s="1" t="s">
        <v>15</v>
      </c>
      <c r="D50229" s="1" t="s">
        <v>9897</v>
      </c>
      <c r="E50229" s="1" t="s">
        <v>169923</v>
      </c>
      <c r="F50229" s="1" t="s">
        <v>169924</v>
      </c>
      <c r="G50229" s="1" t="s">
        <v>169921</v>
      </c>
      <c r="H50229" s="1" t="s">
        <v>169922</v>
      </c>
      <c r="I50229" s="1" t="s">
        <v>169394</v>
      </c>
      <c r="J50229" s="1" t="s">
        <v>169925</v>
      </c>
    </row>
    <row r="50230" spans="1:10" x14ac:dyDescent="0.35">
      <c r="A50230" s="1" t="s">
        <v>3999</v>
      </c>
      <c r="B50230" s="1" t="s">
        <v>169390</v>
      </c>
      <c r="C50230" s="1" t="s">
        <v>20</v>
      </c>
      <c r="D50230" s="1" t="s">
        <v>95</v>
      </c>
      <c r="E50230" s="1" t="s">
        <v>169926</v>
      </c>
      <c r="F50230" s="1" t="s">
        <v>169927</v>
      </c>
      <c r="G50230" s="1" t="s">
        <v>169921</v>
      </c>
      <c r="H50230" s="1" t="s">
        <v>169922</v>
      </c>
      <c r="I50230" s="1" t="s">
        <v>169394</v>
      </c>
      <c r="J50230" s="1" t="s">
        <v>169928</v>
      </c>
    </row>
    <row r="50231" spans="1:10" x14ac:dyDescent="0.35">
      <c r="A50231" s="1" t="s">
        <v>3999</v>
      </c>
      <c r="B50231" s="1" t="s">
        <v>169390</v>
      </c>
      <c r="C50231" s="1" t="s">
        <v>25</v>
      </c>
      <c r="D50231" s="1" t="s">
        <v>146243</v>
      </c>
      <c r="E50231" s="1" t="s">
        <v>169929</v>
      </c>
      <c r="F50231" s="1" t="s">
        <v>169930</v>
      </c>
      <c r="G50231" s="1" t="s">
        <v>169921</v>
      </c>
      <c r="H50231" s="1" t="s">
        <v>169922</v>
      </c>
      <c r="I50231" s="1" t="s">
        <v>169394</v>
      </c>
      <c r="J50231" s="1" t="s">
        <v>169931</v>
      </c>
    </row>
    <row r="50232" spans="1:10" x14ac:dyDescent="0.35">
      <c r="A50232" s="1" t="s">
        <v>3999</v>
      </c>
      <c r="B50232" s="1" t="s">
        <v>169390</v>
      </c>
      <c r="C50232" s="1" t="s">
        <v>30</v>
      </c>
      <c r="D50232" s="1" t="s">
        <v>29327</v>
      </c>
      <c r="E50232" s="1" t="s">
        <v>169932</v>
      </c>
      <c r="F50232" s="1" t="s">
        <v>169933</v>
      </c>
      <c r="G50232" s="1" t="s">
        <v>169921</v>
      </c>
      <c r="H50232" s="1" t="s">
        <v>169922</v>
      </c>
      <c r="I50232" s="1" t="s">
        <v>169394</v>
      </c>
      <c r="J50232" s="1" t="s">
        <v>169934</v>
      </c>
    </row>
    <row r="50233" spans="1:10" x14ac:dyDescent="0.35">
      <c r="A50233" s="1" t="s">
        <v>3999</v>
      </c>
      <c r="B50233" s="1" t="s">
        <v>169390</v>
      </c>
      <c r="C50233" s="1" t="s">
        <v>35</v>
      </c>
      <c r="D50233" s="1" t="s">
        <v>10016</v>
      </c>
      <c r="E50233" s="1" t="s">
        <v>169935</v>
      </c>
      <c r="F50233" s="1" t="s">
        <v>169936</v>
      </c>
      <c r="G50233" s="1" t="s">
        <v>169921</v>
      </c>
      <c r="H50233" s="1" t="s">
        <v>169922</v>
      </c>
      <c r="I50233" s="1" t="s">
        <v>169394</v>
      </c>
      <c r="J50233" s="1" t="s">
        <v>169937</v>
      </c>
    </row>
    <row r="50234" spans="1:10" x14ac:dyDescent="0.35">
      <c r="A50234" s="1" t="s">
        <v>3999</v>
      </c>
      <c r="B50234" s="1" t="s">
        <v>169390</v>
      </c>
      <c r="C50234" s="1" t="s">
        <v>40</v>
      </c>
      <c r="D50234" s="1" t="s">
        <v>9258</v>
      </c>
      <c r="E50234" s="1" t="s">
        <v>169938</v>
      </c>
      <c r="F50234" s="1" t="s">
        <v>169939</v>
      </c>
      <c r="G50234" s="1" t="s">
        <v>169921</v>
      </c>
      <c r="H50234" s="1" t="s">
        <v>169922</v>
      </c>
      <c r="I50234" s="1" t="s">
        <v>169394</v>
      </c>
      <c r="J50234" s="1" t="s">
        <v>169940</v>
      </c>
    </row>
    <row r="50235" spans="1:10" x14ac:dyDescent="0.35">
      <c r="A50235" s="1" t="s">
        <v>3999</v>
      </c>
      <c r="B50235" s="1" t="s">
        <v>169390</v>
      </c>
      <c r="C50235" s="1" t="s">
        <v>45</v>
      </c>
      <c r="D50235" s="1" t="s">
        <v>156229</v>
      </c>
      <c r="E50235" s="1" t="s">
        <v>169941</v>
      </c>
      <c r="F50235" s="1" t="s">
        <v>169942</v>
      </c>
      <c r="G50235" s="1" t="s">
        <v>169921</v>
      </c>
      <c r="H50235" s="1" t="s">
        <v>169922</v>
      </c>
      <c r="I50235" s="1" t="s">
        <v>169394</v>
      </c>
      <c r="J50235" s="1" t="s">
        <v>169943</v>
      </c>
    </row>
    <row r="50236" spans="1:10" x14ac:dyDescent="0.35">
      <c r="A50236" s="1" t="s">
        <v>3999</v>
      </c>
      <c r="B50236" s="1" t="s">
        <v>169390</v>
      </c>
      <c r="C50236" s="1" t="s">
        <v>50</v>
      </c>
      <c r="D50236" s="1" t="s">
        <v>45845</v>
      </c>
      <c r="E50236" s="1" t="s">
        <v>169944</v>
      </c>
      <c r="F50236" s="1" t="s">
        <v>169945</v>
      </c>
      <c r="G50236" s="1" t="s">
        <v>169921</v>
      </c>
      <c r="H50236" s="1" t="s">
        <v>169922</v>
      </c>
      <c r="I50236" s="1" t="s">
        <v>169394</v>
      </c>
      <c r="J50236" s="1" t="s">
        <v>169946</v>
      </c>
    </row>
    <row r="50237" spans="1:10" x14ac:dyDescent="0.35">
      <c r="A50237" s="1" t="s">
        <v>3999</v>
      </c>
      <c r="B50237" s="1" t="s">
        <v>169390</v>
      </c>
      <c r="C50237" s="1" t="s">
        <v>55</v>
      </c>
      <c r="D50237" s="1" t="s">
        <v>47335</v>
      </c>
      <c r="E50237" s="1" t="s">
        <v>169947</v>
      </c>
      <c r="F50237" s="1" t="s">
        <v>169948</v>
      </c>
      <c r="G50237" s="1" t="s">
        <v>169921</v>
      </c>
      <c r="H50237" s="1" t="s">
        <v>169922</v>
      </c>
      <c r="I50237" s="1" t="s">
        <v>169394</v>
      </c>
      <c r="J50237" s="1" t="s">
        <v>169949</v>
      </c>
    </row>
    <row r="50238" spans="1:10" x14ac:dyDescent="0.35">
      <c r="A50238" s="1" t="s">
        <v>3999</v>
      </c>
      <c r="B50238" s="1" t="s">
        <v>169390</v>
      </c>
      <c r="C50238" s="1" t="s">
        <v>60</v>
      </c>
      <c r="D50238" s="1" t="s">
        <v>29697</v>
      </c>
      <c r="E50238" s="1" t="s">
        <v>169950</v>
      </c>
      <c r="F50238" s="1" t="s">
        <v>169951</v>
      </c>
      <c r="G50238" s="1" t="s">
        <v>169921</v>
      </c>
      <c r="H50238" s="1" t="s">
        <v>169922</v>
      </c>
      <c r="I50238" s="1" t="s">
        <v>169394</v>
      </c>
      <c r="J50238" s="1" t="s">
        <v>169952</v>
      </c>
    </row>
    <row r="50239" spans="1:10" x14ac:dyDescent="0.35">
      <c r="A50239" s="1" t="s">
        <v>3999</v>
      </c>
      <c r="B50239" s="1" t="s">
        <v>169390</v>
      </c>
      <c r="C50239" s="1" t="s">
        <v>65</v>
      </c>
      <c r="D50239" s="1" t="s">
        <v>34549</v>
      </c>
      <c r="E50239" s="1" t="s">
        <v>169953</v>
      </c>
      <c r="F50239" s="1" t="s">
        <v>169954</v>
      </c>
      <c r="G50239" s="1" t="s">
        <v>169921</v>
      </c>
      <c r="H50239" s="1" t="s">
        <v>169922</v>
      </c>
      <c r="I50239" s="1" t="s">
        <v>169394</v>
      </c>
      <c r="J50239" s="1" t="s">
        <v>169955</v>
      </c>
    </row>
    <row r="50240" spans="1:10" x14ac:dyDescent="0.35">
      <c r="A50240" s="1" t="s">
        <v>3999</v>
      </c>
      <c r="B50240" s="1" t="s">
        <v>169390</v>
      </c>
      <c r="C50240" s="1" t="s">
        <v>70</v>
      </c>
      <c r="D50240" s="1" t="s">
        <v>25426</v>
      </c>
      <c r="E50240" s="1" t="s">
        <v>169956</v>
      </c>
      <c r="F50240" s="1" t="s">
        <v>169957</v>
      </c>
      <c r="G50240" s="1" t="s">
        <v>169921</v>
      </c>
      <c r="H50240" s="1" t="s">
        <v>169922</v>
      </c>
      <c r="I50240" s="1" t="s">
        <v>169394</v>
      </c>
      <c r="J50240" s="1" t="s">
        <v>169958</v>
      </c>
    </row>
    <row r="50241" spans="1:10" x14ac:dyDescent="0.35">
      <c r="A50241" s="1" t="s">
        <v>3999</v>
      </c>
      <c r="B50241" s="1" t="s">
        <v>169390</v>
      </c>
      <c r="C50241" s="1" t="s">
        <v>75</v>
      </c>
      <c r="D50241" s="1" t="s">
        <v>36715</v>
      </c>
      <c r="E50241" s="1" t="s">
        <v>169959</v>
      </c>
      <c r="F50241" s="1" t="s">
        <v>169960</v>
      </c>
      <c r="G50241" s="1" t="s">
        <v>169921</v>
      </c>
      <c r="H50241" s="1" t="s">
        <v>169922</v>
      </c>
      <c r="I50241" s="1" t="s">
        <v>169394</v>
      </c>
      <c r="J50241" s="1" t="s">
        <v>169961</v>
      </c>
    </row>
    <row r="50242" spans="1:10" x14ac:dyDescent="0.35">
      <c r="A50242" s="1" t="s">
        <v>3999</v>
      </c>
      <c r="B50242" s="1" t="s">
        <v>169390</v>
      </c>
      <c r="C50242" s="1" t="s">
        <v>80</v>
      </c>
      <c r="D50242" s="1" t="s">
        <v>50781</v>
      </c>
      <c r="E50242" s="1" t="s">
        <v>169962</v>
      </c>
      <c r="F50242" s="1" t="s">
        <v>169963</v>
      </c>
      <c r="G50242" s="1" t="s">
        <v>169921</v>
      </c>
      <c r="H50242" s="1" t="s">
        <v>169922</v>
      </c>
      <c r="I50242" s="1" t="s">
        <v>169394</v>
      </c>
      <c r="J50242" s="1" t="s">
        <v>169964</v>
      </c>
    </row>
    <row r="50243" spans="1:10" x14ac:dyDescent="0.35">
      <c r="A50243" s="1" t="s">
        <v>3999</v>
      </c>
      <c r="B50243" s="1" t="s">
        <v>169390</v>
      </c>
      <c r="C50243" s="1" t="s">
        <v>85</v>
      </c>
      <c r="D50243" s="1" t="s">
        <v>111860</v>
      </c>
      <c r="E50243" s="1" t="s">
        <v>169965</v>
      </c>
      <c r="F50243" s="1" t="s">
        <v>169966</v>
      </c>
      <c r="G50243" s="1" t="s">
        <v>169921</v>
      </c>
      <c r="H50243" s="1" t="s">
        <v>169922</v>
      </c>
      <c r="I50243" s="1" t="s">
        <v>169394</v>
      </c>
      <c r="J50243" s="1" t="s">
        <v>169967</v>
      </c>
    </row>
    <row r="50244" spans="1:10" x14ac:dyDescent="0.35">
      <c r="A50244" s="1" t="s">
        <v>3999</v>
      </c>
      <c r="B50244" s="1" t="s">
        <v>169390</v>
      </c>
      <c r="C50244" s="1" t="s">
        <v>90</v>
      </c>
      <c r="D50244" s="1" t="s">
        <v>33425</v>
      </c>
      <c r="E50244" s="1" t="s">
        <v>169968</v>
      </c>
      <c r="F50244" s="1" t="s">
        <v>169969</v>
      </c>
      <c r="G50244" s="1" t="s">
        <v>169921</v>
      </c>
      <c r="H50244" s="1" t="s">
        <v>169922</v>
      </c>
      <c r="I50244" s="1" t="s">
        <v>169394</v>
      </c>
      <c r="J50244" s="1" t="s">
        <v>169970</v>
      </c>
    </row>
    <row r="50245" spans="1:10" x14ac:dyDescent="0.35">
      <c r="A50245" s="1" t="s">
        <v>3999</v>
      </c>
      <c r="B50245" s="1" t="s">
        <v>169390</v>
      </c>
      <c r="C50245" s="1" t="s">
        <v>95</v>
      </c>
      <c r="D50245" s="1" t="s">
        <v>169971</v>
      </c>
      <c r="E50245" s="1" t="s">
        <v>169972</v>
      </c>
      <c r="F50245" s="1" t="s">
        <v>169973</v>
      </c>
      <c r="G50245" s="1" t="s">
        <v>169921</v>
      </c>
      <c r="H50245" s="1" t="s">
        <v>169922</v>
      </c>
      <c r="I50245" s="1" t="s">
        <v>169394</v>
      </c>
      <c r="J50245" s="1" t="s">
        <v>169974</v>
      </c>
    </row>
    <row r="50246" spans="1:10" x14ac:dyDescent="0.35">
      <c r="A50246" s="1" t="s">
        <v>3999</v>
      </c>
      <c r="B50246" s="1" t="s">
        <v>169390</v>
      </c>
      <c r="C50246" s="1" t="s">
        <v>100</v>
      </c>
      <c r="D50246" s="1" t="s">
        <v>111109</v>
      </c>
      <c r="E50246" s="1" t="s">
        <v>169975</v>
      </c>
      <c r="F50246" s="1" t="s">
        <v>169976</v>
      </c>
      <c r="G50246" s="1" t="s">
        <v>169921</v>
      </c>
      <c r="H50246" s="1" t="s">
        <v>169922</v>
      </c>
      <c r="I50246" s="1" t="s">
        <v>169394</v>
      </c>
      <c r="J50246" s="1" t="s">
        <v>169977</v>
      </c>
    </row>
    <row r="50247" spans="1:10" x14ac:dyDescent="0.35">
      <c r="A50247" s="1" t="s">
        <v>3999</v>
      </c>
      <c r="B50247" s="1" t="s">
        <v>169390</v>
      </c>
      <c r="C50247" s="1" t="s">
        <v>105</v>
      </c>
      <c r="D50247" s="1" t="s">
        <v>125066</v>
      </c>
      <c r="E50247" s="1" t="s">
        <v>169978</v>
      </c>
      <c r="F50247" s="1" t="s">
        <v>169979</v>
      </c>
      <c r="G50247" s="1" t="s">
        <v>169921</v>
      </c>
      <c r="H50247" s="1" t="s">
        <v>169922</v>
      </c>
      <c r="I50247" s="1" t="s">
        <v>169394</v>
      </c>
      <c r="J50247" s="1" t="s">
        <v>169980</v>
      </c>
    </row>
    <row r="50248" spans="1:10" x14ac:dyDescent="0.35">
      <c r="A50248" s="1" t="s">
        <v>3999</v>
      </c>
      <c r="B50248" s="1" t="s">
        <v>169390</v>
      </c>
      <c r="C50248" s="1" t="s">
        <v>110</v>
      </c>
      <c r="D50248" s="1" t="s">
        <v>169981</v>
      </c>
      <c r="E50248" s="1" t="s">
        <v>169982</v>
      </c>
      <c r="F50248" s="1" t="s">
        <v>169983</v>
      </c>
      <c r="G50248" s="1" t="s">
        <v>169921</v>
      </c>
      <c r="H50248" s="1" t="s">
        <v>169922</v>
      </c>
      <c r="I50248" s="1" t="s">
        <v>169394</v>
      </c>
      <c r="J50248" s="1" t="s">
        <v>169984</v>
      </c>
    </row>
    <row r="50249" spans="1:10" x14ac:dyDescent="0.35">
      <c r="A50249" s="1" t="s">
        <v>3999</v>
      </c>
      <c r="B50249" s="1" t="s">
        <v>169390</v>
      </c>
      <c r="C50249" s="1" t="s">
        <v>115</v>
      </c>
      <c r="D50249" s="1" t="s">
        <v>169985</v>
      </c>
      <c r="E50249" s="1" t="s">
        <v>169986</v>
      </c>
      <c r="F50249" s="1" t="s">
        <v>169987</v>
      </c>
      <c r="G50249" s="1" t="s">
        <v>169921</v>
      </c>
      <c r="H50249" s="1" t="s">
        <v>169922</v>
      </c>
      <c r="I50249" s="1" t="s">
        <v>169394</v>
      </c>
      <c r="J50249" s="1" t="s">
        <v>169988</v>
      </c>
    </row>
    <row r="50250" spans="1:10" x14ac:dyDescent="0.35">
      <c r="A50250" s="1" t="s">
        <v>3999</v>
      </c>
      <c r="B50250" s="1" t="s">
        <v>169390</v>
      </c>
      <c r="C50250" s="1" t="s">
        <v>120</v>
      </c>
      <c r="D50250" s="1" t="s">
        <v>47675</v>
      </c>
      <c r="E50250" s="1" t="s">
        <v>169989</v>
      </c>
      <c r="F50250" s="1" t="s">
        <v>169990</v>
      </c>
      <c r="G50250" s="1" t="s">
        <v>169921</v>
      </c>
      <c r="H50250" s="1" t="s">
        <v>169922</v>
      </c>
      <c r="I50250" s="1" t="s">
        <v>169394</v>
      </c>
      <c r="J50250" s="1" t="s">
        <v>169991</v>
      </c>
    </row>
    <row r="50251" spans="1:10" x14ac:dyDescent="0.35">
      <c r="A50251" s="1" t="s">
        <v>3999</v>
      </c>
      <c r="B50251" s="1" t="s">
        <v>169390</v>
      </c>
      <c r="C50251" s="1" t="s">
        <v>125</v>
      </c>
      <c r="D50251" s="1" t="s">
        <v>35549</v>
      </c>
      <c r="E50251" s="1" t="s">
        <v>169992</v>
      </c>
      <c r="F50251" s="1" t="s">
        <v>169993</v>
      </c>
      <c r="G50251" s="1" t="s">
        <v>169921</v>
      </c>
      <c r="H50251" s="1" t="s">
        <v>169922</v>
      </c>
      <c r="I50251" s="1" t="s">
        <v>169394</v>
      </c>
      <c r="J50251" s="1" t="s">
        <v>169994</v>
      </c>
    </row>
    <row r="50252" spans="1:10" x14ac:dyDescent="0.35">
      <c r="A50252" s="1" t="s">
        <v>3999</v>
      </c>
      <c r="B50252" s="1" t="s">
        <v>169390</v>
      </c>
      <c r="C50252" s="1" t="s">
        <v>130</v>
      </c>
      <c r="D50252" s="1" t="s">
        <v>46560</v>
      </c>
      <c r="E50252" s="1" t="s">
        <v>169995</v>
      </c>
      <c r="F50252" s="1" t="s">
        <v>169996</v>
      </c>
      <c r="G50252" s="1" t="s">
        <v>169921</v>
      </c>
      <c r="H50252" s="1" t="s">
        <v>169922</v>
      </c>
      <c r="I50252" s="1" t="s">
        <v>169394</v>
      </c>
      <c r="J50252" s="1" t="s">
        <v>169997</v>
      </c>
    </row>
    <row r="50253" spans="1:10" x14ac:dyDescent="0.35">
      <c r="A50253" s="1" t="s">
        <v>3999</v>
      </c>
      <c r="B50253" s="1" t="s">
        <v>169390</v>
      </c>
      <c r="C50253" s="1" t="s">
        <v>135</v>
      </c>
      <c r="D50253" s="1" t="s">
        <v>148207</v>
      </c>
      <c r="E50253" s="1" t="s">
        <v>169998</v>
      </c>
      <c r="F50253" s="1" t="s">
        <v>169999</v>
      </c>
      <c r="G50253" s="1" t="s">
        <v>169921</v>
      </c>
      <c r="H50253" s="1" t="s">
        <v>169922</v>
      </c>
      <c r="I50253" s="1" t="s">
        <v>169394</v>
      </c>
      <c r="J50253" s="1" t="s">
        <v>170000</v>
      </c>
    </row>
    <row r="50254" spans="1:10" x14ac:dyDescent="0.35">
      <c r="A50254" s="1" t="s">
        <v>3999</v>
      </c>
      <c r="B50254" s="1" t="s">
        <v>169390</v>
      </c>
      <c r="C50254" s="1" t="s">
        <v>140</v>
      </c>
      <c r="D50254" s="1" t="s">
        <v>29134</v>
      </c>
      <c r="E50254" s="1" t="s">
        <v>170001</v>
      </c>
      <c r="F50254" s="1" t="s">
        <v>170002</v>
      </c>
      <c r="G50254" s="1" t="s">
        <v>169921</v>
      </c>
      <c r="H50254" s="1" t="s">
        <v>169922</v>
      </c>
      <c r="I50254" s="1" t="s">
        <v>169394</v>
      </c>
      <c r="J50254" s="1" t="s">
        <v>170003</v>
      </c>
    </row>
    <row r="50255" spans="1:10" x14ac:dyDescent="0.35">
      <c r="A50255" s="1" t="s">
        <v>3999</v>
      </c>
      <c r="B50255" s="1" t="s">
        <v>169390</v>
      </c>
      <c r="C50255" s="1" t="s">
        <v>145</v>
      </c>
      <c r="D50255" s="1" t="s">
        <v>36761</v>
      </c>
      <c r="E50255" s="1" t="s">
        <v>170004</v>
      </c>
      <c r="F50255" s="1" t="s">
        <v>170005</v>
      </c>
      <c r="G50255" s="1" t="s">
        <v>169921</v>
      </c>
      <c r="H50255" s="1" t="s">
        <v>169922</v>
      </c>
      <c r="I50255" s="1" t="s">
        <v>169394</v>
      </c>
      <c r="J50255" s="1" t="s">
        <v>170006</v>
      </c>
    </row>
    <row r="50256" spans="1:10" x14ac:dyDescent="0.35">
      <c r="A50256" s="1" t="s">
        <v>3999</v>
      </c>
      <c r="B50256" s="1" t="s">
        <v>169390</v>
      </c>
      <c r="C50256" s="1" t="s">
        <v>150</v>
      </c>
      <c r="D50256" s="1" t="s">
        <v>52123</v>
      </c>
      <c r="E50256" s="1" t="s">
        <v>170007</v>
      </c>
      <c r="F50256" s="1" t="s">
        <v>170008</v>
      </c>
      <c r="G50256" s="1" t="s">
        <v>169921</v>
      </c>
      <c r="H50256" s="1" t="s">
        <v>169922</v>
      </c>
      <c r="I50256" s="1" t="s">
        <v>169394</v>
      </c>
      <c r="J50256" s="1" t="s">
        <v>170009</v>
      </c>
    </row>
    <row r="50257" spans="1:10" x14ac:dyDescent="0.35">
      <c r="A50257" s="1" t="s">
        <v>3999</v>
      </c>
      <c r="B50257" s="1" t="s">
        <v>169390</v>
      </c>
      <c r="C50257" s="1" t="s">
        <v>155</v>
      </c>
      <c r="D50257" s="1" t="s">
        <v>118730</v>
      </c>
      <c r="E50257" s="1" t="s">
        <v>170010</v>
      </c>
      <c r="F50257" s="1" t="s">
        <v>170011</v>
      </c>
      <c r="G50257" s="1" t="s">
        <v>169921</v>
      </c>
      <c r="H50257" s="1" t="s">
        <v>169922</v>
      </c>
      <c r="I50257" s="1" t="s">
        <v>169394</v>
      </c>
      <c r="J50257" s="1" t="s">
        <v>170012</v>
      </c>
    </row>
    <row r="50258" spans="1:10" x14ac:dyDescent="0.35">
      <c r="A50258" s="1" t="s">
        <v>3999</v>
      </c>
      <c r="B50258" s="1" t="s">
        <v>169390</v>
      </c>
      <c r="C50258" s="1" t="s">
        <v>160</v>
      </c>
      <c r="D50258" s="1" t="s">
        <v>170013</v>
      </c>
      <c r="E50258" s="1" t="s">
        <v>170014</v>
      </c>
      <c r="F50258" s="1" t="s">
        <v>170015</v>
      </c>
      <c r="G50258" s="1" t="s">
        <v>169921</v>
      </c>
      <c r="H50258" s="1" t="s">
        <v>169922</v>
      </c>
      <c r="I50258" s="1" t="s">
        <v>169394</v>
      </c>
      <c r="J50258" s="1" t="s">
        <v>170016</v>
      </c>
    </row>
    <row r="50259" spans="1:10" x14ac:dyDescent="0.35">
      <c r="A50259" s="1" t="s">
        <v>3999</v>
      </c>
      <c r="B50259" s="1" t="s">
        <v>169390</v>
      </c>
      <c r="C50259" s="1" t="s">
        <v>165</v>
      </c>
      <c r="D50259" s="1" t="s">
        <v>42878</v>
      </c>
      <c r="E50259" s="1" t="s">
        <v>170017</v>
      </c>
      <c r="F50259" s="1" t="s">
        <v>170018</v>
      </c>
      <c r="G50259" s="1" t="s">
        <v>169921</v>
      </c>
      <c r="H50259" s="1" t="s">
        <v>169922</v>
      </c>
      <c r="I50259" s="1" t="s">
        <v>169394</v>
      </c>
      <c r="J50259" s="1" t="s">
        <v>170019</v>
      </c>
    </row>
    <row r="50260" spans="1:10" x14ac:dyDescent="0.35">
      <c r="A50260" s="1" t="s">
        <v>3999</v>
      </c>
      <c r="B50260" s="1" t="s">
        <v>169390</v>
      </c>
      <c r="C50260" s="1" t="s">
        <v>170</v>
      </c>
      <c r="D50260" s="1" t="s">
        <v>170020</v>
      </c>
      <c r="E50260" s="1" t="s">
        <v>170021</v>
      </c>
      <c r="F50260" s="1" t="s">
        <v>170022</v>
      </c>
      <c r="G50260" s="1" t="s">
        <v>169921</v>
      </c>
      <c r="H50260" s="1" t="s">
        <v>169922</v>
      </c>
      <c r="I50260" s="1" t="s">
        <v>169394</v>
      </c>
      <c r="J50260" s="1" t="s">
        <v>170023</v>
      </c>
    </row>
    <row r="50261" spans="1:10" x14ac:dyDescent="0.35">
      <c r="A50261" s="1" t="s">
        <v>45462</v>
      </c>
      <c r="B50261" s="1" t="s">
        <v>169390</v>
      </c>
      <c r="C50261" s="1" t="s">
        <v>8</v>
      </c>
      <c r="D50261" s="1" t="s">
        <v>104318</v>
      </c>
      <c r="E50261" s="1" t="s">
        <v>170024</v>
      </c>
      <c r="F50261" s="1" t="s">
        <v>170025</v>
      </c>
      <c r="G50261" s="1" t="s">
        <v>170026</v>
      </c>
      <c r="H50261" s="1" t="s">
        <v>170027</v>
      </c>
      <c r="I50261" s="1" t="s">
        <v>169394</v>
      </c>
      <c r="J50261" s="1" t="s">
        <v>13</v>
      </c>
    </row>
    <row r="50262" spans="1:10" x14ac:dyDescent="0.35">
      <c r="A50262" s="1" t="s">
        <v>45462</v>
      </c>
      <c r="B50262" s="1" t="s">
        <v>169390</v>
      </c>
      <c r="C50262" s="1" t="s">
        <v>15</v>
      </c>
      <c r="D50262" s="1" t="s">
        <v>120245</v>
      </c>
      <c r="E50262" s="1" t="s">
        <v>170028</v>
      </c>
      <c r="F50262" s="1" t="s">
        <v>170029</v>
      </c>
      <c r="G50262" s="1" t="s">
        <v>170026</v>
      </c>
      <c r="H50262" s="1" t="s">
        <v>170027</v>
      </c>
      <c r="I50262" s="1" t="s">
        <v>169394</v>
      </c>
      <c r="J50262" s="1" t="s">
        <v>170030</v>
      </c>
    </row>
    <row r="50263" spans="1:10" x14ac:dyDescent="0.35">
      <c r="A50263" s="1" t="s">
        <v>45462</v>
      </c>
      <c r="B50263" s="1" t="s">
        <v>169390</v>
      </c>
      <c r="C50263" s="1" t="s">
        <v>20</v>
      </c>
      <c r="D50263" s="1" t="s">
        <v>7567</v>
      </c>
      <c r="E50263" s="1" t="s">
        <v>170031</v>
      </c>
      <c r="F50263" s="1" t="s">
        <v>170032</v>
      </c>
      <c r="G50263" s="1" t="s">
        <v>170026</v>
      </c>
      <c r="H50263" s="1" t="s">
        <v>170027</v>
      </c>
      <c r="I50263" s="1" t="s">
        <v>169394</v>
      </c>
      <c r="J50263" s="1" t="s">
        <v>170033</v>
      </c>
    </row>
    <row r="50264" spans="1:10" x14ac:dyDescent="0.35">
      <c r="A50264" s="1" t="s">
        <v>45462</v>
      </c>
      <c r="B50264" s="1" t="s">
        <v>169390</v>
      </c>
      <c r="C50264" s="1" t="s">
        <v>25</v>
      </c>
      <c r="D50264" s="1" t="s">
        <v>46352</v>
      </c>
      <c r="E50264" s="1" t="s">
        <v>170034</v>
      </c>
      <c r="F50264" s="1" t="s">
        <v>170035</v>
      </c>
      <c r="G50264" s="1" t="s">
        <v>170026</v>
      </c>
      <c r="H50264" s="1" t="s">
        <v>170027</v>
      </c>
      <c r="I50264" s="1" t="s">
        <v>169394</v>
      </c>
      <c r="J50264" s="1" t="s">
        <v>170036</v>
      </c>
    </row>
    <row r="50265" spans="1:10" x14ac:dyDescent="0.35">
      <c r="A50265" s="1" t="s">
        <v>45462</v>
      </c>
      <c r="B50265" s="1" t="s">
        <v>169390</v>
      </c>
      <c r="C50265" s="1" t="s">
        <v>30</v>
      </c>
      <c r="D50265" s="1" t="s">
        <v>15583</v>
      </c>
      <c r="E50265" s="1" t="s">
        <v>170037</v>
      </c>
      <c r="F50265" s="1" t="s">
        <v>170038</v>
      </c>
      <c r="G50265" s="1" t="s">
        <v>170026</v>
      </c>
      <c r="H50265" s="1" t="s">
        <v>170027</v>
      </c>
      <c r="I50265" s="1" t="s">
        <v>169394</v>
      </c>
      <c r="J50265" s="1" t="s">
        <v>170039</v>
      </c>
    </row>
    <row r="50266" spans="1:10" x14ac:dyDescent="0.35">
      <c r="A50266" s="1" t="s">
        <v>45462</v>
      </c>
      <c r="B50266" s="1" t="s">
        <v>169390</v>
      </c>
      <c r="C50266" s="1" t="s">
        <v>35</v>
      </c>
      <c r="D50266" s="1" t="s">
        <v>1743</v>
      </c>
      <c r="E50266" s="1" t="s">
        <v>170040</v>
      </c>
      <c r="F50266" s="1" t="s">
        <v>170041</v>
      </c>
      <c r="G50266" s="1" t="s">
        <v>170026</v>
      </c>
      <c r="H50266" s="1" t="s">
        <v>170027</v>
      </c>
      <c r="I50266" s="1" t="s">
        <v>169394</v>
      </c>
      <c r="J50266" s="1" t="s">
        <v>170042</v>
      </c>
    </row>
    <row r="50267" spans="1:10" x14ac:dyDescent="0.35">
      <c r="A50267" s="1" t="s">
        <v>45462</v>
      </c>
      <c r="B50267" s="1" t="s">
        <v>169390</v>
      </c>
      <c r="C50267" s="1" t="s">
        <v>40</v>
      </c>
      <c r="D50267" s="1" t="s">
        <v>145264</v>
      </c>
      <c r="E50267" s="1" t="s">
        <v>170043</v>
      </c>
      <c r="F50267" s="1" t="s">
        <v>170044</v>
      </c>
      <c r="G50267" s="1" t="s">
        <v>170026</v>
      </c>
      <c r="H50267" s="1" t="s">
        <v>170027</v>
      </c>
      <c r="I50267" s="1" t="s">
        <v>169394</v>
      </c>
      <c r="J50267" s="1" t="s">
        <v>170045</v>
      </c>
    </row>
    <row r="50268" spans="1:10" x14ac:dyDescent="0.35">
      <c r="A50268" s="1" t="s">
        <v>45462</v>
      </c>
      <c r="B50268" s="1" t="s">
        <v>169390</v>
      </c>
      <c r="C50268" s="1" t="s">
        <v>45</v>
      </c>
      <c r="D50268" s="1" t="s">
        <v>142743</v>
      </c>
      <c r="E50268" s="1" t="s">
        <v>170046</v>
      </c>
      <c r="F50268" s="1" t="s">
        <v>170047</v>
      </c>
      <c r="G50268" s="1" t="s">
        <v>170026</v>
      </c>
      <c r="H50268" s="1" t="s">
        <v>170027</v>
      </c>
      <c r="I50268" s="1" t="s">
        <v>169394</v>
      </c>
      <c r="J50268" s="1" t="s">
        <v>170048</v>
      </c>
    </row>
    <row r="50269" spans="1:10" x14ac:dyDescent="0.35">
      <c r="A50269" s="1" t="s">
        <v>45462</v>
      </c>
      <c r="B50269" s="1" t="s">
        <v>169390</v>
      </c>
      <c r="C50269" s="1" t="s">
        <v>50</v>
      </c>
      <c r="D50269" s="1" t="s">
        <v>151584</v>
      </c>
      <c r="E50269" s="1" t="s">
        <v>170049</v>
      </c>
      <c r="F50269" s="1" t="s">
        <v>170050</v>
      </c>
      <c r="G50269" s="1" t="s">
        <v>170026</v>
      </c>
      <c r="H50269" s="1" t="s">
        <v>170027</v>
      </c>
      <c r="I50269" s="1" t="s">
        <v>169394</v>
      </c>
      <c r="J50269" s="1" t="s">
        <v>170051</v>
      </c>
    </row>
    <row r="50270" spans="1:10" x14ac:dyDescent="0.35">
      <c r="A50270" s="1" t="s">
        <v>45462</v>
      </c>
      <c r="B50270" s="1" t="s">
        <v>169390</v>
      </c>
      <c r="C50270" s="1" t="s">
        <v>55</v>
      </c>
      <c r="D50270" s="1" t="s">
        <v>104657</v>
      </c>
      <c r="E50270" s="1" t="s">
        <v>170052</v>
      </c>
      <c r="F50270" s="1" t="s">
        <v>170053</v>
      </c>
      <c r="G50270" s="1" t="s">
        <v>170026</v>
      </c>
      <c r="H50270" s="1" t="s">
        <v>170027</v>
      </c>
      <c r="I50270" s="1" t="s">
        <v>169394</v>
      </c>
      <c r="J50270" s="1" t="s">
        <v>170054</v>
      </c>
    </row>
    <row r="50271" spans="1:10" x14ac:dyDescent="0.35">
      <c r="A50271" s="1" t="s">
        <v>45462</v>
      </c>
      <c r="B50271" s="1" t="s">
        <v>169390</v>
      </c>
      <c r="C50271" s="1" t="s">
        <v>60</v>
      </c>
      <c r="D50271" s="1" t="s">
        <v>9702</v>
      </c>
      <c r="E50271" s="1" t="s">
        <v>170055</v>
      </c>
      <c r="F50271" s="1" t="s">
        <v>170056</v>
      </c>
      <c r="G50271" s="1" t="s">
        <v>170026</v>
      </c>
      <c r="H50271" s="1" t="s">
        <v>170027</v>
      </c>
      <c r="I50271" s="1" t="s">
        <v>169394</v>
      </c>
      <c r="J50271" s="1" t="s">
        <v>170057</v>
      </c>
    </row>
    <row r="50272" spans="1:10" x14ac:dyDescent="0.35">
      <c r="A50272" s="1" t="s">
        <v>45462</v>
      </c>
      <c r="B50272" s="1" t="s">
        <v>169390</v>
      </c>
      <c r="C50272" s="1" t="s">
        <v>65</v>
      </c>
      <c r="D50272" s="1" t="s">
        <v>170058</v>
      </c>
      <c r="E50272" s="1" t="s">
        <v>170059</v>
      </c>
      <c r="F50272" s="1" t="s">
        <v>170060</v>
      </c>
      <c r="G50272" s="1" t="s">
        <v>170026</v>
      </c>
      <c r="H50272" s="1" t="s">
        <v>170027</v>
      </c>
      <c r="I50272" s="1" t="s">
        <v>169394</v>
      </c>
      <c r="J50272" s="1" t="s">
        <v>170061</v>
      </c>
    </row>
    <row r="50273" spans="1:10" x14ac:dyDescent="0.35">
      <c r="A50273" s="1" t="s">
        <v>45462</v>
      </c>
      <c r="B50273" s="1" t="s">
        <v>169390</v>
      </c>
      <c r="C50273" s="1" t="s">
        <v>70</v>
      </c>
      <c r="D50273" s="1" t="s">
        <v>7503</v>
      </c>
      <c r="E50273" s="1" t="s">
        <v>170062</v>
      </c>
      <c r="F50273" s="1" t="s">
        <v>170063</v>
      </c>
      <c r="G50273" s="1" t="s">
        <v>170026</v>
      </c>
      <c r="H50273" s="1" t="s">
        <v>170027</v>
      </c>
      <c r="I50273" s="1" t="s">
        <v>169394</v>
      </c>
      <c r="J50273" s="1" t="s">
        <v>170064</v>
      </c>
    </row>
    <row r="50274" spans="1:10" x14ac:dyDescent="0.35">
      <c r="A50274" s="1" t="s">
        <v>45462</v>
      </c>
      <c r="B50274" s="1" t="s">
        <v>169390</v>
      </c>
      <c r="C50274" s="1" t="s">
        <v>75</v>
      </c>
      <c r="D50274" s="1" t="s">
        <v>2901</v>
      </c>
      <c r="E50274" s="1" t="s">
        <v>170065</v>
      </c>
      <c r="F50274" s="1" t="s">
        <v>170066</v>
      </c>
      <c r="G50274" s="1" t="s">
        <v>170026</v>
      </c>
      <c r="H50274" s="1" t="s">
        <v>170027</v>
      </c>
      <c r="I50274" s="1" t="s">
        <v>169394</v>
      </c>
      <c r="J50274" s="1" t="s">
        <v>170067</v>
      </c>
    </row>
    <row r="50275" spans="1:10" x14ac:dyDescent="0.35">
      <c r="A50275" s="1" t="s">
        <v>45462</v>
      </c>
      <c r="B50275" s="1" t="s">
        <v>169390</v>
      </c>
      <c r="C50275" s="1" t="s">
        <v>80</v>
      </c>
      <c r="D50275" s="1" t="s">
        <v>170068</v>
      </c>
      <c r="E50275" s="1" t="s">
        <v>170069</v>
      </c>
      <c r="F50275" s="1" t="s">
        <v>170070</v>
      </c>
      <c r="G50275" s="1" t="s">
        <v>170026</v>
      </c>
      <c r="H50275" s="1" t="s">
        <v>170027</v>
      </c>
      <c r="I50275" s="1" t="s">
        <v>169394</v>
      </c>
      <c r="J50275" s="1" t="s">
        <v>170071</v>
      </c>
    </row>
    <row r="50276" spans="1:10" x14ac:dyDescent="0.35">
      <c r="A50276" s="1" t="s">
        <v>45462</v>
      </c>
      <c r="B50276" s="1" t="s">
        <v>169390</v>
      </c>
      <c r="C50276" s="1" t="s">
        <v>85</v>
      </c>
      <c r="D50276" s="1" t="s">
        <v>116370</v>
      </c>
      <c r="E50276" s="1" t="s">
        <v>170072</v>
      </c>
      <c r="F50276" s="1" t="s">
        <v>170073</v>
      </c>
      <c r="G50276" s="1" t="s">
        <v>170026</v>
      </c>
      <c r="H50276" s="1" t="s">
        <v>170027</v>
      </c>
      <c r="I50276" s="1" t="s">
        <v>169394</v>
      </c>
      <c r="J50276" s="1" t="s">
        <v>170074</v>
      </c>
    </row>
    <row r="50277" spans="1:10" x14ac:dyDescent="0.35">
      <c r="A50277" s="1" t="s">
        <v>45462</v>
      </c>
      <c r="B50277" s="1" t="s">
        <v>169390</v>
      </c>
      <c r="C50277" s="1" t="s">
        <v>90</v>
      </c>
      <c r="D50277" s="1" t="s">
        <v>2288</v>
      </c>
      <c r="E50277" s="1" t="s">
        <v>170075</v>
      </c>
      <c r="F50277" s="1" t="s">
        <v>170076</v>
      </c>
      <c r="G50277" s="1" t="s">
        <v>170026</v>
      </c>
      <c r="H50277" s="1" t="s">
        <v>170027</v>
      </c>
      <c r="I50277" s="1" t="s">
        <v>169394</v>
      </c>
      <c r="J50277" s="1" t="s">
        <v>170077</v>
      </c>
    </row>
    <row r="50278" spans="1:10" x14ac:dyDescent="0.35">
      <c r="A50278" s="1" t="s">
        <v>45462</v>
      </c>
      <c r="B50278" s="1" t="s">
        <v>169390</v>
      </c>
      <c r="C50278" s="1" t="s">
        <v>95</v>
      </c>
      <c r="D50278" s="1" t="s">
        <v>121922</v>
      </c>
      <c r="E50278" s="1" t="s">
        <v>170078</v>
      </c>
      <c r="F50278" s="1" t="s">
        <v>170079</v>
      </c>
      <c r="G50278" s="1" t="s">
        <v>170026</v>
      </c>
      <c r="H50278" s="1" t="s">
        <v>170027</v>
      </c>
      <c r="I50278" s="1" t="s">
        <v>169394</v>
      </c>
      <c r="J50278" s="1" t="s">
        <v>170080</v>
      </c>
    </row>
    <row r="50279" spans="1:10" x14ac:dyDescent="0.35">
      <c r="A50279" s="1" t="s">
        <v>45462</v>
      </c>
      <c r="B50279" s="1" t="s">
        <v>169390</v>
      </c>
      <c r="C50279" s="1" t="s">
        <v>100</v>
      </c>
      <c r="D50279" s="1" t="s">
        <v>170081</v>
      </c>
      <c r="E50279" s="1" t="s">
        <v>170082</v>
      </c>
      <c r="F50279" s="1" t="s">
        <v>170083</v>
      </c>
      <c r="G50279" s="1" t="s">
        <v>170026</v>
      </c>
      <c r="H50279" s="1" t="s">
        <v>170027</v>
      </c>
      <c r="I50279" s="1" t="s">
        <v>169394</v>
      </c>
      <c r="J50279" s="1" t="s">
        <v>170084</v>
      </c>
    </row>
    <row r="50280" spans="1:10" x14ac:dyDescent="0.35">
      <c r="A50280" s="1" t="s">
        <v>45462</v>
      </c>
      <c r="B50280" s="1" t="s">
        <v>169390</v>
      </c>
      <c r="C50280" s="1" t="s">
        <v>105</v>
      </c>
      <c r="D50280" s="1" t="s">
        <v>45280</v>
      </c>
      <c r="E50280" s="1" t="s">
        <v>170085</v>
      </c>
      <c r="F50280" s="1" t="s">
        <v>170086</v>
      </c>
      <c r="G50280" s="1" t="s">
        <v>170026</v>
      </c>
      <c r="H50280" s="1" t="s">
        <v>170027</v>
      </c>
      <c r="I50280" s="1" t="s">
        <v>169394</v>
      </c>
      <c r="J50280" s="1" t="s">
        <v>170087</v>
      </c>
    </row>
    <row r="50281" spans="1:10" x14ac:dyDescent="0.35">
      <c r="A50281" s="1" t="s">
        <v>45462</v>
      </c>
      <c r="B50281" s="1" t="s">
        <v>169390</v>
      </c>
      <c r="C50281" s="1" t="s">
        <v>110</v>
      </c>
      <c r="D50281" s="1" t="s">
        <v>28332</v>
      </c>
      <c r="E50281" s="1" t="s">
        <v>170088</v>
      </c>
      <c r="F50281" s="1" t="s">
        <v>170089</v>
      </c>
      <c r="G50281" s="1" t="s">
        <v>170026</v>
      </c>
      <c r="H50281" s="1" t="s">
        <v>170027</v>
      </c>
      <c r="I50281" s="1" t="s">
        <v>169394</v>
      </c>
      <c r="J50281" s="1" t="s">
        <v>170090</v>
      </c>
    </row>
    <row r="50282" spans="1:10" x14ac:dyDescent="0.35">
      <c r="A50282" s="1" t="s">
        <v>45462</v>
      </c>
      <c r="B50282" s="1" t="s">
        <v>169390</v>
      </c>
      <c r="C50282" s="1" t="s">
        <v>115</v>
      </c>
      <c r="D50282" s="1" t="s">
        <v>170091</v>
      </c>
      <c r="E50282" s="1" t="s">
        <v>170092</v>
      </c>
      <c r="F50282" s="1" t="s">
        <v>170093</v>
      </c>
      <c r="G50282" s="1" t="s">
        <v>170026</v>
      </c>
      <c r="H50282" s="1" t="s">
        <v>170027</v>
      </c>
      <c r="I50282" s="1" t="s">
        <v>169394</v>
      </c>
      <c r="J50282" s="1" t="s">
        <v>170094</v>
      </c>
    </row>
    <row r="50283" spans="1:10" x14ac:dyDescent="0.35">
      <c r="A50283" s="1" t="s">
        <v>45462</v>
      </c>
      <c r="B50283" s="1" t="s">
        <v>169390</v>
      </c>
      <c r="C50283" s="1" t="s">
        <v>120</v>
      </c>
      <c r="D50283" s="1" t="s">
        <v>33477</v>
      </c>
      <c r="E50283" s="1" t="s">
        <v>170095</v>
      </c>
      <c r="F50283" s="1" t="s">
        <v>170096</v>
      </c>
      <c r="G50283" s="1" t="s">
        <v>170026</v>
      </c>
      <c r="H50283" s="1" t="s">
        <v>170027</v>
      </c>
      <c r="I50283" s="1" t="s">
        <v>169394</v>
      </c>
      <c r="J50283" s="1" t="s">
        <v>170097</v>
      </c>
    </row>
    <row r="50284" spans="1:10" x14ac:dyDescent="0.35">
      <c r="A50284" s="1" t="s">
        <v>45462</v>
      </c>
      <c r="B50284" s="1" t="s">
        <v>169390</v>
      </c>
      <c r="C50284" s="1" t="s">
        <v>125</v>
      </c>
      <c r="D50284" s="1" t="s">
        <v>31782</v>
      </c>
      <c r="E50284" s="1" t="s">
        <v>170098</v>
      </c>
      <c r="F50284" s="1" t="s">
        <v>170099</v>
      </c>
      <c r="G50284" s="1" t="s">
        <v>170026</v>
      </c>
      <c r="H50284" s="1" t="s">
        <v>170027</v>
      </c>
      <c r="I50284" s="1" t="s">
        <v>169394</v>
      </c>
      <c r="J50284" s="1" t="s">
        <v>170100</v>
      </c>
    </row>
    <row r="50285" spans="1:10" x14ac:dyDescent="0.35">
      <c r="A50285" s="1" t="s">
        <v>45462</v>
      </c>
      <c r="B50285" s="1" t="s">
        <v>169390</v>
      </c>
      <c r="C50285" s="1" t="s">
        <v>130</v>
      </c>
      <c r="D50285" s="1" t="s">
        <v>170101</v>
      </c>
      <c r="E50285" s="1" t="s">
        <v>170102</v>
      </c>
      <c r="F50285" s="1" t="s">
        <v>170103</v>
      </c>
      <c r="G50285" s="1" t="s">
        <v>170026</v>
      </c>
      <c r="H50285" s="1" t="s">
        <v>170027</v>
      </c>
      <c r="I50285" s="1" t="s">
        <v>169394</v>
      </c>
      <c r="J50285" s="1" t="s">
        <v>170104</v>
      </c>
    </row>
    <row r="50286" spans="1:10" x14ac:dyDescent="0.35">
      <c r="A50286" s="1" t="s">
        <v>45462</v>
      </c>
      <c r="B50286" s="1" t="s">
        <v>169390</v>
      </c>
      <c r="C50286" s="1" t="s">
        <v>135</v>
      </c>
      <c r="D50286" s="1" t="s">
        <v>86</v>
      </c>
      <c r="E50286" s="1" t="s">
        <v>170105</v>
      </c>
      <c r="F50286" s="1" t="s">
        <v>170106</v>
      </c>
      <c r="G50286" s="1" t="s">
        <v>170026</v>
      </c>
      <c r="H50286" s="1" t="s">
        <v>170027</v>
      </c>
      <c r="I50286" s="1" t="s">
        <v>169394</v>
      </c>
      <c r="J50286" s="1" t="s">
        <v>170107</v>
      </c>
    </row>
    <row r="50287" spans="1:10" x14ac:dyDescent="0.35">
      <c r="A50287" s="1" t="s">
        <v>45462</v>
      </c>
      <c r="B50287" s="1" t="s">
        <v>169390</v>
      </c>
      <c r="C50287" s="1" t="s">
        <v>140</v>
      </c>
      <c r="D50287" s="1" t="s">
        <v>9414</v>
      </c>
      <c r="E50287" s="1" t="s">
        <v>170108</v>
      </c>
      <c r="F50287" s="1" t="s">
        <v>170109</v>
      </c>
      <c r="G50287" s="1" t="s">
        <v>170026</v>
      </c>
      <c r="H50287" s="1" t="s">
        <v>170027</v>
      </c>
      <c r="I50287" s="1" t="s">
        <v>169394</v>
      </c>
      <c r="J50287" s="1" t="s">
        <v>170110</v>
      </c>
    </row>
    <row r="50288" spans="1:10" x14ac:dyDescent="0.35">
      <c r="A50288" s="1" t="s">
        <v>45462</v>
      </c>
      <c r="B50288" s="1" t="s">
        <v>169390</v>
      </c>
      <c r="C50288" s="1" t="s">
        <v>145</v>
      </c>
      <c r="D50288" s="1" t="s">
        <v>19814</v>
      </c>
      <c r="E50288" s="1" t="s">
        <v>170111</v>
      </c>
      <c r="F50288" s="1" t="s">
        <v>170112</v>
      </c>
      <c r="G50288" s="1" t="s">
        <v>170026</v>
      </c>
      <c r="H50288" s="1" t="s">
        <v>170027</v>
      </c>
      <c r="I50288" s="1" t="s">
        <v>169394</v>
      </c>
      <c r="J50288" s="1" t="s">
        <v>170113</v>
      </c>
    </row>
    <row r="50289" spans="1:10" x14ac:dyDescent="0.35">
      <c r="A50289" s="1" t="s">
        <v>45462</v>
      </c>
      <c r="B50289" s="1" t="s">
        <v>169390</v>
      </c>
      <c r="C50289" s="1" t="s">
        <v>150</v>
      </c>
      <c r="D50289" s="1" t="s">
        <v>32179</v>
      </c>
      <c r="E50289" s="1" t="s">
        <v>170114</v>
      </c>
      <c r="F50289" s="1" t="s">
        <v>170115</v>
      </c>
      <c r="G50289" s="1" t="s">
        <v>170026</v>
      </c>
      <c r="H50289" s="1" t="s">
        <v>170027</v>
      </c>
      <c r="I50289" s="1" t="s">
        <v>169394</v>
      </c>
      <c r="J50289" s="1" t="s">
        <v>170116</v>
      </c>
    </row>
    <row r="50290" spans="1:10" x14ac:dyDescent="0.35">
      <c r="A50290" s="1" t="s">
        <v>45462</v>
      </c>
      <c r="B50290" s="1" t="s">
        <v>169390</v>
      </c>
      <c r="C50290" s="1" t="s">
        <v>155</v>
      </c>
      <c r="D50290" s="1" t="s">
        <v>33592</v>
      </c>
      <c r="E50290" s="1" t="s">
        <v>170117</v>
      </c>
      <c r="F50290" s="1" t="s">
        <v>170118</v>
      </c>
      <c r="G50290" s="1" t="s">
        <v>170026</v>
      </c>
      <c r="H50290" s="1" t="s">
        <v>170027</v>
      </c>
      <c r="I50290" s="1" t="s">
        <v>169394</v>
      </c>
      <c r="J50290" s="1" t="s">
        <v>170119</v>
      </c>
    </row>
    <row r="50291" spans="1:10" x14ac:dyDescent="0.35">
      <c r="A50291" s="1" t="s">
        <v>45462</v>
      </c>
      <c r="B50291" s="1" t="s">
        <v>169390</v>
      </c>
      <c r="C50291" s="1" t="s">
        <v>160</v>
      </c>
      <c r="D50291" s="1" t="s">
        <v>17389</v>
      </c>
      <c r="E50291" s="1" t="s">
        <v>170120</v>
      </c>
      <c r="F50291" s="1" t="s">
        <v>170121</v>
      </c>
      <c r="G50291" s="1" t="s">
        <v>170026</v>
      </c>
      <c r="H50291" s="1" t="s">
        <v>170027</v>
      </c>
      <c r="I50291" s="1" t="s">
        <v>169394</v>
      </c>
      <c r="J50291" s="1" t="s">
        <v>170122</v>
      </c>
    </row>
    <row r="50292" spans="1:10" x14ac:dyDescent="0.35">
      <c r="A50292" s="1" t="s">
        <v>45462</v>
      </c>
      <c r="B50292" s="1" t="s">
        <v>169390</v>
      </c>
      <c r="C50292" s="1" t="s">
        <v>165</v>
      </c>
      <c r="D50292" s="1" t="s">
        <v>170123</v>
      </c>
      <c r="E50292" s="1" t="s">
        <v>170124</v>
      </c>
      <c r="F50292" s="1" t="s">
        <v>170125</v>
      </c>
      <c r="G50292" s="1" t="s">
        <v>170026</v>
      </c>
      <c r="H50292" s="1" t="s">
        <v>170027</v>
      </c>
      <c r="I50292" s="1" t="s">
        <v>169394</v>
      </c>
      <c r="J50292" s="1" t="s">
        <v>170126</v>
      </c>
    </row>
    <row r="50293" spans="1:10" x14ac:dyDescent="0.35">
      <c r="A50293" s="1" t="s">
        <v>45462</v>
      </c>
      <c r="B50293" s="1" t="s">
        <v>169390</v>
      </c>
      <c r="C50293" s="1" t="s">
        <v>170</v>
      </c>
      <c r="D50293" s="1" t="s">
        <v>73357</v>
      </c>
      <c r="E50293" s="1" t="s">
        <v>170127</v>
      </c>
      <c r="F50293" s="1" t="s">
        <v>170128</v>
      </c>
      <c r="G50293" s="1" t="s">
        <v>170026</v>
      </c>
      <c r="H50293" s="1" t="s">
        <v>170027</v>
      </c>
      <c r="I50293" s="1" t="s">
        <v>169394</v>
      </c>
      <c r="J50293" s="1" t="s">
        <v>170129</v>
      </c>
    </row>
    <row r="50294" spans="1:10" x14ac:dyDescent="0.35">
      <c r="A50294" s="1" t="s">
        <v>5479</v>
      </c>
      <c r="B50294" s="1" t="s">
        <v>169390</v>
      </c>
      <c r="C50294" s="1" t="s">
        <v>8</v>
      </c>
      <c r="D50294" s="1" t="s">
        <v>119280</v>
      </c>
      <c r="E50294" s="1" t="s">
        <v>170130</v>
      </c>
      <c r="F50294" s="1" t="s">
        <v>170131</v>
      </c>
      <c r="G50294" s="1" t="s">
        <v>170132</v>
      </c>
      <c r="H50294" s="1" t="s">
        <v>170133</v>
      </c>
      <c r="I50294" s="1" t="s">
        <v>169394</v>
      </c>
      <c r="J50294" s="1" t="s">
        <v>13</v>
      </c>
    </row>
    <row r="50295" spans="1:10" x14ac:dyDescent="0.35">
      <c r="A50295" s="1" t="s">
        <v>5479</v>
      </c>
      <c r="B50295" s="1" t="s">
        <v>169390</v>
      </c>
      <c r="C50295" s="1" t="s">
        <v>15</v>
      </c>
      <c r="D50295" s="1" t="s">
        <v>170134</v>
      </c>
      <c r="E50295" s="1" t="s">
        <v>170135</v>
      </c>
      <c r="F50295" s="1" t="s">
        <v>170136</v>
      </c>
      <c r="G50295" s="1" t="s">
        <v>170132</v>
      </c>
      <c r="H50295" s="1" t="s">
        <v>170133</v>
      </c>
      <c r="I50295" s="1" t="s">
        <v>169394</v>
      </c>
      <c r="J50295" s="1" t="s">
        <v>170137</v>
      </c>
    </row>
    <row r="50296" spans="1:10" x14ac:dyDescent="0.35">
      <c r="A50296" s="1" t="s">
        <v>5479</v>
      </c>
      <c r="B50296" s="1" t="s">
        <v>169390</v>
      </c>
      <c r="C50296" s="1" t="s">
        <v>20</v>
      </c>
      <c r="D50296" s="1" t="s">
        <v>110648</v>
      </c>
      <c r="E50296" s="1" t="s">
        <v>170138</v>
      </c>
      <c r="F50296" s="1" t="s">
        <v>170139</v>
      </c>
      <c r="G50296" s="1" t="s">
        <v>170132</v>
      </c>
      <c r="H50296" s="1" t="s">
        <v>170133</v>
      </c>
      <c r="I50296" s="1" t="s">
        <v>169394</v>
      </c>
      <c r="J50296" s="1" t="s">
        <v>170140</v>
      </c>
    </row>
    <row r="50297" spans="1:10" x14ac:dyDescent="0.35">
      <c r="A50297" s="1" t="s">
        <v>5479</v>
      </c>
      <c r="B50297" s="1" t="s">
        <v>169390</v>
      </c>
      <c r="C50297" s="1" t="s">
        <v>25</v>
      </c>
      <c r="D50297" s="1" t="s">
        <v>14146</v>
      </c>
      <c r="E50297" s="1" t="s">
        <v>170141</v>
      </c>
      <c r="F50297" s="1" t="s">
        <v>170142</v>
      </c>
      <c r="G50297" s="1" t="s">
        <v>170132</v>
      </c>
      <c r="H50297" s="1" t="s">
        <v>170133</v>
      </c>
      <c r="I50297" s="1" t="s">
        <v>169394</v>
      </c>
      <c r="J50297" s="1" t="s">
        <v>170143</v>
      </c>
    </row>
    <row r="50298" spans="1:10" x14ac:dyDescent="0.35">
      <c r="A50298" s="1" t="s">
        <v>5479</v>
      </c>
      <c r="B50298" s="1" t="s">
        <v>169390</v>
      </c>
      <c r="C50298" s="1" t="s">
        <v>30</v>
      </c>
      <c r="D50298" s="1" t="s">
        <v>157385</v>
      </c>
      <c r="E50298" s="1" t="s">
        <v>170144</v>
      </c>
      <c r="F50298" s="1" t="s">
        <v>170145</v>
      </c>
      <c r="G50298" s="1" t="s">
        <v>170132</v>
      </c>
      <c r="H50298" s="1" t="s">
        <v>170133</v>
      </c>
      <c r="I50298" s="1" t="s">
        <v>169394</v>
      </c>
      <c r="J50298" s="1" t="s">
        <v>170146</v>
      </c>
    </row>
    <row r="50299" spans="1:10" x14ac:dyDescent="0.35">
      <c r="A50299" s="1" t="s">
        <v>5479</v>
      </c>
      <c r="B50299" s="1" t="s">
        <v>169390</v>
      </c>
      <c r="C50299" s="1" t="s">
        <v>35</v>
      </c>
      <c r="D50299" s="1" t="s">
        <v>117376</v>
      </c>
      <c r="E50299" s="1" t="s">
        <v>170147</v>
      </c>
      <c r="F50299" s="1" t="s">
        <v>170148</v>
      </c>
      <c r="G50299" s="1" t="s">
        <v>170132</v>
      </c>
      <c r="H50299" s="1" t="s">
        <v>170133</v>
      </c>
      <c r="I50299" s="1" t="s">
        <v>169394</v>
      </c>
      <c r="J50299" s="1" t="s">
        <v>170149</v>
      </c>
    </row>
    <row r="50300" spans="1:10" x14ac:dyDescent="0.35">
      <c r="A50300" s="1" t="s">
        <v>5479</v>
      </c>
      <c r="B50300" s="1" t="s">
        <v>169390</v>
      </c>
      <c r="C50300" s="1" t="s">
        <v>40</v>
      </c>
      <c r="D50300" s="1" t="s">
        <v>36670</v>
      </c>
      <c r="E50300" s="1" t="s">
        <v>170150</v>
      </c>
      <c r="F50300" s="1" t="s">
        <v>170151</v>
      </c>
      <c r="G50300" s="1" t="s">
        <v>170132</v>
      </c>
      <c r="H50300" s="1" t="s">
        <v>170133</v>
      </c>
      <c r="I50300" s="1" t="s">
        <v>169394</v>
      </c>
      <c r="J50300" s="1" t="s">
        <v>170152</v>
      </c>
    </row>
    <row r="50301" spans="1:10" x14ac:dyDescent="0.35">
      <c r="A50301" s="1" t="s">
        <v>5479</v>
      </c>
      <c r="B50301" s="1" t="s">
        <v>169390</v>
      </c>
      <c r="C50301" s="1" t="s">
        <v>45</v>
      </c>
      <c r="D50301" s="1" t="s">
        <v>10319</v>
      </c>
      <c r="E50301" s="1" t="s">
        <v>170153</v>
      </c>
      <c r="F50301" s="1" t="s">
        <v>170154</v>
      </c>
      <c r="G50301" s="1" t="s">
        <v>170132</v>
      </c>
      <c r="H50301" s="1" t="s">
        <v>170133</v>
      </c>
      <c r="I50301" s="1" t="s">
        <v>169394</v>
      </c>
      <c r="J50301" s="1" t="s">
        <v>170155</v>
      </c>
    </row>
    <row r="50302" spans="1:10" x14ac:dyDescent="0.35">
      <c r="A50302" s="1" t="s">
        <v>5479</v>
      </c>
      <c r="B50302" s="1" t="s">
        <v>169390</v>
      </c>
      <c r="C50302" s="1" t="s">
        <v>50</v>
      </c>
      <c r="D50302" s="1" t="s">
        <v>10987</v>
      </c>
      <c r="E50302" s="1" t="s">
        <v>170156</v>
      </c>
      <c r="F50302" s="1" t="s">
        <v>170157</v>
      </c>
      <c r="G50302" s="1" t="s">
        <v>170132</v>
      </c>
      <c r="H50302" s="1" t="s">
        <v>170133</v>
      </c>
      <c r="I50302" s="1" t="s">
        <v>169394</v>
      </c>
      <c r="J50302" s="1" t="s">
        <v>170158</v>
      </c>
    </row>
    <row r="50303" spans="1:10" x14ac:dyDescent="0.35">
      <c r="A50303" s="1" t="s">
        <v>5479</v>
      </c>
      <c r="B50303" s="1" t="s">
        <v>169390</v>
      </c>
      <c r="C50303" s="1" t="s">
        <v>55</v>
      </c>
      <c r="D50303" s="1" t="s">
        <v>30060</v>
      </c>
      <c r="E50303" s="1" t="s">
        <v>170159</v>
      </c>
      <c r="F50303" s="1" t="s">
        <v>170160</v>
      </c>
      <c r="G50303" s="1" t="s">
        <v>170132</v>
      </c>
      <c r="H50303" s="1" t="s">
        <v>170133</v>
      </c>
      <c r="I50303" s="1" t="s">
        <v>169394</v>
      </c>
      <c r="J50303" s="1" t="s">
        <v>170161</v>
      </c>
    </row>
    <row r="50304" spans="1:10" x14ac:dyDescent="0.35">
      <c r="A50304" s="1" t="s">
        <v>5479</v>
      </c>
      <c r="B50304" s="1" t="s">
        <v>169390</v>
      </c>
      <c r="C50304" s="1" t="s">
        <v>60</v>
      </c>
      <c r="D50304" s="1" t="s">
        <v>9013</v>
      </c>
      <c r="E50304" s="1" t="s">
        <v>170162</v>
      </c>
      <c r="F50304" s="1" t="s">
        <v>170163</v>
      </c>
      <c r="G50304" s="1" t="s">
        <v>170132</v>
      </c>
      <c r="H50304" s="1" t="s">
        <v>170133</v>
      </c>
      <c r="I50304" s="1" t="s">
        <v>169394</v>
      </c>
      <c r="J50304" s="1" t="s">
        <v>170164</v>
      </c>
    </row>
    <row r="50305" spans="1:10" x14ac:dyDescent="0.35">
      <c r="A50305" s="1" t="s">
        <v>5479</v>
      </c>
      <c r="B50305" s="1" t="s">
        <v>169390</v>
      </c>
      <c r="C50305" s="1" t="s">
        <v>65</v>
      </c>
      <c r="D50305" s="1" t="s">
        <v>142888</v>
      </c>
      <c r="E50305" s="1" t="s">
        <v>170165</v>
      </c>
      <c r="F50305" s="1" t="s">
        <v>170166</v>
      </c>
      <c r="G50305" s="1" t="s">
        <v>170132</v>
      </c>
      <c r="H50305" s="1" t="s">
        <v>170133</v>
      </c>
      <c r="I50305" s="1" t="s">
        <v>169394</v>
      </c>
      <c r="J50305" s="1" t="s">
        <v>170167</v>
      </c>
    </row>
    <row r="50306" spans="1:10" x14ac:dyDescent="0.35">
      <c r="A50306" s="1" t="s">
        <v>5479</v>
      </c>
      <c r="B50306" s="1" t="s">
        <v>169390</v>
      </c>
      <c r="C50306" s="1" t="s">
        <v>70</v>
      </c>
      <c r="D50306" s="1" t="s">
        <v>29114</v>
      </c>
      <c r="E50306" s="1" t="s">
        <v>170168</v>
      </c>
      <c r="F50306" s="1" t="s">
        <v>170169</v>
      </c>
      <c r="G50306" s="1" t="s">
        <v>170132</v>
      </c>
      <c r="H50306" s="1" t="s">
        <v>170133</v>
      </c>
      <c r="I50306" s="1" t="s">
        <v>169394</v>
      </c>
      <c r="J50306" s="1" t="s">
        <v>170170</v>
      </c>
    </row>
    <row r="50307" spans="1:10" x14ac:dyDescent="0.35">
      <c r="A50307" s="1" t="s">
        <v>5479</v>
      </c>
      <c r="B50307" s="1" t="s">
        <v>169390</v>
      </c>
      <c r="C50307" s="1" t="s">
        <v>75</v>
      </c>
      <c r="D50307" s="1" t="s">
        <v>142888</v>
      </c>
      <c r="E50307" s="1" t="s">
        <v>170171</v>
      </c>
      <c r="F50307" s="1" t="s">
        <v>170172</v>
      </c>
      <c r="G50307" s="1" t="s">
        <v>170132</v>
      </c>
      <c r="H50307" s="1" t="s">
        <v>170133</v>
      </c>
      <c r="I50307" s="1" t="s">
        <v>169394</v>
      </c>
      <c r="J50307" s="1" t="s">
        <v>170173</v>
      </c>
    </row>
    <row r="50308" spans="1:10" x14ac:dyDescent="0.35">
      <c r="A50308" s="1" t="s">
        <v>5479</v>
      </c>
      <c r="B50308" s="1" t="s">
        <v>169390</v>
      </c>
      <c r="C50308" s="1" t="s">
        <v>80</v>
      </c>
      <c r="D50308" s="1" t="s">
        <v>144250</v>
      </c>
      <c r="E50308" s="1" t="s">
        <v>170174</v>
      </c>
      <c r="F50308" s="1" t="s">
        <v>170175</v>
      </c>
      <c r="G50308" s="1" t="s">
        <v>170132</v>
      </c>
      <c r="H50308" s="1" t="s">
        <v>170133</v>
      </c>
      <c r="I50308" s="1" t="s">
        <v>169394</v>
      </c>
      <c r="J50308" s="1" t="s">
        <v>170176</v>
      </c>
    </row>
    <row r="50309" spans="1:10" x14ac:dyDescent="0.35">
      <c r="A50309" s="1" t="s">
        <v>5479</v>
      </c>
      <c r="B50309" s="1" t="s">
        <v>169390</v>
      </c>
      <c r="C50309" s="1" t="s">
        <v>85</v>
      </c>
      <c r="D50309" s="1" t="s">
        <v>34052</v>
      </c>
      <c r="E50309" s="1" t="s">
        <v>170177</v>
      </c>
      <c r="F50309" s="1" t="s">
        <v>170178</v>
      </c>
      <c r="G50309" s="1" t="s">
        <v>170132</v>
      </c>
      <c r="H50309" s="1" t="s">
        <v>170133</v>
      </c>
      <c r="I50309" s="1" t="s">
        <v>169394</v>
      </c>
      <c r="J50309" s="1" t="s">
        <v>170179</v>
      </c>
    </row>
    <row r="50310" spans="1:10" x14ac:dyDescent="0.35">
      <c r="A50310" s="1" t="s">
        <v>5479</v>
      </c>
      <c r="B50310" s="1" t="s">
        <v>169390</v>
      </c>
      <c r="C50310" s="1" t="s">
        <v>90</v>
      </c>
      <c r="D50310" s="1" t="s">
        <v>157107</v>
      </c>
      <c r="E50310" s="1" t="s">
        <v>170180</v>
      </c>
      <c r="F50310" s="1" t="s">
        <v>170181</v>
      </c>
      <c r="G50310" s="1" t="s">
        <v>170132</v>
      </c>
      <c r="H50310" s="1" t="s">
        <v>170133</v>
      </c>
      <c r="I50310" s="1" t="s">
        <v>169394</v>
      </c>
      <c r="J50310" s="1" t="s">
        <v>170182</v>
      </c>
    </row>
    <row r="50311" spans="1:10" x14ac:dyDescent="0.35">
      <c r="A50311" s="1" t="s">
        <v>5479</v>
      </c>
      <c r="B50311" s="1" t="s">
        <v>169390</v>
      </c>
      <c r="C50311" s="1" t="s">
        <v>95</v>
      </c>
      <c r="D50311" s="1" t="s">
        <v>170183</v>
      </c>
      <c r="E50311" s="1" t="s">
        <v>170184</v>
      </c>
      <c r="F50311" s="1" t="s">
        <v>170185</v>
      </c>
      <c r="G50311" s="1" t="s">
        <v>170132</v>
      </c>
      <c r="H50311" s="1" t="s">
        <v>170133</v>
      </c>
      <c r="I50311" s="1" t="s">
        <v>169394</v>
      </c>
      <c r="J50311" s="1" t="s">
        <v>170186</v>
      </c>
    </row>
    <row r="50312" spans="1:10" x14ac:dyDescent="0.35">
      <c r="A50312" s="1" t="s">
        <v>5479</v>
      </c>
      <c r="B50312" s="1" t="s">
        <v>169390</v>
      </c>
      <c r="C50312" s="1" t="s">
        <v>100</v>
      </c>
      <c r="D50312" s="1" t="s">
        <v>29227</v>
      </c>
      <c r="E50312" s="1" t="s">
        <v>170187</v>
      </c>
      <c r="F50312" s="1" t="s">
        <v>170188</v>
      </c>
      <c r="G50312" s="1" t="s">
        <v>170132</v>
      </c>
      <c r="H50312" s="1" t="s">
        <v>170133</v>
      </c>
      <c r="I50312" s="1" t="s">
        <v>169394</v>
      </c>
      <c r="J50312" s="1" t="s">
        <v>6438</v>
      </c>
    </row>
    <row r="50313" spans="1:10" x14ac:dyDescent="0.35">
      <c r="A50313" s="1" t="s">
        <v>5479</v>
      </c>
      <c r="B50313" s="1" t="s">
        <v>169390</v>
      </c>
      <c r="C50313" s="1" t="s">
        <v>105</v>
      </c>
      <c r="D50313" s="1" t="s">
        <v>111673</v>
      </c>
      <c r="E50313" s="1" t="s">
        <v>170189</v>
      </c>
      <c r="F50313" s="1" t="s">
        <v>170190</v>
      </c>
      <c r="G50313" s="1" t="s">
        <v>170132</v>
      </c>
      <c r="H50313" s="1" t="s">
        <v>170133</v>
      </c>
      <c r="I50313" s="1" t="s">
        <v>169394</v>
      </c>
      <c r="J50313" s="1" t="s">
        <v>170191</v>
      </c>
    </row>
    <row r="50314" spans="1:10" x14ac:dyDescent="0.35">
      <c r="A50314" s="1" t="s">
        <v>5479</v>
      </c>
      <c r="B50314" s="1" t="s">
        <v>169390</v>
      </c>
      <c r="C50314" s="1" t="s">
        <v>110</v>
      </c>
      <c r="D50314" s="1" t="s">
        <v>7942</v>
      </c>
      <c r="E50314" s="1" t="s">
        <v>170192</v>
      </c>
      <c r="F50314" s="1" t="s">
        <v>170193</v>
      </c>
      <c r="G50314" s="1" t="s">
        <v>170132</v>
      </c>
      <c r="H50314" s="1" t="s">
        <v>170133</v>
      </c>
      <c r="I50314" s="1" t="s">
        <v>169394</v>
      </c>
      <c r="J50314" s="1" t="s">
        <v>170194</v>
      </c>
    </row>
    <row r="50315" spans="1:10" x14ac:dyDescent="0.35">
      <c r="A50315" s="1" t="s">
        <v>5479</v>
      </c>
      <c r="B50315" s="1" t="s">
        <v>169390</v>
      </c>
      <c r="C50315" s="1" t="s">
        <v>115</v>
      </c>
      <c r="D50315" s="1" t="s">
        <v>36174</v>
      </c>
      <c r="E50315" s="1" t="s">
        <v>170195</v>
      </c>
      <c r="F50315" s="1" t="s">
        <v>170196</v>
      </c>
      <c r="G50315" s="1" t="s">
        <v>170132</v>
      </c>
      <c r="H50315" s="1" t="s">
        <v>170133</v>
      </c>
      <c r="I50315" s="1" t="s">
        <v>169394</v>
      </c>
      <c r="J50315" s="1" t="s">
        <v>170197</v>
      </c>
    </row>
    <row r="50316" spans="1:10" x14ac:dyDescent="0.35">
      <c r="A50316" s="1" t="s">
        <v>5479</v>
      </c>
      <c r="B50316" s="1" t="s">
        <v>169390</v>
      </c>
      <c r="C50316" s="1" t="s">
        <v>120</v>
      </c>
      <c r="D50316" s="1" t="s">
        <v>28314</v>
      </c>
      <c r="E50316" s="1" t="s">
        <v>170198</v>
      </c>
      <c r="F50316" s="1" t="s">
        <v>170199</v>
      </c>
      <c r="G50316" s="1" t="s">
        <v>170132</v>
      </c>
      <c r="H50316" s="1" t="s">
        <v>170133</v>
      </c>
      <c r="I50316" s="1" t="s">
        <v>169394</v>
      </c>
      <c r="J50316" s="1" t="s">
        <v>170200</v>
      </c>
    </row>
    <row r="50317" spans="1:10" x14ac:dyDescent="0.35">
      <c r="A50317" s="1" t="s">
        <v>5479</v>
      </c>
      <c r="B50317" s="1" t="s">
        <v>169390</v>
      </c>
      <c r="C50317" s="1" t="s">
        <v>125</v>
      </c>
      <c r="D50317" s="1" t="s">
        <v>170201</v>
      </c>
      <c r="E50317" s="1" t="s">
        <v>170202</v>
      </c>
      <c r="F50317" s="1" t="s">
        <v>170203</v>
      </c>
      <c r="G50317" s="1" t="s">
        <v>170132</v>
      </c>
      <c r="H50317" s="1" t="s">
        <v>170133</v>
      </c>
      <c r="I50317" s="1" t="s">
        <v>169394</v>
      </c>
      <c r="J50317" s="1" t="s">
        <v>170204</v>
      </c>
    </row>
    <row r="50318" spans="1:10" x14ac:dyDescent="0.35">
      <c r="A50318" s="1" t="s">
        <v>5479</v>
      </c>
      <c r="B50318" s="1" t="s">
        <v>169390</v>
      </c>
      <c r="C50318" s="1" t="s">
        <v>130</v>
      </c>
      <c r="D50318" s="1" t="s">
        <v>168860</v>
      </c>
      <c r="E50318" s="1" t="s">
        <v>170205</v>
      </c>
      <c r="F50318" s="1" t="s">
        <v>170206</v>
      </c>
      <c r="G50318" s="1" t="s">
        <v>170132</v>
      </c>
      <c r="H50318" s="1" t="s">
        <v>170133</v>
      </c>
      <c r="I50318" s="1" t="s">
        <v>169394</v>
      </c>
      <c r="J50318" s="1" t="s">
        <v>170207</v>
      </c>
    </row>
    <row r="50319" spans="1:10" x14ac:dyDescent="0.35">
      <c r="A50319" s="1" t="s">
        <v>5479</v>
      </c>
      <c r="B50319" s="1" t="s">
        <v>169390</v>
      </c>
      <c r="C50319" s="1" t="s">
        <v>135</v>
      </c>
      <c r="D50319" s="1" t="s">
        <v>151332</v>
      </c>
      <c r="E50319" s="1" t="s">
        <v>170208</v>
      </c>
      <c r="F50319" s="1" t="s">
        <v>170209</v>
      </c>
      <c r="G50319" s="1" t="s">
        <v>170132</v>
      </c>
      <c r="H50319" s="1" t="s">
        <v>170133</v>
      </c>
      <c r="I50319" s="1" t="s">
        <v>169394</v>
      </c>
      <c r="J50319" s="1" t="s">
        <v>170210</v>
      </c>
    </row>
    <row r="50320" spans="1:10" x14ac:dyDescent="0.35">
      <c r="A50320" s="1" t="s">
        <v>5479</v>
      </c>
      <c r="B50320" s="1" t="s">
        <v>169390</v>
      </c>
      <c r="C50320" s="1" t="s">
        <v>140</v>
      </c>
      <c r="D50320" s="1" t="s">
        <v>305</v>
      </c>
      <c r="E50320" s="1" t="s">
        <v>170211</v>
      </c>
      <c r="F50320" s="1" t="s">
        <v>170212</v>
      </c>
      <c r="G50320" s="1" t="s">
        <v>170132</v>
      </c>
      <c r="H50320" s="1" t="s">
        <v>170133</v>
      </c>
      <c r="I50320" s="1" t="s">
        <v>169394</v>
      </c>
      <c r="J50320" s="1" t="s">
        <v>170213</v>
      </c>
    </row>
    <row r="50321" spans="1:10" x14ac:dyDescent="0.35">
      <c r="A50321" s="1" t="s">
        <v>5479</v>
      </c>
      <c r="B50321" s="1" t="s">
        <v>169390</v>
      </c>
      <c r="C50321" s="1" t="s">
        <v>145</v>
      </c>
      <c r="D50321" s="1" t="s">
        <v>16120</v>
      </c>
      <c r="E50321" s="1" t="s">
        <v>170214</v>
      </c>
      <c r="F50321" s="1" t="s">
        <v>170215</v>
      </c>
      <c r="G50321" s="1" t="s">
        <v>170132</v>
      </c>
      <c r="H50321" s="1" t="s">
        <v>170133</v>
      </c>
      <c r="I50321" s="1" t="s">
        <v>169394</v>
      </c>
      <c r="J50321" s="1" t="s">
        <v>170216</v>
      </c>
    </row>
    <row r="50322" spans="1:10" x14ac:dyDescent="0.35">
      <c r="A50322" s="1" t="s">
        <v>5479</v>
      </c>
      <c r="B50322" s="1" t="s">
        <v>169390</v>
      </c>
      <c r="C50322" s="1" t="s">
        <v>150</v>
      </c>
      <c r="D50322" s="1" t="s">
        <v>151855</v>
      </c>
      <c r="E50322" s="1" t="s">
        <v>170217</v>
      </c>
      <c r="F50322" s="1" t="s">
        <v>170215</v>
      </c>
      <c r="G50322" s="1" t="s">
        <v>170132</v>
      </c>
      <c r="H50322" s="1" t="s">
        <v>170133</v>
      </c>
      <c r="I50322" s="1" t="s">
        <v>169394</v>
      </c>
      <c r="J50322" s="1" t="s">
        <v>170218</v>
      </c>
    </row>
    <row r="50323" spans="1:10" x14ac:dyDescent="0.35">
      <c r="A50323" s="1" t="s">
        <v>5479</v>
      </c>
      <c r="B50323" s="1" t="s">
        <v>169390</v>
      </c>
      <c r="C50323" s="1" t="s">
        <v>155</v>
      </c>
      <c r="D50323" s="1" t="s">
        <v>15752</v>
      </c>
      <c r="E50323" s="1" t="s">
        <v>170219</v>
      </c>
      <c r="F50323" s="1" t="s">
        <v>170220</v>
      </c>
      <c r="G50323" s="1" t="s">
        <v>170132</v>
      </c>
      <c r="H50323" s="1" t="s">
        <v>170133</v>
      </c>
      <c r="I50323" s="1" t="s">
        <v>169394</v>
      </c>
      <c r="J50323" s="1" t="s">
        <v>170221</v>
      </c>
    </row>
    <row r="50324" spans="1:10" x14ac:dyDescent="0.35">
      <c r="A50324" s="1" t="s">
        <v>5479</v>
      </c>
      <c r="B50324" s="1" t="s">
        <v>169390</v>
      </c>
      <c r="C50324" s="1" t="s">
        <v>160</v>
      </c>
      <c r="D50324" s="1" t="s">
        <v>44798</v>
      </c>
      <c r="E50324" s="1" t="s">
        <v>170222</v>
      </c>
      <c r="F50324" s="1" t="s">
        <v>170215</v>
      </c>
      <c r="G50324" s="1" t="s">
        <v>170132</v>
      </c>
      <c r="H50324" s="1" t="s">
        <v>170133</v>
      </c>
      <c r="I50324" s="1" t="s">
        <v>169394</v>
      </c>
      <c r="J50324" s="1" t="s">
        <v>170223</v>
      </c>
    </row>
    <row r="50325" spans="1:10" x14ac:dyDescent="0.35">
      <c r="A50325" s="1" t="s">
        <v>5479</v>
      </c>
      <c r="B50325" s="1" t="s">
        <v>169390</v>
      </c>
      <c r="C50325" s="1" t="s">
        <v>165</v>
      </c>
      <c r="D50325" s="1" t="s">
        <v>170224</v>
      </c>
      <c r="E50325" s="1" t="s">
        <v>170225</v>
      </c>
      <c r="F50325" s="1" t="s">
        <v>170226</v>
      </c>
      <c r="G50325" s="1" t="s">
        <v>170132</v>
      </c>
      <c r="H50325" s="1" t="s">
        <v>170133</v>
      </c>
      <c r="I50325" s="1" t="s">
        <v>169394</v>
      </c>
      <c r="J50325" s="1" t="s">
        <v>170227</v>
      </c>
    </row>
    <row r="50326" spans="1:10" x14ac:dyDescent="0.35">
      <c r="A50326" s="1" t="s">
        <v>5479</v>
      </c>
      <c r="B50326" s="1" t="s">
        <v>169390</v>
      </c>
      <c r="C50326" s="1" t="s">
        <v>170</v>
      </c>
      <c r="D50326" s="1" t="s">
        <v>116198</v>
      </c>
      <c r="E50326" s="1" t="s">
        <v>170228</v>
      </c>
      <c r="F50326" s="1" t="s">
        <v>170229</v>
      </c>
      <c r="G50326" s="1" t="s">
        <v>170132</v>
      </c>
      <c r="H50326" s="1" t="s">
        <v>170133</v>
      </c>
      <c r="I50326" s="1" t="s">
        <v>169394</v>
      </c>
      <c r="J50326" s="1" t="s">
        <v>170230</v>
      </c>
    </row>
    <row r="50327" spans="1:10" x14ac:dyDescent="0.35">
      <c r="A50327" s="1" t="s">
        <v>3953</v>
      </c>
      <c r="B50327" s="1" t="s">
        <v>169390</v>
      </c>
      <c r="C50327" s="1" t="s">
        <v>8</v>
      </c>
      <c r="D50327" s="1" t="s">
        <v>170231</v>
      </c>
      <c r="E50327" s="1" t="s">
        <v>170232</v>
      </c>
      <c r="F50327" s="1" t="s">
        <v>170233</v>
      </c>
      <c r="G50327" s="1" t="s">
        <v>170234</v>
      </c>
      <c r="H50327" s="1" t="s">
        <v>170235</v>
      </c>
      <c r="I50327" s="1" t="s">
        <v>169394</v>
      </c>
      <c r="J50327" s="1" t="s">
        <v>13</v>
      </c>
    </row>
    <row r="50328" spans="1:10" x14ac:dyDescent="0.35">
      <c r="A50328" s="1" t="s">
        <v>3953</v>
      </c>
      <c r="B50328" s="1" t="s">
        <v>169390</v>
      </c>
      <c r="C50328" s="1" t="s">
        <v>15</v>
      </c>
      <c r="D50328" s="1" t="s">
        <v>37672</v>
      </c>
      <c r="E50328" s="1" t="s">
        <v>170236</v>
      </c>
      <c r="F50328" s="1" t="s">
        <v>170237</v>
      </c>
      <c r="G50328" s="1" t="s">
        <v>170234</v>
      </c>
      <c r="H50328" s="1" t="s">
        <v>170235</v>
      </c>
      <c r="I50328" s="1" t="s">
        <v>169394</v>
      </c>
      <c r="J50328" s="1" t="s">
        <v>170238</v>
      </c>
    </row>
    <row r="50329" spans="1:10" x14ac:dyDescent="0.35">
      <c r="A50329" s="1" t="s">
        <v>3953</v>
      </c>
      <c r="B50329" s="1" t="s">
        <v>169390</v>
      </c>
      <c r="C50329" s="1" t="s">
        <v>20</v>
      </c>
      <c r="D50329" s="1" t="s">
        <v>4749</v>
      </c>
      <c r="E50329" s="1" t="s">
        <v>170239</v>
      </c>
      <c r="F50329" s="1" t="s">
        <v>170240</v>
      </c>
      <c r="G50329" s="1" t="s">
        <v>170234</v>
      </c>
      <c r="H50329" s="1" t="s">
        <v>170235</v>
      </c>
      <c r="I50329" s="1" t="s">
        <v>169394</v>
      </c>
      <c r="J50329" s="1" t="s">
        <v>170241</v>
      </c>
    </row>
    <row r="50330" spans="1:10" x14ac:dyDescent="0.35">
      <c r="A50330" s="1" t="s">
        <v>3953</v>
      </c>
      <c r="B50330" s="1" t="s">
        <v>169390</v>
      </c>
      <c r="C50330" s="1" t="s">
        <v>25</v>
      </c>
      <c r="D50330" s="1" t="s">
        <v>2841</v>
      </c>
      <c r="E50330" s="1" t="s">
        <v>170242</v>
      </c>
      <c r="F50330" s="1" t="s">
        <v>170243</v>
      </c>
      <c r="G50330" s="1" t="s">
        <v>170234</v>
      </c>
      <c r="H50330" s="1" t="s">
        <v>170235</v>
      </c>
      <c r="I50330" s="1" t="s">
        <v>169394</v>
      </c>
      <c r="J50330" s="1" t="s">
        <v>170244</v>
      </c>
    </row>
    <row r="50331" spans="1:10" x14ac:dyDescent="0.35">
      <c r="A50331" s="1" t="s">
        <v>3953</v>
      </c>
      <c r="B50331" s="1" t="s">
        <v>169390</v>
      </c>
      <c r="C50331" s="1" t="s">
        <v>30</v>
      </c>
      <c r="D50331" s="1" t="s">
        <v>2125</v>
      </c>
      <c r="E50331" s="1" t="s">
        <v>170245</v>
      </c>
      <c r="F50331" s="1" t="s">
        <v>170246</v>
      </c>
      <c r="G50331" s="1" t="s">
        <v>170234</v>
      </c>
      <c r="H50331" s="1" t="s">
        <v>170235</v>
      </c>
      <c r="I50331" s="1" t="s">
        <v>169394</v>
      </c>
      <c r="J50331" s="1" t="s">
        <v>170247</v>
      </c>
    </row>
    <row r="50332" spans="1:10" x14ac:dyDescent="0.35">
      <c r="A50332" s="1" t="s">
        <v>3953</v>
      </c>
      <c r="B50332" s="1" t="s">
        <v>169390</v>
      </c>
      <c r="C50332" s="1" t="s">
        <v>35</v>
      </c>
      <c r="D50332" s="1" t="s">
        <v>120259</v>
      </c>
      <c r="E50332" s="1" t="s">
        <v>170248</v>
      </c>
      <c r="F50332" s="1" t="s">
        <v>170249</v>
      </c>
      <c r="G50332" s="1" t="s">
        <v>170234</v>
      </c>
      <c r="H50332" s="1" t="s">
        <v>170235</v>
      </c>
      <c r="I50332" s="1" t="s">
        <v>169394</v>
      </c>
      <c r="J50332" s="1" t="s">
        <v>170250</v>
      </c>
    </row>
    <row r="50333" spans="1:10" x14ac:dyDescent="0.35">
      <c r="A50333" s="1" t="s">
        <v>3953</v>
      </c>
      <c r="B50333" s="1" t="s">
        <v>169390</v>
      </c>
      <c r="C50333" s="1" t="s">
        <v>40</v>
      </c>
      <c r="D50333" s="1" t="s">
        <v>118261</v>
      </c>
      <c r="E50333" s="1" t="s">
        <v>170251</v>
      </c>
      <c r="F50333" s="1" t="s">
        <v>170252</v>
      </c>
      <c r="G50333" s="1" t="s">
        <v>170234</v>
      </c>
      <c r="H50333" s="1" t="s">
        <v>170235</v>
      </c>
      <c r="I50333" s="1" t="s">
        <v>169394</v>
      </c>
      <c r="J50333" s="1" t="s">
        <v>170253</v>
      </c>
    </row>
    <row r="50334" spans="1:10" x14ac:dyDescent="0.35">
      <c r="A50334" s="1" t="s">
        <v>3953</v>
      </c>
      <c r="B50334" s="1" t="s">
        <v>169390</v>
      </c>
      <c r="C50334" s="1" t="s">
        <v>45</v>
      </c>
      <c r="D50334" s="1" t="s">
        <v>117964</v>
      </c>
      <c r="E50334" s="1" t="s">
        <v>170254</v>
      </c>
      <c r="F50334" s="1" t="s">
        <v>170255</v>
      </c>
      <c r="G50334" s="1" t="s">
        <v>170234</v>
      </c>
      <c r="H50334" s="1" t="s">
        <v>170235</v>
      </c>
      <c r="I50334" s="1" t="s">
        <v>169394</v>
      </c>
      <c r="J50334" s="1" t="s">
        <v>170256</v>
      </c>
    </row>
    <row r="50335" spans="1:10" x14ac:dyDescent="0.35">
      <c r="A50335" s="1" t="s">
        <v>3953</v>
      </c>
      <c r="B50335" s="1" t="s">
        <v>169390</v>
      </c>
      <c r="C50335" s="1" t="s">
        <v>50</v>
      </c>
      <c r="D50335" s="1" t="s">
        <v>170257</v>
      </c>
      <c r="E50335" s="1" t="s">
        <v>170258</v>
      </c>
      <c r="F50335" s="1" t="s">
        <v>170259</v>
      </c>
      <c r="G50335" s="1" t="s">
        <v>170234</v>
      </c>
      <c r="H50335" s="1" t="s">
        <v>170235</v>
      </c>
      <c r="I50335" s="1" t="s">
        <v>169394</v>
      </c>
      <c r="J50335" s="1" t="s">
        <v>170260</v>
      </c>
    </row>
    <row r="50336" spans="1:10" x14ac:dyDescent="0.35">
      <c r="A50336" s="1" t="s">
        <v>3953</v>
      </c>
      <c r="B50336" s="1" t="s">
        <v>169390</v>
      </c>
      <c r="C50336" s="1" t="s">
        <v>55</v>
      </c>
      <c r="D50336" s="1" t="s">
        <v>27878</v>
      </c>
      <c r="E50336" s="1" t="s">
        <v>170261</v>
      </c>
      <c r="F50336" s="1" t="s">
        <v>170262</v>
      </c>
      <c r="G50336" s="1" t="s">
        <v>170234</v>
      </c>
      <c r="H50336" s="1" t="s">
        <v>170235</v>
      </c>
      <c r="I50336" s="1" t="s">
        <v>169394</v>
      </c>
      <c r="J50336" s="1" t="s">
        <v>170263</v>
      </c>
    </row>
    <row r="50337" spans="1:10" x14ac:dyDescent="0.35">
      <c r="A50337" s="1" t="s">
        <v>3953</v>
      </c>
      <c r="B50337" s="1" t="s">
        <v>169390</v>
      </c>
      <c r="C50337" s="1" t="s">
        <v>60</v>
      </c>
      <c r="D50337" s="1" t="s">
        <v>28994</v>
      </c>
      <c r="E50337" s="1" t="s">
        <v>170264</v>
      </c>
      <c r="F50337" s="1" t="s">
        <v>170265</v>
      </c>
      <c r="G50337" s="1" t="s">
        <v>170234</v>
      </c>
      <c r="H50337" s="1" t="s">
        <v>170235</v>
      </c>
      <c r="I50337" s="1" t="s">
        <v>169394</v>
      </c>
      <c r="J50337" s="1" t="s">
        <v>170266</v>
      </c>
    </row>
    <row r="50338" spans="1:10" x14ac:dyDescent="0.35">
      <c r="A50338" s="1" t="s">
        <v>3953</v>
      </c>
      <c r="B50338" s="1" t="s">
        <v>169390</v>
      </c>
      <c r="C50338" s="1" t="s">
        <v>65</v>
      </c>
      <c r="D50338" s="1" t="s">
        <v>143095</v>
      </c>
      <c r="E50338" s="1" t="s">
        <v>170267</v>
      </c>
      <c r="F50338" s="1" t="s">
        <v>170268</v>
      </c>
      <c r="G50338" s="1" t="s">
        <v>170234</v>
      </c>
      <c r="H50338" s="1" t="s">
        <v>170235</v>
      </c>
      <c r="I50338" s="1" t="s">
        <v>169394</v>
      </c>
      <c r="J50338" s="1" t="s">
        <v>170269</v>
      </c>
    </row>
    <row r="50339" spans="1:10" x14ac:dyDescent="0.35">
      <c r="A50339" s="1" t="s">
        <v>3953</v>
      </c>
      <c r="B50339" s="1" t="s">
        <v>169390</v>
      </c>
      <c r="C50339" s="1" t="s">
        <v>70</v>
      </c>
      <c r="D50339" s="1" t="s">
        <v>14175</v>
      </c>
      <c r="E50339" s="1" t="s">
        <v>170270</v>
      </c>
      <c r="F50339" s="1" t="s">
        <v>170271</v>
      </c>
      <c r="G50339" s="1" t="s">
        <v>170234</v>
      </c>
      <c r="H50339" s="1" t="s">
        <v>170235</v>
      </c>
      <c r="I50339" s="1" t="s">
        <v>169394</v>
      </c>
      <c r="J50339" s="1" t="s">
        <v>170272</v>
      </c>
    </row>
    <row r="50340" spans="1:10" x14ac:dyDescent="0.35">
      <c r="A50340" s="1" t="s">
        <v>3953</v>
      </c>
      <c r="B50340" s="1" t="s">
        <v>169390</v>
      </c>
      <c r="C50340" s="1" t="s">
        <v>75</v>
      </c>
      <c r="D50340" s="1" t="s">
        <v>27863</v>
      </c>
      <c r="E50340" s="1" t="s">
        <v>170273</v>
      </c>
      <c r="F50340" s="1" t="s">
        <v>170274</v>
      </c>
      <c r="G50340" s="1" t="s">
        <v>170234</v>
      </c>
      <c r="H50340" s="1" t="s">
        <v>170235</v>
      </c>
      <c r="I50340" s="1" t="s">
        <v>169394</v>
      </c>
      <c r="J50340" s="1" t="s">
        <v>170275</v>
      </c>
    </row>
    <row r="50341" spans="1:10" x14ac:dyDescent="0.35">
      <c r="A50341" s="1" t="s">
        <v>3953</v>
      </c>
      <c r="B50341" s="1" t="s">
        <v>169390</v>
      </c>
      <c r="C50341" s="1" t="s">
        <v>80</v>
      </c>
      <c r="D50341" s="1" t="s">
        <v>170276</v>
      </c>
      <c r="E50341" s="1" t="s">
        <v>165982</v>
      </c>
      <c r="F50341" s="1" t="s">
        <v>170277</v>
      </c>
      <c r="G50341" s="1" t="s">
        <v>170234</v>
      </c>
      <c r="H50341" s="1" t="s">
        <v>170235</v>
      </c>
      <c r="I50341" s="1" t="s">
        <v>169394</v>
      </c>
      <c r="J50341" s="1" t="s">
        <v>170278</v>
      </c>
    </row>
    <row r="50342" spans="1:10" x14ac:dyDescent="0.35">
      <c r="A50342" s="1" t="s">
        <v>3953</v>
      </c>
      <c r="B50342" s="1" t="s">
        <v>169390</v>
      </c>
      <c r="C50342" s="1" t="s">
        <v>85</v>
      </c>
      <c r="D50342" s="1" t="s">
        <v>170279</v>
      </c>
      <c r="E50342" s="1" t="s">
        <v>170280</v>
      </c>
      <c r="F50342" s="1" t="s">
        <v>170281</v>
      </c>
      <c r="G50342" s="1" t="s">
        <v>170234</v>
      </c>
      <c r="H50342" s="1" t="s">
        <v>170235</v>
      </c>
      <c r="I50342" s="1" t="s">
        <v>169394</v>
      </c>
      <c r="J50342" s="1" t="s">
        <v>170282</v>
      </c>
    </row>
    <row r="50343" spans="1:10" x14ac:dyDescent="0.35">
      <c r="A50343" s="1" t="s">
        <v>3953</v>
      </c>
      <c r="B50343" s="1" t="s">
        <v>169390</v>
      </c>
      <c r="C50343" s="1" t="s">
        <v>90</v>
      </c>
      <c r="D50343" s="1" t="s">
        <v>145114</v>
      </c>
      <c r="E50343" s="1" t="s">
        <v>170283</v>
      </c>
      <c r="F50343" s="1" t="s">
        <v>170284</v>
      </c>
      <c r="G50343" s="1" t="s">
        <v>170234</v>
      </c>
      <c r="H50343" s="1" t="s">
        <v>170235</v>
      </c>
      <c r="I50343" s="1" t="s">
        <v>169394</v>
      </c>
      <c r="J50343" s="1" t="s">
        <v>170285</v>
      </c>
    </row>
    <row r="50344" spans="1:10" x14ac:dyDescent="0.35">
      <c r="A50344" s="1" t="s">
        <v>3953</v>
      </c>
      <c r="B50344" s="1" t="s">
        <v>169390</v>
      </c>
      <c r="C50344" s="1" t="s">
        <v>95</v>
      </c>
      <c r="D50344" s="1" t="s">
        <v>170286</v>
      </c>
      <c r="E50344" s="1" t="s">
        <v>170287</v>
      </c>
      <c r="F50344" s="1" t="s">
        <v>170288</v>
      </c>
      <c r="G50344" s="1" t="s">
        <v>170234</v>
      </c>
      <c r="H50344" s="1" t="s">
        <v>170235</v>
      </c>
      <c r="I50344" s="1" t="s">
        <v>169394</v>
      </c>
      <c r="J50344" s="1" t="s">
        <v>51958</v>
      </c>
    </row>
    <row r="50345" spans="1:10" x14ac:dyDescent="0.35">
      <c r="A50345" s="1" t="s">
        <v>3953</v>
      </c>
      <c r="B50345" s="1" t="s">
        <v>169390</v>
      </c>
      <c r="C50345" s="1" t="s">
        <v>100</v>
      </c>
      <c r="D50345" s="1" t="s">
        <v>6504</v>
      </c>
      <c r="E50345" s="1" t="s">
        <v>170289</v>
      </c>
      <c r="F50345" s="1" t="s">
        <v>170290</v>
      </c>
      <c r="G50345" s="1" t="s">
        <v>170234</v>
      </c>
      <c r="H50345" s="1" t="s">
        <v>170235</v>
      </c>
      <c r="I50345" s="1" t="s">
        <v>169394</v>
      </c>
      <c r="J50345" s="1" t="s">
        <v>170291</v>
      </c>
    </row>
    <row r="50346" spans="1:10" x14ac:dyDescent="0.35">
      <c r="A50346" s="1" t="s">
        <v>3953</v>
      </c>
      <c r="B50346" s="1" t="s">
        <v>169390</v>
      </c>
      <c r="C50346" s="1" t="s">
        <v>105</v>
      </c>
      <c r="D50346" s="1" t="s">
        <v>170292</v>
      </c>
      <c r="E50346" s="1" t="s">
        <v>170293</v>
      </c>
      <c r="F50346" s="1" t="s">
        <v>170294</v>
      </c>
      <c r="G50346" s="1" t="s">
        <v>170234</v>
      </c>
      <c r="H50346" s="1" t="s">
        <v>170235</v>
      </c>
      <c r="I50346" s="1" t="s">
        <v>169394</v>
      </c>
      <c r="J50346" s="1" t="s">
        <v>170295</v>
      </c>
    </row>
    <row r="50347" spans="1:10" x14ac:dyDescent="0.35">
      <c r="A50347" s="1" t="s">
        <v>3953</v>
      </c>
      <c r="B50347" s="1" t="s">
        <v>169390</v>
      </c>
      <c r="C50347" s="1" t="s">
        <v>110</v>
      </c>
      <c r="D50347" s="1" t="s">
        <v>9025</v>
      </c>
      <c r="E50347" s="1" t="s">
        <v>170296</v>
      </c>
      <c r="F50347" s="1" t="s">
        <v>170297</v>
      </c>
      <c r="G50347" s="1" t="s">
        <v>170234</v>
      </c>
      <c r="H50347" s="1" t="s">
        <v>170235</v>
      </c>
      <c r="I50347" s="1" t="s">
        <v>169394</v>
      </c>
      <c r="J50347" s="1" t="s">
        <v>170298</v>
      </c>
    </row>
    <row r="50348" spans="1:10" x14ac:dyDescent="0.35">
      <c r="A50348" s="1" t="s">
        <v>3953</v>
      </c>
      <c r="B50348" s="1" t="s">
        <v>169390</v>
      </c>
      <c r="C50348" s="1" t="s">
        <v>115</v>
      </c>
      <c r="D50348" s="1" t="s">
        <v>9021</v>
      </c>
      <c r="E50348" s="1" t="s">
        <v>170299</v>
      </c>
      <c r="F50348" s="1" t="s">
        <v>170300</v>
      </c>
      <c r="G50348" s="1" t="s">
        <v>170234</v>
      </c>
      <c r="H50348" s="1" t="s">
        <v>170235</v>
      </c>
      <c r="I50348" s="1" t="s">
        <v>169394</v>
      </c>
      <c r="J50348" s="1" t="s">
        <v>170301</v>
      </c>
    </row>
    <row r="50349" spans="1:10" x14ac:dyDescent="0.35">
      <c r="A50349" s="1" t="s">
        <v>3953</v>
      </c>
      <c r="B50349" s="1" t="s">
        <v>169390</v>
      </c>
      <c r="C50349" s="1" t="s">
        <v>120</v>
      </c>
      <c r="D50349" s="1" t="s">
        <v>2820</v>
      </c>
      <c r="E50349" s="1" t="s">
        <v>170302</v>
      </c>
      <c r="F50349" s="1" t="s">
        <v>170303</v>
      </c>
      <c r="G50349" s="1" t="s">
        <v>170234</v>
      </c>
      <c r="H50349" s="1" t="s">
        <v>170235</v>
      </c>
      <c r="I50349" s="1" t="s">
        <v>169394</v>
      </c>
      <c r="J50349" s="1" t="s">
        <v>170304</v>
      </c>
    </row>
    <row r="50350" spans="1:10" x14ac:dyDescent="0.35">
      <c r="A50350" s="1" t="s">
        <v>3953</v>
      </c>
      <c r="B50350" s="1" t="s">
        <v>169390</v>
      </c>
      <c r="C50350" s="1" t="s">
        <v>125</v>
      </c>
      <c r="D50350" s="1" t="s">
        <v>37307</v>
      </c>
      <c r="E50350" s="1" t="s">
        <v>170305</v>
      </c>
      <c r="F50350" s="1" t="s">
        <v>170306</v>
      </c>
      <c r="G50350" s="1" t="s">
        <v>170234</v>
      </c>
      <c r="H50350" s="1" t="s">
        <v>170235</v>
      </c>
      <c r="I50350" s="1" t="s">
        <v>169394</v>
      </c>
      <c r="J50350" s="1" t="s">
        <v>170307</v>
      </c>
    </row>
    <row r="50351" spans="1:10" x14ac:dyDescent="0.35">
      <c r="A50351" s="1" t="s">
        <v>3953</v>
      </c>
      <c r="B50351" s="1" t="s">
        <v>169390</v>
      </c>
      <c r="C50351" s="1" t="s">
        <v>130</v>
      </c>
      <c r="D50351" s="1" t="s">
        <v>170308</v>
      </c>
      <c r="E50351" s="1" t="s">
        <v>170309</v>
      </c>
      <c r="F50351" s="1" t="s">
        <v>170310</v>
      </c>
      <c r="G50351" s="1" t="s">
        <v>170234</v>
      </c>
      <c r="H50351" s="1" t="s">
        <v>170235</v>
      </c>
      <c r="I50351" s="1" t="s">
        <v>169394</v>
      </c>
      <c r="J50351" s="1" t="s">
        <v>170311</v>
      </c>
    </row>
    <row r="50352" spans="1:10" x14ac:dyDescent="0.35">
      <c r="A50352" s="1" t="s">
        <v>3953</v>
      </c>
      <c r="B50352" s="1" t="s">
        <v>169390</v>
      </c>
      <c r="C50352" s="1" t="s">
        <v>135</v>
      </c>
      <c r="D50352" s="1" t="s">
        <v>25770</v>
      </c>
      <c r="E50352" s="1" t="s">
        <v>170312</v>
      </c>
      <c r="F50352" s="1" t="s">
        <v>170313</v>
      </c>
      <c r="G50352" s="1" t="s">
        <v>170234</v>
      </c>
      <c r="H50352" s="1" t="s">
        <v>170235</v>
      </c>
      <c r="I50352" s="1" t="s">
        <v>169394</v>
      </c>
      <c r="J50352" s="1" t="s">
        <v>170314</v>
      </c>
    </row>
    <row r="50353" spans="1:10" x14ac:dyDescent="0.35">
      <c r="A50353" s="1" t="s">
        <v>3953</v>
      </c>
      <c r="B50353" s="1" t="s">
        <v>169390</v>
      </c>
      <c r="C50353" s="1" t="s">
        <v>140</v>
      </c>
      <c r="D50353" s="1" t="s">
        <v>48606</v>
      </c>
      <c r="E50353" s="1" t="s">
        <v>170315</v>
      </c>
      <c r="F50353" s="1" t="s">
        <v>170316</v>
      </c>
      <c r="G50353" s="1" t="s">
        <v>170234</v>
      </c>
      <c r="H50353" s="1" t="s">
        <v>170235</v>
      </c>
      <c r="I50353" s="1" t="s">
        <v>169394</v>
      </c>
      <c r="J50353" s="1" t="s">
        <v>170317</v>
      </c>
    </row>
    <row r="50354" spans="1:10" x14ac:dyDescent="0.35">
      <c r="A50354" s="1" t="s">
        <v>3953</v>
      </c>
      <c r="B50354" s="1" t="s">
        <v>169390</v>
      </c>
      <c r="C50354" s="1" t="s">
        <v>145</v>
      </c>
      <c r="D50354" s="1" t="s">
        <v>49094</v>
      </c>
      <c r="E50354" s="1" t="s">
        <v>170318</v>
      </c>
      <c r="F50354" s="1" t="s">
        <v>170319</v>
      </c>
      <c r="G50354" s="1" t="s">
        <v>170234</v>
      </c>
      <c r="H50354" s="1" t="s">
        <v>170235</v>
      </c>
      <c r="I50354" s="1" t="s">
        <v>169394</v>
      </c>
      <c r="J50354" s="1" t="s">
        <v>170320</v>
      </c>
    </row>
    <row r="50355" spans="1:10" x14ac:dyDescent="0.35">
      <c r="A50355" s="1" t="s">
        <v>3953</v>
      </c>
      <c r="B50355" s="1" t="s">
        <v>169390</v>
      </c>
      <c r="C50355" s="1" t="s">
        <v>150</v>
      </c>
      <c r="D50355" s="1" t="s">
        <v>168291</v>
      </c>
      <c r="E50355" s="1" t="s">
        <v>170321</v>
      </c>
      <c r="F50355" s="1" t="s">
        <v>170319</v>
      </c>
      <c r="G50355" s="1" t="s">
        <v>170234</v>
      </c>
      <c r="H50355" s="1" t="s">
        <v>170235</v>
      </c>
      <c r="I50355" s="1" t="s">
        <v>169394</v>
      </c>
      <c r="J50355" s="1" t="s">
        <v>170322</v>
      </c>
    </row>
    <row r="50356" spans="1:10" x14ac:dyDescent="0.35">
      <c r="A50356" s="1" t="s">
        <v>3953</v>
      </c>
      <c r="B50356" s="1" t="s">
        <v>169390</v>
      </c>
      <c r="C50356" s="1" t="s">
        <v>155</v>
      </c>
      <c r="D50356" s="1" t="s">
        <v>34719</v>
      </c>
      <c r="E50356" s="1" t="s">
        <v>170323</v>
      </c>
      <c r="F50356" s="1" t="s">
        <v>170324</v>
      </c>
      <c r="G50356" s="1" t="s">
        <v>170234</v>
      </c>
      <c r="H50356" s="1" t="s">
        <v>170235</v>
      </c>
      <c r="I50356" s="1" t="s">
        <v>169394</v>
      </c>
      <c r="J50356" s="1" t="s">
        <v>170325</v>
      </c>
    </row>
    <row r="50357" spans="1:10" x14ac:dyDescent="0.35">
      <c r="A50357" s="1" t="s">
        <v>3953</v>
      </c>
      <c r="B50357" s="1" t="s">
        <v>169390</v>
      </c>
      <c r="C50357" s="1" t="s">
        <v>160</v>
      </c>
      <c r="D50357" s="1" t="s">
        <v>111854</v>
      </c>
      <c r="E50357" s="1" t="s">
        <v>170326</v>
      </c>
      <c r="F50357" s="1" t="s">
        <v>170319</v>
      </c>
      <c r="G50357" s="1" t="s">
        <v>170234</v>
      </c>
      <c r="H50357" s="1" t="s">
        <v>170235</v>
      </c>
      <c r="I50357" s="1" t="s">
        <v>169394</v>
      </c>
      <c r="J50357" s="1" t="s">
        <v>170327</v>
      </c>
    </row>
    <row r="50358" spans="1:10" x14ac:dyDescent="0.35">
      <c r="A50358" s="1" t="s">
        <v>3953</v>
      </c>
      <c r="B50358" s="1" t="s">
        <v>169390</v>
      </c>
      <c r="C50358" s="1" t="s">
        <v>165</v>
      </c>
      <c r="D50358" s="1" t="s">
        <v>170201</v>
      </c>
      <c r="E50358" s="1" t="s">
        <v>170328</v>
      </c>
      <c r="F50358" s="1" t="s">
        <v>170329</v>
      </c>
      <c r="G50358" s="1" t="s">
        <v>170234</v>
      </c>
      <c r="H50358" s="1" t="s">
        <v>170235</v>
      </c>
      <c r="I50358" s="1" t="s">
        <v>169394</v>
      </c>
      <c r="J50358" s="1" t="s">
        <v>170330</v>
      </c>
    </row>
    <row r="50359" spans="1:10" x14ac:dyDescent="0.35">
      <c r="A50359" s="1" t="s">
        <v>3953</v>
      </c>
      <c r="B50359" s="1" t="s">
        <v>169390</v>
      </c>
      <c r="C50359" s="1" t="s">
        <v>170</v>
      </c>
      <c r="D50359" s="1" t="s">
        <v>13007</v>
      </c>
      <c r="E50359" s="1" t="s">
        <v>170331</v>
      </c>
      <c r="F50359" s="1" t="s">
        <v>170332</v>
      </c>
      <c r="G50359" s="1" t="s">
        <v>170234</v>
      </c>
      <c r="H50359" s="1" t="s">
        <v>170235</v>
      </c>
      <c r="I50359" s="1" t="s">
        <v>169394</v>
      </c>
      <c r="J50359" s="1" t="s">
        <v>170333</v>
      </c>
    </row>
    <row r="50360" spans="1:10" x14ac:dyDescent="0.35">
      <c r="A50360" s="1" t="s">
        <v>3892</v>
      </c>
      <c r="B50360" s="1" t="s">
        <v>169390</v>
      </c>
      <c r="C50360" s="1" t="s">
        <v>8</v>
      </c>
      <c r="D50360" s="1" t="s">
        <v>49174</v>
      </c>
      <c r="E50360" s="1" t="s">
        <v>170334</v>
      </c>
      <c r="F50360" s="1" t="s">
        <v>170335</v>
      </c>
      <c r="G50360" s="1" t="s">
        <v>170336</v>
      </c>
      <c r="H50360" s="1" t="s">
        <v>170337</v>
      </c>
      <c r="I50360" s="1" t="s">
        <v>169394</v>
      </c>
      <c r="J50360" s="1" t="s">
        <v>13</v>
      </c>
    </row>
    <row r="50361" spans="1:10" x14ac:dyDescent="0.35">
      <c r="A50361" s="1" t="s">
        <v>3892</v>
      </c>
      <c r="B50361" s="1" t="s">
        <v>169390</v>
      </c>
      <c r="C50361" s="1" t="s">
        <v>15</v>
      </c>
      <c r="D50361" s="1" t="s">
        <v>10865</v>
      </c>
      <c r="E50361" s="1" t="s">
        <v>170338</v>
      </c>
      <c r="F50361" s="1" t="s">
        <v>170339</v>
      </c>
      <c r="G50361" s="1" t="s">
        <v>170336</v>
      </c>
      <c r="H50361" s="1" t="s">
        <v>170337</v>
      </c>
      <c r="I50361" s="1" t="s">
        <v>169394</v>
      </c>
      <c r="J50361" s="1" t="s">
        <v>170340</v>
      </c>
    </row>
    <row r="50362" spans="1:10" x14ac:dyDescent="0.35">
      <c r="A50362" s="1" t="s">
        <v>3892</v>
      </c>
      <c r="B50362" s="1" t="s">
        <v>169390</v>
      </c>
      <c r="C50362" s="1" t="s">
        <v>20</v>
      </c>
      <c r="D50362" s="1" t="s">
        <v>35251</v>
      </c>
      <c r="E50362" s="1" t="s">
        <v>170341</v>
      </c>
      <c r="F50362" s="1" t="s">
        <v>170342</v>
      </c>
      <c r="G50362" s="1" t="s">
        <v>170336</v>
      </c>
      <c r="H50362" s="1" t="s">
        <v>170337</v>
      </c>
      <c r="I50362" s="1" t="s">
        <v>169394</v>
      </c>
      <c r="J50362" s="1" t="s">
        <v>170343</v>
      </c>
    </row>
    <row r="50363" spans="1:10" x14ac:dyDescent="0.35">
      <c r="A50363" s="1" t="s">
        <v>3892</v>
      </c>
      <c r="B50363" s="1" t="s">
        <v>169390</v>
      </c>
      <c r="C50363" s="1" t="s">
        <v>25</v>
      </c>
      <c r="D50363" s="1" t="s">
        <v>25055</v>
      </c>
      <c r="E50363" s="1" t="s">
        <v>170344</v>
      </c>
      <c r="F50363" s="1" t="s">
        <v>170345</v>
      </c>
      <c r="G50363" s="1" t="s">
        <v>170336</v>
      </c>
      <c r="H50363" s="1" t="s">
        <v>170337</v>
      </c>
      <c r="I50363" s="1" t="s">
        <v>169394</v>
      </c>
      <c r="J50363" s="1" t="s">
        <v>170346</v>
      </c>
    </row>
    <row r="50364" spans="1:10" x14ac:dyDescent="0.35">
      <c r="A50364" s="1" t="s">
        <v>3892</v>
      </c>
      <c r="B50364" s="1" t="s">
        <v>169390</v>
      </c>
      <c r="C50364" s="1" t="s">
        <v>30</v>
      </c>
      <c r="D50364" s="1" t="s">
        <v>170347</v>
      </c>
      <c r="E50364" s="1" t="s">
        <v>170348</v>
      </c>
      <c r="F50364" s="1" t="s">
        <v>170349</v>
      </c>
      <c r="G50364" s="1" t="s">
        <v>170336</v>
      </c>
      <c r="H50364" s="1" t="s">
        <v>170337</v>
      </c>
      <c r="I50364" s="1" t="s">
        <v>169394</v>
      </c>
      <c r="J50364" s="1" t="s">
        <v>170350</v>
      </c>
    </row>
    <row r="50365" spans="1:10" x14ac:dyDescent="0.35">
      <c r="A50365" s="1" t="s">
        <v>3892</v>
      </c>
      <c r="B50365" s="1" t="s">
        <v>169390</v>
      </c>
      <c r="C50365" s="1" t="s">
        <v>35</v>
      </c>
      <c r="D50365" s="1" t="s">
        <v>33809</v>
      </c>
      <c r="E50365" s="1" t="s">
        <v>170351</v>
      </c>
      <c r="F50365" s="1" t="s">
        <v>170352</v>
      </c>
      <c r="G50365" s="1" t="s">
        <v>170336</v>
      </c>
      <c r="H50365" s="1" t="s">
        <v>170337</v>
      </c>
      <c r="I50365" s="1" t="s">
        <v>169394</v>
      </c>
      <c r="J50365" s="1" t="s">
        <v>170353</v>
      </c>
    </row>
    <row r="50366" spans="1:10" x14ac:dyDescent="0.35">
      <c r="A50366" s="1" t="s">
        <v>3892</v>
      </c>
      <c r="B50366" s="1" t="s">
        <v>169390</v>
      </c>
      <c r="C50366" s="1" t="s">
        <v>40</v>
      </c>
      <c r="D50366" s="1" t="s">
        <v>29137</v>
      </c>
      <c r="E50366" s="1" t="s">
        <v>170354</v>
      </c>
      <c r="F50366" s="1" t="s">
        <v>170355</v>
      </c>
      <c r="G50366" s="1" t="s">
        <v>170336</v>
      </c>
      <c r="H50366" s="1" t="s">
        <v>170337</v>
      </c>
      <c r="I50366" s="1" t="s">
        <v>169394</v>
      </c>
      <c r="J50366" s="1" t="s">
        <v>170356</v>
      </c>
    </row>
    <row r="50367" spans="1:10" x14ac:dyDescent="0.35">
      <c r="A50367" s="1" t="s">
        <v>3892</v>
      </c>
      <c r="B50367" s="1" t="s">
        <v>169390</v>
      </c>
      <c r="C50367" s="1" t="s">
        <v>45</v>
      </c>
      <c r="D50367" s="1" t="s">
        <v>170357</v>
      </c>
      <c r="E50367" s="1" t="s">
        <v>170358</v>
      </c>
      <c r="F50367" s="1" t="s">
        <v>170359</v>
      </c>
      <c r="G50367" s="1" t="s">
        <v>170336</v>
      </c>
      <c r="H50367" s="1" t="s">
        <v>170337</v>
      </c>
      <c r="I50367" s="1" t="s">
        <v>169394</v>
      </c>
      <c r="J50367" s="1" t="s">
        <v>170360</v>
      </c>
    </row>
    <row r="50368" spans="1:10" x14ac:dyDescent="0.35">
      <c r="A50368" s="1" t="s">
        <v>3892</v>
      </c>
      <c r="B50368" s="1" t="s">
        <v>169390</v>
      </c>
      <c r="C50368" s="1" t="s">
        <v>50</v>
      </c>
      <c r="D50368" s="1" t="s">
        <v>17825</v>
      </c>
      <c r="E50368" s="1" t="s">
        <v>170361</v>
      </c>
      <c r="F50368" s="1" t="s">
        <v>170362</v>
      </c>
      <c r="G50368" s="1" t="s">
        <v>170336</v>
      </c>
      <c r="H50368" s="1" t="s">
        <v>170337</v>
      </c>
      <c r="I50368" s="1" t="s">
        <v>169394</v>
      </c>
      <c r="J50368" s="1" t="s">
        <v>170363</v>
      </c>
    </row>
    <row r="50369" spans="1:10" x14ac:dyDescent="0.35">
      <c r="A50369" s="1" t="s">
        <v>3892</v>
      </c>
      <c r="B50369" s="1" t="s">
        <v>169390</v>
      </c>
      <c r="C50369" s="1" t="s">
        <v>55</v>
      </c>
      <c r="D50369" s="1" t="s">
        <v>71115</v>
      </c>
      <c r="E50369" s="1" t="s">
        <v>170364</v>
      </c>
      <c r="F50369" s="1" t="s">
        <v>170365</v>
      </c>
      <c r="G50369" s="1" t="s">
        <v>170336</v>
      </c>
      <c r="H50369" s="1" t="s">
        <v>170337</v>
      </c>
      <c r="I50369" s="1" t="s">
        <v>169394</v>
      </c>
      <c r="J50369" s="1" t="s">
        <v>121717</v>
      </c>
    </row>
    <row r="50370" spans="1:10" x14ac:dyDescent="0.35">
      <c r="A50370" s="1" t="s">
        <v>3892</v>
      </c>
      <c r="B50370" s="1" t="s">
        <v>169390</v>
      </c>
      <c r="C50370" s="1" t="s">
        <v>60</v>
      </c>
      <c r="D50370" s="1" t="s">
        <v>170366</v>
      </c>
      <c r="E50370" s="1" t="s">
        <v>170367</v>
      </c>
      <c r="F50370" s="1" t="s">
        <v>170368</v>
      </c>
      <c r="G50370" s="1" t="s">
        <v>170336</v>
      </c>
      <c r="H50370" s="1" t="s">
        <v>170337</v>
      </c>
      <c r="I50370" s="1" t="s">
        <v>169394</v>
      </c>
      <c r="J50370" s="1" t="s">
        <v>170369</v>
      </c>
    </row>
    <row r="50371" spans="1:10" x14ac:dyDescent="0.35">
      <c r="A50371" s="1" t="s">
        <v>3892</v>
      </c>
      <c r="B50371" s="1" t="s">
        <v>169390</v>
      </c>
      <c r="C50371" s="1" t="s">
        <v>65</v>
      </c>
      <c r="D50371" s="1" t="s">
        <v>73539</v>
      </c>
      <c r="E50371" s="1" t="s">
        <v>170370</v>
      </c>
      <c r="F50371" s="1" t="s">
        <v>170371</v>
      </c>
      <c r="G50371" s="1" t="s">
        <v>170336</v>
      </c>
      <c r="H50371" s="1" t="s">
        <v>170337</v>
      </c>
      <c r="I50371" s="1" t="s">
        <v>169394</v>
      </c>
      <c r="J50371" s="1" t="s">
        <v>170372</v>
      </c>
    </row>
    <row r="50372" spans="1:10" x14ac:dyDescent="0.35">
      <c r="A50372" s="1" t="s">
        <v>3892</v>
      </c>
      <c r="B50372" s="1" t="s">
        <v>169390</v>
      </c>
      <c r="C50372" s="1" t="s">
        <v>70</v>
      </c>
      <c r="D50372" s="1" t="s">
        <v>118961</v>
      </c>
      <c r="E50372" s="1" t="s">
        <v>170373</v>
      </c>
      <c r="F50372" s="1" t="s">
        <v>170374</v>
      </c>
      <c r="G50372" s="1" t="s">
        <v>170336</v>
      </c>
      <c r="H50372" s="1" t="s">
        <v>170337</v>
      </c>
      <c r="I50372" s="1" t="s">
        <v>169394</v>
      </c>
      <c r="J50372" s="1" t="s">
        <v>170375</v>
      </c>
    </row>
    <row r="50373" spans="1:10" x14ac:dyDescent="0.35">
      <c r="A50373" s="1" t="s">
        <v>3892</v>
      </c>
      <c r="B50373" s="1" t="s">
        <v>169390</v>
      </c>
      <c r="C50373" s="1" t="s">
        <v>75</v>
      </c>
      <c r="D50373" s="1" t="s">
        <v>72968</v>
      </c>
      <c r="E50373" s="1" t="s">
        <v>170376</v>
      </c>
      <c r="F50373" s="1" t="s">
        <v>170377</v>
      </c>
      <c r="G50373" s="1" t="s">
        <v>170336</v>
      </c>
      <c r="H50373" s="1" t="s">
        <v>170337</v>
      </c>
      <c r="I50373" s="1" t="s">
        <v>169394</v>
      </c>
      <c r="J50373" s="1" t="s">
        <v>170378</v>
      </c>
    </row>
    <row r="50374" spans="1:10" x14ac:dyDescent="0.35">
      <c r="A50374" s="1" t="s">
        <v>3892</v>
      </c>
      <c r="B50374" s="1" t="s">
        <v>169390</v>
      </c>
      <c r="C50374" s="1" t="s">
        <v>80</v>
      </c>
      <c r="D50374" s="1" t="s">
        <v>48889</v>
      </c>
      <c r="E50374" s="1" t="s">
        <v>170379</v>
      </c>
      <c r="F50374" s="1" t="s">
        <v>170380</v>
      </c>
      <c r="G50374" s="1" t="s">
        <v>170336</v>
      </c>
      <c r="H50374" s="1" t="s">
        <v>170337</v>
      </c>
      <c r="I50374" s="1" t="s">
        <v>169394</v>
      </c>
      <c r="J50374" s="1" t="s">
        <v>170381</v>
      </c>
    </row>
    <row r="50375" spans="1:10" x14ac:dyDescent="0.35">
      <c r="A50375" s="1" t="s">
        <v>3892</v>
      </c>
      <c r="B50375" s="1" t="s">
        <v>169390</v>
      </c>
      <c r="C50375" s="1" t="s">
        <v>85</v>
      </c>
      <c r="D50375" s="1" t="s">
        <v>170382</v>
      </c>
      <c r="E50375" s="1" t="s">
        <v>170383</v>
      </c>
      <c r="F50375" s="1" t="s">
        <v>170384</v>
      </c>
      <c r="G50375" s="1" t="s">
        <v>170336</v>
      </c>
      <c r="H50375" s="1" t="s">
        <v>170337</v>
      </c>
      <c r="I50375" s="1" t="s">
        <v>169394</v>
      </c>
      <c r="J50375" s="1" t="s">
        <v>170385</v>
      </c>
    </row>
    <row r="50376" spans="1:10" x14ac:dyDescent="0.35">
      <c r="A50376" s="1" t="s">
        <v>3892</v>
      </c>
      <c r="B50376" s="1" t="s">
        <v>169390</v>
      </c>
      <c r="C50376" s="1" t="s">
        <v>90</v>
      </c>
      <c r="D50376" s="1" t="s">
        <v>170386</v>
      </c>
      <c r="E50376" s="1" t="s">
        <v>170387</v>
      </c>
      <c r="F50376" s="1" t="s">
        <v>170388</v>
      </c>
      <c r="G50376" s="1" t="s">
        <v>170336</v>
      </c>
      <c r="H50376" s="1" t="s">
        <v>170337</v>
      </c>
      <c r="I50376" s="1" t="s">
        <v>169394</v>
      </c>
      <c r="J50376" s="1" t="s">
        <v>170389</v>
      </c>
    </row>
    <row r="50377" spans="1:10" x14ac:dyDescent="0.35">
      <c r="A50377" s="1" t="s">
        <v>3892</v>
      </c>
      <c r="B50377" s="1" t="s">
        <v>169390</v>
      </c>
      <c r="C50377" s="1" t="s">
        <v>95</v>
      </c>
      <c r="D50377" s="1" t="s">
        <v>32945</v>
      </c>
      <c r="E50377" s="1" t="s">
        <v>170390</v>
      </c>
      <c r="F50377" s="1" t="s">
        <v>170391</v>
      </c>
      <c r="G50377" s="1" t="s">
        <v>170336</v>
      </c>
      <c r="H50377" s="1" t="s">
        <v>170337</v>
      </c>
      <c r="I50377" s="1" t="s">
        <v>169394</v>
      </c>
      <c r="J50377" s="1" t="s">
        <v>170392</v>
      </c>
    </row>
    <row r="50378" spans="1:10" x14ac:dyDescent="0.35">
      <c r="A50378" s="1" t="s">
        <v>3892</v>
      </c>
      <c r="B50378" s="1" t="s">
        <v>169390</v>
      </c>
      <c r="C50378" s="1" t="s">
        <v>100</v>
      </c>
      <c r="D50378" s="1" t="s">
        <v>170393</v>
      </c>
      <c r="E50378" s="1" t="s">
        <v>170394</v>
      </c>
      <c r="F50378" s="1" t="s">
        <v>170395</v>
      </c>
      <c r="G50378" s="1" t="s">
        <v>170336</v>
      </c>
      <c r="H50378" s="1" t="s">
        <v>170337</v>
      </c>
      <c r="I50378" s="1" t="s">
        <v>169394</v>
      </c>
      <c r="J50378" s="1" t="s">
        <v>170396</v>
      </c>
    </row>
    <row r="50379" spans="1:10" x14ac:dyDescent="0.35">
      <c r="A50379" s="1" t="s">
        <v>3892</v>
      </c>
      <c r="B50379" s="1" t="s">
        <v>169390</v>
      </c>
      <c r="C50379" s="1" t="s">
        <v>105</v>
      </c>
      <c r="D50379" s="1" t="s">
        <v>170397</v>
      </c>
      <c r="E50379" s="1" t="s">
        <v>170398</v>
      </c>
      <c r="F50379" s="1" t="s">
        <v>170399</v>
      </c>
      <c r="G50379" s="1" t="s">
        <v>170336</v>
      </c>
      <c r="H50379" s="1" t="s">
        <v>170337</v>
      </c>
      <c r="I50379" s="1" t="s">
        <v>169394</v>
      </c>
      <c r="J50379" s="1" t="s">
        <v>170400</v>
      </c>
    </row>
    <row r="50380" spans="1:10" x14ac:dyDescent="0.35">
      <c r="A50380" s="1" t="s">
        <v>3892</v>
      </c>
      <c r="B50380" s="1" t="s">
        <v>169390</v>
      </c>
      <c r="C50380" s="1" t="s">
        <v>110</v>
      </c>
      <c r="D50380" s="1" t="s">
        <v>170401</v>
      </c>
      <c r="E50380" s="1" t="s">
        <v>170402</v>
      </c>
      <c r="F50380" s="1" t="s">
        <v>170403</v>
      </c>
      <c r="G50380" s="1" t="s">
        <v>170336</v>
      </c>
      <c r="H50380" s="1" t="s">
        <v>170337</v>
      </c>
      <c r="I50380" s="1" t="s">
        <v>169394</v>
      </c>
      <c r="J50380" s="1" t="s">
        <v>170404</v>
      </c>
    </row>
    <row r="50381" spans="1:10" x14ac:dyDescent="0.35">
      <c r="A50381" s="1" t="s">
        <v>3892</v>
      </c>
      <c r="B50381" s="1" t="s">
        <v>169390</v>
      </c>
      <c r="C50381" s="1" t="s">
        <v>115</v>
      </c>
      <c r="D50381" s="1" t="s">
        <v>170405</v>
      </c>
      <c r="E50381" s="1" t="s">
        <v>170406</v>
      </c>
      <c r="F50381" s="1" t="s">
        <v>170407</v>
      </c>
      <c r="G50381" s="1" t="s">
        <v>170336</v>
      </c>
      <c r="H50381" s="1" t="s">
        <v>170337</v>
      </c>
      <c r="I50381" s="1" t="s">
        <v>169394</v>
      </c>
      <c r="J50381" s="1" t="s">
        <v>170408</v>
      </c>
    </row>
    <row r="50382" spans="1:10" x14ac:dyDescent="0.35">
      <c r="A50382" s="1" t="s">
        <v>3892</v>
      </c>
      <c r="B50382" s="1" t="s">
        <v>169390</v>
      </c>
      <c r="C50382" s="1" t="s">
        <v>120</v>
      </c>
      <c r="D50382" s="1" t="s">
        <v>170409</v>
      </c>
      <c r="E50382" s="1" t="s">
        <v>170410</v>
      </c>
      <c r="F50382" s="1" t="s">
        <v>170411</v>
      </c>
      <c r="G50382" s="1" t="s">
        <v>170336</v>
      </c>
      <c r="H50382" s="1" t="s">
        <v>170337</v>
      </c>
      <c r="I50382" s="1" t="s">
        <v>169394</v>
      </c>
      <c r="J50382" s="1" t="s">
        <v>170412</v>
      </c>
    </row>
    <row r="50383" spans="1:10" x14ac:dyDescent="0.35">
      <c r="A50383" s="1" t="s">
        <v>3892</v>
      </c>
      <c r="B50383" s="1" t="s">
        <v>169390</v>
      </c>
      <c r="C50383" s="1" t="s">
        <v>125</v>
      </c>
      <c r="D50383" s="1" t="s">
        <v>82265</v>
      </c>
      <c r="E50383" s="1" t="s">
        <v>170413</v>
      </c>
      <c r="F50383" s="1" t="s">
        <v>170414</v>
      </c>
      <c r="G50383" s="1" t="s">
        <v>170336</v>
      </c>
      <c r="H50383" s="1" t="s">
        <v>170337</v>
      </c>
      <c r="I50383" s="1" t="s">
        <v>169394</v>
      </c>
      <c r="J50383" s="1" t="s">
        <v>170415</v>
      </c>
    </row>
    <row r="50384" spans="1:10" x14ac:dyDescent="0.35">
      <c r="A50384" s="1" t="s">
        <v>3892</v>
      </c>
      <c r="B50384" s="1" t="s">
        <v>169390</v>
      </c>
      <c r="C50384" s="1" t="s">
        <v>130</v>
      </c>
      <c r="D50384" s="1" t="s">
        <v>42424</v>
      </c>
      <c r="E50384" s="1" t="s">
        <v>170416</v>
      </c>
      <c r="F50384" s="1" t="s">
        <v>170417</v>
      </c>
      <c r="G50384" s="1" t="s">
        <v>170336</v>
      </c>
      <c r="H50384" s="1" t="s">
        <v>170337</v>
      </c>
      <c r="I50384" s="1" t="s">
        <v>169394</v>
      </c>
      <c r="J50384" s="1" t="s">
        <v>170418</v>
      </c>
    </row>
    <row r="50385" spans="1:10" x14ac:dyDescent="0.35">
      <c r="A50385" s="1" t="s">
        <v>3892</v>
      </c>
      <c r="B50385" s="1" t="s">
        <v>169390</v>
      </c>
      <c r="C50385" s="1" t="s">
        <v>135</v>
      </c>
      <c r="D50385" s="1" t="s">
        <v>170419</v>
      </c>
      <c r="E50385" s="1" t="s">
        <v>170420</v>
      </c>
      <c r="F50385" s="1" t="s">
        <v>170421</v>
      </c>
      <c r="G50385" s="1" t="s">
        <v>170336</v>
      </c>
      <c r="H50385" s="1" t="s">
        <v>170337</v>
      </c>
      <c r="I50385" s="1" t="s">
        <v>169394</v>
      </c>
      <c r="J50385" s="1" t="s">
        <v>170422</v>
      </c>
    </row>
    <row r="50386" spans="1:10" x14ac:dyDescent="0.35">
      <c r="A50386" s="1" t="s">
        <v>3892</v>
      </c>
      <c r="B50386" s="1" t="s">
        <v>169390</v>
      </c>
      <c r="C50386" s="1" t="s">
        <v>140</v>
      </c>
      <c r="D50386" s="1" t="s">
        <v>170423</v>
      </c>
      <c r="E50386" s="1" t="s">
        <v>170424</v>
      </c>
      <c r="F50386" s="1" t="s">
        <v>170425</v>
      </c>
      <c r="G50386" s="1" t="s">
        <v>170336</v>
      </c>
      <c r="H50386" s="1" t="s">
        <v>170337</v>
      </c>
      <c r="I50386" s="1" t="s">
        <v>169394</v>
      </c>
      <c r="J50386" s="1" t="s">
        <v>170426</v>
      </c>
    </row>
    <row r="50387" spans="1:10" x14ac:dyDescent="0.35">
      <c r="A50387" s="1" t="s">
        <v>3892</v>
      </c>
      <c r="B50387" s="1" t="s">
        <v>169390</v>
      </c>
      <c r="C50387" s="1" t="s">
        <v>145</v>
      </c>
      <c r="D50387" s="1" t="s">
        <v>170427</v>
      </c>
      <c r="E50387" s="1" t="s">
        <v>170428</v>
      </c>
      <c r="F50387" s="1" t="s">
        <v>170429</v>
      </c>
      <c r="G50387" s="1" t="s">
        <v>170336</v>
      </c>
      <c r="H50387" s="1" t="s">
        <v>170337</v>
      </c>
      <c r="I50387" s="1" t="s">
        <v>169394</v>
      </c>
      <c r="J50387" s="1" t="s">
        <v>170430</v>
      </c>
    </row>
    <row r="50388" spans="1:10" x14ac:dyDescent="0.35">
      <c r="A50388" s="1" t="s">
        <v>3892</v>
      </c>
      <c r="B50388" s="1" t="s">
        <v>169390</v>
      </c>
      <c r="C50388" s="1" t="s">
        <v>150</v>
      </c>
      <c r="D50388" s="1" t="s">
        <v>170431</v>
      </c>
      <c r="E50388" s="1" t="s">
        <v>170432</v>
      </c>
      <c r="F50388" s="1" t="s">
        <v>170429</v>
      </c>
      <c r="G50388" s="1" t="s">
        <v>170336</v>
      </c>
      <c r="H50388" s="1" t="s">
        <v>170337</v>
      </c>
      <c r="I50388" s="1" t="s">
        <v>169394</v>
      </c>
      <c r="J50388" s="1" t="s">
        <v>170433</v>
      </c>
    </row>
    <row r="50389" spans="1:10" x14ac:dyDescent="0.35">
      <c r="A50389" s="1" t="s">
        <v>3892</v>
      </c>
      <c r="B50389" s="1" t="s">
        <v>169390</v>
      </c>
      <c r="C50389" s="1" t="s">
        <v>155</v>
      </c>
      <c r="D50389" s="1" t="s">
        <v>170434</v>
      </c>
      <c r="E50389" s="1" t="s">
        <v>170435</v>
      </c>
      <c r="F50389" s="1" t="s">
        <v>170436</v>
      </c>
      <c r="G50389" s="1" t="s">
        <v>170336</v>
      </c>
      <c r="H50389" s="1" t="s">
        <v>170337</v>
      </c>
      <c r="I50389" s="1" t="s">
        <v>169394</v>
      </c>
      <c r="J50389" s="1" t="s">
        <v>170437</v>
      </c>
    </row>
    <row r="50390" spans="1:10" x14ac:dyDescent="0.35">
      <c r="A50390" s="1" t="s">
        <v>3892</v>
      </c>
      <c r="B50390" s="1" t="s">
        <v>169390</v>
      </c>
      <c r="C50390" s="1" t="s">
        <v>160</v>
      </c>
      <c r="D50390" s="1" t="s">
        <v>170438</v>
      </c>
      <c r="E50390" s="1" t="s">
        <v>170439</v>
      </c>
      <c r="F50390" s="1" t="s">
        <v>170429</v>
      </c>
      <c r="G50390" s="1" t="s">
        <v>170336</v>
      </c>
      <c r="H50390" s="1" t="s">
        <v>170337</v>
      </c>
      <c r="I50390" s="1" t="s">
        <v>169394</v>
      </c>
      <c r="J50390" s="1" t="s">
        <v>170440</v>
      </c>
    </row>
    <row r="50391" spans="1:10" x14ac:dyDescent="0.35">
      <c r="A50391" s="1" t="s">
        <v>3892</v>
      </c>
      <c r="B50391" s="1" t="s">
        <v>169390</v>
      </c>
      <c r="C50391" s="1" t="s">
        <v>165</v>
      </c>
      <c r="D50391" s="1" t="s">
        <v>170441</v>
      </c>
      <c r="E50391" s="1" t="s">
        <v>170442</v>
      </c>
      <c r="F50391" s="1" t="s">
        <v>170443</v>
      </c>
      <c r="G50391" s="1" t="s">
        <v>170336</v>
      </c>
      <c r="H50391" s="1" t="s">
        <v>170337</v>
      </c>
      <c r="I50391" s="1" t="s">
        <v>169394</v>
      </c>
      <c r="J50391" s="1" t="s">
        <v>170444</v>
      </c>
    </row>
    <row r="50392" spans="1:10" x14ac:dyDescent="0.35">
      <c r="A50392" s="1" t="s">
        <v>3892</v>
      </c>
      <c r="B50392" s="1" t="s">
        <v>169390</v>
      </c>
      <c r="C50392" s="1" t="s">
        <v>170</v>
      </c>
      <c r="D50392" s="1" t="s">
        <v>170445</v>
      </c>
      <c r="E50392" s="1" t="s">
        <v>170446</v>
      </c>
      <c r="F50392" s="1" t="s">
        <v>170447</v>
      </c>
      <c r="G50392" s="1" t="s">
        <v>170336</v>
      </c>
      <c r="H50392" s="1" t="s">
        <v>170337</v>
      </c>
      <c r="I50392" s="1" t="s">
        <v>169394</v>
      </c>
      <c r="J50392" s="1" t="s">
        <v>170448</v>
      </c>
    </row>
    <row r="50393" spans="1:10" x14ac:dyDescent="0.35">
      <c r="A50393" s="1" t="s">
        <v>11044</v>
      </c>
      <c r="B50393" s="1" t="s">
        <v>169390</v>
      </c>
      <c r="C50393" s="1" t="s">
        <v>8</v>
      </c>
      <c r="D50393" s="1" t="s">
        <v>34853</v>
      </c>
      <c r="E50393" s="1" t="s">
        <v>170449</v>
      </c>
      <c r="F50393" s="1" t="s">
        <v>170450</v>
      </c>
      <c r="G50393" s="1" t="s">
        <v>170451</v>
      </c>
      <c r="H50393" s="1" t="s">
        <v>170452</v>
      </c>
      <c r="I50393" s="1" t="s">
        <v>169394</v>
      </c>
      <c r="J50393" s="1" t="s">
        <v>13</v>
      </c>
    </row>
    <row r="50394" spans="1:10" x14ac:dyDescent="0.35">
      <c r="A50394" s="1" t="s">
        <v>11044</v>
      </c>
      <c r="B50394" s="1" t="s">
        <v>169390</v>
      </c>
      <c r="C50394" s="1" t="s">
        <v>15</v>
      </c>
      <c r="D50394" s="1" t="s">
        <v>151336</v>
      </c>
      <c r="E50394" s="1" t="s">
        <v>170453</v>
      </c>
      <c r="F50394" s="1" t="s">
        <v>170454</v>
      </c>
      <c r="G50394" s="1" t="s">
        <v>170451</v>
      </c>
      <c r="H50394" s="1" t="s">
        <v>170452</v>
      </c>
      <c r="I50394" s="1" t="s">
        <v>169394</v>
      </c>
      <c r="J50394" s="1" t="s">
        <v>170455</v>
      </c>
    </row>
    <row r="50395" spans="1:10" x14ac:dyDescent="0.35">
      <c r="A50395" s="1" t="s">
        <v>11044</v>
      </c>
      <c r="B50395" s="1" t="s">
        <v>169390</v>
      </c>
      <c r="C50395" s="1" t="s">
        <v>20</v>
      </c>
      <c r="D50395" s="1" t="s">
        <v>135586</v>
      </c>
      <c r="E50395" s="1" t="s">
        <v>170456</v>
      </c>
      <c r="F50395" s="1" t="s">
        <v>170457</v>
      </c>
      <c r="G50395" s="1" t="s">
        <v>170451</v>
      </c>
      <c r="H50395" s="1" t="s">
        <v>170452</v>
      </c>
      <c r="I50395" s="1" t="s">
        <v>169394</v>
      </c>
      <c r="J50395" s="1" t="s">
        <v>170458</v>
      </c>
    </row>
    <row r="50396" spans="1:10" x14ac:dyDescent="0.35">
      <c r="A50396" s="1" t="s">
        <v>11044</v>
      </c>
      <c r="B50396" s="1" t="s">
        <v>169390</v>
      </c>
      <c r="C50396" s="1" t="s">
        <v>25</v>
      </c>
      <c r="D50396" s="1" t="s">
        <v>151855</v>
      </c>
      <c r="E50396" s="1" t="s">
        <v>170459</v>
      </c>
      <c r="F50396" s="1" t="s">
        <v>170460</v>
      </c>
      <c r="G50396" s="1" t="s">
        <v>170451</v>
      </c>
      <c r="H50396" s="1" t="s">
        <v>170452</v>
      </c>
      <c r="I50396" s="1" t="s">
        <v>169394</v>
      </c>
      <c r="J50396" s="1" t="s">
        <v>170461</v>
      </c>
    </row>
    <row r="50397" spans="1:10" x14ac:dyDescent="0.35">
      <c r="A50397" s="1" t="s">
        <v>11044</v>
      </c>
      <c r="B50397" s="1" t="s">
        <v>169390</v>
      </c>
      <c r="C50397" s="1" t="s">
        <v>30</v>
      </c>
      <c r="D50397" s="1" t="s">
        <v>49198</v>
      </c>
      <c r="E50397" s="1" t="s">
        <v>170462</v>
      </c>
      <c r="F50397" s="1" t="s">
        <v>170463</v>
      </c>
      <c r="G50397" s="1" t="s">
        <v>170451</v>
      </c>
      <c r="H50397" s="1" t="s">
        <v>170452</v>
      </c>
      <c r="I50397" s="1" t="s">
        <v>169394</v>
      </c>
      <c r="J50397" s="1" t="s">
        <v>170464</v>
      </c>
    </row>
    <row r="50398" spans="1:10" x14ac:dyDescent="0.35">
      <c r="A50398" s="1" t="s">
        <v>11044</v>
      </c>
      <c r="B50398" s="1" t="s">
        <v>169390</v>
      </c>
      <c r="C50398" s="1" t="s">
        <v>35</v>
      </c>
      <c r="D50398" s="1" t="s">
        <v>45664</v>
      </c>
      <c r="E50398" s="1" t="s">
        <v>170465</v>
      </c>
      <c r="F50398" s="1" t="s">
        <v>170466</v>
      </c>
      <c r="G50398" s="1" t="s">
        <v>170451</v>
      </c>
      <c r="H50398" s="1" t="s">
        <v>170452</v>
      </c>
      <c r="I50398" s="1" t="s">
        <v>169394</v>
      </c>
      <c r="J50398" s="1" t="s">
        <v>170467</v>
      </c>
    </row>
    <row r="50399" spans="1:10" x14ac:dyDescent="0.35">
      <c r="A50399" s="1" t="s">
        <v>11044</v>
      </c>
      <c r="B50399" s="1" t="s">
        <v>169390</v>
      </c>
      <c r="C50399" s="1" t="s">
        <v>40</v>
      </c>
      <c r="D50399" s="1" t="s">
        <v>170468</v>
      </c>
      <c r="E50399" s="1" t="s">
        <v>170469</v>
      </c>
      <c r="F50399" s="1" t="s">
        <v>170470</v>
      </c>
      <c r="G50399" s="1" t="s">
        <v>170451</v>
      </c>
      <c r="H50399" s="1" t="s">
        <v>170452</v>
      </c>
      <c r="I50399" s="1" t="s">
        <v>169394</v>
      </c>
      <c r="J50399" s="1" t="s">
        <v>170471</v>
      </c>
    </row>
    <row r="50400" spans="1:10" x14ac:dyDescent="0.35">
      <c r="A50400" s="1" t="s">
        <v>11044</v>
      </c>
      <c r="B50400" s="1" t="s">
        <v>169390</v>
      </c>
      <c r="C50400" s="1" t="s">
        <v>45</v>
      </c>
      <c r="D50400" s="1" t="s">
        <v>51300</v>
      </c>
      <c r="E50400" s="1" t="s">
        <v>170472</v>
      </c>
      <c r="F50400" s="1" t="s">
        <v>170473</v>
      </c>
      <c r="G50400" s="1" t="s">
        <v>170451</v>
      </c>
      <c r="H50400" s="1" t="s">
        <v>170452</v>
      </c>
      <c r="I50400" s="1" t="s">
        <v>169394</v>
      </c>
      <c r="J50400" s="1" t="s">
        <v>170474</v>
      </c>
    </row>
    <row r="50401" spans="1:10" x14ac:dyDescent="0.35">
      <c r="A50401" s="1" t="s">
        <v>11044</v>
      </c>
      <c r="B50401" s="1" t="s">
        <v>169390</v>
      </c>
      <c r="C50401" s="1" t="s">
        <v>50</v>
      </c>
      <c r="D50401" s="1" t="s">
        <v>34512</v>
      </c>
      <c r="E50401" s="1" t="s">
        <v>170475</v>
      </c>
      <c r="F50401" s="1" t="s">
        <v>170476</v>
      </c>
      <c r="G50401" s="1" t="s">
        <v>170451</v>
      </c>
      <c r="H50401" s="1" t="s">
        <v>170452</v>
      </c>
      <c r="I50401" s="1" t="s">
        <v>169394</v>
      </c>
      <c r="J50401" s="1" t="s">
        <v>170477</v>
      </c>
    </row>
    <row r="50402" spans="1:10" x14ac:dyDescent="0.35">
      <c r="A50402" s="1" t="s">
        <v>11044</v>
      </c>
      <c r="B50402" s="1" t="s">
        <v>169390</v>
      </c>
      <c r="C50402" s="1" t="s">
        <v>55</v>
      </c>
      <c r="D50402" s="1" t="s">
        <v>112013</v>
      </c>
      <c r="E50402" s="1" t="s">
        <v>170478</v>
      </c>
      <c r="F50402" s="1" t="s">
        <v>170479</v>
      </c>
      <c r="G50402" s="1" t="s">
        <v>170451</v>
      </c>
      <c r="H50402" s="1" t="s">
        <v>170452</v>
      </c>
      <c r="I50402" s="1" t="s">
        <v>169394</v>
      </c>
      <c r="J50402" s="1" t="s">
        <v>170480</v>
      </c>
    </row>
    <row r="50403" spans="1:10" x14ac:dyDescent="0.35">
      <c r="A50403" s="1" t="s">
        <v>11044</v>
      </c>
      <c r="B50403" s="1" t="s">
        <v>169390</v>
      </c>
      <c r="C50403" s="1" t="s">
        <v>60</v>
      </c>
      <c r="D50403" s="1" t="s">
        <v>25770</v>
      </c>
      <c r="E50403" s="1" t="s">
        <v>170481</v>
      </c>
      <c r="F50403" s="1" t="s">
        <v>170482</v>
      </c>
      <c r="G50403" s="1" t="s">
        <v>170451</v>
      </c>
      <c r="H50403" s="1" t="s">
        <v>170452</v>
      </c>
      <c r="I50403" s="1" t="s">
        <v>169394</v>
      </c>
      <c r="J50403" s="1" t="s">
        <v>170483</v>
      </c>
    </row>
    <row r="50404" spans="1:10" x14ac:dyDescent="0.35">
      <c r="A50404" s="1" t="s">
        <v>11044</v>
      </c>
      <c r="B50404" s="1" t="s">
        <v>169390</v>
      </c>
      <c r="C50404" s="1" t="s">
        <v>65</v>
      </c>
      <c r="D50404" s="1" t="s">
        <v>6712</v>
      </c>
      <c r="E50404" s="1" t="s">
        <v>170484</v>
      </c>
      <c r="F50404" s="1" t="s">
        <v>170485</v>
      </c>
      <c r="G50404" s="1" t="s">
        <v>170451</v>
      </c>
      <c r="H50404" s="1" t="s">
        <v>170452</v>
      </c>
      <c r="I50404" s="1" t="s">
        <v>169394</v>
      </c>
      <c r="J50404" s="1" t="s">
        <v>170486</v>
      </c>
    </row>
    <row r="50405" spans="1:10" x14ac:dyDescent="0.35">
      <c r="A50405" s="1" t="s">
        <v>11044</v>
      </c>
      <c r="B50405" s="1" t="s">
        <v>169390</v>
      </c>
      <c r="C50405" s="1" t="s">
        <v>70</v>
      </c>
      <c r="D50405" s="1" t="s">
        <v>4134</v>
      </c>
      <c r="E50405" s="1" t="s">
        <v>170487</v>
      </c>
      <c r="F50405" s="1" t="s">
        <v>170488</v>
      </c>
      <c r="G50405" s="1" t="s">
        <v>170451</v>
      </c>
      <c r="H50405" s="1" t="s">
        <v>170452</v>
      </c>
      <c r="I50405" s="1" t="s">
        <v>169394</v>
      </c>
      <c r="J50405" s="1" t="s">
        <v>170489</v>
      </c>
    </row>
    <row r="50406" spans="1:10" x14ac:dyDescent="0.35">
      <c r="A50406" s="1" t="s">
        <v>11044</v>
      </c>
      <c r="B50406" s="1" t="s">
        <v>169390</v>
      </c>
      <c r="C50406" s="1" t="s">
        <v>75</v>
      </c>
      <c r="D50406" s="1" t="s">
        <v>38792</v>
      </c>
      <c r="E50406" s="1" t="s">
        <v>170490</v>
      </c>
      <c r="F50406" s="1" t="s">
        <v>170491</v>
      </c>
      <c r="G50406" s="1" t="s">
        <v>170451</v>
      </c>
      <c r="H50406" s="1" t="s">
        <v>170452</v>
      </c>
      <c r="I50406" s="1" t="s">
        <v>169394</v>
      </c>
      <c r="J50406" s="1" t="s">
        <v>170492</v>
      </c>
    </row>
    <row r="50407" spans="1:10" x14ac:dyDescent="0.35">
      <c r="A50407" s="1" t="s">
        <v>11044</v>
      </c>
      <c r="B50407" s="1" t="s">
        <v>169390</v>
      </c>
      <c r="C50407" s="1" t="s">
        <v>80</v>
      </c>
      <c r="D50407" s="1" t="s">
        <v>170493</v>
      </c>
      <c r="E50407" s="1" t="s">
        <v>170494</v>
      </c>
      <c r="F50407" s="1" t="s">
        <v>170495</v>
      </c>
      <c r="G50407" s="1" t="s">
        <v>170451</v>
      </c>
      <c r="H50407" s="1" t="s">
        <v>170452</v>
      </c>
      <c r="I50407" s="1" t="s">
        <v>169394</v>
      </c>
      <c r="J50407" s="1" t="s">
        <v>170496</v>
      </c>
    </row>
    <row r="50408" spans="1:10" x14ac:dyDescent="0.35">
      <c r="A50408" s="1" t="s">
        <v>11044</v>
      </c>
      <c r="B50408" s="1" t="s">
        <v>169390</v>
      </c>
      <c r="C50408" s="1" t="s">
        <v>85</v>
      </c>
      <c r="D50408" s="1" t="s">
        <v>72487</v>
      </c>
      <c r="E50408" s="1" t="s">
        <v>170497</v>
      </c>
      <c r="F50408" s="1" t="s">
        <v>170498</v>
      </c>
      <c r="G50408" s="1" t="s">
        <v>170451</v>
      </c>
      <c r="H50408" s="1" t="s">
        <v>170452</v>
      </c>
      <c r="I50408" s="1" t="s">
        <v>169394</v>
      </c>
      <c r="J50408" s="1" t="s">
        <v>170499</v>
      </c>
    </row>
    <row r="50409" spans="1:10" x14ac:dyDescent="0.35">
      <c r="A50409" s="1" t="s">
        <v>11044</v>
      </c>
      <c r="B50409" s="1" t="s">
        <v>169390</v>
      </c>
      <c r="C50409" s="1" t="s">
        <v>90</v>
      </c>
      <c r="D50409" s="1" t="s">
        <v>35719</v>
      </c>
      <c r="E50409" s="1" t="s">
        <v>170500</v>
      </c>
      <c r="F50409" s="1" t="s">
        <v>170501</v>
      </c>
      <c r="G50409" s="1" t="s">
        <v>170451</v>
      </c>
      <c r="H50409" s="1" t="s">
        <v>170452</v>
      </c>
      <c r="I50409" s="1" t="s">
        <v>169394</v>
      </c>
      <c r="J50409" s="1" t="s">
        <v>170502</v>
      </c>
    </row>
    <row r="50410" spans="1:10" x14ac:dyDescent="0.35">
      <c r="A50410" s="1" t="s">
        <v>11044</v>
      </c>
      <c r="B50410" s="1" t="s">
        <v>169390</v>
      </c>
      <c r="C50410" s="1" t="s">
        <v>95</v>
      </c>
      <c r="D50410" s="1" t="s">
        <v>13027</v>
      </c>
      <c r="E50410" s="1" t="s">
        <v>170503</v>
      </c>
      <c r="F50410" s="1" t="s">
        <v>170504</v>
      </c>
      <c r="G50410" s="1" t="s">
        <v>170451</v>
      </c>
      <c r="H50410" s="1" t="s">
        <v>170452</v>
      </c>
      <c r="I50410" s="1" t="s">
        <v>169394</v>
      </c>
      <c r="J50410" s="1" t="s">
        <v>170505</v>
      </c>
    </row>
    <row r="50411" spans="1:10" x14ac:dyDescent="0.35">
      <c r="A50411" s="1" t="s">
        <v>11044</v>
      </c>
      <c r="B50411" s="1" t="s">
        <v>169390</v>
      </c>
      <c r="C50411" s="1" t="s">
        <v>100</v>
      </c>
      <c r="D50411" s="1" t="s">
        <v>36224</v>
      </c>
      <c r="E50411" s="1" t="s">
        <v>170506</v>
      </c>
      <c r="F50411" s="1" t="s">
        <v>170507</v>
      </c>
      <c r="G50411" s="1" t="s">
        <v>170451</v>
      </c>
      <c r="H50411" s="1" t="s">
        <v>170452</v>
      </c>
      <c r="I50411" s="1" t="s">
        <v>169394</v>
      </c>
      <c r="J50411" s="1" t="s">
        <v>170508</v>
      </c>
    </row>
    <row r="50412" spans="1:10" x14ac:dyDescent="0.35">
      <c r="A50412" s="1" t="s">
        <v>11044</v>
      </c>
      <c r="B50412" s="1" t="s">
        <v>169390</v>
      </c>
      <c r="C50412" s="1" t="s">
        <v>105</v>
      </c>
      <c r="D50412" s="1" t="s">
        <v>35571</v>
      </c>
      <c r="E50412" s="1" t="s">
        <v>170509</v>
      </c>
      <c r="F50412" s="1" t="s">
        <v>170510</v>
      </c>
      <c r="G50412" s="1" t="s">
        <v>170451</v>
      </c>
      <c r="H50412" s="1" t="s">
        <v>170452</v>
      </c>
      <c r="I50412" s="1" t="s">
        <v>169394</v>
      </c>
      <c r="J50412" s="1" t="s">
        <v>170511</v>
      </c>
    </row>
    <row r="50413" spans="1:10" x14ac:dyDescent="0.35">
      <c r="A50413" s="1" t="s">
        <v>11044</v>
      </c>
      <c r="B50413" s="1" t="s">
        <v>169390</v>
      </c>
      <c r="C50413" s="1" t="s">
        <v>110</v>
      </c>
      <c r="D50413" s="1" t="s">
        <v>31741</v>
      </c>
      <c r="E50413" s="1" t="s">
        <v>170512</v>
      </c>
      <c r="F50413" s="1" t="s">
        <v>170513</v>
      </c>
      <c r="G50413" s="1" t="s">
        <v>170451</v>
      </c>
      <c r="H50413" s="1" t="s">
        <v>170452</v>
      </c>
      <c r="I50413" s="1" t="s">
        <v>169394</v>
      </c>
      <c r="J50413" s="1" t="s">
        <v>170514</v>
      </c>
    </row>
    <row r="50414" spans="1:10" x14ac:dyDescent="0.35">
      <c r="A50414" s="1" t="s">
        <v>11044</v>
      </c>
      <c r="B50414" s="1" t="s">
        <v>169390</v>
      </c>
      <c r="C50414" s="1" t="s">
        <v>115</v>
      </c>
      <c r="D50414" s="1" t="s">
        <v>49098</v>
      </c>
      <c r="E50414" s="1" t="s">
        <v>170515</v>
      </c>
      <c r="F50414" s="1" t="s">
        <v>170516</v>
      </c>
      <c r="G50414" s="1" t="s">
        <v>170451</v>
      </c>
      <c r="H50414" s="1" t="s">
        <v>170452</v>
      </c>
      <c r="I50414" s="1" t="s">
        <v>169394</v>
      </c>
      <c r="J50414" s="1" t="s">
        <v>170517</v>
      </c>
    </row>
    <row r="50415" spans="1:10" x14ac:dyDescent="0.35">
      <c r="A50415" s="1" t="s">
        <v>11044</v>
      </c>
      <c r="B50415" s="1" t="s">
        <v>169390</v>
      </c>
      <c r="C50415" s="1" t="s">
        <v>120</v>
      </c>
      <c r="D50415" s="1" t="s">
        <v>48614</v>
      </c>
      <c r="E50415" s="1" t="s">
        <v>170518</v>
      </c>
      <c r="F50415" s="1" t="s">
        <v>170519</v>
      </c>
      <c r="G50415" s="1" t="s">
        <v>170451</v>
      </c>
      <c r="H50415" s="1" t="s">
        <v>170452</v>
      </c>
      <c r="I50415" s="1" t="s">
        <v>169394</v>
      </c>
      <c r="J50415" s="1" t="s">
        <v>170520</v>
      </c>
    </row>
    <row r="50416" spans="1:10" x14ac:dyDescent="0.35">
      <c r="A50416" s="1" t="s">
        <v>11044</v>
      </c>
      <c r="B50416" s="1" t="s">
        <v>169390</v>
      </c>
      <c r="C50416" s="1" t="s">
        <v>125</v>
      </c>
      <c r="D50416" s="1" t="s">
        <v>169904</v>
      </c>
      <c r="E50416" s="1" t="s">
        <v>170521</v>
      </c>
      <c r="F50416" s="1" t="s">
        <v>170522</v>
      </c>
      <c r="G50416" s="1" t="s">
        <v>170451</v>
      </c>
      <c r="H50416" s="1" t="s">
        <v>170452</v>
      </c>
      <c r="I50416" s="1" t="s">
        <v>169394</v>
      </c>
      <c r="J50416" s="1" t="s">
        <v>170523</v>
      </c>
    </row>
    <row r="50417" spans="1:10" x14ac:dyDescent="0.35">
      <c r="A50417" s="1" t="s">
        <v>11044</v>
      </c>
      <c r="B50417" s="1" t="s">
        <v>169390</v>
      </c>
      <c r="C50417" s="1" t="s">
        <v>130</v>
      </c>
      <c r="D50417" s="1" t="s">
        <v>71233</v>
      </c>
      <c r="E50417" s="1" t="s">
        <v>170524</v>
      </c>
      <c r="F50417" s="1" t="s">
        <v>170525</v>
      </c>
      <c r="G50417" s="1" t="s">
        <v>170451</v>
      </c>
      <c r="H50417" s="1" t="s">
        <v>170452</v>
      </c>
      <c r="I50417" s="1" t="s">
        <v>169394</v>
      </c>
      <c r="J50417" s="1" t="s">
        <v>170526</v>
      </c>
    </row>
    <row r="50418" spans="1:10" x14ac:dyDescent="0.35">
      <c r="A50418" s="1" t="s">
        <v>11044</v>
      </c>
      <c r="B50418" s="1" t="s">
        <v>169390</v>
      </c>
      <c r="C50418" s="1" t="s">
        <v>135</v>
      </c>
      <c r="D50418" s="1" t="s">
        <v>21</v>
      </c>
      <c r="E50418" s="1" t="s">
        <v>170527</v>
      </c>
      <c r="F50418" s="1" t="s">
        <v>170528</v>
      </c>
      <c r="G50418" s="1" t="s">
        <v>170451</v>
      </c>
      <c r="H50418" s="1" t="s">
        <v>170452</v>
      </c>
      <c r="I50418" s="1" t="s">
        <v>169394</v>
      </c>
      <c r="J50418" s="1" t="s">
        <v>170529</v>
      </c>
    </row>
    <row r="50419" spans="1:10" x14ac:dyDescent="0.35">
      <c r="A50419" s="1" t="s">
        <v>11044</v>
      </c>
      <c r="B50419" s="1" t="s">
        <v>169390</v>
      </c>
      <c r="C50419" s="1" t="s">
        <v>140</v>
      </c>
      <c r="D50419" s="1" t="s">
        <v>3449</v>
      </c>
      <c r="E50419" s="1" t="s">
        <v>170530</v>
      </c>
      <c r="F50419" s="1" t="s">
        <v>170531</v>
      </c>
      <c r="G50419" s="1" t="s">
        <v>170451</v>
      </c>
      <c r="H50419" s="1" t="s">
        <v>170452</v>
      </c>
      <c r="I50419" s="1" t="s">
        <v>169394</v>
      </c>
      <c r="J50419" s="1" t="s">
        <v>170532</v>
      </c>
    </row>
    <row r="50420" spans="1:10" x14ac:dyDescent="0.35">
      <c r="A50420" s="1" t="s">
        <v>11044</v>
      </c>
      <c r="B50420" s="1" t="s">
        <v>169390</v>
      </c>
      <c r="C50420" s="1" t="s">
        <v>145</v>
      </c>
      <c r="D50420" s="1" t="s">
        <v>15391</v>
      </c>
      <c r="E50420" s="1" t="s">
        <v>170533</v>
      </c>
      <c r="F50420" s="1" t="s">
        <v>170534</v>
      </c>
      <c r="G50420" s="1" t="s">
        <v>170451</v>
      </c>
      <c r="H50420" s="1" t="s">
        <v>170452</v>
      </c>
      <c r="I50420" s="1" t="s">
        <v>169394</v>
      </c>
      <c r="J50420" s="1" t="s">
        <v>170535</v>
      </c>
    </row>
    <row r="50421" spans="1:10" x14ac:dyDescent="0.35">
      <c r="A50421" s="1" t="s">
        <v>11044</v>
      </c>
      <c r="B50421" s="1" t="s">
        <v>169390</v>
      </c>
      <c r="C50421" s="1" t="s">
        <v>150</v>
      </c>
      <c r="D50421" s="1" t="s">
        <v>34761</v>
      </c>
      <c r="E50421" s="1" t="s">
        <v>170536</v>
      </c>
      <c r="F50421" s="1" t="s">
        <v>170534</v>
      </c>
      <c r="G50421" s="1" t="s">
        <v>170451</v>
      </c>
      <c r="H50421" s="1" t="s">
        <v>170452</v>
      </c>
      <c r="I50421" s="1" t="s">
        <v>169394</v>
      </c>
      <c r="J50421" s="1" t="s">
        <v>170537</v>
      </c>
    </row>
    <row r="50422" spans="1:10" x14ac:dyDescent="0.35">
      <c r="A50422" s="1" t="s">
        <v>11044</v>
      </c>
      <c r="B50422" s="1" t="s">
        <v>169390</v>
      </c>
      <c r="C50422" s="1" t="s">
        <v>155</v>
      </c>
      <c r="D50422" s="1" t="s">
        <v>17171</v>
      </c>
      <c r="E50422" s="1" t="s">
        <v>170538</v>
      </c>
      <c r="F50422" s="1" t="s">
        <v>170539</v>
      </c>
      <c r="G50422" s="1" t="s">
        <v>170451</v>
      </c>
      <c r="H50422" s="1" t="s">
        <v>170452</v>
      </c>
      <c r="I50422" s="1" t="s">
        <v>169394</v>
      </c>
      <c r="J50422" s="1" t="s">
        <v>170540</v>
      </c>
    </row>
    <row r="50423" spans="1:10" x14ac:dyDescent="0.35">
      <c r="A50423" s="1" t="s">
        <v>11044</v>
      </c>
      <c r="B50423" s="1" t="s">
        <v>169390</v>
      </c>
      <c r="C50423" s="1" t="s">
        <v>160</v>
      </c>
      <c r="D50423" s="1" t="s">
        <v>110760</v>
      </c>
      <c r="E50423" s="1" t="s">
        <v>170541</v>
      </c>
      <c r="F50423" s="1" t="s">
        <v>170534</v>
      </c>
      <c r="G50423" s="1" t="s">
        <v>170451</v>
      </c>
      <c r="H50423" s="1" t="s">
        <v>170452</v>
      </c>
      <c r="I50423" s="1" t="s">
        <v>169394</v>
      </c>
      <c r="J50423" s="1" t="s">
        <v>170542</v>
      </c>
    </row>
    <row r="50424" spans="1:10" x14ac:dyDescent="0.35">
      <c r="A50424" s="1" t="s">
        <v>11044</v>
      </c>
      <c r="B50424" s="1" t="s">
        <v>169390</v>
      </c>
      <c r="C50424" s="1" t="s">
        <v>165</v>
      </c>
      <c r="D50424" s="1" t="s">
        <v>170543</v>
      </c>
      <c r="E50424" s="1" t="s">
        <v>170544</v>
      </c>
      <c r="F50424" s="1" t="s">
        <v>170545</v>
      </c>
      <c r="G50424" s="1" t="s">
        <v>170451</v>
      </c>
      <c r="H50424" s="1" t="s">
        <v>170452</v>
      </c>
      <c r="I50424" s="1" t="s">
        <v>169394</v>
      </c>
      <c r="J50424" s="1" t="s">
        <v>170546</v>
      </c>
    </row>
    <row r="50425" spans="1:10" x14ac:dyDescent="0.35">
      <c r="A50425" s="1" t="s">
        <v>11044</v>
      </c>
      <c r="B50425" s="1" t="s">
        <v>169390</v>
      </c>
      <c r="C50425" s="1" t="s">
        <v>170</v>
      </c>
      <c r="D50425" s="1" t="s">
        <v>10757</v>
      </c>
      <c r="E50425" s="1" t="s">
        <v>170547</v>
      </c>
      <c r="F50425" s="1" t="s">
        <v>170548</v>
      </c>
      <c r="G50425" s="1" t="s">
        <v>170451</v>
      </c>
      <c r="H50425" s="1" t="s">
        <v>170452</v>
      </c>
      <c r="I50425" s="1" t="s">
        <v>169394</v>
      </c>
      <c r="J50425" s="1" t="s">
        <v>170549</v>
      </c>
    </row>
    <row r="50426" spans="1:10" x14ac:dyDescent="0.35">
      <c r="A50426" s="1" t="s">
        <v>29148</v>
      </c>
      <c r="B50426" s="1" t="s">
        <v>169390</v>
      </c>
      <c r="C50426" s="1" t="s">
        <v>8</v>
      </c>
      <c r="D50426" s="1" t="s">
        <v>15740</v>
      </c>
      <c r="E50426" s="1" t="s">
        <v>170550</v>
      </c>
      <c r="F50426" s="1" t="s">
        <v>170551</v>
      </c>
      <c r="G50426" s="1" t="s">
        <v>170552</v>
      </c>
      <c r="H50426" s="1" t="s">
        <v>170553</v>
      </c>
      <c r="I50426" s="1" t="s">
        <v>169394</v>
      </c>
      <c r="J50426" s="1" t="s">
        <v>13</v>
      </c>
    </row>
    <row r="50427" spans="1:10" x14ac:dyDescent="0.35">
      <c r="A50427" s="1" t="s">
        <v>29148</v>
      </c>
      <c r="B50427" s="1" t="s">
        <v>169390</v>
      </c>
      <c r="C50427" s="1" t="s">
        <v>15</v>
      </c>
      <c r="D50427" s="1" t="s">
        <v>157654</v>
      </c>
      <c r="E50427" s="1" t="s">
        <v>170554</v>
      </c>
      <c r="F50427" s="1" t="s">
        <v>170555</v>
      </c>
      <c r="G50427" s="1" t="s">
        <v>170552</v>
      </c>
      <c r="H50427" s="1" t="s">
        <v>170553</v>
      </c>
      <c r="I50427" s="1" t="s">
        <v>169394</v>
      </c>
      <c r="J50427" s="1" t="s">
        <v>170556</v>
      </c>
    </row>
    <row r="50428" spans="1:10" x14ac:dyDescent="0.35">
      <c r="A50428" s="1" t="s">
        <v>29148</v>
      </c>
      <c r="B50428" s="1" t="s">
        <v>169390</v>
      </c>
      <c r="C50428" s="1" t="s">
        <v>20</v>
      </c>
      <c r="D50428" s="1" t="s">
        <v>10725</v>
      </c>
      <c r="E50428" s="1" t="s">
        <v>170557</v>
      </c>
      <c r="F50428" s="1" t="s">
        <v>170558</v>
      </c>
      <c r="G50428" s="1" t="s">
        <v>170552</v>
      </c>
      <c r="H50428" s="1" t="s">
        <v>170553</v>
      </c>
      <c r="I50428" s="1" t="s">
        <v>169394</v>
      </c>
      <c r="J50428" s="1" t="s">
        <v>170559</v>
      </c>
    </row>
    <row r="50429" spans="1:10" x14ac:dyDescent="0.35">
      <c r="A50429" s="1" t="s">
        <v>29148</v>
      </c>
      <c r="B50429" s="1" t="s">
        <v>169390</v>
      </c>
      <c r="C50429" s="1" t="s">
        <v>25</v>
      </c>
      <c r="D50429" s="1" t="s">
        <v>34488</v>
      </c>
      <c r="E50429" s="1" t="s">
        <v>170560</v>
      </c>
      <c r="F50429" s="1" t="s">
        <v>170561</v>
      </c>
      <c r="G50429" s="1" t="s">
        <v>170552</v>
      </c>
      <c r="H50429" s="1" t="s">
        <v>170553</v>
      </c>
      <c r="I50429" s="1" t="s">
        <v>169394</v>
      </c>
      <c r="J50429" s="1" t="s">
        <v>170562</v>
      </c>
    </row>
    <row r="50430" spans="1:10" x14ac:dyDescent="0.35">
      <c r="A50430" s="1" t="s">
        <v>29148</v>
      </c>
      <c r="B50430" s="1" t="s">
        <v>169390</v>
      </c>
      <c r="C50430" s="1" t="s">
        <v>30</v>
      </c>
      <c r="D50430" s="1" t="s">
        <v>145319</v>
      </c>
      <c r="E50430" s="1" t="s">
        <v>170563</v>
      </c>
      <c r="F50430" s="1" t="s">
        <v>170564</v>
      </c>
      <c r="G50430" s="1" t="s">
        <v>170552</v>
      </c>
      <c r="H50430" s="1" t="s">
        <v>170553</v>
      </c>
      <c r="I50430" s="1" t="s">
        <v>169394</v>
      </c>
      <c r="J50430" s="1" t="s">
        <v>170565</v>
      </c>
    </row>
    <row r="50431" spans="1:10" x14ac:dyDescent="0.35">
      <c r="A50431" s="1" t="s">
        <v>29148</v>
      </c>
      <c r="B50431" s="1" t="s">
        <v>169390</v>
      </c>
      <c r="C50431" s="1" t="s">
        <v>35</v>
      </c>
      <c r="D50431" s="1" t="s">
        <v>145019</v>
      </c>
      <c r="E50431" s="1" t="s">
        <v>170566</v>
      </c>
      <c r="F50431" s="1" t="s">
        <v>170567</v>
      </c>
      <c r="G50431" s="1" t="s">
        <v>170552</v>
      </c>
      <c r="H50431" s="1" t="s">
        <v>170553</v>
      </c>
      <c r="I50431" s="1" t="s">
        <v>169394</v>
      </c>
      <c r="J50431" s="1" t="s">
        <v>170568</v>
      </c>
    </row>
    <row r="50432" spans="1:10" x14ac:dyDescent="0.35">
      <c r="A50432" s="1" t="s">
        <v>29148</v>
      </c>
      <c r="B50432" s="1" t="s">
        <v>169390</v>
      </c>
      <c r="C50432" s="1" t="s">
        <v>40</v>
      </c>
      <c r="D50432" s="1" t="s">
        <v>301</v>
      </c>
      <c r="E50432" s="1" t="s">
        <v>170569</v>
      </c>
      <c r="F50432" s="1" t="s">
        <v>170570</v>
      </c>
      <c r="G50432" s="1" t="s">
        <v>170552</v>
      </c>
      <c r="H50432" s="1" t="s">
        <v>170553</v>
      </c>
      <c r="I50432" s="1" t="s">
        <v>169394</v>
      </c>
      <c r="J50432" s="1" t="s">
        <v>170571</v>
      </c>
    </row>
    <row r="50433" spans="1:10" x14ac:dyDescent="0.35">
      <c r="A50433" s="1" t="s">
        <v>29148</v>
      </c>
      <c r="B50433" s="1" t="s">
        <v>169390</v>
      </c>
      <c r="C50433" s="1" t="s">
        <v>45</v>
      </c>
      <c r="D50433" s="1" t="s">
        <v>117699</v>
      </c>
      <c r="E50433" s="1" t="s">
        <v>170572</v>
      </c>
      <c r="F50433" s="1" t="s">
        <v>170573</v>
      </c>
      <c r="G50433" s="1" t="s">
        <v>170552</v>
      </c>
      <c r="H50433" s="1" t="s">
        <v>170553</v>
      </c>
      <c r="I50433" s="1" t="s">
        <v>169394</v>
      </c>
      <c r="J50433" s="1" t="s">
        <v>170574</v>
      </c>
    </row>
    <row r="50434" spans="1:10" x14ac:dyDescent="0.35">
      <c r="A50434" s="1" t="s">
        <v>29148</v>
      </c>
      <c r="B50434" s="1" t="s">
        <v>169390</v>
      </c>
      <c r="C50434" s="1" t="s">
        <v>50</v>
      </c>
      <c r="D50434" s="1" t="s">
        <v>119953</v>
      </c>
      <c r="E50434" s="1" t="s">
        <v>170575</v>
      </c>
      <c r="F50434" s="1" t="s">
        <v>170576</v>
      </c>
      <c r="G50434" s="1" t="s">
        <v>170552</v>
      </c>
      <c r="H50434" s="1" t="s">
        <v>170553</v>
      </c>
      <c r="I50434" s="1" t="s">
        <v>169394</v>
      </c>
      <c r="J50434" s="1" t="s">
        <v>170577</v>
      </c>
    </row>
    <row r="50435" spans="1:10" x14ac:dyDescent="0.35">
      <c r="A50435" s="1" t="s">
        <v>29148</v>
      </c>
      <c r="B50435" s="1" t="s">
        <v>169390</v>
      </c>
      <c r="C50435" s="1" t="s">
        <v>55</v>
      </c>
      <c r="D50435" s="1" t="s">
        <v>146845</v>
      </c>
      <c r="E50435" s="1" t="s">
        <v>170578</v>
      </c>
      <c r="F50435" s="1" t="s">
        <v>170579</v>
      </c>
      <c r="G50435" s="1" t="s">
        <v>170552</v>
      </c>
      <c r="H50435" s="1" t="s">
        <v>170553</v>
      </c>
      <c r="I50435" s="1" t="s">
        <v>169394</v>
      </c>
      <c r="J50435" s="1" t="s">
        <v>170580</v>
      </c>
    </row>
    <row r="50436" spans="1:10" x14ac:dyDescent="0.35">
      <c r="A50436" s="1" t="s">
        <v>29148</v>
      </c>
      <c r="B50436" s="1" t="s">
        <v>169390</v>
      </c>
      <c r="C50436" s="1" t="s">
        <v>60</v>
      </c>
      <c r="D50436" s="1" t="s">
        <v>119180</v>
      </c>
      <c r="E50436" s="1" t="s">
        <v>170581</v>
      </c>
      <c r="F50436" s="1" t="s">
        <v>170582</v>
      </c>
      <c r="G50436" s="1" t="s">
        <v>170552</v>
      </c>
      <c r="H50436" s="1" t="s">
        <v>170553</v>
      </c>
      <c r="I50436" s="1" t="s">
        <v>169394</v>
      </c>
      <c r="J50436" s="1" t="s">
        <v>170583</v>
      </c>
    </row>
    <row r="50437" spans="1:10" x14ac:dyDescent="0.35">
      <c r="A50437" s="1" t="s">
        <v>29148</v>
      </c>
      <c r="B50437" s="1" t="s">
        <v>169390</v>
      </c>
      <c r="C50437" s="1" t="s">
        <v>65</v>
      </c>
      <c r="D50437" s="1" t="s">
        <v>168363</v>
      </c>
      <c r="E50437" s="1" t="s">
        <v>170584</v>
      </c>
      <c r="F50437" s="1" t="s">
        <v>170585</v>
      </c>
      <c r="G50437" s="1" t="s">
        <v>170552</v>
      </c>
      <c r="H50437" s="1" t="s">
        <v>170553</v>
      </c>
      <c r="I50437" s="1" t="s">
        <v>169394</v>
      </c>
      <c r="J50437" s="1" t="s">
        <v>170586</v>
      </c>
    </row>
    <row r="50438" spans="1:10" x14ac:dyDescent="0.35">
      <c r="A50438" s="1" t="s">
        <v>29148</v>
      </c>
      <c r="B50438" s="1" t="s">
        <v>169390</v>
      </c>
      <c r="C50438" s="1" t="s">
        <v>70</v>
      </c>
      <c r="D50438" s="1" t="s">
        <v>35401</v>
      </c>
      <c r="E50438" s="1" t="s">
        <v>170587</v>
      </c>
      <c r="F50438" s="1" t="s">
        <v>170588</v>
      </c>
      <c r="G50438" s="1" t="s">
        <v>170552</v>
      </c>
      <c r="H50438" s="1" t="s">
        <v>170553</v>
      </c>
      <c r="I50438" s="1" t="s">
        <v>169394</v>
      </c>
      <c r="J50438" s="1" t="s">
        <v>170589</v>
      </c>
    </row>
    <row r="50439" spans="1:10" x14ac:dyDescent="0.35">
      <c r="A50439" s="1" t="s">
        <v>29148</v>
      </c>
      <c r="B50439" s="1" t="s">
        <v>169390</v>
      </c>
      <c r="C50439" s="1" t="s">
        <v>75</v>
      </c>
      <c r="D50439" s="1" t="s">
        <v>49505</v>
      </c>
      <c r="E50439" s="1" t="s">
        <v>170590</v>
      </c>
      <c r="F50439" s="1" t="s">
        <v>170591</v>
      </c>
      <c r="G50439" s="1" t="s">
        <v>170552</v>
      </c>
      <c r="H50439" s="1" t="s">
        <v>170553</v>
      </c>
      <c r="I50439" s="1" t="s">
        <v>169394</v>
      </c>
      <c r="J50439" s="1" t="s">
        <v>170592</v>
      </c>
    </row>
    <row r="50440" spans="1:10" x14ac:dyDescent="0.35">
      <c r="A50440" s="1" t="s">
        <v>29148</v>
      </c>
      <c r="B50440" s="1" t="s">
        <v>169390</v>
      </c>
      <c r="C50440" s="1" t="s">
        <v>80</v>
      </c>
      <c r="D50440" s="1" t="s">
        <v>16116</v>
      </c>
      <c r="E50440" s="1" t="s">
        <v>170593</v>
      </c>
      <c r="F50440" s="1" t="s">
        <v>170594</v>
      </c>
      <c r="G50440" s="1" t="s">
        <v>170552</v>
      </c>
      <c r="H50440" s="1" t="s">
        <v>170553</v>
      </c>
      <c r="I50440" s="1" t="s">
        <v>169394</v>
      </c>
      <c r="J50440" s="1" t="s">
        <v>170595</v>
      </c>
    </row>
    <row r="50441" spans="1:10" x14ac:dyDescent="0.35">
      <c r="A50441" s="1" t="s">
        <v>29148</v>
      </c>
      <c r="B50441" s="1" t="s">
        <v>169390</v>
      </c>
      <c r="C50441" s="1" t="s">
        <v>85</v>
      </c>
      <c r="D50441" s="1" t="s">
        <v>170596</v>
      </c>
      <c r="E50441" s="1" t="s">
        <v>170597</v>
      </c>
      <c r="F50441" s="1" t="s">
        <v>170598</v>
      </c>
      <c r="G50441" s="1" t="s">
        <v>170552</v>
      </c>
      <c r="H50441" s="1" t="s">
        <v>170553</v>
      </c>
      <c r="I50441" s="1" t="s">
        <v>169394</v>
      </c>
      <c r="J50441" s="1" t="s">
        <v>170599</v>
      </c>
    </row>
    <row r="50442" spans="1:10" x14ac:dyDescent="0.35">
      <c r="A50442" s="1" t="s">
        <v>29148</v>
      </c>
      <c r="B50442" s="1" t="s">
        <v>169390</v>
      </c>
      <c r="C50442" s="1" t="s">
        <v>90</v>
      </c>
      <c r="D50442" s="1" t="s">
        <v>44350</v>
      </c>
      <c r="E50442" s="1" t="s">
        <v>170600</v>
      </c>
      <c r="F50442" s="1" t="s">
        <v>170601</v>
      </c>
      <c r="G50442" s="1" t="s">
        <v>170552</v>
      </c>
      <c r="H50442" s="1" t="s">
        <v>170553</v>
      </c>
      <c r="I50442" s="1" t="s">
        <v>169394</v>
      </c>
      <c r="J50442" s="1" t="s">
        <v>170602</v>
      </c>
    </row>
    <row r="50443" spans="1:10" x14ac:dyDescent="0.35">
      <c r="A50443" s="1" t="s">
        <v>29148</v>
      </c>
      <c r="B50443" s="1" t="s">
        <v>169390</v>
      </c>
      <c r="C50443" s="1" t="s">
        <v>95</v>
      </c>
      <c r="D50443" s="1" t="s">
        <v>34884</v>
      </c>
      <c r="E50443" s="1" t="s">
        <v>170603</v>
      </c>
      <c r="F50443" s="1" t="s">
        <v>170604</v>
      </c>
      <c r="G50443" s="1" t="s">
        <v>170552</v>
      </c>
      <c r="H50443" s="1" t="s">
        <v>170553</v>
      </c>
      <c r="I50443" s="1" t="s">
        <v>169394</v>
      </c>
      <c r="J50443" s="1" t="s">
        <v>170605</v>
      </c>
    </row>
    <row r="50444" spans="1:10" x14ac:dyDescent="0.35">
      <c r="A50444" s="1" t="s">
        <v>29148</v>
      </c>
      <c r="B50444" s="1" t="s">
        <v>169390</v>
      </c>
      <c r="C50444" s="1" t="s">
        <v>100</v>
      </c>
      <c r="D50444" s="1" t="s">
        <v>170606</v>
      </c>
      <c r="E50444" s="1" t="s">
        <v>170607</v>
      </c>
      <c r="F50444" s="1" t="s">
        <v>170608</v>
      </c>
      <c r="G50444" s="1" t="s">
        <v>170552</v>
      </c>
      <c r="H50444" s="1" t="s">
        <v>170553</v>
      </c>
      <c r="I50444" s="1" t="s">
        <v>169394</v>
      </c>
      <c r="J50444" s="1" t="s">
        <v>170609</v>
      </c>
    </row>
    <row r="50445" spans="1:10" x14ac:dyDescent="0.35">
      <c r="A50445" s="1" t="s">
        <v>29148</v>
      </c>
      <c r="B50445" s="1" t="s">
        <v>169390</v>
      </c>
      <c r="C50445" s="1" t="s">
        <v>105</v>
      </c>
      <c r="D50445" s="1" t="s">
        <v>116549</v>
      </c>
      <c r="E50445" s="1" t="s">
        <v>170610</v>
      </c>
      <c r="F50445" s="1" t="s">
        <v>170611</v>
      </c>
      <c r="G50445" s="1" t="s">
        <v>170552</v>
      </c>
      <c r="H50445" s="1" t="s">
        <v>170553</v>
      </c>
      <c r="I50445" s="1" t="s">
        <v>169394</v>
      </c>
      <c r="J50445" s="1" t="s">
        <v>170612</v>
      </c>
    </row>
    <row r="50446" spans="1:10" x14ac:dyDescent="0.35">
      <c r="A50446" s="1" t="s">
        <v>29148</v>
      </c>
      <c r="B50446" s="1" t="s">
        <v>169390</v>
      </c>
      <c r="C50446" s="1" t="s">
        <v>110</v>
      </c>
      <c r="D50446" s="1" t="s">
        <v>37510</v>
      </c>
      <c r="E50446" s="1" t="s">
        <v>170613</v>
      </c>
      <c r="F50446" s="1" t="s">
        <v>170614</v>
      </c>
      <c r="G50446" s="1" t="s">
        <v>170552</v>
      </c>
      <c r="H50446" s="1" t="s">
        <v>170553</v>
      </c>
      <c r="I50446" s="1" t="s">
        <v>169394</v>
      </c>
      <c r="J50446" s="1" t="s">
        <v>170615</v>
      </c>
    </row>
    <row r="50447" spans="1:10" x14ac:dyDescent="0.35">
      <c r="A50447" s="1" t="s">
        <v>29148</v>
      </c>
      <c r="B50447" s="1" t="s">
        <v>169390</v>
      </c>
      <c r="C50447" s="1" t="s">
        <v>115</v>
      </c>
      <c r="D50447" s="1" t="s">
        <v>51348</v>
      </c>
      <c r="E50447" s="1" t="s">
        <v>170616</v>
      </c>
      <c r="F50447" s="1" t="s">
        <v>170617</v>
      </c>
      <c r="G50447" s="1" t="s">
        <v>170552</v>
      </c>
      <c r="H50447" s="1" t="s">
        <v>170553</v>
      </c>
      <c r="I50447" s="1" t="s">
        <v>169394</v>
      </c>
      <c r="J50447" s="1" t="s">
        <v>170618</v>
      </c>
    </row>
    <row r="50448" spans="1:10" x14ac:dyDescent="0.35">
      <c r="A50448" s="1" t="s">
        <v>29148</v>
      </c>
      <c r="B50448" s="1" t="s">
        <v>169390</v>
      </c>
      <c r="C50448" s="1" t="s">
        <v>120</v>
      </c>
      <c r="D50448" s="1" t="s">
        <v>170619</v>
      </c>
      <c r="E50448" s="1" t="s">
        <v>170620</v>
      </c>
      <c r="F50448" s="1" t="s">
        <v>170621</v>
      </c>
      <c r="G50448" s="1" t="s">
        <v>170552</v>
      </c>
      <c r="H50448" s="1" t="s">
        <v>170553</v>
      </c>
      <c r="I50448" s="1" t="s">
        <v>169394</v>
      </c>
      <c r="J50448" s="1" t="s">
        <v>170622</v>
      </c>
    </row>
    <row r="50449" spans="1:10" x14ac:dyDescent="0.35">
      <c r="A50449" s="1" t="s">
        <v>29148</v>
      </c>
      <c r="B50449" s="1" t="s">
        <v>169390</v>
      </c>
      <c r="C50449" s="1" t="s">
        <v>125</v>
      </c>
      <c r="D50449" s="1" t="s">
        <v>170623</v>
      </c>
      <c r="E50449" s="1" t="s">
        <v>170624</v>
      </c>
      <c r="F50449" s="1" t="s">
        <v>170625</v>
      </c>
      <c r="G50449" s="1" t="s">
        <v>170552</v>
      </c>
      <c r="H50449" s="1" t="s">
        <v>170553</v>
      </c>
      <c r="I50449" s="1" t="s">
        <v>169394</v>
      </c>
      <c r="J50449" s="1" t="s">
        <v>170626</v>
      </c>
    </row>
    <row r="50450" spans="1:10" x14ac:dyDescent="0.35">
      <c r="A50450" s="1" t="s">
        <v>29148</v>
      </c>
      <c r="B50450" s="1" t="s">
        <v>169390</v>
      </c>
      <c r="C50450" s="1" t="s">
        <v>130</v>
      </c>
      <c r="D50450" s="1" t="s">
        <v>170627</v>
      </c>
      <c r="E50450" s="1" t="s">
        <v>170628</v>
      </c>
      <c r="F50450" s="1" t="s">
        <v>170629</v>
      </c>
      <c r="G50450" s="1" t="s">
        <v>170552</v>
      </c>
      <c r="H50450" s="1" t="s">
        <v>170553</v>
      </c>
      <c r="I50450" s="1" t="s">
        <v>169394</v>
      </c>
      <c r="J50450" s="1" t="s">
        <v>170630</v>
      </c>
    </row>
    <row r="50451" spans="1:10" x14ac:dyDescent="0.35">
      <c r="A50451" s="1" t="s">
        <v>29148</v>
      </c>
      <c r="B50451" s="1" t="s">
        <v>169390</v>
      </c>
      <c r="C50451" s="1" t="s">
        <v>135</v>
      </c>
      <c r="D50451" s="1" t="s">
        <v>170631</v>
      </c>
      <c r="E50451" s="1" t="s">
        <v>170632</v>
      </c>
      <c r="F50451" s="1" t="s">
        <v>170633</v>
      </c>
      <c r="G50451" s="1" t="s">
        <v>170552</v>
      </c>
      <c r="H50451" s="1" t="s">
        <v>170553</v>
      </c>
      <c r="I50451" s="1" t="s">
        <v>169394</v>
      </c>
      <c r="J50451" s="1" t="s">
        <v>170634</v>
      </c>
    </row>
    <row r="50452" spans="1:10" x14ac:dyDescent="0.35">
      <c r="A50452" s="1" t="s">
        <v>29148</v>
      </c>
      <c r="B50452" s="1" t="s">
        <v>169390</v>
      </c>
      <c r="C50452" s="1" t="s">
        <v>140</v>
      </c>
      <c r="D50452" s="1" t="s">
        <v>12397</v>
      </c>
      <c r="E50452" s="1" t="s">
        <v>170635</v>
      </c>
      <c r="F50452" s="1" t="s">
        <v>170636</v>
      </c>
      <c r="G50452" s="1" t="s">
        <v>170552</v>
      </c>
      <c r="H50452" s="1" t="s">
        <v>170553</v>
      </c>
      <c r="I50452" s="1" t="s">
        <v>169394</v>
      </c>
      <c r="J50452" s="1" t="s">
        <v>170637</v>
      </c>
    </row>
    <row r="50453" spans="1:10" x14ac:dyDescent="0.35">
      <c r="A50453" s="1" t="s">
        <v>29148</v>
      </c>
      <c r="B50453" s="1" t="s">
        <v>169390</v>
      </c>
      <c r="C50453" s="1" t="s">
        <v>145</v>
      </c>
      <c r="D50453" s="1" t="s">
        <v>170638</v>
      </c>
      <c r="E50453" s="1" t="s">
        <v>170639</v>
      </c>
      <c r="F50453" s="1" t="s">
        <v>170640</v>
      </c>
      <c r="G50453" s="1" t="s">
        <v>170552</v>
      </c>
      <c r="H50453" s="1" t="s">
        <v>170553</v>
      </c>
      <c r="I50453" s="1" t="s">
        <v>169394</v>
      </c>
      <c r="J50453" s="1" t="s">
        <v>170641</v>
      </c>
    </row>
    <row r="50454" spans="1:10" x14ac:dyDescent="0.35">
      <c r="A50454" s="1" t="s">
        <v>29148</v>
      </c>
      <c r="B50454" s="1" t="s">
        <v>169390</v>
      </c>
      <c r="C50454" s="1" t="s">
        <v>150</v>
      </c>
      <c r="D50454" s="1" t="s">
        <v>42046</v>
      </c>
      <c r="E50454" s="1" t="s">
        <v>170642</v>
      </c>
      <c r="F50454" s="1" t="s">
        <v>170643</v>
      </c>
      <c r="G50454" s="1" t="s">
        <v>170552</v>
      </c>
      <c r="H50454" s="1" t="s">
        <v>170553</v>
      </c>
      <c r="I50454" s="1" t="s">
        <v>169394</v>
      </c>
      <c r="J50454" s="1" t="s">
        <v>170644</v>
      </c>
    </row>
    <row r="50455" spans="1:10" x14ac:dyDescent="0.35">
      <c r="A50455" s="1" t="s">
        <v>29148</v>
      </c>
      <c r="B50455" s="1" t="s">
        <v>169390</v>
      </c>
      <c r="C50455" s="1" t="s">
        <v>155</v>
      </c>
      <c r="D50455" s="1" t="s">
        <v>170645</v>
      </c>
      <c r="E50455" s="1" t="s">
        <v>170646</v>
      </c>
      <c r="F50455" s="1" t="s">
        <v>170647</v>
      </c>
      <c r="G50455" s="1" t="s">
        <v>170552</v>
      </c>
      <c r="H50455" s="1" t="s">
        <v>170553</v>
      </c>
      <c r="I50455" s="1" t="s">
        <v>169394</v>
      </c>
      <c r="J50455" s="1" t="s">
        <v>170648</v>
      </c>
    </row>
    <row r="50456" spans="1:10" x14ac:dyDescent="0.35">
      <c r="A50456" s="1" t="s">
        <v>29148</v>
      </c>
      <c r="B50456" s="1" t="s">
        <v>169390</v>
      </c>
      <c r="C50456" s="1" t="s">
        <v>160</v>
      </c>
      <c r="D50456" s="1" t="s">
        <v>4148</v>
      </c>
      <c r="E50456" s="1" t="s">
        <v>170649</v>
      </c>
      <c r="F50456" s="1" t="s">
        <v>170650</v>
      </c>
      <c r="G50456" s="1" t="s">
        <v>170552</v>
      </c>
      <c r="H50456" s="1" t="s">
        <v>170553</v>
      </c>
      <c r="I50456" s="1" t="s">
        <v>169394</v>
      </c>
      <c r="J50456" s="1" t="s">
        <v>170651</v>
      </c>
    </row>
    <row r="50457" spans="1:10" x14ac:dyDescent="0.35">
      <c r="A50457" s="1" t="s">
        <v>29148</v>
      </c>
      <c r="B50457" s="1" t="s">
        <v>169390</v>
      </c>
      <c r="C50457" s="1" t="s">
        <v>165</v>
      </c>
      <c r="D50457" s="1" t="s">
        <v>170652</v>
      </c>
      <c r="E50457" s="1" t="s">
        <v>170653</v>
      </c>
      <c r="F50457" s="1" t="s">
        <v>170654</v>
      </c>
      <c r="G50457" s="1" t="s">
        <v>170552</v>
      </c>
      <c r="H50457" s="1" t="s">
        <v>170553</v>
      </c>
      <c r="I50457" s="1" t="s">
        <v>169394</v>
      </c>
      <c r="J50457" s="1" t="s">
        <v>170655</v>
      </c>
    </row>
    <row r="50458" spans="1:10" x14ac:dyDescent="0.35">
      <c r="A50458" s="1" t="s">
        <v>29148</v>
      </c>
      <c r="B50458" s="1" t="s">
        <v>169390</v>
      </c>
      <c r="C50458" s="1" t="s">
        <v>170</v>
      </c>
      <c r="D50458" s="1" t="s">
        <v>9609</v>
      </c>
      <c r="E50458" s="1" t="s">
        <v>170656</v>
      </c>
      <c r="F50458" s="1" t="s">
        <v>170657</v>
      </c>
      <c r="G50458" s="1" t="s">
        <v>170552</v>
      </c>
      <c r="H50458" s="1" t="s">
        <v>170553</v>
      </c>
      <c r="I50458" s="1" t="s">
        <v>169394</v>
      </c>
      <c r="J50458" s="1" t="s">
        <v>170658</v>
      </c>
    </row>
    <row r="50459" spans="1:10" x14ac:dyDescent="0.35">
      <c r="A50459" s="1" t="s">
        <v>170659</v>
      </c>
      <c r="B50459" s="1" t="s">
        <v>169390</v>
      </c>
      <c r="C50459" s="1" t="s">
        <v>8</v>
      </c>
      <c r="D50459" s="1" t="s">
        <v>28662</v>
      </c>
      <c r="E50459" s="1" t="s">
        <v>170660</v>
      </c>
      <c r="F50459" s="1" t="s">
        <v>170661</v>
      </c>
      <c r="G50459" s="1" t="s">
        <v>170662</v>
      </c>
      <c r="H50459" s="1" t="s">
        <v>170663</v>
      </c>
      <c r="I50459" s="1" t="s">
        <v>169394</v>
      </c>
      <c r="J50459" s="1" t="s">
        <v>13</v>
      </c>
    </row>
    <row r="50460" spans="1:10" x14ac:dyDescent="0.35">
      <c r="A50460" s="1" t="s">
        <v>170659</v>
      </c>
      <c r="B50460" s="1" t="s">
        <v>169390</v>
      </c>
      <c r="C50460" s="1" t="s">
        <v>15</v>
      </c>
      <c r="D50460" s="1" t="s">
        <v>50806</v>
      </c>
      <c r="E50460" s="1" t="s">
        <v>170664</v>
      </c>
      <c r="F50460" s="1" t="s">
        <v>170665</v>
      </c>
      <c r="G50460" s="1" t="s">
        <v>170662</v>
      </c>
      <c r="H50460" s="1" t="s">
        <v>170663</v>
      </c>
      <c r="I50460" s="1" t="s">
        <v>169394</v>
      </c>
      <c r="J50460" s="1" t="s">
        <v>170666</v>
      </c>
    </row>
    <row r="50461" spans="1:10" x14ac:dyDescent="0.35">
      <c r="A50461" s="1" t="s">
        <v>170659</v>
      </c>
      <c r="B50461" s="1" t="s">
        <v>169390</v>
      </c>
      <c r="C50461" s="1" t="s">
        <v>20</v>
      </c>
      <c r="D50461" s="1" t="s">
        <v>170667</v>
      </c>
      <c r="E50461" s="1" t="s">
        <v>170668</v>
      </c>
      <c r="F50461" s="1" t="s">
        <v>170669</v>
      </c>
      <c r="G50461" s="1" t="s">
        <v>170662</v>
      </c>
      <c r="H50461" s="1" t="s">
        <v>170663</v>
      </c>
      <c r="I50461" s="1" t="s">
        <v>169394</v>
      </c>
      <c r="J50461" s="1" t="s">
        <v>112305</v>
      </c>
    </row>
    <row r="50462" spans="1:10" x14ac:dyDescent="0.35">
      <c r="A50462" s="1" t="s">
        <v>170659</v>
      </c>
      <c r="B50462" s="1" t="s">
        <v>169390</v>
      </c>
      <c r="C50462" s="1" t="s">
        <v>25</v>
      </c>
      <c r="D50462" s="1" t="s">
        <v>134947</v>
      </c>
      <c r="E50462" s="1" t="s">
        <v>170670</v>
      </c>
      <c r="F50462" s="1" t="s">
        <v>170671</v>
      </c>
      <c r="G50462" s="1" t="s">
        <v>170662</v>
      </c>
      <c r="H50462" s="1" t="s">
        <v>170663</v>
      </c>
      <c r="I50462" s="1" t="s">
        <v>169394</v>
      </c>
      <c r="J50462" s="1" t="s">
        <v>170672</v>
      </c>
    </row>
    <row r="50463" spans="1:10" x14ac:dyDescent="0.35">
      <c r="A50463" s="1" t="s">
        <v>170659</v>
      </c>
      <c r="B50463" s="1" t="s">
        <v>169390</v>
      </c>
      <c r="C50463" s="1" t="s">
        <v>30</v>
      </c>
      <c r="D50463" s="1" t="s">
        <v>170673</v>
      </c>
      <c r="E50463" s="1" t="s">
        <v>170674</v>
      </c>
      <c r="F50463" s="1" t="s">
        <v>170675</v>
      </c>
      <c r="G50463" s="1" t="s">
        <v>170662</v>
      </c>
      <c r="H50463" s="1" t="s">
        <v>170663</v>
      </c>
      <c r="I50463" s="1" t="s">
        <v>169394</v>
      </c>
      <c r="J50463" s="1" t="s">
        <v>170676</v>
      </c>
    </row>
    <row r="50464" spans="1:10" x14ac:dyDescent="0.35">
      <c r="A50464" s="1" t="s">
        <v>170659</v>
      </c>
      <c r="B50464" s="1" t="s">
        <v>169390</v>
      </c>
      <c r="C50464" s="1" t="s">
        <v>35</v>
      </c>
      <c r="D50464" s="1" t="s">
        <v>47675</v>
      </c>
      <c r="E50464" s="1" t="s">
        <v>170677</v>
      </c>
      <c r="F50464" s="1" t="s">
        <v>170678</v>
      </c>
      <c r="G50464" s="1" t="s">
        <v>170662</v>
      </c>
      <c r="H50464" s="1" t="s">
        <v>170663</v>
      </c>
      <c r="I50464" s="1" t="s">
        <v>169394</v>
      </c>
      <c r="J50464" s="1" t="s">
        <v>170679</v>
      </c>
    </row>
    <row r="50465" spans="1:10" x14ac:dyDescent="0.35">
      <c r="A50465" s="1" t="s">
        <v>170659</v>
      </c>
      <c r="B50465" s="1" t="s">
        <v>169390</v>
      </c>
      <c r="C50465" s="1" t="s">
        <v>40</v>
      </c>
      <c r="D50465" s="1" t="s">
        <v>109921</v>
      </c>
      <c r="E50465" s="1" t="s">
        <v>170680</v>
      </c>
      <c r="F50465" s="1" t="s">
        <v>170681</v>
      </c>
      <c r="G50465" s="1" t="s">
        <v>170662</v>
      </c>
      <c r="H50465" s="1" t="s">
        <v>170663</v>
      </c>
      <c r="I50465" s="1" t="s">
        <v>169394</v>
      </c>
      <c r="J50465" s="1" t="s">
        <v>170682</v>
      </c>
    </row>
    <row r="50466" spans="1:10" x14ac:dyDescent="0.35">
      <c r="A50466" s="1" t="s">
        <v>170659</v>
      </c>
      <c r="B50466" s="1" t="s">
        <v>169390</v>
      </c>
      <c r="C50466" s="1" t="s">
        <v>45</v>
      </c>
      <c r="D50466" s="1" t="s">
        <v>33937</v>
      </c>
      <c r="E50466" s="1" t="s">
        <v>170683</v>
      </c>
      <c r="F50466" s="1" t="s">
        <v>170684</v>
      </c>
      <c r="G50466" s="1" t="s">
        <v>170662</v>
      </c>
      <c r="H50466" s="1" t="s">
        <v>170663</v>
      </c>
      <c r="I50466" s="1" t="s">
        <v>169394</v>
      </c>
      <c r="J50466" s="1" t="s">
        <v>170685</v>
      </c>
    </row>
    <row r="50467" spans="1:10" x14ac:dyDescent="0.35">
      <c r="A50467" s="1" t="s">
        <v>170659</v>
      </c>
      <c r="B50467" s="1" t="s">
        <v>169390</v>
      </c>
      <c r="C50467" s="1" t="s">
        <v>50</v>
      </c>
      <c r="D50467" s="1" t="s">
        <v>157246</v>
      </c>
      <c r="E50467" s="1" t="s">
        <v>170686</v>
      </c>
      <c r="F50467" s="1" t="s">
        <v>170687</v>
      </c>
      <c r="G50467" s="1" t="s">
        <v>170662</v>
      </c>
      <c r="H50467" s="1" t="s">
        <v>170663</v>
      </c>
      <c r="I50467" s="1" t="s">
        <v>169394</v>
      </c>
      <c r="J50467" s="1" t="s">
        <v>170688</v>
      </c>
    </row>
    <row r="50468" spans="1:10" x14ac:dyDescent="0.35">
      <c r="A50468" s="1" t="s">
        <v>170659</v>
      </c>
      <c r="B50468" s="1" t="s">
        <v>169390</v>
      </c>
      <c r="C50468" s="1" t="s">
        <v>55</v>
      </c>
      <c r="D50468" s="1" t="s">
        <v>170689</v>
      </c>
      <c r="E50468" s="1" t="s">
        <v>170690</v>
      </c>
      <c r="F50468" s="1" t="s">
        <v>170691</v>
      </c>
      <c r="G50468" s="1" t="s">
        <v>170662</v>
      </c>
      <c r="H50468" s="1" t="s">
        <v>170663</v>
      </c>
      <c r="I50468" s="1" t="s">
        <v>169394</v>
      </c>
      <c r="J50468" s="1" t="s">
        <v>170692</v>
      </c>
    </row>
    <row r="50469" spans="1:10" x14ac:dyDescent="0.35">
      <c r="A50469" s="1" t="s">
        <v>170659</v>
      </c>
      <c r="B50469" s="1" t="s">
        <v>169390</v>
      </c>
      <c r="C50469" s="1" t="s">
        <v>60</v>
      </c>
      <c r="D50469" s="1" t="s">
        <v>146402</v>
      </c>
      <c r="E50469" s="1" t="s">
        <v>170693</v>
      </c>
      <c r="F50469" s="1" t="s">
        <v>170694</v>
      </c>
      <c r="G50469" s="1" t="s">
        <v>170662</v>
      </c>
      <c r="H50469" s="1" t="s">
        <v>170663</v>
      </c>
      <c r="I50469" s="1" t="s">
        <v>169394</v>
      </c>
      <c r="J50469" s="1" t="s">
        <v>170695</v>
      </c>
    </row>
    <row r="50470" spans="1:10" x14ac:dyDescent="0.35">
      <c r="A50470" s="1" t="s">
        <v>170659</v>
      </c>
      <c r="B50470" s="1" t="s">
        <v>169390</v>
      </c>
      <c r="C50470" s="1" t="s">
        <v>65</v>
      </c>
      <c r="D50470" s="1" t="s">
        <v>157107</v>
      </c>
      <c r="E50470" s="1" t="s">
        <v>170696</v>
      </c>
      <c r="F50470" s="1" t="s">
        <v>170697</v>
      </c>
      <c r="G50470" s="1" t="s">
        <v>170662</v>
      </c>
      <c r="H50470" s="1" t="s">
        <v>170663</v>
      </c>
      <c r="I50470" s="1" t="s">
        <v>169394</v>
      </c>
      <c r="J50470" s="1" t="s">
        <v>170698</v>
      </c>
    </row>
    <row r="50471" spans="1:10" x14ac:dyDescent="0.35">
      <c r="A50471" s="1" t="s">
        <v>170659</v>
      </c>
      <c r="B50471" s="1" t="s">
        <v>169390</v>
      </c>
      <c r="C50471" s="1" t="s">
        <v>70</v>
      </c>
      <c r="D50471" s="1" t="s">
        <v>70749</v>
      </c>
      <c r="E50471" s="1" t="s">
        <v>170699</v>
      </c>
      <c r="F50471" s="1" t="s">
        <v>170700</v>
      </c>
      <c r="G50471" s="1" t="s">
        <v>170662</v>
      </c>
      <c r="H50471" s="1" t="s">
        <v>170663</v>
      </c>
      <c r="I50471" s="1" t="s">
        <v>169394</v>
      </c>
      <c r="J50471" s="1" t="s">
        <v>170701</v>
      </c>
    </row>
    <row r="50472" spans="1:10" x14ac:dyDescent="0.35">
      <c r="A50472" s="1" t="s">
        <v>170659</v>
      </c>
      <c r="B50472" s="1" t="s">
        <v>169390</v>
      </c>
      <c r="C50472" s="1" t="s">
        <v>75</v>
      </c>
      <c r="D50472" s="1" t="s">
        <v>157677</v>
      </c>
      <c r="E50472" s="1" t="s">
        <v>170702</v>
      </c>
      <c r="F50472" s="1" t="s">
        <v>170703</v>
      </c>
      <c r="G50472" s="1" t="s">
        <v>170662</v>
      </c>
      <c r="H50472" s="1" t="s">
        <v>170663</v>
      </c>
      <c r="I50472" s="1" t="s">
        <v>169394</v>
      </c>
      <c r="J50472" s="1" t="s">
        <v>170704</v>
      </c>
    </row>
    <row r="50473" spans="1:10" x14ac:dyDescent="0.35">
      <c r="A50473" s="1" t="s">
        <v>170659</v>
      </c>
      <c r="B50473" s="1" t="s">
        <v>169390</v>
      </c>
      <c r="C50473" s="1" t="s">
        <v>80</v>
      </c>
      <c r="D50473" s="1" t="s">
        <v>45036</v>
      </c>
      <c r="E50473" s="1" t="s">
        <v>170705</v>
      </c>
      <c r="F50473" s="1" t="s">
        <v>170706</v>
      </c>
      <c r="G50473" s="1" t="s">
        <v>170662</v>
      </c>
      <c r="H50473" s="1" t="s">
        <v>170663</v>
      </c>
      <c r="I50473" s="1" t="s">
        <v>169394</v>
      </c>
      <c r="J50473" s="1" t="s">
        <v>170707</v>
      </c>
    </row>
    <row r="50474" spans="1:10" x14ac:dyDescent="0.35">
      <c r="A50474" s="1" t="s">
        <v>170659</v>
      </c>
      <c r="B50474" s="1" t="s">
        <v>169390</v>
      </c>
      <c r="C50474" s="1" t="s">
        <v>85</v>
      </c>
      <c r="D50474" s="1" t="s">
        <v>52019</v>
      </c>
      <c r="E50474" s="1" t="s">
        <v>170708</v>
      </c>
      <c r="F50474" s="1" t="s">
        <v>170709</v>
      </c>
      <c r="G50474" s="1" t="s">
        <v>170662</v>
      </c>
      <c r="H50474" s="1" t="s">
        <v>170663</v>
      </c>
      <c r="I50474" s="1" t="s">
        <v>169394</v>
      </c>
      <c r="J50474" s="1" t="s">
        <v>170710</v>
      </c>
    </row>
    <row r="50475" spans="1:10" x14ac:dyDescent="0.35">
      <c r="A50475" s="1" t="s">
        <v>170659</v>
      </c>
      <c r="B50475" s="1" t="s">
        <v>169390</v>
      </c>
      <c r="C50475" s="1" t="s">
        <v>90</v>
      </c>
      <c r="D50475" s="1" t="s">
        <v>28314</v>
      </c>
      <c r="E50475" s="1" t="s">
        <v>170711</v>
      </c>
      <c r="F50475" s="1" t="s">
        <v>170712</v>
      </c>
      <c r="G50475" s="1" t="s">
        <v>170662</v>
      </c>
      <c r="H50475" s="1" t="s">
        <v>170663</v>
      </c>
      <c r="I50475" s="1" t="s">
        <v>169394</v>
      </c>
      <c r="J50475" s="1" t="s">
        <v>170713</v>
      </c>
    </row>
    <row r="50476" spans="1:10" x14ac:dyDescent="0.35">
      <c r="A50476" s="1" t="s">
        <v>170659</v>
      </c>
      <c r="B50476" s="1" t="s">
        <v>169390</v>
      </c>
      <c r="C50476" s="1" t="s">
        <v>95</v>
      </c>
      <c r="D50476" s="1" t="s">
        <v>16352</v>
      </c>
      <c r="E50476" s="1" t="s">
        <v>170714</v>
      </c>
      <c r="F50476" s="1" t="s">
        <v>170715</v>
      </c>
      <c r="G50476" s="1" t="s">
        <v>170662</v>
      </c>
      <c r="H50476" s="1" t="s">
        <v>170663</v>
      </c>
      <c r="I50476" s="1" t="s">
        <v>169394</v>
      </c>
      <c r="J50476" s="1" t="s">
        <v>170716</v>
      </c>
    </row>
    <row r="50477" spans="1:10" x14ac:dyDescent="0.35">
      <c r="A50477" s="1" t="s">
        <v>170659</v>
      </c>
      <c r="B50477" s="1" t="s">
        <v>169390</v>
      </c>
      <c r="C50477" s="1" t="s">
        <v>100</v>
      </c>
      <c r="D50477" s="1" t="s">
        <v>170717</v>
      </c>
      <c r="E50477" s="1" t="s">
        <v>170718</v>
      </c>
      <c r="F50477" s="1" t="s">
        <v>170719</v>
      </c>
      <c r="G50477" s="1" t="s">
        <v>170662</v>
      </c>
      <c r="H50477" s="1" t="s">
        <v>170663</v>
      </c>
      <c r="I50477" s="1" t="s">
        <v>169394</v>
      </c>
      <c r="J50477" s="1" t="s">
        <v>170720</v>
      </c>
    </row>
    <row r="50478" spans="1:10" x14ac:dyDescent="0.35">
      <c r="A50478" s="1" t="s">
        <v>170659</v>
      </c>
      <c r="B50478" s="1" t="s">
        <v>169390</v>
      </c>
      <c r="C50478" s="1" t="s">
        <v>105</v>
      </c>
      <c r="D50478" s="1" t="s">
        <v>35107</v>
      </c>
      <c r="E50478" s="1" t="s">
        <v>170721</v>
      </c>
      <c r="F50478" s="1" t="s">
        <v>170722</v>
      </c>
      <c r="G50478" s="1" t="s">
        <v>170662</v>
      </c>
      <c r="H50478" s="1" t="s">
        <v>170663</v>
      </c>
      <c r="I50478" s="1" t="s">
        <v>169394</v>
      </c>
      <c r="J50478" s="1" t="s">
        <v>170723</v>
      </c>
    </row>
    <row r="50479" spans="1:10" x14ac:dyDescent="0.35">
      <c r="A50479" s="1" t="s">
        <v>170659</v>
      </c>
      <c r="B50479" s="1" t="s">
        <v>169390</v>
      </c>
      <c r="C50479" s="1" t="s">
        <v>110</v>
      </c>
      <c r="D50479" s="1" t="s">
        <v>126317</v>
      </c>
      <c r="E50479" s="1" t="s">
        <v>170724</v>
      </c>
      <c r="F50479" s="1" t="s">
        <v>170725</v>
      </c>
      <c r="G50479" s="1" t="s">
        <v>170662</v>
      </c>
      <c r="H50479" s="1" t="s">
        <v>170663</v>
      </c>
      <c r="I50479" s="1" t="s">
        <v>169394</v>
      </c>
      <c r="J50479" s="1" t="s">
        <v>170726</v>
      </c>
    </row>
    <row r="50480" spans="1:10" x14ac:dyDescent="0.35">
      <c r="A50480" s="1" t="s">
        <v>170659</v>
      </c>
      <c r="B50480" s="1" t="s">
        <v>169390</v>
      </c>
      <c r="C50480" s="1" t="s">
        <v>115</v>
      </c>
      <c r="D50480" s="1" t="s">
        <v>168913</v>
      </c>
      <c r="E50480" s="1" t="s">
        <v>170727</v>
      </c>
      <c r="F50480" s="1" t="s">
        <v>170728</v>
      </c>
      <c r="G50480" s="1" t="s">
        <v>170662</v>
      </c>
      <c r="H50480" s="1" t="s">
        <v>170663</v>
      </c>
      <c r="I50480" s="1" t="s">
        <v>169394</v>
      </c>
      <c r="J50480" s="1" t="s">
        <v>170729</v>
      </c>
    </row>
    <row r="50481" spans="1:10" x14ac:dyDescent="0.35">
      <c r="A50481" s="1" t="s">
        <v>170659</v>
      </c>
      <c r="B50481" s="1" t="s">
        <v>169390</v>
      </c>
      <c r="C50481" s="1" t="s">
        <v>120</v>
      </c>
      <c r="D50481" s="1" t="s">
        <v>50839</v>
      </c>
      <c r="E50481" s="1" t="s">
        <v>170730</v>
      </c>
      <c r="F50481" s="1" t="s">
        <v>170731</v>
      </c>
      <c r="G50481" s="1" t="s">
        <v>170662</v>
      </c>
      <c r="H50481" s="1" t="s">
        <v>170663</v>
      </c>
      <c r="I50481" s="1" t="s">
        <v>169394</v>
      </c>
      <c r="J50481" s="1" t="s">
        <v>170732</v>
      </c>
    </row>
    <row r="50482" spans="1:10" x14ac:dyDescent="0.35">
      <c r="A50482" s="1" t="s">
        <v>170659</v>
      </c>
      <c r="B50482" s="1" t="s">
        <v>169390</v>
      </c>
      <c r="C50482" s="1" t="s">
        <v>125</v>
      </c>
      <c r="D50482" s="1" t="s">
        <v>170733</v>
      </c>
      <c r="E50482" s="1" t="s">
        <v>170734</v>
      </c>
      <c r="F50482" s="1" t="s">
        <v>170735</v>
      </c>
      <c r="G50482" s="1" t="s">
        <v>170662</v>
      </c>
      <c r="H50482" s="1" t="s">
        <v>170663</v>
      </c>
      <c r="I50482" s="1" t="s">
        <v>169394</v>
      </c>
      <c r="J50482" s="1" t="s">
        <v>170736</v>
      </c>
    </row>
    <row r="50483" spans="1:10" x14ac:dyDescent="0.35">
      <c r="A50483" s="1" t="s">
        <v>170659</v>
      </c>
      <c r="B50483" s="1" t="s">
        <v>169390</v>
      </c>
      <c r="C50483" s="1" t="s">
        <v>130</v>
      </c>
      <c r="D50483" s="1" t="s">
        <v>148526</v>
      </c>
      <c r="E50483" s="1" t="s">
        <v>170737</v>
      </c>
      <c r="F50483" s="1" t="s">
        <v>170738</v>
      </c>
      <c r="G50483" s="1" t="s">
        <v>170662</v>
      </c>
      <c r="H50483" s="1" t="s">
        <v>170663</v>
      </c>
      <c r="I50483" s="1" t="s">
        <v>169394</v>
      </c>
      <c r="J50483" s="1" t="s">
        <v>170739</v>
      </c>
    </row>
    <row r="50484" spans="1:10" x14ac:dyDescent="0.35">
      <c r="A50484" s="1" t="s">
        <v>170659</v>
      </c>
      <c r="B50484" s="1" t="s">
        <v>169390</v>
      </c>
      <c r="C50484" s="1" t="s">
        <v>135</v>
      </c>
      <c r="D50484" s="1" t="s">
        <v>50235</v>
      </c>
      <c r="E50484" s="1" t="s">
        <v>170740</v>
      </c>
      <c r="F50484" s="1" t="s">
        <v>170741</v>
      </c>
      <c r="G50484" s="1" t="s">
        <v>170662</v>
      </c>
      <c r="H50484" s="1" t="s">
        <v>170663</v>
      </c>
      <c r="I50484" s="1" t="s">
        <v>169394</v>
      </c>
      <c r="J50484" s="1" t="s">
        <v>170742</v>
      </c>
    </row>
    <row r="50485" spans="1:10" x14ac:dyDescent="0.35">
      <c r="A50485" s="1" t="s">
        <v>170659</v>
      </c>
      <c r="B50485" s="1" t="s">
        <v>169390</v>
      </c>
      <c r="C50485" s="1" t="s">
        <v>140</v>
      </c>
      <c r="D50485" s="1" t="s">
        <v>31979</v>
      </c>
      <c r="E50485" s="1" t="s">
        <v>170743</v>
      </c>
      <c r="F50485" s="1" t="s">
        <v>170744</v>
      </c>
      <c r="G50485" s="1" t="s">
        <v>170662</v>
      </c>
      <c r="H50485" s="1" t="s">
        <v>170663</v>
      </c>
      <c r="I50485" s="1" t="s">
        <v>169394</v>
      </c>
      <c r="J50485" s="1" t="s">
        <v>170745</v>
      </c>
    </row>
    <row r="50486" spans="1:10" x14ac:dyDescent="0.35">
      <c r="A50486" s="1" t="s">
        <v>170659</v>
      </c>
      <c r="B50486" s="1" t="s">
        <v>169390</v>
      </c>
      <c r="C50486" s="1" t="s">
        <v>145</v>
      </c>
      <c r="D50486" s="1" t="s">
        <v>48900</v>
      </c>
      <c r="E50486" s="1" t="s">
        <v>170746</v>
      </c>
      <c r="F50486" s="1" t="s">
        <v>170747</v>
      </c>
      <c r="G50486" s="1" t="s">
        <v>170662</v>
      </c>
      <c r="H50486" s="1" t="s">
        <v>170663</v>
      </c>
      <c r="I50486" s="1" t="s">
        <v>169394</v>
      </c>
      <c r="J50486" s="1" t="s">
        <v>170748</v>
      </c>
    </row>
    <row r="50487" spans="1:10" x14ac:dyDescent="0.35">
      <c r="A50487" s="1" t="s">
        <v>170659</v>
      </c>
      <c r="B50487" s="1" t="s">
        <v>169390</v>
      </c>
      <c r="C50487" s="1" t="s">
        <v>150</v>
      </c>
      <c r="D50487" s="1" t="s">
        <v>170749</v>
      </c>
      <c r="E50487" s="1" t="s">
        <v>170750</v>
      </c>
      <c r="F50487" s="1" t="s">
        <v>170751</v>
      </c>
      <c r="G50487" s="1" t="s">
        <v>170662</v>
      </c>
      <c r="H50487" s="1" t="s">
        <v>170663</v>
      </c>
      <c r="I50487" s="1" t="s">
        <v>169394</v>
      </c>
      <c r="J50487" s="1" t="s">
        <v>170752</v>
      </c>
    </row>
    <row r="50488" spans="1:10" x14ac:dyDescent="0.35">
      <c r="A50488" s="1" t="s">
        <v>170659</v>
      </c>
      <c r="B50488" s="1" t="s">
        <v>169390</v>
      </c>
      <c r="C50488" s="1" t="s">
        <v>155</v>
      </c>
      <c r="D50488" s="1" t="s">
        <v>13067</v>
      </c>
      <c r="E50488" s="1" t="s">
        <v>170753</v>
      </c>
      <c r="F50488" s="1" t="s">
        <v>170754</v>
      </c>
      <c r="G50488" s="1" t="s">
        <v>170662</v>
      </c>
      <c r="H50488" s="1" t="s">
        <v>170663</v>
      </c>
      <c r="I50488" s="1" t="s">
        <v>169394</v>
      </c>
      <c r="J50488" s="1" t="s">
        <v>170755</v>
      </c>
    </row>
    <row r="50489" spans="1:10" x14ac:dyDescent="0.35">
      <c r="A50489" s="1" t="s">
        <v>170659</v>
      </c>
      <c r="B50489" s="1" t="s">
        <v>169390</v>
      </c>
      <c r="C50489" s="1" t="s">
        <v>160</v>
      </c>
      <c r="D50489" s="1" t="s">
        <v>170756</v>
      </c>
      <c r="E50489" s="1" t="s">
        <v>170757</v>
      </c>
      <c r="F50489" s="1" t="s">
        <v>170758</v>
      </c>
      <c r="G50489" s="1" t="s">
        <v>170662</v>
      </c>
      <c r="H50489" s="1" t="s">
        <v>170663</v>
      </c>
      <c r="I50489" s="1" t="s">
        <v>169394</v>
      </c>
      <c r="J50489" s="1" t="s">
        <v>170759</v>
      </c>
    </row>
    <row r="50490" spans="1:10" x14ac:dyDescent="0.35">
      <c r="A50490" s="1" t="s">
        <v>170659</v>
      </c>
      <c r="B50490" s="1" t="s">
        <v>169390</v>
      </c>
      <c r="C50490" s="1" t="s">
        <v>165</v>
      </c>
      <c r="D50490" s="1" t="s">
        <v>170760</v>
      </c>
      <c r="E50490" s="1" t="s">
        <v>170761</v>
      </c>
      <c r="F50490" s="1" t="s">
        <v>170762</v>
      </c>
      <c r="G50490" s="1" t="s">
        <v>170662</v>
      </c>
      <c r="H50490" s="1" t="s">
        <v>170663</v>
      </c>
      <c r="I50490" s="1" t="s">
        <v>169394</v>
      </c>
      <c r="J50490" s="1" t="s">
        <v>170763</v>
      </c>
    </row>
    <row r="50491" spans="1:10" x14ac:dyDescent="0.35">
      <c r="A50491" s="1" t="s">
        <v>170659</v>
      </c>
      <c r="B50491" s="1" t="s">
        <v>169390</v>
      </c>
      <c r="C50491" s="1" t="s">
        <v>170</v>
      </c>
      <c r="D50491" s="1" t="s">
        <v>154099</v>
      </c>
      <c r="E50491" s="1" t="s">
        <v>170764</v>
      </c>
      <c r="F50491" s="1" t="s">
        <v>170765</v>
      </c>
      <c r="G50491" s="1" t="s">
        <v>170662</v>
      </c>
      <c r="H50491" s="1" t="s">
        <v>170663</v>
      </c>
      <c r="I50491" s="1" t="s">
        <v>169394</v>
      </c>
      <c r="J50491" s="1" t="s">
        <v>170766</v>
      </c>
    </row>
    <row r="50492" spans="1:10" x14ac:dyDescent="0.35">
      <c r="A50492" s="1" t="s">
        <v>1213</v>
      </c>
      <c r="B50492" s="1" t="s">
        <v>169390</v>
      </c>
      <c r="C50492" s="1" t="s">
        <v>8</v>
      </c>
      <c r="D50492" s="1" t="s">
        <v>125657</v>
      </c>
      <c r="E50492" s="1" t="s">
        <v>170767</v>
      </c>
      <c r="F50492" s="1" t="s">
        <v>170768</v>
      </c>
      <c r="G50492" s="1" t="s">
        <v>170769</v>
      </c>
      <c r="H50492" s="1" t="s">
        <v>170770</v>
      </c>
      <c r="I50492" s="1" t="s">
        <v>169394</v>
      </c>
      <c r="J50492" s="1" t="s">
        <v>13</v>
      </c>
    </row>
    <row r="50493" spans="1:10" x14ac:dyDescent="0.35">
      <c r="A50493" s="1" t="s">
        <v>1213</v>
      </c>
      <c r="B50493" s="1" t="s">
        <v>169390</v>
      </c>
      <c r="C50493" s="1" t="s">
        <v>15</v>
      </c>
      <c r="D50493" s="1" t="s">
        <v>71177</v>
      </c>
      <c r="E50493" s="1" t="s">
        <v>170771</v>
      </c>
      <c r="F50493" s="1" t="s">
        <v>170772</v>
      </c>
      <c r="G50493" s="1" t="s">
        <v>170769</v>
      </c>
      <c r="H50493" s="1" t="s">
        <v>170770</v>
      </c>
      <c r="I50493" s="1" t="s">
        <v>169394</v>
      </c>
      <c r="J50493" s="1" t="s">
        <v>170773</v>
      </c>
    </row>
    <row r="50494" spans="1:10" x14ac:dyDescent="0.35">
      <c r="A50494" s="1" t="s">
        <v>1213</v>
      </c>
      <c r="B50494" s="1" t="s">
        <v>169390</v>
      </c>
      <c r="C50494" s="1" t="s">
        <v>20</v>
      </c>
      <c r="D50494" s="1" t="s">
        <v>31731</v>
      </c>
      <c r="E50494" s="1" t="s">
        <v>170774</v>
      </c>
      <c r="F50494" s="1" t="s">
        <v>170775</v>
      </c>
      <c r="G50494" s="1" t="s">
        <v>170769</v>
      </c>
      <c r="H50494" s="1" t="s">
        <v>170770</v>
      </c>
      <c r="I50494" s="1" t="s">
        <v>169394</v>
      </c>
      <c r="J50494" s="1" t="s">
        <v>170776</v>
      </c>
    </row>
    <row r="50495" spans="1:10" x14ac:dyDescent="0.35">
      <c r="A50495" s="1" t="s">
        <v>1213</v>
      </c>
      <c r="B50495" s="1" t="s">
        <v>169390</v>
      </c>
      <c r="C50495" s="1" t="s">
        <v>25</v>
      </c>
      <c r="D50495" s="1" t="s">
        <v>32933</v>
      </c>
      <c r="E50495" s="1" t="s">
        <v>170777</v>
      </c>
      <c r="F50495" s="1" t="s">
        <v>170778</v>
      </c>
      <c r="G50495" s="1" t="s">
        <v>170769</v>
      </c>
      <c r="H50495" s="1" t="s">
        <v>170770</v>
      </c>
      <c r="I50495" s="1" t="s">
        <v>169394</v>
      </c>
      <c r="J50495" s="1" t="s">
        <v>170779</v>
      </c>
    </row>
    <row r="50496" spans="1:10" x14ac:dyDescent="0.35">
      <c r="A50496" s="1" t="s">
        <v>1213</v>
      </c>
      <c r="B50496" s="1" t="s">
        <v>169390</v>
      </c>
      <c r="C50496" s="1" t="s">
        <v>30</v>
      </c>
      <c r="D50496" s="1" t="s">
        <v>170780</v>
      </c>
      <c r="E50496" s="1" t="s">
        <v>170781</v>
      </c>
      <c r="F50496" s="1" t="s">
        <v>170782</v>
      </c>
      <c r="G50496" s="1" t="s">
        <v>170769</v>
      </c>
      <c r="H50496" s="1" t="s">
        <v>170770</v>
      </c>
      <c r="I50496" s="1" t="s">
        <v>169394</v>
      </c>
      <c r="J50496" s="1" t="s">
        <v>170783</v>
      </c>
    </row>
    <row r="50497" spans="1:10" x14ac:dyDescent="0.35">
      <c r="A50497" s="1" t="s">
        <v>1213</v>
      </c>
      <c r="B50497" s="1" t="s">
        <v>169390</v>
      </c>
      <c r="C50497" s="1" t="s">
        <v>35</v>
      </c>
      <c r="D50497" s="1" t="s">
        <v>17801</v>
      </c>
      <c r="E50497" s="1" t="s">
        <v>170784</v>
      </c>
      <c r="F50497" s="1" t="s">
        <v>170785</v>
      </c>
      <c r="G50497" s="1" t="s">
        <v>170769</v>
      </c>
      <c r="H50497" s="1" t="s">
        <v>170770</v>
      </c>
      <c r="I50497" s="1" t="s">
        <v>169394</v>
      </c>
      <c r="J50497" s="1" t="s">
        <v>170786</v>
      </c>
    </row>
    <row r="50498" spans="1:10" x14ac:dyDescent="0.35">
      <c r="A50498" s="1" t="s">
        <v>1213</v>
      </c>
      <c r="B50498" s="1" t="s">
        <v>169390</v>
      </c>
      <c r="C50498" s="1" t="s">
        <v>40</v>
      </c>
      <c r="D50498" s="1" t="s">
        <v>36780</v>
      </c>
      <c r="E50498" s="1" t="s">
        <v>170787</v>
      </c>
      <c r="F50498" s="1" t="s">
        <v>170788</v>
      </c>
      <c r="G50498" s="1" t="s">
        <v>170769</v>
      </c>
      <c r="H50498" s="1" t="s">
        <v>170770</v>
      </c>
      <c r="I50498" s="1" t="s">
        <v>169394</v>
      </c>
      <c r="J50498" s="1" t="s">
        <v>170789</v>
      </c>
    </row>
    <row r="50499" spans="1:10" x14ac:dyDescent="0.35">
      <c r="A50499" s="1" t="s">
        <v>1213</v>
      </c>
      <c r="B50499" s="1" t="s">
        <v>169390</v>
      </c>
      <c r="C50499" s="1" t="s">
        <v>45</v>
      </c>
      <c r="D50499" s="1" t="s">
        <v>118336</v>
      </c>
      <c r="E50499" s="1" t="s">
        <v>170790</v>
      </c>
      <c r="F50499" s="1" t="s">
        <v>170791</v>
      </c>
      <c r="G50499" s="1" t="s">
        <v>170769</v>
      </c>
      <c r="H50499" s="1" t="s">
        <v>170770</v>
      </c>
      <c r="I50499" s="1" t="s">
        <v>169394</v>
      </c>
      <c r="J50499" s="1" t="s">
        <v>170792</v>
      </c>
    </row>
    <row r="50500" spans="1:10" x14ac:dyDescent="0.35">
      <c r="A50500" s="1" t="s">
        <v>1213</v>
      </c>
      <c r="B50500" s="1" t="s">
        <v>169390</v>
      </c>
      <c r="C50500" s="1" t="s">
        <v>50</v>
      </c>
      <c r="D50500" s="1" t="s">
        <v>170793</v>
      </c>
      <c r="E50500" s="1" t="s">
        <v>170794</v>
      </c>
      <c r="F50500" s="1" t="s">
        <v>170795</v>
      </c>
      <c r="G50500" s="1" t="s">
        <v>170769</v>
      </c>
      <c r="H50500" s="1" t="s">
        <v>170770</v>
      </c>
      <c r="I50500" s="1" t="s">
        <v>169394</v>
      </c>
      <c r="J50500" s="1" t="s">
        <v>170796</v>
      </c>
    </row>
    <row r="50501" spans="1:10" x14ac:dyDescent="0.35">
      <c r="A50501" s="1" t="s">
        <v>1213</v>
      </c>
      <c r="B50501" s="1" t="s">
        <v>169390</v>
      </c>
      <c r="C50501" s="1" t="s">
        <v>55</v>
      </c>
      <c r="D50501" s="1" t="s">
        <v>170797</v>
      </c>
      <c r="E50501" s="1" t="s">
        <v>170798</v>
      </c>
      <c r="F50501" s="1" t="s">
        <v>170799</v>
      </c>
      <c r="G50501" s="1" t="s">
        <v>170769</v>
      </c>
      <c r="H50501" s="1" t="s">
        <v>170770</v>
      </c>
      <c r="I50501" s="1" t="s">
        <v>169394</v>
      </c>
      <c r="J50501" s="1" t="s">
        <v>170800</v>
      </c>
    </row>
    <row r="50502" spans="1:10" x14ac:dyDescent="0.35">
      <c r="A50502" s="1" t="s">
        <v>1213</v>
      </c>
      <c r="B50502" s="1" t="s">
        <v>169390</v>
      </c>
      <c r="C50502" s="1" t="s">
        <v>60</v>
      </c>
      <c r="D50502" s="1" t="s">
        <v>74912</v>
      </c>
      <c r="E50502" s="1" t="s">
        <v>170801</v>
      </c>
      <c r="F50502" s="1" t="s">
        <v>170802</v>
      </c>
      <c r="G50502" s="1" t="s">
        <v>170769</v>
      </c>
      <c r="H50502" s="1" t="s">
        <v>170770</v>
      </c>
      <c r="I50502" s="1" t="s">
        <v>169394</v>
      </c>
      <c r="J50502" s="1" t="s">
        <v>170803</v>
      </c>
    </row>
    <row r="50503" spans="1:10" x14ac:dyDescent="0.35">
      <c r="A50503" s="1" t="s">
        <v>1213</v>
      </c>
      <c r="B50503" s="1" t="s">
        <v>169390</v>
      </c>
      <c r="C50503" s="1" t="s">
        <v>65</v>
      </c>
      <c r="D50503" s="1" t="s">
        <v>35857</v>
      </c>
      <c r="E50503" s="1" t="s">
        <v>170804</v>
      </c>
      <c r="F50503" s="1" t="s">
        <v>170805</v>
      </c>
      <c r="G50503" s="1" t="s">
        <v>170769</v>
      </c>
      <c r="H50503" s="1" t="s">
        <v>170770</v>
      </c>
      <c r="I50503" s="1" t="s">
        <v>169394</v>
      </c>
      <c r="J50503" s="1" t="s">
        <v>170806</v>
      </c>
    </row>
    <row r="50504" spans="1:10" x14ac:dyDescent="0.35">
      <c r="A50504" s="1" t="s">
        <v>1213</v>
      </c>
      <c r="B50504" s="1" t="s">
        <v>169390</v>
      </c>
      <c r="C50504" s="1" t="s">
        <v>70</v>
      </c>
      <c r="D50504" s="1" t="s">
        <v>170807</v>
      </c>
      <c r="E50504" s="1" t="s">
        <v>170808</v>
      </c>
      <c r="F50504" s="1" t="s">
        <v>170809</v>
      </c>
      <c r="G50504" s="1" t="s">
        <v>170769</v>
      </c>
      <c r="H50504" s="1" t="s">
        <v>170770</v>
      </c>
      <c r="I50504" s="1" t="s">
        <v>169394</v>
      </c>
      <c r="J50504" s="1" t="s">
        <v>170810</v>
      </c>
    </row>
    <row r="50505" spans="1:10" x14ac:dyDescent="0.35">
      <c r="A50505" s="1" t="s">
        <v>1213</v>
      </c>
      <c r="B50505" s="1" t="s">
        <v>169390</v>
      </c>
      <c r="C50505" s="1" t="s">
        <v>75</v>
      </c>
      <c r="D50505" s="1" t="s">
        <v>170811</v>
      </c>
      <c r="E50505" s="1" t="s">
        <v>170812</v>
      </c>
      <c r="F50505" s="1" t="s">
        <v>170813</v>
      </c>
      <c r="G50505" s="1" t="s">
        <v>170769</v>
      </c>
      <c r="H50505" s="1" t="s">
        <v>170770</v>
      </c>
      <c r="I50505" s="1" t="s">
        <v>169394</v>
      </c>
      <c r="J50505" s="1" t="s">
        <v>170814</v>
      </c>
    </row>
    <row r="50506" spans="1:10" x14ac:dyDescent="0.35">
      <c r="A50506" s="1" t="s">
        <v>1213</v>
      </c>
      <c r="B50506" s="1" t="s">
        <v>169390</v>
      </c>
      <c r="C50506" s="1" t="s">
        <v>80</v>
      </c>
      <c r="D50506" s="1" t="s">
        <v>38259</v>
      </c>
      <c r="E50506" s="1" t="s">
        <v>170815</v>
      </c>
      <c r="F50506" s="1" t="s">
        <v>170816</v>
      </c>
      <c r="G50506" s="1" t="s">
        <v>170769</v>
      </c>
      <c r="H50506" s="1" t="s">
        <v>170770</v>
      </c>
      <c r="I50506" s="1" t="s">
        <v>169394</v>
      </c>
      <c r="J50506" s="1" t="s">
        <v>170817</v>
      </c>
    </row>
    <row r="50507" spans="1:10" x14ac:dyDescent="0.35">
      <c r="A50507" s="1" t="s">
        <v>1213</v>
      </c>
      <c r="B50507" s="1" t="s">
        <v>169390</v>
      </c>
      <c r="C50507" s="1" t="s">
        <v>85</v>
      </c>
      <c r="D50507" s="1" t="s">
        <v>13259</v>
      </c>
      <c r="E50507" s="1" t="s">
        <v>170818</v>
      </c>
      <c r="F50507" s="1" t="s">
        <v>170819</v>
      </c>
      <c r="G50507" s="1" t="s">
        <v>170769</v>
      </c>
      <c r="H50507" s="1" t="s">
        <v>170770</v>
      </c>
      <c r="I50507" s="1" t="s">
        <v>169394</v>
      </c>
      <c r="J50507" s="1" t="s">
        <v>170820</v>
      </c>
    </row>
    <row r="50508" spans="1:10" x14ac:dyDescent="0.35">
      <c r="A50508" s="1" t="s">
        <v>1213</v>
      </c>
      <c r="B50508" s="1" t="s">
        <v>169390</v>
      </c>
      <c r="C50508" s="1" t="s">
        <v>90</v>
      </c>
      <c r="D50508" s="1" t="s">
        <v>170821</v>
      </c>
      <c r="E50508" s="1" t="s">
        <v>170822</v>
      </c>
      <c r="F50508" s="1" t="s">
        <v>170823</v>
      </c>
      <c r="G50508" s="1" t="s">
        <v>170769</v>
      </c>
      <c r="H50508" s="1" t="s">
        <v>170770</v>
      </c>
      <c r="I50508" s="1" t="s">
        <v>169394</v>
      </c>
      <c r="J50508" s="1" t="s">
        <v>170824</v>
      </c>
    </row>
    <row r="50509" spans="1:10" x14ac:dyDescent="0.35">
      <c r="A50509" s="1" t="s">
        <v>1213</v>
      </c>
      <c r="B50509" s="1" t="s">
        <v>169390</v>
      </c>
      <c r="C50509" s="1" t="s">
        <v>95</v>
      </c>
      <c r="D50509" s="1" t="s">
        <v>18414</v>
      </c>
      <c r="E50509" s="1" t="s">
        <v>170825</v>
      </c>
      <c r="F50509" s="1" t="s">
        <v>170826</v>
      </c>
      <c r="G50509" s="1" t="s">
        <v>170769</v>
      </c>
      <c r="H50509" s="1" t="s">
        <v>170770</v>
      </c>
      <c r="I50509" s="1" t="s">
        <v>169394</v>
      </c>
      <c r="J50509" s="1" t="s">
        <v>170827</v>
      </c>
    </row>
    <row r="50510" spans="1:10" x14ac:dyDescent="0.35">
      <c r="A50510" s="1" t="s">
        <v>1213</v>
      </c>
      <c r="B50510" s="1" t="s">
        <v>169390</v>
      </c>
      <c r="C50510" s="1" t="s">
        <v>100</v>
      </c>
      <c r="D50510" s="1" t="s">
        <v>170828</v>
      </c>
      <c r="E50510" s="1" t="s">
        <v>170829</v>
      </c>
      <c r="F50510" s="1" t="s">
        <v>170830</v>
      </c>
      <c r="G50510" s="1" t="s">
        <v>170769</v>
      </c>
      <c r="H50510" s="1" t="s">
        <v>170770</v>
      </c>
      <c r="I50510" s="1" t="s">
        <v>169394</v>
      </c>
      <c r="J50510" s="1" t="s">
        <v>44877</v>
      </c>
    </row>
    <row r="50511" spans="1:10" x14ac:dyDescent="0.35">
      <c r="A50511" s="1" t="s">
        <v>1213</v>
      </c>
      <c r="B50511" s="1" t="s">
        <v>169390</v>
      </c>
      <c r="C50511" s="1" t="s">
        <v>105</v>
      </c>
      <c r="D50511" s="1" t="s">
        <v>50439</v>
      </c>
      <c r="E50511" s="1" t="s">
        <v>170831</v>
      </c>
      <c r="F50511" s="1" t="s">
        <v>170832</v>
      </c>
      <c r="G50511" s="1" t="s">
        <v>170769</v>
      </c>
      <c r="H50511" s="1" t="s">
        <v>170770</v>
      </c>
      <c r="I50511" s="1" t="s">
        <v>169394</v>
      </c>
      <c r="J50511" s="1" t="s">
        <v>170833</v>
      </c>
    </row>
    <row r="50512" spans="1:10" x14ac:dyDescent="0.35">
      <c r="A50512" s="1" t="s">
        <v>1213</v>
      </c>
      <c r="B50512" s="1" t="s">
        <v>169390</v>
      </c>
      <c r="C50512" s="1" t="s">
        <v>110</v>
      </c>
      <c r="D50512" s="1" t="s">
        <v>170834</v>
      </c>
      <c r="E50512" s="1" t="s">
        <v>170835</v>
      </c>
      <c r="F50512" s="1" t="s">
        <v>170836</v>
      </c>
      <c r="G50512" s="1" t="s">
        <v>170769</v>
      </c>
      <c r="H50512" s="1" t="s">
        <v>170770</v>
      </c>
      <c r="I50512" s="1" t="s">
        <v>169394</v>
      </c>
      <c r="J50512" s="1" t="s">
        <v>170837</v>
      </c>
    </row>
    <row r="50513" spans="1:10" x14ac:dyDescent="0.35">
      <c r="A50513" s="1" t="s">
        <v>1213</v>
      </c>
      <c r="B50513" s="1" t="s">
        <v>169390</v>
      </c>
      <c r="C50513" s="1" t="s">
        <v>115</v>
      </c>
      <c r="D50513" s="1" t="s">
        <v>114332</v>
      </c>
      <c r="E50513" s="1" t="s">
        <v>170838</v>
      </c>
      <c r="F50513" s="1" t="s">
        <v>170839</v>
      </c>
      <c r="G50513" s="1" t="s">
        <v>170769</v>
      </c>
      <c r="H50513" s="1" t="s">
        <v>170770</v>
      </c>
      <c r="I50513" s="1" t="s">
        <v>169394</v>
      </c>
      <c r="J50513" s="1" t="s">
        <v>170840</v>
      </c>
    </row>
    <row r="50514" spans="1:10" x14ac:dyDescent="0.35">
      <c r="A50514" s="1" t="s">
        <v>1213</v>
      </c>
      <c r="B50514" s="1" t="s">
        <v>169390</v>
      </c>
      <c r="C50514" s="1" t="s">
        <v>120</v>
      </c>
      <c r="D50514" s="1" t="s">
        <v>170841</v>
      </c>
      <c r="E50514" s="1" t="s">
        <v>170842</v>
      </c>
      <c r="F50514" s="1" t="s">
        <v>170843</v>
      </c>
      <c r="G50514" s="1" t="s">
        <v>170769</v>
      </c>
      <c r="H50514" s="1" t="s">
        <v>170770</v>
      </c>
      <c r="I50514" s="1" t="s">
        <v>169394</v>
      </c>
      <c r="J50514" s="1" t="s">
        <v>170844</v>
      </c>
    </row>
    <row r="50515" spans="1:10" x14ac:dyDescent="0.35">
      <c r="A50515" s="1" t="s">
        <v>1213</v>
      </c>
      <c r="B50515" s="1" t="s">
        <v>169390</v>
      </c>
      <c r="C50515" s="1" t="s">
        <v>125</v>
      </c>
      <c r="D50515" s="1" t="s">
        <v>38075</v>
      </c>
      <c r="E50515" s="1" t="s">
        <v>170845</v>
      </c>
      <c r="F50515" s="1" t="s">
        <v>170846</v>
      </c>
      <c r="G50515" s="1" t="s">
        <v>170769</v>
      </c>
      <c r="H50515" s="1" t="s">
        <v>170770</v>
      </c>
      <c r="I50515" s="1" t="s">
        <v>169394</v>
      </c>
      <c r="J50515" s="1" t="s">
        <v>170847</v>
      </c>
    </row>
    <row r="50516" spans="1:10" x14ac:dyDescent="0.35">
      <c r="A50516" s="1" t="s">
        <v>1213</v>
      </c>
      <c r="B50516" s="1" t="s">
        <v>169390</v>
      </c>
      <c r="C50516" s="1" t="s">
        <v>130</v>
      </c>
      <c r="D50516" s="1" t="s">
        <v>170848</v>
      </c>
      <c r="E50516" s="1" t="s">
        <v>170849</v>
      </c>
      <c r="F50516" s="1" t="s">
        <v>170850</v>
      </c>
      <c r="G50516" s="1" t="s">
        <v>170769</v>
      </c>
      <c r="H50516" s="1" t="s">
        <v>170770</v>
      </c>
      <c r="I50516" s="1" t="s">
        <v>169394</v>
      </c>
      <c r="J50516" s="1" t="s">
        <v>170851</v>
      </c>
    </row>
    <row r="50517" spans="1:10" x14ac:dyDescent="0.35">
      <c r="A50517" s="1" t="s">
        <v>1213</v>
      </c>
      <c r="B50517" s="1" t="s">
        <v>169390</v>
      </c>
      <c r="C50517" s="1" t="s">
        <v>135</v>
      </c>
      <c r="D50517" s="1" t="s">
        <v>170852</v>
      </c>
      <c r="E50517" s="1" t="s">
        <v>170853</v>
      </c>
      <c r="F50517" s="1" t="s">
        <v>170854</v>
      </c>
      <c r="G50517" s="1" t="s">
        <v>170769</v>
      </c>
      <c r="H50517" s="1" t="s">
        <v>170770</v>
      </c>
      <c r="I50517" s="1" t="s">
        <v>169394</v>
      </c>
      <c r="J50517" s="1" t="s">
        <v>170855</v>
      </c>
    </row>
    <row r="50518" spans="1:10" x14ac:dyDescent="0.35">
      <c r="A50518" s="1" t="s">
        <v>1213</v>
      </c>
      <c r="B50518" s="1" t="s">
        <v>169390</v>
      </c>
      <c r="C50518" s="1" t="s">
        <v>140</v>
      </c>
      <c r="D50518" s="1" t="s">
        <v>170856</v>
      </c>
      <c r="E50518" s="1" t="s">
        <v>170857</v>
      </c>
      <c r="F50518" s="1" t="s">
        <v>170858</v>
      </c>
      <c r="G50518" s="1" t="s">
        <v>170769</v>
      </c>
      <c r="H50518" s="1" t="s">
        <v>170770</v>
      </c>
      <c r="I50518" s="1" t="s">
        <v>169394</v>
      </c>
      <c r="J50518" s="1" t="s">
        <v>170859</v>
      </c>
    </row>
    <row r="50519" spans="1:10" x14ac:dyDescent="0.35">
      <c r="A50519" s="1" t="s">
        <v>1213</v>
      </c>
      <c r="B50519" s="1" t="s">
        <v>169390</v>
      </c>
      <c r="C50519" s="1" t="s">
        <v>145</v>
      </c>
      <c r="D50519" s="1" t="s">
        <v>170860</v>
      </c>
      <c r="E50519" s="1" t="s">
        <v>170861</v>
      </c>
      <c r="F50519" s="1" t="s">
        <v>170862</v>
      </c>
      <c r="G50519" s="1" t="s">
        <v>170769</v>
      </c>
      <c r="H50519" s="1" t="s">
        <v>170770</v>
      </c>
      <c r="I50519" s="1" t="s">
        <v>169394</v>
      </c>
      <c r="J50519" s="1" t="s">
        <v>170863</v>
      </c>
    </row>
    <row r="50520" spans="1:10" x14ac:dyDescent="0.35">
      <c r="A50520" s="1" t="s">
        <v>1213</v>
      </c>
      <c r="B50520" s="1" t="s">
        <v>169390</v>
      </c>
      <c r="C50520" s="1" t="s">
        <v>150</v>
      </c>
      <c r="D50520" s="1" t="s">
        <v>170864</v>
      </c>
      <c r="E50520" s="1" t="s">
        <v>170865</v>
      </c>
      <c r="F50520" s="1" t="s">
        <v>170862</v>
      </c>
      <c r="G50520" s="1" t="s">
        <v>170769</v>
      </c>
      <c r="H50520" s="1" t="s">
        <v>170770</v>
      </c>
      <c r="I50520" s="1" t="s">
        <v>169394</v>
      </c>
      <c r="J50520" s="1" t="s">
        <v>170866</v>
      </c>
    </row>
    <row r="50521" spans="1:10" x14ac:dyDescent="0.35">
      <c r="A50521" s="1" t="s">
        <v>1213</v>
      </c>
      <c r="B50521" s="1" t="s">
        <v>169390</v>
      </c>
      <c r="C50521" s="1" t="s">
        <v>155</v>
      </c>
      <c r="D50521" s="1" t="s">
        <v>170867</v>
      </c>
      <c r="E50521" s="1" t="s">
        <v>170868</v>
      </c>
      <c r="F50521" s="1" t="s">
        <v>170869</v>
      </c>
      <c r="G50521" s="1" t="s">
        <v>170769</v>
      </c>
      <c r="H50521" s="1" t="s">
        <v>170770</v>
      </c>
      <c r="I50521" s="1" t="s">
        <v>169394</v>
      </c>
      <c r="J50521" s="1" t="s">
        <v>170870</v>
      </c>
    </row>
    <row r="50522" spans="1:10" x14ac:dyDescent="0.35">
      <c r="A50522" s="1" t="s">
        <v>1213</v>
      </c>
      <c r="B50522" s="1" t="s">
        <v>169390</v>
      </c>
      <c r="C50522" s="1" t="s">
        <v>160</v>
      </c>
      <c r="D50522" s="1" t="s">
        <v>170871</v>
      </c>
      <c r="E50522" s="1" t="s">
        <v>170872</v>
      </c>
      <c r="F50522" s="1" t="s">
        <v>170862</v>
      </c>
      <c r="G50522" s="1" t="s">
        <v>170769</v>
      </c>
      <c r="H50522" s="1" t="s">
        <v>170770</v>
      </c>
      <c r="I50522" s="1" t="s">
        <v>169394</v>
      </c>
      <c r="J50522" s="1" t="s">
        <v>170873</v>
      </c>
    </row>
    <row r="50523" spans="1:10" x14ac:dyDescent="0.35">
      <c r="A50523" s="1" t="s">
        <v>1213</v>
      </c>
      <c r="B50523" s="1" t="s">
        <v>169390</v>
      </c>
      <c r="C50523" s="1" t="s">
        <v>165</v>
      </c>
      <c r="D50523" s="1" t="s">
        <v>170874</v>
      </c>
      <c r="E50523" s="1" t="s">
        <v>170875</v>
      </c>
      <c r="F50523" s="1" t="s">
        <v>170876</v>
      </c>
      <c r="G50523" s="1" t="s">
        <v>170769</v>
      </c>
      <c r="H50523" s="1" t="s">
        <v>170770</v>
      </c>
      <c r="I50523" s="1" t="s">
        <v>169394</v>
      </c>
      <c r="J50523" s="1" t="s">
        <v>170877</v>
      </c>
    </row>
    <row r="50524" spans="1:10" x14ac:dyDescent="0.35">
      <c r="A50524" s="1" t="s">
        <v>1213</v>
      </c>
      <c r="B50524" s="1" t="s">
        <v>169390</v>
      </c>
      <c r="C50524" s="1" t="s">
        <v>170</v>
      </c>
      <c r="D50524" s="1" t="s">
        <v>170878</v>
      </c>
      <c r="E50524" s="1" t="s">
        <v>170879</v>
      </c>
      <c r="F50524" s="1" t="s">
        <v>170880</v>
      </c>
      <c r="G50524" s="1" t="s">
        <v>170769</v>
      </c>
      <c r="H50524" s="1" t="s">
        <v>170770</v>
      </c>
      <c r="I50524" s="1" t="s">
        <v>169394</v>
      </c>
      <c r="J50524" s="1" t="s">
        <v>170881</v>
      </c>
    </row>
    <row r="50525" spans="1:10" x14ac:dyDescent="0.35">
      <c r="A50525" s="1" t="s">
        <v>28751</v>
      </c>
      <c r="B50525" s="1" t="s">
        <v>169390</v>
      </c>
      <c r="C50525" s="1" t="s">
        <v>8</v>
      </c>
      <c r="D50525" s="1" t="s">
        <v>71224</v>
      </c>
      <c r="E50525" s="1" t="s">
        <v>170882</v>
      </c>
      <c r="F50525" s="1" t="s">
        <v>170883</v>
      </c>
      <c r="G50525" s="1" t="s">
        <v>170884</v>
      </c>
      <c r="H50525" s="1" t="s">
        <v>170885</v>
      </c>
      <c r="I50525" s="1" t="s">
        <v>169394</v>
      </c>
      <c r="J50525" s="1" t="s">
        <v>13</v>
      </c>
    </row>
    <row r="50526" spans="1:10" x14ac:dyDescent="0.35">
      <c r="A50526" s="1" t="s">
        <v>28751</v>
      </c>
      <c r="B50526" s="1" t="s">
        <v>169390</v>
      </c>
      <c r="C50526" s="1" t="s">
        <v>15</v>
      </c>
      <c r="D50526" s="1" t="s">
        <v>49863</v>
      </c>
      <c r="E50526" s="1" t="s">
        <v>170886</v>
      </c>
      <c r="F50526" s="1" t="s">
        <v>170887</v>
      </c>
      <c r="G50526" s="1" t="s">
        <v>170884</v>
      </c>
      <c r="H50526" s="1" t="s">
        <v>170885</v>
      </c>
      <c r="I50526" s="1" t="s">
        <v>169394</v>
      </c>
      <c r="J50526" s="1" t="s">
        <v>170888</v>
      </c>
    </row>
    <row r="50527" spans="1:10" x14ac:dyDescent="0.35">
      <c r="A50527" s="1" t="s">
        <v>28751</v>
      </c>
      <c r="B50527" s="1" t="s">
        <v>169390</v>
      </c>
      <c r="C50527" s="1" t="s">
        <v>20</v>
      </c>
      <c r="D50527" s="1" t="s">
        <v>70942</v>
      </c>
      <c r="E50527" s="1" t="s">
        <v>170889</v>
      </c>
      <c r="F50527" s="1" t="s">
        <v>170890</v>
      </c>
      <c r="G50527" s="1" t="s">
        <v>170884</v>
      </c>
      <c r="H50527" s="1" t="s">
        <v>170885</v>
      </c>
      <c r="I50527" s="1" t="s">
        <v>169394</v>
      </c>
      <c r="J50527" s="1" t="s">
        <v>170891</v>
      </c>
    </row>
    <row r="50528" spans="1:10" x14ac:dyDescent="0.35">
      <c r="A50528" s="1" t="s">
        <v>28751</v>
      </c>
      <c r="B50528" s="1" t="s">
        <v>169390</v>
      </c>
      <c r="C50528" s="1" t="s">
        <v>25</v>
      </c>
      <c r="D50528" s="1" t="s">
        <v>170892</v>
      </c>
      <c r="E50528" s="1" t="s">
        <v>170893</v>
      </c>
      <c r="F50528" s="1" t="s">
        <v>170894</v>
      </c>
      <c r="G50528" s="1" t="s">
        <v>170884</v>
      </c>
      <c r="H50528" s="1" t="s">
        <v>170885</v>
      </c>
      <c r="I50528" s="1" t="s">
        <v>169394</v>
      </c>
      <c r="J50528" s="1" t="s">
        <v>170895</v>
      </c>
    </row>
    <row r="50529" spans="1:10" x14ac:dyDescent="0.35">
      <c r="A50529" s="1" t="s">
        <v>28751</v>
      </c>
      <c r="B50529" s="1" t="s">
        <v>169390</v>
      </c>
      <c r="C50529" s="1" t="s">
        <v>30</v>
      </c>
      <c r="D50529" s="1" t="s">
        <v>19798</v>
      </c>
      <c r="E50529" s="1" t="s">
        <v>170896</v>
      </c>
      <c r="F50529" s="1" t="s">
        <v>170897</v>
      </c>
      <c r="G50529" s="1" t="s">
        <v>170884</v>
      </c>
      <c r="H50529" s="1" t="s">
        <v>170885</v>
      </c>
      <c r="I50529" s="1" t="s">
        <v>169394</v>
      </c>
      <c r="J50529" s="1" t="s">
        <v>170898</v>
      </c>
    </row>
    <row r="50530" spans="1:10" x14ac:dyDescent="0.35">
      <c r="A50530" s="1" t="s">
        <v>28751</v>
      </c>
      <c r="B50530" s="1" t="s">
        <v>169390</v>
      </c>
      <c r="C50530" s="1" t="s">
        <v>35</v>
      </c>
      <c r="D50530" s="1" t="s">
        <v>170606</v>
      </c>
      <c r="E50530" s="1" t="s">
        <v>170899</v>
      </c>
      <c r="F50530" s="1" t="s">
        <v>170900</v>
      </c>
      <c r="G50530" s="1" t="s">
        <v>170884</v>
      </c>
      <c r="H50530" s="1" t="s">
        <v>170885</v>
      </c>
      <c r="I50530" s="1" t="s">
        <v>169394</v>
      </c>
      <c r="J50530" s="1" t="s">
        <v>170901</v>
      </c>
    </row>
    <row r="50531" spans="1:10" x14ac:dyDescent="0.35">
      <c r="A50531" s="1" t="s">
        <v>28751</v>
      </c>
      <c r="B50531" s="1" t="s">
        <v>169390</v>
      </c>
      <c r="C50531" s="1" t="s">
        <v>40</v>
      </c>
      <c r="D50531" s="1" t="s">
        <v>83087</v>
      </c>
      <c r="E50531" s="1" t="s">
        <v>170902</v>
      </c>
      <c r="F50531" s="1" t="s">
        <v>170903</v>
      </c>
      <c r="G50531" s="1" t="s">
        <v>170884</v>
      </c>
      <c r="H50531" s="1" t="s">
        <v>170885</v>
      </c>
      <c r="I50531" s="1" t="s">
        <v>169394</v>
      </c>
      <c r="J50531" s="1" t="s">
        <v>170904</v>
      </c>
    </row>
    <row r="50532" spans="1:10" x14ac:dyDescent="0.35">
      <c r="A50532" s="1" t="s">
        <v>28751</v>
      </c>
      <c r="B50532" s="1" t="s">
        <v>169390</v>
      </c>
      <c r="C50532" s="1" t="s">
        <v>45</v>
      </c>
      <c r="D50532" s="1" t="s">
        <v>47786</v>
      </c>
      <c r="E50532" s="1" t="s">
        <v>170905</v>
      </c>
      <c r="F50532" s="1" t="s">
        <v>170906</v>
      </c>
      <c r="G50532" s="1" t="s">
        <v>170884</v>
      </c>
      <c r="H50532" s="1" t="s">
        <v>170885</v>
      </c>
      <c r="I50532" s="1" t="s">
        <v>169394</v>
      </c>
      <c r="J50532" s="1" t="s">
        <v>170907</v>
      </c>
    </row>
    <row r="50533" spans="1:10" x14ac:dyDescent="0.35">
      <c r="A50533" s="1" t="s">
        <v>28751</v>
      </c>
      <c r="B50533" s="1" t="s">
        <v>169390</v>
      </c>
      <c r="C50533" s="1" t="s">
        <v>50</v>
      </c>
      <c r="D50533" s="1" t="s">
        <v>72495</v>
      </c>
      <c r="E50533" s="1" t="s">
        <v>170908</v>
      </c>
      <c r="F50533" s="1" t="s">
        <v>170909</v>
      </c>
      <c r="G50533" s="1" t="s">
        <v>170884</v>
      </c>
      <c r="H50533" s="1" t="s">
        <v>170885</v>
      </c>
      <c r="I50533" s="1" t="s">
        <v>169394</v>
      </c>
      <c r="J50533" s="1" t="s">
        <v>170910</v>
      </c>
    </row>
    <row r="50534" spans="1:10" x14ac:dyDescent="0.35">
      <c r="A50534" s="1" t="s">
        <v>28751</v>
      </c>
      <c r="B50534" s="1" t="s">
        <v>169390</v>
      </c>
      <c r="C50534" s="1" t="s">
        <v>55</v>
      </c>
      <c r="D50534" s="1" t="s">
        <v>34387</v>
      </c>
      <c r="E50534" s="1" t="s">
        <v>170911</v>
      </c>
      <c r="F50534" s="1" t="s">
        <v>170912</v>
      </c>
      <c r="G50534" s="1" t="s">
        <v>170884</v>
      </c>
      <c r="H50534" s="1" t="s">
        <v>170885</v>
      </c>
      <c r="I50534" s="1" t="s">
        <v>169394</v>
      </c>
      <c r="J50534" s="1" t="s">
        <v>170913</v>
      </c>
    </row>
    <row r="50535" spans="1:10" x14ac:dyDescent="0.35">
      <c r="A50535" s="1" t="s">
        <v>28751</v>
      </c>
      <c r="B50535" s="1" t="s">
        <v>169390</v>
      </c>
      <c r="C50535" s="1" t="s">
        <v>60</v>
      </c>
      <c r="D50535" s="1" t="s">
        <v>34302</v>
      </c>
      <c r="E50535" s="1" t="s">
        <v>170914</v>
      </c>
      <c r="F50535" s="1" t="s">
        <v>170915</v>
      </c>
      <c r="G50535" s="1" t="s">
        <v>170884</v>
      </c>
      <c r="H50535" s="1" t="s">
        <v>170885</v>
      </c>
      <c r="I50535" s="1" t="s">
        <v>169394</v>
      </c>
      <c r="J50535" s="1" t="s">
        <v>170916</v>
      </c>
    </row>
    <row r="50536" spans="1:10" x14ac:dyDescent="0.35">
      <c r="A50536" s="1" t="s">
        <v>28751</v>
      </c>
      <c r="B50536" s="1" t="s">
        <v>169390</v>
      </c>
      <c r="C50536" s="1" t="s">
        <v>65</v>
      </c>
      <c r="D50536" s="1" t="s">
        <v>16344</v>
      </c>
      <c r="E50536" s="1" t="s">
        <v>170917</v>
      </c>
      <c r="F50536" s="1" t="s">
        <v>170918</v>
      </c>
      <c r="G50536" s="1" t="s">
        <v>170884</v>
      </c>
      <c r="H50536" s="1" t="s">
        <v>170885</v>
      </c>
      <c r="I50536" s="1" t="s">
        <v>169394</v>
      </c>
      <c r="J50536" s="1" t="s">
        <v>170919</v>
      </c>
    </row>
    <row r="50537" spans="1:10" x14ac:dyDescent="0.35">
      <c r="A50537" s="1" t="s">
        <v>28751</v>
      </c>
      <c r="B50537" s="1" t="s">
        <v>169390</v>
      </c>
      <c r="C50537" s="1" t="s">
        <v>70</v>
      </c>
      <c r="D50537" s="1" t="s">
        <v>3355</v>
      </c>
      <c r="E50537" s="1" t="s">
        <v>170920</v>
      </c>
      <c r="F50537" s="1" t="s">
        <v>170921</v>
      </c>
      <c r="G50537" s="1" t="s">
        <v>170884</v>
      </c>
      <c r="H50537" s="1" t="s">
        <v>170885</v>
      </c>
      <c r="I50537" s="1" t="s">
        <v>169394</v>
      </c>
      <c r="J50537" s="1" t="s">
        <v>170922</v>
      </c>
    </row>
    <row r="50538" spans="1:10" x14ac:dyDescent="0.35">
      <c r="A50538" s="1" t="s">
        <v>28751</v>
      </c>
      <c r="B50538" s="1" t="s">
        <v>169390</v>
      </c>
      <c r="C50538" s="1" t="s">
        <v>75</v>
      </c>
      <c r="D50538" s="1" t="s">
        <v>37415</v>
      </c>
      <c r="E50538" s="1" t="s">
        <v>170923</v>
      </c>
      <c r="F50538" s="1" t="s">
        <v>170924</v>
      </c>
      <c r="G50538" s="1" t="s">
        <v>170884</v>
      </c>
      <c r="H50538" s="1" t="s">
        <v>170885</v>
      </c>
      <c r="I50538" s="1" t="s">
        <v>169394</v>
      </c>
      <c r="J50538" s="1" t="s">
        <v>170925</v>
      </c>
    </row>
    <row r="50539" spans="1:10" x14ac:dyDescent="0.35">
      <c r="A50539" s="1" t="s">
        <v>28751</v>
      </c>
      <c r="B50539" s="1" t="s">
        <v>169390</v>
      </c>
      <c r="C50539" s="1" t="s">
        <v>80</v>
      </c>
      <c r="D50539" s="1" t="s">
        <v>170926</v>
      </c>
      <c r="E50539" s="1" t="s">
        <v>170927</v>
      </c>
      <c r="F50539" s="1" t="s">
        <v>170928</v>
      </c>
      <c r="G50539" s="1" t="s">
        <v>170884</v>
      </c>
      <c r="H50539" s="1" t="s">
        <v>170885</v>
      </c>
      <c r="I50539" s="1" t="s">
        <v>169394</v>
      </c>
      <c r="J50539" s="1" t="s">
        <v>170929</v>
      </c>
    </row>
    <row r="50540" spans="1:10" x14ac:dyDescent="0.35">
      <c r="A50540" s="1" t="s">
        <v>28751</v>
      </c>
      <c r="B50540" s="1" t="s">
        <v>169390</v>
      </c>
      <c r="C50540" s="1" t="s">
        <v>85</v>
      </c>
      <c r="D50540" s="1" t="s">
        <v>168284</v>
      </c>
      <c r="E50540" s="1" t="s">
        <v>170930</v>
      </c>
      <c r="F50540" s="1" t="s">
        <v>170931</v>
      </c>
      <c r="G50540" s="1" t="s">
        <v>170884</v>
      </c>
      <c r="H50540" s="1" t="s">
        <v>170885</v>
      </c>
      <c r="I50540" s="1" t="s">
        <v>169394</v>
      </c>
      <c r="J50540" s="1" t="s">
        <v>170932</v>
      </c>
    </row>
    <row r="50541" spans="1:10" x14ac:dyDescent="0.35">
      <c r="A50541" s="1" t="s">
        <v>28751</v>
      </c>
      <c r="B50541" s="1" t="s">
        <v>169390</v>
      </c>
      <c r="C50541" s="1" t="s">
        <v>90</v>
      </c>
      <c r="D50541" s="1" t="s">
        <v>47350</v>
      </c>
      <c r="E50541" s="1" t="s">
        <v>170933</v>
      </c>
      <c r="F50541" s="1" t="s">
        <v>170934</v>
      </c>
      <c r="G50541" s="1" t="s">
        <v>170884</v>
      </c>
      <c r="H50541" s="1" t="s">
        <v>170885</v>
      </c>
      <c r="I50541" s="1" t="s">
        <v>169394</v>
      </c>
      <c r="J50541" s="1" t="s">
        <v>170935</v>
      </c>
    </row>
    <row r="50542" spans="1:10" x14ac:dyDescent="0.35">
      <c r="A50542" s="1" t="s">
        <v>28751</v>
      </c>
      <c r="B50542" s="1" t="s">
        <v>169390</v>
      </c>
      <c r="C50542" s="1" t="s">
        <v>95</v>
      </c>
      <c r="D50542" s="1" t="s">
        <v>170936</v>
      </c>
      <c r="E50542" s="1" t="s">
        <v>170937</v>
      </c>
      <c r="F50542" s="1" t="s">
        <v>170938</v>
      </c>
      <c r="G50542" s="1" t="s">
        <v>170884</v>
      </c>
      <c r="H50542" s="1" t="s">
        <v>170885</v>
      </c>
      <c r="I50542" s="1" t="s">
        <v>169394</v>
      </c>
      <c r="J50542" s="1" t="s">
        <v>170939</v>
      </c>
    </row>
    <row r="50543" spans="1:10" x14ac:dyDescent="0.35">
      <c r="A50543" s="1" t="s">
        <v>28751</v>
      </c>
      <c r="B50543" s="1" t="s">
        <v>169390</v>
      </c>
      <c r="C50543" s="1" t="s">
        <v>100</v>
      </c>
      <c r="D50543" s="1" t="s">
        <v>123236</v>
      </c>
      <c r="E50543" s="1" t="s">
        <v>170940</v>
      </c>
      <c r="F50543" s="1" t="s">
        <v>170941</v>
      </c>
      <c r="G50543" s="1" t="s">
        <v>170884</v>
      </c>
      <c r="H50543" s="1" t="s">
        <v>170885</v>
      </c>
      <c r="I50543" s="1" t="s">
        <v>169394</v>
      </c>
      <c r="J50543" s="1" t="s">
        <v>170942</v>
      </c>
    </row>
    <row r="50544" spans="1:10" x14ac:dyDescent="0.35">
      <c r="A50544" s="1" t="s">
        <v>28751</v>
      </c>
      <c r="B50544" s="1" t="s">
        <v>169390</v>
      </c>
      <c r="C50544" s="1" t="s">
        <v>105</v>
      </c>
      <c r="D50544" s="1" t="s">
        <v>168913</v>
      </c>
      <c r="E50544" s="1" t="s">
        <v>170943</v>
      </c>
      <c r="F50544" s="1" t="s">
        <v>170944</v>
      </c>
      <c r="G50544" s="1" t="s">
        <v>170884</v>
      </c>
      <c r="H50544" s="1" t="s">
        <v>170885</v>
      </c>
      <c r="I50544" s="1" t="s">
        <v>169394</v>
      </c>
      <c r="J50544" s="1" t="s">
        <v>170945</v>
      </c>
    </row>
    <row r="50545" spans="1:10" x14ac:dyDescent="0.35">
      <c r="A50545" s="1" t="s">
        <v>28751</v>
      </c>
      <c r="B50545" s="1" t="s">
        <v>169390</v>
      </c>
      <c r="C50545" s="1" t="s">
        <v>110</v>
      </c>
      <c r="D50545" s="1" t="s">
        <v>35533</v>
      </c>
      <c r="E50545" s="1" t="s">
        <v>170946</v>
      </c>
      <c r="F50545" s="1" t="s">
        <v>170947</v>
      </c>
      <c r="G50545" s="1" t="s">
        <v>170884</v>
      </c>
      <c r="H50545" s="1" t="s">
        <v>170885</v>
      </c>
      <c r="I50545" s="1" t="s">
        <v>169394</v>
      </c>
      <c r="J50545" s="1" t="s">
        <v>170948</v>
      </c>
    </row>
    <row r="50546" spans="1:10" x14ac:dyDescent="0.35">
      <c r="A50546" s="1" t="s">
        <v>28751</v>
      </c>
      <c r="B50546" s="1" t="s">
        <v>169390</v>
      </c>
      <c r="C50546" s="1" t="s">
        <v>115</v>
      </c>
      <c r="D50546" s="1" t="s">
        <v>170949</v>
      </c>
      <c r="E50546" s="1" t="s">
        <v>170950</v>
      </c>
      <c r="F50546" s="1" t="s">
        <v>170951</v>
      </c>
      <c r="G50546" s="1" t="s">
        <v>170884</v>
      </c>
      <c r="H50546" s="1" t="s">
        <v>170885</v>
      </c>
      <c r="I50546" s="1" t="s">
        <v>169394</v>
      </c>
      <c r="J50546" s="1" t="s">
        <v>170952</v>
      </c>
    </row>
    <row r="50547" spans="1:10" x14ac:dyDescent="0.35">
      <c r="A50547" s="1" t="s">
        <v>28751</v>
      </c>
      <c r="B50547" s="1" t="s">
        <v>169390</v>
      </c>
      <c r="C50547" s="1" t="s">
        <v>120</v>
      </c>
      <c r="D50547" s="1" t="s">
        <v>123256</v>
      </c>
      <c r="E50547" s="1" t="s">
        <v>170953</v>
      </c>
      <c r="F50547" s="1" t="s">
        <v>170954</v>
      </c>
      <c r="G50547" s="1" t="s">
        <v>170884</v>
      </c>
      <c r="H50547" s="1" t="s">
        <v>170885</v>
      </c>
      <c r="I50547" s="1" t="s">
        <v>169394</v>
      </c>
      <c r="J50547" s="1" t="s">
        <v>170955</v>
      </c>
    </row>
    <row r="50548" spans="1:10" x14ac:dyDescent="0.35">
      <c r="A50548" s="1" t="s">
        <v>28751</v>
      </c>
      <c r="B50548" s="1" t="s">
        <v>169390</v>
      </c>
      <c r="C50548" s="1" t="s">
        <v>125</v>
      </c>
      <c r="D50548" s="1" t="s">
        <v>16223</v>
      </c>
      <c r="E50548" s="1" t="s">
        <v>170956</v>
      </c>
      <c r="F50548" s="1" t="s">
        <v>170957</v>
      </c>
      <c r="G50548" s="1" t="s">
        <v>170884</v>
      </c>
      <c r="H50548" s="1" t="s">
        <v>170885</v>
      </c>
      <c r="I50548" s="1" t="s">
        <v>169394</v>
      </c>
      <c r="J50548" s="1" t="s">
        <v>170958</v>
      </c>
    </row>
    <row r="50549" spans="1:10" x14ac:dyDescent="0.35">
      <c r="A50549" s="1" t="s">
        <v>28751</v>
      </c>
      <c r="B50549" s="1" t="s">
        <v>169390</v>
      </c>
      <c r="C50549" s="1" t="s">
        <v>130</v>
      </c>
      <c r="D50549" s="1" t="s">
        <v>104850</v>
      </c>
      <c r="E50549" s="1" t="s">
        <v>170959</v>
      </c>
      <c r="F50549" s="1" t="s">
        <v>170960</v>
      </c>
      <c r="G50549" s="1" t="s">
        <v>170884</v>
      </c>
      <c r="H50549" s="1" t="s">
        <v>170885</v>
      </c>
      <c r="I50549" s="1" t="s">
        <v>169394</v>
      </c>
      <c r="J50549" s="1" t="s">
        <v>170961</v>
      </c>
    </row>
    <row r="50550" spans="1:10" x14ac:dyDescent="0.35">
      <c r="A50550" s="1" t="s">
        <v>28751</v>
      </c>
      <c r="B50550" s="1" t="s">
        <v>169390</v>
      </c>
      <c r="C50550" s="1" t="s">
        <v>135</v>
      </c>
      <c r="D50550" s="1" t="s">
        <v>50651</v>
      </c>
      <c r="E50550" s="1" t="s">
        <v>170962</v>
      </c>
      <c r="F50550" s="1" t="s">
        <v>170963</v>
      </c>
      <c r="G50550" s="1" t="s">
        <v>170884</v>
      </c>
      <c r="H50550" s="1" t="s">
        <v>170885</v>
      </c>
      <c r="I50550" s="1" t="s">
        <v>169394</v>
      </c>
      <c r="J50550" s="1" t="s">
        <v>170964</v>
      </c>
    </row>
    <row r="50551" spans="1:10" x14ac:dyDescent="0.35">
      <c r="A50551" s="1" t="s">
        <v>28751</v>
      </c>
      <c r="B50551" s="1" t="s">
        <v>169390</v>
      </c>
      <c r="C50551" s="1" t="s">
        <v>140</v>
      </c>
      <c r="D50551" s="1" t="s">
        <v>170965</v>
      </c>
      <c r="E50551" s="1" t="s">
        <v>170966</v>
      </c>
      <c r="F50551" s="1" t="s">
        <v>170967</v>
      </c>
      <c r="G50551" s="1" t="s">
        <v>170884</v>
      </c>
      <c r="H50551" s="1" t="s">
        <v>170885</v>
      </c>
      <c r="I50551" s="1" t="s">
        <v>169394</v>
      </c>
      <c r="J50551" s="1" t="s">
        <v>170968</v>
      </c>
    </row>
    <row r="50552" spans="1:10" x14ac:dyDescent="0.35">
      <c r="A50552" s="1" t="s">
        <v>28751</v>
      </c>
      <c r="B50552" s="1" t="s">
        <v>169390</v>
      </c>
      <c r="C50552" s="1" t="s">
        <v>145</v>
      </c>
      <c r="D50552" s="1" t="s">
        <v>47920</v>
      </c>
      <c r="E50552" s="1" t="s">
        <v>170969</v>
      </c>
      <c r="F50552" s="1" t="s">
        <v>170970</v>
      </c>
      <c r="G50552" s="1" t="s">
        <v>170884</v>
      </c>
      <c r="H50552" s="1" t="s">
        <v>170885</v>
      </c>
      <c r="I50552" s="1" t="s">
        <v>169394</v>
      </c>
      <c r="J50552" s="1" t="s">
        <v>170971</v>
      </c>
    </row>
    <row r="50553" spans="1:10" x14ac:dyDescent="0.35">
      <c r="A50553" s="1" t="s">
        <v>28751</v>
      </c>
      <c r="B50553" s="1" t="s">
        <v>169390</v>
      </c>
      <c r="C50553" s="1" t="s">
        <v>150</v>
      </c>
      <c r="D50553" s="1" t="s">
        <v>30732</v>
      </c>
      <c r="E50553" s="1" t="s">
        <v>170972</v>
      </c>
      <c r="F50553" s="1" t="s">
        <v>170973</v>
      </c>
      <c r="G50553" s="1" t="s">
        <v>170884</v>
      </c>
      <c r="H50553" s="1" t="s">
        <v>170885</v>
      </c>
      <c r="I50553" s="1" t="s">
        <v>169394</v>
      </c>
      <c r="J50553" s="1" t="s">
        <v>170974</v>
      </c>
    </row>
    <row r="50554" spans="1:10" x14ac:dyDescent="0.35">
      <c r="A50554" s="1" t="s">
        <v>28751</v>
      </c>
      <c r="B50554" s="1" t="s">
        <v>169390</v>
      </c>
      <c r="C50554" s="1" t="s">
        <v>155</v>
      </c>
      <c r="D50554" s="1" t="s">
        <v>72906</v>
      </c>
      <c r="E50554" s="1" t="s">
        <v>170975</v>
      </c>
      <c r="F50554" s="1" t="s">
        <v>170976</v>
      </c>
      <c r="G50554" s="1" t="s">
        <v>170884</v>
      </c>
      <c r="H50554" s="1" t="s">
        <v>170885</v>
      </c>
      <c r="I50554" s="1" t="s">
        <v>169394</v>
      </c>
      <c r="J50554" s="1" t="s">
        <v>170977</v>
      </c>
    </row>
    <row r="50555" spans="1:10" x14ac:dyDescent="0.35">
      <c r="A50555" s="1" t="s">
        <v>28751</v>
      </c>
      <c r="B50555" s="1" t="s">
        <v>169390</v>
      </c>
      <c r="C50555" s="1" t="s">
        <v>160</v>
      </c>
      <c r="D50555" s="1" t="s">
        <v>170978</v>
      </c>
      <c r="E50555" s="1" t="s">
        <v>170979</v>
      </c>
      <c r="F50555" s="1" t="s">
        <v>170980</v>
      </c>
      <c r="G50555" s="1" t="s">
        <v>170884</v>
      </c>
      <c r="H50555" s="1" t="s">
        <v>170885</v>
      </c>
      <c r="I50555" s="1" t="s">
        <v>169394</v>
      </c>
      <c r="J50555" s="1" t="s">
        <v>170981</v>
      </c>
    </row>
    <row r="50556" spans="1:10" x14ac:dyDescent="0.35">
      <c r="A50556" s="1" t="s">
        <v>28751</v>
      </c>
      <c r="B50556" s="1" t="s">
        <v>169390</v>
      </c>
      <c r="C50556" s="1" t="s">
        <v>165</v>
      </c>
      <c r="D50556" s="1" t="s">
        <v>149770</v>
      </c>
      <c r="E50556" s="1" t="s">
        <v>170982</v>
      </c>
      <c r="F50556" s="1" t="s">
        <v>170983</v>
      </c>
      <c r="G50556" s="1" t="s">
        <v>170884</v>
      </c>
      <c r="H50556" s="1" t="s">
        <v>170885</v>
      </c>
      <c r="I50556" s="1" t="s">
        <v>169394</v>
      </c>
      <c r="J50556" s="1" t="s">
        <v>170984</v>
      </c>
    </row>
    <row r="50557" spans="1:10" x14ac:dyDescent="0.35">
      <c r="A50557" s="1" t="s">
        <v>28751</v>
      </c>
      <c r="B50557" s="1" t="s">
        <v>169390</v>
      </c>
      <c r="C50557" s="1" t="s">
        <v>170</v>
      </c>
      <c r="D50557" s="1" t="s">
        <v>152462</v>
      </c>
      <c r="E50557" s="1" t="s">
        <v>170985</v>
      </c>
      <c r="F50557" s="1" t="s">
        <v>170986</v>
      </c>
      <c r="G50557" s="1" t="s">
        <v>170884</v>
      </c>
      <c r="H50557" s="1" t="s">
        <v>170885</v>
      </c>
      <c r="I50557" s="1" t="s">
        <v>169394</v>
      </c>
      <c r="J50557" s="1" t="s">
        <v>170987</v>
      </c>
    </row>
    <row r="50558" spans="1:10" x14ac:dyDescent="0.35">
      <c r="A50558" s="1" t="s">
        <v>4376</v>
      </c>
      <c r="B50558" s="1" t="s">
        <v>169390</v>
      </c>
      <c r="C50558" s="1" t="s">
        <v>8</v>
      </c>
      <c r="D50558" s="1" t="s">
        <v>170988</v>
      </c>
      <c r="E50558" s="1" t="s">
        <v>170989</v>
      </c>
      <c r="F50558" s="1" t="s">
        <v>170990</v>
      </c>
      <c r="G50558" s="1" t="s">
        <v>170991</v>
      </c>
      <c r="H50558" s="1" t="s">
        <v>170992</v>
      </c>
      <c r="I50558" s="1" t="s">
        <v>169394</v>
      </c>
      <c r="J50558" s="1" t="s">
        <v>13</v>
      </c>
    </row>
    <row r="50559" spans="1:10" x14ac:dyDescent="0.35">
      <c r="A50559" s="1" t="s">
        <v>4376</v>
      </c>
      <c r="B50559" s="1" t="s">
        <v>169390</v>
      </c>
      <c r="C50559" s="1" t="s">
        <v>15</v>
      </c>
      <c r="D50559" s="1" t="s">
        <v>170993</v>
      </c>
      <c r="E50559" s="1" t="s">
        <v>170994</v>
      </c>
      <c r="F50559" s="1" t="s">
        <v>170995</v>
      </c>
      <c r="G50559" s="1" t="s">
        <v>170991</v>
      </c>
      <c r="H50559" s="1" t="s">
        <v>170992</v>
      </c>
      <c r="I50559" s="1" t="s">
        <v>169394</v>
      </c>
      <c r="J50559" s="1" t="s">
        <v>170996</v>
      </c>
    </row>
    <row r="50560" spans="1:10" x14ac:dyDescent="0.35">
      <c r="A50560" s="1" t="s">
        <v>4376</v>
      </c>
      <c r="B50560" s="1" t="s">
        <v>169390</v>
      </c>
      <c r="C50560" s="1" t="s">
        <v>20</v>
      </c>
      <c r="D50560" s="1" t="s">
        <v>37554</v>
      </c>
      <c r="E50560" s="1" t="s">
        <v>170997</v>
      </c>
      <c r="F50560" s="1" t="s">
        <v>170998</v>
      </c>
      <c r="G50560" s="1" t="s">
        <v>170991</v>
      </c>
      <c r="H50560" s="1" t="s">
        <v>170992</v>
      </c>
      <c r="I50560" s="1" t="s">
        <v>169394</v>
      </c>
      <c r="J50560" s="1" t="s">
        <v>170999</v>
      </c>
    </row>
    <row r="50561" spans="1:10" x14ac:dyDescent="0.35">
      <c r="A50561" s="1" t="s">
        <v>4376</v>
      </c>
      <c r="B50561" s="1" t="s">
        <v>169390</v>
      </c>
      <c r="C50561" s="1" t="s">
        <v>25</v>
      </c>
      <c r="D50561" s="1" t="s">
        <v>30716</v>
      </c>
      <c r="E50561" s="1" t="s">
        <v>171000</v>
      </c>
      <c r="F50561" s="1" t="s">
        <v>171001</v>
      </c>
      <c r="G50561" s="1" t="s">
        <v>170991</v>
      </c>
      <c r="H50561" s="1" t="s">
        <v>170992</v>
      </c>
      <c r="I50561" s="1" t="s">
        <v>169394</v>
      </c>
      <c r="J50561" s="1" t="s">
        <v>171002</v>
      </c>
    </row>
    <row r="50562" spans="1:10" x14ac:dyDescent="0.35">
      <c r="A50562" s="1" t="s">
        <v>4376</v>
      </c>
      <c r="B50562" s="1" t="s">
        <v>169390</v>
      </c>
      <c r="C50562" s="1" t="s">
        <v>30</v>
      </c>
      <c r="D50562" s="1" t="s">
        <v>48398</v>
      </c>
      <c r="E50562" s="1" t="s">
        <v>171003</v>
      </c>
      <c r="F50562" s="1" t="s">
        <v>171004</v>
      </c>
      <c r="G50562" s="1" t="s">
        <v>170991</v>
      </c>
      <c r="H50562" s="1" t="s">
        <v>170992</v>
      </c>
      <c r="I50562" s="1" t="s">
        <v>169394</v>
      </c>
      <c r="J50562" s="1" t="s">
        <v>171005</v>
      </c>
    </row>
    <row r="50563" spans="1:10" x14ac:dyDescent="0.35">
      <c r="A50563" s="1" t="s">
        <v>4376</v>
      </c>
      <c r="B50563" s="1" t="s">
        <v>169390</v>
      </c>
      <c r="C50563" s="1" t="s">
        <v>35</v>
      </c>
      <c r="D50563" s="1" t="s">
        <v>150939</v>
      </c>
      <c r="E50563" s="1" t="s">
        <v>171006</v>
      </c>
      <c r="F50563" s="1" t="s">
        <v>171007</v>
      </c>
      <c r="G50563" s="1" t="s">
        <v>170991</v>
      </c>
      <c r="H50563" s="1" t="s">
        <v>170992</v>
      </c>
      <c r="I50563" s="1" t="s">
        <v>169394</v>
      </c>
      <c r="J50563" s="1" t="s">
        <v>171008</v>
      </c>
    </row>
    <row r="50564" spans="1:10" x14ac:dyDescent="0.35">
      <c r="A50564" s="1" t="s">
        <v>4376</v>
      </c>
      <c r="B50564" s="1" t="s">
        <v>169390</v>
      </c>
      <c r="C50564" s="1" t="s">
        <v>40</v>
      </c>
      <c r="D50564" s="1" t="s">
        <v>43127</v>
      </c>
      <c r="E50564" s="1" t="s">
        <v>171009</v>
      </c>
      <c r="F50564" s="1" t="s">
        <v>171010</v>
      </c>
      <c r="G50564" s="1" t="s">
        <v>170991</v>
      </c>
      <c r="H50564" s="1" t="s">
        <v>170992</v>
      </c>
      <c r="I50564" s="1" t="s">
        <v>169394</v>
      </c>
      <c r="J50564" s="1" t="s">
        <v>171011</v>
      </c>
    </row>
    <row r="50565" spans="1:10" x14ac:dyDescent="0.35">
      <c r="A50565" s="1" t="s">
        <v>4376</v>
      </c>
      <c r="B50565" s="1" t="s">
        <v>169390</v>
      </c>
      <c r="C50565" s="1" t="s">
        <v>45</v>
      </c>
      <c r="D50565" s="1" t="s">
        <v>171012</v>
      </c>
      <c r="E50565" s="1" t="s">
        <v>171013</v>
      </c>
      <c r="F50565" s="1" t="s">
        <v>171014</v>
      </c>
      <c r="G50565" s="1" t="s">
        <v>170991</v>
      </c>
      <c r="H50565" s="1" t="s">
        <v>170992</v>
      </c>
      <c r="I50565" s="1" t="s">
        <v>169394</v>
      </c>
      <c r="J50565" s="1" t="s">
        <v>171015</v>
      </c>
    </row>
    <row r="50566" spans="1:10" x14ac:dyDescent="0.35">
      <c r="A50566" s="1" t="s">
        <v>4376</v>
      </c>
      <c r="B50566" s="1" t="s">
        <v>169390</v>
      </c>
      <c r="C50566" s="1" t="s">
        <v>50</v>
      </c>
      <c r="D50566" s="1" t="s">
        <v>171016</v>
      </c>
      <c r="E50566" s="1" t="s">
        <v>171017</v>
      </c>
      <c r="F50566" s="1" t="s">
        <v>171018</v>
      </c>
      <c r="G50566" s="1" t="s">
        <v>170991</v>
      </c>
      <c r="H50566" s="1" t="s">
        <v>170992</v>
      </c>
      <c r="I50566" s="1" t="s">
        <v>169394</v>
      </c>
      <c r="J50566" s="1" t="s">
        <v>171019</v>
      </c>
    </row>
    <row r="50567" spans="1:10" x14ac:dyDescent="0.35">
      <c r="A50567" s="1" t="s">
        <v>4376</v>
      </c>
      <c r="B50567" s="1" t="s">
        <v>169390</v>
      </c>
      <c r="C50567" s="1" t="s">
        <v>55</v>
      </c>
      <c r="D50567" s="1" t="s">
        <v>47659</v>
      </c>
      <c r="E50567" s="1" t="s">
        <v>171020</v>
      </c>
      <c r="F50567" s="1" t="s">
        <v>171021</v>
      </c>
      <c r="G50567" s="1" t="s">
        <v>170991</v>
      </c>
      <c r="H50567" s="1" t="s">
        <v>170992</v>
      </c>
      <c r="I50567" s="1" t="s">
        <v>169394</v>
      </c>
      <c r="J50567" s="1" t="s">
        <v>171022</v>
      </c>
    </row>
    <row r="50568" spans="1:10" x14ac:dyDescent="0.35">
      <c r="A50568" s="1" t="s">
        <v>4376</v>
      </c>
      <c r="B50568" s="1" t="s">
        <v>169390</v>
      </c>
      <c r="C50568" s="1" t="s">
        <v>60</v>
      </c>
      <c r="D50568" s="1" t="s">
        <v>115882</v>
      </c>
      <c r="E50568" s="1" t="s">
        <v>171023</v>
      </c>
      <c r="F50568" s="1" t="s">
        <v>171024</v>
      </c>
      <c r="G50568" s="1" t="s">
        <v>170991</v>
      </c>
      <c r="H50568" s="1" t="s">
        <v>170992</v>
      </c>
      <c r="I50568" s="1" t="s">
        <v>169394</v>
      </c>
      <c r="J50568" s="1" t="s">
        <v>171025</v>
      </c>
    </row>
    <row r="50569" spans="1:10" x14ac:dyDescent="0.35">
      <c r="A50569" s="1" t="s">
        <v>4376</v>
      </c>
      <c r="B50569" s="1" t="s">
        <v>169390</v>
      </c>
      <c r="C50569" s="1" t="s">
        <v>65</v>
      </c>
      <c r="D50569" s="1" t="s">
        <v>35571</v>
      </c>
      <c r="E50569" s="1" t="s">
        <v>171026</v>
      </c>
      <c r="F50569" s="1" t="s">
        <v>171027</v>
      </c>
      <c r="G50569" s="1" t="s">
        <v>170991</v>
      </c>
      <c r="H50569" s="1" t="s">
        <v>170992</v>
      </c>
      <c r="I50569" s="1" t="s">
        <v>169394</v>
      </c>
      <c r="J50569" s="1" t="s">
        <v>171028</v>
      </c>
    </row>
    <row r="50570" spans="1:10" x14ac:dyDescent="0.35">
      <c r="A50570" s="1" t="s">
        <v>4376</v>
      </c>
      <c r="B50570" s="1" t="s">
        <v>169390</v>
      </c>
      <c r="C50570" s="1" t="s">
        <v>70</v>
      </c>
      <c r="D50570" s="1" t="s">
        <v>48732</v>
      </c>
      <c r="E50570" s="1" t="s">
        <v>171029</v>
      </c>
      <c r="F50570" s="1" t="s">
        <v>171030</v>
      </c>
      <c r="G50570" s="1" t="s">
        <v>170991</v>
      </c>
      <c r="H50570" s="1" t="s">
        <v>170992</v>
      </c>
      <c r="I50570" s="1" t="s">
        <v>169394</v>
      </c>
      <c r="J50570" s="1" t="s">
        <v>171031</v>
      </c>
    </row>
    <row r="50571" spans="1:10" x14ac:dyDescent="0.35">
      <c r="A50571" s="1" t="s">
        <v>4376</v>
      </c>
      <c r="B50571" s="1" t="s">
        <v>169390</v>
      </c>
      <c r="C50571" s="1" t="s">
        <v>75</v>
      </c>
      <c r="D50571" s="1" t="s">
        <v>49030</v>
      </c>
      <c r="E50571" s="1" t="s">
        <v>171032</v>
      </c>
      <c r="F50571" s="1" t="s">
        <v>171033</v>
      </c>
      <c r="G50571" s="1" t="s">
        <v>170991</v>
      </c>
      <c r="H50571" s="1" t="s">
        <v>170992</v>
      </c>
      <c r="I50571" s="1" t="s">
        <v>169394</v>
      </c>
      <c r="J50571" s="1" t="s">
        <v>171034</v>
      </c>
    </row>
    <row r="50572" spans="1:10" x14ac:dyDescent="0.35">
      <c r="A50572" s="1" t="s">
        <v>4376</v>
      </c>
      <c r="B50572" s="1" t="s">
        <v>169390</v>
      </c>
      <c r="C50572" s="1" t="s">
        <v>80</v>
      </c>
      <c r="D50572" s="1" t="s">
        <v>15281</v>
      </c>
      <c r="E50572" s="1" t="s">
        <v>171035</v>
      </c>
      <c r="F50572" s="1" t="s">
        <v>171036</v>
      </c>
      <c r="G50572" s="1" t="s">
        <v>170991</v>
      </c>
      <c r="H50572" s="1" t="s">
        <v>170992</v>
      </c>
      <c r="I50572" s="1" t="s">
        <v>169394</v>
      </c>
      <c r="J50572" s="1" t="s">
        <v>171037</v>
      </c>
    </row>
    <row r="50573" spans="1:10" x14ac:dyDescent="0.35">
      <c r="A50573" s="1" t="s">
        <v>4376</v>
      </c>
      <c r="B50573" s="1" t="s">
        <v>169390</v>
      </c>
      <c r="C50573" s="1" t="s">
        <v>85</v>
      </c>
      <c r="D50573" s="1" t="s">
        <v>38626</v>
      </c>
      <c r="E50573" s="1" t="s">
        <v>171038</v>
      </c>
      <c r="F50573" s="1" t="s">
        <v>171039</v>
      </c>
      <c r="G50573" s="1" t="s">
        <v>170991</v>
      </c>
      <c r="H50573" s="1" t="s">
        <v>170992</v>
      </c>
      <c r="I50573" s="1" t="s">
        <v>169394</v>
      </c>
      <c r="J50573" s="1" t="s">
        <v>171040</v>
      </c>
    </row>
    <row r="50574" spans="1:10" x14ac:dyDescent="0.35">
      <c r="A50574" s="1" t="s">
        <v>4376</v>
      </c>
      <c r="B50574" s="1" t="s">
        <v>169390</v>
      </c>
      <c r="C50574" s="1" t="s">
        <v>90</v>
      </c>
      <c r="D50574" s="1" t="s">
        <v>117095</v>
      </c>
      <c r="E50574" s="1" t="s">
        <v>171041</v>
      </c>
      <c r="F50574" s="1" t="s">
        <v>171042</v>
      </c>
      <c r="G50574" s="1" t="s">
        <v>170991</v>
      </c>
      <c r="H50574" s="1" t="s">
        <v>170992</v>
      </c>
      <c r="I50574" s="1" t="s">
        <v>169394</v>
      </c>
      <c r="J50574" s="1" t="s">
        <v>171043</v>
      </c>
    </row>
    <row r="50575" spans="1:10" x14ac:dyDescent="0.35">
      <c r="A50575" s="1" t="s">
        <v>4376</v>
      </c>
      <c r="B50575" s="1" t="s">
        <v>169390</v>
      </c>
      <c r="C50575" s="1" t="s">
        <v>95</v>
      </c>
      <c r="D50575" s="1" t="s">
        <v>5195</v>
      </c>
      <c r="E50575" s="1" t="s">
        <v>171044</v>
      </c>
      <c r="F50575" s="1" t="s">
        <v>171045</v>
      </c>
      <c r="G50575" s="1" t="s">
        <v>170991</v>
      </c>
      <c r="H50575" s="1" t="s">
        <v>170992</v>
      </c>
      <c r="I50575" s="1" t="s">
        <v>169394</v>
      </c>
      <c r="J50575" s="1" t="s">
        <v>171046</v>
      </c>
    </row>
    <row r="50576" spans="1:10" x14ac:dyDescent="0.35">
      <c r="A50576" s="1" t="s">
        <v>4376</v>
      </c>
      <c r="B50576" s="1" t="s">
        <v>169390</v>
      </c>
      <c r="C50576" s="1" t="s">
        <v>100</v>
      </c>
      <c r="D50576" s="1" t="s">
        <v>168688</v>
      </c>
      <c r="E50576" s="1" t="s">
        <v>171047</v>
      </c>
      <c r="F50576" s="1" t="s">
        <v>171048</v>
      </c>
      <c r="G50576" s="1" t="s">
        <v>170991</v>
      </c>
      <c r="H50576" s="1" t="s">
        <v>170992</v>
      </c>
      <c r="I50576" s="1" t="s">
        <v>169394</v>
      </c>
      <c r="J50576" s="1" t="s">
        <v>171049</v>
      </c>
    </row>
    <row r="50577" spans="1:10" x14ac:dyDescent="0.35">
      <c r="A50577" s="1" t="s">
        <v>4376</v>
      </c>
      <c r="B50577" s="1" t="s">
        <v>169390</v>
      </c>
      <c r="C50577" s="1" t="s">
        <v>105</v>
      </c>
      <c r="D50577" s="1" t="s">
        <v>14825</v>
      </c>
      <c r="E50577" s="1" t="s">
        <v>171050</v>
      </c>
      <c r="F50577" s="1" t="s">
        <v>171051</v>
      </c>
      <c r="G50577" s="1" t="s">
        <v>170991</v>
      </c>
      <c r="H50577" s="1" t="s">
        <v>170992</v>
      </c>
      <c r="I50577" s="1" t="s">
        <v>169394</v>
      </c>
      <c r="J50577" s="1" t="s">
        <v>171052</v>
      </c>
    </row>
    <row r="50578" spans="1:10" x14ac:dyDescent="0.35">
      <c r="A50578" s="1" t="s">
        <v>4376</v>
      </c>
      <c r="B50578" s="1" t="s">
        <v>169390</v>
      </c>
      <c r="C50578" s="1" t="s">
        <v>110</v>
      </c>
      <c r="D50578" s="1" t="s">
        <v>72333</v>
      </c>
      <c r="E50578" s="1" t="s">
        <v>171053</v>
      </c>
      <c r="F50578" s="1" t="s">
        <v>171054</v>
      </c>
      <c r="G50578" s="1" t="s">
        <v>170991</v>
      </c>
      <c r="H50578" s="1" t="s">
        <v>170992</v>
      </c>
      <c r="I50578" s="1" t="s">
        <v>169394</v>
      </c>
      <c r="J50578" s="1" t="s">
        <v>171055</v>
      </c>
    </row>
    <row r="50579" spans="1:10" x14ac:dyDescent="0.35">
      <c r="A50579" s="1" t="s">
        <v>4376</v>
      </c>
      <c r="B50579" s="1" t="s">
        <v>169390</v>
      </c>
      <c r="C50579" s="1" t="s">
        <v>115</v>
      </c>
      <c r="D50579" s="1" t="s">
        <v>24197</v>
      </c>
      <c r="E50579" s="1" t="s">
        <v>171056</v>
      </c>
      <c r="F50579" s="1" t="s">
        <v>171057</v>
      </c>
      <c r="G50579" s="1" t="s">
        <v>170991</v>
      </c>
      <c r="H50579" s="1" t="s">
        <v>170992</v>
      </c>
      <c r="I50579" s="1" t="s">
        <v>169394</v>
      </c>
      <c r="J50579" s="1" t="s">
        <v>171058</v>
      </c>
    </row>
    <row r="50580" spans="1:10" x14ac:dyDescent="0.35">
      <c r="A50580" s="1" t="s">
        <v>4376</v>
      </c>
      <c r="B50580" s="1" t="s">
        <v>169390</v>
      </c>
      <c r="C50580" s="1" t="s">
        <v>120</v>
      </c>
      <c r="D50580" s="1" t="s">
        <v>171059</v>
      </c>
      <c r="E50580" s="1" t="s">
        <v>171060</v>
      </c>
      <c r="F50580" s="1" t="s">
        <v>171061</v>
      </c>
      <c r="G50580" s="1" t="s">
        <v>170991</v>
      </c>
      <c r="H50580" s="1" t="s">
        <v>170992</v>
      </c>
      <c r="I50580" s="1" t="s">
        <v>169394</v>
      </c>
      <c r="J50580" s="1" t="s">
        <v>171062</v>
      </c>
    </row>
    <row r="50581" spans="1:10" x14ac:dyDescent="0.35">
      <c r="A50581" s="1" t="s">
        <v>4376</v>
      </c>
      <c r="B50581" s="1" t="s">
        <v>169390</v>
      </c>
      <c r="C50581" s="1" t="s">
        <v>125</v>
      </c>
      <c r="D50581" s="1" t="s">
        <v>10666</v>
      </c>
      <c r="E50581" s="1" t="s">
        <v>171063</v>
      </c>
      <c r="F50581" s="1" t="s">
        <v>171064</v>
      </c>
      <c r="G50581" s="1" t="s">
        <v>170991</v>
      </c>
      <c r="H50581" s="1" t="s">
        <v>170992</v>
      </c>
      <c r="I50581" s="1" t="s">
        <v>169394</v>
      </c>
      <c r="J50581" s="1" t="s">
        <v>171065</v>
      </c>
    </row>
    <row r="50582" spans="1:10" x14ac:dyDescent="0.35">
      <c r="A50582" s="1" t="s">
        <v>4376</v>
      </c>
      <c r="B50582" s="1" t="s">
        <v>169390</v>
      </c>
      <c r="C50582" s="1" t="s">
        <v>130</v>
      </c>
      <c r="D50582" s="1" t="s">
        <v>171066</v>
      </c>
      <c r="E50582" s="1" t="s">
        <v>171067</v>
      </c>
      <c r="F50582" s="1" t="s">
        <v>171068</v>
      </c>
      <c r="G50582" s="1" t="s">
        <v>170991</v>
      </c>
      <c r="H50582" s="1" t="s">
        <v>170992</v>
      </c>
      <c r="I50582" s="1" t="s">
        <v>169394</v>
      </c>
      <c r="J50582" s="1" t="s">
        <v>171069</v>
      </c>
    </row>
    <row r="50583" spans="1:10" x14ac:dyDescent="0.35">
      <c r="A50583" s="1" t="s">
        <v>4376</v>
      </c>
      <c r="B50583" s="1" t="s">
        <v>169390</v>
      </c>
      <c r="C50583" s="1" t="s">
        <v>135</v>
      </c>
      <c r="D50583" s="1" t="s">
        <v>171070</v>
      </c>
      <c r="E50583" s="1" t="s">
        <v>171071</v>
      </c>
      <c r="F50583" s="1" t="s">
        <v>171072</v>
      </c>
      <c r="G50583" s="1" t="s">
        <v>170991</v>
      </c>
      <c r="H50583" s="1" t="s">
        <v>170992</v>
      </c>
      <c r="I50583" s="1" t="s">
        <v>169394</v>
      </c>
      <c r="J50583" s="1" t="s">
        <v>171073</v>
      </c>
    </row>
    <row r="50584" spans="1:10" x14ac:dyDescent="0.35">
      <c r="A50584" s="1" t="s">
        <v>4376</v>
      </c>
      <c r="B50584" s="1" t="s">
        <v>169390</v>
      </c>
      <c r="C50584" s="1" t="s">
        <v>140</v>
      </c>
      <c r="D50584" s="1" t="s">
        <v>171074</v>
      </c>
      <c r="E50584" s="1" t="s">
        <v>171075</v>
      </c>
      <c r="F50584" s="1" t="s">
        <v>171076</v>
      </c>
      <c r="G50584" s="1" t="s">
        <v>170991</v>
      </c>
      <c r="H50584" s="1" t="s">
        <v>170992</v>
      </c>
      <c r="I50584" s="1" t="s">
        <v>169394</v>
      </c>
      <c r="J50584" s="1" t="s">
        <v>171077</v>
      </c>
    </row>
    <row r="50585" spans="1:10" x14ac:dyDescent="0.35">
      <c r="A50585" s="1" t="s">
        <v>4376</v>
      </c>
      <c r="B50585" s="1" t="s">
        <v>169390</v>
      </c>
      <c r="C50585" s="1" t="s">
        <v>145</v>
      </c>
      <c r="D50585" s="1" t="s">
        <v>171078</v>
      </c>
      <c r="E50585" s="1" t="s">
        <v>171079</v>
      </c>
      <c r="F50585" s="1" t="s">
        <v>171080</v>
      </c>
      <c r="G50585" s="1" t="s">
        <v>170991</v>
      </c>
      <c r="H50585" s="1" t="s">
        <v>170992</v>
      </c>
      <c r="I50585" s="1" t="s">
        <v>169394</v>
      </c>
      <c r="J50585" s="1" t="s">
        <v>171081</v>
      </c>
    </row>
    <row r="50586" spans="1:10" x14ac:dyDescent="0.35">
      <c r="A50586" s="1" t="s">
        <v>4376</v>
      </c>
      <c r="B50586" s="1" t="s">
        <v>169390</v>
      </c>
      <c r="C50586" s="1" t="s">
        <v>150</v>
      </c>
      <c r="D50586" s="1" t="s">
        <v>82461</v>
      </c>
      <c r="E50586" s="1" t="s">
        <v>171082</v>
      </c>
      <c r="F50586" s="1" t="s">
        <v>171083</v>
      </c>
      <c r="G50586" s="1" t="s">
        <v>170991</v>
      </c>
      <c r="H50586" s="1" t="s">
        <v>170992</v>
      </c>
      <c r="I50586" s="1" t="s">
        <v>169394</v>
      </c>
      <c r="J50586" s="1" t="s">
        <v>171084</v>
      </c>
    </row>
    <row r="50587" spans="1:10" x14ac:dyDescent="0.35">
      <c r="A50587" s="1" t="s">
        <v>4376</v>
      </c>
      <c r="B50587" s="1" t="s">
        <v>169390</v>
      </c>
      <c r="C50587" s="1" t="s">
        <v>155</v>
      </c>
      <c r="D50587" s="1" t="s">
        <v>171085</v>
      </c>
      <c r="E50587" s="1" t="s">
        <v>171086</v>
      </c>
      <c r="F50587" s="1" t="s">
        <v>171087</v>
      </c>
      <c r="G50587" s="1" t="s">
        <v>170991</v>
      </c>
      <c r="H50587" s="1" t="s">
        <v>170992</v>
      </c>
      <c r="I50587" s="1" t="s">
        <v>169394</v>
      </c>
      <c r="J50587" s="1" t="s">
        <v>171088</v>
      </c>
    </row>
    <row r="50588" spans="1:10" x14ac:dyDescent="0.35">
      <c r="A50588" s="1" t="s">
        <v>4376</v>
      </c>
      <c r="B50588" s="1" t="s">
        <v>169390</v>
      </c>
      <c r="C50588" s="1" t="s">
        <v>160</v>
      </c>
      <c r="D50588" s="1" t="s">
        <v>30566</v>
      </c>
      <c r="E50588" s="1" t="s">
        <v>171089</v>
      </c>
      <c r="F50588" s="1" t="s">
        <v>171090</v>
      </c>
      <c r="G50588" s="1" t="s">
        <v>170991</v>
      </c>
      <c r="H50588" s="1" t="s">
        <v>170992</v>
      </c>
      <c r="I50588" s="1" t="s">
        <v>169394</v>
      </c>
      <c r="J50588" s="1" t="s">
        <v>171091</v>
      </c>
    </row>
    <row r="50589" spans="1:10" x14ac:dyDescent="0.35">
      <c r="A50589" s="1" t="s">
        <v>4376</v>
      </c>
      <c r="B50589" s="1" t="s">
        <v>169390</v>
      </c>
      <c r="C50589" s="1" t="s">
        <v>165</v>
      </c>
      <c r="D50589" s="1" t="s">
        <v>171092</v>
      </c>
      <c r="E50589" s="1" t="s">
        <v>171093</v>
      </c>
      <c r="F50589" s="1" t="s">
        <v>171094</v>
      </c>
      <c r="G50589" s="1" t="s">
        <v>170991</v>
      </c>
      <c r="H50589" s="1" t="s">
        <v>170992</v>
      </c>
      <c r="I50589" s="1" t="s">
        <v>169394</v>
      </c>
      <c r="J50589" s="1" t="s">
        <v>171095</v>
      </c>
    </row>
    <row r="50590" spans="1:10" x14ac:dyDescent="0.35">
      <c r="A50590" s="1" t="s">
        <v>4376</v>
      </c>
      <c r="B50590" s="1" t="s">
        <v>169390</v>
      </c>
      <c r="C50590" s="1" t="s">
        <v>170</v>
      </c>
      <c r="D50590" s="1" t="s">
        <v>171096</v>
      </c>
      <c r="E50590" s="1" t="s">
        <v>171097</v>
      </c>
      <c r="F50590" s="1" t="s">
        <v>171098</v>
      </c>
      <c r="G50590" s="1" t="s">
        <v>170991</v>
      </c>
      <c r="H50590" s="1" t="s">
        <v>170992</v>
      </c>
      <c r="I50590" s="1" t="s">
        <v>169394</v>
      </c>
      <c r="J50590" s="1" t="s">
        <v>171099</v>
      </c>
    </row>
    <row r="50591" spans="1:10" x14ac:dyDescent="0.35">
      <c r="A50591" s="1" t="s">
        <v>25488</v>
      </c>
      <c r="B50591" s="1" t="s">
        <v>169390</v>
      </c>
      <c r="C50591" s="1" t="s">
        <v>8</v>
      </c>
      <c r="D50591" s="1" t="s">
        <v>171100</v>
      </c>
      <c r="E50591" s="1" t="s">
        <v>171101</v>
      </c>
      <c r="F50591" s="1" t="s">
        <v>171102</v>
      </c>
      <c r="G50591" s="1" t="s">
        <v>171103</v>
      </c>
      <c r="H50591" s="1" t="s">
        <v>171104</v>
      </c>
      <c r="I50591" s="1" t="s">
        <v>169394</v>
      </c>
      <c r="J50591" s="1" t="s">
        <v>13</v>
      </c>
    </row>
    <row r="50592" spans="1:10" x14ac:dyDescent="0.35">
      <c r="A50592" s="1" t="s">
        <v>25488</v>
      </c>
      <c r="B50592" s="1" t="s">
        <v>169390</v>
      </c>
      <c r="C50592" s="1" t="s">
        <v>15</v>
      </c>
      <c r="D50592" s="1" t="s">
        <v>87119</v>
      </c>
      <c r="E50592" s="1" t="s">
        <v>171105</v>
      </c>
      <c r="F50592" s="1" t="s">
        <v>171106</v>
      </c>
      <c r="G50592" s="1" t="s">
        <v>171103</v>
      </c>
      <c r="H50592" s="1" t="s">
        <v>171104</v>
      </c>
      <c r="I50592" s="1" t="s">
        <v>169394</v>
      </c>
      <c r="J50592" s="1" t="s">
        <v>171107</v>
      </c>
    </row>
    <row r="50593" spans="1:10" x14ac:dyDescent="0.35">
      <c r="A50593" s="1" t="s">
        <v>25488</v>
      </c>
      <c r="B50593" s="1" t="s">
        <v>169390</v>
      </c>
      <c r="C50593" s="1" t="s">
        <v>20</v>
      </c>
      <c r="D50593" s="1" t="s">
        <v>18382</v>
      </c>
      <c r="E50593" s="1" t="s">
        <v>171108</v>
      </c>
      <c r="F50593" s="1" t="s">
        <v>171109</v>
      </c>
      <c r="G50593" s="1" t="s">
        <v>171103</v>
      </c>
      <c r="H50593" s="1" t="s">
        <v>171104</v>
      </c>
      <c r="I50593" s="1" t="s">
        <v>169394</v>
      </c>
      <c r="J50593" s="1" t="s">
        <v>171110</v>
      </c>
    </row>
    <row r="50594" spans="1:10" x14ac:dyDescent="0.35">
      <c r="A50594" s="1" t="s">
        <v>25488</v>
      </c>
      <c r="B50594" s="1" t="s">
        <v>169390</v>
      </c>
      <c r="C50594" s="1" t="s">
        <v>25</v>
      </c>
      <c r="D50594" s="1" t="s">
        <v>171111</v>
      </c>
      <c r="E50594" s="1" t="s">
        <v>171112</v>
      </c>
      <c r="F50594" s="1" t="s">
        <v>171113</v>
      </c>
      <c r="G50594" s="1" t="s">
        <v>171103</v>
      </c>
      <c r="H50594" s="1" t="s">
        <v>171104</v>
      </c>
      <c r="I50594" s="1" t="s">
        <v>169394</v>
      </c>
      <c r="J50594" s="1" t="s">
        <v>171114</v>
      </c>
    </row>
    <row r="50595" spans="1:10" x14ac:dyDescent="0.35">
      <c r="A50595" s="1" t="s">
        <v>25488</v>
      </c>
      <c r="B50595" s="1" t="s">
        <v>169390</v>
      </c>
      <c r="C50595" s="1" t="s">
        <v>30</v>
      </c>
      <c r="D50595" s="1" t="s">
        <v>171115</v>
      </c>
      <c r="E50595" s="1" t="s">
        <v>171116</v>
      </c>
      <c r="F50595" s="1" t="s">
        <v>171117</v>
      </c>
      <c r="G50595" s="1" t="s">
        <v>171103</v>
      </c>
      <c r="H50595" s="1" t="s">
        <v>171104</v>
      </c>
      <c r="I50595" s="1" t="s">
        <v>169394</v>
      </c>
      <c r="J50595" s="1" t="s">
        <v>171118</v>
      </c>
    </row>
    <row r="50596" spans="1:10" x14ac:dyDescent="0.35">
      <c r="A50596" s="1" t="s">
        <v>25488</v>
      </c>
      <c r="B50596" s="1" t="s">
        <v>169390</v>
      </c>
      <c r="C50596" s="1" t="s">
        <v>35</v>
      </c>
      <c r="D50596" s="1" t="s">
        <v>166438</v>
      </c>
      <c r="E50596" s="1" t="s">
        <v>171119</v>
      </c>
      <c r="F50596" s="1" t="s">
        <v>171120</v>
      </c>
      <c r="G50596" s="1" t="s">
        <v>171103</v>
      </c>
      <c r="H50596" s="1" t="s">
        <v>171104</v>
      </c>
      <c r="I50596" s="1" t="s">
        <v>169394</v>
      </c>
      <c r="J50596" s="1" t="s">
        <v>171121</v>
      </c>
    </row>
    <row r="50597" spans="1:10" x14ac:dyDescent="0.35">
      <c r="A50597" s="1" t="s">
        <v>25488</v>
      </c>
      <c r="B50597" s="1" t="s">
        <v>169390</v>
      </c>
      <c r="C50597" s="1" t="s">
        <v>40</v>
      </c>
      <c r="D50597" s="1" t="s">
        <v>171122</v>
      </c>
      <c r="E50597" s="1" t="s">
        <v>171123</v>
      </c>
      <c r="F50597" s="1" t="s">
        <v>171124</v>
      </c>
      <c r="G50597" s="1" t="s">
        <v>171103</v>
      </c>
      <c r="H50597" s="1" t="s">
        <v>171104</v>
      </c>
      <c r="I50597" s="1" t="s">
        <v>169394</v>
      </c>
      <c r="J50597" s="1" t="s">
        <v>171125</v>
      </c>
    </row>
    <row r="50598" spans="1:10" x14ac:dyDescent="0.35">
      <c r="A50598" s="1" t="s">
        <v>25488</v>
      </c>
      <c r="B50598" s="1" t="s">
        <v>169390</v>
      </c>
      <c r="C50598" s="1" t="s">
        <v>45</v>
      </c>
      <c r="D50598" s="1" t="s">
        <v>171126</v>
      </c>
      <c r="E50598" s="1" t="s">
        <v>171127</v>
      </c>
      <c r="F50598" s="1" t="s">
        <v>171128</v>
      </c>
      <c r="G50598" s="1" t="s">
        <v>171103</v>
      </c>
      <c r="H50598" s="1" t="s">
        <v>171104</v>
      </c>
      <c r="I50598" s="1" t="s">
        <v>169394</v>
      </c>
      <c r="J50598" s="1" t="s">
        <v>171129</v>
      </c>
    </row>
    <row r="50599" spans="1:10" x14ac:dyDescent="0.35">
      <c r="A50599" s="1" t="s">
        <v>25488</v>
      </c>
      <c r="B50599" s="1" t="s">
        <v>169390</v>
      </c>
      <c r="C50599" s="1" t="s">
        <v>50</v>
      </c>
      <c r="D50599" s="1" t="s">
        <v>67350</v>
      </c>
      <c r="E50599" s="1" t="s">
        <v>171130</v>
      </c>
      <c r="F50599" s="1" t="s">
        <v>171131</v>
      </c>
      <c r="G50599" s="1" t="s">
        <v>171103</v>
      </c>
      <c r="H50599" s="1" t="s">
        <v>171104</v>
      </c>
      <c r="I50599" s="1" t="s">
        <v>169394</v>
      </c>
      <c r="J50599" s="1" t="s">
        <v>171132</v>
      </c>
    </row>
    <row r="50600" spans="1:10" x14ac:dyDescent="0.35">
      <c r="A50600" s="1" t="s">
        <v>25488</v>
      </c>
      <c r="B50600" s="1" t="s">
        <v>169390</v>
      </c>
      <c r="C50600" s="1" t="s">
        <v>55</v>
      </c>
      <c r="D50600" s="1" t="s">
        <v>171133</v>
      </c>
      <c r="E50600" s="1" t="s">
        <v>171134</v>
      </c>
      <c r="F50600" s="1" t="s">
        <v>171135</v>
      </c>
      <c r="G50600" s="1" t="s">
        <v>171103</v>
      </c>
      <c r="H50600" s="1" t="s">
        <v>171104</v>
      </c>
      <c r="I50600" s="1" t="s">
        <v>169394</v>
      </c>
      <c r="J50600" s="1" t="s">
        <v>171136</v>
      </c>
    </row>
    <row r="50601" spans="1:10" x14ac:dyDescent="0.35">
      <c r="A50601" s="1" t="s">
        <v>25488</v>
      </c>
      <c r="B50601" s="1" t="s">
        <v>169390</v>
      </c>
      <c r="C50601" s="1" t="s">
        <v>60</v>
      </c>
      <c r="D50601" s="1" t="s">
        <v>149497</v>
      </c>
      <c r="E50601" s="1" t="s">
        <v>171137</v>
      </c>
      <c r="F50601" s="1" t="s">
        <v>171138</v>
      </c>
      <c r="G50601" s="1" t="s">
        <v>171103</v>
      </c>
      <c r="H50601" s="1" t="s">
        <v>171104</v>
      </c>
      <c r="I50601" s="1" t="s">
        <v>169394</v>
      </c>
      <c r="J50601" s="1" t="s">
        <v>171139</v>
      </c>
    </row>
    <row r="50602" spans="1:10" x14ac:dyDescent="0.35">
      <c r="A50602" s="1" t="s">
        <v>25488</v>
      </c>
      <c r="B50602" s="1" t="s">
        <v>169390</v>
      </c>
      <c r="C50602" s="1" t="s">
        <v>65</v>
      </c>
      <c r="D50602" s="1" t="s">
        <v>171140</v>
      </c>
      <c r="E50602" s="1" t="s">
        <v>171141</v>
      </c>
      <c r="F50602" s="1" t="s">
        <v>171142</v>
      </c>
      <c r="G50602" s="1" t="s">
        <v>171103</v>
      </c>
      <c r="H50602" s="1" t="s">
        <v>171104</v>
      </c>
      <c r="I50602" s="1" t="s">
        <v>169394</v>
      </c>
      <c r="J50602" s="1" t="s">
        <v>171143</v>
      </c>
    </row>
    <row r="50603" spans="1:10" x14ac:dyDescent="0.35">
      <c r="A50603" s="1" t="s">
        <v>25488</v>
      </c>
      <c r="B50603" s="1" t="s">
        <v>169390</v>
      </c>
      <c r="C50603" s="1" t="s">
        <v>70</v>
      </c>
      <c r="D50603" s="1" t="s">
        <v>171144</v>
      </c>
      <c r="E50603" s="1" t="s">
        <v>171145</v>
      </c>
      <c r="F50603" s="1" t="s">
        <v>171146</v>
      </c>
      <c r="G50603" s="1" t="s">
        <v>171103</v>
      </c>
      <c r="H50603" s="1" t="s">
        <v>171104</v>
      </c>
      <c r="I50603" s="1" t="s">
        <v>169394</v>
      </c>
      <c r="J50603" s="1" t="s">
        <v>171147</v>
      </c>
    </row>
    <row r="50604" spans="1:10" x14ac:dyDescent="0.35">
      <c r="A50604" s="1" t="s">
        <v>25488</v>
      </c>
      <c r="B50604" s="1" t="s">
        <v>169390</v>
      </c>
      <c r="C50604" s="1" t="s">
        <v>75</v>
      </c>
      <c r="D50604" s="1" t="s">
        <v>159968</v>
      </c>
      <c r="E50604" s="1" t="s">
        <v>171148</v>
      </c>
      <c r="F50604" s="1" t="s">
        <v>171149</v>
      </c>
      <c r="G50604" s="1" t="s">
        <v>171103</v>
      </c>
      <c r="H50604" s="1" t="s">
        <v>171104</v>
      </c>
      <c r="I50604" s="1" t="s">
        <v>169394</v>
      </c>
      <c r="J50604" s="1" t="s">
        <v>171150</v>
      </c>
    </row>
    <row r="50605" spans="1:10" x14ac:dyDescent="0.35">
      <c r="A50605" s="1" t="s">
        <v>25488</v>
      </c>
      <c r="B50605" s="1" t="s">
        <v>169390</v>
      </c>
      <c r="C50605" s="1" t="s">
        <v>80</v>
      </c>
      <c r="D50605" s="1" t="s">
        <v>66330</v>
      </c>
      <c r="E50605" s="1" t="s">
        <v>171151</v>
      </c>
      <c r="F50605" s="1" t="s">
        <v>171152</v>
      </c>
      <c r="G50605" s="1" t="s">
        <v>171103</v>
      </c>
      <c r="H50605" s="1" t="s">
        <v>171104</v>
      </c>
      <c r="I50605" s="1" t="s">
        <v>169394</v>
      </c>
      <c r="J50605" s="1" t="s">
        <v>171153</v>
      </c>
    </row>
    <row r="50606" spans="1:10" x14ac:dyDescent="0.35">
      <c r="A50606" s="1" t="s">
        <v>25488</v>
      </c>
      <c r="B50606" s="1" t="s">
        <v>169390</v>
      </c>
      <c r="C50606" s="1" t="s">
        <v>85</v>
      </c>
      <c r="D50606" s="1" t="s">
        <v>108419</v>
      </c>
      <c r="E50606" s="1" t="s">
        <v>171154</v>
      </c>
      <c r="F50606" s="1" t="s">
        <v>171155</v>
      </c>
      <c r="G50606" s="1" t="s">
        <v>171103</v>
      </c>
      <c r="H50606" s="1" t="s">
        <v>171104</v>
      </c>
      <c r="I50606" s="1" t="s">
        <v>169394</v>
      </c>
      <c r="J50606" s="1" t="s">
        <v>171156</v>
      </c>
    </row>
    <row r="50607" spans="1:10" x14ac:dyDescent="0.35">
      <c r="A50607" s="1" t="s">
        <v>25488</v>
      </c>
      <c r="B50607" s="1" t="s">
        <v>169390</v>
      </c>
      <c r="C50607" s="1" t="s">
        <v>90</v>
      </c>
      <c r="D50607" s="1" t="s">
        <v>99911</v>
      </c>
      <c r="E50607" s="1" t="s">
        <v>171157</v>
      </c>
      <c r="F50607" s="1" t="s">
        <v>171158</v>
      </c>
      <c r="G50607" s="1" t="s">
        <v>171103</v>
      </c>
      <c r="H50607" s="1" t="s">
        <v>171104</v>
      </c>
      <c r="I50607" s="1" t="s">
        <v>169394</v>
      </c>
      <c r="J50607" s="1" t="s">
        <v>171159</v>
      </c>
    </row>
    <row r="50608" spans="1:10" x14ac:dyDescent="0.35">
      <c r="A50608" s="1" t="s">
        <v>25488</v>
      </c>
      <c r="B50608" s="1" t="s">
        <v>169390</v>
      </c>
      <c r="C50608" s="1" t="s">
        <v>95</v>
      </c>
      <c r="D50608" s="1" t="s">
        <v>171160</v>
      </c>
      <c r="E50608" s="1" t="s">
        <v>171161</v>
      </c>
      <c r="F50608" s="1" t="s">
        <v>171162</v>
      </c>
      <c r="G50608" s="1" t="s">
        <v>171103</v>
      </c>
      <c r="H50608" s="1" t="s">
        <v>171104</v>
      </c>
      <c r="I50608" s="1" t="s">
        <v>169394</v>
      </c>
      <c r="J50608" s="1" t="s">
        <v>171163</v>
      </c>
    </row>
    <row r="50609" spans="1:10" x14ac:dyDescent="0.35">
      <c r="A50609" s="1" t="s">
        <v>25488</v>
      </c>
      <c r="B50609" s="1" t="s">
        <v>169390</v>
      </c>
      <c r="C50609" s="1" t="s">
        <v>100</v>
      </c>
      <c r="D50609" s="1" t="s">
        <v>171164</v>
      </c>
      <c r="E50609" s="1" t="s">
        <v>171165</v>
      </c>
      <c r="F50609" s="1" t="s">
        <v>171166</v>
      </c>
      <c r="G50609" s="1" t="s">
        <v>171103</v>
      </c>
      <c r="H50609" s="1" t="s">
        <v>171104</v>
      </c>
      <c r="I50609" s="1" t="s">
        <v>169394</v>
      </c>
      <c r="J50609" s="1" t="s">
        <v>171167</v>
      </c>
    </row>
    <row r="50610" spans="1:10" x14ac:dyDescent="0.35">
      <c r="A50610" s="1" t="s">
        <v>25488</v>
      </c>
      <c r="B50610" s="1" t="s">
        <v>169390</v>
      </c>
      <c r="C50610" s="1" t="s">
        <v>105</v>
      </c>
      <c r="D50610" s="1" t="s">
        <v>66338</v>
      </c>
      <c r="E50610" s="1" t="s">
        <v>171168</v>
      </c>
      <c r="F50610" s="1" t="s">
        <v>171169</v>
      </c>
      <c r="G50610" s="1" t="s">
        <v>171103</v>
      </c>
      <c r="H50610" s="1" t="s">
        <v>171104</v>
      </c>
      <c r="I50610" s="1" t="s">
        <v>169394</v>
      </c>
      <c r="J50610" s="1" t="s">
        <v>171170</v>
      </c>
    </row>
    <row r="50611" spans="1:10" x14ac:dyDescent="0.35">
      <c r="A50611" s="1" t="s">
        <v>25488</v>
      </c>
      <c r="B50611" s="1" t="s">
        <v>169390</v>
      </c>
      <c r="C50611" s="1" t="s">
        <v>110</v>
      </c>
      <c r="D50611" s="1" t="s">
        <v>52204</v>
      </c>
      <c r="E50611" s="1" t="s">
        <v>171171</v>
      </c>
      <c r="F50611" s="1" t="s">
        <v>171172</v>
      </c>
      <c r="G50611" s="1" t="s">
        <v>171103</v>
      </c>
      <c r="H50611" s="1" t="s">
        <v>171104</v>
      </c>
      <c r="I50611" s="1" t="s">
        <v>169394</v>
      </c>
      <c r="J50611" s="1" t="s">
        <v>171173</v>
      </c>
    </row>
    <row r="50612" spans="1:10" x14ac:dyDescent="0.35">
      <c r="A50612" s="1" t="s">
        <v>25488</v>
      </c>
      <c r="B50612" s="1" t="s">
        <v>169390</v>
      </c>
      <c r="C50612" s="1" t="s">
        <v>115</v>
      </c>
      <c r="D50612" s="1" t="s">
        <v>171174</v>
      </c>
      <c r="E50612" s="1" t="s">
        <v>171175</v>
      </c>
      <c r="F50612" s="1" t="s">
        <v>171176</v>
      </c>
      <c r="G50612" s="1" t="s">
        <v>171103</v>
      </c>
      <c r="H50612" s="1" t="s">
        <v>171104</v>
      </c>
      <c r="I50612" s="1" t="s">
        <v>169394</v>
      </c>
      <c r="J50612" s="1" t="s">
        <v>171177</v>
      </c>
    </row>
    <row r="50613" spans="1:10" x14ac:dyDescent="0.35">
      <c r="A50613" s="1" t="s">
        <v>25488</v>
      </c>
      <c r="B50613" s="1" t="s">
        <v>169390</v>
      </c>
      <c r="C50613" s="1" t="s">
        <v>120</v>
      </c>
      <c r="D50613" s="1" t="s">
        <v>171178</v>
      </c>
      <c r="E50613" s="1" t="s">
        <v>171179</v>
      </c>
      <c r="F50613" s="1" t="s">
        <v>171180</v>
      </c>
      <c r="G50613" s="1" t="s">
        <v>171103</v>
      </c>
      <c r="H50613" s="1" t="s">
        <v>171104</v>
      </c>
      <c r="I50613" s="1" t="s">
        <v>169394</v>
      </c>
      <c r="J50613" s="1" t="s">
        <v>171181</v>
      </c>
    </row>
    <row r="50614" spans="1:10" x14ac:dyDescent="0.35">
      <c r="A50614" s="1" t="s">
        <v>25488</v>
      </c>
      <c r="B50614" s="1" t="s">
        <v>169390</v>
      </c>
      <c r="C50614" s="1" t="s">
        <v>125</v>
      </c>
      <c r="D50614" s="1" t="s">
        <v>171182</v>
      </c>
      <c r="E50614" s="1" t="s">
        <v>171183</v>
      </c>
      <c r="F50614" s="1" t="s">
        <v>171184</v>
      </c>
      <c r="G50614" s="1" t="s">
        <v>171103</v>
      </c>
      <c r="H50614" s="1" t="s">
        <v>171104</v>
      </c>
      <c r="I50614" s="1" t="s">
        <v>169394</v>
      </c>
      <c r="J50614" s="1" t="s">
        <v>171185</v>
      </c>
    </row>
    <row r="50615" spans="1:10" x14ac:dyDescent="0.35">
      <c r="A50615" s="1" t="s">
        <v>25488</v>
      </c>
      <c r="B50615" s="1" t="s">
        <v>169390</v>
      </c>
      <c r="C50615" s="1" t="s">
        <v>130</v>
      </c>
      <c r="D50615" s="1" t="s">
        <v>103123</v>
      </c>
      <c r="E50615" s="1" t="s">
        <v>171186</v>
      </c>
      <c r="F50615" s="1" t="s">
        <v>171187</v>
      </c>
      <c r="G50615" s="1" t="s">
        <v>171103</v>
      </c>
      <c r="H50615" s="1" t="s">
        <v>171104</v>
      </c>
      <c r="I50615" s="1" t="s">
        <v>169394</v>
      </c>
      <c r="J50615" s="1" t="s">
        <v>171188</v>
      </c>
    </row>
    <row r="50616" spans="1:10" x14ac:dyDescent="0.35">
      <c r="A50616" s="1" t="s">
        <v>25488</v>
      </c>
      <c r="B50616" s="1" t="s">
        <v>169390</v>
      </c>
      <c r="C50616" s="1" t="s">
        <v>135</v>
      </c>
      <c r="D50616" s="1" t="s">
        <v>84758</v>
      </c>
      <c r="E50616" s="1" t="s">
        <v>171189</v>
      </c>
      <c r="F50616" s="1" t="s">
        <v>171190</v>
      </c>
      <c r="G50616" s="1" t="s">
        <v>171103</v>
      </c>
      <c r="H50616" s="1" t="s">
        <v>171104</v>
      </c>
      <c r="I50616" s="1" t="s">
        <v>169394</v>
      </c>
      <c r="J50616" s="1" t="s">
        <v>171191</v>
      </c>
    </row>
    <row r="50617" spans="1:10" x14ac:dyDescent="0.35">
      <c r="A50617" s="1" t="s">
        <v>25488</v>
      </c>
      <c r="B50617" s="1" t="s">
        <v>169390</v>
      </c>
      <c r="C50617" s="1" t="s">
        <v>140</v>
      </c>
      <c r="D50617" s="1" t="s">
        <v>171192</v>
      </c>
      <c r="E50617" s="1" t="s">
        <v>171193</v>
      </c>
      <c r="F50617" s="1" t="s">
        <v>171194</v>
      </c>
      <c r="G50617" s="1" t="s">
        <v>171103</v>
      </c>
      <c r="H50617" s="1" t="s">
        <v>171104</v>
      </c>
      <c r="I50617" s="1" t="s">
        <v>169394</v>
      </c>
      <c r="J50617" s="1" t="s">
        <v>171195</v>
      </c>
    </row>
    <row r="50618" spans="1:10" x14ac:dyDescent="0.35">
      <c r="A50618" s="1" t="s">
        <v>25488</v>
      </c>
      <c r="B50618" s="1" t="s">
        <v>169390</v>
      </c>
      <c r="C50618" s="1" t="s">
        <v>145</v>
      </c>
      <c r="D50618" s="1" t="s">
        <v>171196</v>
      </c>
      <c r="E50618" s="1" t="s">
        <v>171197</v>
      </c>
      <c r="F50618" s="1" t="s">
        <v>171198</v>
      </c>
      <c r="G50618" s="1" t="s">
        <v>171103</v>
      </c>
      <c r="H50618" s="1" t="s">
        <v>171104</v>
      </c>
      <c r="I50618" s="1" t="s">
        <v>169394</v>
      </c>
      <c r="J50618" s="1" t="s">
        <v>171199</v>
      </c>
    </row>
    <row r="50619" spans="1:10" x14ac:dyDescent="0.35">
      <c r="A50619" s="1" t="s">
        <v>25488</v>
      </c>
      <c r="B50619" s="1" t="s">
        <v>169390</v>
      </c>
      <c r="C50619" s="1" t="s">
        <v>150</v>
      </c>
      <c r="D50619" s="1" t="s">
        <v>98302</v>
      </c>
      <c r="E50619" s="1" t="s">
        <v>171200</v>
      </c>
      <c r="F50619" s="1" t="s">
        <v>171201</v>
      </c>
      <c r="G50619" s="1" t="s">
        <v>171103</v>
      </c>
      <c r="H50619" s="1" t="s">
        <v>171104</v>
      </c>
      <c r="I50619" s="1" t="s">
        <v>169394</v>
      </c>
      <c r="J50619" s="1" t="s">
        <v>171202</v>
      </c>
    </row>
    <row r="50620" spans="1:10" x14ac:dyDescent="0.35">
      <c r="A50620" s="1" t="s">
        <v>25488</v>
      </c>
      <c r="B50620" s="1" t="s">
        <v>169390</v>
      </c>
      <c r="C50620" s="1" t="s">
        <v>155</v>
      </c>
      <c r="D50620" s="1" t="s">
        <v>171203</v>
      </c>
      <c r="E50620" s="1" t="s">
        <v>171204</v>
      </c>
      <c r="F50620" s="1" t="s">
        <v>171205</v>
      </c>
      <c r="G50620" s="1" t="s">
        <v>171103</v>
      </c>
      <c r="H50620" s="1" t="s">
        <v>171104</v>
      </c>
      <c r="I50620" s="1" t="s">
        <v>169394</v>
      </c>
      <c r="J50620" s="1" t="s">
        <v>171206</v>
      </c>
    </row>
    <row r="50621" spans="1:10" x14ac:dyDescent="0.35">
      <c r="A50621" s="1" t="s">
        <v>25488</v>
      </c>
      <c r="B50621" s="1" t="s">
        <v>169390</v>
      </c>
      <c r="C50621" s="1" t="s">
        <v>160</v>
      </c>
      <c r="D50621" s="1" t="s">
        <v>107339</v>
      </c>
      <c r="E50621" s="1" t="s">
        <v>171207</v>
      </c>
      <c r="F50621" s="1" t="s">
        <v>171208</v>
      </c>
      <c r="G50621" s="1" t="s">
        <v>171103</v>
      </c>
      <c r="H50621" s="1" t="s">
        <v>171104</v>
      </c>
      <c r="I50621" s="1" t="s">
        <v>169394</v>
      </c>
      <c r="J50621" s="1" t="s">
        <v>171209</v>
      </c>
    </row>
    <row r="50622" spans="1:10" x14ac:dyDescent="0.35">
      <c r="A50622" s="1" t="s">
        <v>25488</v>
      </c>
      <c r="B50622" s="1" t="s">
        <v>169390</v>
      </c>
      <c r="C50622" s="1" t="s">
        <v>165</v>
      </c>
      <c r="D50622" s="1" t="s">
        <v>171210</v>
      </c>
      <c r="E50622" s="1" t="s">
        <v>171211</v>
      </c>
      <c r="F50622" s="1" t="s">
        <v>171212</v>
      </c>
      <c r="G50622" s="1" t="s">
        <v>171103</v>
      </c>
      <c r="H50622" s="1" t="s">
        <v>171104</v>
      </c>
      <c r="I50622" s="1" t="s">
        <v>169394</v>
      </c>
      <c r="J50622" s="1" t="s">
        <v>171213</v>
      </c>
    </row>
    <row r="50623" spans="1:10" x14ac:dyDescent="0.35">
      <c r="A50623" s="1" t="s">
        <v>25488</v>
      </c>
      <c r="B50623" s="1" t="s">
        <v>169390</v>
      </c>
      <c r="C50623" s="1" t="s">
        <v>170</v>
      </c>
      <c r="D50623" s="1" t="s">
        <v>171214</v>
      </c>
      <c r="E50623" s="1" t="s">
        <v>171215</v>
      </c>
      <c r="F50623" s="1" t="s">
        <v>171216</v>
      </c>
      <c r="G50623" s="1" t="s">
        <v>171103</v>
      </c>
      <c r="H50623" s="1" t="s">
        <v>171104</v>
      </c>
      <c r="I50623" s="1" t="s">
        <v>169394</v>
      </c>
      <c r="J50623" s="1" t="s">
        <v>171217</v>
      </c>
    </row>
    <row r="50624" spans="1:10" x14ac:dyDescent="0.35">
      <c r="A50624" s="1" t="s">
        <v>27723</v>
      </c>
      <c r="B50624" s="1" t="s">
        <v>169390</v>
      </c>
      <c r="C50624" s="1" t="s">
        <v>8</v>
      </c>
      <c r="D50624" s="1" t="s">
        <v>109915</v>
      </c>
      <c r="E50624" s="1" t="s">
        <v>171218</v>
      </c>
      <c r="F50624" s="1" t="s">
        <v>171219</v>
      </c>
      <c r="G50624" s="1" t="s">
        <v>171220</v>
      </c>
      <c r="H50624" s="1" t="s">
        <v>171221</v>
      </c>
      <c r="I50624" s="1" t="s">
        <v>169394</v>
      </c>
      <c r="J50624" s="1" t="s">
        <v>13</v>
      </c>
    </row>
    <row r="50625" spans="1:10" x14ac:dyDescent="0.35">
      <c r="A50625" s="1" t="s">
        <v>27723</v>
      </c>
      <c r="B50625" s="1" t="s">
        <v>169390</v>
      </c>
      <c r="C50625" s="1" t="s">
        <v>15</v>
      </c>
      <c r="D50625" s="1" t="s">
        <v>36236</v>
      </c>
      <c r="E50625" s="1" t="s">
        <v>171222</v>
      </c>
      <c r="F50625" s="1" t="s">
        <v>171223</v>
      </c>
      <c r="G50625" s="1" t="s">
        <v>171220</v>
      </c>
      <c r="H50625" s="1" t="s">
        <v>171221</v>
      </c>
      <c r="I50625" s="1" t="s">
        <v>169394</v>
      </c>
      <c r="J50625" s="1" t="s">
        <v>171224</v>
      </c>
    </row>
    <row r="50626" spans="1:10" x14ac:dyDescent="0.35">
      <c r="A50626" s="1" t="s">
        <v>27723</v>
      </c>
      <c r="B50626" s="1" t="s">
        <v>169390</v>
      </c>
      <c r="C50626" s="1" t="s">
        <v>20</v>
      </c>
      <c r="D50626" s="1" t="s">
        <v>83208</v>
      </c>
      <c r="E50626" s="1" t="s">
        <v>171225</v>
      </c>
      <c r="F50626" s="1" t="s">
        <v>171226</v>
      </c>
      <c r="G50626" s="1" t="s">
        <v>171220</v>
      </c>
      <c r="H50626" s="1" t="s">
        <v>171221</v>
      </c>
      <c r="I50626" s="1" t="s">
        <v>169394</v>
      </c>
      <c r="J50626" s="1" t="s">
        <v>171227</v>
      </c>
    </row>
    <row r="50627" spans="1:10" x14ac:dyDescent="0.35">
      <c r="A50627" s="1" t="s">
        <v>27723</v>
      </c>
      <c r="B50627" s="1" t="s">
        <v>169390</v>
      </c>
      <c r="C50627" s="1" t="s">
        <v>25</v>
      </c>
      <c r="D50627" s="1" t="s">
        <v>13067</v>
      </c>
      <c r="E50627" s="1" t="s">
        <v>171228</v>
      </c>
      <c r="F50627" s="1" t="s">
        <v>171229</v>
      </c>
      <c r="G50627" s="1" t="s">
        <v>171220</v>
      </c>
      <c r="H50627" s="1" t="s">
        <v>171221</v>
      </c>
      <c r="I50627" s="1" t="s">
        <v>169394</v>
      </c>
      <c r="J50627" s="1" t="s">
        <v>171230</v>
      </c>
    </row>
    <row r="50628" spans="1:10" x14ac:dyDescent="0.35">
      <c r="A50628" s="1" t="s">
        <v>27723</v>
      </c>
      <c r="B50628" s="1" t="s">
        <v>169390</v>
      </c>
      <c r="C50628" s="1" t="s">
        <v>30</v>
      </c>
      <c r="D50628" s="1" t="s">
        <v>70934</v>
      </c>
      <c r="E50628" s="1" t="s">
        <v>171231</v>
      </c>
      <c r="F50628" s="1" t="s">
        <v>171232</v>
      </c>
      <c r="G50628" s="1" t="s">
        <v>171220</v>
      </c>
      <c r="H50628" s="1" t="s">
        <v>171221</v>
      </c>
      <c r="I50628" s="1" t="s">
        <v>169394</v>
      </c>
      <c r="J50628" s="1" t="s">
        <v>171233</v>
      </c>
    </row>
    <row r="50629" spans="1:10" x14ac:dyDescent="0.35">
      <c r="A50629" s="1" t="s">
        <v>27723</v>
      </c>
      <c r="B50629" s="1" t="s">
        <v>169390</v>
      </c>
      <c r="C50629" s="1" t="s">
        <v>35</v>
      </c>
      <c r="D50629" s="1" t="s">
        <v>171234</v>
      </c>
      <c r="E50629" s="1" t="s">
        <v>171235</v>
      </c>
      <c r="F50629" s="1" t="s">
        <v>171236</v>
      </c>
      <c r="G50629" s="1" t="s">
        <v>171220</v>
      </c>
      <c r="H50629" s="1" t="s">
        <v>171221</v>
      </c>
      <c r="I50629" s="1" t="s">
        <v>169394</v>
      </c>
      <c r="J50629" s="1" t="s">
        <v>171237</v>
      </c>
    </row>
    <row r="50630" spans="1:10" x14ac:dyDescent="0.35">
      <c r="A50630" s="1" t="s">
        <v>27723</v>
      </c>
      <c r="B50630" s="1" t="s">
        <v>169390</v>
      </c>
      <c r="C50630" s="1" t="s">
        <v>40</v>
      </c>
      <c r="D50630" s="1" t="s">
        <v>171238</v>
      </c>
      <c r="E50630" s="1" t="s">
        <v>171239</v>
      </c>
      <c r="F50630" s="1" t="s">
        <v>171240</v>
      </c>
      <c r="G50630" s="1" t="s">
        <v>171220</v>
      </c>
      <c r="H50630" s="1" t="s">
        <v>171221</v>
      </c>
      <c r="I50630" s="1" t="s">
        <v>169394</v>
      </c>
      <c r="J50630" s="1" t="s">
        <v>171241</v>
      </c>
    </row>
    <row r="50631" spans="1:10" x14ac:dyDescent="0.35">
      <c r="A50631" s="1" t="s">
        <v>27723</v>
      </c>
      <c r="B50631" s="1" t="s">
        <v>169390</v>
      </c>
      <c r="C50631" s="1" t="s">
        <v>45</v>
      </c>
      <c r="D50631" s="1" t="s">
        <v>141243</v>
      </c>
      <c r="E50631" s="1" t="s">
        <v>171242</v>
      </c>
      <c r="F50631" s="1" t="s">
        <v>171243</v>
      </c>
      <c r="G50631" s="1" t="s">
        <v>171220</v>
      </c>
      <c r="H50631" s="1" t="s">
        <v>171221</v>
      </c>
      <c r="I50631" s="1" t="s">
        <v>169394</v>
      </c>
      <c r="J50631" s="1" t="s">
        <v>171244</v>
      </c>
    </row>
    <row r="50632" spans="1:10" x14ac:dyDescent="0.35">
      <c r="A50632" s="1" t="s">
        <v>27723</v>
      </c>
      <c r="B50632" s="1" t="s">
        <v>169390</v>
      </c>
      <c r="C50632" s="1" t="s">
        <v>50</v>
      </c>
      <c r="D50632" s="1" t="s">
        <v>31273</v>
      </c>
      <c r="E50632" s="1" t="s">
        <v>171245</v>
      </c>
      <c r="F50632" s="1" t="s">
        <v>171246</v>
      </c>
      <c r="G50632" s="1" t="s">
        <v>171220</v>
      </c>
      <c r="H50632" s="1" t="s">
        <v>171221</v>
      </c>
      <c r="I50632" s="1" t="s">
        <v>169394</v>
      </c>
      <c r="J50632" s="1" t="s">
        <v>171247</v>
      </c>
    </row>
    <row r="50633" spans="1:10" x14ac:dyDescent="0.35">
      <c r="A50633" s="1" t="s">
        <v>27723</v>
      </c>
      <c r="B50633" s="1" t="s">
        <v>169390</v>
      </c>
      <c r="C50633" s="1" t="s">
        <v>55</v>
      </c>
      <c r="D50633" s="1" t="s">
        <v>135844</v>
      </c>
      <c r="E50633" s="1" t="s">
        <v>171248</v>
      </c>
      <c r="F50633" s="1" t="s">
        <v>171249</v>
      </c>
      <c r="G50633" s="1" t="s">
        <v>171220</v>
      </c>
      <c r="H50633" s="1" t="s">
        <v>171221</v>
      </c>
      <c r="I50633" s="1" t="s">
        <v>169394</v>
      </c>
      <c r="J50633" s="1" t="s">
        <v>171250</v>
      </c>
    </row>
    <row r="50634" spans="1:10" x14ac:dyDescent="0.35">
      <c r="A50634" s="1" t="s">
        <v>27723</v>
      </c>
      <c r="B50634" s="1" t="s">
        <v>169390</v>
      </c>
      <c r="C50634" s="1" t="s">
        <v>60</v>
      </c>
      <c r="D50634" s="1" t="s">
        <v>15511</v>
      </c>
      <c r="E50634" s="1" t="s">
        <v>171251</v>
      </c>
      <c r="F50634" s="1" t="s">
        <v>171252</v>
      </c>
      <c r="G50634" s="1" t="s">
        <v>171220</v>
      </c>
      <c r="H50634" s="1" t="s">
        <v>171221</v>
      </c>
      <c r="I50634" s="1" t="s">
        <v>169394</v>
      </c>
      <c r="J50634" s="1" t="s">
        <v>171253</v>
      </c>
    </row>
    <row r="50635" spans="1:10" x14ac:dyDescent="0.35">
      <c r="A50635" s="1" t="s">
        <v>27723</v>
      </c>
      <c r="B50635" s="1" t="s">
        <v>169390</v>
      </c>
      <c r="C50635" s="1" t="s">
        <v>65</v>
      </c>
      <c r="D50635" s="1" t="s">
        <v>269</v>
      </c>
      <c r="E50635" s="1" t="s">
        <v>171254</v>
      </c>
      <c r="F50635" s="1" t="s">
        <v>171255</v>
      </c>
      <c r="G50635" s="1" t="s">
        <v>171220</v>
      </c>
      <c r="H50635" s="1" t="s">
        <v>171221</v>
      </c>
      <c r="I50635" s="1" t="s">
        <v>169394</v>
      </c>
      <c r="J50635" s="1" t="s">
        <v>171256</v>
      </c>
    </row>
    <row r="50636" spans="1:10" x14ac:dyDescent="0.35">
      <c r="A50636" s="1" t="s">
        <v>27723</v>
      </c>
      <c r="B50636" s="1" t="s">
        <v>169390</v>
      </c>
      <c r="C50636" s="1" t="s">
        <v>70</v>
      </c>
      <c r="D50636" s="1" t="s">
        <v>171257</v>
      </c>
      <c r="E50636" s="1" t="s">
        <v>171258</v>
      </c>
      <c r="F50636" s="1" t="s">
        <v>171259</v>
      </c>
      <c r="G50636" s="1" t="s">
        <v>171220</v>
      </c>
      <c r="H50636" s="1" t="s">
        <v>171221</v>
      </c>
      <c r="I50636" s="1" t="s">
        <v>169394</v>
      </c>
      <c r="J50636" s="1" t="s">
        <v>171260</v>
      </c>
    </row>
    <row r="50637" spans="1:10" x14ac:dyDescent="0.35">
      <c r="A50637" s="1" t="s">
        <v>27723</v>
      </c>
      <c r="B50637" s="1" t="s">
        <v>169390</v>
      </c>
      <c r="C50637" s="1" t="s">
        <v>75</v>
      </c>
      <c r="D50637" s="1" t="s">
        <v>47846</v>
      </c>
      <c r="E50637" s="1" t="s">
        <v>171261</v>
      </c>
      <c r="F50637" s="1" t="s">
        <v>131456</v>
      </c>
      <c r="G50637" s="1" t="s">
        <v>171220</v>
      </c>
      <c r="H50637" s="1" t="s">
        <v>171221</v>
      </c>
      <c r="I50637" s="1" t="s">
        <v>169394</v>
      </c>
      <c r="J50637" s="1" t="s">
        <v>171262</v>
      </c>
    </row>
    <row r="50638" spans="1:10" x14ac:dyDescent="0.35">
      <c r="A50638" s="1" t="s">
        <v>27723</v>
      </c>
      <c r="B50638" s="1" t="s">
        <v>169390</v>
      </c>
      <c r="C50638" s="1" t="s">
        <v>80</v>
      </c>
      <c r="D50638" s="1" t="s">
        <v>695</v>
      </c>
      <c r="E50638" s="1" t="s">
        <v>171263</v>
      </c>
      <c r="F50638" s="1" t="s">
        <v>171264</v>
      </c>
      <c r="G50638" s="1" t="s">
        <v>171220</v>
      </c>
      <c r="H50638" s="1" t="s">
        <v>171221</v>
      </c>
      <c r="I50638" s="1" t="s">
        <v>169394</v>
      </c>
      <c r="J50638" s="1" t="s">
        <v>171265</v>
      </c>
    </row>
    <row r="50639" spans="1:10" x14ac:dyDescent="0.35">
      <c r="A50639" s="1" t="s">
        <v>27723</v>
      </c>
      <c r="B50639" s="1" t="s">
        <v>169390</v>
      </c>
      <c r="C50639" s="1" t="s">
        <v>85</v>
      </c>
      <c r="D50639" s="1" t="s">
        <v>3647</v>
      </c>
      <c r="E50639" s="1" t="s">
        <v>171266</v>
      </c>
      <c r="F50639" s="1" t="s">
        <v>171267</v>
      </c>
      <c r="G50639" s="1" t="s">
        <v>171220</v>
      </c>
      <c r="H50639" s="1" t="s">
        <v>171221</v>
      </c>
      <c r="I50639" s="1" t="s">
        <v>169394</v>
      </c>
      <c r="J50639" s="1" t="s">
        <v>171268</v>
      </c>
    </row>
    <row r="50640" spans="1:10" x14ac:dyDescent="0.35">
      <c r="A50640" s="1" t="s">
        <v>27723</v>
      </c>
      <c r="B50640" s="1" t="s">
        <v>169390</v>
      </c>
      <c r="C50640" s="1" t="s">
        <v>90</v>
      </c>
      <c r="D50640" s="1" t="s">
        <v>31506</v>
      </c>
      <c r="E50640" s="1" t="s">
        <v>171269</v>
      </c>
      <c r="F50640" s="1" t="s">
        <v>171270</v>
      </c>
      <c r="G50640" s="1" t="s">
        <v>171220</v>
      </c>
      <c r="H50640" s="1" t="s">
        <v>171221</v>
      </c>
      <c r="I50640" s="1" t="s">
        <v>169394</v>
      </c>
      <c r="J50640" s="1" t="s">
        <v>171271</v>
      </c>
    </row>
    <row r="50641" spans="1:10" x14ac:dyDescent="0.35">
      <c r="A50641" s="1" t="s">
        <v>27723</v>
      </c>
      <c r="B50641" s="1" t="s">
        <v>169390</v>
      </c>
      <c r="C50641" s="1" t="s">
        <v>95</v>
      </c>
      <c r="D50641" s="1" t="s">
        <v>83425</v>
      </c>
      <c r="E50641" s="1" t="s">
        <v>171272</v>
      </c>
      <c r="F50641" s="1" t="s">
        <v>171273</v>
      </c>
      <c r="G50641" s="1" t="s">
        <v>171220</v>
      </c>
      <c r="H50641" s="1" t="s">
        <v>171221</v>
      </c>
      <c r="I50641" s="1" t="s">
        <v>169394</v>
      </c>
      <c r="J50641" s="1" t="s">
        <v>171274</v>
      </c>
    </row>
    <row r="50642" spans="1:10" x14ac:dyDescent="0.35">
      <c r="A50642" s="1" t="s">
        <v>27723</v>
      </c>
      <c r="B50642" s="1" t="s">
        <v>169390</v>
      </c>
      <c r="C50642" s="1" t="s">
        <v>100</v>
      </c>
      <c r="D50642" s="1" t="s">
        <v>36581</v>
      </c>
      <c r="E50642" s="1" t="s">
        <v>171275</v>
      </c>
      <c r="F50642" s="1" t="s">
        <v>171276</v>
      </c>
      <c r="G50642" s="1" t="s">
        <v>171220</v>
      </c>
      <c r="H50642" s="1" t="s">
        <v>171221</v>
      </c>
      <c r="I50642" s="1" t="s">
        <v>169394</v>
      </c>
      <c r="J50642" s="1" t="s">
        <v>171277</v>
      </c>
    </row>
    <row r="50643" spans="1:10" x14ac:dyDescent="0.35">
      <c r="A50643" s="1" t="s">
        <v>27723</v>
      </c>
      <c r="B50643" s="1" t="s">
        <v>169390</v>
      </c>
      <c r="C50643" s="1" t="s">
        <v>105</v>
      </c>
      <c r="D50643" s="1" t="s">
        <v>141576</v>
      </c>
      <c r="E50643" s="1" t="s">
        <v>171278</v>
      </c>
      <c r="F50643" s="1" t="s">
        <v>171279</v>
      </c>
      <c r="G50643" s="1" t="s">
        <v>171220</v>
      </c>
      <c r="H50643" s="1" t="s">
        <v>171221</v>
      </c>
      <c r="I50643" s="1" t="s">
        <v>169394</v>
      </c>
      <c r="J50643" s="1" t="s">
        <v>171280</v>
      </c>
    </row>
    <row r="50644" spans="1:10" x14ac:dyDescent="0.35">
      <c r="A50644" s="1" t="s">
        <v>27723</v>
      </c>
      <c r="B50644" s="1" t="s">
        <v>169390</v>
      </c>
      <c r="C50644" s="1" t="s">
        <v>110</v>
      </c>
      <c r="D50644" s="1" t="s">
        <v>155729</v>
      </c>
      <c r="E50644" s="1" t="s">
        <v>171281</v>
      </c>
      <c r="F50644" s="1" t="s">
        <v>171282</v>
      </c>
      <c r="G50644" s="1" t="s">
        <v>171220</v>
      </c>
      <c r="H50644" s="1" t="s">
        <v>171221</v>
      </c>
      <c r="I50644" s="1" t="s">
        <v>169394</v>
      </c>
      <c r="J50644" s="1" t="s">
        <v>171283</v>
      </c>
    </row>
    <row r="50645" spans="1:10" x14ac:dyDescent="0.35">
      <c r="A50645" s="1" t="s">
        <v>27723</v>
      </c>
      <c r="B50645" s="1" t="s">
        <v>169390</v>
      </c>
      <c r="C50645" s="1" t="s">
        <v>115</v>
      </c>
      <c r="D50645" s="1" t="s">
        <v>18937</v>
      </c>
      <c r="E50645" s="1" t="s">
        <v>171284</v>
      </c>
      <c r="F50645" s="1" t="s">
        <v>171285</v>
      </c>
      <c r="G50645" s="1" t="s">
        <v>171220</v>
      </c>
      <c r="H50645" s="1" t="s">
        <v>171221</v>
      </c>
      <c r="I50645" s="1" t="s">
        <v>169394</v>
      </c>
      <c r="J50645" s="1" t="s">
        <v>171286</v>
      </c>
    </row>
    <row r="50646" spans="1:10" x14ac:dyDescent="0.35">
      <c r="A50646" s="1" t="s">
        <v>27723</v>
      </c>
      <c r="B50646" s="1" t="s">
        <v>169390</v>
      </c>
      <c r="C50646" s="1" t="s">
        <v>120</v>
      </c>
      <c r="D50646" s="1" t="s">
        <v>171287</v>
      </c>
      <c r="E50646" s="1" t="s">
        <v>171288</v>
      </c>
      <c r="F50646" s="1" t="s">
        <v>171289</v>
      </c>
      <c r="G50646" s="1" t="s">
        <v>171220</v>
      </c>
      <c r="H50646" s="1" t="s">
        <v>171221</v>
      </c>
      <c r="I50646" s="1" t="s">
        <v>169394</v>
      </c>
      <c r="J50646" s="1" t="s">
        <v>171290</v>
      </c>
    </row>
    <row r="50647" spans="1:10" x14ac:dyDescent="0.35">
      <c r="A50647" s="1" t="s">
        <v>27723</v>
      </c>
      <c r="B50647" s="1" t="s">
        <v>169390</v>
      </c>
      <c r="C50647" s="1" t="s">
        <v>125</v>
      </c>
      <c r="D50647" s="1" t="s">
        <v>13242</v>
      </c>
      <c r="E50647" s="1" t="s">
        <v>171291</v>
      </c>
      <c r="F50647" s="1" t="s">
        <v>171292</v>
      </c>
      <c r="G50647" s="1" t="s">
        <v>171220</v>
      </c>
      <c r="H50647" s="1" t="s">
        <v>171221</v>
      </c>
      <c r="I50647" s="1" t="s">
        <v>169394</v>
      </c>
      <c r="J50647" s="1" t="s">
        <v>171293</v>
      </c>
    </row>
    <row r="50648" spans="1:10" x14ac:dyDescent="0.35">
      <c r="A50648" s="1" t="s">
        <v>27723</v>
      </c>
      <c r="B50648" s="1" t="s">
        <v>169390</v>
      </c>
      <c r="C50648" s="1" t="s">
        <v>130</v>
      </c>
      <c r="D50648" s="1" t="s">
        <v>8849</v>
      </c>
      <c r="E50648" s="1" t="s">
        <v>171294</v>
      </c>
      <c r="F50648" s="1" t="s">
        <v>171295</v>
      </c>
      <c r="G50648" s="1" t="s">
        <v>171220</v>
      </c>
      <c r="H50648" s="1" t="s">
        <v>171221</v>
      </c>
      <c r="I50648" s="1" t="s">
        <v>169394</v>
      </c>
      <c r="J50648" s="1" t="s">
        <v>171296</v>
      </c>
    </row>
    <row r="50649" spans="1:10" x14ac:dyDescent="0.35">
      <c r="A50649" s="1" t="s">
        <v>27723</v>
      </c>
      <c r="B50649" s="1" t="s">
        <v>169390</v>
      </c>
      <c r="C50649" s="1" t="s">
        <v>135</v>
      </c>
      <c r="D50649" s="1" t="s">
        <v>171297</v>
      </c>
      <c r="E50649" s="1" t="s">
        <v>171298</v>
      </c>
      <c r="F50649" s="1" t="s">
        <v>171299</v>
      </c>
      <c r="G50649" s="1" t="s">
        <v>171220</v>
      </c>
      <c r="H50649" s="1" t="s">
        <v>171221</v>
      </c>
      <c r="I50649" s="1" t="s">
        <v>169394</v>
      </c>
      <c r="J50649" s="1" t="s">
        <v>171300</v>
      </c>
    </row>
    <row r="50650" spans="1:10" x14ac:dyDescent="0.35">
      <c r="A50650" s="1" t="s">
        <v>27723</v>
      </c>
      <c r="B50650" s="1" t="s">
        <v>169390</v>
      </c>
      <c r="C50650" s="1" t="s">
        <v>140</v>
      </c>
      <c r="D50650" s="1" t="s">
        <v>37177</v>
      </c>
      <c r="E50650" s="1" t="s">
        <v>171301</v>
      </c>
      <c r="F50650" s="1" t="s">
        <v>171302</v>
      </c>
      <c r="G50650" s="1" t="s">
        <v>171220</v>
      </c>
      <c r="H50650" s="1" t="s">
        <v>171221</v>
      </c>
      <c r="I50650" s="1" t="s">
        <v>169394</v>
      </c>
      <c r="J50650" s="1" t="s">
        <v>171303</v>
      </c>
    </row>
    <row r="50651" spans="1:10" x14ac:dyDescent="0.35">
      <c r="A50651" s="1" t="s">
        <v>27723</v>
      </c>
      <c r="B50651" s="1" t="s">
        <v>169390</v>
      </c>
      <c r="C50651" s="1" t="s">
        <v>145</v>
      </c>
      <c r="D50651" s="1" t="s">
        <v>123870</v>
      </c>
      <c r="E50651" s="1" t="s">
        <v>171304</v>
      </c>
      <c r="F50651" s="1" t="s">
        <v>171305</v>
      </c>
      <c r="G50651" s="1" t="s">
        <v>171220</v>
      </c>
      <c r="H50651" s="1" t="s">
        <v>171221</v>
      </c>
      <c r="I50651" s="1" t="s">
        <v>169394</v>
      </c>
      <c r="J50651" s="1" t="s">
        <v>171306</v>
      </c>
    </row>
    <row r="50652" spans="1:10" x14ac:dyDescent="0.35">
      <c r="A50652" s="1" t="s">
        <v>27723</v>
      </c>
      <c r="B50652" s="1" t="s">
        <v>169390</v>
      </c>
      <c r="C50652" s="1" t="s">
        <v>150</v>
      </c>
      <c r="D50652" s="1" t="s">
        <v>3036</v>
      </c>
      <c r="E50652" s="1" t="s">
        <v>171307</v>
      </c>
      <c r="F50652" s="1" t="s">
        <v>171305</v>
      </c>
      <c r="G50652" s="1" t="s">
        <v>171220</v>
      </c>
      <c r="H50652" s="1" t="s">
        <v>171221</v>
      </c>
      <c r="I50652" s="1" t="s">
        <v>169394</v>
      </c>
      <c r="J50652" s="1" t="s">
        <v>171308</v>
      </c>
    </row>
    <row r="50653" spans="1:10" x14ac:dyDescent="0.35">
      <c r="A50653" s="1" t="s">
        <v>27723</v>
      </c>
      <c r="B50653" s="1" t="s">
        <v>169390</v>
      </c>
      <c r="C50653" s="1" t="s">
        <v>155</v>
      </c>
      <c r="D50653" s="1" t="s">
        <v>141726</v>
      </c>
      <c r="E50653" s="1" t="s">
        <v>171309</v>
      </c>
      <c r="F50653" s="1" t="s">
        <v>171310</v>
      </c>
      <c r="G50653" s="1" t="s">
        <v>171220</v>
      </c>
      <c r="H50653" s="1" t="s">
        <v>171221</v>
      </c>
      <c r="I50653" s="1" t="s">
        <v>169394</v>
      </c>
      <c r="J50653" s="1" t="s">
        <v>171311</v>
      </c>
    </row>
    <row r="50654" spans="1:10" x14ac:dyDescent="0.35">
      <c r="A50654" s="1" t="s">
        <v>27723</v>
      </c>
      <c r="B50654" s="1" t="s">
        <v>169390</v>
      </c>
      <c r="C50654" s="1" t="s">
        <v>160</v>
      </c>
      <c r="D50654" s="1" t="s">
        <v>71440</v>
      </c>
      <c r="E50654" s="1" t="s">
        <v>171312</v>
      </c>
      <c r="F50654" s="1" t="s">
        <v>171305</v>
      </c>
      <c r="G50654" s="1" t="s">
        <v>171220</v>
      </c>
      <c r="H50654" s="1" t="s">
        <v>171221</v>
      </c>
      <c r="I50654" s="1" t="s">
        <v>169394</v>
      </c>
      <c r="J50654" s="1" t="s">
        <v>171313</v>
      </c>
    </row>
    <row r="50655" spans="1:10" x14ac:dyDescent="0.35">
      <c r="A50655" s="1" t="s">
        <v>27723</v>
      </c>
      <c r="B50655" s="1" t="s">
        <v>169390</v>
      </c>
      <c r="C50655" s="1" t="s">
        <v>165</v>
      </c>
      <c r="D50655" s="1" t="s">
        <v>30933</v>
      </c>
      <c r="E50655" s="1" t="s">
        <v>171314</v>
      </c>
      <c r="F50655" s="1" t="s">
        <v>171315</v>
      </c>
      <c r="G50655" s="1" t="s">
        <v>171220</v>
      </c>
      <c r="H50655" s="1" t="s">
        <v>171221</v>
      </c>
      <c r="I50655" s="1" t="s">
        <v>169394</v>
      </c>
      <c r="J50655" s="1" t="s">
        <v>171316</v>
      </c>
    </row>
    <row r="50656" spans="1:10" x14ac:dyDescent="0.35">
      <c r="A50656" s="1" t="s">
        <v>27723</v>
      </c>
      <c r="B50656" s="1" t="s">
        <v>169390</v>
      </c>
      <c r="C50656" s="1" t="s">
        <v>170</v>
      </c>
      <c r="D50656" s="1" t="s">
        <v>171317</v>
      </c>
      <c r="E50656" s="1" t="s">
        <v>171318</v>
      </c>
      <c r="F50656" s="1" t="s">
        <v>171319</v>
      </c>
      <c r="G50656" s="1" t="s">
        <v>171220</v>
      </c>
      <c r="H50656" s="1" t="s">
        <v>171221</v>
      </c>
      <c r="I50656" s="1" t="s">
        <v>169394</v>
      </c>
      <c r="J50656" s="1" t="s">
        <v>171320</v>
      </c>
    </row>
    <row r="50657" spans="1:10" x14ac:dyDescent="0.35">
      <c r="A50657" s="1" t="s">
        <v>110310</v>
      </c>
      <c r="B50657" s="1" t="s">
        <v>169390</v>
      </c>
      <c r="C50657" s="1" t="s">
        <v>8</v>
      </c>
      <c r="D50657" s="1" t="s">
        <v>171321</v>
      </c>
      <c r="E50657" s="1" t="s">
        <v>171322</v>
      </c>
      <c r="F50657" s="1" t="s">
        <v>171323</v>
      </c>
      <c r="G50657" s="1" t="s">
        <v>171324</v>
      </c>
      <c r="H50657" s="1" t="s">
        <v>171325</v>
      </c>
      <c r="I50657" s="1" t="s">
        <v>169394</v>
      </c>
      <c r="J50657" s="1" t="s">
        <v>13</v>
      </c>
    </row>
    <row r="50658" spans="1:10" x14ac:dyDescent="0.35">
      <c r="A50658" s="1" t="s">
        <v>110310</v>
      </c>
      <c r="B50658" s="1" t="s">
        <v>169390</v>
      </c>
      <c r="C50658" s="1" t="s">
        <v>15</v>
      </c>
      <c r="D50658" s="1" t="s">
        <v>171326</v>
      </c>
      <c r="E50658" s="1" t="s">
        <v>171327</v>
      </c>
      <c r="F50658" s="1" t="s">
        <v>171328</v>
      </c>
      <c r="G50658" s="1" t="s">
        <v>171324</v>
      </c>
      <c r="H50658" s="1" t="s">
        <v>171325</v>
      </c>
      <c r="I50658" s="1" t="s">
        <v>169394</v>
      </c>
      <c r="J50658" s="1" t="s">
        <v>171329</v>
      </c>
    </row>
    <row r="50659" spans="1:10" x14ac:dyDescent="0.35">
      <c r="A50659" s="1" t="s">
        <v>110310</v>
      </c>
      <c r="B50659" s="1" t="s">
        <v>169390</v>
      </c>
      <c r="C50659" s="1" t="s">
        <v>20</v>
      </c>
      <c r="D50659" s="1" t="s">
        <v>29028</v>
      </c>
      <c r="E50659" s="1" t="s">
        <v>171330</v>
      </c>
      <c r="F50659" s="1" t="s">
        <v>171331</v>
      </c>
      <c r="G50659" s="1" t="s">
        <v>171324</v>
      </c>
      <c r="H50659" s="1" t="s">
        <v>171325</v>
      </c>
      <c r="I50659" s="1" t="s">
        <v>169394</v>
      </c>
      <c r="J50659" s="1" t="s">
        <v>171332</v>
      </c>
    </row>
    <row r="50660" spans="1:10" x14ac:dyDescent="0.35">
      <c r="A50660" s="1" t="s">
        <v>110310</v>
      </c>
      <c r="B50660" s="1" t="s">
        <v>169390</v>
      </c>
      <c r="C50660" s="1" t="s">
        <v>25</v>
      </c>
      <c r="D50660" s="1" t="s">
        <v>49166</v>
      </c>
      <c r="E50660" s="1" t="s">
        <v>171333</v>
      </c>
      <c r="F50660" s="1" t="s">
        <v>171334</v>
      </c>
      <c r="G50660" s="1" t="s">
        <v>171324</v>
      </c>
      <c r="H50660" s="1" t="s">
        <v>171325</v>
      </c>
      <c r="I50660" s="1" t="s">
        <v>169394</v>
      </c>
      <c r="J50660" s="1" t="s">
        <v>171335</v>
      </c>
    </row>
    <row r="50661" spans="1:10" x14ac:dyDescent="0.35">
      <c r="A50661" s="1" t="s">
        <v>110310</v>
      </c>
      <c r="B50661" s="1" t="s">
        <v>169390</v>
      </c>
      <c r="C50661" s="1" t="s">
        <v>30</v>
      </c>
      <c r="D50661" s="1" t="s">
        <v>116030</v>
      </c>
      <c r="E50661" s="1" t="s">
        <v>171336</v>
      </c>
      <c r="F50661" s="1" t="s">
        <v>171337</v>
      </c>
      <c r="G50661" s="1" t="s">
        <v>171324</v>
      </c>
      <c r="H50661" s="1" t="s">
        <v>171325</v>
      </c>
      <c r="I50661" s="1" t="s">
        <v>169394</v>
      </c>
      <c r="J50661" s="1" t="s">
        <v>171338</v>
      </c>
    </row>
    <row r="50662" spans="1:10" x14ac:dyDescent="0.35">
      <c r="A50662" s="1" t="s">
        <v>110310</v>
      </c>
      <c r="B50662" s="1" t="s">
        <v>169390</v>
      </c>
      <c r="C50662" s="1" t="s">
        <v>35</v>
      </c>
      <c r="D50662" s="1" t="s">
        <v>135701</v>
      </c>
      <c r="E50662" s="1" t="s">
        <v>171339</v>
      </c>
      <c r="F50662" s="1" t="s">
        <v>171340</v>
      </c>
      <c r="G50662" s="1" t="s">
        <v>171324</v>
      </c>
      <c r="H50662" s="1" t="s">
        <v>171325</v>
      </c>
      <c r="I50662" s="1" t="s">
        <v>169394</v>
      </c>
      <c r="J50662" s="1" t="s">
        <v>171341</v>
      </c>
    </row>
    <row r="50663" spans="1:10" x14ac:dyDescent="0.35">
      <c r="A50663" s="1" t="s">
        <v>110310</v>
      </c>
      <c r="B50663" s="1" t="s">
        <v>169390</v>
      </c>
      <c r="C50663" s="1" t="s">
        <v>40</v>
      </c>
      <c r="D50663" s="1" t="s">
        <v>16207</v>
      </c>
      <c r="E50663" s="1" t="s">
        <v>171342</v>
      </c>
      <c r="F50663" s="1" t="s">
        <v>171343</v>
      </c>
      <c r="G50663" s="1" t="s">
        <v>171324</v>
      </c>
      <c r="H50663" s="1" t="s">
        <v>171325</v>
      </c>
      <c r="I50663" s="1" t="s">
        <v>169394</v>
      </c>
      <c r="J50663" s="1" t="s">
        <v>171344</v>
      </c>
    </row>
    <row r="50664" spans="1:10" x14ac:dyDescent="0.35">
      <c r="A50664" s="1" t="s">
        <v>110310</v>
      </c>
      <c r="B50664" s="1" t="s">
        <v>169390</v>
      </c>
      <c r="C50664" s="1" t="s">
        <v>45</v>
      </c>
      <c r="D50664" s="1" t="s">
        <v>25281</v>
      </c>
      <c r="E50664" s="1" t="s">
        <v>171345</v>
      </c>
      <c r="F50664" s="1" t="s">
        <v>171346</v>
      </c>
      <c r="G50664" s="1" t="s">
        <v>171324</v>
      </c>
      <c r="H50664" s="1" t="s">
        <v>171325</v>
      </c>
      <c r="I50664" s="1" t="s">
        <v>169394</v>
      </c>
      <c r="J50664" s="1" t="s">
        <v>171347</v>
      </c>
    </row>
    <row r="50665" spans="1:10" x14ac:dyDescent="0.35">
      <c r="A50665" s="1" t="s">
        <v>110310</v>
      </c>
      <c r="B50665" s="1" t="s">
        <v>169390</v>
      </c>
      <c r="C50665" s="1" t="s">
        <v>50</v>
      </c>
      <c r="D50665" s="1" t="s">
        <v>118401</v>
      </c>
      <c r="E50665" s="1" t="s">
        <v>171348</v>
      </c>
      <c r="F50665" s="1" t="s">
        <v>171349</v>
      </c>
      <c r="G50665" s="1" t="s">
        <v>171324</v>
      </c>
      <c r="H50665" s="1" t="s">
        <v>171325</v>
      </c>
      <c r="I50665" s="1" t="s">
        <v>169394</v>
      </c>
      <c r="J50665" s="1" t="s">
        <v>171350</v>
      </c>
    </row>
    <row r="50666" spans="1:10" x14ac:dyDescent="0.35">
      <c r="A50666" s="1" t="s">
        <v>110310</v>
      </c>
      <c r="B50666" s="1" t="s">
        <v>169390</v>
      </c>
      <c r="C50666" s="1" t="s">
        <v>55</v>
      </c>
      <c r="D50666" s="1" t="s">
        <v>5127</v>
      </c>
      <c r="E50666" s="1" t="s">
        <v>171351</v>
      </c>
      <c r="F50666" s="1" t="s">
        <v>171352</v>
      </c>
      <c r="G50666" s="1" t="s">
        <v>171324</v>
      </c>
      <c r="H50666" s="1" t="s">
        <v>171325</v>
      </c>
      <c r="I50666" s="1" t="s">
        <v>169394</v>
      </c>
      <c r="J50666" s="1" t="s">
        <v>171353</v>
      </c>
    </row>
    <row r="50667" spans="1:10" x14ac:dyDescent="0.35">
      <c r="A50667" s="1" t="s">
        <v>110310</v>
      </c>
      <c r="B50667" s="1" t="s">
        <v>169390</v>
      </c>
      <c r="C50667" s="1" t="s">
        <v>60</v>
      </c>
      <c r="D50667" s="1" t="s">
        <v>120370</v>
      </c>
      <c r="E50667" s="1" t="s">
        <v>171354</v>
      </c>
      <c r="F50667" s="1" t="s">
        <v>171355</v>
      </c>
      <c r="G50667" s="1" t="s">
        <v>171324</v>
      </c>
      <c r="H50667" s="1" t="s">
        <v>171325</v>
      </c>
      <c r="I50667" s="1" t="s">
        <v>169394</v>
      </c>
      <c r="J50667" s="1" t="s">
        <v>171356</v>
      </c>
    </row>
    <row r="50668" spans="1:10" x14ac:dyDescent="0.35">
      <c r="A50668" s="1" t="s">
        <v>110310</v>
      </c>
      <c r="B50668" s="1" t="s">
        <v>169390</v>
      </c>
      <c r="C50668" s="1" t="s">
        <v>65</v>
      </c>
      <c r="D50668" s="1" t="s">
        <v>34818</v>
      </c>
      <c r="E50668" s="1" t="s">
        <v>171357</v>
      </c>
      <c r="F50668" s="1" t="s">
        <v>171358</v>
      </c>
      <c r="G50668" s="1" t="s">
        <v>171324</v>
      </c>
      <c r="H50668" s="1" t="s">
        <v>171325</v>
      </c>
      <c r="I50668" s="1" t="s">
        <v>169394</v>
      </c>
      <c r="J50668" s="1" t="s">
        <v>171359</v>
      </c>
    </row>
    <row r="50669" spans="1:10" x14ac:dyDescent="0.35">
      <c r="A50669" s="1" t="s">
        <v>110310</v>
      </c>
      <c r="B50669" s="1" t="s">
        <v>169390</v>
      </c>
      <c r="C50669" s="1" t="s">
        <v>70</v>
      </c>
      <c r="D50669" s="1" t="s">
        <v>37284</v>
      </c>
      <c r="E50669" s="1" t="s">
        <v>171360</v>
      </c>
      <c r="F50669" s="1" t="s">
        <v>171361</v>
      </c>
      <c r="G50669" s="1" t="s">
        <v>171324</v>
      </c>
      <c r="H50669" s="1" t="s">
        <v>171325</v>
      </c>
      <c r="I50669" s="1" t="s">
        <v>169394</v>
      </c>
      <c r="J50669" s="1" t="s">
        <v>171362</v>
      </c>
    </row>
    <row r="50670" spans="1:10" x14ac:dyDescent="0.35">
      <c r="A50670" s="1" t="s">
        <v>110310</v>
      </c>
      <c r="B50670" s="1" t="s">
        <v>169390</v>
      </c>
      <c r="C50670" s="1" t="s">
        <v>75</v>
      </c>
      <c r="D50670" s="1" t="s">
        <v>10842</v>
      </c>
      <c r="E50670" s="1" t="s">
        <v>171363</v>
      </c>
      <c r="F50670" s="1" t="s">
        <v>171364</v>
      </c>
      <c r="G50670" s="1" t="s">
        <v>171324</v>
      </c>
      <c r="H50670" s="1" t="s">
        <v>171325</v>
      </c>
      <c r="I50670" s="1" t="s">
        <v>169394</v>
      </c>
      <c r="J50670" s="1" t="s">
        <v>171365</v>
      </c>
    </row>
    <row r="50671" spans="1:10" x14ac:dyDescent="0.35">
      <c r="A50671" s="1" t="s">
        <v>110310</v>
      </c>
      <c r="B50671" s="1" t="s">
        <v>169390</v>
      </c>
      <c r="C50671" s="1" t="s">
        <v>80</v>
      </c>
      <c r="D50671" s="1" t="s">
        <v>171366</v>
      </c>
      <c r="E50671" s="1" t="s">
        <v>171367</v>
      </c>
      <c r="F50671" s="1" t="s">
        <v>171368</v>
      </c>
      <c r="G50671" s="1" t="s">
        <v>171324</v>
      </c>
      <c r="H50671" s="1" t="s">
        <v>171325</v>
      </c>
      <c r="I50671" s="1" t="s">
        <v>169394</v>
      </c>
      <c r="J50671" s="1" t="s">
        <v>171369</v>
      </c>
    </row>
    <row r="50672" spans="1:10" x14ac:dyDescent="0.35">
      <c r="A50672" s="1" t="s">
        <v>110310</v>
      </c>
      <c r="B50672" s="1" t="s">
        <v>169390</v>
      </c>
      <c r="C50672" s="1" t="s">
        <v>85</v>
      </c>
      <c r="D50672" s="1" t="s">
        <v>15972</v>
      </c>
      <c r="E50672" s="1" t="s">
        <v>171370</v>
      </c>
      <c r="F50672" s="1" t="s">
        <v>171371</v>
      </c>
      <c r="G50672" s="1" t="s">
        <v>171324</v>
      </c>
      <c r="H50672" s="1" t="s">
        <v>171325</v>
      </c>
      <c r="I50672" s="1" t="s">
        <v>169394</v>
      </c>
      <c r="J50672" s="1" t="s">
        <v>171372</v>
      </c>
    </row>
    <row r="50673" spans="1:10" x14ac:dyDescent="0.35">
      <c r="A50673" s="1" t="s">
        <v>110310</v>
      </c>
      <c r="B50673" s="1" t="s">
        <v>169390</v>
      </c>
      <c r="C50673" s="1" t="s">
        <v>90</v>
      </c>
      <c r="D50673" s="1" t="s">
        <v>161781</v>
      </c>
      <c r="E50673" s="1" t="s">
        <v>171373</v>
      </c>
      <c r="F50673" s="1" t="s">
        <v>171374</v>
      </c>
      <c r="G50673" s="1" t="s">
        <v>171324</v>
      </c>
      <c r="H50673" s="1" t="s">
        <v>171325</v>
      </c>
      <c r="I50673" s="1" t="s">
        <v>169394</v>
      </c>
      <c r="J50673" s="1" t="s">
        <v>171375</v>
      </c>
    </row>
    <row r="50674" spans="1:10" x14ac:dyDescent="0.35">
      <c r="A50674" s="1" t="s">
        <v>110310</v>
      </c>
      <c r="B50674" s="1" t="s">
        <v>169390</v>
      </c>
      <c r="C50674" s="1" t="s">
        <v>95</v>
      </c>
      <c r="D50674" s="1" t="s">
        <v>14802</v>
      </c>
      <c r="E50674" s="1" t="s">
        <v>171376</v>
      </c>
      <c r="F50674" s="1" t="s">
        <v>171377</v>
      </c>
      <c r="G50674" s="1" t="s">
        <v>171324</v>
      </c>
      <c r="H50674" s="1" t="s">
        <v>171325</v>
      </c>
      <c r="I50674" s="1" t="s">
        <v>169394</v>
      </c>
      <c r="J50674" s="1" t="s">
        <v>171378</v>
      </c>
    </row>
    <row r="50675" spans="1:10" x14ac:dyDescent="0.35">
      <c r="A50675" s="1" t="s">
        <v>110310</v>
      </c>
      <c r="B50675" s="1" t="s">
        <v>169390</v>
      </c>
      <c r="C50675" s="1" t="s">
        <v>100</v>
      </c>
      <c r="D50675" s="1" t="s">
        <v>116081</v>
      </c>
      <c r="E50675" s="1" t="s">
        <v>171379</v>
      </c>
      <c r="F50675" s="1" t="s">
        <v>171380</v>
      </c>
      <c r="G50675" s="1" t="s">
        <v>171324</v>
      </c>
      <c r="H50675" s="1" t="s">
        <v>171325</v>
      </c>
      <c r="I50675" s="1" t="s">
        <v>169394</v>
      </c>
      <c r="J50675" s="1" t="s">
        <v>171381</v>
      </c>
    </row>
    <row r="50676" spans="1:10" x14ac:dyDescent="0.35">
      <c r="A50676" s="1" t="s">
        <v>110310</v>
      </c>
      <c r="B50676" s="1" t="s">
        <v>169390</v>
      </c>
      <c r="C50676" s="1" t="s">
        <v>105</v>
      </c>
      <c r="D50676" s="1" t="s">
        <v>156730</v>
      </c>
      <c r="E50676" s="1" t="s">
        <v>171382</v>
      </c>
      <c r="F50676" s="1" t="s">
        <v>171383</v>
      </c>
      <c r="G50676" s="1" t="s">
        <v>171324</v>
      </c>
      <c r="H50676" s="1" t="s">
        <v>171325</v>
      </c>
      <c r="I50676" s="1" t="s">
        <v>169394</v>
      </c>
      <c r="J50676" s="1" t="s">
        <v>171384</v>
      </c>
    </row>
    <row r="50677" spans="1:10" x14ac:dyDescent="0.35">
      <c r="A50677" s="1" t="s">
        <v>110310</v>
      </c>
      <c r="B50677" s="1" t="s">
        <v>169390</v>
      </c>
      <c r="C50677" s="1" t="s">
        <v>110</v>
      </c>
      <c r="D50677" s="1" t="s">
        <v>171385</v>
      </c>
      <c r="E50677" s="1" t="s">
        <v>171386</v>
      </c>
      <c r="F50677" s="1" t="s">
        <v>171387</v>
      </c>
      <c r="G50677" s="1" t="s">
        <v>171324</v>
      </c>
      <c r="H50677" s="1" t="s">
        <v>171325</v>
      </c>
      <c r="I50677" s="1" t="s">
        <v>169394</v>
      </c>
      <c r="J50677" s="1" t="s">
        <v>171388</v>
      </c>
    </row>
    <row r="50678" spans="1:10" x14ac:dyDescent="0.35">
      <c r="A50678" s="1" t="s">
        <v>110310</v>
      </c>
      <c r="B50678" s="1" t="s">
        <v>169390</v>
      </c>
      <c r="C50678" s="1" t="s">
        <v>115</v>
      </c>
      <c r="D50678" s="1" t="s">
        <v>116438</v>
      </c>
      <c r="E50678" s="1" t="s">
        <v>171389</v>
      </c>
      <c r="F50678" s="1" t="s">
        <v>171390</v>
      </c>
      <c r="G50678" s="1" t="s">
        <v>171324</v>
      </c>
      <c r="H50678" s="1" t="s">
        <v>171325</v>
      </c>
      <c r="I50678" s="1" t="s">
        <v>169394</v>
      </c>
      <c r="J50678" s="1" t="s">
        <v>171391</v>
      </c>
    </row>
    <row r="50679" spans="1:10" x14ac:dyDescent="0.35">
      <c r="A50679" s="1" t="s">
        <v>110310</v>
      </c>
      <c r="B50679" s="1" t="s">
        <v>169390</v>
      </c>
      <c r="C50679" s="1" t="s">
        <v>120</v>
      </c>
      <c r="D50679" s="1" t="s">
        <v>171392</v>
      </c>
      <c r="E50679" s="1" t="s">
        <v>171393</v>
      </c>
      <c r="F50679" s="1" t="s">
        <v>171394</v>
      </c>
      <c r="G50679" s="1" t="s">
        <v>171324</v>
      </c>
      <c r="H50679" s="1" t="s">
        <v>171325</v>
      </c>
      <c r="I50679" s="1" t="s">
        <v>169394</v>
      </c>
      <c r="J50679" s="1" t="s">
        <v>171395</v>
      </c>
    </row>
    <row r="50680" spans="1:10" x14ac:dyDescent="0.35">
      <c r="A50680" s="1" t="s">
        <v>110310</v>
      </c>
      <c r="B50680" s="1" t="s">
        <v>169390</v>
      </c>
      <c r="C50680" s="1" t="s">
        <v>125</v>
      </c>
      <c r="D50680" s="1" t="s">
        <v>73660</v>
      </c>
      <c r="E50680" s="1" t="s">
        <v>171396</v>
      </c>
      <c r="F50680" s="1" t="s">
        <v>171397</v>
      </c>
      <c r="G50680" s="1" t="s">
        <v>171324</v>
      </c>
      <c r="H50680" s="1" t="s">
        <v>171325</v>
      </c>
      <c r="I50680" s="1" t="s">
        <v>169394</v>
      </c>
      <c r="J50680" s="1" t="s">
        <v>171398</v>
      </c>
    </row>
    <row r="50681" spans="1:10" x14ac:dyDescent="0.35">
      <c r="A50681" s="1" t="s">
        <v>110310</v>
      </c>
      <c r="B50681" s="1" t="s">
        <v>169390</v>
      </c>
      <c r="C50681" s="1" t="s">
        <v>130</v>
      </c>
      <c r="D50681" s="1" t="s">
        <v>44598</v>
      </c>
      <c r="E50681" s="1" t="s">
        <v>171399</v>
      </c>
      <c r="F50681" s="1" t="s">
        <v>171400</v>
      </c>
      <c r="G50681" s="1" t="s">
        <v>171324</v>
      </c>
      <c r="H50681" s="1" t="s">
        <v>171325</v>
      </c>
      <c r="I50681" s="1" t="s">
        <v>169394</v>
      </c>
      <c r="J50681" s="1" t="s">
        <v>171401</v>
      </c>
    </row>
    <row r="50682" spans="1:10" x14ac:dyDescent="0.35">
      <c r="A50682" s="1" t="s">
        <v>110310</v>
      </c>
      <c r="B50682" s="1" t="s">
        <v>169390</v>
      </c>
      <c r="C50682" s="1" t="s">
        <v>135</v>
      </c>
      <c r="D50682" s="1" t="s">
        <v>48375</v>
      </c>
      <c r="E50682" s="1" t="s">
        <v>171402</v>
      </c>
      <c r="F50682" s="1" t="s">
        <v>171403</v>
      </c>
      <c r="G50682" s="1" t="s">
        <v>171324</v>
      </c>
      <c r="H50682" s="1" t="s">
        <v>171325</v>
      </c>
      <c r="I50682" s="1" t="s">
        <v>169394</v>
      </c>
      <c r="J50682" s="1" t="s">
        <v>171404</v>
      </c>
    </row>
    <row r="50683" spans="1:10" x14ac:dyDescent="0.35">
      <c r="A50683" s="1" t="s">
        <v>110310</v>
      </c>
      <c r="B50683" s="1" t="s">
        <v>169390</v>
      </c>
      <c r="C50683" s="1" t="s">
        <v>140</v>
      </c>
      <c r="D50683" s="1" t="s">
        <v>124396</v>
      </c>
      <c r="E50683" s="1" t="s">
        <v>171405</v>
      </c>
      <c r="F50683" s="1" t="s">
        <v>171406</v>
      </c>
      <c r="G50683" s="1" t="s">
        <v>171324</v>
      </c>
      <c r="H50683" s="1" t="s">
        <v>171325</v>
      </c>
      <c r="I50683" s="1" t="s">
        <v>169394</v>
      </c>
      <c r="J50683" s="1" t="s">
        <v>171407</v>
      </c>
    </row>
    <row r="50684" spans="1:10" x14ac:dyDescent="0.35">
      <c r="A50684" s="1" t="s">
        <v>110310</v>
      </c>
      <c r="B50684" s="1" t="s">
        <v>169390</v>
      </c>
      <c r="C50684" s="1" t="s">
        <v>145</v>
      </c>
      <c r="D50684" s="1" t="s">
        <v>158282</v>
      </c>
      <c r="E50684" s="1" t="s">
        <v>171408</v>
      </c>
      <c r="F50684" s="1" t="s">
        <v>171409</v>
      </c>
      <c r="G50684" s="1" t="s">
        <v>171324</v>
      </c>
      <c r="H50684" s="1" t="s">
        <v>171325</v>
      </c>
      <c r="I50684" s="1" t="s">
        <v>169394</v>
      </c>
      <c r="J50684" s="1" t="s">
        <v>171410</v>
      </c>
    </row>
    <row r="50685" spans="1:10" x14ac:dyDescent="0.35">
      <c r="A50685" s="1" t="s">
        <v>110310</v>
      </c>
      <c r="B50685" s="1" t="s">
        <v>169390</v>
      </c>
      <c r="C50685" s="1" t="s">
        <v>150</v>
      </c>
      <c r="D50685" s="1" t="s">
        <v>171411</v>
      </c>
      <c r="E50685" s="1" t="s">
        <v>171412</v>
      </c>
      <c r="F50685" s="1" t="s">
        <v>171413</v>
      </c>
      <c r="G50685" s="1" t="s">
        <v>171324</v>
      </c>
      <c r="H50685" s="1" t="s">
        <v>171325</v>
      </c>
      <c r="I50685" s="1" t="s">
        <v>169394</v>
      </c>
      <c r="J50685" s="1" t="s">
        <v>171414</v>
      </c>
    </row>
    <row r="50686" spans="1:10" x14ac:dyDescent="0.35">
      <c r="A50686" s="1" t="s">
        <v>110310</v>
      </c>
      <c r="B50686" s="1" t="s">
        <v>169390</v>
      </c>
      <c r="C50686" s="1" t="s">
        <v>155</v>
      </c>
      <c r="D50686" s="1" t="s">
        <v>171415</v>
      </c>
      <c r="E50686" s="1" t="s">
        <v>171416</v>
      </c>
      <c r="F50686" s="1" t="s">
        <v>171417</v>
      </c>
      <c r="G50686" s="1" t="s">
        <v>171324</v>
      </c>
      <c r="H50686" s="1" t="s">
        <v>171325</v>
      </c>
      <c r="I50686" s="1" t="s">
        <v>169394</v>
      </c>
      <c r="J50686" s="1" t="s">
        <v>171418</v>
      </c>
    </row>
    <row r="50687" spans="1:10" x14ac:dyDescent="0.35">
      <c r="A50687" s="1" t="s">
        <v>110310</v>
      </c>
      <c r="B50687" s="1" t="s">
        <v>169390</v>
      </c>
      <c r="C50687" s="1" t="s">
        <v>160</v>
      </c>
      <c r="D50687" s="1" t="s">
        <v>589</v>
      </c>
      <c r="E50687" s="1" t="s">
        <v>171419</v>
      </c>
      <c r="F50687" s="1" t="s">
        <v>171420</v>
      </c>
      <c r="G50687" s="1" t="s">
        <v>171324</v>
      </c>
      <c r="H50687" s="1" t="s">
        <v>171325</v>
      </c>
      <c r="I50687" s="1" t="s">
        <v>169394</v>
      </c>
      <c r="J50687" s="1" t="s">
        <v>171421</v>
      </c>
    </row>
    <row r="50688" spans="1:10" x14ac:dyDescent="0.35">
      <c r="A50688" s="1" t="s">
        <v>110310</v>
      </c>
      <c r="B50688" s="1" t="s">
        <v>169390</v>
      </c>
      <c r="C50688" s="1" t="s">
        <v>165</v>
      </c>
      <c r="D50688" s="1" t="s">
        <v>37879</v>
      </c>
      <c r="E50688" s="1" t="s">
        <v>171422</v>
      </c>
      <c r="F50688" s="1" t="s">
        <v>171423</v>
      </c>
      <c r="G50688" s="1" t="s">
        <v>171324</v>
      </c>
      <c r="H50688" s="1" t="s">
        <v>171325</v>
      </c>
      <c r="I50688" s="1" t="s">
        <v>169394</v>
      </c>
      <c r="J50688" s="1" t="s">
        <v>171424</v>
      </c>
    </row>
    <row r="50689" spans="1:10" x14ac:dyDescent="0.35">
      <c r="A50689" s="1" t="s">
        <v>110310</v>
      </c>
      <c r="B50689" s="1" t="s">
        <v>169390</v>
      </c>
      <c r="C50689" s="1" t="s">
        <v>170</v>
      </c>
      <c r="D50689" s="1" t="s">
        <v>73888</v>
      </c>
      <c r="E50689" s="1" t="s">
        <v>171425</v>
      </c>
      <c r="F50689" s="1" t="s">
        <v>171426</v>
      </c>
      <c r="G50689" s="1" t="s">
        <v>171324</v>
      </c>
      <c r="H50689" s="1" t="s">
        <v>171325</v>
      </c>
      <c r="I50689" s="1" t="s">
        <v>169394</v>
      </c>
      <c r="J50689" s="1" t="s">
        <v>171427</v>
      </c>
    </row>
    <row r="50690" spans="1:10" x14ac:dyDescent="0.35">
      <c r="A50690" s="1" t="s">
        <v>4414</v>
      </c>
      <c r="B50690" s="1" t="s">
        <v>169390</v>
      </c>
      <c r="C50690" s="1" t="s">
        <v>8</v>
      </c>
      <c r="D50690" s="1" t="s">
        <v>145880</v>
      </c>
      <c r="E50690" s="1" t="s">
        <v>171428</v>
      </c>
      <c r="F50690" s="1" t="s">
        <v>171429</v>
      </c>
      <c r="G50690" s="1" t="s">
        <v>171430</v>
      </c>
      <c r="H50690" s="1" t="s">
        <v>171431</v>
      </c>
      <c r="I50690" s="1" t="s">
        <v>169394</v>
      </c>
      <c r="J50690" s="1" t="s">
        <v>13</v>
      </c>
    </row>
    <row r="50691" spans="1:10" x14ac:dyDescent="0.35">
      <c r="A50691" s="1" t="s">
        <v>4414</v>
      </c>
      <c r="B50691" s="1" t="s">
        <v>169390</v>
      </c>
      <c r="C50691" s="1" t="s">
        <v>15</v>
      </c>
      <c r="D50691" s="1" t="s">
        <v>44871</v>
      </c>
      <c r="E50691" s="1" t="s">
        <v>171432</v>
      </c>
      <c r="F50691" s="1" t="s">
        <v>171433</v>
      </c>
      <c r="G50691" s="1" t="s">
        <v>171430</v>
      </c>
      <c r="H50691" s="1" t="s">
        <v>171431</v>
      </c>
      <c r="I50691" s="1" t="s">
        <v>169394</v>
      </c>
      <c r="J50691" s="1" t="s">
        <v>171434</v>
      </c>
    </row>
    <row r="50692" spans="1:10" x14ac:dyDescent="0.35">
      <c r="A50692" s="1" t="s">
        <v>4414</v>
      </c>
      <c r="B50692" s="1" t="s">
        <v>169390</v>
      </c>
      <c r="C50692" s="1" t="s">
        <v>20</v>
      </c>
      <c r="D50692" s="1" t="s">
        <v>27345</v>
      </c>
      <c r="E50692" s="1" t="s">
        <v>171435</v>
      </c>
      <c r="F50692" s="1" t="s">
        <v>171436</v>
      </c>
      <c r="G50692" s="1" t="s">
        <v>171430</v>
      </c>
      <c r="H50692" s="1" t="s">
        <v>171431</v>
      </c>
      <c r="I50692" s="1" t="s">
        <v>169394</v>
      </c>
      <c r="J50692" s="1" t="s">
        <v>171437</v>
      </c>
    </row>
    <row r="50693" spans="1:10" x14ac:dyDescent="0.35">
      <c r="A50693" s="1" t="s">
        <v>4414</v>
      </c>
      <c r="B50693" s="1" t="s">
        <v>169390</v>
      </c>
      <c r="C50693" s="1" t="s">
        <v>25</v>
      </c>
      <c r="D50693" s="1" t="s">
        <v>27776</v>
      </c>
      <c r="E50693" s="1" t="s">
        <v>171438</v>
      </c>
      <c r="F50693" s="1" t="s">
        <v>171439</v>
      </c>
      <c r="G50693" s="1" t="s">
        <v>171430</v>
      </c>
      <c r="H50693" s="1" t="s">
        <v>171431</v>
      </c>
      <c r="I50693" s="1" t="s">
        <v>169394</v>
      </c>
      <c r="J50693" s="1" t="s">
        <v>171440</v>
      </c>
    </row>
    <row r="50694" spans="1:10" x14ac:dyDescent="0.35">
      <c r="A50694" s="1" t="s">
        <v>4414</v>
      </c>
      <c r="B50694" s="1" t="s">
        <v>169390</v>
      </c>
      <c r="C50694" s="1" t="s">
        <v>30</v>
      </c>
      <c r="D50694" s="1" t="s">
        <v>112495</v>
      </c>
      <c r="E50694" s="1" t="s">
        <v>171441</v>
      </c>
      <c r="F50694" s="1" t="s">
        <v>171442</v>
      </c>
      <c r="G50694" s="1" t="s">
        <v>171430</v>
      </c>
      <c r="H50694" s="1" t="s">
        <v>171431</v>
      </c>
      <c r="I50694" s="1" t="s">
        <v>169394</v>
      </c>
      <c r="J50694" s="1" t="s">
        <v>171443</v>
      </c>
    </row>
    <row r="50695" spans="1:10" x14ac:dyDescent="0.35">
      <c r="A50695" s="1" t="s">
        <v>4414</v>
      </c>
      <c r="B50695" s="1" t="s">
        <v>169390</v>
      </c>
      <c r="C50695" s="1" t="s">
        <v>35</v>
      </c>
      <c r="D50695" s="1" t="s">
        <v>171444</v>
      </c>
      <c r="E50695" s="1" t="s">
        <v>171445</v>
      </c>
      <c r="F50695" s="1" t="s">
        <v>171446</v>
      </c>
      <c r="G50695" s="1" t="s">
        <v>171430</v>
      </c>
      <c r="H50695" s="1" t="s">
        <v>171431</v>
      </c>
      <c r="I50695" s="1" t="s">
        <v>169394</v>
      </c>
      <c r="J50695" s="1" t="s">
        <v>171447</v>
      </c>
    </row>
    <row r="50696" spans="1:10" x14ac:dyDescent="0.35">
      <c r="A50696" s="1" t="s">
        <v>4414</v>
      </c>
      <c r="B50696" s="1" t="s">
        <v>169390</v>
      </c>
      <c r="C50696" s="1" t="s">
        <v>40</v>
      </c>
      <c r="D50696" s="1" t="s">
        <v>111907</v>
      </c>
      <c r="E50696" s="1" t="s">
        <v>171448</v>
      </c>
      <c r="F50696" s="1" t="s">
        <v>171449</v>
      </c>
      <c r="G50696" s="1" t="s">
        <v>171430</v>
      </c>
      <c r="H50696" s="1" t="s">
        <v>171431</v>
      </c>
      <c r="I50696" s="1" t="s">
        <v>169394</v>
      </c>
      <c r="J50696" s="1" t="s">
        <v>171450</v>
      </c>
    </row>
    <row r="50697" spans="1:10" x14ac:dyDescent="0.35">
      <c r="A50697" s="1" t="s">
        <v>4414</v>
      </c>
      <c r="B50697" s="1" t="s">
        <v>169390</v>
      </c>
      <c r="C50697" s="1" t="s">
        <v>45</v>
      </c>
      <c r="D50697" s="1" t="s">
        <v>118018</v>
      </c>
      <c r="E50697" s="1" t="s">
        <v>171451</v>
      </c>
      <c r="F50697" s="1" t="s">
        <v>171452</v>
      </c>
      <c r="G50697" s="1" t="s">
        <v>171430</v>
      </c>
      <c r="H50697" s="1" t="s">
        <v>171431</v>
      </c>
      <c r="I50697" s="1" t="s">
        <v>169394</v>
      </c>
      <c r="J50697" s="1" t="s">
        <v>171453</v>
      </c>
    </row>
    <row r="50698" spans="1:10" x14ac:dyDescent="0.35">
      <c r="A50698" s="1" t="s">
        <v>4414</v>
      </c>
      <c r="B50698" s="1" t="s">
        <v>169390</v>
      </c>
      <c r="C50698" s="1" t="s">
        <v>50</v>
      </c>
      <c r="D50698" s="1" t="s">
        <v>2097</v>
      </c>
      <c r="E50698" s="1" t="s">
        <v>171454</v>
      </c>
      <c r="F50698" s="1" t="s">
        <v>171455</v>
      </c>
      <c r="G50698" s="1" t="s">
        <v>171430</v>
      </c>
      <c r="H50698" s="1" t="s">
        <v>171431</v>
      </c>
      <c r="I50698" s="1" t="s">
        <v>169394</v>
      </c>
      <c r="J50698" s="1" t="s">
        <v>171456</v>
      </c>
    </row>
    <row r="50699" spans="1:10" x14ac:dyDescent="0.35">
      <c r="A50699" s="1" t="s">
        <v>4414</v>
      </c>
      <c r="B50699" s="1" t="s">
        <v>169390</v>
      </c>
      <c r="C50699" s="1" t="s">
        <v>55</v>
      </c>
      <c r="D50699" s="1" t="s">
        <v>29462</v>
      </c>
      <c r="E50699" s="1" t="s">
        <v>171457</v>
      </c>
      <c r="F50699" s="1" t="s">
        <v>171458</v>
      </c>
      <c r="G50699" s="1" t="s">
        <v>171430</v>
      </c>
      <c r="H50699" s="1" t="s">
        <v>171431</v>
      </c>
      <c r="I50699" s="1" t="s">
        <v>169394</v>
      </c>
      <c r="J50699" s="1" t="s">
        <v>171459</v>
      </c>
    </row>
    <row r="50700" spans="1:10" x14ac:dyDescent="0.35">
      <c r="A50700" s="1" t="s">
        <v>4414</v>
      </c>
      <c r="B50700" s="1" t="s">
        <v>169390</v>
      </c>
      <c r="C50700" s="1" t="s">
        <v>60</v>
      </c>
      <c r="D50700" s="1" t="s">
        <v>29466</v>
      </c>
      <c r="E50700" s="1" t="s">
        <v>171460</v>
      </c>
      <c r="F50700" s="1" t="s">
        <v>171461</v>
      </c>
      <c r="G50700" s="1" t="s">
        <v>171430</v>
      </c>
      <c r="H50700" s="1" t="s">
        <v>171431</v>
      </c>
      <c r="I50700" s="1" t="s">
        <v>169394</v>
      </c>
      <c r="J50700" s="1" t="s">
        <v>29469</v>
      </c>
    </row>
    <row r="50701" spans="1:10" x14ac:dyDescent="0.35">
      <c r="A50701" s="1" t="s">
        <v>4414</v>
      </c>
      <c r="B50701" s="1" t="s">
        <v>169390</v>
      </c>
      <c r="C50701" s="1" t="s">
        <v>65</v>
      </c>
      <c r="D50701" s="1" t="s">
        <v>29348</v>
      </c>
      <c r="E50701" s="1" t="s">
        <v>171462</v>
      </c>
      <c r="F50701" s="1" t="s">
        <v>171463</v>
      </c>
      <c r="G50701" s="1" t="s">
        <v>171430</v>
      </c>
      <c r="H50701" s="1" t="s">
        <v>171431</v>
      </c>
      <c r="I50701" s="1" t="s">
        <v>169394</v>
      </c>
      <c r="J50701" s="1" t="s">
        <v>171464</v>
      </c>
    </row>
    <row r="50702" spans="1:10" x14ac:dyDescent="0.35">
      <c r="A50702" s="1" t="s">
        <v>4414</v>
      </c>
      <c r="B50702" s="1" t="s">
        <v>169390</v>
      </c>
      <c r="C50702" s="1" t="s">
        <v>70</v>
      </c>
      <c r="D50702" s="1" t="s">
        <v>111031</v>
      </c>
      <c r="E50702" s="1" t="s">
        <v>171465</v>
      </c>
      <c r="F50702" s="1" t="s">
        <v>171466</v>
      </c>
      <c r="G50702" s="1" t="s">
        <v>171430</v>
      </c>
      <c r="H50702" s="1" t="s">
        <v>171431</v>
      </c>
      <c r="I50702" s="1" t="s">
        <v>169394</v>
      </c>
      <c r="J50702" s="1" t="s">
        <v>48345</v>
      </c>
    </row>
    <row r="50703" spans="1:10" x14ac:dyDescent="0.35">
      <c r="A50703" s="1" t="s">
        <v>4414</v>
      </c>
      <c r="B50703" s="1" t="s">
        <v>169390</v>
      </c>
      <c r="C50703" s="1" t="s">
        <v>75</v>
      </c>
      <c r="D50703" s="1" t="s">
        <v>171467</v>
      </c>
      <c r="E50703" s="1" t="s">
        <v>171468</v>
      </c>
      <c r="F50703" s="1" t="s">
        <v>171469</v>
      </c>
      <c r="G50703" s="1" t="s">
        <v>171430</v>
      </c>
      <c r="H50703" s="1" t="s">
        <v>171431</v>
      </c>
      <c r="I50703" s="1" t="s">
        <v>169394</v>
      </c>
      <c r="J50703" s="1" t="s">
        <v>171470</v>
      </c>
    </row>
    <row r="50704" spans="1:10" x14ac:dyDescent="0.35">
      <c r="A50704" s="1" t="s">
        <v>4414</v>
      </c>
      <c r="B50704" s="1" t="s">
        <v>169390</v>
      </c>
      <c r="C50704" s="1" t="s">
        <v>80</v>
      </c>
      <c r="D50704" s="1" t="s">
        <v>6474</v>
      </c>
      <c r="E50704" s="1" t="s">
        <v>171471</v>
      </c>
      <c r="F50704" s="1" t="s">
        <v>171472</v>
      </c>
      <c r="G50704" s="1" t="s">
        <v>171430</v>
      </c>
      <c r="H50704" s="1" t="s">
        <v>171431</v>
      </c>
      <c r="I50704" s="1" t="s">
        <v>169394</v>
      </c>
      <c r="J50704" s="1" t="s">
        <v>171473</v>
      </c>
    </row>
    <row r="50705" spans="1:10" x14ac:dyDescent="0.35">
      <c r="A50705" s="1" t="s">
        <v>4414</v>
      </c>
      <c r="B50705" s="1" t="s">
        <v>169390</v>
      </c>
      <c r="C50705" s="1" t="s">
        <v>85</v>
      </c>
      <c r="D50705" s="1" t="s">
        <v>151624</v>
      </c>
      <c r="E50705" s="1" t="s">
        <v>171474</v>
      </c>
      <c r="F50705" s="1" t="s">
        <v>171475</v>
      </c>
      <c r="G50705" s="1" t="s">
        <v>171430</v>
      </c>
      <c r="H50705" s="1" t="s">
        <v>171431</v>
      </c>
      <c r="I50705" s="1" t="s">
        <v>169394</v>
      </c>
      <c r="J50705" s="1" t="s">
        <v>171476</v>
      </c>
    </row>
    <row r="50706" spans="1:10" x14ac:dyDescent="0.35">
      <c r="A50706" s="1" t="s">
        <v>4414</v>
      </c>
      <c r="B50706" s="1" t="s">
        <v>169390</v>
      </c>
      <c r="C50706" s="1" t="s">
        <v>90</v>
      </c>
      <c r="D50706" s="1" t="s">
        <v>109819</v>
      </c>
      <c r="E50706" s="1" t="s">
        <v>171477</v>
      </c>
      <c r="F50706" s="1" t="s">
        <v>171478</v>
      </c>
      <c r="G50706" s="1" t="s">
        <v>171430</v>
      </c>
      <c r="H50706" s="1" t="s">
        <v>171431</v>
      </c>
      <c r="I50706" s="1" t="s">
        <v>169394</v>
      </c>
      <c r="J50706" s="1" t="s">
        <v>171479</v>
      </c>
    </row>
    <row r="50707" spans="1:10" x14ac:dyDescent="0.35">
      <c r="A50707" s="1" t="s">
        <v>4414</v>
      </c>
      <c r="B50707" s="1" t="s">
        <v>169390</v>
      </c>
      <c r="C50707" s="1" t="s">
        <v>95</v>
      </c>
      <c r="D50707" s="1" t="s">
        <v>111720</v>
      </c>
      <c r="E50707" s="1" t="s">
        <v>171480</v>
      </c>
      <c r="F50707" s="1" t="s">
        <v>171481</v>
      </c>
      <c r="G50707" s="1" t="s">
        <v>171430</v>
      </c>
      <c r="H50707" s="1" t="s">
        <v>171431</v>
      </c>
      <c r="I50707" s="1" t="s">
        <v>169394</v>
      </c>
      <c r="J50707" s="1" t="s">
        <v>171482</v>
      </c>
    </row>
    <row r="50708" spans="1:10" x14ac:dyDescent="0.35">
      <c r="A50708" s="1" t="s">
        <v>4414</v>
      </c>
      <c r="B50708" s="1" t="s">
        <v>169390</v>
      </c>
      <c r="C50708" s="1" t="s">
        <v>100</v>
      </c>
      <c r="D50708" s="1" t="s">
        <v>157934</v>
      </c>
      <c r="E50708" s="1" t="s">
        <v>171483</v>
      </c>
      <c r="F50708" s="1" t="s">
        <v>171484</v>
      </c>
      <c r="G50708" s="1" t="s">
        <v>171430</v>
      </c>
      <c r="H50708" s="1" t="s">
        <v>171431</v>
      </c>
      <c r="I50708" s="1" t="s">
        <v>169394</v>
      </c>
      <c r="J50708" s="1" t="s">
        <v>171485</v>
      </c>
    </row>
    <row r="50709" spans="1:10" x14ac:dyDescent="0.35">
      <c r="A50709" s="1" t="s">
        <v>4414</v>
      </c>
      <c r="B50709" s="1" t="s">
        <v>169390</v>
      </c>
      <c r="C50709" s="1" t="s">
        <v>105</v>
      </c>
      <c r="D50709" s="1" t="s">
        <v>30071</v>
      </c>
      <c r="E50709" s="1" t="s">
        <v>171486</v>
      </c>
      <c r="F50709" s="1" t="s">
        <v>171487</v>
      </c>
      <c r="G50709" s="1" t="s">
        <v>171430</v>
      </c>
      <c r="H50709" s="1" t="s">
        <v>171431</v>
      </c>
      <c r="I50709" s="1" t="s">
        <v>169394</v>
      </c>
      <c r="J50709" s="1" t="s">
        <v>171488</v>
      </c>
    </row>
    <row r="50710" spans="1:10" x14ac:dyDescent="0.35">
      <c r="A50710" s="1" t="s">
        <v>4414</v>
      </c>
      <c r="B50710" s="1" t="s">
        <v>169390</v>
      </c>
      <c r="C50710" s="1" t="s">
        <v>110</v>
      </c>
      <c r="D50710" s="1" t="s">
        <v>171326</v>
      </c>
      <c r="E50710" s="1" t="s">
        <v>171489</v>
      </c>
      <c r="F50710" s="1" t="s">
        <v>171490</v>
      </c>
      <c r="G50710" s="1" t="s">
        <v>171430</v>
      </c>
      <c r="H50710" s="1" t="s">
        <v>171431</v>
      </c>
      <c r="I50710" s="1" t="s">
        <v>169394</v>
      </c>
      <c r="J50710" s="1" t="s">
        <v>171491</v>
      </c>
    </row>
    <row r="50711" spans="1:10" x14ac:dyDescent="0.35">
      <c r="A50711" s="1" t="s">
        <v>4414</v>
      </c>
      <c r="B50711" s="1" t="s">
        <v>169390</v>
      </c>
      <c r="C50711" s="1" t="s">
        <v>115</v>
      </c>
      <c r="D50711" s="1" t="s">
        <v>9726</v>
      </c>
      <c r="E50711" s="1" t="s">
        <v>171492</v>
      </c>
      <c r="F50711" s="1" t="s">
        <v>171493</v>
      </c>
      <c r="G50711" s="1" t="s">
        <v>171430</v>
      </c>
      <c r="H50711" s="1" t="s">
        <v>171431</v>
      </c>
      <c r="I50711" s="1" t="s">
        <v>169394</v>
      </c>
      <c r="J50711" s="1" t="s">
        <v>171494</v>
      </c>
    </row>
    <row r="50712" spans="1:10" x14ac:dyDescent="0.35">
      <c r="A50712" s="1" t="s">
        <v>4414</v>
      </c>
      <c r="B50712" s="1" t="s">
        <v>169390</v>
      </c>
      <c r="C50712" s="1" t="s">
        <v>120</v>
      </c>
      <c r="D50712" s="1" t="s">
        <v>72674</v>
      </c>
      <c r="E50712" s="1" t="s">
        <v>171495</v>
      </c>
      <c r="F50712" s="1" t="s">
        <v>171496</v>
      </c>
      <c r="G50712" s="1" t="s">
        <v>171430</v>
      </c>
      <c r="H50712" s="1" t="s">
        <v>171431</v>
      </c>
      <c r="I50712" s="1" t="s">
        <v>169394</v>
      </c>
      <c r="J50712" s="1" t="s">
        <v>171497</v>
      </c>
    </row>
    <row r="50713" spans="1:10" x14ac:dyDescent="0.35">
      <c r="A50713" s="1" t="s">
        <v>4414</v>
      </c>
      <c r="B50713" s="1" t="s">
        <v>169390</v>
      </c>
      <c r="C50713" s="1" t="s">
        <v>125</v>
      </c>
      <c r="D50713" s="1" t="s">
        <v>171498</v>
      </c>
      <c r="E50713" s="1" t="s">
        <v>171499</v>
      </c>
      <c r="F50713" s="1" t="s">
        <v>171500</v>
      </c>
      <c r="G50713" s="1" t="s">
        <v>171430</v>
      </c>
      <c r="H50713" s="1" t="s">
        <v>171431</v>
      </c>
      <c r="I50713" s="1" t="s">
        <v>169394</v>
      </c>
      <c r="J50713" s="1" t="s">
        <v>171501</v>
      </c>
    </row>
    <row r="50714" spans="1:10" x14ac:dyDescent="0.35">
      <c r="A50714" s="1" t="s">
        <v>4414</v>
      </c>
      <c r="B50714" s="1" t="s">
        <v>169390</v>
      </c>
      <c r="C50714" s="1" t="s">
        <v>130</v>
      </c>
      <c r="D50714" s="1" t="s">
        <v>3244</v>
      </c>
      <c r="E50714" s="1" t="s">
        <v>171502</v>
      </c>
      <c r="F50714" s="1" t="s">
        <v>171503</v>
      </c>
      <c r="G50714" s="1" t="s">
        <v>171430</v>
      </c>
      <c r="H50714" s="1" t="s">
        <v>171431</v>
      </c>
      <c r="I50714" s="1" t="s">
        <v>169394</v>
      </c>
      <c r="J50714" s="1" t="s">
        <v>171504</v>
      </c>
    </row>
    <row r="50715" spans="1:10" x14ac:dyDescent="0.35">
      <c r="A50715" s="1" t="s">
        <v>4414</v>
      </c>
      <c r="B50715" s="1" t="s">
        <v>169390</v>
      </c>
      <c r="C50715" s="1" t="s">
        <v>135</v>
      </c>
      <c r="D50715" s="1" t="s">
        <v>171505</v>
      </c>
      <c r="E50715" s="1" t="s">
        <v>171506</v>
      </c>
      <c r="F50715" s="1" t="s">
        <v>171507</v>
      </c>
      <c r="G50715" s="1" t="s">
        <v>171430</v>
      </c>
      <c r="H50715" s="1" t="s">
        <v>171431</v>
      </c>
      <c r="I50715" s="1" t="s">
        <v>169394</v>
      </c>
      <c r="J50715" s="1" t="s">
        <v>171508</v>
      </c>
    </row>
    <row r="50716" spans="1:10" x14ac:dyDescent="0.35">
      <c r="A50716" s="1" t="s">
        <v>4414</v>
      </c>
      <c r="B50716" s="1" t="s">
        <v>169390</v>
      </c>
      <c r="C50716" s="1" t="s">
        <v>140</v>
      </c>
      <c r="D50716" s="1" t="s">
        <v>171509</v>
      </c>
      <c r="E50716" s="1" t="s">
        <v>171510</v>
      </c>
      <c r="F50716" s="1" t="s">
        <v>171511</v>
      </c>
      <c r="G50716" s="1" t="s">
        <v>171430</v>
      </c>
      <c r="H50716" s="1" t="s">
        <v>171431</v>
      </c>
      <c r="I50716" s="1" t="s">
        <v>169394</v>
      </c>
      <c r="J50716" s="1" t="s">
        <v>171512</v>
      </c>
    </row>
    <row r="50717" spans="1:10" x14ac:dyDescent="0.35">
      <c r="A50717" s="1" t="s">
        <v>4414</v>
      </c>
      <c r="B50717" s="1" t="s">
        <v>169390</v>
      </c>
      <c r="C50717" s="1" t="s">
        <v>145</v>
      </c>
      <c r="D50717" s="1" t="s">
        <v>171513</v>
      </c>
      <c r="E50717" s="1" t="s">
        <v>171514</v>
      </c>
      <c r="F50717" s="1" t="s">
        <v>171515</v>
      </c>
      <c r="G50717" s="1" t="s">
        <v>171430</v>
      </c>
      <c r="H50717" s="1" t="s">
        <v>171431</v>
      </c>
      <c r="I50717" s="1" t="s">
        <v>169394</v>
      </c>
      <c r="J50717" s="1" t="s">
        <v>171516</v>
      </c>
    </row>
    <row r="50718" spans="1:10" x14ac:dyDescent="0.35">
      <c r="A50718" s="1" t="s">
        <v>4414</v>
      </c>
      <c r="B50718" s="1" t="s">
        <v>169390</v>
      </c>
      <c r="C50718" s="1" t="s">
        <v>150</v>
      </c>
      <c r="D50718" s="1" t="s">
        <v>34984</v>
      </c>
      <c r="E50718" s="1" t="s">
        <v>171517</v>
      </c>
      <c r="F50718" s="1" t="s">
        <v>171518</v>
      </c>
      <c r="G50718" s="1" t="s">
        <v>171430</v>
      </c>
      <c r="H50718" s="1" t="s">
        <v>171431</v>
      </c>
      <c r="I50718" s="1" t="s">
        <v>169394</v>
      </c>
      <c r="J50718" s="1" t="s">
        <v>171519</v>
      </c>
    </row>
    <row r="50719" spans="1:10" x14ac:dyDescent="0.35">
      <c r="A50719" s="1" t="s">
        <v>4414</v>
      </c>
      <c r="B50719" s="1" t="s">
        <v>169390</v>
      </c>
      <c r="C50719" s="1" t="s">
        <v>155</v>
      </c>
      <c r="D50719" s="1" t="s">
        <v>104479</v>
      </c>
      <c r="E50719" s="1" t="s">
        <v>171520</v>
      </c>
      <c r="F50719" s="1" t="s">
        <v>171521</v>
      </c>
      <c r="G50719" s="1" t="s">
        <v>171430</v>
      </c>
      <c r="H50719" s="1" t="s">
        <v>171431</v>
      </c>
      <c r="I50719" s="1" t="s">
        <v>169394</v>
      </c>
      <c r="J50719" s="1" t="s">
        <v>171522</v>
      </c>
    </row>
    <row r="50720" spans="1:10" x14ac:dyDescent="0.35">
      <c r="A50720" s="1" t="s">
        <v>4414</v>
      </c>
      <c r="B50720" s="1" t="s">
        <v>169390</v>
      </c>
      <c r="C50720" s="1" t="s">
        <v>160</v>
      </c>
      <c r="D50720" s="1" t="s">
        <v>123482</v>
      </c>
      <c r="E50720" s="1" t="s">
        <v>171523</v>
      </c>
      <c r="F50720" s="1" t="s">
        <v>171524</v>
      </c>
      <c r="G50720" s="1" t="s">
        <v>171430</v>
      </c>
      <c r="H50720" s="1" t="s">
        <v>171431</v>
      </c>
      <c r="I50720" s="1" t="s">
        <v>169394</v>
      </c>
      <c r="J50720" s="1" t="s">
        <v>171525</v>
      </c>
    </row>
    <row r="50721" spans="1:10" x14ac:dyDescent="0.35">
      <c r="A50721" s="1" t="s">
        <v>4414</v>
      </c>
      <c r="B50721" s="1" t="s">
        <v>169390</v>
      </c>
      <c r="C50721" s="1" t="s">
        <v>165</v>
      </c>
      <c r="D50721" s="1" t="s">
        <v>115319</v>
      </c>
      <c r="E50721" s="1" t="s">
        <v>171526</v>
      </c>
      <c r="F50721" s="1" t="s">
        <v>171527</v>
      </c>
      <c r="G50721" s="1" t="s">
        <v>171430</v>
      </c>
      <c r="H50721" s="1" t="s">
        <v>171431</v>
      </c>
      <c r="I50721" s="1" t="s">
        <v>169394</v>
      </c>
      <c r="J50721" s="1" t="s">
        <v>171528</v>
      </c>
    </row>
    <row r="50722" spans="1:10" x14ac:dyDescent="0.35">
      <c r="A50722" s="1" t="s">
        <v>4414</v>
      </c>
      <c r="B50722" s="1" t="s">
        <v>169390</v>
      </c>
      <c r="C50722" s="1" t="s">
        <v>170</v>
      </c>
      <c r="D50722" s="1" t="s">
        <v>37792</v>
      </c>
      <c r="E50722" s="1" t="s">
        <v>171529</v>
      </c>
      <c r="F50722" s="1" t="s">
        <v>171530</v>
      </c>
      <c r="G50722" s="1" t="s">
        <v>171430</v>
      </c>
      <c r="H50722" s="1" t="s">
        <v>171431</v>
      </c>
      <c r="I50722" s="1" t="s">
        <v>169394</v>
      </c>
      <c r="J50722" s="1" t="s">
        <v>171531</v>
      </c>
    </row>
    <row r="50723" spans="1:10" x14ac:dyDescent="0.35">
      <c r="A50723" s="1" t="s">
        <v>146421</v>
      </c>
      <c r="B50723" s="1" t="s">
        <v>169390</v>
      </c>
      <c r="C50723" s="1" t="s">
        <v>8</v>
      </c>
      <c r="D50723" s="1" t="s">
        <v>119313</v>
      </c>
      <c r="E50723" s="1" t="s">
        <v>171532</v>
      </c>
      <c r="F50723" s="1" t="s">
        <v>171533</v>
      </c>
      <c r="G50723" s="1" t="s">
        <v>171534</v>
      </c>
      <c r="H50723" s="1" t="s">
        <v>171535</v>
      </c>
      <c r="I50723" s="1" t="s">
        <v>169394</v>
      </c>
      <c r="J50723" s="1" t="s">
        <v>13</v>
      </c>
    </row>
    <row r="50724" spans="1:10" x14ac:dyDescent="0.35">
      <c r="A50724" s="1" t="s">
        <v>146421</v>
      </c>
      <c r="B50724" s="1" t="s">
        <v>169390</v>
      </c>
      <c r="C50724" s="1" t="s">
        <v>15</v>
      </c>
      <c r="D50724" s="1" t="s">
        <v>6900</v>
      </c>
      <c r="E50724" s="1" t="s">
        <v>171536</v>
      </c>
      <c r="F50724" s="1" t="s">
        <v>171537</v>
      </c>
      <c r="G50724" s="1" t="s">
        <v>171534</v>
      </c>
      <c r="H50724" s="1" t="s">
        <v>171535</v>
      </c>
      <c r="I50724" s="1" t="s">
        <v>169394</v>
      </c>
      <c r="J50724" s="1" t="s">
        <v>171538</v>
      </c>
    </row>
    <row r="50725" spans="1:10" x14ac:dyDescent="0.35">
      <c r="A50725" s="1" t="s">
        <v>146421</v>
      </c>
      <c r="B50725" s="1" t="s">
        <v>169390</v>
      </c>
      <c r="C50725" s="1" t="s">
        <v>20</v>
      </c>
      <c r="D50725" s="1" t="s">
        <v>1691</v>
      </c>
      <c r="E50725" s="1" t="s">
        <v>171539</v>
      </c>
      <c r="F50725" s="1" t="s">
        <v>171540</v>
      </c>
      <c r="G50725" s="1" t="s">
        <v>171534</v>
      </c>
      <c r="H50725" s="1" t="s">
        <v>171535</v>
      </c>
      <c r="I50725" s="1" t="s">
        <v>169394</v>
      </c>
      <c r="J50725" s="1" t="s">
        <v>171541</v>
      </c>
    </row>
    <row r="50726" spans="1:10" x14ac:dyDescent="0.35">
      <c r="A50726" s="1" t="s">
        <v>146421</v>
      </c>
      <c r="B50726" s="1" t="s">
        <v>169390</v>
      </c>
      <c r="C50726" s="1" t="s">
        <v>25</v>
      </c>
      <c r="D50726" s="1" t="s">
        <v>112735</v>
      </c>
      <c r="E50726" s="1" t="s">
        <v>171542</v>
      </c>
      <c r="F50726" s="1" t="s">
        <v>171543</v>
      </c>
      <c r="G50726" s="1" t="s">
        <v>171534</v>
      </c>
      <c r="H50726" s="1" t="s">
        <v>171535</v>
      </c>
      <c r="I50726" s="1" t="s">
        <v>169394</v>
      </c>
      <c r="J50726" s="1" t="s">
        <v>171544</v>
      </c>
    </row>
    <row r="50727" spans="1:10" x14ac:dyDescent="0.35">
      <c r="A50727" s="1" t="s">
        <v>146421</v>
      </c>
      <c r="B50727" s="1" t="s">
        <v>169390</v>
      </c>
      <c r="C50727" s="1" t="s">
        <v>30</v>
      </c>
      <c r="D50727" s="1" t="s">
        <v>121636</v>
      </c>
      <c r="E50727" s="1" t="s">
        <v>171545</v>
      </c>
      <c r="F50727" s="1" t="s">
        <v>171546</v>
      </c>
      <c r="G50727" s="1" t="s">
        <v>171534</v>
      </c>
      <c r="H50727" s="1" t="s">
        <v>171535</v>
      </c>
      <c r="I50727" s="1" t="s">
        <v>169394</v>
      </c>
      <c r="J50727" s="1" t="s">
        <v>171547</v>
      </c>
    </row>
    <row r="50728" spans="1:10" x14ac:dyDescent="0.35">
      <c r="A50728" s="1" t="s">
        <v>146421</v>
      </c>
      <c r="B50728" s="1" t="s">
        <v>169390</v>
      </c>
      <c r="C50728" s="1" t="s">
        <v>35</v>
      </c>
      <c r="D50728" s="1" t="s">
        <v>118057</v>
      </c>
      <c r="E50728" s="1" t="s">
        <v>171548</v>
      </c>
      <c r="F50728" s="1" t="s">
        <v>171549</v>
      </c>
      <c r="G50728" s="1" t="s">
        <v>171534</v>
      </c>
      <c r="H50728" s="1" t="s">
        <v>171535</v>
      </c>
      <c r="I50728" s="1" t="s">
        <v>169394</v>
      </c>
      <c r="J50728" s="1" t="s">
        <v>171550</v>
      </c>
    </row>
    <row r="50729" spans="1:10" x14ac:dyDescent="0.35">
      <c r="A50729" s="1" t="s">
        <v>146421</v>
      </c>
      <c r="B50729" s="1" t="s">
        <v>169390</v>
      </c>
      <c r="C50729" s="1" t="s">
        <v>40</v>
      </c>
      <c r="D50729" s="1" t="s">
        <v>171551</v>
      </c>
      <c r="E50729" s="1" t="s">
        <v>171552</v>
      </c>
      <c r="F50729" s="1" t="s">
        <v>171553</v>
      </c>
      <c r="G50729" s="1" t="s">
        <v>171534</v>
      </c>
      <c r="H50729" s="1" t="s">
        <v>171535</v>
      </c>
      <c r="I50729" s="1" t="s">
        <v>169394</v>
      </c>
      <c r="J50729" s="1" t="s">
        <v>171554</v>
      </c>
    </row>
    <row r="50730" spans="1:10" x14ac:dyDescent="0.35">
      <c r="A50730" s="1" t="s">
        <v>146421</v>
      </c>
      <c r="B50730" s="1" t="s">
        <v>169390</v>
      </c>
      <c r="C50730" s="1" t="s">
        <v>45</v>
      </c>
      <c r="D50730" s="1" t="s">
        <v>171555</v>
      </c>
      <c r="E50730" s="1" t="s">
        <v>171556</v>
      </c>
      <c r="F50730" s="1" t="s">
        <v>171557</v>
      </c>
      <c r="G50730" s="1" t="s">
        <v>171534</v>
      </c>
      <c r="H50730" s="1" t="s">
        <v>171535</v>
      </c>
      <c r="I50730" s="1" t="s">
        <v>169394</v>
      </c>
      <c r="J50730" s="1" t="s">
        <v>171558</v>
      </c>
    </row>
    <row r="50731" spans="1:10" x14ac:dyDescent="0.35">
      <c r="A50731" s="1" t="s">
        <v>146421</v>
      </c>
      <c r="B50731" s="1" t="s">
        <v>169390</v>
      </c>
      <c r="C50731" s="1" t="s">
        <v>50</v>
      </c>
      <c r="D50731" s="1" t="s">
        <v>1403</v>
      </c>
      <c r="E50731" s="1" t="s">
        <v>171559</v>
      </c>
      <c r="F50731" s="1" t="s">
        <v>171560</v>
      </c>
      <c r="G50731" s="1" t="s">
        <v>171534</v>
      </c>
      <c r="H50731" s="1" t="s">
        <v>171535</v>
      </c>
      <c r="I50731" s="1" t="s">
        <v>169394</v>
      </c>
      <c r="J50731" s="1" t="s">
        <v>171561</v>
      </c>
    </row>
    <row r="50732" spans="1:10" x14ac:dyDescent="0.35">
      <c r="A50732" s="1" t="s">
        <v>146421</v>
      </c>
      <c r="B50732" s="1" t="s">
        <v>169390</v>
      </c>
      <c r="C50732" s="1" t="s">
        <v>55</v>
      </c>
      <c r="D50732" s="1" t="s">
        <v>27889</v>
      </c>
      <c r="E50732" s="1" t="s">
        <v>171562</v>
      </c>
      <c r="F50732" s="1" t="s">
        <v>171563</v>
      </c>
      <c r="G50732" s="1" t="s">
        <v>171534</v>
      </c>
      <c r="H50732" s="1" t="s">
        <v>171535</v>
      </c>
      <c r="I50732" s="1" t="s">
        <v>169394</v>
      </c>
      <c r="J50732" s="1" t="s">
        <v>171564</v>
      </c>
    </row>
    <row r="50733" spans="1:10" x14ac:dyDescent="0.35">
      <c r="A50733" s="1" t="s">
        <v>146421</v>
      </c>
      <c r="B50733" s="1" t="s">
        <v>169390</v>
      </c>
      <c r="C50733" s="1" t="s">
        <v>60</v>
      </c>
      <c r="D50733" s="1" t="s">
        <v>1695</v>
      </c>
      <c r="E50733" s="1" t="s">
        <v>171565</v>
      </c>
      <c r="F50733" s="1" t="s">
        <v>171566</v>
      </c>
      <c r="G50733" s="1" t="s">
        <v>171534</v>
      </c>
      <c r="H50733" s="1" t="s">
        <v>171535</v>
      </c>
      <c r="I50733" s="1" t="s">
        <v>169394</v>
      </c>
      <c r="J50733" s="1" t="s">
        <v>171567</v>
      </c>
    </row>
    <row r="50734" spans="1:10" x14ac:dyDescent="0.35">
      <c r="A50734" s="1" t="s">
        <v>146421</v>
      </c>
      <c r="B50734" s="1" t="s">
        <v>169390</v>
      </c>
      <c r="C50734" s="1" t="s">
        <v>65</v>
      </c>
      <c r="D50734" s="1" t="s">
        <v>161997</v>
      </c>
      <c r="E50734" s="1" t="s">
        <v>171568</v>
      </c>
      <c r="F50734" s="1" t="s">
        <v>171569</v>
      </c>
      <c r="G50734" s="1" t="s">
        <v>171534</v>
      </c>
      <c r="H50734" s="1" t="s">
        <v>171535</v>
      </c>
      <c r="I50734" s="1" t="s">
        <v>169394</v>
      </c>
      <c r="J50734" s="1" t="s">
        <v>171570</v>
      </c>
    </row>
    <row r="50735" spans="1:10" x14ac:dyDescent="0.35">
      <c r="A50735" s="1" t="s">
        <v>146421</v>
      </c>
      <c r="B50735" s="1" t="s">
        <v>169390</v>
      </c>
      <c r="C50735" s="1" t="s">
        <v>70</v>
      </c>
      <c r="D50735" s="1" t="s">
        <v>37676</v>
      </c>
      <c r="E50735" s="1" t="s">
        <v>171571</v>
      </c>
      <c r="F50735" s="1" t="s">
        <v>171572</v>
      </c>
      <c r="G50735" s="1" t="s">
        <v>171534</v>
      </c>
      <c r="H50735" s="1" t="s">
        <v>171535</v>
      </c>
      <c r="I50735" s="1" t="s">
        <v>169394</v>
      </c>
      <c r="J50735" s="1" t="s">
        <v>171573</v>
      </c>
    </row>
    <row r="50736" spans="1:10" x14ac:dyDescent="0.35">
      <c r="A50736" s="1" t="s">
        <v>146421</v>
      </c>
      <c r="B50736" s="1" t="s">
        <v>169390</v>
      </c>
      <c r="C50736" s="1" t="s">
        <v>75</v>
      </c>
      <c r="D50736" s="1" t="s">
        <v>27828</v>
      </c>
      <c r="E50736" s="1" t="s">
        <v>171574</v>
      </c>
      <c r="F50736" s="1" t="s">
        <v>171575</v>
      </c>
      <c r="G50736" s="1" t="s">
        <v>171534</v>
      </c>
      <c r="H50736" s="1" t="s">
        <v>171535</v>
      </c>
      <c r="I50736" s="1" t="s">
        <v>169394</v>
      </c>
      <c r="J50736" s="1" t="s">
        <v>171576</v>
      </c>
    </row>
    <row r="50737" spans="1:10" x14ac:dyDescent="0.35">
      <c r="A50737" s="1" t="s">
        <v>146421</v>
      </c>
      <c r="B50737" s="1" t="s">
        <v>169390</v>
      </c>
      <c r="C50737" s="1" t="s">
        <v>80</v>
      </c>
      <c r="D50737" s="1" t="s">
        <v>28284</v>
      </c>
      <c r="E50737" s="1" t="s">
        <v>171577</v>
      </c>
      <c r="F50737" s="1" t="s">
        <v>171578</v>
      </c>
      <c r="G50737" s="1" t="s">
        <v>171534</v>
      </c>
      <c r="H50737" s="1" t="s">
        <v>171535</v>
      </c>
      <c r="I50737" s="1" t="s">
        <v>169394</v>
      </c>
      <c r="J50737" s="1" t="s">
        <v>171579</v>
      </c>
    </row>
    <row r="50738" spans="1:10" x14ac:dyDescent="0.35">
      <c r="A50738" s="1" t="s">
        <v>146421</v>
      </c>
      <c r="B50738" s="1" t="s">
        <v>169390</v>
      </c>
      <c r="C50738" s="1" t="s">
        <v>85</v>
      </c>
      <c r="D50738" s="1" t="s">
        <v>10319</v>
      </c>
      <c r="E50738" s="1" t="s">
        <v>171580</v>
      </c>
      <c r="F50738" s="1" t="s">
        <v>171581</v>
      </c>
      <c r="G50738" s="1" t="s">
        <v>171534</v>
      </c>
      <c r="H50738" s="1" t="s">
        <v>171535</v>
      </c>
      <c r="I50738" s="1" t="s">
        <v>169394</v>
      </c>
      <c r="J50738" s="1" t="s">
        <v>171582</v>
      </c>
    </row>
    <row r="50739" spans="1:10" x14ac:dyDescent="0.35">
      <c r="A50739" s="1" t="s">
        <v>146421</v>
      </c>
      <c r="B50739" s="1" t="s">
        <v>169390</v>
      </c>
      <c r="C50739" s="1" t="s">
        <v>90</v>
      </c>
      <c r="D50739" s="1" t="s">
        <v>10995</v>
      </c>
      <c r="E50739" s="1" t="s">
        <v>171583</v>
      </c>
      <c r="F50739" s="1" t="s">
        <v>171584</v>
      </c>
      <c r="G50739" s="1" t="s">
        <v>171534</v>
      </c>
      <c r="H50739" s="1" t="s">
        <v>171535</v>
      </c>
      <c r="I50739" s="1" t="s">
        <v>169394</v>
      </c>
      <c r="J50739" s="1" t="s">
        <v>171585</v>
      </c>
    </row>
    <row r="50740" spans="1:10" x14ac:dyDescent="0.35">
      <c r="A50740" s="1" t="s">
        <v>146421</v>
      </c>
      <c r="B50740" s="1" t="s">
        <v>169390</v>
      </c>
      <c r="C50740" s="1" t="s">
        <v>95</v>
      </c>
      <c r="D50740" s="1" t="s">
        <v>171586</v>
      </c>
      <c r="E50740" s="1" t="s">
        <v>171587</v>
      </c>
      <c r="F50740" s="1" t="s">
        <v>171588</v>
      </c>
      <c r="G50740" s="1" t="s">
        <v>171534</v>
      </c>
      <c r="H50740" s="1" t="s">
        <v>171535</v>
      </c>
      <c r="I50740" s="1" t="s">
        <v>169394</v>
      </c>
      <c r="J50740" s="1" t="s">
        <v>171589</v>
      </c>
    </row>
    <row r="50741" spans="1:10" x14ac:dyDescent="0.35">
      <c r="A50741" s="1" t="s">
        <v>146421</v>
      </c>
      <c r="B50741" s="1" t="s">
        <v>169390</v>
      </c>
      <c r="C50741" s="1" t="s">
        <v>100</v>
      </c>
      <c r="D50741" s="1" t="s">
        <v>1422</v>
      </c>
      <c r="E50741" s="1" t="s">
        <v>171590</v>
      </c>
      <c r="F50741" s="1" t="s">
        <v>171591</v>
      </c>
      <c r="G50741" s="1" t="s">
        <v>171534</v>
      </c>
      <c r="H50741" s="1" t="s">
        <v>171535</v>
      </c>
      <c r="I50741" s="1" t="s">
        <v>169394</v>
      </c>
      <c r="J50741" s="1" t="s">
        <v>171592</v>
      </c>
    </row>
    <row r="50742" spans="1:10" x14ac:dyDescent="0.35">
      <c r="A50742" s="1" t="s">
        <v>146421</v>
      </c>
      <c r="B50742" s="1" t="s">
        <v>169390</v>
      </c>
      <c r="C50742" s="1" t="s">
        <v>105</v>
      </c>
      <c r="D50742" s="1" t="s">
        <v>171593</v>
      </c>
      <c r="E50742" s="1" t="s">
        <v>171594</v>
      </c>
      <c r="F50742" s="1" t="s">
        <v>171595</v>
      </c>
      <c r="G50742" s="1" t="s">
        <v>171534</v>
      </c>
      <c r="H50742" s="1" t="s">
        <v>171535</v>
      </c>
      <c r="I50742" s="1" t="s">
        <v>169394</v>
      </c>
      <c r="J50742" s="1" t="s">
        <v>171596</v>
      </c>
    </row>
    <row r="50743" spans="1:10" x14ac:dyDescent="0.35">
      <c r="A50743" s="1" t="s">
        <v>146421</v>
      </c>
      <c r="B50743" s="1" t="s">
        <v>169390</v>
      </c>
      <c r="C50743" s="1" t="s">
        <v>110</v>
      </c>
      <c r="D50743" s="1" t="s">
        <v>50988</v>
      </c>
      <c r="E50743" s="1" t="s">
        <v>171597</v>
      </c>
      <c r="F50743" s="1" t="s">
        <v>171598</v>
      </c>
      <c r="G50743" s="1" t="s">
        <v>171534</v>
      </c>
      <c r="H50743" s="1" t="s">
        <v>171535</v>
      </c>
      <c r="I50743" s="1" t="s">
        <v>169394</v>
      </c>
      <c r="J50743" s="1" t="s">
        <v>171599</v>
      </c>
    </row>
    <row r="50744" spans="1:10" x14ac:dyDescent="0.35">
      <c r="A50744" s="1" t="s">
        <v>146421</v>
      </c>
      <c r="B50744" s="1" t="s">
        <v>169390</v>
      </c>
      <c r="C50744" s="1" t="s">
        <v>115</v>
      </c>
      <c r="D50744" s="1" t="s">
        <v>111979</v>
      </c>
      <c r="E50744" s="1" t="s">
        <v>171600</v>
      </c>
      <c r="F50744" s="1" t="s">
        <v>171601</v>
      </c>
      <c r="G50744" s="1" t="s">
        <v>171534</v>
      </c>
      <c r="H50744" s="1" t="s">
        <v>171535</v>
      </c>
      <c r="I50744" s="1" t="s">
        <v>169394</v>
      </c>
      <c r="J50744" s="1" t="s">
        <v>171602</v>
      </c>
    </row>
    <row r="50745" spans="1:10" x14ac:dyDescent="0.35">
      <c r="A50745" s="1" t="s">
        <v>146421</v>
      </c>
      <c r="B50745" s="1" t="s">
        <v>169390</v>
      </c>
      <c r="C50745" s="1" t="s">
        <v>120</v>
      </c>
      <c r="D50745" s="1" t="s">
        <v>49411</v>
      </c>
      <c r="E50745" s="1" t="s">
        <v>171603</v>
      </c>
      <c r="F50745" s="1" t="s">
        <v>171604</v>
      </c>
      <c r="G50745" s="1" t="s">
        <v>171534</v>
      </c>
      <c r="H50745" s="1" t="s">
        <v>171535</v>
      </c>
      <c r="I50745" s="1" t="s">
        <v>169394</v>
      </c>
      <c r="J50745" s="1" t="s">
        <v>171605</v>
      </c>
    </row>
    <row r="50746" spans="1:10" x14ac:dyDescent="0.35">
      <c r="A50746" s="1" t="s">
        <v>146421</v>
      </c>
      <c r="B50746" s="1" t="s">
        <v>169390</v>
      </c>
      <c r="C50746" s="1" t="s">
        <v>125</v>
      </c>
      <c r="D50746" s="1" t="s">
        <v>171606</v>
      </c>
      <c r="E50746" s="1" t="s">
        <v>171607</v>
      </c>
      <c r="F50746" s="1" t="s">
        <v>171608</v>
      </c>
      <c r="G50746" s="1" t="s">
        <v>171534</v>
      </c>
      <c r="H50746" s="1" t="s">
        <v>171535</v>
      </c>
      <c r="I50746" s="1" t="s">
        <v>169394</v>
      </c>
      <c r="J50746" s="1" t="s">
        <v>171609</v>
      </c>
    </row>
    <row r="50747" spans="1:10" x14ac:dyDescent="0.35">
      <c r="A50747" s="1" t="s">
        <v>146421</v>
      </c>
      <c r="B50747" s="1" t="s">
        <v>169390</v>
      </c>
      <c r="C50747" s="1" t="s">
        <v>130</v>
      </c>
      <c r="D50747" s="1" t="s">
        <v>171610</v>
      </c>
      <c r="E50747" s="1" t="s">
        <v>171611</v>
      </c>
      <c r="F50747" s="1" t="s">
        <v>171612</v>
      </c>
      <c r="G50747" s="1" t="s">
        <v>171534</v>
      </c>
      <c r="H50747" s="1" t="s">
        <v>171535</v>
      </c>
      <c r="I50747" s="1" t="s">
        <v>169394</v>
      </c>
      <c r="J50747" s="1" t="s">
        <v>171613</v>
      </c>
    </row>
    <row r="50748" spans="1:10" x14ac:dyDescent="0.35">
      <c r="A50748" s="1" t="s">
        <v>146421</v>
      </c>
      <c r="B50748" s="1" t="s">
        <v>169390</v>
      </c>
      <c r="C50748" s="1" t="s">
        <v>135</v>
      </c>
      <c r="D50748" s="1" t="s">
        <v>75396</v>
      </c>
      <c r="E50748" s="1" t="s">
        <v>171614</v>
      </c>
      <c r="F50748" s="1" t="s">
        <v>171615</v>
      </c>
      <c r="G50748" s="1" t="s">
        <v>171534</v>
      </c>
      <c r="H50748" s="1" t="s">
        <v>171535</v>
      </c>
      <c r="I50748" s="1" t="s">
        <v>169394</v>
      </c>
      <c r="J50748" s="1" t="s">
        <v>171616</v>
      </c>
    </row>
    <row r="50749" spans="1:10" x14ac:dyDescent="0.35">
      <c r="A50749" s="1" t="s">
        <v>146421</v>
      </c>
      <c r="B50749" s="1" t="s">
        <v>169390</v>
      </c>
      <c r="C50749" s="1" t="s">
        <v>140</v>
      </c>
      <c r="D50749" s="1" t="s">
        <v>148957</v>
      </c>
      <c r="E50749" s="1" t="s">
        <v>171617</v>
      </c>
      <c r="F50749" s="1" t="s">
        <v>171618</v>
      </c>
      <c r="G50749" s="1" t="s">
        <v>171534</v>
      </c>
      <c r="H50749" s="1" t="s">
        <v>171535</v>
      </c>
      <c r="I50749" s="1" t="s">
        <v>169394</v>
      </c>
      <c r="J50749" s="1" t="s">
        <v>171619</v>
      </c>
    </row>
    <row r="50750" spans="1:10" x14ac:dyDescent="0.35">
      <c r="A50750" s="1" t="s">
        <v>146421</v>
      </c>
      <c r="B50750" s="1" t="s">
        <v>169390</v>
      </c>
      <c r="C50750" s="1" t="s">
        <v>145</v>
      </c>
      <c r="D50750" s="1" t="s">
        <v>171620</v>
      </c>
      <c r="E50750" s="1" t="s">
        <v>171621</v>
      </c>
      <c r="F50750" s="1" t="s">
        <v>171622</v>
      </c>
      <c r="G50750" s="1" t="s">
        <v>171534</v>
      </c>
      <c r="H50750" s="1" t="s">
        <v>171535</v>
      </c>
      <c r="I50750" s="1" t="s">
        <v>169394</v>
      </c>
      <c r="J50750" s="1" t="s">
        <v>171623</v>
      </c>
    </row>
    <row r="50751" spans="1:10" x14ac:dyDescent="0.35">
      <c r="A50751" s="1" t="s">
        <v>146421</v>
      </c>
      <c r="B50751" s="1" t="s">
        <v>169390</v>
      </c>
      <c r="C50751" s="1" t="s">
        <v>150</v>
      </c>
      <c r="D50751" s="1" t="s">
        <v>170993</v>
      </c>
      <c r="E50751" s="1" t="s">
        <v>171624</v>
      </c>
      <c r="F50751" s="1" t="s">
        <v>171625</v>
      </c>
      <c r="G50751" s="1" t="s">
        <v>171534</v>
      </c>
      <c r="H50751" s="1" t="s">
        <v>171535</v>
      </c>
      <c r="I50751" s="1" t="s">
        <v>169394</v>
      </c>
      <c r="J50751" s="1" t="s">
        <v>171626</v>
      </c>
    </row>
    <row r="50752" spans="1:10" x14ac:dyDescent="0.35">
      <c r="A50752" s="1" t="s">
        <v>146421</v>
      </c>
      <c r="B50752" s="1" t="s">
        <v>169390</v>
      </c>
      <c r="C50752" s="1" t="s">
        <v>155</v>
      </c>
      <c r="D50752" s="1" t="s">
        <v>33686</v>
      </c>
      <c r="E50752" s="1" t="s">
        <v>171627</v>
      </c>
      <c r="F50752" s="1" t="s">
        <v>171628</v>
      </c>
      <c r="G50752" s="1" t="s">
        <v>171534</v>
      </c>
      <c r="H50752" s="1" t="s">
        <v>171535</v>
      </c>
      <c r="I50752" s="1" t="s">
        <v>169394</v>
      </c>
      <c r="J50752" s="1" t="s">
        <v>143458</v>
      </c>
    </row>
    <row r="50753" spans="1:10" x14ac:dyDescent="0.35">
      <c r="A50753" s="1" t="s">
        <v>146421</v>
      </c>
      <c r="B50753" s="1" t="s">
        <v>169390</v>
      </c>
      <c r="C50753" s="1" t="s">
        <v>160</v>
      </c>
      <c r="D50753" s="1" t="s">
        <v>10346</v>
      </c>
      <c r="E50753" s="1" t="s">
        <v>171629</v>
      </c>
      <c r="F50753" s="1" t="s">
        <v>171630</v>
      </c>
      <c r="G50753" s="1" t="s">
        <v>171534</v>
      </c>
      <c r="H50753" s="1" t="s">
        <v>171535</v>
      </c>
      <c r="I50753" s="1" t="s">
        <v>169394</v>
      </c>
      <c r="J50753" s="1" t="s">
        <v>171631</v>
      </c>
    </row>
    <row r="50754" spans="1:10" x14ac:dyDescent="0.35">
      <c r="A50754" s="1" t="s">
        <v>146421</v>
      </c>
      <c r="B50754" s="1" t="s">
        <v>169390</v>
      </c>
      <c r="C50754" s="1" t="s">
        <v>165</v>
      </c>
      <c r="D50754" s="1" t="s">
        <v>7969</v>
      </c>
      <c r="E50754" s="1" t="s">
        <v>171632</v>
      </c>
      <c r="F50754" s="1" t="s">
        <v>171633</v>
      </c>
      <c r="G50754" s="1" t="s">
        <v>171534</v>
      </c>
      <c r="H50754" s="1" t="s">
        <v>171535</v>
      </c>
      <c r="I50754" s="1" t="s">
        <v>169394</v>
      </c>
      <c r="J50754" s="1" t="s">
        <v>171634</v>
      </c>
    </row>
    <row r="50755" spans="1:10" x14ac:dyDescent="0.35">
      <c r="A50755" s="1" t="s">
        <v>146421</v>
      </c>
      <c r="B50755" s="1" t="s">
        <v>169390</v>
      </c>
      <c r="C50755" s="1" t="s">
        <v>170</v>
      </c>
      <c r="D50755" s="1" t="s">
        <v>168913</v>
      </c>
      <c r="E50755" s="1" t="s">
        <v>171635</v>
      </c>
      <c r="F50755" s="1" t="s">
        <v>171636</v>
      </c>
      <c r="G50755" s="1" t="s">
        <v>171534</v>
      </c>
      <c r="H50755" s="1" t="s">
        <v>171535</v>
      </c>
      <c r="I50755" s="1" t="s">
        <v>169394</v>
      </c>
      <c r="J50755" s="1" t="s">
        <v>171637</v>
      </c>
    </row>
    <row r="50756" spans="1:10" x14ac:dyDescent="0.35">
      <c r="A50756" s="1" t="s">
        <v>9395</v>
      </c>
      <c r="B50756" s="1" t="s">
        <v>169390</v>
      </c>
      <c r="C50756" s="1" t="s">
        <v>8</v>
      </c>
      <c r="D50756" s="1" t="s">
        <v>5107</v>
      </c>
      <c r="E50756" s="1" t="s">
        <v>171638</v>
      </c>
      <c r="F50756" s="1" t="s">
        <v>171639</v>
      </c>
      <c r="G50756" s="1" t="s">
        <v>171640</v>
      </c>
      <c r="H50756" s="1" t="s">
        <v>171641</v>
      </c>
      <c r="I50756" s="1" t="s">
        <v>169394</v>
      </c>
      <c r="J50756" s="1" t="s">
        <v>13</v>
      </c>
    </row>
    <row r="50757" spans="1:10" x14ac:dyDescent="0.35">
      <c r="A50757" s="1" t="s">
        <v>9395</v>
      </c>
      <c r="B50757" s="1" t="s">
        <v>169390</v>
      </c>
      <c r="C50757" s="1" t="s">
        <v>15</v>
      </c>
      <c r="D50757" s="1" t="s">
        <v>116098</v>
      </c>
      <c r="E50757" s="1" t="s">
        <v>171642</v>
      </c>
      <c r="F50757" s="1" t="s">
        <v>171643</v>
      </c>
      <c r="G50757" s="1" t="s">
        <v>171640</v>
      </c>
      <c r="H50757" s="1" t="s">
        <v>171641</v>
      </c>
      <c r="I50757" s="1" t="s">
        <v>169394</v>
      </c>
      <c r="J50757" s="1" t="s">
        <v>171644</v>
      </c>
    </row>
    <row r="50758" spans="1:10" x14ac:dyDescent="0.35">
      <c r="A50758" s="1" t="s">
        <v>9395</v>
      </c>
      <c r="B50758" s="1" t="s">
        <v>169390</v>
      </c>
      <c r="C50758" s="1" t="s">
        <v>20</v>
      </c>
      <c r="D50758" s="1" t="s">
        <v>171645</v>
      </c>
      <c r="E50758" s="1" t="s">
        <v>171646</v>
      </c>
      <c r="F50758" s="1" t="s">
        <v>171647</v>
      </c>
      <c r="G50758" s="1" t="s">
        <v>171640</v>
      </c>
      <c r="H50758" s="1" t="s">
        <v>171641</v>
      </c>
      <c r="I50758" s="1" t="s">
        <v>169394</v>
      </c>
      <c r="J50758" s="1" t="s">
        <v>171648</v>
      </c>
    </row>
    <row r="50759" spans="1:10" x14ac:dyDescent="0.35">
      <c r="A50759" s="1" t="s">
        <v>9395</v>
      </c>
      <c r="B50759" s="1" t="s">
        <v>169390</v>
      </c>
      <c r="C50759" s="1" t="s">
        <v>25</v>
      </c>
      <c r="D50759" s="1" t="s">
        <v>171649</v>
      </c>
      <c r="E50759" s="1" t="s">
        <v>171650</v>
      </c>
      <c r="F50759" s="1" t="s">
        <v>171651</v>
      </c>
      <c r="G50759" s="1" t="s">
        <v>171640</v>
      </c>
      <c r="H50759" s="1" t="s">
        <v>171641</v>
      </c>
      <c r="I50759" s="1" t="s">
        <v>169394</v>
      </c>
      <c r="J50759" s="1" t="s">
        <v>171652</v>
      </c>
    </row>
    <row r="50760" spans="1:10" x14ac:dyDescent="0.35">
      <c r="A50760" s="1" t="s">
        <v>9395</v>
      </c>
      <c r="B50760" s="1" t="s">
        <v>169390</v>
      </c>
      <c r="C50760" s="1" t="s">
        <v>30</v>
      </c>
      <c r="D50760" s="1" t="s">
        <v>37377</v>
      </c>
      <c r="E50760" s="1" t="s">
        <v>171653</v>
      </c>
      <c r="F50760" s="1" t="s">
        <v>171654</v>
      </c>
      <c r="G50760" s="1" t="s">
        <v>171640</v>
      </c>
      <c r="H50760" s="1" t="s">
        <v>171641</v>
      </c>
      <c r="I50760" s="1" t="s">
        <v>169394</v>
      </c>
      <c r="J50760" s="1" t="s">
        <v>171655</v>
      </c>
    </row>
    <row r="50761" spans="1:10" x14ac:dyDescent="0.35">
      <c r="A50761" s="1" t="s">
        <v>9395</v>
      </c>
      <c r="B50761" s="1" t="s">
        <v>169390</v>
      </c>
      <c r="C50761" s="1" t="s">
        <v>35</v>
      </c>
      <c r="D50761" s="1" t="s">
        <v>70979</v>
      </c>
      <c r="E50761" s="1" t="s">
        <v>171656</v>
      </c>
      <c r="F50761" s="1" t="s">
        <v>171657</v>
      </c>
      <c r="G50761" s="1" t="s">
        <v>171640</v>
      </c>
      <c r="H50761" s="1" t="s">
        <v>171641</v>
      </c>
      <c r="I50761" s="1" t="s">
        <v>169394</v>
      </c>
      <c r="J50761" s="1" t="s">
        <v>171658</v>
      </c>
    </row>
    <row r="50762" spans="1:10" x14ac:dyDescent="0.35">
      <c r="A50762" s="1" t="s">
        <v>9395</v>
      </c>
      <c r="B50762" s="1" t="s">
        <v>169390</v>
      </c>
      <c r="C50762" s="1" t="s">
        <v>40</v>
      </c>
      <c r="D50762" s="1" t="s">
        <v>37833</v>
      </c>
      <c r="E50762" s="1" t="s">
        <v>171659</v>
      </c>
      <c r="F50762" s="1" t="s">
        <v>171660</v>
      </c>
      <c r="G50762" s="1" t="s">
        <v>171640</v>
      </c>
      <c r="H50762" s="1" t="s">
        <v>171641</v>
      </c>
      <c r="I50762" s="1" t="s">
        <v>169394</v>
      </c>
      <c r="J50762" s="1" t="s">
        <v>171661</v>
      </c>
    </row>
    <row r="50763" spans="1:10" x14ac:dyDescent="0.35">
      <c r="A50763" s="1" t="s">
        <v>9395</v>
      </c>
      <c r="B50763" s="1" t="s">
        <v>169390</v>
      </c>
      <c r="C50763" s="1" t="s">
        <v>45</v>
      </c>
      <c r="D50763" s="1" t="s">
        <v>73888</v>
      </c>
      <c r="E50763" s="1" t="s">
        <v>171662</v>
      </c>
      <c r="F50763" s="1" t="s">
        <v>171663</v>
      </c>
      <c r="G50763" s="1" t="s">
        <v>171640</v>
      </c>
      <c r="H50763" s="1" t="s">
        <v>171641</v>
      </c>
      <c r="I50763" s="1" t="s">
        <v>169394</v>
      </c>
      <c r="J50763" s="1" t="s">
        <v>171664</v>
      </c>
    </row>
    <row r="50764" spans="1:10" x14ac:dyDescent="0.35">
      <c r="A50764" s="1" t="s">
        <v>9395</v>
      </c>
      <c r="B50764" s="1" t="s">
        <v>169390</v>
      </c>
      <c r="C50764" s="1" t="s">
        <v>50</v>
      </c>
      <c r="D50764" s="1" t="s">
        <v>125294</v>
      </c>
      <c r="E50764" s="1" t="s">
        <v>171665</v>
      </c>
      <c r="F50764" s="1" t="s">
        <v>171666</v>
      </c>
      <c r="G50764" s="1" t="s">
        <v>171640</v>
      </c>
      <c r="H50764" s="1" t="s">
        <v>171641</v>
      </c>
      <c r="I50764" s="1" t="s">
        <v>169394</v>
      </c>
      <c r="J50764" s="1" t="s">
        <v>171667</v>
      </c>
    </row>
    <row r="50765" spans="1:10" x14ac:dyDescent="0.35">
      <c r="A50765" s="1" t="s">
        <v>9395</v>
      </c>
      <c r="B50765" s="1" t="s">
        <v>169390</v>
      </c>
      <c r="C50765" s="1" t="s">
        <v>55</v>
      </c>
      <c r="D50765" s="1" t="s">
        <v>671</v>
      </c>
      <c r="E50765" s="1" t="s">
        <v>171668</v>
      </c>
      <c r="F50765" s="1" t="s">
        <v>171669</v>
      </c>
      <c r="G50765" s="1" t="s">
        <v>171640</v>
      </c>
      <c r="H50765" s="1" t="s">
        <v>171641</v>
      </c>
      <c r="I50765" s="1" t="s">
        <v>169394</v>
      </c>
      <c r="J50765" s="1" t="s">
        <v>171670</v>
      </c>
    </row>
    <row r="50766" spans="1:10" x14ac:dyDescent="0.35">
      <c r="A50766" s="1" t="s">
        <v>9395</v>
      </c>
      <c r="B50766" s="1" t="s">
        <v>169390</v>
      </c>
      <c r="C50766" s="1" t="s">
        <v>60</v>
      </c>
      <c r="D50766" s="1" t="s">
        <v>171671</v>
      </c>
      <c r="E50766" s="1" t="s">
        <v>171672</v>
      </c>
      <c r="F50766" s="1" t="s">
        <v>171673</v>
      </c>
      <c r="G50766" s="1" t="s">
        <v>171640</v>
      </c>
      <c r="H50766" s="1" t="s">
        <v>171641</v>
      </c>
      <c r="I50766" s="1" t="s">
        <v>169394</v>
      </c>
      <c r="J50766" s="1" t="s">
        <v>171674</v>
      </c>
    </row>
    <row r="50767" spans="1:10" x14ac:dyDescent="0.35">
      <c r="A50767" s="1" t="s">
        <v>9395</v>
      </c>
      <c r="B50767" s="1" t="s">
        <v>169390</v>
      </c>
      <c r="C50767" s="1" t="s">
        <v>65</v>
      </c>
      <c r="D50767" s="1" t="s">
        <v>118658</v>
      </c>
      <c r="E50767" s="1" t="s">
        <v>171675</v>
      </c>
      <c r="F50767" s="1" t="s">
        <v>171676</v>
      </c>
      <c r="G50767" s="1" t="s">
        <v>171640</v>
      </c>
      <c r="H50767" s="1" t="s">
        <v>171641</v>
      </c>
      <c r="I50767" s="1" t="s">
        <v>169394</v>
      </c>
      <c r="J50767" s="1" t="s">
        <v>171677</v>
      </c>
    </row>
    <row r="50768" spans="1:10" x14ac:dyDescent="0.35">
      <c r="A50768" s="1" t="s">
        <v>9395</v>
      </c>
      <c r="B50768" s="1" t="s">
        <v>169390</v>
      </c>
      <c r="C50768" s="1" t="s">
        <v>70</v>
      </c>
      <c r="D50768" s="1" t="s">
        <v>3687</v>
      </c>
      <c r="E50768" s="1" t="s">
        <v>171678</v>
      </c>
      <c r="F50768" s="1" t="s">
        <v>171679</v>
      </c>
      <c r="G50768" s="1" t="s">
        <v>171640</v>
      </c>
      <c r="H50768" s="1" t="s">
        <v>171641</v>
      </c>
      <c r="I50768" s="1" t="s">
        <v>169394</v>
      </c>
      <c r="J50768" s="1" t="s">
        <v>171680</v>
      </c>
    </row>
    <row r="50769" spans="1:10" x14ac:dyDescent="0.35">
      <c r="A50769" s="1" t="s">
        <v>9395</v>
      </c>
      <c r="B50769" s="1" t="s">
        <v>169390</v>
      </c>
      <c r="C50769" s="1" t="s">
        <v>75</v>
      </c>
      <c r="D50769" s="1" t="s">
        <v>171681</v>
      </c>
      <c r="E50769" s="1" t="s">
        <v>171682</v>
      </c>
      <c r="F50769" s="1" t="s">
        <v>171683</v>
      </c>
      <c r="G50769" s="1" t="s">
        <v>171640</v>
      </c>
      <c r="H50769" s="1" t="s">
        <v>171641</v>
      </c>
      <c r="I50769" s="1" t="s">
        <v>169394</v>
      </c>
      <c r="J50769" s="1" t="s">
        <v>171684</v>
      </c>
    </row>
    <row r="50770" spans="1:10" x14ac:dyDescent="0.35">
      <c r="A50770" s="1" t="s">
        <v>9395</v>
      </c>
      <c r="B50770" s="1" t="s">
        <v>169390</v>
      </c>
      <c r="C50770" s="1" t="s">
        <v>80</v>
      </c>
      <c r="D50770" s="1" t="s">
        <v>44609</v>
      </c>
      <c r="E50770" s="1" t="s">
        <v>171685</v>
      </c>
      <c r="F50770" s="1" t="s">
        <v>171686</v>
      </c>
      <c r="G50770" s="1" t="s">
        <v>171640</v>
      </c>
      <c r="H50770" s="1" t="s">
        <v>171641</v>
      </c>
      <c r="I50770" s="1" t="s">
        <v>169394</v>
      </c>
      <c r="J50770" s="1" t="s">
        <v>171687</v>
      </c>
    </row>
    <row r="50771" spans="1:10" x14ac:dyDescent="0.35">
      <c r="A50771" s="1" t="s">
        <v>9395</v>
      </c>
      <c r="B50771" s="1" t="s">
        <v>169390</v>
      </c>
      <c r="C50771" s="1" t="s">
        <v>85</v>
      </c>
      <c r="D50771" s="1" t="s">
        <v>171688</v>
      </c>
      <c r="E50771" s="1" t="s">
        <v>171689</v>
      </c>
      <c r="F50771" s="1" t="s">
        <v>171690</v>
      </c>
      <c r="G50771" s="1" t="s">
        <v>171640</v>
      </c>
      <c r="H50771" s="1" t="s">
        <v>171641</v>
      </c>
      <c r="I50771" s="1" t="s">
        <v>169394</v>
      </c>
      <c r="J50771" s="1" t="s">
        <v>171691</v>
      </c>
    </row>
    <row r="50772" spans="1:10" x14ac:dyDescent="0.35">
      <c r="A50772" s="1" t="s">
        <v>9395</v>
      </c>
      <c r="B50772" s="1" t="s">
        <v>169390</v>
      </c>
      <c r="C50772" s="1" t="s">
        <v>90</v>
      </c>
      <c r="D50772" s="1" t="s">
        <v>171692</v>
      </c>
      <c r="E50772" s="1" t="s">
        <v>171693</v>
      </c>
      <c r="F50772" s="1" t="s">
        <v>171694</v>
      </c>
      <c r="G50772" s="1" t="s">
        <v>171640</v>
      </c>
      <c r="H50772" s="1" t="s">
        <v>171641</v>
      </c>
      <c r="I50772" s="1" t="s">
        <v>169394</v>
      </c>
      <c r="J50772" s="1" t="s">
        <v>171695</v>
      </c>
    </row>
    <row r="50773" spans="1:10" x14ac:dyDescent="0.35">
      <c r="A50773" s="1" t="s">
        <v>9395</v>
      </c>
      <c r="B50773" s="1" t="s">
        <v>169390</v>
      </c>
      <c r="C50773" s="1" t="s">
        <v>95</v>
      </c>
      <c r="D50773" s="1" t="s">
        <v>171696</v>
      </c>
      <c r="E50773" s="1" t="s">
        <v>171697</v>
      </c>
      <c r="F50773" s="1" t="s">
        <v>171698</v>
      </c>
      <c r="G50773" s="1" t="s">
        <v>171640</v>
      </c>
      <c r="H50773" s="1" t="s">
        <v>171641</v>
      </c>
      <c r="I50773" s="1" t="s">
        <v>169394</v>
      </c>
      <c r="J50773" s="1" t="s">
        <v>171699</v>
      </c>
    </row>
    <row r="50774" spans="1:10" x14ac:dyDescent="0.35">
      <c r="A50774" s="1" t="s">
        <v>9395</v>
      </c>
      <c r="B50774" s="1" t="s">
        <v>169390</v>
      </c>
      <c r="C50774" s="1" t="s">
        <v>100</v>
      </c>
      <c r="D50774" s="1" t="s">
        <v>171700</v>
      </c>
      <c r="E50774" s="1" t="s">
        <v>171701</v>
      </c>
      <c r="F50774" s="1" t="s">
        <v>171702</v>
      </c>
      <c r="G50774" s="1" t="s">
        <v>171640</v>
      </c>
      <c r="H50774" s="1" t="s">
        <v>171641</v>
      </c>
      <c r="I50774" s="1" t="s">
        <v>169394</v>
      </c>
      <c r="J50774" s="1" t="s">
        <v>171703</v>
      </c>
    </row>
    <row r="50775" spans="1:10" x14ac:dyDescent="0.35">
      <c r="A50775" s="1" t="s">
        <v>9395</v>
      </c>
      <c r="B50775" s="1" t="s">
        <v>169390</v>
      </c>
      <c r="C50775" s="1" t="s">
        <v>105</v>
      </c>
      <c r="D50775" s="1" t="s">
        <v>135414</v>
      </c>
      <c r="E50775" s="1" t="s">
        <v>171704</v>
      </c>
      <c r="F50775" s="1" t="s">
        <v>171705</v>
      </c>
      <c r="G50775" s="1" t="s">
        <v>171640</v>
      </c>
      <c r="H50775" s="1" t="s">
        <v>171641</v>
      </c>
      <c r="I50775" s="1" t="s">
        <v>169394</v>
      </c>
      <c r="J50775" s="1" t="s">
        <v>171706</v>
      </c>
    </row>
    <row r="50776" spans="1:10" x14ac:dyDescent="0.35">
      <c r="A50776" s="1" t="s">
        <v>9395</v>
      </c>
      <c r="B50776" s="1" t="s">
        <v>169390</v>
      </c>
      <c r="C50776" s="1" t="s">
        <v>110</v>
      </c>
      <c r="D50776" s="1" t="s">
        <v>9063</v>
      </c>
      <c r="E50776" s="1" t="s">
        <v>171707</v>
      </c>
      <c r="F50776" s="1" t="s">
        <v>171708</v>
      </c>
      <c r="G50776" s="1" t="s">
        <v>171640</v>
      </c>
      <c r="H50776" s="1" t="s">
        <v>171641</v>
      </c>
      <c r="I50776" s="1" t="s">
        <v>169394</v>
      </c>
      <c r="J50776" s="1" t="s">
        <v>171709</v>
      </c>
    </row>
    <row r="50777" spans="1:10" x14ac:dyDescent="0.35">
      <c r="A50777" s="1" t="s">
        <v>9395</v>
      </c>
      <c r="B50777" s="1" t="s">
        <v>169390</v>
      </c>
      <c r="C50777" s="1" t="s">
        <v>115</v>
      </c>
      <c r="D50777" s="1" t="s">
        <v>32681</v>
      </c>
      <c r="E50777" s="1" t="s">
        <v>171710</v>
      </c>
      <c r="F50777" s="1" t="s">
        <v>171711</v>
      </c>
      <c r="G50777" s="1" t="s">
        <v>171640</v>
      </c>
      <c r="H50777" s="1" t="s">
        <v>171641</v>
      </c>
      <c r="I50777" s="1" t="s">
        <v>169394</v>
      </c>
      <c r="J50777" s="1" t="s">
        <v>171712</v>
      </c>
    </row>
    <row r="50778" spans="1:10" x14ac:dyDescent="0.35">
      <c r="A50778" s="1" t="s">
        <v>9395</v>
      </c>
      <c r="B50778" s="1" t="s">
        <v>169390</v>
      </c>
      <c r="C50778" s="1" t="s">
        <v>120</v>
      </c>
      <c r="D50778" s="1" t="s">
        <v>171713</v>
      </c>
      <c r="E50778" s="1" t="s">
        <v>171714</v>
      </c>
      <c r="F50778" s="1" t="s">
        <v>171715</v>
      </c>
      <c r="G50778" s="1" t="s">
        <v>171640</v>
      </c>
      <c r="H50778" s="1" t="s">
        <v>171641</v>
      </c>
      <c r="I50778" s="1" t="s">
        <v>169394</v>
      </c>
      <c r="J50778" s="1" t="s">
        <v>171716</v>
      </c>
    </row>
    <row r="50779" spans="1:10" x14ac:dyDescent="0.35">
      <c r="A50779" s="1" t="s">
        <v>9395</v>
      </c>
      <c r="B50779" s="1" t="s">
        <v>169390</v>
      </c>
      <c r="C50779" s="1" t="s">
        <v>125</v>
      </c>
      <c r="D50779" s="1" t="s">
        <v>113342</v>
      </c>
      <c r="E50779" s="1" t="s">
        <v>171717</v>
      </c>
      <c r="F50779" s="1" t="s">
        <v>171718</v>
      </c>
      <c r="G50779" s="1" t="s">
        <v>171640</v>
      </c>
      <c r="H50779" s="1" t="s">
        <v>171641</v>
      </c>
      <c r="I50779" s="1" t="s">
        <v>169394</v>
      </c>
      <c r="J50779" s="1" t="s">
        <v>171719</v>
      </c>
    </row>
    <row r="50780" spans="1:10" x14ac:dyDescent="0.35">
      <c r="A50780" s="1" t="s">
        <v>9395</v>
      </c>
      <c r="B50780" s="1" t="s">
        <v>169390</v>
      </c>
      <c r="C50780" s="1" t="s">
        <v>130</v>
      </c>
      <c r="D50780" s="1" t="s">
        <v>15683</v>
      </c>
      <c r="E50780" s="1" t="s">
        <v>171720</v>
      </c>
      <c r="F50780" s="1" t="s">
        <v>171721</v>
      </c>
      <c r="G50780" s="1" t="s">
        <v>171640</v>
      </c>
      <c r="H50780" s="1" t="s">
        <v>171641</v>
      </c>
      <c r="I50780" s="1" t="s">
        <v>169394</v>
      </c>
      <c r="J50780" s="1" t="s">
        <v>171722</v>
      </c>
    </row>
    <row r="50781" spans="1:10" x14ac:dyDescent="0.35">
      <c r="A50781" s="1" t="s">
        <v>9395</v>
      </c>
      <c r="B50781" s="1" t="s">
        <v>169390</v>
      </c>
      <c r="C50781" s="1" t="s">
        <v>135</v>
      </c>
      <c r="D50781" s="1" t="s">
        <v>171723</v>
      </c>
      <c r="E50781" s="1" t="s">
        <v>171724</v>
      </c>
      <c r="F50781" s="1" t="s">
        <v>171725</v>
      </c>
      <c r="G50781" s="1" t="s">
        <v>171640</v>
      </c>
      <c r="H50781" s="1" t="s">
        <v>171641</v>
      </c>
      <c r="I50781" s="1" t="s">
        <v>169394</v>
      </c>
      <c r="J50781" s="1" t="s">
        <v>171726</v>
      </c>
    </row>
    <row r="50782" spans="1:10" x14ac:dyDescent="0.35">
      <c r="A50782" s="1" t="s">
        <v>9395</v>
      </c>
      <c r="B50782" s="1" t="s">
        <v>169390</v>
      </c>
      <c r="C50782" s="1" t="s">
        <v>140</v>
      </c>
      <c r="D50782" s="1" t="s">
        <v>171727</v>
      </c>
      <c r="E50782" s="1" t="s">
        <v>171728</v>
      </c>
      <c r="F50782" s="1" t="s">
        <v>171729</v>
      </c>
      <c r="G50782" s="1" t="s">
        <v>171640</v>
      </c>
      <c r="H50782" s="1" t="s">
        <v>171641</v>
      </c>
      <c r="I50782" s="1" t="s">
        <v>169394</v>
      </c>
      <c r="J50782" s="1" t="s">
        <v>171730</v>
      </c>
    </row>
    <row r="50783" spans="1:10" x14ac:dyDescent="0.35">
      <c r="A50783" s="1" t="s">
        <v>9395</v>
      </c>
      <c r="B50783" s="1" t="s">
        <v>169390</v>
      </c>
      <c r="C50783" s="1" t="s">
        <v>145</v>
      </c>
      <c r="D50783" s="1" t="s">
        <v>171731</v>
      </c>
      <c r="E50783" s="1" t="s">
        <v>171732</v>
      </c>
      <c r="F50783" s="1" t="s">
        <v>171733</v>
      </c>
      <c r="G50783" s="1" t="s">
        <v>171640</v>
      </c>
      <c r="H50783" s="1" t="s">
        <v>171641</v>
      </c>
      <c r="I50783" s="1" t="s">
        <v>169394</v>
      </c>
      <c r="J50783" s="1" t="s">
        <v>171734</v>
      </c>
    </row>
    <row r="50784" spans="1:10" x14ac:dyDescent="0.35">
      <c r="A50784" s="1" t="s">
        <v>9395</v>
      </c>
      <c r="B50784" s="1" t="s">
        <v>169390</v>
      </c>
      <c r="C50784" s="1" t="s">
        <v>150</v>
      </c>
      <c r="D50784" s="1" t="s">
        <v>38446</v>
      </c>
      <c r="E50784" s="1" t="s">
        <v>171735</v>
      </c>
      <c r="F50784" s="1" t="s">
        <v>171736</v>
      </c>
      <c r="G50784" s="1" t="s">
        <v>171640</v>
      </c>
      <c r="H50784" s="1" t="s">
        <v>171641</v>
      </c>
      <c r="I50784" s="1" t="s">
        <v>169394</v>
      </c>
      <c r="J50784" s="1" t="s">
        <v>171737</v>
      </c>
    </row>
    <row r="50785" spans="1:10" x14ac:dyDescent="0.35">
      <c r="A50785" s="1" t="s">
        <v>9395</v>
      </c>
      <c r="B50785" s="1" t="s">
        <v>169390</v>
      </c>
      <c r="C50785" s="1" t="s">
        <v>155</v>
      </c>
      <c r="D50785" s="1" t="s">
        <v>13567</v>
      </c>
      <c r="E50785" s="1" t="s">
        <v>171738</v>
      </c>
      <c r="F50785" s="1" t="s">
        <v>171739</v>
      </c>
      <c r="G50785" s="1" t="s">
        <v>171640</v>
      </c>
      <c r="H50785" s="1" t="s">
        <v>171641</v>
      </c>
      <c r="I50785" s="1" t="s">
        <v>169394</v>
      </c>
      <c r="J50785" s="1" t="s">
        <v>171740</v>
      </c>
    </row>
    <row r="50786" spans="1:10" x14ac:dyDescent="0.35">
      <c r="A50786" s="1" t="s">
        <v>9395</v>
      </c>
      <c r="B50786" s="1" t="s">
        <v>169390</v>
      </c>
      <c r="C50786" s="1" t="s">
        <v>160</v>
      </c>
      <c r="D50786" s="1" t="s">
        <v>38237</v>
      </c>
      <c r="E50786" s="1" t="s">
        <v>171741</v>
      </c>
      <c r="F50786" s="1" t="s">
        <v>171742</v>
      </c>
      <c r="G50786" s="1" t="s">
        <v>171640</v>
      </c>
      <c r="H50786" s="1" t="s">
        <v>171641</v>
      </c>
      <c r="I50786" s="1" t="s">
        <v>169394</v>
      </c>
      <c r="J50786" s="1" t="s">
        <v>171743</v>
      </c>
    </row>
    <row r="50787" spans="1:10" x14ac:dyDescent="0.35">
      <c r="A50787" s="1" t="s">
        <v>9395</v>
      </c>
      <c r="B50787" s="1" t="s">
        <v>169390</v>
      </c>
      <c r="C50787" s="1" t="s">
        <v>165</v>
      </c>
      <c r="D50787" s="1" t="s">
        <v>18933</v>
      </c>
      <c r="E50787" s="1" t="s">
        <v>171744</v>
      </c>
      <c r="F50787" s="1" t="s">
        <v>171745</v>
      </c>
      <c r="G50787" s="1" t="s">
        <v>171640</v>
      </c>
      <c r="H50787" s="1" t="s">
        <v>171641</v>
      </c>
      <c r="I50787" s="1" t="s">
        <v>169394</v>
      </c>
      <c r="J50787" s="1" t="s">
        <v>171746</v>
      </c>
    </row>
    <row r="50788" spans="1:10" x14ac:dyDescent="0.35">
      <c r="A50788" s="1" t="s">
        <v>9395</v>
      </c>
      <c r="B50788" s="1" t="s">
        <v>169390</v>
      </c>
      <c r="C50788" s="1" t="s">
        <v>170</v>
      </c>
      <c r="D50788" s="1" t="s">
        <v>171747</v>
      </c>
      <c r="E50788" s="1" t="s">
        <v>171748</v>
      </c>
      <c r="F50788" s="1" t="s">
        <v>171749</v>
      </c>
      <c r="G50788" s="1" t="s">
        <v>171640</v>
      </c>
      <c r="H50788" s="1" t="s">
        <v>171641</v>
      </c>
      <c r="I50788" s="1" t="s">
        <v>169394</v>
      </c>
      <c r="J50788" s="1" t="s">
        <v>171750</v>
      </c>
    </row>
    <row r="50789" spans="1:10" x14ac:dyDescent="0.35">
      <c r="A50789" s="1" t="s">
        <v>3888</v>
      </c>
      <c r="B50789" s="1" t="s">
        <v>169390</v>
      </c>
      <c r="C50789" s="1" t="s">
        <v>8</v>
      </c>
      <c r="D50789" s="1" t="s">
        <v>168391</v>
      </c>
      <c r="E50789" s="1" t="s">
        <v>171751</v>
      </c>
      <c r="F50789" s="1" t="s">
        <v>171752</v>
      </c>
      <c r="G50789" s="1" t="s">
        <v>171753</v>
      </c>
      <c r="H50789" s="1" t="s">
        <v>171754</v>
      </c>
      <c r="I50789" s="1" t="s">
        <v>169394</v>
      </c>
      <c r="J50789" s="1" t="s">
        <v>13</v>
      </c>
    </row>
    <row r="50790" spans="1:10" x14ac:dyDescent="0.35">
      <c r="A50790" s="1" t="s">
        <v>3888</v>
      </c>
      <c r="B50790" s="1" t="s">
        <v>169390</v>
      </c>
      <c r="C50790" s="1" t="s">
        <v>15</v>
      </c>
      <c r="D50790" s="1" t="s">
        <v>2319</v>
      </c>
      <c r="E50790" s="1" t="s">
        <v>171755</v>
      </c>
      <c r="F50790" s="1" t="s">
        <v>171756</v>
      </c>
      <c r="G50790" s="1" t="s">
        <v>171753</v>
      </c>
      <c r="H50790" s="1" t="s">
        <v>171754</v>
      </c>
      <c r="I50790" s="1" t="s">
        <v>169394</v>
      </c>
      <c r="J50790" s="1" t="s">
        <v>171757</v>
      </c>
    </row>
    <row r="50791" spans="1:10" x14ac:dyDescent="0.35">
      <c r="A50791" s="1" t="s">
        <v>3888</v>
      </c>
      <c r="B50791" s="1" t="s">
        <v>169390</v>
      </c>
      <c r="C50791" s="1" t="s">
        <v>20</v>
      </c>
      <c r="D50791" s="1" t="s">
        <v>1747</v>
      </c>
      <c r="E50791" s="1" t="s">
        <v>171758</v>
      </c>
      <c r="F50791" s="1" t="s">
        <v>171759</v>
      </c>
      <c r="G50791" s="1" t="s">
        <v>171753</v>
      </c>
      <c r="H50791" s="1" t="s">
        <v>171754</v>
      </c>
      <c r="I50791" s="1" t="s">
        <v>169394</v>
      </c>
      <c r="J50791" s="1" t="s">
        <v>171760</v>
      </c>
    </row>
    <row r="50792" spans="1:10" x14ac:dyDescent="0.35">
      <c r="A50792" s="1" t="s">
        <v>3888</v>
      </c>
      <c r="B50792" s="1" t="s">
        <v>169390</v>
      </c>
      <c r="C50792" s="1" t="s">
        <v>25</v>
      </c>
      <c r="D50792" s="1" t="s">
        <v>104546</v>
      </c>
      <c r="E50792" s="1" t="s">
        <v>171761</v>
      </c>
      <c r="F50792" s="1" t="s">
        <v>171762</v>
      </c>
      <c r="G50792" s="1" t="s">
        <v>171753</v>
      </c>
      <c r="H50792" s="1" t="s">
        <v>171754</v>
      </c>
      <c r="I50792" s="1" t="s">
        <v>169394</v>
      </c>
      <c r="J50792" s="1" t="s">
        <v>171763</v>
      </c>
    </row>
    <row r="50793" spans="1:10" x14ac:dyDescent="0.35">
      <c r="A50793" s="1" t="s">
        <v>3888</v>
      </c>
      <c r="B50793" s="1" t="s">
        <v>169390</v>
      </c>
      <c r="C50793" s="1" t="s">
        <v>30</v>
      </c>
      <c r="D50793" s="1" t="s">
        <v>171764</v>
      </c>
      <c r="E50793" s="1" t="s">
        <v>171765</v>
      </c>
      <c r="F50793" s="1" t="s">
        <v>171766</v>
      </c>
      <c r="G50793" s="1" t="s">
        <v>171753</v>
      </c>
      <c r="H50793" s="1" t="s">
        <v>171754</v>
      </c>
      <c r="I50793" s="1" t="s">
        <v>169394</v>
      </c>
      <c r="J50793" s="1" t="s">
        <v>171767</v>
      </c>
    </row>
    <row r="50794" spans="1:10" x14ac:dyDescent="0.35">
      <c r="A50794" s="1" t="s">
        <v>3888</v>
      </c>
      <c r="B50794" s="1" t="s">
        <v>169390</v>
      </c>
      <c r="C50794" s="1" t="s">
        <v>35</v>
      </c>
      <c r="D50794" s="1" t="s">
        <v>28812</v>
      </c>
      <c r="E50794" s="1" t="s">
        <v>171768</v>
      </c>
      <c r="F50794" s="1" t="s">
        <v>171769</v>
      </c>
      <c r="G50794" s="1" t="s">
        <v>171753</v>
      </c>
      <c r="H50794" s="1" t="s">
        <v>171754</v>
      </c>
      <c r="I50794" s="1" t="s">
        <v>169394</v>
      </c>
      <c r="J50794" s="1" t="s">
        <v>171770</v>
      </c>
    </row>
    <row r="50795" spans="1:10" x14ac:dyDescent="0.35">
      <c r="A50795" s="1" t="s">
        <v>3888</v>
      </c>
      <c r="B50795" s="1" t="s">
        <v>169390</v>
      </c>
      <c r="C50795" s="1" t="s">
        <v>40</v>
      </c>
      <c r="D50795" s="1" t="s">
        <v>116475</v>
      </c>
      <c r="E50795" s="1" t="s">
        <v>171771</v>
      </c>
      <c r="F50795" s="1" t="s">
        <v>171772</v>
      </c>
      <c r="G50795" s="1" t="s">
        <v>171753</v>
      </c>
      <c r="H50795" s="1" t="s">
        <v>171754</v>
      </c>
      <c r="I50795" s="1" t="s">
        <v>169394</v>
      </c>
      <c r="J50795" s="1" t="s">
        <v>171773</v>
      </c>
    </row>
    <row r="50796" spans="1:10" x14ac:dyDescent="0.35">
      <c r="A50796" s="1" t="s">
        <v>3888</v>
      </c>
      <c r="B50796" s="1" t="s">
        <v>169390</v>
      </c>
      <c r="C50796" s="1" t="s">
        <v>45</v>
      </c>
      <c r="D50796" s="1" t="s">
        <v>144129</v>
      </c>
      <c r="E50796" s="1" t="s">
        <v>171774</v>
      </c>
      <c r="F50796" s="1" t="s">
        <v>171775</v>
      </c>
      <c r="G50796" s="1" t="s">
        <v>171753</v>
      </c>
      <c r="H50796" s="1" t="s">
        <v>171754</v>
      </c>
      <c r="I50796" s="1" t="s">
        <v>169394</v>
      </c>
      <c r="J50796" s="1" t="s">
        <v>171776</v>
      </c>
    </row>
    <row r="50797" spans="1:10" x14ac:dyDescent="0.35">
      <c r="A50797" s="1" t="s">
        <v>3888</v>
      </c>
      <c r="B50797" s="1" t="s">
        <v>169390</v>
      </c>
      <c r="C50797" s="1" t="s">
        <v>50</v>
      </c>
      <c r="D50797" s="1" t="s">
        <v>135475</v>
      </c>
      <c r="E50797" s="1" t="s">
        <v>171777</v>
      </c>
      <c r="F50797" s="1" t="s">
        <v>171778</v>
      </c>
      <c r="G50797" s="1" t="s">
        <v>171753</v>
      </c>
      <c r="H50797" s="1" t="s">
        <v>171754</v>
      </c>
      <c r="I50797" s="1" t="s">
        <v>169394</v>
      </c>
      <c r="J50797" s="1" t="s">
        <v>171779</v>
      </c>
    </row>
    <row r="50798" spans="1:10" x14ac:dyDescent="0.35">
      <c r="A50798" s="1" t="s">
        <v>3888</v>
      </c>
      <c r="B50798" s="1" t="s">
        <v>169390</v>
      </c>
      <c r="C50798" s="1" t="s">
        <v>55</v>
      </c>
      <c r="D50798" s="1" t="s">
        <v>2929</v>
      </c>
      <c r="E50798" s="1" t="s">
        <v>171780</v>
      </c>
      <c r="F50798" s="1" t="s">
        <v>171781</v>
      </c>
      <c r="G50798" s="1" t="s">
        <v>171753</v>
      </c>
      <c r="H50798" s="1" t="s">
        <v>171754</v>
      </c>
      <c r="I50798" s="1" t="s">
        <v>169394</v>
      </c>
      <c r="J50798" s="1" t="s">
        <v>171782</v>
      </c>
    </row>
    <row r="50799" spans="1:10" x14ac:dyDescent="0.35">
      <c r="A50799" s="1" t="s">
        <v>3888</v>
      </c>
      <c r="B50799" s="1" t="s">
        <v>169390</v>
      </c>
      <c r="C50799" s="1" t="s">
        <v>60</v>
      </c>
      <c r="D50799" s="1" t="s">
        <v>171783</v>
      </c>
      <c r="E50799" s="1" t="s">
        <v>171784</v>
      </c>
      <c r="F50799" s="1" t="s">
        <v>171785</v>
      </c>
      <c r="G50799" s="1" t="s">
        <v>171753</v>
      </c>
      <c r="H50799" s="1" t="s">
        <v>171754</v>
      </c>
      <c r="I50799" s="1" t="s">
        <v>169394</v>
      </c>
      <c r="J50799" s="1" t="s">
        <v>171786</v>
      </c>
    </row>
    <row r="50800" spans="1:10" x14ac:dyDescent="0.35">
      <c r="A50800" s="1" t="s">
        <v>3888</v>
      </c>
      <c r="B50800" s="1" t="s">
        <v>169390</v>
      </c>
      <c r="C50800" s="1" t="s">
        <v>65</v>
      </c>
      <c r="D50800" s="1" t="s">
        <v>48496</v>
      </c>
      <c r="E50800" s="1" t="s">
        <v>171787</v>
      </c>
      <c r="F50800" s="1" t="s">
        <v>171788</v>
      </c>
      <c r="G50800" s="1" t="s">
        <v>171753</v>
      </c>
      <c r="H50800" s="1" t="s">
        <v>171754</v>
      </c>
      <c r="I50800" s="1" t="s">
        <v>169394</v>
      </c>
      <c r="J50800" s="1" t="s">
        <v>171789</v>
      </c>
    </row>
    <row r="50801" spans="1:10" x14ac:dyDescent="0.35">
      <c r="A50801" s="1" t="s">
        <v>3888</v>
      </c>
      <c r="B50801" s="1" t="s">
        <v>169390</v>
      </c>
      <c r="C50801" s="1" t="s">
        <v>70</v>
      </c>
      <c r="D50801" s="1" t="s">
        <v>171790</v>
      </c>
      <c r="E50801" s="1" t="s">
        <v>171791</v>
      </c>
      <c r="F50801" s="1" t="s">
        <v>171792</v>
      </c>
      <c r="G50801" s="1" t="s">
        <v>171753</v>
      </c>
      <c r="H50801" s="1" t="s">
        <v>171754</v>
      </c>
      <c r="I50801" s="1" t="s">
        <v>169394</v>
      </c>
      <c r="J50801" s="1" t="s">
        <v>171793</v>
      </c>
    </row>
    <row r="50802" spans="1:10" x14ac:dyDescent="0.35">
      <c r="A50802" s="1" t="s">
        <v>3888</v>
      </c>
      <c r="B50802" s="1" t="s">
        <v>169390</v>
      </c>
      <c r="C50802" s="1" t="s">
        <v>75</v>
      </c>
      <c r="D50802" s="1" t="s">
        <v>28816</v>
      </c>
      <c r="E50802" s="1" t="s">
        <v>171794</v>
      </c>
      <c r="F50802" s="1" t="s">
        <v>171795</v>
      </c>
      <c r="G50802" s="1" t="s">
        <v>171753</v>
      </c>
      <c r="H50802" s="1" t="s">
        <v>171754</v>
      </c>
      <c r="I50802" s="1" t="s">
        <v>169394</v>
      </c>
      <c r="J50802" s="1" t="s">
        <v>171796</v>
      </c>
    </row>
    <row r="50803" spans="1:10" x14ac:dyDescent="0.35">
      <c r="A50803" s="1" t="s">
        <v>3888</v>
      </c>
      <c r="B50803" s="1" t="s">
        <v>169390</v>
      </c>
      <c r="C50803" s="1" t="s">
        <v>80</v>
      </c>
      <c r="D50803" s="1" t="s">
        <v>169302</v>
      </c>
      <c r="E50803" s="1" t="s">
        <v>171797</v>
      </c>
      <c r="F50803" s="1" t="s">
        <v>171798</v>
      </c>
      <c r="G50803" s="1" t="s">
        <v>171753</v>
      </c>
      <c r="H50803" s="1" t="s">
        <v>171754</v>
      </c>
      <c r="I50803" s="1" t="s">
        <v>169394</v>
      </c>
      <c r="J50803" s="1" t="s">
        <v>171799</v>
      </c>
    </row>
    <row r="50804" spans="1:10" x14ac:dyDescent="0.35">
      <c r="A50804" s="1" t="s">
        <v>3888</v>
      </c>
      <c r="B50804" s="1" t="s">
        <v>169390</v>
      </c>
      <c r="C50804" s="1" t="s">
        <v>85</v>
      </c>
      <c r="D50804" s="1" t="s">
        <v>171800</v>
      </c>
      <c r="E50804" s="1" t="s">
        <v>171801</v>
      </c>
      <c r="F50804" s="1" t="s">
        <v>171802</v>
      </c>
      <c r="G50804" s="1" t="s">
        <v>171753</v>
      </c>
      <c r="H50804" s="1" t="s">
        <v>171754</v>
      </c>
      <c r="I50804" s="1" t="s">
        <v>169394</v>
      </c>
      <c r="J50804" s="1" t="s">
        <v>171803</v>
      </c>
    </row>
    <row r="50805" spans="1:10" x14ac:dyDescent="0.35">
      <c r="A50805" s="1" t="s">
        <v>3888</v>
      </c>
      <c r="B50805" s="1" t="s">
        <v>169390</v>
      </c>
      <c r="C50805" s="1" t="s">
        <v>90</v>
      </c>
      <c r="D50805" s="1" t="s">
        <v>171804</v>
      </c>
      <c r="E50805" s="1" t="s">
        <v>171805</v>
      </c>
      <c r="F50805" s="1" t="s">
        <v>171806</v>
      </c>
      <c r="G50805" s="1" t="s">
        <v>171753</v>
      </c>
      <c r="H50805" s="1" t="s">
        <v>171754</v>
      </c>
      <c r="I50805" s="1" t="s">
        <v>169394</v>
      </c>
      <c r="J50805" s="1" t="s">
        <v>171807</v>
      </c>
    </row>
    <row r="50806" spans="1:10" x14ac:dyDescent="0.35">
      <c r="A50806" s="1" t="s">
        <v>3888</v>
      </c>
      <c r="B50806" s="1" t="s">
        <v>169390</v>
      </c>
      <c r="C50806" s="1" t="s">
        <v>95</v>
      </c>
      <c r="D50806" s="1" t="s">
        <v>111150</v>
      </c>
      <c r="E50806" s="1" t="s">
        <v>171808</v>
      </c>
      <c r="F50806" s="1" t="s">
        <v>171809</v>
      </c>
      <c r="G50806" s="1" t="s">
        <v>171753</v>
      </c>
      <c r="H50806" s="1" t="s">
        <v>171754</v>
      </c>
      <c r="I50806" s="1" t="s">
        <v>169394</v>
      </c>
      <c r="J50806" s="1" t="s">
        <v>171810</v>
      </c>
    </row>
    <row r="50807" spans="1:10" x14ac:dyDescent="0.35">
      <c r="A50807" s="1" t="s">
        <v>3888</v>
      </c>
      <c r="B50807" s="1" t="s">
        <v>169390</v>
      </c>
      <c r="C50807" s="1" t="s">
        <v>100</v>
      </c>
      <c r="D50807" s="1" t="s">
        <v>70837</v>
      </c>
      <c r="E50807" s="1" t="s">
        <v>171811</v>
      </c>
      <c r="F50807" s="1" t="s">
        <v>171812</v>
      </c>
      <c r="G50807" s="1" t="s">
        <v>171753</v>
      </c>
      <c r="H50807" s="1" t="s">
        <v>171754</v>
      </c>
      <c r="I50807" s="1" t="s">
        <v>169394</v>
      </c>
      <c r="J50807" s="1" t="s">
        <v>116650</v>
      </c>
    </row>
    <row r="50808" spans="1:10" x14ac:dyDescent="0.35">
      <c r="A50808" s="1" t="s">
        <v>3888</v>
      </c>
      <c r="B50808" s="1" t="s">
        <v>169390</v>
      </c>
      <c r="C50808" s="1" t="s">
        <v>105</v>
      </c>
      <c r="D50808" s="1" t="s">
        <v>50199</v>
      </c>
      <c r="E50808" s="1" t="s">
        <v>171813</v>
      </c>
      <c r="F50808" s="1" t="s">
        <v>171814</v>
      </c>
      <c r="G50808" s="1" t="s">
        <v>171753</v>
      </c>
      <c r="H50808" s="1" t="s">
        <v>171754</v>
      </c>
      <c r="I50808" s="1" t="s">
        <v>169394</v>
      </c>
      <c r="J50808" s="1" t="s">
        <v>10980</v>
      </c>
    </row>
    <row r="50809" spans="1:10" x14ac:dyDescent="0.35">
      <c r="A50809" s="1" t="s">
        <v>3888</v>
      </c>
      <c r="B50809" s="1" t="s">
        <v>169390</v>
      </c>
      <c r="C50809" s="1" t="s">
        <v>110</v>
      </c>
      <c r="D50809" s="1" t="s">
        <v>71016</v>
      </c>
      <c r="E50809" s="1" t="s">
        <v>171815</v>
      </c>
      <c r="F50809" s="1" t="s">
        <v>171816</v>
      </c>
      <c r="G50809" s="1" t="s">
        <v>171753</v>
      </c>
      <c r="H50809" s="1" t="s">
        <v>171754</v>
      </c>
      <c r="I50809" s="1" t="s">
        <v>169394</v>
      </c>
      <c r="J50809" s="1" t="s">
        <v>171817</v>
      </c>
    </row>
    <row r="50810" spans="1:10" x14ac:dyDescent="0.35">
      <c r="A50810" s="1" t="s">
        <v>3888</v>
      </c>
      <c r="B50810" s="1" t="s">
        <v>169390</v>
      </c>
      <c r="C50810" s="1" t="s">
        <v>115</v>
      </c>
      <c r="D50810" s="1" t="s">
        <v>19505</v>
      </c>
      <c r="E50810" s="1" t="s">
        <v>171818</v>
      </c>
      <c r="F50810" s="1" t="s">
        <v>171819</v>
      </c>
      <c r="G50810" s="1" t="s">
        <v>171753</v>
      </c>
      <c r="H50810" s="1" t="s">
        <v>171754</v>
      </c>
      <c r="I50810" s="1" t="s">
        <v>169394</v>
      </c>
      <c r="J50810" s="1" t="s">
        <v>171820</v>
      </c>
    </row>
    <row r="50811" spans="1:10" x14ac:dyDescent="0.35">
      <c r="A50811" s="1" t="s">
        <v>3888</v>
      </c>
      <c r="B50811" s="1" t="s">
        <v>169390</v>
      </c>
      <c r="C50811" s="1" t="s">
        <v>120</v>
      </c>
      <c r="D50811" s="1" t="s">
        <v>110129</v>
      </c>
      <c r="E50811" s="1" t="s">
        <v>171821</v>
      </c>
      <c r="F50811" s="1" t="s">
        <v>171822</v>
      </c>
      <c r="G50811" s="1" t="s">
        <v>171753</v>
      </c>
      <c r="H50811" s="1" t="s">
        <v>171754</v>
      </c>
      <c r="I50811" s="1" t="s">
        <v>169394</v>
      </c>
      <c r="J50811" s="1" t="s">
        <v>171823</v>
      </c>
    </row>
    <row r="50812" spans="1:10" x14ac:dyDescent="0.35">
      <c r="A50812" s="1" t="s">
        <v>3888</v>
      </c>
      <c r="B50812" s="1" t="s">
        <v>169390</v>
      </c>
      <c r="C50812" s="1" t="s">
        <v>125</v>
      </c>
      <c r="D50812" s="1" t="s">
        <v>30760</v>
      </c>
      <c r="E50812" s="1" t="s">
        <v>171824</v>
      </c>
      <c r="F50812" s="1" t="s">
        <v>171825</v>
      </c>
      <c r="G50812" s="1" t="s">
        <v>171753</v>
      </c>
      <c r="H50812" s="1" t="s">
        <v>171754</v>
      </c>
      <c r="I50812" s="1" t="s">
        <v>169394</v>
      </c>
      <c r="J50812" s="1" t="s">
        <v>171826</v>
      </c>
    </row>
    <row r="50813" spans="1:10" x14ac:dyDescent="0.35">
      <c r="A50813" s="1" t="s">
        <v>3888</v>
      </c>
      <c r="B50813" s="1" t="s">
        <v>169390</v>
      </c>
      <c r="C50813" s="1" t="s">
        <v>130</v>
      </c>
      <c r="D50813" s="1" t="s">
        <v>31837</v>
      </c>
      <c r="E50813" s="1" t="s">
        <v>171827</v>
      </c>
      <c r="F50813" s="1" t="s">
        <v>171828</v>
      </c>
      <c r="G50813" s="1" t="s">
        <v>171753</v>
      </c>
      <c r="H50813" s="1" t="s">
        <v>171754</v>
      </c>
      <c r="I50813" s="1" t="s">
        <v>169394</v>
      </c>
      <c r="J50813" s="1" t="s">
        <v>171829</v>
      </c>
    </row>
    <row r="50814" spans="1:10" x14ac:dyDescent="0.35">
      <c r="A50814" s="1" t="s">
        <v>3888</v>
      </c>
      <c r="B50814" s="1" t="s">
        <v>169390</v>
      </c>
      <c r="C50814" s="1" t="s">
        <v>135</v>
      </c>
      <c r="D50814" s="1" t="s">
        <v>171830</v>
      </c>
      <c r="E50814" s="1" t="s">
        <v>171831</v>
      </c>
      <c r="F50814" s="1" t="s">
        <v>171832</v>
      </c>
      <c r="G50814" s="1" t="s">
        <v>171753</v>
      </c>
      <c r="H50814" s="1" t="s">
        <v>171754</v>
      </c>
      <c r="I50814" s="1" t="s">
        <v>169394</v>
      </c>
      <c r="J50814" s="1" t="s">
        <v>171833</v>
      </c>
    </row>
    <row r="50815" spans="1:10" x14ac:dyDescent="0.35">
      <c r="A50815" s="1" t="s">
        <v>3888</v>
      </c>
      <c r="B50815" s="1" t="s">
        <v>169390</v>
      </c>
      <c r="C50815" s="1" t="s">
        <v>140</v>
      </c>
      <c r="D50815" s="1" t="s">
        <v>51600</v>
      </c>
      <c r="E50815" s="1" t="s">
        <v>171834</v>
      </c>
      <c r="F50815" s="1" t="s">
        <v>171835</v>
      </c>
      <c r="G50815" s="1" t="s">
        <v>171753</v>
      </c>
      <c r="H50815" s="1" t="s">
        <v>171754</v>
      </c>
      <c r="I50815" s="1" t="s">
        <v>169394</v>
      </c>
      <c r="J50815" s="1" t="s">
        <v>171836</v>
      </c>
    </row>
    <row r="50816" spans="1:10" x14ac:dyDescent="0.35">
      <c r="A50816" s="1" t="s">
        <v>3888</v>
      </c>
      <c r="B50816" s="1" t="s">
        <v>169390</v>
      </c>
      <c r="C50816" s="1" t="s">
        <v>145</v>
      </c>
      <c r="D50816" s="1" t="s">
        <v>156807</v>
      </c>
      <c r="E50816" s="1" t="s">
        <v>171837</v>
      </c>
      <c r="F50816" s="1" t="s">
        <v>171838</v>
      </c>
      <c r="G50816" s="1" t="s">
        <v>171753</v>
      </c>
      <c r="H50816" s="1" t="s">
        <v>171754</v>
      </c>
      <c r="I50816" s="1" t="s">
        <v>169394</v>
      </c>
      <c r="J50816" s="1" t="s">
        <v>171839</v>
      </c>
    </row>
    <row r="50817" spans="1:10" x14ac:dyDescent="0.35">
      <c r="A50817" s="1" t="s">
        <v>3888</v>
      </c>
      <c r="B50817" s="1" t="s">
        <v>169390</v>
      </c>
      <c r="C50817" s="1" t="s">
        <v>150</v>
      </c>
      <c r="D50817" s="1" t="s">
        <v>171840</v>
      </c>
      <c r="E50817" s="1" t="s">
        <v>171841</v>
      </c>
      <c r="F50817" s="1" t="s">
        <v>171842</v>
      </c>
      <c r="G50817" s="1" t="s">
        <v>171753</v>
      </c>
      <c r="H50817" s="1" t="s">
        <v>171754</v>
      </c>
      <c r="I50817" s="1" t="s">
        <v>169394</v>
      </c>
      <c r="J50817" s="1" t="s">
        <v>171843</v>
      </c>
    </row>
    <row r="50818" spans="1:10" x14ac:dyDescent="0.35">
      <c r="A50818" s="1" t="s">
        <v>3888</v>
      </c>
      <c r="B50818" s="1" t="s">
        <v>169390</v>
      </c>
      <c r="C50818" s="1" t="s">
        <v>155</v>
      </c>
      <c r="D50818" s="1" t="s">
        <v>116569</v>
      </c>
      <c r="E50818" s="1" t="s">
        <v>171844</v>
      </c>
      <c r="F50818" s="1" t="s">
        <v>171845</v>
      </c>
      <c r="G50818" s="1" t="s">
        <v>171753</v>
      </c>
      <c r="H50818" s="1" t="s">
        <v>171754</v>
      </c>
      <c r="I50818" s="1" t="s">
        <v>169394</v>
      </c>
      <c r="J50818" s="1" t="s">
        <v>171846</v>
      </c>
    </row>
    <row r="50819" spans="1:10" x14ac:dyDescent="0.35">
      <c r="A50819" s="1" t="s">
        <v>3888</v>
      </c>
      <c r="B50819" s="1" t="s">
        <v>169390</v>
      </c>
      <c r="C50819" s="1" t="s">
        <v>160</v>
      </c>
      <c r="D50819" s="1" t="s">
        <v>168537</v>
      </c>
      <c r="E50819" s="1" t="s">
        <v>171847</v>
      </c>
      <c r="F50819" s="1" t="s">
        <v>171848</v>
      </c>
      <c r="G50819" s="1" t="s">
        <v>171753</v>
      </c>
      <c r="H50819" s="1" t="s">
        <v>171754</v>
      </c>
      <c r="I50819" s="1" t="s">
        <v>169394</v>
      </c>
      <c r="J50819" s="1" t="s">
        <v>171849</v>
      </c>
    </row>
    <row r="50820" spans="1:10" x14ac:dyDescent="0.35">
      <c r="A50820" s="1" t="s">
        <v>3888</v>
      </c>
      <c r="B50820" s="1" t="s">
        <v>169390</v>
      </c>
      <c r="C50820" s="1" t="s">
        <v>165</v>
      </c>
      <c r="D50820" s="1" t="s">
        <v>123124</v>
      </c>
      <c r="E50820" s="1" t="s">
        <v>171850</v>
      </c>
      <c r="F50820" s="1" t="s">
        <v>171851</v>
      </c>
      <c r="G50820" s="1" t="s">
        <v>171753</v>
      </c>
      <c r="H50820" s="1" t="s">
        <v>171754</v>
      </c>
      <c r="I50820" s="1" t="s">
        <v>169394</v>
      </c>
      <c r="J50820" s="1" t="s">
        <v>171852</v>
      </c>
    </row>
    <row r="50821" spans="1:10" x14ac:dyDescent="0.35">
      <c r="A50821" s="1" t="s">
        <v>3888</v>
      </c>
      <c r="B50821" s="1" t="s">
        <v>169390</v>
      </c>
      <c r="C50821" s="1" t="s">
        <v>170</v>
      </c>
      <c r="D50821" s="1" t="s">
        <v>37054</v>
      </c>
      <c r="E50821" s="1" t="s">
        <v>171853</v>
      </c>
      <c r="F50821" s="1" t="s">
        <v>171854</v>
      </c>
      <c r="G50821" s="1" t="s">
        <v>171753</v>
      </c>
      <c r="H50821" s="1" t="s">
        <v>171754</v>
      </c>
      <c r="I50821" s="1" t="s">
        <v>169394</v>
      </c>
      <c r="J50821" s="1" t="s">
        <v>171855</v>
      </c>
    </row>
    <row r="50822" spans="1:10" x14ac:dyDescent="0.35">
      <c r="A50822" s="1" t="s">
        <v>3942</v>
      </c>
      <c r="B50822" s="1" t="s">
        <v>171856</v>
      </c>
      <c r="C50822" s="1" t="s">
        <v>8</v>
      </c>
      <c r="D50822" s="1" t="s">
        <v>27745</v>
      </c>
      <c r="E50822" s="1" t="s">
        <v>171857</v>
      </c>
      <c r="F50822" s="1" t="s">
        <v>171858</v>
      </c>
      <c r="G50822" s="1" t="s">
        <v>171859</v>
      </c>
      <c r="H50822" s="1" t="s">
        <v>171860</v>
      </c>
      <c r="I50822" s="1" t="s">
        <v>171861</v>
      </c>
      <c r="J50822" s="1" t="s">
        <v>13</v>
      </c>
    </row>
    <row r="50823" spans="1:10" x14ac:dyDescent="0.35">
      <c r="A50823" s="1" t="s">
        <v>3942</v>
      </c>
      <c r="B50823" s="1" t="s">
        <v>171856</v>
      </c>
      <c r="C50823" s="1" t="s">
        <v>15</v>
      </c>
      <c r="D50823" s="1" t="s">
        <v>27341</v>
      </c>
      <c r="E50823" s="1" t="s">
        <v>171862</v>
      </c>
      <c r="F50823" s="1" t="s">
        <v>171863</v>
      </c>
      <c r="G50823" s="1" t="s">
        <v>171859</v>
      </c>
      <c r="H50823" s="1" t="s">
        <v>171860</v>
      </c>
      <c r="I50823" s="1" t="s">
        <v>171861</v>
      </c>
      <c r="J50823" s="1" t="s">
        <v>171864</v>
      </c>
    </row>
    <row r="50824" spans="1:10" x14ac:dyDescent="0.35">
      <c r="A50824" s="1" t="s">
        <v>3942</v>
      </c>
      <c r="B50824" s="1" t="s">
        <v>171856</v>
      </c>
      <c r="C50824" s="1" t="s">
        <v>20</v>
      </c>
      <c r="D50824" s="1" t="s">
        <v>9175</v>
      </c>
      <c r="E50824" s="1" t="s">
        <v>171865</v>
      </c>
      <c r="F50824" s="1" t="s">
        <v>171866</v>
      </c>
      <c r="G50824" s="1" t="s">
        <v>171859</v>
      </c>
      <c r="H50824" s="1" t="s">
        <v>171860</v>
      </c>
      <c r="I50824" s="1" t="s">
        <v>171861</v>
      </c>
      <c r="J50824" s="1" t="s">
        <v>171867</v>
      </c>
    </row>
    <row r="50825" spans="1:10" x14ac:dyDescent="0.35">
      <c r="A50825" s="1" t="s">
        <v>3942</v>
      </c>
      <c r="B50825" s="1" t="s">
        <v>171856</v>
      </c>
      <c r="C50825" s="1" t="s">
        <v>25</v>
      </c>
      <c r="D50825" s="1" t="s">
        <v>121731</v>
      </c>
      <c r="E50825" s="1" t="s">
        <v>171868</v>
      </c>
      <c r="F50825" s="1" t="s">
        <v>171869</v>
      </c>
      <c r="G50825" s="1" t="s">
        <v>171859</v>
      </c>
      <c r="H50825" s="1" t="s">
        <v>171860</v>
      </c>
      <c r="I50825" s="1" t="s">
        <v>171861</v>
      </c>
      <c r="J50825" s="1" t="s">
        <v>171870</v>
      </c>
    </row>
    <row r="50826" spans="1:10" x14ac:dyDescent="0.35">
      <c r="A50826" s="1" t="s">
        <v>3942</v>
      </c>
      <c r="B50826" s="1" t="s">
        <v>171856</v>
      </c>
      <c r="C50826" s="1" t="s">
        <v>30</v>
      </c>
      <c r="D50826" s="1" t="s">
        <v>6431</v>
      </c>
      <c r="E50826" s="1" t="s">
        <v>171871</v>
      </c>
      <c r="F50826" s="1" t="s">
        <v>171872</v>
      </c>
      <c r="G50826" s="1" t="s">
        <v>171859</v>
      </c>
      <c r="H50826" s="1" t="s">
        <v>171860</v>
      </c>
      <c r="I50826" s="1" t="s">
        <v>171861</v>
      </c>
      <c r="J50826" s="1" t="s">
        <v>171873</v>
      </c>
    </row>
    <row r="50827" spans="1:10" x14ac:dyDescent="0.35">
      <c r="A50827" s="1" t="s">
        <v>3942</v>
      </c>
      <c r="B50827" s="1" t="s">
        <v>171856</v>
      </c>
      <c r="C50827" s="1" t="s">
        <v>35</v>
      </c>
      <c r="D50827" s="1" t="s">
        <v>6435</v>
      </c>
      <c r="E50827" s="1" t="s">
        <v>171874</v>
      </c>
      <c r="F50827" s="1" t="s">
        <v>171875</v>
      </c>
      <c r="G50827" s="1" t="s">
        <v>171859</v>
      </c>
      <c r="H50827" s="1" t="s">
        <v>171860</v>
      </c>
      <c r="I50827" s="1" t="s">
        <v>171861</v>
      </c>
      <c r="J50827" s="1" t="s">
        <v>6438</v>
      </c>
    </row>
    <row r="50828" spans="1:10" x14ac:dyDescent="0.35">
      <c r="A50828" s="1" t="s">
        <v>3942</v>
      </c>
      <c r="B50828" s="1" t="s">
        <v>171856</v>
      </c>
      <c r="C50828" s="1" t="s">
        <v>40</v>
      </c>
      <c r="D50828" s="1" t="s">
        <v>44306</v>
      </c>
      <c r="E50828" s="1" t="s">
        <v>171876</v>
      </c>
      <c r="F50828" s="1" t="s">
        <v>171877</v>
      </c>
      <c r="G50828" s="1" t="s">
        <v>171859</v>
      </c>
      <c r="H50828" s="1" t="s">
        <v>171860</v>
      </c>
      <c r="I50828" s="1" t="s">
        <v>171861</v>
      </c>
      <c r="J50828" s="1" t="s">
        <v>171878</v>
      </c>
    </row>
    <row r="50829" spans="1:10" x14ac:dyDescent="0.35">
      <c r="A50829" s="1" t="s">
        <v>3942</v>
      </c>
      <c r="B50829" s="1" t="s">
        <v>171856</v>
      </c>
      <c r="C50829" s="1" t="s">
        <v>45</v>
      </c>
      <c r="D50829" s="1" t="s">
        <v>29078</v>
      </c>
      <c r="E50829" s="1" t="s">
        <v>171879</v>
      </c>
      <c r="F50829" s="1" t="s">
        <v>171880</v>
      </c>
      <c r="G50829" s="1" t="s">
        <v>171859</v>
      </c>
      <c r="H50829" s="1" t="s">
        <v>171860</v>
      </c>
      <c r="I50829" s="1" t="s">
        <v>171861</v>
      </c>
      <c r="J50829" s="1" t="s">
        <v>171881</v>
      </c>
    </row>
    <row r="50830" spans="1:10" x14ac:dyDescent="0.35">
      <c r="A50830" s="1" t="s">
        <v>3942</v>
      </c>
      <c r="B50830" s="1" t="s">
        <v>171856</v>
      </c>
      <c r="C50830" s="1" t="s">
        <v>50</v>
      </c>
      <c r="D50830" s="1" t="s">
        <v>11040</v>
      </c>
      <c r="E50830" s="1" t="s">
        <v>171882</v>
      </c>
      <c r="F50830" s="1" t="s">
        <v>171883</v>
      </c>
      <c r="G50830" s="1" t="s">
        <v>171859</v>
      </c>
      <c r="H50830" s="1" t="s">
        <v>171860</v>
      </c>
      <c r="I50830" s="1" t="s">
        <v>171861</v>
      </c>
      <c r="J50830" s="1" t="s">
        <v>171884</v>
      </c>
    </row>
    <row r="50831" spans="1:10" x14ac:dyDescent="0.35">
      <c r="A50831" s="1" t="s">
        <v>3942</v>
      </c>
      <c r="B50831" s="1" t="s">
        <v>171856</v>
      </c>
      <c r="C50831" s="1" t="s">
        <v>55</v>
      </c>
      <c r="D50831" s="1" t="s">
        <v>120026</v>
      </c>
      <c r="E50831" s="1" t="s">
        <v>171885</v>
      </c>
      <c r="F50831" s="1" t="s">
        <v>171886</v>
      </c>
      <c r="G50831" s="1" t="s">
        <v>171859</v>
      </c>
      <c r="H50831" s="1" t="s">
        <v>171860</v>
      </c>
      <c r="I50831" s="1" t="s">
        <v>171861</v>
      </c>
      <c r="J50831" s="1" t="s">
        <v>171887</v>
      </c>
    </row>
    <row r="50832" spans="1:10" x14ac:dyDescent="0.35">
      <c r="A50832" s="1" t="s">
        <v>3942</v>
      </c>
      <c r="B50832" s="1" t="s">
        <v>171856</v>
      </c>
      <c r="C50832" s="1" t="s">
        <v>60</v>
      </c>
      <c r="D50832" s="1" t="s">
        <v>110642</v>
      </c>
      <c r="E50832" s="1" t="s">
        <v>171888</v>
      </c>
      <c r="F50832" s="1" t="s">
        <v>171889</v>
      </c>
      <c r="G50832" s="1" t="s">
        <v>171859</v>
      </c>
      <c r="H50832" s="1" t="s">
        <v>171860</v>
      </c>
      <c r="I50832" s="1" t="s">
        <v>171861</v>
      </c>
      <c r="J50832" s="1" t="s">
        <v>171890</v>
      </c>
    </row>
    <row r="50833" spans="1:10" x14ac:dyDescent="0.35">
      <c r="A50833" s="1" t="s">
        <v>3942</v>
      </c>
      <c r="B50833" s="1" t="s">
        <v>171856</v>
      </c>
      <c r="C50833" s="1" t="s">
        <v>65</v>
      </c>
      <c r="D50833" s="1" t="s">
        <v>171891</v>
      </c>
      <c r="E50833" s="1" t="s">
        <v>171892</v>
      </c>
      <c r="F50833" s="1" t="s">
        <v>171893</v>
      </c>
      <c r="G50833" s="1" t="s">
        <v>171859</v>
      </c>
      <c r="H50833" s="1" t="s">
        <v>171860</v>
      </c>
      <c r="I50833" s="1" t="s">
        <v>171861</v>
      </c>
      <c r="J50833" s="1" t="s">
        <v>171894</v>
      </c>
    </row>
    <row r="50834" spans="1:10" x14ac:dyDescent="0.35">
      <c r="A50834" s="1" t="s">
        <v>3942</v>
      </c>
      <c r="B50834" s="1" t="s">
        <v>171856</v>
      </c>
      <c r="C50834" s="1" t="s">
        <v>70</v>
      </c>
      <c r="D50834" s="1" t="s">
        <v>25801</v>
      </c>
      <c r="E50834" s="1" t="s">
        <v>171895</v>
      </c>
      <c r="F50834" s="1" t="s">
        <v>171896</v>
      </c>
      <c r="G50834" s="1" t="s">
        <v>171859</v>
      </c>
      <c r="H50834" s="1" t="s">
        <v>171860</v>
      </c>
      <c r="I50834" s="1" t="s">
        <v>171861</v>
      </c>
      <c r="J50834" s="1" t="s">
        <v>171897</v>
      </c>
    </row>
    <row r="50835" spans="1:10" x14ac:dyDescent="0.35">
      <c r="A50835" s="1" t="s">
        <v>3942</v>
      </c>
      <c r="B50835" s="1" t="s">
        <v>171856</v>
      </c>
      <c r="C50835" s="1" t="s">
        <v>75</v>
      </c>
      <c r="D50835" s="1" t="s">
        <v>14979</v>
      </c>
      <c r="E50835" s="1" t="s">
        <v>171898</v>
      </c>
      <c r="F50835" s="1" t="s">
        <v>171899</v>
      </c>
      <c r="G50835" s="1" t="s">
        <v>171859</v>
      </c>
      <c r="H50835" s="1" t="s">
        <v>171860</v>
      </c>
      <c r="I50835" s="1" t="s">
        <v>171861</v>
      </c>
      <c r="J50835" s="1" t="s">
        <v>171900</v>
      </c>
    </row>
    <row r="50836" spans="1:10" x14ac:dyDescent="0.35">
      <c r="A50836" s="1" t="s">
        <v>3942</v>
      </c>
      <c r="B50836" s="1" t="s">
        <v>171856</v>
      </c>
      <c r="C50836" s="1" t="s">
        <v>80</v>
      </c>
      <c r="D50836" s="1" t="s">
        <v>11759</v>
      </c>
      <c r="E50836" s="1" t="s">
        <v>171901</v>
      </c>
      <c r="F50836" s="1" t="s">
        <v>171902</v>
      </c>
      <c r="G50836" s="1" t="s">
        <v>171859</v>
      </c>
      <c r="H50836" s="1" t="s">
        <v>171860</v>
      </c>
      <c r="I50836" s="1" t="s">
        <v>171861</v>
      </c>
      <c r="J50836" s="1" t="s">
        <v>171903</v>
      </c>
    </row>
    <row r="50837" spans="1:10" x14ac:dyDescent="0.35">
      <c r="A50837" s="1" t="s">
        <v>3942</v>
      </c>
      <c r="B50837" s="1" t="s">
        <v>171856</v>
      </c>
      <c r="C50837" s="1" t="s">
        <v>85</v>
      </c>
      <c r="D50837" s="1" t="s">
        <v>4030</v>
      </c>
      <c r="E50837" s="1" t="s">
        <v>171904</v>
      </c>
      <c r="F50837" s="1" t="s">
        <v>171905</v>
      </c>
      <c r="G50837" s="1" t="s">
        <v>171859</v>
      </c>
      <c r="H50837" s="1" t="s">
        <v>171860</v>
      </c>
      <c r="I50837" s="1" t="s">
        <v>171861</v>
      </c>
      <c r="J50837" s="1" t="s">
        <v>171906</v>
      </c>
    </row>
    <row r="50838" spans="1:10" x14ac:dyDescent="0.35">
      <c r="A50838" s="1" t="s">
        <v>3942</v>
      </c>
      <c r="B50838" s="1" t="s">
        <v>171856</v>
      </c>
      <c r="C50838" s="1" t="s">
        <v>90</v>
      </c>
      <c r="D50838" s="1" t="s">
        <v>27767</v>
      </c>
      <c r="E50838" s="1" t="s">
        <v>171907</v>
      </c>
      <c r="F50838" s="1" t="s">
        <v>171908</v>
      </c>
      <c r="G50838" s="1" t="s">
        <v>171859</v>
      </c>
      <c r="H50838" s="1" t="s">
        <v>171860</v>
      </c>
      <c r="I50838" s="1" t="s">
        <v>171861</v>
      </c>
      <c r="J50838" s="1" t="s">
        <v>171909</v>
      </c>
    </row>
    <row r="50839" spans="1:10" x14ac:dyDescent="0.35">
      <c r="A50839" s="1" t="s">
        <v>3942</v>
      </c>
      <c r="B50839" s="1" t="s">
        <v>171856</v>
      </c>
      <c r="C50839" s="1" t="s">
        <v>95</v>
      </c>
      <c r="D50839" s="1" t="s">
        <v>171910</v>
      </c>
      <c r="E50839" s="1" t="s">
        <v>171911</v>
      </c>
      <c r="F50839" s="1" t="s">
        <v>171912</v>
      </c>
      <c r="G50839" s="1" t="s">
        <v>171859</v>
      </c>
      <c r="H50839" s="1" t="s">
        <v>171860</v>
      </c>
      <c r="I50839" s="1" t="s">
        <v>171861</v>
      </c>
      <c r="J50839" s="1" t="s">
        <v>171913</v>
      </c>
    </row>
    <row r="50840" spans="1:10" x14ac:dyDescent="0.35">
      <c r="A50840" s="1" t="s">
        <v>3942</v>
      </c>
      <c r="B50840" s="1" t="s">
        <v>171856</v>
      </c>
      <c r="C50840" s="1" t="s">
        <v>100</v>
      </c>
      <c r="D50840" s="1" t="s">
        <v>165592</v>
      </c>
      <c r="E50840" s="1" t="s">
        <v>171914</v>
      </c>
      <c r="F50840" s="1" t="s">
        <v>171915</v>
      </c>
      <c r="G50840" s="1" t="s">
        <v>171859</v>
      </c>
      <c r="H50840" s="1" t="s">
        <v>171860</v>
      </c>
      <c r="I50840" s="1" t="s">
        <v>171861</v>
      </c>
      <c r="J50840" s="1" t="s">
        <v>171916</v>
      </c>
    </row>
    <row r="50841" spans="1:10" x14ac:dyDescent="0.35">
      <c r="A50841" s="1" t="s">
        <v>3942</v>
      </c>
      <c r="B50841" s="1" t="s">
        <v>171856</v>
      </c>
      <c r="C50841" s="1" t="s">
        <v>105</v>
      </c>
      <c r="D50841" s="1" t="s">
        <v>8020</v>
      </c>
      <c r="E50841" s="1" t="s">
        <v>171917</v>
      </c>
      <c r="F50841" s="1" t="s">
        <v>171918</v>
      </c>
      <c r="G50841" s="1" t="s">
        <v>171859</v>
      </c>
      <c r="H50841" s="1" t="s">
        <v>171860</v>
      </c>
      <c r="I50841" s="1" t="s">
        <v>171861</v>
      </c>
      <c r="J50841" s="1" t="s">
        <v>171919</v>
      </c>
    </row>
    <row r="50842" spans="1:10" x14ac:dyDescent="0.35">
      <c r="A50842" s="1" t="s">
        <v>3942</v>
      </c>
      <c r="B50842" s="1" t="s">
        <v>171856</v>
      </c>
      <c r="C50842" s="1" t="s">
        <v>110</v>
      </c>
      <c r="D50842" s="1" t="s">
        <v>165805</v>
      </c>
      <c r="E50842" s="1" t="s">
        <v>171920</v>
      </c>
      <c r="F50842" s="1" t="s">
        <v>171921</v>
      </c>
      <c r="G50842" s="1" t="s">
        <v>171859</v>
      </c>
      <c r="H50842" s="1" t="s">
        <v>171860</v>
      </c>
      <c r="I50842" s="1" t="s">
        <v>171861</v>
      </c>
      <c r="J50842" s="1" t="s">
        <v>171922</v>
      </c>
    </row>
    <row r="50843" spans="1:10" x14ac:dyDescent="0.35">
      <c r="A50843" s="1" t="s">
        <v>3942</v>
      </c>
      <c r="B50843" s="1" t="s">
        <v>171856</v>
      </c>
      <c r="C50843" s="1" t="s">
        <v>115</v>
      </c>
      <c r="D50843" s="1" t="s">
        <v>45240</v>
      </c>
      <c r="E50843" s="1" t="s">
        <v>171923</v>
      </c>
      <c r="F50843" s="1" t="s">
        <v>171924</v>
      </c>
      <c r="G50843" s="1" t="s">
        <v>171859</v>
      </c>
      <c r="H50843" s="1" t="s">
        <v>171860</v>
      </c>
      <c r="I50843" s="1" t="s">
        <v>171861</v>
      </c>
      <c r="J50843" s="1" t="s">
        <v>171925</v>
      </c>
    </row>
    <row r="50844" spans="1:10" x14ac:dyDescent="0.35">
      <c r="A50844" s="1" t="s">
        <v>3942</v>
      </c>
      <c r="B50844" s="1" t="s">
        <v>171856</v>
      </c>
      <c r="C50844" s="1" t="s">
        <v>120</v>
      </c>
      <c r="D50844" s="1" t="s">
        <v>5705</v>
      </c>
      <c r="E50844" s="1" t="s">
        <v>171926</v>
      </c>
      <c r="F50844" s="1" t="s">
        <v>171927</v>
      </c>
      <c r="G50844" s="1" t="s">
        <v>171859</v>
      </c>
      <c r="H50844" s="1" t="s">
        <v>171860</v>
      </c>
      <c r="I50844" s="1" t="s">
        <v>171861</v>
      </c>
      <c r="J50844" s="1" t="s">
        <v>171928</v>
      </c>
    </row>
    <row r="50845" spans="1:10" x14ac:dyDescent="0.35">
      <c r="A50845" s="1" t="s">
        <v>3942</v>
      </c>
      <c r="B50845" s="1" t="s">
        <v>171856</v>
      </c>
      <c r="C50845" s="1" t="s">
        <v>125</v>
      </c>
      <c r="D50845" s="1" t="s">
        <v>157270</v>
      </c>
      <c r="E50845" s="1" t="s">
        <v>171929</v>
      </c>
      <c r="F50845" s="1" t="s">
        <v>171930</v>
      </c>
      <c r="G50845" s="1" t="s">
        <v>171859</v>
      </c>
      <c r="H50845" s="1" t="s">
        <v>171860</v>
      </c>
      <c r="I50845" s="1" t="s">
        <v>171861</v>
      </c>
      <c r="J50845" s="1" t="s">
        <v>171931</v>
      </c>
    </row>
    <row r="50846" spans="1:10" x14ac:dyDescent="0.35">
      <c r="A50846" s="1" t="s">
        <v>3942</v>
      </c>
      <c r="B50846" s="1" t="s">
        <v>171856</v>
      </c>
      <c r="C50846" s="1" t="s">
        <v>130</v>
      </c>
      <c r="D50846" s="1" t="s">
        <v>51025</v>
      </c>
      <c r="E50846" s="1" t="s">
        <v>171932</v>
      </c>
      <c r="F50846" s="1" t="s">
        <v>171933</v>
      </c>
      <c r="G50846" s="1" t="s">
        <v>171859</v>
      </c>
      <c r="H50846" s="1" t="s">
        <v>171860</v>
      </c>
      <c r="I50846" s="1" t="s">
        <v>171861</v>
      </c>
      <c r="J50846" s="1" t="s">
        <v>171934</v>
      </c>
    </row>
    <row r="50847" spans="1:10" x14ac:dyDescent="0.35">
      <c r="A50847" s="1" t="s">
        <v>3942</v>
      </c>
      <c r="B50847" s="1" t="s">
        <v>171856</v>
      </c>
      <c r="C50847" s="1" t="s">
        <v>135</v>
      </c>
      <c r="D50847" s="1" t="s">
        <v>10209</v>
      </c>
      <c r="E50847" s="1" t="s">
        <v>171935</v>
      </c>
      <c r="F50847" s="1" t="s">
        <v>171936</v>
      </c>
      <c r="G50847" s="1" t="s">
        <v>171859</v>
      </c>
      <c r="H50847" s="1" t="s">
        <v>171860</v>
      </c>
      <c r="I50847" s="1" t="s">
        <v>171861</v>
      </c>
      <c r="J50847" s="1" t="s">
        <v>171937</v>
      </c>
    </row>
    <row r="50848" spans="1:10" x14ac:dyDescent="0.35">
      <c r="A50848" s="1" t="s">
        <v>3942</v>
      </c>
      <c r="B50848" s="1" t="s">
        <v>171856</v>
      </c>
      <c r="C50848" s="1" t="s">
        <v>140</v>
      </c>
      <c r="D50848" s="1" t="s">
        <v>2031</v>
      </c>
      <c r="E50848" s="1" t="s">
        <v>171938</v>
      </c>
      <c r="F50848" s="1" t="s">
        <v>171939</v>
      </c>
      <c r="G50848" s="1" t="s">
        <v>171859</v>
      </c>
      <c r="H50848" s="1" t="s">
        <v>171860</v>
      </c>
      <c r="I50848" s="1" t="s">
        <v>171861</v>
      </c>
      <c r="J50848" s="1" t="s">
        <v>171940</v>
      </c>
    </row>
    <row r="50849" spans="1:10" x14ac:dyDescent="0.35">
      <c r="A50849" s="1" t="s">
        <v>3942</v>
      </c>
      <c r="B50849" s="1" t="s">
        <v>171856</v>
      </c>
      <c r="C50849" s="1" t="s">
        <v>145</v>
      </c>
      <c r="D50849" s="1" t="s">
        <v>2093</v>
      </c>
      <c r="E50849" s="1" t="s">
        <v>171941</v>
      </c>
      <c r="F50849" s="1" t="s">
        <v>171942</v>
      </c>
      <c r="G50849" s="1" t="s">
        <v>171859</v>
      </c>
      <c r="H50849" s="1" t="s">
        <v>171860</v>
      </c>
      <c r="I50849" s="1" t="s">
        <v>171861</v>
      </c>
      <c r="J50849" s="1" t="s">
        <v>171943</v>
      </c>
    </row>
    <row r="50850" spans="1:10" x14ac:dyDescent="0.35">
      <c r="A50850" s="1" t="s">
        <v>3942</v>
      </c>
      <c r="B50850" s="1" t="s">
        <v>171856</v>
      </c>
      <c r="C50850" s="1" t="s">
        <v>150</v>
      </c>
      <c r="D50850" s="1" t="s">
        <v>14203</v>
      </c>
      <c r="E50850" s="1" t="s">
        <v>171944</v>
      </c>
      <c r="F50850" s="1" t="s">
        <v>171945</v>
      </c>
      <c r="G50850" s="1" t="s">
        <v>171859</v>
      </c>
      <c r="H50850" s="1" t="s">
        <v>171860</v>
      </c>
      <c r="I50850" s="1" t="s">
        <v>171861</v>
      </c>
      <c r="J50850" s="1" t="s">
        <v>171946</v>
      </c>
    </row>
    <row r="50851" spans="1:10" x14ac:dyDescent="0.35">
      <c r="A50851" s="1" t="s">
        <v>3942</v>
      </c>
      <c r="B50851" s="1" t="s">
        <v>171856</v>
      </c>
      <c r="C50851" s="1" t="s">
        <v>155</v>
      </c>
      <c r="D50851" s="1" t="s">
        <v>6489</v>
      </c>
      <c r="E50851" s="1" t="s">
        <v>171947</v>
      </c>
      <c r="F50851" s="1" t="s">
        <v>171948</v>
      </c>
      <c r="G50851" s="1" t="s">
        <v>171859</v>
      </c>
      <c r="H50851" s="1" t="s">
        <v>171860</v>
      </c>
      <c r="I50851" s="1" t="s">
        <v>171861</v>
      </c>
      <c r="J50851" s="1" t="s">
        <v>171949</v>
      </c>
    </row>
    <row r="50852" spans="1:10" x14ac:dyDescent="0.35">
      <c r="A50852" s="1" t="s">
        <v>3942</v>
      </c>
      <c r="B50852" s="1" t="s">
        <v>171856</v>
      </c>
      <c r="C50852" s="1" t="s">
        <v>160</v>
      </c>
      <c r="D50852" s="1" t="s">
        <v>4717</v>
      </c>
      <c r="E50852" s="1" t="s">
        <v>171950</v>
      </c>
      <c r="F50852" s="1" t="s">
        <v>171951</v>
      </c>
      <c r="G50852" s="1" t="s">
        <v>171859</v>
      </c>
      <c r="H50852" s="1" t="s">
        <v>171860</v>
      </c>
      <c r="I50852" s="1" t="s">
        <v>171861</v>
      </c>
      <c r="J50852" s="1" t="s">
        <v>171952</v>
      </c>
    </row>
    <row r="50853" spans="1:10" x14ac:dyDescent="0.35">
      <c r="A50853" s="1" t="s">
        <v>3942</v>
      </c>
      <c r="B50853" s="1" t="s">
        <v>171856</v>
      </c>
      <c r="C50853" s="1" t="s">
        <v>165</v>
      </c>
      <c r="D50853" s="1" t="s">
        <v>143785</v>
      </c>
      <c r="E50853" s="1" t="s">
        <v>171953</v>
      </c>
      <c r="F50853" s="1" t="s">
        <v>171954</v>
      </c>
      <c r="G50853" s="1" t="s">
        <v>171859</v>
      </c>
      <c r="H50853" s="1" t="s">
        <v>171860</v>
      </c>
      <c r="I50853" s="1" t="s">
        <v>171861</v>
      </c>
      <c r="J50853" s="1" t="s">
        <v>171955</v>
      </c>
    </row>
    <row r="50854" spans="1:10" x14ac:dyDescent="0.35">
      <c r="A50854" s="1" t="s">
        <v>3942</v>
      </c>
      <c r="B50854" s="1" t="s">
        <v>171856</v>
      </c>
      <c r="C50854" s="1" t="s">
        <v>170</v>
      </c>
      <c r="D50854" s="1" t="s">
        <v>6877</v>
      </c>
      <c r="E50854" s="1" t="s">
        <v>171956</v>
      </c>
      <c r="F50854" s="1" t="s">
        <v>171957</v>
      </c>
      <c r="G50854" s="1" t="s">
        <v>171859</v>
      </c>
      <c r="H50854" s="1" t="s">
        <v>171860</v>
      </c>
      <c r="I50854" s="1" t="s">
        <v>171861</v>
      </c>
      <c r="J50854" s="1" t="s">
        <v>171958</v>
      </c>
    </row>
    <row r="50855" spans="1:10" x14ac:dyDescent="0.35">
      <c r="A50855" s="1" t="s">
        <v>14995</v>
      </c>
      <c r="B50855" s="1" t="s">
        <v>171856</v>
      </c>
      <c r="C50855" s="1" t="s">
        <v>8</v>
      </c>
      <c r="D50855" s="1" t="s">
        <v>28597</v>
      </c>
      <c r="E50855" s="1" t="s">
        <v>171959</v>
      </c>
      <c r="F50855" s="1" t="s">
        <v>171960</v>
      </c>
      <c r="G50855" s="1" t="s">
        <v>171961</v>
      </c>
      <c r="H50855" s="1" t="s">
        <v>171962</v>
      </c>
      <c r="I50855" s="1" t="s">
        <v>171861</v>
      </c>
      <c r="J50855" s="1" t="s">
        <v>13</v>
      </c>
    </row>
    <row r="50856" spans="1:10" x14ac:dyDescent="0.35">
      <c r="A50856" s="1" t="s">
        <v>14995</v>
      </c>
      <c r="B50856" s="1" t="s">
        <v>171856</v>
      </c>
      <c r="C50856" s="1" t="s">
        <v>15</v>
      </c>
      <c r="D50856" s="1" t="s">
        <v>4512</v>
      </c>
      <c r="E50856" s="1" t="s">
        <v>171963</v>
      </c>
      <c r="F50856" s="1" t="s">
        <v>171964</v>
      </c>
      <c r="G50856" s="1" t="s">
        <v>171961</v>
      </c>
      <c r="H50856" s="1" t="s">
        <v>171962</v>
      </c>
      <c r="I50856" s="1" t="s">
        <v>171861</v>
      </c>
      <c r="J50856" s="1" t="s">
        <v>171965</v>
      </c>
    </row>
    <row r="50857" spans="1:10" x14ac:dyDescent="0.35">
      <c r="A50857" s="1" t="s">
        <v>14995</v>
      </c>
      <c r="B50857" s="1" t="s">
        <v>171856</v>
      </c>
      <c r="C50857" s="1" t="s">
        <v>20</v>
      </c>
      <c r="D50857" s="1" t="s">
        <v>13877</v>
      </c>
      <c r="E50857" s="1" t="s">
        <v>171966</v>
      </c>
      <c r="F50857" s="1" t="s">
        <v>171967</v>
      </c>
      <c r="G50857" s="1" t="s">
        <v>171961</v>
      </c>
      <c r="H50857" s="1" t="s">
        <v>171962</v>
      </c>
      <c r="I50857" s="1" t="s">
        <v>171861</v>
      </c>
      <c r="J50857" s="1" t="s">
        <v>171968</v>
      </c>
    </row>
    <row r="50858" spans="1:10" x14ac:dyDescent="0.35">
      <c r="A50858" s="1" t="s">
        <v>14995</v>
      </c>
      <c r="B50858" s="1" t="s">
        <v>171856</v>
      </c>
      <c r="C50858" s="1" t="s">
        <v>25</v>
      </c>
      <c r="D50858" s="1" t="s">
        <v>5529</v>
      </c>
      <c r="E50858" s="1" t="s">
        <v>171969</v>
      </c>
      <c r="F50858" s="1" t="s">
        <v>171970</v>
      </c>
      <c r="G50858" s="1" t="s">
        <v>171961</v>
      </c>
      <c r="H50858" s="1" t="s">
        <v>171962</v>
      </c>
      <c r="I50858" s="1" t="s">
        <v>171861</v>
      </c>
      <c r="J50858" s="1" t="s">
        <v>171971</v>
      </c>
    </row>
    <row r="50859" spans="1:10" x14ac:dyDescent="0.35">
      <c r="A50859" s="1" t="s">
        <v>14995</v>
      </c>
      <c r="B50859" s="1" t="s">
        <v>171856</v>
      </c>
      <c r="C50859" s="1" t="s">
        <v>30</v>
      </c>
      <c r="D50859" s="1" t="s">
        <v>171972</v>
      </c>
      <c r="E50859" s="1" t="s">
        <v>171973</v>
      </c>
      <c r="F50859" s="1" t="s">
        <v>171974</v>
      </c>
      <c r="G50859" s="1" t="s">
        <v>171961</v>
      </c>
      <c r="H50859" s="1" t="s">
        <v>171962</v>
      </c>
      <c r="I50859" s="1" t="s">
        <v>171861</v>
      </c>
      <c r="J50859" s="1" t="s">
        <v>171975</v>
      </c>
    </row>
    <row r="50860" spans="1:10" x14ac:dyDescent="0.35">
      <c r="A50860" s="1" t="s">
        <v>14995</v>
      </c>
      <c r="B50860" s="1" t="s">
        <v>171856</v>
      </c>
      <c r="C50860" s="1" t="s">
        <v>35</v>
      </c>
      <c r="D50860" s="1" t="s">
        <v>28379</v>
      </c>
      <c r="E50860" s="1" t="s">
        <v>171976</v>
      </c>
      <c r="F50860" s="1" t="s">
        <v>171977</v>
      </c>
      <c r="G50860" s="1" t="s">
        <v>171961</v>
      </c>
      <c r="H50860" s="1" t="s">
        <v>171962</v>
      </c>
      <c r="I50860" s="1" t="s">
        <v>171861</v>
      </c>
      <c r="J50860" s="1" t="s">
        <v>171978</v>
      </c>
    </row>
    <row r="50861" spans="1:10" x14ac:dyDescent="0.35">
      <c r="A50861" s="1" t="s">
        <v>14995</v>
      </c>
      <c r="B50861" s="1" t="s">
        <v>171856</v>
      </c>
      <c r="C50861" s="1" t="s">
        <v>40</v>
      </c>
      <c r="D50861" s="1" t="s">
        <v>144572</v>
      </c>
      <c r="E50861" s="1" t="s">
        <v>171979</v>
      </c>
      <c r="F50861" s="1" t="s">
        <v>171980</v>
      </c>
      <c r="G50861" s="1" t="s">
        <v>171961</v>
      </c>
      <c r="H50861" s="1" t="s">
        <v>171962</v>
      </c>
      <c r="I50861" s="1" t="s">
        <v>171861</v>
      </c>
      <c r="J50861" s="1" t="s">
        <v>171981</v>
      </c>
    </row>
    <row r="50862" spans="1:10" x14ac:dyDescent="0.35">
      <c r="A50862" s="1" t="s">
        <v>14995</v>
      </c>
      <c r="B50862" s="1" t="s">
        <v>171856</v>
      </c>
      <c r="C50862" s="1" t="s">
        <v>45</v>
      </c>
      <c r="D50862" s="1" t="s">
        <v>171982</v>
      </c>
      <c r="E50862" s="1" t="s">
        <v>171983</v>
      </c>
      <c r="F50862" s="1" t="s">
        <v>171984</v>
      </c>
      <c r="G50862" s="1" t="s">
        <v>171961</v>
      </c>
      <c r="H50862" s="1" t="s">
        <v>171962</v>
      </c>
      <c r="I50862" s="1" t="s">
        <v>171861</v>
      </c>
      <c r="J50862" s="1" t="s">
        <v>171985</v>
      </c>
    </row>
    <row r="50863" spans="1:10" x14ac:dyDescent="0.35">
      <c r="A50863" s="1" t="s">
        <v>14995</v>
      </c>
      <c r="B50863" s="1" t="s">
        <v>171856</v>
      </c>
      <c r="C50863" s="1" t="s">
        <v>50</v>
      </c>
      <c r="D50863" s="1" t="s">
        <v>110554</v>
      </c>
      <c r="E50863" s="1" t="s">
        <v>171986</v>
      </c>
      <c r="F50863" s="1" t="s">
        <v>171987</v>
      </c>
      <c r="G50863" s="1" t="s">
        <v>171961</v>
      </c>
      <c r="H50863" s="1" t="s">
        <v>171962</v>
      </c>
      <c r="I50863" s="1" t="s">
        <v>171861</v>
      </c>
      <c r="J50863" s="1" t="s">
        <v>171988</v>
      </c>
    </row>
    <row r="50864" spans="1:10" x14ac:dyDescent="0.35">
      <c r="A50864" s="1" t="s">
        <v>14995</v>
      </c>
      <c r="B50864" s="1" t="s">
        <v>171856</v>
      </c>
      <c r="C50864" s="1" t="s">
        <v>55</v>
      </c>
      <c r="D50864" s="1" t="s">
        <v>28424</v>
      </c>
      <c r="E50864" s="1" t="s">
        <v>171989</v>
      </c>
      <c r="F50864" s="1" t="s">
        <v>171990</v>
      </c>
      <c r="G50864" s="1" t="s">
        <v>171961</v>
      </c>
      <c r="H50864" s="1" t="s">
        <v>171962</v>
      </c>
      <c r="I50864" s="1" t="s">
        <v>171861</v>
      </c>
      <c r="J50864" s="1" t="s">
        <v>171991</v>
      </c>
    </row>
    <row r="50865" spans="1:10" x14ac:dyDescent="0.35">
      <c r="A50865" s="1" t="s">
        <v>14995</v>
      </c>
      <c r="B50865" s="1" t="s">
        <v>171856</v>
      </c>
      <c r="C50865" s="1" t="s">
        <v>60</v>
      </c>
      <c r="D50865" s="1" t="s">
        <v>4396</v>
      </c>
      <c r="E50865" s="1" t="s">
        <v>171992</v>
      </c>
      <c r="F50865" s="1" t="s">
        <v>171993</v>
      </c>
      <c r="G50865" s="1" t="s">
        <v>171961</v>
      </c>
      <c r="H50865" s="1" t="s">
        <v>171962</v>
      </c>
      <c r="I50865" s="1" t="s">
        <v>171861</v>
      </c>
      <c r="J50865" s="1" t="s">
        <v>171994</v>
      </c>
    </row>
    <row r="50866" spans="1:10" x14ac:dyDescent="0.35">
      <c r="A50866" s="1" t="s">
        <v>14995</v>
      </c>
      <c r="B50866" s="1" t="s">
        <v>171856</v>
      </c>
      <c r="C50866" s="1" t="s">
        <v>65</v>
      </c>
      <c r="D50866" s="1" t="s">
        <v>27648</v>
      </c>
      <c r="E50866" s="1" t="s">
        <v>171995</v>
      </c>
      <c r="F50866" s="1" t="s">
        <v>171996</v>
      </c>
      <c r="G50866" s="1" t="s">
        <v>171961</v>
      </c>
      <c r="H50866" s="1" t="s">
        <v>171962</v>
      </c>
      <c r="I50866" s="1" t="s">
        <v>171861</v>
      </c>
      <c r="J50866" s="1" t="s">
        <v>171997</v>
      </c>
    </row>
    <row r="50867" spans="1:10" x14ac:dyDescent="0.35">
      <c r="A50867" s="1" t="s">
        <v>14995</v>
      </c>
      <c r="B50867" s="1" t="s">
        <v>171856</v>
      </c>
      <c r="C50867" s="1" t="s">
        <v>70</v>
      </c>
      <c r="D50867" s="1" t="s">
        <v>27437</v>
      </c>
      <c r="E50867" s="1" t="s">
        <v>171998</v>
      </c>
      <c r="F50867" s="1" t="s">
        <v>171999</v>
      </c>
      <c r="G50867" s="1" t="s">
        <v>171961</v>
      </c>
      <c r="H50867" s="1" t="s">
        <v>171962</v>
      </c>
      <c r="I50867" s="1" t="s">
        <v>171861</v>
      </c>
      <c r="J50867" s="1" t="s">
        <v>172000</v>
      </c>
    </row>
    <row r="50868" spans="1:10" x14ac:dyDescent="0.35">
      <c r="A50868" s="1" t="s">
        <v>14995</v>
      </c>
      <c r="B50868" s="1" t="s">
        <v>171856</v>
      </c>
      <c r="C50868" s="1" t="s">
        <v>75</v>
      </c>
      <c r="D50868" s="1" t="s">
        <v>10029</v>
      </c>
      <c r="E50868" s="1" t="s">
        <v>172001</v>
      </c>
      <c r="F50868" s="1" t="s">
        <v>172002</v>
      </c>
      <c r="G50868" s="1" t="s">
        <v>171961</v>
      </c>
      <c r="H50868" s="1" t="s">
        <v>171962</v>
      </c>
      <c r="I50868" s="1" t="s">
        <v>171861</v>
      </c>
      <c r="J50868" s="1" t="s">
        <v>172003</v>
      </c>
    </row>
    <row r="50869" spans="1:10" x14ac:dyDescent="0.35">
      <c r="A50869" s="1" t="s">
        <v>14995</v>
      </c>
      <c r="B50869" s="1" t="s">
        <v>171856</v>
      </c>
      <c r="C50869" s="1" t="s">
        <v>80</v>
      </c>
      <c r="D50869" s="1" t="s">
        <v>29585</v>
      </c>
      <c r="E50869" s="1" t="s">
        <v>172004</v>
      </c>
      <c r="F50869" s="1" t="s">
        <v>172005</v>
      </c>
      <c r="G50869" s="1" t="s">
        <v>171961</v>
      </c>
      <c r="H50869" s="1" t="s">
        <v>171962</v>
      </c>
      <c r="I50869" s="1" t="s">
        <v>171861</v>
      </c>
      <c r="J50869" s="1" t="s">
        <v>172006</v>
      </c>
    </row>
    <row r="50870" spans="1:10" x14ac:dyDescent="0.35">
      <c r="A50870" s="1" t="s">
        <v>14995</v>
      </c>
      <c r="B50870" s="1" t="s">
        <v>171856</v>
      </c>
      <c r="C50870" s="1" t="s">
        <v>85</v>
      </c>
      <c r="D50870" s="1" t="s">
        <v>172007</v>
      </c>
      <c r="E50870" s="1" t="s">
        <v>172008</v>
      </c>
      <c r="F50870" s="1" t="s">
        <v>172009</v>
      </c>
      <c r="G50870" s="1" t="s">
        <v>171961</v>
      </c>
      <c r="H50870" s="1" t="s">
        <v>171962</v>
      </c>
      <c r="I50870" s="1" t="s">
        <v>171861</v>
      </c>
      <c r="J50870" s="1" t="s">
        <v>172010</v>
      </c>
    </row>
    <row r="50871" spans="1:10" x14ac:dyDescent="0.35">
      <c r="A50871" s="1" t="s">
        <v>14995</v>
      </c>
      <c r="B50871" s="1" t="s">
        <v>171856</v>
      </c>
      <c r="C50871" s="1" t="s">
        <v>90</v>
      </c>
      <c r="D50871" s="1" t="s">
        <v>45760</v>
      </c>
      <c r="E50871" s="1" t="s">
        <v>172011</v>
      </c>
      <c r="F50871" s="1" t="s">
        <v>172012</v>
      </c>
      <c r="G50871" s="1" t="s">
        <v>171961</v>
      </c>
      <c r="H50871" s="1" t="s">
        <v>171962</v>
      </c>
      <c r="I50871" s="1" t="s">
        <v>171861</v>
      </c>
      <c r="J50871" s="1" t="s">
        <v>172013</v>
      </c>
    </row>
    <row r="50872" spans="1:10" x14ac:dyDescent="0.35">
      <c r="A50872" s="1" t="s">
        <v>14995</v>
      </c>
      <c r="B50872" s="1" t="s">
        <v>171856</v>
      </c>
      <c r="C50872" s="1" t="s">
        <v>95</v>
      </c>
      <c r="D50872" s="1" t="s">
        <v>14496</v>
      </c>
      <c r="E50872" s="1" t="s">
        <v>172014</v>
      </c>
      <c r="F50872" s="1" t="s">
        <v>172015</v>
      </c>
      <c r="G50872" s="1" t="s">
        <v>171961</v>
      </c>
      <c r="H50872" s="1" t="s">
        <v>171962</v>
      </c>
      <c r="I50872" s="1" t="s">
        <v>171861</v>
      </c>
      <c r="J50872" s="1" t="s">
        <v>14060</v>
      </c>
    </row>
    <row r="50873" spans="1:10" x14ac:dyDescent="0.35">
      <c r="A50873" s="1" t="s">
        <v>14995</v>
      </c>
      <c r="B50873" s="1" t="s">
        <v>171856</v>
      </c>
      <c r="C50873" s="1" t="s">
        <v>100</v>
      </c>
      <c r="D50873" s="1" t="s">
        <v>44157</v>
      </c>
      <c r="E50873" s="1" t="s">
        <v>172016</v>
      </c>
      <c r="F50873" s="1" t="s">
        <v>172017</v>
      </c>
      <c r="G50873" s="1" t="s">
        <v>171961</v>
      </c>
      <c r="H50873" s="1" t="s">
        <v>171962</v>
      </c>
      <c r="I50873" s="1" t="s">
        <v>171861</v>
      </c>
      <c r="J50873" s="1" t="s">
        <v>172018</v>
      </c>
    </row>
    <row r="50874" spans="1:10" x14ac:dyDescent="0.35">
      <c r="A50874" s="1" t="s">
        <v>14995</v>
      </c>
      <c r="B50874" s="1" t="s">
        <v>171856</v>
      </c>
      <c r="C50874" s="1" t="s">
        <v>105</v>
      </c>
      <c r="D50874" s="1" t="s">
        <v>10973</v>
      </c>
      <c r="E50874" s="1" t="s">
        <v>172019</v>
      </c>
      <c r="F50874" s="1" t="s">
        <v>172020</v>
      </c>
      <c r="G50874" s="1" t="s">
        <v>171961</v>
      </c>
      <c r="H50874" s="1" t="s">
        <v>171962</v>
      </c>
      <c r="I50874" s="1" t="s">
        <v>171861</v>
      </c>
      <c r="J50874" s="1" t="s">
        <v>172021</v>
      </c>
    </row>
    <row r="50875" spans="1:10" x14ac:dyDescent="0.35">
      <c r="A50875" s="1" t="s">
        <v>14995</v>
      </c>
      <c r="B50875" s="1" t="s">
        <v>171856</v>
      </c>
      <c r="C50875" s="1" t="s">
        <v>110</v>
      </c>
      <c r="D50875" s="1" t="s">
        <v>145205</v>
      </c>
      <c r="E50875" s="1" t="s">
        <v>172022</v>
      </c>
      <c r="F50875" s="1" t="s">
        <v>172023</v>
      </c>
      <c r="G50875" s="1" t="s">
        <v>171961</v>
      </c>
      <c r="H50875" s="1" t="s">
        <v>171962</v>
      </c>
      <c r="I50875" s="1" t="s">
        <v>171861</v>
      </c>
      <c r="J50875" s="1" t="s">
        <v>172024</v>
      </c>
    </row>
    <row r="50876" spans="1:10" x14ac:dyDescent="0.35">
      <c r="A50876" s="1" t="s">
        <v>14995</v>
      </c>
      <c r="B50876" s="1" t="s">
        <v>171856</v>
      </c>
      <c r="C50876" s="1" t="s">
        <v>115</v>
      </c>
      <c r="D50876" s="1" t="s">
        <v>171783</v>
      </c>
      <c r="E50876" s="1" t="s">
        <v>172025</v>
      </c>
      <c r="F50876" s="1" t="s">
        <v>172026</v>
      </c>
      <c r="G50876" s="1" t="s">
        <v>171961</v>
      </c>
      <c r="H50876" s="1" t="s">
        <v>171962</v>
      </c>
      <c r="I50876" s="1" t="s">
        <v>171861</v>
      </c>
      <c r="J50876" s="1" t="s">
        <v>172027</v>
      </c>
    </row>
    <row r="50877" spans="1:10" x14ac:dyDescent="0.35">
      <c r="A50877" s="1" t="s">
        <v>14995</v>
      </c>
      <c r="B50877" s="1" t="s">
        <v>171856</v>
      </c>
      <c r="C50877" s="1" t="s">
        <v>120</v>
      </c>
      <c r="D50877" s="1" t="s">
        <v>36156</v>
      </c>
      <c r="E50877" s="1" t="s">
        <v>172028</v>
      </c>
      <c r="F50877" s="1" t="s">
        <v>172029</v>
      </c>
      <c r="G50877" s="1" t="s">
        <v>171961</v>
      </c>
      <c r="H50877" s="1" t="s">
        <v>171962</v>
      </c>
      <c r="I50877" s="1" t="s">
        <v>171861</v>
      </c>
      <c r="J50877" s="1" t="s">
        <v>172030</v>
      </c>
    </row>
    <row r="50878" spans="1:10" x14ac:dyDescent="0.35">
      <c r="A50878" s="1" t="s">
        <v>14995</v>
      </c>
      <c r="B50878" s="1" t="s">
        <v>171856</v>
      </c>
      <c r="C50878" s="1" t="s">
        <v>125</v>
      </c>
      <c r="D50878" s="1" t="s">
        <v>2659</v>
      </c>
      <c r="E50878" s="1" t="s">
        <v>172031</v>
      </c>
      <c r="F50878" s="1" t="s">
        <v>172032</v>
      </c>
      <c r="G50878" s="1" t="s">
        <v>171961</v>
      </c>
      <c r="H50878" s="1" t="s">
        <v>171962</v>
      </c>
      <c r="I50878" s="1" t="s">
        <v>171861</v>
      </c>
      <c r="J50878" s="1" t="s">
        <v>172033</v>
      </c>
    </row>
    <row r="50879" spans="1:10" x14ac:dyDescent="0.35">
      <c r="A50879" s="1" t="s">
        <v>14995</v>
      </c>
      <c r="B50879" s="1" t="s">
        <v>171856</v>
      </c>
      <c r="C50879" s="1" t="s">
        <v>130</v>
      </c>
      <c r="D50879" s="1" t="s">
        <v>121135</v>
      </c>
      <c r="E50879" s="1" t="s">
        <v>172034</v>
      </c>
      <c r="F50879" s="1" t="s">
        <v>172035</v>
      </c>
      <c r="G50879" s="1" t="s">
        <v>171961</v>
      </c>
      <c r="H50879" s="1" t="s">
        <v>171962</v>
      </c>
      <c r="I50879" s="1" t="s">
        <v>171861</v>
      </c>
      <c r="J50879" s="1" t="s">
        <v>172036</v>
      </c>
    </row>
    <row r="50880" spans="1:10" x14ac:dyDescent="0.35">
      <c r="A50880" s="1" t="s">
        <v>14995</v>
      </c>
      <c r="B50880" s="1" t="s">
        <v>171856</v>
      </c>
      <c r="C50880" s="1" t="s">
        <v>135</v>
      </c>
      <c r="D50880" s="1" t="s">
        <v>35213</v>
      </c>
      <c r="E50880" s="1" t="s">
        <v>172037</v>
      </c>
      <c r="F50880" s="1" t="s">
        <v>172038</v>
      </c>
      <c r="G50880" s="1" t="s">
        <v>171961</v>
      </c>
      <c r="H50880" s="1" t="s">
        <v>171962</v>
      </c>
      <c r="I50880" s="1" t="s">
        <v>171861</v>
      </c>
      <c r="J50880" s="1" t="s">
        <v>172039</v>
      </c>
    </row>
    <row r="50881" spans="1:10" x14ac:dyDescent="0.35">
      <c r="A50881" s="1" t="s">
        <v>14995</v>
      </c>
      <c r="B50881" s="1" t="s">
        <v>171856</v>
      </c>
      <c r="C50881" s="1" t="s">
        <v>140</v>
      </c>
      <c r="D50881" s="1" t="s">
        <v>35690</v>
      </c>
      <c r="E50881" s="1" t="s">
        <v>172040</v>
      </c>
      <c r="F50881" s="1" t="s">
        <v>172041</v>
      </c>
      <c r="G50881" s="1" t="s">
        <v>171961</v>
      </c>
      <c r="H50881" s="1" t="s">
        <v>171962</v>
      </c>
      <c r="I50881" s="1" t="s">
        <v>171861</v>
      </c>
      <c r="J50881" s="1" t="s">
        <v>172042</v>
      </c>
    </row>
    <row r="50882" spans="1:10" x14ac:dyDescent="0.35">
      <c r="A50882" s="1" t="s">
        <v>14995</v>
      </c>
      <c r="B50882" s="1" t="s">
        <v>171856</v>
      </c>
      <c r="C50882" s="1" t="s">
        <v>145</v>
      </c>
      <c r="D50882" s="1" t="s">
        <v>158422</v>
      </c>
      <c r="E50882" s="1" t="s">
        <v>172043</v>
      </c>
      <c r="F50882" s="1" t="s">
        <v>172044</v>
      </c>
      <c r="G50882" s="1" t="s">
        <v>171961</v>
      </c>
      <c r="H50882" s="1" t="s">
        <v>171962</v>
      </c>
      <c r="I50882" s="1" t="s">
        <v>171861</v>
      </c>
      <c r="J50882" s="1" t="s">
        <v>172045</v>
      </c>
    </row>
    <row r="50883" spans="1:10" x14ac:dyDescent="0.35">
      <c r="A50883" s="1" t="s">
        <v>14995</v>
      </c>
      <c r="B50883" s="1" t="s">
        <v>171856</v>
      </c>
      <c r="C50883" s="1" t="s">
        <v>150</v>
      </c>
      <c r="D50883" s="1" t="s">
        <v>34135</v>
      </c>
      <c r="E50883" s="1" t="s">
        <v>172046</v>
      </c>
      <c r="F50883" s="1" t="s">
        <v>172047</v>
      </c>
      <c r="G50883" s="1" t="s">
        <v>171961</v>
      </c>
      <c r="H50883" s="1" t="s">
        <v>171962</v>
      </c>
      <c r="I50883" s="1" t="s">
        <v>171861</v>
      </c>
      <c r="J50883" s="1" t="s">
        <v>172048</v>
      </c>
    </row>
    <row r="50884" spans="1:10" x14ac:dyDescent="0.35">
      <c r="A50884" s="1" t="s">
        <v>14995</v>
      </c>
      <c r="B50884" s="1" t="s">
        <v>171856</v>
      </c>
      <c r="C50884" s="1" t="s">
        <v>155</v>
      </c>
      <c r="D50884" s="1" t="s">
        <v>73838</v>
      </c>
      <c r="E50884" s="1" t="s">
        <v>172049</v>
      </c>
      <c r="F50884" s="1" t="s">
        <v>172050</v>
      </c>
      <c r="G50884" s="1" t="s">
        <v>171961</v>
      </c>
      <c r="H50884" s="1" t="s">
        <v>171962</v>
      </c>
      <c r="I50884" s="1" t="s">
        <v>171861</v>
      </c>
      <c r="J50884" s="1" t="s">
        <v>172051</v>
      </c>
    </row>
    <row r="50885" spans="1:10" x14ac:dyDescent="0.35">
      <c r="A50885" s="1" t="s">
        <v>14995</v>
      </c>
      <c r="B50885" s="1" t="s">
        <v>171856</v>
      </c>
      <c r="C50885" s="1" t="s">
        <v>160</v>
      </c>
      <c r="D50885" s="1" t="s">
        <v>142903</v>
      </c>
      <c r="E50885" s="1" t="s">
        <v>172052</v>
      </c>
      <c r="F50885" s="1" t="s">
        <v>172053</v>
      </c>
      <c r="G50885" s="1" t="s">
        <v>171961</v>
      </c>
      <c r="H50885" s="1" t="s">
        <v>171962</v>
      </c>
      <c r="I50885" s="1" t="s">
        <v>171861</v>
      </c>
      <c r="J50885" s="1" t="s">
        <v>172054</v>
      </c>
    </row>
    <row r="50886" spans="1:10" x14ac:dyDescent="0.35">
      <c r="A50886" s="1" t="s">
        <v>14995</v>
      </c>
      <c r="B50886" s="1" t="s">
        <v>171856</v>
      </c>
      <c r="C50886" s="1" t="s">
        <v>165</v>
      </c>
      <c r="D50886" s="1" t="s">
        <v>123236</v>
      </c>
      <c r="E50886" s="1" t="s">
        <v>172055</v>
      </c>
      <c r="F50886" s="1" t="s">
        <v>172056</v>
      </c>
      <c r="G50886" s="1" t="s">
        <v>171961</v>
      </c>
      <c r="H50886" s="1" t="s">
        <v>171962</v>
      </c>
      <c r="I50886" s="1" t="s">
        <v>171861</v>
      </c>
      <c r="J50886" s="1" t="s">
        <v>172057</v>
      </c>
    </row>
    <row r="50887" spans="1:10" x14ac:dyDescent="0.35">
      <c r="A50887" s="1" t="s">
        <v>14995</v>
      </c>
      <c r="B50887" s="1" t="s">
        <v>171856</v>
      </c>
      <c r="C50887" s="1" t="s">
        <v>170</v>
      </c>
      <c r="D50887" s="1" t="s">
        <v>72788</v>
      </c>
      <c r="E50887" s="1" t="s">
        <v>172058</v>
      </c>
      <c r="F50887" s="1" t="s">
        <v>172059</v>
      </c>
      <c r="G50887" s="1" t="s">
        <v>171961</v>
      </c>
      <c r="H50887" s="1" t="s">
        <v>171962</v>
      </c>
      <c r="I50887" s="1" t="s">
        <v>171861</v>
      </c>
      <c r="J50887" s="1" t="s">
        <v>172060</v>
      </c>
    </row>
    <row r="50888" spans="1:10" x14ac:dyDescent="0.35">
      <c r="A50888" s="1" t="s">
        <v>117929</v>
      </c>
      <c r="B50888" s="1" t="s">
        <v>171856</v>
      </c>
      <c r="C50888" s="1" t="s">
        <v>8</v>
      </c>
      <c r="D50888" s="1" t="s">
        <v>142946</v>
      </c>
      <c r="E50888" s="1" t="s">
        <v>172061</v>
      </c>
      <c r="F50888" s="1" t="s">
        <v>172062</v>
      </c>
      <c r="G50888" s="1" t="s">
        <v>172063</v>
      </c>
      <c r="H50888" s="1" t="s">
        <v>172064</v>
      </c>
      <c r="I50888" s="1" t="s">
        <v>171861</v>
      </c>
      <c r="J50888" s="1" t="s">
        <v>13</v>
      </c>
    </row>
    <row r="50889" spans="1:10" x14ac:dyDescent="0.35">
      <c r="A50889" s="1" t="s">
        <v>117929</v>
      </c>
      <c r="B50889" s="1" t="s">
        <v>171856</v>
      </c>
      <c r="C50889" s="1" t="s">
        <v>15</v>
      </c>
      <c r="D50889" s="1" t="s">
        <v>111042</v>
      </c>
      <c r="E50889" s="1" t="s">
        <v>172065</v>
      </c>
      <c r="F50889" s="1" t="s">
        <v>172066</v>
      </c>
      <c r="G50889" s="1" t="s">
        <v>172063</v>
      </c>
      <c r="H50889" s="1" t="s">
        <v>172064</v>
      </c>
      <c r="I50889" s="1" t="s">
        <v>171861</v>
      </c>
      <c r="J50889" s="1" t="s">
        <v>172067</v>
      </c>
    </row>
    <row r="50890" spans="1:10" x14ac:dyDescent="0.35">
      <c r="A50890" s="1" t="s">
        <v>117929</v>
      </c>
      <c r="B50890" s="1" t="s">
        <v>171856</v>
      </c>
      <c r="C50890" s="1" t="s">
        <v>20</v>
      </c>
      <c r="D50890" s="1" t="s">
        <v>172068</v>
      </c>
      <c r="E50890" s="1" t="s">
        <v>172069</v>
      </c>
      <c r="F50890" s="1" t="s">
        <v>172070</v>
      </c>
      <c r="G50890" s="1" t="s">
        <v>172063</v>
      </c>
      <c r="H50890" s="1" t="s">
        <v>172064</v>
      </c>
      <c r="I50890" s="1" t="s">
        <v>171861</v>
      </c>
      <c r="J50890" s="1" t="s">
        <v>172071</v>
      </c>
    </row>
    <row r="50891" spans="1:10" x14ac:dyDescent="0.35">
      <c r="A50891" s="1" t="s">
        <v>117929</v>
      </c>
      <c r="B50891" s="1" t="s">
        <v>171856</v>
      </c>
      <c r="C50891" s="1" t="s">
        <v>25</v>
      </c>
      <c r="D50891" s="1" t="s">
        <v>141216</v>
      </c>
      <c r="E50891" s="1" t="s">
        <v>172072</v>
      </c>
      <c r="F50891" s="1" t="s">
        <v>172073</v>
      </c>
      <c r="G50891" s="1" t="s">
        <v>172063</v>
      </c>
      <c r="H50891" s="1" t="s">
        <v>172064</v>
      </c>
      <c r="I50891" s="1" t="s">
        <v>171861</v>
      </c>
      <c r="J50891" s="1" t="s">
        <v>172074</v>
      </c>
    </row>
    <row r="50892" spans="1:10" x14ac:dyDescent="0.35">
      <c r="A50892" s="1" t="s">
        <v>117929</v>
      </c>
      <c r="B50892" s="1" t="s">
        <v>171856</v>
      </c>
      <c r="C50892" s="1" t="s">
        <v>30</v>
      </c>
      <c r="D50892" s="1" t="s">
        <v>142949</v>
      </c>
      <c r="E50892" s="1" t="s">
        <v>172075</v>
      </c>
      <c r="F50892" s="1" t="s">
        <v>172076</v>
      </c>
      <c r="G50892" s="1" t="s">
        <v>172063</v>
      </c>
      <c r="H50892" s="1" t="s">
        <v>172064</v>
      </c>
      <c r="I50892" s="1" t="s">
        <v>171861</v>
      </c>
      <c r="J50892" s="1" t="s">
        <v>172077</v>
      </c>
    </row>
    <row r="50893" spans="1:10" x14ac:dyDescent="0.35">
      <c r="A50893" s="1" t="s">
        <v>117929</v>
      </c>
      <c r="B50893" s="1" t="s">
        <v>171856</v>
      </c>
      <c r="C50893" s="1" t="s">
        <v>35</v>
      </c>
      <c r="D50893" s="1" t="s">
        <v>5095</v>
      </c>
      <c r="E50893" s="1" t="s">
        <v>172078</v>
      </c>
      <c r="F50893" s="1" t="s">
        <v>172079</v>
      </c>
      <c r="G50893" s="1" t="s">
        <v>172063</v>
      </c>
      <c r="H50893" s="1" t="s">
        <v>172064</v>
      </c>
      <c r="I50893" s="1" t="s">
        <v>171861</v>
      </c>
      <c r="J50893" s="1" t="s">
        <v>172080</v>
      </c>
    </row>
    <row r="50894" spans="1:10" x14ac:dyDescent="0.35">
      <c r="A50894" s="1" t="s">
        <v>117929</v>
      </c>
      <c r="B50894" s="1" t="s">
        <v>171856</v>
      </c>
      <c r="C50894" s="1" t="s">
        <v>40</v>
      </c>
      <c r="D50894" s="1" t="s">
        <v>2351</v>
      </c>
      <c r="E50894" s="1" t="s">
        <v>172081</v>
      </c>
      <c r="F50894" s="1" t="s">
        <v>172082</v>
      </c>
      <c r="G50894" s="1" t="s">
        <v>172063</v>
      </c>
      <c r="H50894" s="1" t="s">
        <v>172064</v>
      </c>
      <c r="I50894" s="1" t="s">
        <v>171861</v>
      </c>
      <c r="J50894" s="1" t="s">
        <v>172083</v>
      </c>
    </row>
    <row r="50895" spans="1:10" x14ac:dyDescent="0.35">
      <c r="A50895" s="1" t="s">
        <v>117929</v>
      </c>
      <c r="B50895" s="1" t="s">
        <v>171856</v>
      </c>
      <c r="C50895" s="1" t="s">
        <v>45</v>
      </c>
      <c r="D50895" s="1" t="s">
        <v>121106</v>
      </c>
      <c r="E50895" s="1" t="s">
        <v>172084</v>
      </c>
      <c r="F50895" s="1" t="s">
        <v>172085</v>
      </c>
      <c r="G50895" s="1" t="s">
        <v>172063</v>
      </c>
      <c r="H50895" s="1" t="s">
        <v>172064</v>
      </c>
      <c r="I50895" s="1" t="s">
        <v>171861</v>
      </c>
      <c r="J50895" s="1" t="s">
        <v>172086</v>
      </c>
    </row>
    <row r="50896" spans="1:10" x14ac:dyDescent="0.35">
      <c r="A50896" s="1" t="s">
        <v>117929</v>
      </c>
      <c r="B50896" s="1" t="s">
        <v>171856</v>
      </c>
      <c r="C50896" s="1" t="s">
        <v>50</v>
      </c>
      <c r="D50896" s="1" t="s">
        <v>34788</v>
      </c>
      <c r="E50896" s="1" t="s">
        <v>172087</v>
      </c>
      <c r="F50896" s="1" t="s">
        <v>172088</v>
      </c>
      <c r="G50896" s="1" t="s">
        <v>172063</v>
      </c>
      <c r="H50896" s="1" t="s">
        <v>172064</v>
      </c>
      <c r="I50896" s="1" t="s">
        <v>171861</v>
      </c>
      <c r="J50896" s="1" t="s">
        <v>172089</v>
      </c>
    </row>
    <row r="50897" spans="1:10" x14ac:dyDescent="0.35">
      <c r="A50897" s="1" t="s">
        <v>117929</v>
      </c>
      <c r="B50897" s="1" t="s">
        <v>171856</v>
      </c>
      <c r="C50897" s="1" t="s">
        <v>55</v>
      </c>
      <c r="D50897" s="1" t="s">
        <v>157531</v>
      </c>
      <c r="E50897" s="1" t="s">
        <v>172090</v>
      </c>
      <c r="F50897" s="1" t="s">
        <v>172091</v>
      </c>
      <c r="G50897" s="1" t="s">
        <v>172063</v>
      </c>
      <c r="H50897" s="1" t="s">
        <v>172064</v>
      </c>
      <c r="I50897" s="1" t="s">
        <v>171861</v>
      </c>
      <c r="J50897" s="1" t="s">
        <v>172092</v>
      </c>
    </row>
    <row r="50898" spans="1:10" x14ac:dyDescent="0.35">
      <c r="A50898" s="1" t="s">
        <v>117929</v>
      </c>
      <c r="B50898" s="1" t="s">
        <v>171856</v>
      </c>
      <c r="C50898" s="1" t="s">
        <v>60</v>
      </c>
      <c r="D50898" s="1" t="s">
        <v>115605</v>
      </c>
      <c r="E50898" s="1" t="s">
        <v>172093</v>
      </c>
      <c r="F50898" s="1" t="s">
        <v>172094</v>
      </c>
      <c r="G50898" s="1" t="s">
        <v>172063</v>
      </c>
      <c r="H50898" s="1" t="s">
        <v>172064</v>
      </c>
      <c r="I50898" s="1" t="s">
        <v>171861</v>
      </c>
      <c r="J50898" s="1" t="s">
        <v>172095</v>
      </c>
    </row>
    <row r="50899" spans="1:10" x14ac:dyDescent="0.35">
      <c r="A50899" s="1" t="s">
        <v>117929</v>
      </c>
      <c r="B50899" s="1" t="s">
        <v>171856</v>
      </c>
      <c r="C50899" s="1" t="s">
        <v>65</v>
      </c>
      <c r="D50899" s="1" t="s">
        <v>6649</v>
      </c>
      <c r="E50899" s="1" t="s">
        <v>172096</v>
      </c>
      <c r="F50899" s="1" t="s">
        <v>172097</v>
      </c>
      <c r="G50899" s="1" t="s">
        <v>172063</v>
      </c>
      <c r="H50899" s="1" t="s">
        <v>172064</v>
      </c>
      <c r="I50899" s="1" t="s">
        <v>171861</v>
      </c>
      <c r="J50899" s="1" t="s">
        <v>172098</v>
      </c>
    </row>
    <row r="50900" spans="1:10" x14ac:dyDescent="0.35">
      <c r="A50900" s="1" t="s">
        <v>117929</v>
      </c>
      <c r="B50900" s="1" t="s">
        <v>171856</v>
      </c>
      <c r="C50900" s="1" t="s">
        <v>70</v>
      </c>
      <c r="D50900" s="1" t="s">
        <v>73321</v>
      </c>
      <c r="E50900" s="1" t="s">
        <v>172099</v>
      </c>
      <c r="F50900" s="1" t="s">
        <v>172100</v>
      </c>
      <c r="G50900" s="1" t="s">
        <v>172063</v>
      </c>
      <c r="H50900" s="1" t="s">
        <v>172064</v>
      </c>
      <c r="I50900" s="1" t="s">
        <v>171861</v>
      </c>
      <c r="J50900" s="1" t="s">
        <v>172101</v>
      </c>
    </row>
    <row r="50901" spans="1:10" x14ac:dyDescent="0.35">
      <c r="A50901" s="1" t="s">
        <v>117929</v>
      </c>
      <c r="B50901" s="1" t="s">
        <v>171856</v>
      </c>
      <c r="C50901" s="1" t="s">
        <v>75</v>
      </c>
      <c r="D50901" s="1" t="s">
        <v>172102</v>
      </c>
      <c r="E50901" s="1" t="s">
        <v>172103</v>
      </c>
      <c r="F50901" s="1" t="s">
        <v>172104</v>
      </c>
      <c r="G50901" s="1" t="s">
        <v>172063</v>
      </c>
      <c r="H50901" s="1" t="s">
        <v>172064</v>
      </c>
      <c r="I50901" s="1" t="s">
        <v>171861</v>
      </c>
      <c r="J50901" s="1" t="s">
        <v>172105</v>
      </c>
    </row>
    <row r="50902" spans="1:10" x14ac:dyDescent="0.35">
      <c r="A50902" s="1" t="s">
        <v>117929</v>
      </c>
      <c r="B50902" s="1" t="s">
        <v>171856</v>
      </c>
      <c r="C50902" s="1" t="s">
        <v>80</v>
      </c>
      <c r="D50902" s="1" t="s">
        <v>48217</v>
      </c>
      <c r="E50902" s="1" t="s">
        <v>172106</v>
      </c>
      <c r="F50902" s="1" t="s">
        <v>172107</v>
      </c>
      <c r="G50902" s="1" t="s">
        <v>172063</v>
      </c>
      <c r="H50902" s="1" t="s">
        <v>172064</v>
      </c>
      <c r="I50902" s="1" t="s">
        <v>171861</v>
      </c>
      <c r="J50902" s="1" t="s">
        <v>172108</v>
      </c>
    </row>
    <row r="50903" spans="1:10" x14ac:dyDescent="0.35">
      <c r="A50903" s="1" t="s">
        <v>117929</v>
      </c>
      <c r="B50903" s="1" t="s">
        <v>171856</v>
      </c>
      <c r="C50903" s="1" t="s">
        <v>85</v>
      </c>
      <c r="D50903" s="1" t="s">
        <v>33798</v>
      </c>
      <c r="E50903" s="1" t="s">
        <v>172109</v>
      </c>
      <c r="F50903" s="1" t="s">
        <v>172110</v>
      </c>
      <c r="G50903" s="1" t="s">
        <v>172063</v>
      </c>
      <c r="H50903" s="1" t="s">
        <v>172064</v>
      </c>
      <c r="I50903" s="1" t="s">
        <v>171861</v>
      </c>
      <c r="J50903" s="1" t="s">
        <v>172111</v>
      </c>
    </row>
    <row r="50904" spans="1:10" x14ac:dyDescent="0.35">
      <c r="A50904" s="1" t="s">
        <v>117929</v>
      </c>
      <c r="B50904" s="1" t="s">
        <v>171856</v>
      </c>
      <c r="C50904" s="1" t="s">
        <v>90</v>
      </c>
      <c r="D50904" s="1" t="s">
        <v>16112</v>
      </c>
      <c r="E50904" s="1" t="s">
        <v>172112</v>
      </c>
      <c r="F50904" s="1" t="s">
        <v>172113</v>
      </c>
      <c r="G50904" s="1" t="s">
        <v>172063</v>
      </c>
      <c r="H50904" s="1" t="s">
        <v>172064</v>
      </c>
      <c r="I50904" s="1" t="s">
        <v>171861</v>
      </c>
      <c r="J50904" s="1" t="s">
        <v>172114</v>
      </c>
    </row>
    <row r="50905" spans="1:10" x14ac:dyDescent="0.35">
      <c r="A50905" s="1" t="s">
        <v>117929</v>
      </c>
      <c r="B50905" s="1" t="s">
        <v>171856</v>
      </c>
      <c r="C50905" s="1" t="s">
        <v>95</v>
      </c>
      <c r="D50905" s="1" t="s">
        <v>118697</v>
      </c>
      <c r="E50905" s="1" t="s">
        <v>172115</v>
      </c>
      <c r="F50905" s="1" t="s">
        <v>172116</v>
      </c>
      <c r="G50905" s="1" t="s">
        <v>172063</v>
      </c>
      <c r="H50905" s="1" t="s">
        <v>172064</v>
      </c>
      <c r="I50905" s="1" t="s">
        <v>171861</v>
      </c>
      <c r="J50905" s="1" t="s">
        <v>172117</v>
      </c>
    </row>
    <row r="50906" spans="1:10" x14ac:dyDescent="0.35">
      <c r="A50906" s="1" t="s">
        <v>117929</v>
      </c>
      <c r="B50906" s="1" t="s">
        <v>171856</v>
      </c>
      <c r="C50906" s="1" t="s">
        <v>100</v>
      </c>
      <c r="D50906" s="1" t="s">
        <v>172118</v>
      </c>
      <c r="E50906" s="1" t="s">
        <v>172119</v>
      </c>
      <c r="F50906" s="1" t="s">
        <v>172120</v>
      </c>
      <c r="G50906" s="1" t="s">
        <v>172063</v>
      </c>
      <c r="H50906" s="1" t="s">
        <v>172064</v>
      </c>
      <c r="I50906" s="1" t="s">
        <v>171861</v>
      </c>
      <c r="J50906" s="1" t="s">
        <v>172121</v>
      </c>
    </row>
    <row r="50907" spans="1:10" x14ac:dyDescent="0.35">
      <c r="A50907" s="1" t="s">
        <v>117929</v>
      </c>
      <c r="B50907" s="1" t="s">
        <v>171856</v>
      </c>
      <c r="C50907" s="1" t="s">
        <v>105</v>
      </c>
      <c r="D50907" s="1" t="s">
        <v>119819</v>
      </c>
      <c r="E50907" s="1" t="s">
        <v>172122</v>
      </c>
      <c r="F50907" s="1" t="s">
        <v>172123</v>
      </c>
      <c r="G50907" s="1" t="s">
        <v>172063</v>
      </c>
      <c r="H50907" s="1" t="s">
        <v>172064</v>
      </c>
      <c r="I50907" s="1" t="s">
        <v>171861</v>
      </c>
      <c r="J50907" s="1" t="s">
        <v>172124</v>
      </c>
    </row>
    <row r="50908" spans="1:10" x14ac:dyDescent="0.35">
      <c r="A50908" s="1" t="s">
        <v>117929</v>
      </c>
      <c r="B50908" s="1" t="s">
        <v>171856</v>
      </c>
      <c r="C50908" s="1" t="s">
        <v>110</v>
      </c>
      <c r="D50908" s="1" t="s">
        <v>72230</v>
      </c>
      <c r="E50908" s="1" t="s">
        <v>172125</v>
      </c>
      <c r="F50908" s="1" t="s">
        <v>172126</v>
      </c>
      <c r="G50908" s="1" t="s">
        <v>172063</v>
      </c>
      <c r="H50908" s="1" t="s">
        <v>172064</v>
      </c>
      <c r="I50908" s="1" t="s">
        <v>171861</v>
      </c>
      <c r="J50908" s="1" t="s">
        <v>172127</v>
      </c>
    </row>
    <row r="50909" spans="1:10" x14ac:dyDescent="0.35">
      <c r="A50909" s="1" t="s">
        <v>117929</v>
      </c>
      <c r="B50909" s="1" t="s">
        <v>171856</v>
      </c>
      <c r="C50909" s="1" t="s">
        <v>115</v>
      </c>
      <c r="D50909" s="1" t="s">
        <v>34845</v>
      </c>
      <c r="E50909" s="1" t="s">
        <v>172128</v>
      </c>
      <c r="F50909" s="1" t="s">
        <v>172129</v>
      </c>
      <c r="G50909" s="1" t="s">
        <v>172063</v>
      </c>
      <c r="H50909" s="1" t="s">
        <v>172064</v>
      </c>
      <c r="I50909" s="1" t="s">
        <v>171861</v>
      </c>
      <c r="J50909" s="1" t="s">
        <v>172130</v>
      </c>
    </row>
    <row r="50910" spans="1:10" x14ac:dyDescent="0.35">
      <c r="A50910" s="1" t="s">
        <v>117929</v>
      </c>
      <c r="B50910" s="1" t="s">
        <v>171856</v>
      </c>
      <c r="C50910" s="1" t="s">
        <v>120</v>
      </c>
      <c r="D50910" s="1" t="s">
        <v>25766</v>
      </c>
      <c r="E50910" s="1" t="s">
        <v>172131</v>
      </c>
      <c r="F50910" s="1" t="s">
        <v>172132</v>
      </c>
      <c r="G50910" s="1" t="s">
        <v>172063</v>
      </c>
      <c r="H50910" s="1" t="s">
        <v>172064</v>
      </c>
      <c r="I50910" s="1" t="s">
        <v>171861</v>
      </c>
      <c r="J50910" s="1" t="s">
        <v>172133</v>
      </c>
    </row>
    <row r="50911" spans="1:10" x14ac:dyDescent="0.35">
      <c r="A50911" s="1" t="s">
        <v>117929</v>
      </c>
      <c r="B50911" s="1" t="s">
        <v>171856</v>
      </c>
      <c r="C50911" s="1" t="s">
        <v>125</v>
      </c>
      <c r="D50911" s="1" t="s">
        <v>109903</v>
      </c>
      <c r="E50911" s="1" t="s">
        <v>172134</v>
      </c>
      <c r="F50911" s="1" t="s">
        <v>172135</v>
      </c>
      <c r="G50911" s="1" t="s">
        <v>172063</v>
      </c>
      <c r="H50911" s="1" t="s">
        <v>172064</v>
      </c>
      <c r="I50911" s="1" t="s">
        <v>171861</v>
      </c>
      <c r="J50911" s="1" t="s">
        <v>172136</v>
      </c>
    </row>
    <row r="50912" spans="1:10" x14ac:dyDescent="0.35">
      <c r="A50912" s="1" t="s">
        <v>117929</v>
      </c>
      <c r="B50912" s="1" t="s">
        <v>171856</v>
      </c>
      <c r="C50912" s="1" t="s">
        <v>130</v>
      </c>
      <c r="D50912" s="1" t="s">
        <v>30740</v>
      </c>
      <c r="E50912" s="1" t="s">
        <v>172137</v>
      </c>
      <c r="F50912" s="1" t="s">
        <v>172138</v>
      </c>
      <c r="G50912" s="1" t="s">
        <v>172063</v>
      </c>
      <c r="H50912" s="1" t="s">
        <v>172064</v>
      </c>
      <c r="I50912" s="1" t="s">
        <v>171861</v>
      </c>
      <c r="J50912" s="1" t="s">
        <v>172139</v>
      </c>
    </row>
    <row r="50913" spans="1:10" x14ac:dyDescent="0.35">
      <c r="A50913" s="1" t="s">
        <v>117929</v>
      </c>
      <c r="B50913" s="1" t="s">
        <v>171856</v>
      </c>
      <c r="C50913" s="1" t="s">
        <v>135</v>
      </c>
      <c r="D50913" s="1" t="s">
        <v>172140</v>
      </c>
      <c r="E50913" s="1" t="s">
        <v>172141</v>
      </c>
      <c r="F50913" s="1" t="s">
        <v>172142</v>
      </c>
      <c r="G50913" s="1" t="s">
        <v>172063</v>
      </c>
      <c r="H50913" s="1" t="s">
        <v>172064</v>
      </c>
      <c r="I50913" s="1" t="s">
        <v>171861</v>
      </c>
      <c r="J50913" s="1" t="s">
        <v>172143</v>
      </c>
    </row>
    <row r="50914" spans="1:10" x14ac:dyDescent="0.35">
      <c r="A50914" s="1" t="s">
        <v>117929</v>
      </c>
      <c r="B50914" s="1" t="s">
        <v>171856</v>
      </c>
      <c r="C50914" s="1" t="s">
        <v>140</v>
      </c>
      <c r="D50914" s="1" t="s">
        <v>109938</v>
      </c>
      <c r="E50914" s="1" t="s">
        <v>172144</v>
      </c>
      <c r="F50914" s="1" t="s">
        <v>172145</v>
      </c>
      <c r="G50914" s="1" t="s">
        <v>172063</v>
      </c>
      <c r="H50914" s="1" t="s">
        <v>172064</v>
      </c>
      <c r="I50914" s="1" t="s">
        <v>171861</v>
      </c>
      <c r="J50914" s="1" t="s">
        <v>172146</v>
      </c>
    </row>
    <row r="50915" spans="1:10" x14ac:dyDescent="0.35">
      <c r="A50915" s="1" t="s">
        <v>117929</v>
      </c>
      <c r="B50915" s="1" t="s">
        <v>171856</v>
      </c>
      <c r="C50915" s="1" t="s">
        <v>145</v>
      </c>
      <c r="D50915" s="1" t="s">
        <v>104861</v>
      </c>
      <c r="E50915" s="1" t="s">
        <v>172147</v>
      </c>
      <c r="F50915" s="1" t="s">
        <v>172148</v>
      </c>
      <c r="G50915" s="1" t="s">
        <v>172063</v>
      </c>
      <c r="H50915" s="1" t="s">
        <v>172064</v>
      </c>
      <c r="I50915" s="1" t="s">
        <v>171861</v>
      </c>
      <c r="J50915" s="1" t="s">
        <v>172149</v>
      </c>
    </row>
    <row r="50916" spans="1:10" x14ac:dyDescent="0.35">
      <c r="A50916" s="1" t="s">
        <v>117929</v>
      </c>
      <c r="B50916" s="1" t="s">
        <v>171856</v>
      </c>
      <c r="C50916" s="1" t="s">
        <v>150</v>
      </c>
      <c r="D50916" s="1" t="s">
        <v>83491</v>
      </c>
      <c r="E50916" s="1" t="s">
        <v>172150</v>
      </c>
      <c r="F50916" s="1" t="s">
        <v>172151</v>
      </c>
      <c r="G50916" s="1" t="s">
        <v>172063</v>
      </c>
      <c r="H50916" s="1" t="s">
        <v>172064</v>
      </c>
      <c r="I50916" s="1" t="s">
        <v>171861</v>
      </c>
      <c r="J50916" s="1" t="s">
        <v>172152</v>
      </c>
    </row>
    <row r="50917" spans="1:10" x14ac:dyDescent="0.35">
      <c r="A50917" s="1" t="s">
        <v>117929</v>
      </c>
      <c r="B50917" s="1" t="s">
        <v>171856</v>
      </c>
      <c r="C50917" s="1" t="s">
        <v>155</v>
      </c>
      <c r="D50917" s="1" t="s">
        <v>73644</v>
      </c>
      <c r="E50917" s="1" t="s">
        <v>172153</v>
      </c>
      <c r="F50917" s="1" t="s">
        <v>172154</v>
      </c>
      <c r="G50917" s="1" t="s">
        <v>172063</v>
      </c>
      <c r="H50917" s="1" t="s">
        <v>172064</v>
      </c>
      <c r="I50917" s="1" t="s">
        <v>171861</v>
      </c>
      <c r="J50917" s="1" t="s">
        <v>172155</v>
      </c>
    </row>
    <row r="50918" spans="1:10" x14ac:dyDescent="0.35">
      <c r="A50918" s="1" t="s">
        <v>117929</v>
      </c>
      <c r="B50918" s="1" t="s">
        <v>171856</v>
      </c>
      <c r="C50918" s="1" t="s">
        <v>160</v>
      </c>
      <c r="D50918" s="1" t="s">
        <v>172156</v>
      </c>
      <c r="E50918" s="1" t="s">
        <v>172157</v>
      </c>
      <c r="F50918" s="1" t="s">
        <v>172158</v>
      </c>
      <c r="G50918" s="1" t="s">
        <v>172063</v>
      </c>
      <c r="H50918" s="1" t="s">
        <v>172064</v>
      </c>
      <c r="I50918" s="1" t="s">
        <v>171861</v>
      </c>
      <c r="J50918" s="1" t="s">
        <v>172159</v>
      </c>
    </row>
    <row r="50919" spans="1:10" x14ac:dyDescent="0.35">
      <c r="A50919" s="1" t="s">
        <v>117929</v>
      </c>
      <c r="B50919" s="1" t="s">
        <v>171856</v>
      </c>
      <c r="C50919" s="1" t="s">
        <v>165</v>
      </c>
      <c r="D50919" s="1" t="s">
        <v>15398</v>
      </c>
      <c r="E50919" s="1" t="s">
        <v>172160</v>
      </c>
      <c r="F50919" s="1" t="s">
        <v>172161</v>
      </c>
      <c r="G50919" s="1" t="s">
        <v>172063</v>
      </c>
      <c r="H50919" s="1" t="s">
        <v>172064</v>
      </c>
      <c r="I50919" s="1" t="s">
        <v>171861</v>
      </c>
      <c r="J50919" s="1" t="s">
        <v>172162</v>
      </c>
    </row>
    <row r="50920" spans="1:10" x14ac:dyDescent="0.35">
      <c r="A50920" s="1" t="s">
        <v>117929</v>
      </c>
      <c r="B50920" s="1" t="s">
        <v>171856</v>
      </c>
      <c r="C50920" s="1" t="s">
        <v>170</v>
      </c>
      <c r="D50920" s="1" t="s">
        <v>172163</v>
      </c>
      <c r="E50920" s="1" t="s">
        <v>172164</v>
      </c>
      <c r="F50920" s="1" t="s">
        <v>172165</v>
      </c>
      <c r="G50920" s="1" t="s">
        <v>172063</v>
      </c>
      <c r="H50920" s="1" t="s">
        <v>172064</v>
      </c>
      <c r="I50920" s="1" t="s">
        <v>171861</v>
      </c>
      <c r="J50920" s="1" t="s">
        <v>172166</v>
      </c>
    </row>
    <row r="50921" spans="1:10" x14ac:dyDescent="0.35">
      <c r="A50921" s="1" t="s">
        <v>5508</v>
      </c>
      <c r="B50921" s="1" t="s">
        <v>171856</v>
      </c>
      <c r="C50921" s="1" t="s">
        <v>8</v>
      </c>
      <c r="D50921" s="1" t="s">
        <v>27745</v>
      </c>
      <c r="E50921" s="1" t="s">
        <v>172167</v>
      </c>
      <c r="F50921" s="1" t="s">
        <v>172168</v>
      </c>
      <c r="G50921" s="1" t="s">
        <v>172169</v>
      </c>
      <c r="H50921" s="1" t="s">
        <v>172170</v>
      </c>
      <c r="I50921" s="1" t="s">
        <v>171861</v>
      </c>
      <c r="J50921" s="1" t="s">
        <v>13</v>
      </c>
    </row>
    <row r="50922" spans="1:10" x14ac:dyDescent="0.35">
      <c r="A50922" s="1" t="s">
        <v>5508</v>
      </c>
      <c r="B50922" s="1" t="s">
        <v>171856</v>
      </c>
      <c r="C50922" s="1" t="s">
        <v>15</v>
      </c>
      <c r="D50922" s="1" t="s">
        <v>27341</v>
      </c>
      <c r="E50922" s="1" t="s">
        <v>172171</v>
      </c>
      <c r="F50922" s="1" t="s">
        <v>172172</v>
      </c>
      <c r="G50922" s="1" t="s">
        <v>172169</v>
      </c>
      <c r="H50922" s="1" t="s">
        <v>172170</v>
      </c>
      <c r="I50922" s="1" t="s">
        <v>171861</v>
      </c>
      <c r="J50922" s="1" t="s">
        <v>171864</v>
      </c>
    </row>
    <row r="50923" spans="1:10" x14ac:dyDescent="0.35">
      <c r="A50923" s="1" t="s">
        <v>5508</v>
      </c>
      <c r="B50923" s="1" t="s">
        <v>171856</v>
      </c>
      <c r="C50923" s="1" t="s">
        <v>20</v>
      </c>
      <c r="D50923" s="1" t="s">
        <v>9175</v>
      </c>
      <c r="E50923" s="1" t="s">
        <v>172173</v>
      </c>
      <c r="F50923" s="1" t="s">
        <v>172174</v>
      </c>
      <c r="G50923" s="1" t="s">
        <v>172169</v>
      </c>
      <c r="H50923" s="1" t="s">
        <v>172170</v>
      </c>
      <c r="I50923" s="1" t="s">
        <v>171861</v>
      </c>
      <c r="J50923" s="1" t="s">
        <v>171867</v>
      </c>
    </row>
    <row r="50924" spans="1:10" x14ac:dyDescent="0.35">
      <c r="A50924" s="1" t="s">
        <v>5508</v>
      </c>
      <c r="B50924" s="1" t="s">
        <v>171856</v>
      </c>
      <c r="C50924" s="1" t="s">
        <v>25</v>
      </c>
      <c r="D50924" s="1" t="s">
        <v>28069</v>
      </c>
      <c r="E50924" s="1" t="s">
        <v>172175</v>
      </c>
      <c r="F50924" s="1" t="s">
        <v>172176</v>
      </c>
      <c r="G50924" s="1" t="s">
        <v>172169</v>
      </c>
      <c r="H50924" s="1" t="s">
        <v>172170</v>
      </c>
      <c r="I50924" s="1" t="s">
        <v>171861</v>
      </c>
      <c r="J50924" s="1" t="s">
        <v>172177</v>
      </c>
    </row>
    <row r="50925" spans="1:10" x14ac:dyDescent="0.35">
      <c r="A50925" s="1" t="s">
        <v>5508</v>
      </c>
      <c r="B50925" s="1" t="s">
        <v>171856</v>
      </c>
      <c r="C50925" s="1" t="s">
        <v>30</v>
      </c>
      <c r="D50925" s="1" t="s">
        <v>110527</v>
      </c>
      <c r="E50925" s="1" t="s">
        <v>172178</v>
      </c>
      <c r="F50925" s="1" t="s">
        <v>172179</v>
      </c>
      <c r="G50925" s="1" t="s">
        <v>172169</v>
      </c>
      <c r="H50925" s="1" t="s">
        <v>172170</v>
      </c>
      <c r="I50925" s="1" t="s">
        <v>171861</v>
      </c>
      <c r="J50925" s="1" t="s">
        <v>172180</v>
      </c>
    </row>
    <row r="50926" spans="1:10" x14ac:dyDescent="0.35">
      <c r="A50926" s="1" t="s">
        <v>5508</v>
      </c>
      <c r="B50926" s="1" t="s">
        <v>171856</v>
      </c>
      <c r="C50926" s="1" t="s">
        <v>35</v>
      </c>
      <c r="D50926" s="1" t="s">
        <v>29764</v>
      </c>
      <c r="E50926" s="1" t="s">
        <v>172181</v>
      </c>
      <c r="F50926" s="1" t="s">
        <v>172182</v>
      </c>
      <c r="G50926" s="1" t="s">
        <v>172169</v>
      </c>
      <c r="H50926" s="1" t="s">
        <v>172170</v>
      </c>
      <c r="I50926" s="1" t="s">
        <v>171861</v>
      </c>
      <c r="J50926" s="1" t="s">
        <v>172183</v>
      </c>
    </row>
    <row r="50927" spans="1:10" x14ac:dyDescent="0.35">
      <c r="A50927" s="1" t="s">
        <v>5508</v>
      </c>
      <c r="B50927" s="1" t="s">
        <v>171856</v>
      </c>
      <c r="C50927" s="1" t="s">
        <v>40</v>
      </c>
      <c r="D50927" s="1" t="s">
        <v>148604</v>
      </c>
      <c r="E50927" s="1" t="s">
        <v>172184</v>
      </c>
      <c r="F50927" s="1" t="s">
        <v>172185</v>
      </c>
      <c r="G50927" s="1" t="s">
        <v>172169</v>
      </c>
      <c r="H50927" s="1" t="s">
        <v>172170</v>
      </c>
      <c r="I50927" s="1" t="s">
        <v>171861</v>
      </c>
      <c r="J50927" s="1" t="s">
        <v>172186</v>
      </c>
    </row>
    <row r="50928" spans="1:10" x14ac:dyDescent="0.35">
      <c r="A50928" s="1" t="s">
        <v>5508</v>
      </c>
      <c r="B50928" s="1" t="s">
        <v>171856</v>
      </c>
      <c r="C50928" s="1" t="s">
        <v>45</v>
      </c>
      <c r="D50928" s="1" t="s">
        <v>27981</v>
      </c>
      <c r="E50928" s="1" t="s">
        <v>172187</v>
      </c>
      <c r="F50928" s="1" t="s">
        <v>172188</v>
      </c>
      <c r="G50928" s="1" t="s">
        <v>172169</v>
      </c>
      <c r="H50928" s="1" t="s">
        <v>172170</v>
      </c>
      <c r="I50928" s="1" t="s">
        <v>171861</v>
      </c>
      <c r="J50928" s="1" t="s">
        <v>172189</v>
      </c>
    </row>
    <row r="50929" spans="1:10" x14ac:dyDescent="0.35">
      <c r="A50929" s="1" t="s">
        <v>5508</v>
      </c>
      <c r="B50929" s="1" t="s">
        <v>171856</v>
      </c>
      <c r="C50929" s="1" t="s">
        <v>50</v>
      </c>
      <c r="D50929" s="1" t="s">
        <v>9924</v>
      </c>
      <c r="E50929" s="1" t="s">
        <v>172190</v>
      </c>
      <c r="F50929" s="1" t="s">
        <v>172191</v>
      </c>
      <c r="G50929" s="1" t="s">
        <v>172169</v>
      </c>
      <c r="H50929" s="1" t="s">
        <v>172170</v>
      </c>
      <c r="I50929" s="1" t="s">
        <v>171861</v>
      </c>
      <c r="J50929" s="1" t="s">
        <v>172192</v>
      </c>
    </row>
    <row r="50930" spans="1:10" x14ac:dyDescent="0.35">
      <c r="A50930" s="1" t="s">
        <v>5508</v>
      </c>
      <c r="B50930" s="1" t="s">
        <v>171856</v>
      </c>
      <c r="C50930" s="1" t="s">
        <v>55</v>
      </c>
      <c r="D50930" s="1" t="s">
        <v>148604</v>
      </c>
      <c r="E50930" s="1" t="s">
        <v>172193</v>
      </c>
      <c r="F50930" s="1" t="s">
        <v>172194</v>
      </c>
      <c r="G50930" s="1" t="s">
        <v>172169</v>
      </c>
      <c r="H50930" s="1" t="s">
        <v>172170</v>
      </c>
      <c r="I50930" s="1" t="s">
        <v>171861</v>
      </c>
      <c r="J50930" s="1" t="s">
        <v>172195</v>
      </c>
    </row>
    <row r="50931" spans="1:10" x14ac:dyDescent="0.35">
      <c r="A50931" s="1" t="s">
        <v>5508</v>
      </c>
      <c r="B50931" s="1" t="s">
        <v>171856</v>
      </c>
      <c r="C50931" s="1" t="s">
        <v>60</v>
      </c>
      <c r="D50931" s="1" t="s">
        <v>10262</v>
      </c>
      <c r="E50931" s="1" t="s">
        <v>172196</v>
      </c>
      <c r="F50931" s="1" t="s">
        <v>172197</v>
      </c>
      <c r="G50931" s="1" t="s">
        <v>172169</v>
      </c>
      <c r="H50931" s="1" t="s">
        <v>172170</v>
      </c>
      <c r="I50931" s="1" t="s">
        <v>171861</v>
      </c>
      <c r="J50931" s="1" t="s">
        <v>172198</v>
      </c>
    </row>
    <row r="50932" spans="1:10" x14ac:dyDescent="0.35">
      <c r="A50932" s="1" t="s">
        <v>5508</v>
      </c>
      <c r="B50932" s="1" t="s">
        <v>171856</v>
      </c>
      <c r="C50932" s="1" t="s">
        <v>65</v>
      </c>
      <c r="D50932" s="1" t="s">
        <v>122004</v>
      </c>
      <c r="E50932" s="1" t="s">
        <v>172199</v>
      </c>
      <c r="F50932" s="1" t="s">
        <v>172200</v>
      </c>
      <c r="G50932" s="1" t="s">
        <v>172169</v>
      </c>
      <c r="H50932" s="1" t="s">
        <v>172170</v>
      </c>
      <c r="I50932" s="1" t="s">
        <v>171861</v>
      </c>
      <c r="J50932" s="1" t="s">
        <v>172201</v>
      </c>
    </row>
    <row r="50933" spans="1:10" x14ac:dyDescent="0.35">
      <c r="A50933" s="1" t="s">
        <v>5508</v>
      </c>
      <c r="B50933" s="1" t="s">
        <v>171856</v>
      </c>
      <c r="C50933" s="1" t="s">
        <v>70</v>
      </c>
      <c r="D50933" s="1" t="s">
        <v>10098</v>
      </c>
      <c r="E50933" s="1" t="s">
        <v>172202</v>
      </c>
      <c r="F50933" s="1" t="s">
        <v>172203</v>
      </c>
      <c r="G50933" s="1" t="s">
        <v>172169</v>
      </c>
      <c r="H50933" s="1" t="s">
        <v>172170</v>
      </c>
      <c r="I50933" s="1" t="s">
        <v>171861</v>
      </c>
      <c r="J50933" s="1" t="s">
        <v>172204</v>
      </c>
    </row>
    <row r="50934" spans="1:10" x14ac:dyDescent="0.35">
      <c r="A50934" s="1" t="s">
        <v>5508</v>
      </c>
      <c r="B50934" s="1" t="s">
        <v>171856</v>
      </c>
      <c r="C50934" s="1" t="s">
        <v>75</v>
      </c>
      <c r="D50934" s="1" t="s">
        <v>28766</v>
      </c>
      <c r="E50934" s="1" t="s">
        <v>172205</v>
      </c>
      <c r="F50934" s="1" t="s">
        <v>172206</v>
      </c>
      <c r="G50934" s="1" t="s">
        <v>172169</v>
      </c>
      <c r="H50934" s="1" t="s">
        <v>172170</v>
      </c>
      <c r="I50934" s="1" t="s">
        <v>171861</v>
      </c>
      <c r="J50934" s="1" t="s">
        <v>172207</v>
      </c>
    </row>
    <row r="50935" spans="1:10" x14ac:dyDescent="0.35">
      <c r="A50935" s="1" t="s">
        <v>5508</v>
      </c>
      <c r="B50935" s="1" t="s">
        <v>171856</v>
      </c>
      <c r="C50935" s="1" t="s">
        <v>80</v>
      </c>
      <c r="D50935" s="1" t="s">
        <v>44546</v>
      </c>
      <c r="E50935" s="1" t="s">
        <v>172208</v>
      </c>
      <c r="F50935" s="1" t="s">
        <v>172209</v>
      </c>
      <c r="G50935" s="1" t="s">
        <v>172169</v>
      </c>
      <c r="H50935" s="1" t="s">
        <v>172170</v>
      </c>
      <c r="I50935" s="1" t="s">
        <v>171861</v>
      </c>
      <c r="J50935" s="1" t="s">
        <v>172210</v>
      </c>
    </row>
    <row r="50936" spans="1:10" x14ac:dyDescent="0.35">
      <c r="A50936" s="1" t="s">
        <v>5508</v>
      </c>
      <c r="B50936" s="1" t="s">
        <v>171856</v>
      </c>
      <c r="C50936" s="1" t="s">
        <v>85</v>
      </c>
      <c r="D50936" s="1" t="s">
        <v>109793</v>
      </c>
      <c r="E50936" s="1" t="s">
        <v>172211</v>
      </c>
      <c r="F50936" s="1" t="s">
        <v>172212</v>
      </c>
      <c r="G50936" s="1" t="s">
        <v>172169</v>
      </c>
      <c r="H50936" s="1" t="s">
        <v>172170</v>
      </c>
      <c r="I50936" s="1" t="s">
        <v>171861</v>
      </c>
      <c r="J50936" s="1" t="s">
        <v>172213</v>
      </c>
    </row>
    <row r="50937" spans="1:10" x14ac:dyDescent="0.35">
      <c r="A50937" s="1" t="s">
        <v>5508</v>
      </c>
      <c r="B50937" s="1" t="s">
        <v>171856</v>
      </c>
      <c r="C50937" s="1" t="s">
        <v>90</v>
      </c>
      <c r="D50937" s="1" t="s">
        <v>28428</v>
      </c>
      <c r="E50937" s="1" t="s">
        <v>172214</v>
      </c>
      <c r="F50937" s="1" t="s">
        <v>172215</v>
      </c>
      <c r="G50937" s="1" t="s">
        <v>172169</v>
      </c>
      <c r="H50937" s="1" t="s">
        <v>172170</v>
      </c>
      <c r="I50937" s="1" t="s">
        <v>171861</v>
      </c>
      <c r="J50937" s="1" t="s">
        <v>172216</v>
      </c>
    </row>
    <row r="50938" spans="1:10" x14ac:dyDescent="0.35">
      <c r="A50938" s="1" t="s">
        <v>5508</v>
      </c>
      <c r="B50938" s="1" t="s">
        <v>171856</v>
      </c>
      <c r="C50938" s="1" t="s">
        <v>95</v>
      </c>
      <c r="D50938" s="1" t="s">
        <v>4042</v>
      </c>
      <c r="E50938" s="1" t="s">
        <v>172217</v>
      </c>
      <c r="F50938" s="1" t="s">
        <v>172218</v>
      </c>
      <c r="G50938" s="1" t="s">
        <v>172169</v>
      </c>
      <c r="H50938" s="1" t="s">
        <v>172170</v>
      </c>
      <c r="I50938" s="1" t="s">
        <v>171861</v>
      </c>
      <c r="J50938" s="1" t="s">
        <v>172219</v>
      </c>
    </row>
    <row r="50939" spans="1:10" x14ac:dyDescent="0.35">
      <c r="A50939" s="1" t="s">
        <v>5508</v>
      </c>
      <c r="B50939" s="1" t="s">
        <v>171856</v>
      </c>
      <c r="C50939" s="1" t="s">
        <v>100</v>
      </c>
      <c r="D50939" s="1" t="s">
        <v>47327</v>
      </c>
      <c r="E50939" s="1" t="s">
        <v>172220</v>
      </c>
      <c r="F50939" s="1" t="s">
        <v>172221</v>
      </c>
      <c r="G50939" s="1" t="s">
        <v>172169</v>
      </c>
      <c r="H50939" s="1" t="s">
        <v>172170</v>
      </c>
      <c r="I50939" s="1" t="s">
        <v>171861</v>
      </c>
      <c r="J50939" s="1" t="s">
        <v>172222</v>
      </c>
    </row>
    <row r="50940" spans="1:10" x14ac:dyDescent="0.35">
      <c r="A50940" s="1" t="s">
        <v>5508</v>
      </c>
      <c r="B50940" s="1" t="s">
        <v>171856</v>
      </c>
      <c r="C50940" s="1" t="s">
        <v>105</v>
      </c>
      <c r="D50940" s="1" t="s">
        <v>1659</v>
      </c>
      <c r="E50940" s="1" t="s">
        <v>172223</v>
      </c>
      <c r="F50940" s="1" t="s">
        <v>172224</v>
      </c>
      <c r="G50940" s="1" t="s">
        <v>172169</v>
      </c>
      <c r="H50940" s="1" t="s">
        <v>172170</v>
      </c>
      <c r="I50940" s="1" t="s">
        <v>171861</v>
      </c>
      <c r="J50940" s="1" t="s">
        <v>172225</v>
      </c>
    </row>
    <row r="50941" spans="1:10" x14ac:dyDescent="0.35">
      <c r="A50941" s="1" t="s">
        <v>5508</v>
      </c>
      <c r="B50941" s="1" t="s">
        <v>171856</v>
      </c>
      <c r="C50941" s="1" t="s">
        <v>110</v>
      </c>
      <c r="D50941" s="1" t="s">
        <v>172226</v>
      </c>
      <c r="E50941" s="1" t="s">
        <v>172227</v>
      </c>
      <c r="F50941" s="1" t="s">
        <v>172228</v>
      </c>
      <c r="G50941" s="1" t="s">
        <v>172169</v>
      </c>
      <c r="H50941" s="1" t="s">
        <v>172170</v>
      </c>
      <c r="I50941" s="1" t="s">
        <v>171861</v>
      </c>
      <c r="J50941" s="1" t="s">
        <v>172229</v>
      </c>
    </row>
    <row r="50942" spans="1:10" x14ac:dyDescent="0.35">
      <c r="A50942" s="1" t="s">
        <v>5508</v>
      </c>
      <c r="B50942" s="1" t="s">
        <v>171856</v>
      </c>
      <c r="C50942" s="1" t="s">
        <v>115</v>
      </c>
      <c r="D50942" s="1" t="s">
        <v>120573</v>
      </c>
      <c r="E50942" s="1" t="s">
        <v>172230</v>
      </c>
      <c r="F50942" s="1" t="s">
        <v>172231</v>
      </c>
      <c r="G50942" s="1" t="s">
        <v>172169</v>
      </c>
      <c r="H50942" s="1" t="s">
        <v>172170</v>
      </c>
      <c r="I50942" s="1" t="s">
        <v>171861</v>
      </c>
      <c r="J50942" s="1" t="s">
        <v>172232</v>
      </c>
    </row>
    <row r="50943" spans="1:10" x14ac:dyDescent="0.35">
      <c r="A50943" s="1" t="s">
        <v>5508</v>
      </c>
      <c r="B50943" s="1" t="s">
        <v>171856</v>
      </c>
      <c r="C50943" s="1" t="s">
        <v>120</v>
      </c>
      <c r="D50943" s="1" t="s">
        <v>6928</v>
      </c>
      <c r="E50943" s="1" t="s">
        <v>172233</v>
      </c>
      <c r="F50943" s="1" t="s">
        <v>172234</v>
      </c>
      <c r="G50943" s="1" t="s">
        <v>172169</v>
      </c>
      <c r="H50943" s="1" t="s">
        <v>172170</v>
      </c>
      <c r="I50943" s="1" t="s">
        <v>171861</v>
      </c>
      <c r="J50943" s="1" t="s">
        <v>172235</v>
      </c>
    </row>
    <row r="50944" spans="1:10" x14ac:dyDescent="0.35">
      <c r="A50944" s="1" t="s">
        <v>5508</v>
      </c>
      <c r="B50944" s="1" t="s">
        <v>171856</v>
      </c>
      <c r="C50944" s="1" t="s">
        <v>125</v>
      </c>
      <c r="D50944" s="1" t="s">
        <v>194</v>
      </c>
      <c r="E50944" s="1" t="s">
        <v>172236</v>
      </c>
      <c r="F50944" s="1" t="s">
        <v>172237</v>
      </c>
      <c r="G50944" s="1" t="s">
        <v>172169</v>
      </c>
      <c r="H50944" s="1" t="s">
        <v>172170</v>
      </c>
      <c r="I50944" s="1" t="s">
        <v>171861</v>
      </c>
      <c r="J50944" s="1" t="s">
        <v>172238</v>
      </c>
    </row>
    <row r="50945" spans="1:10" x14ac:dyDescent="0.35">
      <c r="A50945" s="1" t="s">
        <v>5508</v>
      </c>
      <c r="B50945" s="1" t="s">
        <v>171856</v>
      </c>
      <c r="C50945" s="1" t="s">
        <v>130</v>
      </c>
      <c r="D50945" s="1" t="s">
        <v>15864</v>
      </c>
      <c r="E50945" s="1" t="s">
        <v>172239</v>
      </c>
      <c r="F50945" s="1" t="s">
        <v>172240</v>
      </c>
      <c r="G50945" s="1" t="s">
        <v>172169</v>
      </c>
      <c r="H50945" s="1" t="s">
        <v>172170</v>
      </c>
      <c r="I50945" s="1" t="s">
        <v>171861</v>
      </c>
      <c r="J50945" s="1" t="s">
        <v>172241</v>
      </c>
    </row>
    <row r="50946" spans="1:10" x14ac:dyDescent="0.35">
      <c r="A50946" s="1" t="s">
        <v>5508</v>
      </c>
      <c r="B50946" s="1" t="s">
        <v>171856</v>
      </c>
      <c r="C50946" s="1" t="s">
        <v>135</v>
      </c>
      <c r="D50946" s="1" t="s">
        <v>172242</v>
      </c>
      <c r="E50946" s="1" t="s">
        <v>172243</v>
      </c>
      <c r="F50946" s="1" t="s">
        <v>172244</v>
      </c>
      <c r="G50946" s="1" t="s">
        <v>172169</v>
      </c>
      <c r="H50946" s="1" t="s">
        <v>172170</v>
      </c>
      <c r="I50946" s="1" t="s">
        <v>171861</v>
      </c>
      <c r="J50946" s="1" t="s">
        <v>172245</v>
      </c>
    </row>
    <row r="50947" spans="1:10" x14ac:dyDescent="0.35">
      <c r="A50947" s="1" t="s">
        <v>5508</v>
      </c>
      <c r="B50947" s="1" t="s">
        <v>171856</v>
      </c>
      <c r="C50947" s="1" t="s">
        <v>140</v>
      </c>
      <c r="D50947" s="1" t="s">
        <v>120076</v>
      </c>
      <c r="E50947" s="1" t="s">
        <v>172246</v>
      </c>
      <c r="F50947" s="1" t="s">
        <v>172247</v>
      </c>
      <c r="G50947" s="1" t="s">
        <v>172169</v>
      </c>
      <c r="H50947" s="1" t="s">
        <v>172170</v>
      </c>
      <c r="I50947" s="1" t="s">
        <v>171861</v>
      </c>
      <c r="J50947" s="1" t="s">
        <v>172248</v>
      </c>
    </row>
    <row r="50948" spans="1:10" x14ac:dyDescent="0.35">
      <c r="A50948" s="1" t="s">
        <v>5508</v>
      </c>
      <c r="B50948" s="1" t="s">
        <v>171856</v>
      </c>
      <c r="C50948" s="1" t="s">
        <v>145</v>
      </c>
      <c r="D50948" s="1" t="s">
        <v>120076</v>
      </c>
      <c r="E50948" s="1" t="s">
        <v>172249</v>
      </c>
      <c r="F50948" s="1" t="s">
        <v>172250</v>
      </c>
      <c r="G50948" s="1" t="s">
        <v>172169</v>
      </c>
      <c r="H50948" s="1" t="s">
        <v>172170</v>
      </c>
      <c r="I50948" s="1" t="s">
        <v>171861</v>
      </c>
      <c r="J50948" s="1" t="s">
        <v>1180</v>
      </c>
    </row>
    <row r="50949" spans="1:10" x14ac:dyDescent="0.35">
      <c r="A50949" s="1" t="s">
        <v>5508</v>
      </c>
      <c r="B50949" s="1" t="s">
        <v>171856</v>
      </c>
      <c r="C50949" s="1" t="s">
        <v>150</v>
      </c>
      <c r="D50949" s="1" t="s">
        <v>172251</v>
      </c>
      <c r="E50949" s="1" t="s">
        <v>172252</v>
      </c>
      <c r="F50949" s="1" t="s">
        <v>172253</v>
      </c>
      <c r="G50949" s="1" t="s">
        <v>172169</v>
      </c>
      <c r="H50949" s="1" t="s">
        <v>172170</v>
      </c>
      <c r="I50949" s="1" t="s">
        <v>171861</v>
      </c>
      <c r="J50949" s="1" t="s">
        <v>172254</v>
      </c>
    </row>
    <row r="50950" spans="1:10" x14ac:dyDescent="0.35">
      <c r="A50950" s="1" t="s">
        <v>5508</v>
      </c>
      <c r="B50950" s="1" t="s">
        <v>171856</v>
      </c>
      <c r="C50950" s="1" t="s">
        <v>155</v>
      </c>
      <c r="D50950" s="1" t="s">
        <v>142521</v>
      </c>
      <c r="E50950" s="1" t="s">
        <v>172255</v>
      </c>
      <c r="F50950" s="1" t="s">
        <v>172256</v>
      </c>
      <c r="G50950" s="1" t="s">
        <v>172169</v>
      </c>
      <c r="H50950" s="1" t="s">
        <v>172170</v>
      </c>
      <c r="I50950" s="1" t="s">
        <v>171861</v>
      </c>
      <c r="J50950" s="1" t="s">
        <v>172257</v>
      </c>
    </row>
    <row r="50951" spans="1:10" x14ac:dyDescent="0.35">
      <c r="A50951" s="1" t="s">
        <v>5508</v>
      </c>
      <c r="B50951" s="1" t="s">
        <v>171856</v>
      </c>
      <c r="C50951" s="1" t="s">
        <v>160</v>
      </c>
      <c r="D50951" s="1" t="s">
        <v>172258</v>
      </c>
      <c r="E50951" s="1" t="s">
        <v>172259</v>
      </c>
      <c r="F50951" s="1" t="s">
        <v>172260</v>
      </c>
      <c r="G50951" s="1" t="s">
        <v>172169</v>
      </c>
      <c r="H50951" s="1" t="s">
        <v>172170</v>
      </c>
      <c r="I50951" s="1" t="s">
        <v>171861</v>
      </c>
      <c r="J50951" s="1" t="s">
        <v>172261</v>
      </c>
    </row>
    <row r="50952" spans="1:10" x14ac:dyDescent="0.35">
      <c r="A50952" s="1" t="s">
        <v>5508</v>
      </c>
      <c r="B50952" s="1" t="s">
        <v>171856</v>
      </c>
      <c r="C50952" s="1" t="s">
        <v>165</v>
      </c>
      <c r="D50952" s="1" t="s">
        <v>121240</v>
      </c>
      <c r="E50952" s="1" t="s">
        <v>172262</v>
      </c>
      <c r="F50952" s="1" t="s">
        <v>172263</v>
      </c>
      <c r="G50952" s="1" t="s">
        <v>172169</v>
      </c>
      <c r="H50952" s="1" t="s">
        <v>172170</v>
      </c>
      <c r="I50952" s="1" t="s">
        <v>171861</v>
      </c>
      <c r="J50952" s="1" t="s">
        <v>172264</v>
      </c>
    </row>
    <row r="50953" spans="1:10" x14ac:dyDescent="0.35">
      <c r="A50953" s="1" t="s">
        <v>5508</v>
      </c>
      <c r="B50953" s="1" t="s">
        <v>171856</v>
      </c>
      <c r="C50953" s="1" t="s">
        <v>170</v>
      </c>
      <c r="D50953" s="1" t="s">
        <v>30067</v>
      </c>
      <c r="E50953" s="1" t="s">
        <v>172265</v>
      </c>
      <c r="F50953" s="1" t="s">
        <v>172266</v>
      </c>
      <c r="G50953" s="1" t="s">
        <v>172169</v>
      </c>
      <c r="H50953" s="1" t="s">
        <v>172170</v>
      </c>
      <c r="I50953" s="1" t="s">
        <v>171861</v>
      </c>
      <c r="J50953" s="1" t="s">
        <v>172267</v>
      </c>
    </row>
    <row r="50954" spans="1:10" x14ac:dyDescent="0.35">
      <c r="A50954" s="1" t="s">
        <v>10515</v>
      </c>
      <c r="B50954" s="1" t="s">
        <v>171856</v>
      </c>
      <c r="C50954" s="1" t="s">
        <v>8</v>
      </c>
      <c r="D50954" s="1" t="s">
        <v>27977</v>
      </c>
      <c r="E50954" s="1" t="s">
        <v>172268</v>
      </c>
      <c r="F50954" s="1" t="s">
        <v>172269</v>
      </c>
      <c r="G50954" s="1" t="s">
        <v>172270</v>
      </c>
      <c r="H50954" s="1" t="s">
        <v>172271</v>
      </c>
      <c r="I50954" s="1" t="s">
        <v>171861</v>
      </c>
      <c r="J50954" s="1" t="s">
        <v>13</v>
      </c>
    </row>
    <row r="50955" spans="1:10" x14ac:dyDescent="0.35">
      <c r="A50955" s="1" t="s">
        <v>10515</v>
      </c>
      <c r="B50955" s="1" t="s">
        <v>171856</v>
      </c>
      <c r="C50955" s="1" t="s">
        <v>15</v>
      </c>
      <c r="D50955" s="1" t="s">
        <v>105047</v>
      </c>
      <c r="E50955" s="1" t="s">
        <v>172272</v>
      </c>
      <c r="F50955" s="1" t="s">
        <v>172273</v>
      </c>
      <c r="G50955" s="1" t="s">
        <v>172270</v>
      </c>
      <c r="H50955" s="1" t="s">
        <v>172271</v>
      </c>
      <c r="I50955" s="1" t="s">
        <v>171861</v>
      </c>
      <c r="J50955" s="1" t="s">
        <v>172274</v>
      </c>
    </row>
    <row r="50956" spans="1:10" x14ac:dyDescent="0.35">
      <c r="A50956" s="1" t="s">
        <v>10515</v>
      </c>
      <c r="B50956" s="1" t="s">
        <v>171856</v>
      </c>
      <c r="C50956" s="1" t="s">
        <v>20</v>
      </c>
      <c r="D50956" s="1" t="s">
        <v>29886</v>
      </c>
      <c r="E50956" s="1" t="s">
        <v>172275</v>
      </c>
      <c r="F50956" s="1" t="s">
        <v>172276</v>
      </c>
      <c r="G50956" s="1" t="s">
        <v>172270</v>
      </c>
      <c r="H50956" s="1" t="s">
        <v>172271</v>
      </c>
      <c r="I50956" s="1" t="s">
        <v>171861</v>
      </c>
      <c r="J50956" s="1" t="s">
        <v>172277</v>
      </c>
    </row>
    <row r="50957" spans="1:10" x14ac:dyDescent="0.35">
      <c r="A50957" s="1" t="s">
        <v>10515</v>
      </c>
      <c r="B50957" s="1" t="s">
        <v>171856</v>
      </c>
      <c r="C50957" s="1" t="s">
        <v>25</v>
      </c>
      <c r="D50957" s="1" t="s">
        <v>3924</v>
      </c>
      <c r="E50957" s="1" t="s">
        <v>172278</v>
      </c>
      <c r="F50957" s="1" t="s">
        <v>172279</v>
      </c>
      <c r="G50957" s="1" t="s">
        <v>172270</v>
      </c>
      <c r="H50957" s="1" t="s">
        <v>172271</v>
      </c>
      <c r="I50957" s="1" t="s">
        <v>171861</v>
      </c>
      <c r="J50957" s="1" t="s">
        <v>172280</v>
      </c>
    </row>
    <row r="50958" spans="1:10" x14ac:dyDescent="0.35">
      <c r="A50958" s="1" t="s">
        <v>10515</v>
      </c>
      <c r="B50958" s="1" t="s">
        <v>171856</v>
      </c>
      <c r="C50958" s="1" t="s">
        <v>30</v>
      </c>
      <c r="D50958" s="1" t="s">
        <v>45124</v>
      </c>
      <c r="E50958" s="1" t="s">
        <v>172281</v>
      </c>
      <c r="F50958" s="1" t="s">
        <v>172282</v>
      </c>
      <c r="G50958" s="1" t="s">
        <v>172270</v>
      </c>
      <c r="H50958" s="1" t="s">
        <v>172271</v>
      </c>
      <c r="I50958" s="1" t="s">
        <v>171861</v>
      </c>
      <c r="J50958" s="1" t="s">
        <v>172283</v>
      </c>
    </row>
    <row r="50959" spans="1:10" x14ac:dyDescent="0.35">
      <c r="A50959" s="1" t="s">
        <v>10515</v>
      </c>
      <c r="B50959" s="1" t="s">
        <v>171856</v>
      </c>
      <c r="C50959" s="1" t="s">
        <v>35</v>
      </c>
      <c r="D50959" s="1" t="s">
        <v>12095</v>
      </c>
      <c r="E50959" s="1" t="s">
        <v>172284</v>
      </c>
      <c r="F50959" s="1" t="s">
        <v>172285</v>
      </c>
      <c r="G50959" s="1" t="s">
        <v>172270</v>
      </c>
      <c r="H50959" s="1" t="s">
        <v>172271</v>
      </c>
      <c r="I50959" s="1" t="s">
        <v>171861</v>
      </c>
      <c r="J50959" s="1" t="s">
        <v>172286</v>
      </c>
    </row>
    <row r="50960" spans="1:10" x14ac:dyDescent="0.35">
      <c r="A50960" s="1" t="s">
        <v>10515</v>
      </c>
      <c r="B50960" s="1" t="s">
        <v>171856</v>
      </c>
      <c r="C50960" s="1" t="s">
        <v>40</v>
      </c>
      <c r="D50960" s="1" t="s">
        <v>112315</v>
      </c>
      <c r="E50960" s="1" t="s">
        <v>172287</v>
      </c>
      <c r="F50960" s="1" t="s">
        <v>172288</v>
      </c>
      <c r="G50960" s="1" t="s">
        <v>172270</v>
      </c>
      <c r="H50960" s="1" t="s">
        <v>172271</v>
      </c>
      <c r="I50960" s="1" t="s">
        <v>171861</v>
      </c>
      <c r="J50960" s="1" t="s">
        <v>172289</v>
      </c>
    </row>
    <row r="50961" spans="1:10" x14ac:dyDescent="0.35">
      <c r="A50961" s="1" t="s">
        <v>10515</v>
      </c>
      <c r="B50961" s="1" t="s">
        <v>171856</v>
      </c>
      <c r="C50961" s="1" t="s">
        <v>45</v>
      </c>
      <c r="D50961" s="1" t="s">
        <v>44538</v>
      </c>
      <c r="E50961" s="1" t="s">
        <v>172290</v>
      </c>
      <c r="F50961" s="1" t="s">
        <v>172291</v>
      </c>
      <c r="G50961" s="1" t="s">
        <v>172270</v>
      </c>
      <c r="H50961" s="1" t="s">
        <v>172271</v>
      </c>
      <c r="I50961" s="1" t="s">
        <v>171861</v>
      </c>
      <c r="J50961" s="1" t="s">
        <v>1331</v>
      </c>
    </row>
    <row r="50962" spans="1:10" x14ac:dyDescent="0.35">
      <c r="A50962" s="1" t="s">
        <v>10515</v>
      </c>
      <c r="B50962" s="1" t="s">
        <v>171856</v>
      </c>
      <c r="C50962" s="1" t="s">
        <v>50</v>
      </c>
      <c r="D50962" s="1" t="s">
        <v>1225</v>
      </c>
      <c r="E50962" s="1" t="s">
        <v>172292</v>
      </c>
      <c r="F50962" s="1" t="s">
        <v>172293</v>
      </c>
      <c r="G50962" s="1" t="s">
        <v>172270</v>
      </c>
      <c r="H50962" s="1" t="s">
        <v>172271</v>
      </c>
      <c r="I50962" s="1" t="s">
        <v>171861</v>
      </c>
      <c r="J50962" s="1" t="s">
        <v>172294</v>
      </c>
    </row>
    <row r="50963" spans="1:10" x14ac:dyDescent="0.35">
      <c r="A50963" s="1" t="s">
        <v>10515</v>
      </c>
      <c r="B50963" s="1" t="s">
        <v>171856</v>
      </c>
      <c r="C50963" s="1" t="s">
        <v>55</v>
      </c>
      <c r="D50963" s="1" t="s">
        <v>172295</v>
      </c>
      <c r="E50963" s="1" t="s">
        <v>172296</v>
      </c>
      <c r="F50963" s="1" t="s">
        <v>172297</v>
      </c>
      <c r="G50963" s="1" t="s">
        <v>172270</v>
      </c>
      <c r="H50963" s="1" t="s">
        <v>172271</v>
      </c>
      <c r="I50963" s="1" t="s">
        <v>171861</v>
      </c>
      <c r="J50963" s="1" t="s">
        <v>172298</v>
      </c>
    </row>
    <row r="50964" spans="1:10" x14ac:dyDescent="0.35">
      <c r="A50964" s="1" t="s">
        <v>10515</v>
      </c>
      <c r="B50964" s="1" t="s">
        <v>171856</v>
      </c>
      <c r="C50964" s="1" t="s">
        <v>60</v>
      </c>
      <c r="D50964" s="1" t="s">
        <v>110648</v>
      </c>
      <c r="E50964" s="1" t="s">
        <v>172299</v>
      </c>
      <c r="F50964" s="1" t="s">
        <v>172300</v>
      </c>
      <c r="G50964" s="1" t="s">
        <v>172270</v>
      </c>
      <c r="H50964" s="1" t="s">
        <v>172271</v>
      </c>
      <c r="I50964" s="1" t="s">
        <v>171861</v>
      </c>
      <c r="J50964" s="1" t="s">
        <v>172301</v>
      </c>
    </row>
    <row r="50965" spans="1:10" x14ac:dyDescent="0.35">
      <c r="A50965" s="1" t="s">
        <v>10515</v>
      </c>
      <c r="B50965" s="1" t="s">
        <v>171856</v>
      </c>
      <c r="C50965" s="1" t="s">
        <v>65</v>
      </c>
      <c r="D50965" s="1" t="s">
        <v>28424</v>
      </c>
      <c r="E50965" s="1" t="s">
        <v>172302</v>
      </c>
      <c r="F50965" s="1" t="s">
        <v>172303</v>
      </c>
      <c r="G50965" s="1" t="s">
        <v>172270</v>
      </c>
      <c r="H50965" s="1" t="s">
        <v>172271</v>
      </c>
      <c r="I50965" s="1" t="s">
        <v>171861</v>
      </c>
      <c r="J50965" s="1" t="s">
        <v>172304</v>
      </c>
    </row>
    <row r="50966" spans="1:10" x14ac:dyDescent="0.35">
      <c r="A50966" s="1" t="s">
        <v>10515</v>
      </c>
      <c r="B50966" s="1" t="s">
        <v>171856</v>
      </c>
      <c r="C50966" s="1" t="s">
        <v>70</v>
      </c>
      <c r="D50966" s="1" t="s">
        <v>111195</v>
      </c>
      <c r="E50966" s="1" t="s">
        <v>172305</v>
      </c>
      <c r="F50966" s="1" t="s">
        <v>172306</v>
      </c>
      <c r="G50966" s="1" t="s">
        <v>172270</v>
      </c>
      <c r="H50966" s="1" t="s">
        <v>172271</v>
      </c>
      <c r="I50966" s="1" t="s">
        <v>171861</v>
      </c>
      <c r="J50966" s="1" t="s">
        <v>172307</v>
      </c>
    </row>
    <row r="50967" spans="1:10" x14ac:dyDescent="0.35">
      <c r="A50967" s="1" t="s">
        <v>10515</v>
      </c>
      <c r="B50967" s="1" t="s">
        <v>171856</v>
      </c>
      <c r="C50967" s="1" t="s">
        <v>75</v>
      </c>
      <c r="D50967" s="1" t="s">
        <v>112210</v>
      </c>
      <c r="E50967" s="1" t="s">
        <v>172308</v>
      </c>
      <c r="F50967" s="1" t="s">
        <v>172309</v>
      </c>
      <c r="G50967" s="1" t="s">
        <v>172270</v>
      </c>
      <c r="H50967" s="1" t="s">
        <v>172271</v>
      </c>
      <c r="I50967" s="1" t="s">
        <v>171861</v>
      </c>
      <c r="J50967" s="1" t="s">
        <v>172310</v>
      </c>
    </row>
    <row r="50968" spans="1:10" x14ac:dyDescent="0.35">
      <c r="A50968" s="1" t="s">
        <v>10515</v>
      </c>
      <c r="B50968" s="1" t="s">
        <v>171856</v>
      </c>
      <c r="C50968" s="1" t="s">
        <v>80</v>
      </c>
      <c r="D50968" s="1" t="s">
        <v>45743</v>
      </c>
      <c r="E50968" s="1" t="s">
        <v>172311</v>
      </c>
      <c r="F50968" s="1" t="s">
        <v>172312</v>
      </c>
      <c r="G50968" s="1" t="s">
        <v>172270</v>
      </c>
      <c r="H50968" s="1" t="s">
        <v>172271</v>
      </c>
      <c r="I50968" s="1" t="s">
        <v>171861</v>
      </c>
      <c r="J50968" s="1" t="s">
        <v>172313</v>
      </c>
    </row>
    <row r="50969" spans="1:10" x14ac:dyDescent="0.35">
      <c r="A50969" s="1" t="s">
        <v>10515</v>
      </c>
      <c r="B50969" s="1" t="s">
        <v>171856</v>
      </c>
      <c r="C50969" s="1" t="s">
        <v>85</v>
      </c>
      <c r="D50969" s="1" t="s">
        <v>1635</v>
      </c>
      <c r="E50969" s="1" t="s">
        <v>172314</v>
      </c>
      <c r="F50969" s="1" t="s">
        <v>172315</v>
      </c>
      <c r="G50969" s="1" t="s">
        <v>172270</v>
      </c>
      <c r="H50969" s="1" t="s">
        <v>172271</v>
      </c>
      <c r="I50969" s="1" t="s">
        <v>171861</v>
      </c>
      <c r="J50969" s="1" t="s">
        <v>172316</v>
      </c>
    </row>
    <row r="50970" spans="1:10" x14ac:dyDescent="0.35">
      <c r="A50970" s="1" t="s">
        <v>10515</v>
      </c>
      <c r="B50970" s="1" t="s">
        <v>171856</v>
      </c>
      <c r="C50970" s="1" t="s">
        <v>90</v>
      </c>
      <c r="D50970" s="1" t="s">
        <v>10956</v>
      </c>
      <c r="E50970" s="1" t="s">
        <v>172317</v>
      </c>
      <c r="F50970" s="1" t="s">
        <v>172318</v>
      </c>
      <c r="G50970" s="1" t="s">
        <v>172270</v>
      </c>
      <c r="H50970" s="1" t="s">
        <v>172271</v>
      </c>
      <c r="I50970" s="1" t="s">
        <v>171861</v>
      </c>
      <c r="J50970" s="1" t="s">
        <v>172319</v>
      </c>
    </row>
    <row r="50971" spans="1:10" x14ac:dyDescent="0.35">
      <c r="A50971" s="1" t="s">
        <v>10515</v>
      </c>
      <c r="B50971" s="1" t="s">
        <v>171856</v>
      </c>
      <c r="C50971" s="1" t="s">
        <v>95</v>
      </c>
      <c r="D50971" s="1" t="s">
        <v>172320</v>
      </c>
      <c r="E50971" s="1" t="s">
        <v>172321</v>
      </c>
      <c r="F50971" s="1" t="s">
        <v>172322</v>
      </c>
      <c r="G50971" s="1" t="s">
        <v>172270</v>
      </c>
      <c r="H50971" s="1" t="s">
        <v>172271</v>
      </c>
      <c r="I50971" s="1" t="s">
        <v>171861</v>
      </c>
      <c r="J50971" s="1" t="s">
        <v>172323</v>
      </c>
    </row>
    <row r="50972" spans="1:10" x14ac:dyDescent="0.35">
      <c r="A50972" s="1" t="s">
        <v>10515</v>
      </c>
      <c r="B50972" s="1" t="s">
        <v>171856</v>
      </c>
      <c r="C50972" s="1" t="s">
        <v>100</v>
      </c>
      <c r="D50972" s="1" t="s">
        <v>109739</v>
      </c>
      <c r="E50972" s="1" t="s">
        <v>172324</v>
      </c>
      <c r="F50972" s="1" t="s">
        <v>172325</v>
      </c>
      <c r="G50972" s="1" t="s">
        <v>172270</v>
      </c>
      <c r="H50972" s="1" t="s">
        <v>172271</v>
      </c>
      <c r="I50972" s="1" t="s">
        <v>171861</v>
      </c>
      <c r="J50972" s="1" t="s">
        <v>172326</v>
      </c>
    </row>
    <row r="50973" spans="1:10" x14ac:dyDescent="0.35">
      <c r="A50973" s="1" t="s">
        <v>10515</v>
      </c>
      <c r="B50973" s="1" t="s">
        <v>171856</v>
      </c>
      <c r="C50973" s="1" t="s">
        <v>105</v>
      </c>
      <c r="D50973" s="1" t="s">
        <v>29593</v>
      </c>
      <c r="E50973" s="1" t="s">
        <v>172327</v>
      </c>
      <c r="F50973" s="1" t="s">
        <v>172328</v>
      </c>
      <c r="G50973" s="1" t="s">
        <v>172270</v>
      </c>
      <c r="H50973" s="1" t="s">
        <v>172271</v>
      </c>
      <c r="I50973" s="1" t="s">
        <v>171861</v>
      </c>
      <c r="J50973" s="1" t="s">
        <v>172329</v>
      </c>
    </row>
    <row r="50974" spans="1:10" x14ac:dyDescent="0.35">
      <c r="A50974" s="1" t="s">
        <v>10515</v>
      </c>
      <c r="B50974" s="1" t="s">
        <v>171856</v>
      </c>
      <c r="C50974" s="1" t="s">
        <v>110</v>
      </c>
      <c r="D50974" s="1" t="s">
        <v>1743</v>
      </c>
      <c r="E50974" s="1" t="s">
        <v>172330</v>
      </c>
      <c r="F50974" s="1" t="s">
        <v>172331</v>
      </c>
      <c r="G50974" s="1" t="s">
        <v>172270</v>
      </c>
      <c r="H50974" s="1" t="s">
        <v>172271</v>
      </c>
      <c r="I50974" s="1" t="s">
        <v>171861</v>
      </c>
      <c r="J50974" s="1" t="s">
        <v>172332</v>
      </c>
    </row>
    <row r="50975" spans="1:10" x14ac:dyDescent="0.35">
      <c r="A50975" s="1" t="s">
        <v>10515</v>
      </c>
      <c r="B50975" s="1" t="s">
        <v>171856</v>
      </c>
      <c r="C50975" s="1" t="s">
        <v>115</v>
      </c>
      <c r="D50975" s="1" t="s">
        <v>172333</v>
      </c>
      <c r="E50975" s="1" t="s">
        <v>172334</v>
      </c>
      <c r="F50975" s="1" t="s">
        <v>172335</v>
      </c>
      <c r="G50975" s="1" t="s">
        <v>172270</v>
      </c>
      <c r="H50975" s="1" t="s">
        <v>172271</v>
      </c>
      <c r="I50975" s="1" t="s">
        <v>171861</v>
      </c>
      <c r="J50975" s="1" t="s">
        <v>172336</v>
      </c>
    </row>
    <row r="50976" spans="1:10" x14ac:dyDescent="0.35">
      <c r="A50976" s="1" t="s">
        <v>10515</v>
      </c>
      <c r="B50976" s="1" t="s">
        <v>171856</v>
      </c>
      <c r="C50976" s="1" t="s">
        <v>120</v>
      </c>
      <c r="D50976" s="1" t="s">
        <v>169472</v>
      </c>
      <c r="E50976" s="1" t="s">
        <v>172337</v>
      </c>
      <c r="F50976" s="1" t="s">
        <v>172338</v>
      </c>
      <c r="G50976" s="1" t="s">
        <v>172270</v>
      </c>
      <c r="H50976" s="1" t="s">
        <v>172271</v>
      </c>
      <c r="I50976" s="1" t="s">
        <v>171861</v>
      </c>
      <c r="J50976" s="1" t="s">
        <v>172339</v>
      </c>
    </row>
    <row r="50977" spans="1:10" x14ac:dyDescent="0.35">
      <c r="A50977" s="1" t="s">
        <v>10515</v>
      </c>
      <c r="B50977" s="1" t="s">
        <v>171856</v>
      </c>
      <c r="C50977" s="1" t="s">
        <v>125</v>
      </c>
      <c r="D50977" s="1" t="s">
        <v>172340</v>
      </c>
      <c r="E50977" s="1" t="s">
        <v>172341</v>
      </c>
      <c r="F50977" s="1" t="s">
        <v>172342</v>
      </c>
      <c r="G50977" s="1" t="s">
        <v>172270</v>
      </c>
      <c r="H50977" s="1" t="s">
        <v>172271</v>
      </c>
      <c r="I50977" s="1" t="s">
        <v>171861</v>
      </c>
      <c r="J50977" s="1" t="s">
        <v>172343</v>
      </c>
    </row>
    <row r="50978" spans="1:10" x14ac:dyDescent="0.35">
      <c r="A50978" s="1" t="s">
        <v>10515</v>
      </c>
      <c r="B50978" s="1" t="s">
        <v>171856</v>
      </c>
      <c r="C50978" s="1" t="s">
        <v>130</v>
      </c>
      <c r="D50978" s="1" t="s">
        <v>172344</v>
      </c>
      <c r="E50978" s="1" t="s">
        <v>172345</v>
      </c>
      <c r="F50978" s="1" t="s">
        <v>172346</v>
      </c>
      <c r="G50978" s="1" t="s">
        <v>172270</v>
      </c>
      <c r="H50978" s="1" t="s">
        <v>172271</v>
      </c>
      <c r="I50978" s="1" t="s">
        <v>171861</v>
      </c>
      <c r="J50978" s="1" t="s">
        <v>172347</v>
      </c>
    </row>
    <row r="50979" spans="1:10" x14ac:dyDescent="0.35">
      <c r="A50979" s="1" t="s">
        <v>10515</v>
      </c>
      <c r="B50979" s="1" t="s">
        <v>171856</v>
      </c>
      <c r="C50979" s="1" t="s">
        <v>135</v>
      </c>
      <c r="D50979" s="1" t="s">
        <v>172348</v>
      </c>
      <c r="E50979" s="1" t="s">
        <v>172349</v>
      </c>
      <c r="F50979" s="1" t="s">
        <v>172350</v>
      </c>
      <c r="G50979" s="1" t="s">
        <v>172270</v>
      </c>
      <c r="H50979" s="1" t="s">
        <v>172271</v>
      </c>
      <c r="I50979" s="1" t="s">
        <v>171861</v>
      </c>
      <c r="J50979" s="1" t="s">
        <v>172351</v>
      </c>
    </row>
    <row r="50980" spans="1:10" x14ac:dyDescent="0.35">
      <c r="A50980" s="1" t="s">
        <v>10515</v>
      </c>
      <c r="B50980" s="1" t="s">
        <v>171856</v>
      </c>
      <c r="C50980" s="1" t="s">
        <v>140</v>
      </c>
      <c r="D50980" s="1" t="s">
        <v>146904</v>
      </c>
      <c r="E50980" s="1" t="s">
        <v>172352</v>
      </c>
      <c r="F50980" s="1" t="s">
        <v>172353</v>
      </c>
      <c r="G50980" s="1" t="s">
        <v>172270</v>
      </c>
      <c r="H50980" s="1" t="s">
        <v>172271</v>
      </c>
      <c r="I50980" s="1" t="s">
        <v>171861</v>
      </c>
      <c r="J50980" s="1" t="s">
        <v>172354</v>
      </c>
    </row>
    <row r="50981" spans="1:10" x14ac:dyDescent="0.35">
      <c r="A50981" s="1" t="s">
        <v>10515</v>
      </c>
      <c r="B50981" s="1" t="s">
        <v>171856</v>
      </c>
      <c r="C50981" s="1" t="s">
        <v>145</v>
      </c>
      <c r="D50981" s="1" t="s">
        <v>35095</v>
      </c>
      <c r="E50981" s="1" t="s">
        <v>172355</v>
      </c>
      <c r="F50981" s="1" t="s">
        <v>172356</v>
      </c>
      <c r="G50981" s="1" t="s">
        <v>172270</v>
      </c>
      <c r="H50981" s="1" t="s">
        <v>172271</v>
      </c>
      <c r="I50981" s="1" t="s">
        <v>171861</v>
      </c>
      <c r="J50981" s="1" t="s">
        <v>172357</v>
      </c>
    </row>
    <row r="50982" spans="1:10" x14ac:dyDescent="0.35">
      <c r="A50982" s="1" t="s">
        <v>10515</v>
      </c>
      <c r="B50982" s="1" t="s">
        <v>171856</v>
      </c>
      <c r="C50982" s="1" t="s">
        <v>150</v>
      </c>
      <c r="D50982" s="1" t="s">
        <v>47825</v>
      </c>
      <c r="E50982" s="1" t="s">
        <v>172358</v>
      </c>
      <c r="F50982" s="1" t="s">
        <v>172359</v>
      </c>
      <c r="G50982" s="1" t="s">
        <v>172270</v>
      </c>
      <c r="H50982" s="1" t="s">
        <v>172271</v>
      </c>
      <c r="I50982" s="1" t="s">
        <v>171861</v>
      </c>
      <c r="J50982" s="1" t="s">
        <v>172360</v>
      </c>
    </row>
    <row r="50983" spans="1:10" x14ac:dyDescent="0.35">
      <c r="A50983" s="1" t="s">
        <v>10515</v>
      </c>
      <c r="B50983" s="1" t="s">
        <v>171856</v>
      </c>
      <c r="C50983" s="1" t="s">
        <v>155</v>
      </c>
      <c r="D50983" s="1" t="s">
        <v>155702</v>
      </c>
      <c r="E50983" s="1" t="s">
        <v>172361</v>
      </c>
      <c r="F50983" s="1" t="s">
        <v>172362</v>
      </c>
      <c r="G50983" s="1" t="s">
        <v>172270</v>
      </c>
      <c r="H50983" s="1" t="s">
        <v>172271</v>
      </c>
      <c r="I50983" s="1" t="s">
        <v>171861</v>
      </c>
      <c r="J50983" s="1" t="s">
        <v>172363</v>
      </c>
    </row>
    <row r="50984" spans="1:10" x14ac:dyDescent="0.35">
      <c r="A50984" s="1" t="s">
        <v>10515</v>
      </c>
      <c r="B50984" s="1" t="s">
        <v>171856</v>
      </c>
      <c r="C50984" s="1" t="s">
        <v>160</v>
      </c>
      <c r="D50984" s="1" t="s">
        <v>121795</v>
      </c>
      <c r="E50984" s="1" t="s">
        <v>172364</v>
      </c>
      <c r="F50984" s="1" t="s">
        <v>172365</v>
      </c>
      <c r="G50984" s="1" t="s">
        <v>172270</v>
      </c>
      <c r="H50984" s="1" t="s">
        <v>172271</v>
      </c>
      <c r="I50984" s="1" t="s">
        <v>171861</v>
      </c>
      <c r="J50984" s="1" t="s">
        <v>172366</v>
      </c>
    </row>
    <row r="50985" spans="1:10" x14ac:dyDescent="0.35">
      <c r="A50985" s="1" t="s">
        <v>10515</v>
      </c>
      <c r="B50985" s="1" t="s">
        <v>171856</v>
      </c>
      <c r="C50985" s="1" t="s">
        <v>165</v>
      </c>
      <c r="D50985" s="1" t="s">
        <v>172367</v>
      </c>
      <c r="E50985" s="1" t="s">
        <v>172368</v>
      </c>
      <c r="F50985" s="1" t="s">
        <v>172369</v>
      </c>
      <c r="G50985" s="1" t="s">
        <v>172270</v>
      </c>
      <c r="H50985" s="1" t="s">
        <v>172271</v>
      </c>
      <c r="I50985" s="1" t="s">
        <v>171861</v>
      </c>
      <c r="J50985" s="1" t="s">
        <v>172370</v>
      </c>
    </row>
    <row r="50986" spans="1:10" x14ac:dyDescent="0.35">
      <c r="A50986" s="1" t="s">
        <v>10515</v>
      </c>
      <c r="B50986" s="1" t="s">
        <v>171856</v>
      </c>
      <c r="C50986" s="1" t="s">
        <v>170</v>
      </c>
      <c r="D50986" s="1" t="s">
        <v>47369</v>
      </c>
      <c r="E50986" s="1" t="s">
        <v>172371</v>
      </c>
      <c r="F50986" s="1" t="s">
        <v>172372</v>
      </c>
      <c r="G50986" s="1" t="s">
        <v>172270</v>
      </c>
      <c r="H50986" s="1" t="s">
        <v>172271</v>
      </c>
      <c r="I50986" s="1" t="s">
        <v>171861</v>
      </c>
      <c r="J50986" s="1" t="s">
        <v>172373</v>
      </c>
    </row>
    <row r="50987" spans="1:10" x14ac:dyDescent="0.35">
      <c r="A50987" s="1" t="s">
        <v>1383</v>
      </c>
      <c r="B50987" s="1" t="s">
        <v>171856</v>
      </c>
      <c r="C50987" s="1" t="s">
        <v>8</v>
      </c>
      <c r="D50987" s="1" t="s">
        <v>4110</v>
      </c>
      <c r="E50987" s="1" t="s">
        <v>172374</v>
      </c>
      <c r="F50987" s="1" t="s">
        <v>172375</v>
      </c>
      <c r="G50987" s="1" t="s">
        <v>172376</v>
      </c>
      <c r="H50987" s="1" t="s">
        <v>172377</v>
      </c>
      <c r="I50987" s="1" t="s">
        <v>171861</v>
      </c>
      <c r="J50987" s="1" t="s">
        <v>13</v>
      </c>
    </row>
    <row r="50988" spans="1:10" x14ac:dyDescent="0.35">
      <c r="A50988" s="1" t="s">
        <v>1383</v>
      </c>
      <c r="B50988" s="1" t="s">
        <v>171856</v>
      </c>
      <c r="C50988" s="1" t="s">
        <v>15</v>
      </c>
      <c r="D50988" s="1" t="s">
        <v>112595</v>
      </c>
      <c r="E50988" s="1" t="s">
        <v>172378</v>
      </c>
      <c r="F50988" s="1" t="s">
        <v>172379</v>
      </c>
      <c r="G50988" s="1" t="s">
        <v>172376</v>
      </c>
      <c r="H50988" s="1" t="s">
        <v>172377</v>
      </c>
      <c r="I50988" s="1" t="s">
        <v>171861</v>
      </c>
      <c r="J50988" s="1" t="s">
        <v>172380</v>
      </c>
    </row>
    <row r="50989" spans="1:10" x14ac:dyDescent="0.35">
      <c r="A50989" s="1" t="s">
        <v>1383</v>
      </c>
      <c r="B50989" s="1" t="s">
        <v>171856</v>
      </c>
      <c r="C50989" s="1" t="s">
        <v>20</v>
      </c>
      <c r="D50989" s="1" t="s">
        <v>172381</v>
      </c>
      <c r="E50989" s="1" t="s">
        <v>172382</v>
      </c>
      <c r="F50989" s="1" t="s">
        <v>172383</v>
      </c>
      <c r="G50989" s="1" t="s">
        <v>172376</v>
      </c>
      <c r="H50989" s="1" t="s">
        <v>172377</v>
      </c>
      <c r="I50989" s="1" t="s">
        <v>171861</v>
      </c>
      <c r="J50989" s="1" t="s">
        <v>172384</v>
      </c>
    </row>
    <row r="50990" spans="1:10" x14ac:dyDescent="0.35">
      <c r="A50990" s="1" t="s">
        <v>1383</v>
      </c>
      <c r="B50990" s="1" t="s">
        <v>171856</v>
      </c>
      <c r="C50990" s="1" t="s">
        <v>25</v>
      </c>
      <c r="D50990" s="1" t="s">
        <v>29367</v>
      </c>
      <c r="E50990" s="1" t="s">
        <v>172385</v>
      </c>
      <c r="F50990" s="1" t="s">
        <v>172386</v>
      </c>
      <c r="G50990" s="1" t="s">
        <v>172376</v>
      </c>
      <c r="H50990" s="1" t="s">
        <v>172377</v>
      </c>
      <c r="I50990" s="1" t="s">
        <v>171861</v>
      </c>
      <c r="J50990" s="1" t="s">
        <v>172387</v>
      </c>
    </row>
    <row r="50991" spans="1:10" x14ac:dyDescent="0.35">
      <c r="A50991" s="1" t="s">
        <v>1383</v>
      </c>
      <c r="B50991" s="1" t="s">
        <v>171856</v>
      </c>
      <c r="C50991" s="1" t="s">
        <v>30</v>
      </c>
      <c r="D50991" s="1" t="s">
        <v>162032</v>
      </c>
      <c r="E50991" s="1" t="s">
        <v>172388</v>
      </c>
      <c r="F50991" s="1" t="s">
        <v>172389</v>
      </c>
      <c r="G50991" s="1" t="s">
        <v>172376</v>
      </c>
      <c r="H50991" s="1" t="s">
        <v>172377</v>
      </c>
      <c r="I50991" s="1" t="s">
        <v>171861</v>
      </c>
      <c r="J50991" s="1" t="s">
        <v>172390</v>
      </c>
    </row>
    <row r="50992" spans="1:10" x14ac:dyDescent="0.35">
      <c r="A50992" s="1" t="s">
        <v>1383</v>
      </c>
      <c r="B50992" s="1" t="s">
        <v>171856</v>
      </c>
      <c r="C50992" s="1" t="s">
        <v>35</v>
      </c>
      <c r="D50992" s="1" t="s">
        <v>148724</v>
      </c>
      <c r="E50992" s="1" t="s">
        <v>172391</v>
      </c>
      <c r="F50992" s="1" t="s">
        <v>172392</v>
      </c>
      <c r="G50992" s="1" t="s">
        <v>172376</v>
      </c>
      <c r="H50992" s="1" t="s">
        <v>172377</v>
      </c>
      <c r="I50992" s="1" t="s">
        <v>171861</v>
      </c>
      <c r="J50992" s="1" t="s">
        <v>172393</v>
      </c>
    </row>
    <row r="50993" spans="1:10" x14ac:dyDescent="0.35">
      <c r="A50993" s="1" t="s">
        <v>1383</v>
      </c>
      <c r="B50993" s="1" t="s">
        <v>171856</v>
      </c>
      <c r="C50993" s="1" t="s">
        <v>40</v>
      </c>
      <c r="D50993" s="1" t="s">
        <v>117057</v>
      </c>
      <c r="E50993" s="1" t="s">
        <v>172394</v>
      </c>
      <c r="F50993" s="1" t="s">
        <v>172395</v>
      </c>
      <c r="G50993" s="1" t="s">
        <v>172376</v>
      </c>
      <c r="H50993" s="1" t="s">
        <v>172377</v>
      </c>
      <c r="I50993" s="1" t="s">
        <v>171861</v>
      </c>
      <c r="J50993" s="1" t="s">
        <v>172396</v>
      </c>
    </row>
    <row r="50994" spans="1:10" x14ac:dyDescent="0.35">
      <c r="A50994" s="1" t="s">
        <v>1383</v>
      </c>
      <c r="B50994" s="1" t="s">
        <v>171856</v>
      </c>
      <c r="C50994" s="1" t="s">
        <v>45</v>
      </c>
      <c r="D50994" s="1" t="s">
        <v>46734</v>
      </c>
      <c r="E50994" s="1" t="s">
        <v>172397</v>
      </c>
      <c r="F50994" s="1" t="s">
        <v>172398</v>
      </c>
      <c r="G50994" s="1" t="s">
        <v>172376</v>
      </c>
      <c r="H50994" s="1" t="s">
        <v>172377</v>
      </c>
      <c r="I50994" s="1" t="s">
        <v>171861</v>
      </c>
      <c r="J50994" s="1" t="s">
        <v>172399</v>
      </c>
    </row>
    <row r="50995" spans="1:10" x14ac:dyDescent="0.35">
      <c r="A50995" s="1" t="s">
        <v>1383</v>
      </c>
      <c r="B50995" s="1" t="s">
        <v>171856</v>
      </c>
      <c r="C50995" s="1" t="s">
        <v>50</v>
      </c>
      <c r="D50995" s="1" t="s">
        <v>171593</v>
      </c>
      <c r="E50995" s="1" t="s">
        <v>172400</v>
      </c>
      <c r="F50995" s="1" t="s">
        <v>172401</v>
      </c>
      <c r="G50995" s="1" t="s">
        <v>172376</v>
      </c>
      <c r="H50995" s="1" t="s">
        <v>172377</v>
      </c>
      <c r="I50995" s="1" t="s">
        <v>171861</v>
      </c>
      <c r="J50995" s="1" t="s">
        <v>172402</v>
      </c>
    </row>
    <row r="50996" spans="1:10" x14ac:dyDescent="0.35">
      <c r="A50996" s="1" t="s">
        <v>1383</v>
      </c>
      <c r="B50996" s="1" t="s">
        <v>171856</v>
      </c>
      <c r="C50996" s="1" t="s">
        <v>55</v>
      </c>
      <c r="D50996" s="1" t="s">
        <v>172403</v>
      </c>
      <c r="E50996" s="1" t="s">
        <v>172404</v>
      </c>
      <c r="F50996" s="1" t="s">
        <v>172405</v>
      </c>
      <c r="G50996" s="1" t="s">
        <v>172376</v>
      </c>
      <c r="H50996" s="1" t="s">
        <v>172377</v>
      </c>
      <c r="I50996" s="1" t="s">
        <v>171861</v>
      </c>
      <c r="J50996" s="1" t="s">
        <v>172406</v>
      </c>
    </row>
    <row r="50997" spans="1:10" x14ac:dyDescent="0.35">
      <c r="A50997" s="1" t="s">
        <v>1383</v>
      </c>
      <c r="B50997" s="1" t="s">
        <v>171856</v>
      </c>
      <c r="C50997" s="1" t="s">
        <v>60</v>
      </c>
      <c r="D50997" s="1" t="s">
        <v>34056</v>
      </c>
      <c r="E50997" s="1" t="s">
        <v>172407</v>
      </c>
      <c r="F50997" s="1" t="s">
        <v>172408</v>
      </c>
      <c r="G50997" s="1" t="s">
        <v>172376</v>
      </c>
      <c r="H50997" s="1" t="s">
        <v>172377</v>
      </c>
      <c r="I50997" s="1" t="s">
        <v>171861</v>
      </c>
      <c r="J50997" s="1" t="s">
        <v>172409</v>
      </c>
    </row>
    <row r="50998" spans="1:10" x14ac:dyDescent="0.35">
      <c r="A50998" s="1" t="s">
        <v>1383</v>
      </c>
      <c r="B50998" s="1" t="s">
        <v>171856</v>
      </c>
      <c r="C50998" s="1" t="s">
        <v>65</v>
      </c>
      <c r="D50998" s="1" t="s">
        <v>25157</v>
      </c>
      <c r="E50998" s="1" t="s">
        <v>172410</v>
      </c>
      <c r="F50998" s="1" t="s">
        <v>172411</v>
      </c>
      <c r="G50998" s="1" t="s">
        <v>172376</v>
      </c>
      <c r="H50998" s="1" t="s">
        <v>172377</v>
      </c>
      <c r="I50998" s="1" t="s">
        <v>171861</v>
      </c>
      <c r="J50998" s="1" t="s">
        <v>172412</v>
      </c>
    </row>
    <row r="50999" spans="1:10" x14ac:dyDescent="0.35">
      <c r="A50999" s="1" t="s">
        <v>1383</v>
      </c>
      <c r="B50999" s="1" t="s">
        <v>171856</v>
      </c>
      <c r="C50999" s="1" t="s">
        <v>70</v>
      </c>
      <c r="D50999" s="1" t="s">
        <v>104208</v>
      </c>
      <c r="E50999" s="1" t="s">
        <v>172413</v>
      </c>
      <c r="F50999" s="1" t="s">
        <v>172414</v>
      </c>
      <c r="G50999" s="1" t="s">
        <v>172376</v>
      </c>
      <c r="H50999" s="1" t="s">
        <v>172377</v>
      </c>
      <c r="I50999" s="1" t="s">
        <v>171861</v>
      </c>
      <c r="J50999" s="1" t="s">
        <v>172415</v>
      </c>
    </row>
    <row r="51000" spans="1:10" x14ac:dyDescent="0.35">
      <c r="A51000" s="1" t="s">
        <v>1383</v>
      </c>
      <c r="B51000" s="1" t="s">
        <v>171856</v>
      </c>
      <c r="C51000" s="1" t="s">
        <v>75</v>
      </c>
      <c r="D51000" s="1" t="s">
        <v>116499</v>
      </c>
      <c r="E51000" s="1" t="s">
        <v>172416</v>
      </c>
      <c r="F51000" s="1" t="s">
        <v>172417</v>
      </c>
      <c r="G51000" s="1" t="s">
        <v>172376</v>
      </c>
      <c r="H51000" s="1" t="s">
        <v>172377</v>
      </c>
      <c r="I51000" s="1" t="s">
        <v>171861</v>
      </c>
      <c r="J51000" s="1" t="s">
        <v>172418</v>
      </c>
    </row>
    <row r="51001" spans="1:10" x14ac:dyDescent="0.35">
      <c r="A51001" s="1" t="s">
        <v>1383</v>
      </c>
      <c r="B51001" s="1" t="s">
        <v>171856</v>
      </c>
      <c r="C51001" s="1" t="s">
        <v>80</v>
      </c>
      <c r="D51001" s="1" t="s">
        <v>172419</v>
      </c>
      <c r="E51001" s="1" t="s">
        <v>172420</v>
      </c>
      <c r="F51001" s="1" t="s">
        <v>172421</v>
      </c>
      <c r="G51001" s="1" t="s">
        <v>172376</v>
      </c>
      <c r="H51001" s="1" t="s">
        <v>172377</v>
      </c>
      <c r="I51001" s="1" t="s">
        <v>171861</v>
      </c>
      <c r="J51001" s="1" t="s">
        <v>172422</v>
      </c>
    </row>
    <row r="51002" spans="1:10" x14ac:dyDescent="0.35">
      <c r="A51002" s="1" t="s">
        <v>1383</v>
      </c>
      <c r="B51002" s="1" t="s">
        <v>171856</v>
      </c>
      <c r="C51002" s="1" t="s">
        <v>85</v>
      </c>
      <c r="D51002" s="1" t="s">
        <v>172423</v>
      </c>
      <c r="E51002" s="1" t="s">
        <v>172424</v>
      </c>
      <c r="F51002" s="1" t="s">
        <v>172425</v>
      </c>
      <c r="G51002" s="1" t="s">
        <v>172376</v>
      </c>
      <c r="H51002" s="1" t="s">
        <v>172377</v>
      </c>
      <c r="I51002" s="1" t="s">
        <v>171861</v>
      </c>
      <c r="J51002" s="1" t="s">
        <v>172426</v>
      </c>
    </row>
    <row r="51003" spans="1:10" x14ac:dyDescent="0.35">
      <c r="A51003" s="1" t="s">
        <v>1383</v>
      </c>
      <c r="B51003" s="1" t="s">
        <v>171856</v>
      </c>
      <c r="C51003" s="1" t="s">
        <v>90</v>
      </c>
      <c r="D51003" s="1" t="s">
        <v>2663</v>
      </c>
      <c r="E51003" s="1" t="s">
        <v>172427</v>
      </c>
      <c r="F51003" s="1" t="s">
        <v>172428</v>
      </c>
      <c r="G51003" s="1" t="s">
        <v>172376</v>
      </c>
      <c r="H51003" s="1" t="s">
        <v>172377</v>
      </c>
      <c r="I51003" s="1" t="s">
        <v>171861</v>
      </c>
      <c r="J51003" s="1" t="s">
        <v>172429</v>
      </c>
    </row>
    <row r="51004" spans="1:10" x14ac:dyDescent="0.35">
      <c r="A51004" s="1" t="s">
        <v>1383</v>
      </c>
      <c r="B51004" s="1" t="s">
        <v>171856</v>
      </c>
      <c r="C51004" s="1" t="s">
        <v>95</v>
      </c>
      <c r="D51004" s="1" t="s">
        <v>116054</v>
      </c>
      <c r="E51004" s="1" t="s">
        <v>172430</v>
      </c>
      <c r="F51004" s="1" t="s">
        <v>172431</v>
      </c>
      <c r="G51004" s="1" t="s">
        <v>172376</v>
      </c>
      <c r="H51004" s="1" t="s">
        <v>172377</v>
      </c>
      <c r="I51004" s="1" t="s">
        <v>171861</v>
      </c>
      <c r="J51004" s="1" t="s">
        <v>172432</v>
      </c>
    </row>
    <row r="51005" spans="1:10" x14ac:dyDescent="0.35">
      <c r="A51005" s="1" t="s">
        <v>1383</v>
      </c>
      <c r="B51005" s="1" t="s">
        <v>171856</v>
      </c>
      <c r="C51005" s="1" t="s">
        <v>100</v>
      </c>
      <c r="D51005" s="1" t="s">
        <v>172433</v>
      </c>
      <c r="E51005" s="1" t="s">
        <v>172434</v>
      </c>
      <c r="F51005" s="1" t="s">
        <v>172435</v>
      </c>
      <c r="G51005" s="1" t="s">
        <v>172376</v>
      </c>
      <c r="H51005" s="1" t="s">
        <v>172377</v>
      </c>
      <c r="I51005" s="1" t="s">
        <v>171861</v>
      </c>
      <c r="J51005" s="1" t="s">
        <v>172436</v>
      </c>
    </row>
    <row r="51006" spans="1:10" x14ac:dyDescent="0.35">
      <c r="A51006" s="1" t="s">
        <v>1383</v>
      </c>
      <c r="B51006" s="1" t="s">
        <v>171856</v>
      </c>
      <c r="C51006" s="1" t="s">
        <v>105</v>
      </c>
      <c r="D51006" s="1" t="s">
        <v>172437</v>
      </c>
      <c r="E51006" s="1" t="s">
        <v>172438</v>
      </c>
      <c r="F51006" s="1" t="s">
        <v>172439</v>
      </c>
      <c r="G51006" s="1" t="s">
        <v>172376</v>
      </c>
      <c r="H51006" s="1" t="s">
        <v>172377</v>
      </c>
      <c r="I51006" s="1" t="s">
        <v>171861</v>
      </c>
      <c r="J51006" s="1" t="s">
        <v>172440</v>
      </c>
    </row>
    <row r="51007" spans="1:10" x14ac:dyDescent="0.35">
      <c r="A51007" s="1" t="s">
        <v>1383</v>
      </c>
      <c r="B51007" s="1" t="s">
        <v>171856</v>
      </c>
      <c r="C51007" s="1" t="s">
        <v>110</v>
      </c>
      <c r="D51007" s="1" t="s">
        <v>37435</v>
      </c>
      <c r="E51007" s="1" t="s">
        <v>172441</v>
      </c>
      <c r="F51007" s="1" t="s">
        <v>172442</v>
      </c>
      <c r="G51007" s="1" t="s">
        <v>172376</v>
      </c>
      <c r="H51007" s="1" t="s">
        <v>172377</v>
      </c>
      <c r="I51007" s="1" t="s">
        <v>171861</v>
      </c>
      <c r="J51007" s="1" t="s">
        <v>172443</v>
      </c>
    </row>
    <row r="51008" spans="1:10" x14ac:dyDescent="0.35">
      <c r="A51008" s="1" t="s">
        <v>1383</v>
      </c>
      <c r="B51008" s="1" t="s">
        <v>171856</v>
      </c>
      <c r="C51008" s="1" t="s">
        <v>115</v>
      </c>
      <c r="D51008" s="1" t="s">
        <v>7606</v>
      </c>
      <c r="E51008" s="1" t="s">
        <v>172444</v>
      </c>
      <c r="F51008" s="1" t="s">
        <v>172445</v>
      </c>
      <c r="G51008" s="1" t="s">
        <v>172376</v>
      </c>
      <c r="H51008" s="1" t="s">
        <v>172377</v>
      </c>
      <c r="I51008" s="1" t="s">
        <v>171861</v>
      </c>
      <c r="J51008" s="1" t="s">
        <v>172446</v>
      </c>
    </row>
    <row r="51009" spans="1:10" x14ac:dyDescent="0.35">
      <c r="A51009" s="1" t="s">
        <v>1383</v>
      </c>
      <c r="B51009" s="1" t="s">
        <v>171856</v>
      </c>
      <c r="C51009" s="1" t="s">
        <v>120</v>
      </c>
      <c r="D51009" s="1" t="s">
        <v>172447</v>
      </c>
      <c r="E51009" s="1" t="s">
        <v>172448</v>
      </c>
      <c r="F51009" s="1" t="s">
        <v>172449</v>
      </c>
      <c r="G51009" s="1" t="s">
        <v>172376</v>
      </c>
      <c r="H51009" s="1" t="s">
        <v>172377</v>
      </c>
      <c r="I51009" s="1" t="s">
        <v>171861</v>
      </c>
      <c r="J51009" s="1" t="s">
        <v>172450</v>
      </c>
    </row>
    <row r="51010" spans="1:10" x14ac:dyDescent="0.35">
      <c r="A51010" s="1" t="s">
        <v>1383</v>
      </c>
      <c r="B51010" s="1" t="s">
        <v>171856</v>
      </c>
      <c r="C51010" s="1" t="s">
        <v>125</v>
      </c>
      <c r="D51010" s="1" t="s">
        <v>47343</v>
      </c>
      <c r="E51010" s="1" t="s">
        <v>172451</v>
      </c>
      <c r="F51010" s="1" t="s">
        <v>172452</v>
      </c>
      <c r="G51010" s="1" t="s">
        <v>172376</v>
      </c>
      <c r="H51010" s="1" t="s">
        <v>172377</v>
      </c>
      <c r="I51010" s="1" t="s">
        <v>171861</v>
      </c>
      <c r="J51010" s="1" t="s">
        <v>172453</v>
      </c>
    </row>
    <row r="51011" spans="1:10" x14ac:dyDescent="0.35">
      <c r="A51011" s="1" t="s">
        <v>1383</v>
      </c>
      <c r="B51011" s="1" t="s">
        <v>171856</v>
      </c>
      <c r="C51011" s="1" t="s">
        <v>130</v>
      </c>
      <c r="D51011" s="1" t="s">
        <v>6567</v>
      </c>
      <c r="E51011" s="1" t="s">
        <v>172454</v>
      </c>
      <c r="F51011" s="1" t="s">
        <v>172455</v>
      </c>
      <c r="G51011" s="1" t="s">
        <v>172376</v>
      </c>
      <c r="H51011" s="1" t="s">
        <v>172377</v>
      </c>
      <c r="I51011" s="1" t="s">
        <v>171861</v>
      </c>
      <c r="J51011" s="1" t="s">
        <v>172456</v>
      </c>
    </row>
    <row r="51012" spans="1:10" x14ac:dyDescent="0.35">
      <c r="A51012" s="1" t="s">
        <v>1383</v>
      </c>
      <c r="B51012" s="1" t="s">
        <v>171856</v>
      </c>
      <c r="C51012" s="1" t="s">
        <v>135</v>
      </c>
      <c r="D51012" s="1" t="s">
        <v>172457</v>
      </c>
      <c r="E51012" s="1" t="s">
        <v>172458</v>
      </c>
      <c r="F51012" s="1" t="s">
        <v>172459</v>
      </c>
      <c r="G51012" s="1" t="s">
        <v>172376</v>
      </c>
      <c r="H51012" s="1" t="s">
        <v>172377</v>
      </c>
      <c r="I51012" s="1" t="s">
        <v>171861</v>
      </c>
      <c r="J51012" s="1" t="s">
        <v>172460</v>
      </c>
    </row>
    <row r="51013" spans="1:10" x14ac:dyDescent="0.35">
      <c r="A51013" s="1" t="s">
        <v>1383</v>
      </c>
      <c r="B51013" s="1" t="s">
        <v>171856</v>
      </c>
      <c r="C51013" s="1" t="s">
        <v>140</v>
      </c>
      <c r="D51013" s="1" t="s">
        <v>10892</v>
      </c>
      <c r="E51013" s="1" t="s">
        <v>172461</v>
      </c>
      <c r="F51013" s="1" t="s">
        <v>172462</v>
      </c>
      <c r="G51013" s="1" t="s">
        <v>172376</v>
      </c>
      <c r="H51013" s="1" t="s">
        <v>172377</v>
      </c>
      <c r="I51013" s="1" t="s">
        <v>171861</v>
      </c>
      <c r="J51013" s="1" t="s">
        <v>172463</v>
      </c>
    </row>
    <row r="51014" spans="1:10" x14ac:dyDescent="0.35">
      <c r="A51014" s="1" t="s">
        <v>1383</v>
      </c>
      <c r="B51014" s="1" t="s">
        <v>171856</v>
      </c>
      <c r="C51014" s="1" t="s">
        <v>145</v>
      </c>
      <c r="D51014" s="1" t="s">
        <v>172464</v>
      </c>
      <c r="E51014" s="1" t="s">
        <v>172465</v>
      </c>
      <c r="F51014" s="1" t="s">
        <v>172466</v>
      </c>
      <c r="G51014" s="1" t="s">
        <v>172376</v>
      </c>
      <c r="H51014" s="1" t="s">
        <v>172377</v>
      </c>
      <c r="I51014" s="1" t="s">
        <v>171861</v>
      </c>
      <c r="J51014" s="1" t="s">
        <v>172467</v>
      </c>
    </row>
    <row r="51015" spans="1:10" x14ac:dyDescent="0.35">
      <c r="A51015" s="1" t="s">
        <v>1383</v>
      </c>
      <c r="B51015" s="1" t="s">
        <v>171856</v>
      </c>
      <c r="C51015" s="1" t="s">
        <v>150</v>
      </c>
      <c r="D51015" s="1" t="s">
        <v>16116</v>
      </c>
      <c r="E51015" s="1" t="s">
        <v>172468</v>
      </c>
      <c r="F51015" s="1" t="s">
        <v>172469</v>
      </c>
      <c r="G51015" s="1" t="s">
        <v>172376</v>
      </c>
      <c r="H51015" s="1" t="s">
        <v>172377</v>
      </c>
      <c r="I51015" s="1" t="s">
        <v>171861</v>
      </c>
      <c r="J51015" s="1" t="s">
        <v>172470</v>
      </c>
    </row>
    <row r="51016" spans="1:10" x14ac:dyDescent="0.35">
      <c r="A51016" s="1" t="s">
        <v>1383</v>
      </c>
      <c r="B51016" s="1" t="s">
        <v>171856</v>
      </c>
      <c r="C51016" s="1" t="s">
        <v>155</v>
      </c>
      <c r="D51016" s="1" t="s">
        <v>72692</v>
      </c>
      <c r="E51016" s="1" t="s">
        <v>172471</v>
      </c>
      <c r="F51016" s="1" t="s">
        <v>172472</v>
      </c>
      <c r="G51016" s="1" t="s">
        <v>172376</v>
      </c>
      <c r="H51016" s="1" t="s">
        <v>172377</v>
      </c>
      <c r="I51016" s="1" t="s">
        <v>171861</v>
      </c>
      <c r="J51016" s="1" t="s">
        <v>172473</v>
      </c>
    </row>
    <row r="51017" spans="1:10" x14ac:dyDescent="0.35">
      <c r="A51017" s="1" t="s">
        <v>1383</v>
      </c>
      <c r="B51017" s="1" t="s">
        <v>171856</v>
      </c>
      <c r="C51017" s="1" t="s">
        <v>160</v>
      </c>
      <c r="D51017" s="1" t="s">
        <v>105085</v>
      </c>
      <c r="E51017" s="1" t="s">
        <v>172474</v>
      </c>
      <c r="F51017" s="1" t="s">
        <v>172475</v>
      </c>
      <c r="G51017" s="1" t="s">
        <v>172376</v>
      </c>
      <c r="H51017" s="1" t="s">
        <v>172377</v>
      </c>
      <c r="I51017" s="1" t="s">
        <v>171861</v>
      </c>
      <c r="J51017" s="1" t="s">
        <v>172476</v>
      </c>
    </row>
    <row r="51018" spans="1:10" x14ac:dyDescent="0.35">
      <c r="A51018" s="1" t="s">
        <v>1383</v>
      </c>
      <c r="B51018" s="1" t="s">
        <v>171856</v>
      </c>
      <c r="C51018" s="1" t="s">
        <v>165</v>
      </c>
      <c r="D51018" s="1" t="s">
        <v>6701</v>
      </c>
      <c r="E51018" s="1" t="s">
        <v>172477</v>
      </c>
      <c r="F51018" s="1" t="s">
        <v>172478</v>
      </c>
      <c r="G51018" s="1" t="s">
        <v>172376</v>
      </c>
      <c r="H51018" s="1" t="s">
        <v>172377</v>
      </c>
      <c r="I51018" s="1" t="s">
        <v>171861</v>
      </c>
      <c r="J51018" s="1" t="s">
        <v>172479</v>
      </c>
    </row>
    <row r="51019" spans="1:10" x14ac:dyDescent="0.35">
      <c r="A51019" s="1" t="s">
        <v>1383</v>
      </c>
      <c r="B51019" s="1" t="s">
        <v>171856</v>
      </c>
      <c r="C51019" s="1" t="s">
        <v>170</v>
      </c>
      <c r="D51019" s="1" t="s">
        <v>172480</v>
      </c>
      <c r="E51019" s="1" t="s">
        <v>172481</v>
      </c>
      <c r="F51019" s="1" t="s">
        <v>172482</v>
      </c>
      <c r="G51019" s="1" t="s">
        <v>172376</v>
      </c>
      <c r="H51019" s="1" t="s">
        <v>172377</v>
      </c>
      <c r="I51019" s="1" t="s">
        <v>171861</v>
      </c>
      <c r="J51019" s="1" t="s">
        <v>172483</v>
      </c>
    </row>
    <row r="51020" spans="1:10" x14ac:dyDescent="0.35">
      <c r="A51020" s="1" t="s">
        <v>9893</v>
      </c>
      <c r="B51020" s="1" t="s">
        <v>172484</v>
      </c>
      <c r="C51020" s="1" t="s">
        <v>8</v>
      </c>
      <c r="D51020" s="1" t="s">
        <v>172485</v>
      </c>
      <c r="E51020" s="1" t="s">
        <v>172486</v>
      </c>
      <c r="F51020" s="1" t="s">
        <v>172487</v>
      </c>
      <c r="G51020" s="1" t="s">
        <v>172488</v>
      </c>
      <c r="H51020" s="1" t="s">
        <v>172489</v>
      </c>
      <c r="I51020" s="1" t="s">
        <v>172490</v>
      </c>
      <c r="J51020" s="1" t="s">
        <v>13</v>
      </c>
    </row>
    <row r="51021" spans="1:10" x14ac:dyDescent="0.35">
      <c r="A51021" s="1" t="s">
        <v>9893</v>
      </c>
      <c r="B51021" s="1" t="s">
        <v>172484</v>
      </c>
      <c r="C51021" s="1" t="s">
        <v>15</v>
      </c>
      <c r="D51021" s="1" t="s">
        <v>51625</v>
      </c>
      <c r="E51021" s="1" t="s">
        <v>172491</v>
      </c>
      <c r="F51021" s="1" t="s">
        <v>172492</v>
      </c>
      <c r="G51021" s="1" t="s">
        <v>172488</v>
      </c>
      <c r="H51021" s="1" t="s">
        <v>172489</v>
      </c>
      <c r="I51021" s="1" t="s">
        <v>172490</v>
      </c>
      <c r="J51021" s="1" t="s">
        <v>172493</v>
      </c>
    </row>
    <row r="51022" spans="1:10" x14ac:dyDescent="0.35">
      <c r="A51022" s="1" t="s">
        <v>9893</v>
      </c>
      <c r="B51022" s="1" t="s">
        <v>172484</v>
      </c>
      <c r="C51022" s="1" t="s">
        <v>20</v>
      </c>
      <c r="D51022" s="1" t="s">
        <v>47526</v>
      </c>
      <c r="E51022" s="1" t="s">
        <v>172494</v>
      </c>
      <c r="F51022" s="1" t="s">
        <v>172495</v>
      </c>
      <c r="G51022" s="1" t="s">
        <v>172488</v>
      </c>
      <c r="H51022" s="1" t="s">
        <v>172489</v>
      </c>
      <c r="I51022" s="1" t="s">
        <v>172490</v>
      </c>
      <c r="J51022" s="1" t="s">
        <v>172496</v>
      </c>
    </row>
    <row r="51023" spans="1:10" x14ac:dyDescent="0.35">
      <c r="A51023" s="1" t="s">
        <v>9893</v>
      </c>
      <c r="B51023" s="1" t="s">
        <v>172484</v>
      </c>
      <c r="C51023" s="1" t="s">
        <v>25</v>
      </c>
      <c r="D51023" s="1" t="s">
        <v>5373</v>
      </c>
      <c r="E51023" s="1" t="s">
        <v>172497</v>
      </c>
      <c r="F51023" s="1" t="s">
        <v>172498</v>
      </c>
      <c r="G51023" s="1" t="s">
        <v>172488</v>
      </c>
      <c r="H51023" s="1" t="s">
        <v>172489</v>
      </c>
      <c r="I51023" s="1" t="s">
        <v>172490</v>
      </c>
      <c r="J51023" s="1" t="s">
        <v>172499</v>
      </c>
    </row>
    <row r="51024" spans="1:10" x14ac:dyDescent="0.35">
      <c r="A51024" s="1" t="s">
        <v>9893</v>
      </c>
      <c r="B51024" s="1" t="s">
        <v>172484</v>
      </c>
      <c r="C51024" s="1" t="s">
        <v>30</v>
      </c>
      <c r="D51024" s="1" t="s">
        <v>18549</v>
      </c>
      <c r="E51024" s="1" t="s">
        <v>172500</v>
      </c>
      <c r="F51024" s="1" t="s">
        <v>172501</v>
      </c>
      <c r="G51024" s="1" t="s">
        <v>172488</v>
      </c>
      <c r="H51024" s="1" t="s">
        <v>172489</v>
      </c>
      <c r="I51024" s="1" t="s">
        <v>172490</v>
      </c>
      <c r="J51024" s="1" t="s">
        <v>172502</v>
      </c>
    </row>
    <row r="51025" spans="1:10" x14ac:dyDescent="0.35">
      <c r="A51025" s="1" t="s">
        <v>9893</v>
      </c>
      <c r="B51025" s="1" t="s">
        <v>172484</v>
      </c>
      <c r="C51025" s="1" t="s">
        <v>35</v>
      </c>
      <c r="D51025" s="1" t="s">
        <v>38368</v>
      </c>
      <c r="E51025" s="1" t="s">
        <v>172503</v>
      </c>
      <c r="F51025" s="1" t="s">
        <v>172504</v>
      </c>
      <c r="G51025" s="1" t="s">
        <v>172488</v>
      </c>
      <c r="H51025" s="1" t="s">
        <v>172489</v>
      </c>
      <c r="I51025" s="1" t="s">
        <v>172490</v>
      </c>
      <c r="J51025" s="1" t="s">
        <v>172505</v>
      </c>
    </row>
    <row r="51026" spans="1:10" x14ac:dyDescent="0.35">
      <c r="A51026" s="1" t="s">
        <v>9893</v>
      </c>
      <c r="B51026" s="1" t="s">
        <v>172484</v>
      </c>
      <c r="C51026" s="1" t="s">
        <v>40</v>
      </c>
      <c r="D51026" s="1" t="s">
        <v>10401</v>
      </c>
      <c r="E51026" s="1" t="s">
        <v>172506</v>
      </c>
      <c r="F51026" s="1" t="s">
        <v>172507</v>
      </c>
      <c r="G51026" s="1" t="s">
        <v>172488</v>
      </c>
      <c r="H51026" s="1" t="s">
        <v>172489</v>
      </c>
      <c r="I51026" s="1" t="s">
        <v>172490</v>
      </c>
      <c r="J51026" s="1" t="s">
        <v>172508</v>
      </c>
    </row>
    <row r="51027" spans="1:10" x14ac:dyDescent="0.35">
      <c r="A51027" s="1" t="s">
        <v>9893</v>
      </c>
      <c r="B51027" s="1" t="s">
        <v>172484</v>
      </c>
      <c r="C51027" s="1" t="s">
        <v>45</v>
      </c>
      <c r="D51027" s="1" t="s">
        <v>172509</v>
      </c>
      <c r="E51027" s="1" t="s">
        <v>172510</v>
      </c>
      <c r="F51027" s="1" t="s">
        <v>172511</v>
      </c>
      <c r="G51027" s="1" t="s">
        <v>172488</v>
      </c>
      <c r="H51027" s="1" t="s">
        <v>172489</v>
      </c>
      <c r="I51027" s="1" t="s">
        <v>172490</v>
      </c>
      <c r="J51027" s="1" t="s">
        <v>172512</v>
      </c>
    </row>
    <row r="51028" spans="1:10" x14ac:dyDescent="0.35">
      <c r="A51028" s="1" t="s">
        <v>9893</v>
      </c>
      <c r="B51028" s="1" t="s">
        <v>172484</v>
      </c>
      <c r="C51028" s="1" t="s">
        <v>50</v>
      </c>
      <c r="D51028" s="1" t="s">
        <v>172513</v>
      </c>
      <c r="E51028" s="1" t="s">
        <v>172514</v>
      </c>
      <c r="F51028" s="1" t="s">
        <v>172515</v>
      </c>
      <c r="G51028" s="1" t="s">
        <v>172488</v>
      </c>
      <c r="H51028" s="1" t="s">
        <v>172489</v>
      </c>
      <c r="I51028" s="1" t="s">
        <v>172490</v>
      </c>
      <c r="J51028" s="1" t="s">
        <v>172516</v>
      </c>
    </row>
    <row r="51029" spans="1:10" x14ac:dyDescent="0.35">
      <c r="A51029" s="1" t="s">
        <v>9893</v>
      </c>
      <c r="B51029" s="1" t="s">
        <v>172484</v>
      </c>
      <c r="C51029" s="1" t="s">
        <v>55</v>
      </c>
      <c r="D51029" s="1" t="s">
        <v>172517</v>
      </c>
      <c r="E51029" s="1" t="s">
        <v>172518</v>
      </c>
      <c r="F51029" s="1" t="s">
        <v>172519</v>
      </c>
      <c r="G51029" s="1" t="s">
        <v>172488</v>
      </c>
      <c r="H51029" s="1" t="s">
        <v>172489</v>
      </c>
      <c r="I51029" s="1" t="s">
        <v>172490</v>
      </c>
      <c r="J51029" s="1" t="s">
        <v>172520</v>
      </c>
    </row>
    <row r="51030" spans="1:10" x14ac:dyDescent="0.35">
      <c r="A51030" s="1" t="s">
        <v>9893</v>
      </c>
      <c r="B51030" s="1" t="s">
        <v>172484</v>
      </c>
      <c r="C51030" s="1" t="s">
        <v>60</v>
      </c>
      <c r="D51030" s="1" t="s">
        <v>172521</v>
      </c>
      <c r="E51030" s="1" t="s">
        <v>172522</v>
      </c>
      <c r="F51030" s="1" t="s">
        <v>172523</v>
      </c>
      <c r="G51030" s="1" t="s">
        <v>172488</v>
      </c>
      <c r="H51030" s="1" t="s">
        <v>172489</v>
      </c>
      <c r="I51030" s="1" t="s">
        <v>172490</v>
      </c>
      <c r="J51030" s="1" t="s">
        <v>172524</v>
      </c>
    </row>
    <row r="51031" spans="1:10" x14ac:dyDescent="0.35">
      <c r="A51031" s="1" t="s">
        <v>9893</v>
      </c>
      <c r="B51031" s="1" t="s">
        <v>172484</v>
      </c>
      <c r="C51031" s="1" t="s">
        <v>65</v>
      </c>
      <c r="D51031" s="1" t="s">
        <v>172525</v>
      </c>
      <c r="E51031" s="1" t="s">
        <v>172526</v>
      </c>
      <c r="F51031" s="1" t="s">
        <v>172527</v>
      </c>
      <c r="G51031" s="1" t="s">
        <v>172488</v>
      </c>
      <c r="H51031" s="1" t="s">
        <v>172489</v>
      </c>
      <c r="I51031" s="1" t="s">
        <v>172490</v>
      </c>
      <c r="J51031" s="1" t="s">
        <v>172528</v>
      </c>
    </row>
    <row r="51032" spans="1:10" x14ac:dyDescent="0.35">
      <c r="A51032" s="1" t="s">
        <v>9893</v>
      </c>
      <c r="B51032" s="1" t="s">
        <v>172484</v>
      </c>
      <c r="C51032" s="1" t="s">
        <v>70</v>
      </c>
      <c r="D51032" s="1" t="s">
        <v>172529</v>
      </c>
      <c r="E51032" s="1" t="s">
        <v>172530</v>
      </c>
      <c r="F51032" s="1" t="s">
        <v>172531</v>
      </c>
      <c r="G51032" s="1" t="s">
        <v>172488</v>
      </c>
      <c r="H51032" s="1" t="s">
        <v>172489</v>
      </c>
      <c r="I51032" s="1" t="s">
        <v>172490</v>
      </c>
      <c r="J51032" s="1" t="s">
        <v>172532</v>
      </c>
    </row>
    <row r="51033" spans="1:10" x14ac:dyDescent="0.35">
      <c r="A51033" s="1" t="s">
        <v>9893</v>
      </c>
      <c r="B51033" s="1" t="s">
        <v>172484</v>
      </c>
      <c r="C51033" s="1" t="s">
        <v>75</v>
      </c>
      <c r="D51033" s="1" t="s">
        <v>72659</v>
      </c>
      <c r="E51033" s="1" t="s">
        <v>172533</v>
      </c>
      <c r="F51033" s="1" t="s">
        <v>172534</v>
      </c>
      <c r="G51033" s="1" t="s">
        <v>172488</v>
      </c>
      <c r="H51033" s="1" t="s">
        <v>172489</v>
      </c>
      <c r="I51033" s="1" t="s">
        <v>172490</v>
      </c>
      <c r="J51033" s="1" t="s">
        <v>172535</v>
      </c>
    </row>
    <row r="51034" spans="1:10" x14ac:dyDescent="0.35">
      <c r="A51034" s="1" t="s">
        <v>9893</v>
      </c>
      <c r="B51034" s="1" t="s">
        <v>172484</v>
      </c>
      <c r="C51034" s="1" t="s">
        <v>80</v>
      </c>
      <c r="D51034" s="1" t="s">
        <v>172536</v>
      </c>
      <c r="E51034" s="1" t="s">
        <v>172537</v>
      </c>
      <c r="F51034" s="1" t="s">
        <v>132830</v>
      </c>
      <c r="G51034" s="1" t="s">
        <v>172488</v>
      </c>
      <c r="H51034" s="1" t="s">
        <v>172489</v>
      </c>
      <c r="I51034" s="1" t="s">
        <v>172490</v>
      </c>
      <c r="J51034" s="1" t="s">
        <v>172538</v>
      </c>
    </row>
    <row r="51035" spans="1:10" x14ac:dyDescent="0.35">
      <c r="A51035" s="1" t="s">
        <v>9893</v>
      </c>
      <c r="B51035" s="1" t="s">
        <v>172484</v>
      </c>
      <c r="C51035" s="1" t="s">
        <v>85</v>
      </c>
      <c r="D51035" s="1" t="s">
        <v>172539</v>
      </c>
      <c r="E51035" s="1" t="s">
        <v>172540</v>
      </c>
      <c r="F51035" s="1" t="s">
        <v>172541</v>
      </c>
      <c r="G51035" s="1" t="s">
        <v>172488</v>
      </c>
      <c r="H51035" s="1" t="s">
        <v>172489</v>
      </c>
      <c r="I51035" s="1" t="s">
        <v>172490</v>
      </c>
      <c r="J51035" s="1" t="s">
        <v>172542</v>
      </c>
    </row>
    <row r="51036" spans="1:10" x14ac:dyDescent="0.35">
      <c r="A51036" s="1" t="s">
        <v>9893</v>
      </c>
      <c r="B51036" s="1" t="s">
        <v>172484</v>
      </c>
      <c r="C51036" s="1" t="s">
        <v>90</v>
      </c>
      <c r="D51036" s="1" t="s">
        <v>172543</v>
      </c>
      <c r="E51036" s="1" t="s">
        <v>172544</v>
      </c>
      <c r="F51036" s="1" t="s">
        <v>172545</v>
      </c>
      <c r="G51036" s="1" t="s">
        <v>172488</v>
      </c>
      <c r="H51036" s="1" t="s">
        <v>172489</v>
      </c>
      <c r="I51036" s="1" t="s">
        <v>172490</v>
      </c>
      <c r="J51036" s="1" t="s">
        <v>172546</v>
      </c>
    </row>
    <row r="51037" spans="1:10" x14ac:dyDescent="0.35">
      <c r="A51037" s="1" t="s">
        <v>9893</v>
      </c>
      <c r="B51037" s="1" t="s">
        <v>172484</v>
      </c>
      <c r="C51037" s="1" t="s">
        <v>95</v>
      </c>
      <c r="D51037" s="1" t="s">
        <v>14657</v>
      </c>
      <c r="E51037" s="1" t="s">
        <v>172547</v>
      </c>
      <c r="F51037" s="1" t="s">
        <v>172548</v>
      </c>
      <c r="G51037" s="1" t="s">
        <v>172488</v>
      </c>
      <c r="H51037" s="1" t="s">
        <v>172489</v>
      </c>
      <c r="I51037" s="1" t="s">
        <v>172490</v>
      </c>
      <c r="J51037" s="1" t="s">
        <v>172549</v>
      </c>
    </row>
    <row r="51038" spans="1:10" x14ac:dyDescent="0.35">
      <c r="A51038" s="1" t="s">
        <v>9893</v>
      </c>
      <c r="B51038" s="1" t="s">
        <v>172484</v>
      </c>
      <c r="C51038" s="1" t="s">
        <v>100</v>
      </c>
      <c r="D51038" s="1" t="s">
        <v>159824</v>
      </c>
      <c r="E51038" s="1" t="s">
        <v>172550</v>
      </c>
      <c r="F51038" s="1" t="s">
        <v>172551</v>
      </c>
      <c r="G51038" s="1" t="s">
        <v>172488</v>
      </c>
      <c r="H51038" s="1" t="s">
        <v>172489</v>
      </c>
      <c r="I51038" s="1" t="s">
        <v>172490</v>
      </c>
      <c r="J51038" s="1" t="s">
        <v>172552</v>
      </c>
    </row>
    <row r="51039" spans="1:10" x14ac:dyDescent="0.35">
      <c r="A51039" s="1" t="s">
        <v>9893</v>
      </c>
      <c r="B51039" s="1" t="s">
        <v>172484</v>
      </c>
      <c r="C51039" s="1" t="s">
        <v>105</v>
      </c>
      <c r="D51039" s="1" t="s">
        <v>172553</v>
      </c>
      <c r="E51039" s="1" t="s">
        <v>172554</v>
      </c>
      <c r="F51039" s="1" t="s">
        <v>172555</v>
      </c>
      <c r="G51039" s="1" t="s">
        <v>172488</v>
      </c>
      <c r="H51039" s="1" t="s">
        <v>172489</v>
      </c>
      <c r="I51039" s="1" t="s">
        <v>172490</v>
      </c>
      <c r="J51039" s="1" t="s">
        <v>172556</v>
      </c>
    </row>
    <row r="51040" spans="1:10" x14ac:dyDescent="0.35">
      <c r="A51040" s="1" t="s">
        <v>9893</v>
      </c>
      <c r="B51040" s="1" t="s">
        <v>172484</v>
      </c>
      <c r="C51040" s="1" t="s">
        <v>110</v>
      </c>
      <c r="D51040" s="1" t="s">
        <v>43955</v>
      </c>
      <c r="E51040" s="1" t="s">
        <v>172557</v>
      </c>
      <c r="F51040" s="1" t="s">
        <v>172558</v>
      </c>
      <c r="G51040" s="1" t="s">
        <v>172488</v>
      </c>
      <c r="H51040" s="1" t="s">
        <v>172489</v>
      </c>
      <c r="I51040" s="1" t="s">
        <v>172490</v>
      </c>
      <c r="J51040" s="1" t="s">
        <v>142263</v>
      </c>
    </row>
    <row r="51041" spans="1:10" x14ac:dyDescent="0.35">
      <c r="A51041" s="1" t="s">
        <v>9893</v>
      </c>
      <c r="B51041" s="1" t="s">
        <v>172484</v>
      </c>
      <c r="C51041" s="1" t="s">
        <v>115</v>
      </c>
      <c r="D51041" s="1" t="s">
        <v>42290</v>
      </c>
      <c r="E51041" s="1" t="s">
        <v>172559</v>
      </c>
      <c r="F51041" s="1" t="s">
        <v>172560</v>
      </c>
      <c r="G51041" s="1" t="s">
        <v>172488</v>
      </c>
      <c r="H51041" s="1" t="s">
        <v>172489</v>
      </c>
      <c r="I51041" s="1" t="s">
        <v>172490</v>
      </c>
      <c r="J51041" s="1" t="s">
        <v>172561</v>
      </c>
    </row>
    <row r="51042" spans="1:10" x14ac:dyDescent="0.35">
      <c r="A51042" s="1" t="s">
        <v>9893</v>
      </c>
      <c r="B51042" s="1" t="s">
        <v>172484</v>
      </c>
      <c r="C51042" s="1" t="s">
        <v>120</v>
      </c>
      <c r="D51042" s="1" t="s">
        <v>66333</v>
      </c>
      <c r="E51042" s="1" t="s">
        <v>172562</v>
      </c>
      <c r="F51042" s="1" t="s">
        <v>172563</v>
      </c>
      <c r="G51042" s="1" t="s">
        <v>172488</v>
      </c>
      <c r="H51042" s="1" t="s">
        <v>172489</v>
      </c>
      <c r="I51042" s="1" t="s">
        <v>172490</v>
      </c>
      <c r="J51042" s="1" t="s">
        <v>172564</v>
      </c>
    </row>
    <row r="51043" spans="1:10" x14ac:dyDescent="0.35">
      <c r="A51043" s="1" t="s">
        <v>9893</v>
      </c>
      <c r="B51043" s="1" t="s">
        <v>172484</v>
      </c>
      <c r="C51043" s="1" t="s">
        <v>125</v>
      </c>
      <c r="D51043" s="1" t="s">
        <v>57879</v>
      </c>
      <c r="E51043" s="1" t="s">
        <v>172565</v>
      </c>
      <c r="F51043" s="1" t="s">
        <v>172566</v>
      </c>
      <c r="G51043" s="1" t="s">
        <v>172488</v>
      </c>
      <c r="H51043" s="1" t="s">
        <v>172489</v>
      </c>
      <c r="I51043" s="1" t="s">
        <v>172490</v>
      </c>
      <c r="J51043" s="1" t="s">
        <v>172567</v>
      </c>
    </row>
    <row r="51044" spans="1:10" x14ac:dyDescent="0.35">
      <c r="A51044" s="1" t="s">
        <v>9893</v>
      </c>
      <c r="B51044" s="1" t="s">
        <v>172484</v>
      </c>
      <c r="C51044" s="1" t="s">
        <v>130</v>
      </c>
      <c r="D51044" s="1" t="s">
        <v>55621</v>
      </c>
      <c r="E51044" s="1" t="s">
        <v>172568</v>
      </c>
      <c r="F51044" s="1" t="s">
        <v>172569</v>
      </c>
      <c r="G51044" s="1" t="s">
        <v>172488</v>
      </c>
      <c r="H51044" s="1" t="s">
        <v>172489</v>
      </c>
      <c r="I51044" s="1" t="s">
        <v>172490</v>
      </c>
      <c r="J51044" s="1" t="s">
        <v>172570</v>
      </c>
    </row>
    <row r="51045" spans="1:10" x14ac:dyDescent="0.35">
      <c r="A51045" s="1" t="s">
        <v>9893</v>
      </c>
      <c r="B51045" s="1" t="s">
        <v>172484</v>
      </c>
      <c r="C51045" s="1" t="s">
        <v>135</v>
      </c>
      <c r="D51045" s="1" t="s">
        <v>172571</v>
      </c>
      <c r="E51045" s="1" t="s">
        <v>172572</v>
      </c>
      <c r="F51045" s="1" t="s">
        <v>172573</v>
      </c>
      <c r="G51045" s="1" t="s">
        <v>172488</v>
      </c>
      <c r="H51045" s="1" t="s">
        <v>172489</v>
      </c>
      <c r="I51045" s="1" t="s">
        <v>172490</v>
      </c>
      <c r="J51045" s="1" t="s">
        <v>172574</v>
      </c>
    </row>
    <row r="51046" spans="1:10" x14ac:dyDescent="0.35">
      <c r="A51046" s="1" t="s">
        <v>9893</v>
      </c>
      <c r="B51046" s="1" t="s">
        <v>172484</v>
      </c>
      <c r="C51046" s="1" t="s">
        <v>140</v>
      </c>
      <c r="D51046" s="1" t="s">
        <v>172575</v>
      </c>
      <c r="E51046" s="1" t="s">
        <v>172576</v>
      </c>
      <c r="F51046" s="1" t="s">
        <v>172577</v>
      </c>
      <c r="G51046" s="1" t="s">
        <v>172488</v>
      </c>
      <c r="H51046" s="1" t="s">
        <v>172489</v>
      </c>
      <c r="I51046" s="1" t="s">
        <v>172490</v>
      </c>
      <c r="J51046" s="1" t="s">
        <v>172578</v>
      </c>
    </row>
    <row r="51047" spans="1:10" x14ac:dyDescent="0.35">
      <c r="A51047" s="1" t="s">
        <v>9893</v>
      </c>
      <c r="B51047" s="1" t="s">
        <v>172484</v>
      </c>
      <c r="C51047" s="1" t="s">
        <v>145</v>
      </c>
      <c r="D51047" s="1" t="s">
        <v>106093</v>
      </c>
      <c r="E51047" s="1" t="s">
        <v>172579</v>
      </c>
      <c r="F51047" s="1" t="s">
        <v>172580</v>
      </c>
      <c r="G51047" s="1" t="s">
        <v>172488</v>
      </c>
      <c r="H51047" s="1" t="s">
        <v>172489</v>
      </c>
      <c r="I51047" s="1" t="s">
        <v>172490</v>
      </c>
      <c r="J51047" s="1" t="s">
        <v>172581</v>
      </c>
    </row>
    <row r="51048" spans="1:10" x14ac:dyDescent="0.35">
      <c r="A51048" s="1" t="s">
        <v>9893</v>
      </c>
      <c r="B51048" s="1" t="s">
        <v>172484</v>
      </c>
      <c r="C51048" s="1" t="s">
        <v>150</v>
      </c>
      <c r="D51048" s="1" t="s">
        <v>172582</v>
      </c>
      <c r="E51048" s="1" t="s">
        <v>172583</v>
      </c>
      <c r="F51048" s="1" t="s">
        <v>172584</v>
      </c>
      <c r="G51048" s="1" t="s">
        <v>172488</v>
      </c>
      <c r="H51048" s="1" t="s">
        <v>172489</v>
      </c>
      <c r="I51048" s="1" t="s">
        <v>172490</v>
      </c>
      <c r="J51048" s="1" t="s">
        <v>172585</v>
      </c>
    </row>
    <row r="51049" spans="1:10" x14ac:dyDescent="0.35">
      <c r="A51049" s="1" t="s">
        <v>9893</v>
      </c>
      <c r="B51049" s="1" t="s">
        <v>172484</v>
      </c>
      <c r="C51049" s="1" t="s">
        <v>155</v>
      </c>
      <c r="D51049" s="1" t="s">
        <v>24571</v>
      </c>
      <c r="E51049" s="1" t="s">
        <v>172586</v>
      </c>
      <c r="F51049" s="1" t="s">
        <v>172587</v>
      </c>
      <c r="G51049" s="1" t="s">
        <v>172488</v>
      </c>
      <c r="H51049" s="1" t="s">
        <v>172489</v>
      </c>
      <c r="I51049" s="1" t="s">
        <v>172490</v>
      </c>
      <c r="J51049" s="1" t="s">
        <v>172588</v>
      </c>
    </row>
    <row r="51050" spans="1:10" x14ac:dyDescent="0.35">
      <c r="A51050" s="1" t="s">
        <v>9893</v>
      </c>
      <c r="B51050" s="1" t="s">
        <v>172484</v>
      </c>
      <c r="C51050" s="1" t="s">
        <v>160</v>
      </c>
      <c r="D51050" s="1" t="s">
        <v>86683</v>
      </c>
      <c r="E51050" s="1" t="s">
        <v>172589</v>
      </c>
      <c r="F51050" s="1" t="s">
        <v>172590</v>
      </c>
      <c r="G51050" s="1" t="s">
        <v>172488</v>
      </c>
      <c r="H51050" s="1" t="s">
        <v>172489</v>
      </c>
      <c r="I51050" s="1" t="s">
        <v>172490</v>
      </c>
      <c r="J51050" s="1" t="s">
        <v>172591</v>
      </c>
    </row>
    <row r="51051" spans="1:10" x14ac:dyDescent="0.35">
      <c r="A51051" s="1" t="s">
        <v>9893</v>
      </c>
      <c r="B51051" s="1" t="s">
        <v>172484</v>
      </c>
      <c r="C51051" s="1" t="s">
        <v>165</v>
      </c>
      <c r="D51051" s="1" t="s">
        <v>146990</v>
      </c>
      <c r="E51051" s="1" t="s">
        <v>172592</v>
      </c>
      <c r="F51051" s="1" t="s">
        <v>172593</v>
      </c>
      <c r="G51051" s="1" t="s">
        <v>172488</v>
      </c>
      <c r="H51051" s="1" t="s">
        <v>172489</v>
      </c>
      <c r="I51051" s="1" t="s">
        <v>172490</v>
      </c>
      <c r="J51051" s="1" t="s">
        <v>172594</v>
      </c>
    </row>
    <row r="51052" spans="1:10" x14ac:dyDescent="0.35">
      <c r="A51052" s="1" t="s">
        <v>9893</v>
      </c>
      <c r="B51052" s="1" t="s">
        <v>172484</v>
      </c>
      <c r="C51052" s="1" t="s">
        <v>170</v>
      </c>
      <c r="D51052" s="1" t="s">
        <v>26384</v>
      </c>
      <c r="E51052" s="1" t="s">
        <v>172595</v>
      </c>
      <c r="F51052" s="1" t="s">
        <v>172596</v>
      </c>
      <c r="G51052" s="1" t="s">
        <v>172488</v>
      </c>
      <c r="H51052" s="1" t="s">
        <v>172489</v>
      </c>
      <c r="I51052" s="1" t="s">
        <v>172490</v>
      </c>
      <c r="J51052" s="1" t="s">
        <v>172597</v>
      </c>
    </row>
    <row r="51053" spans="1:10" x14ac:dyDescent="0.35">
      <c r="A51053" s="1" t="s">
        <v>29882</v>
      </c>
      <c r="B51053" s="1" t="s">
        <v>172484</v>
      </c>
      <c r="C51053" s="1" t="s">
        <v>8</v>
      </c>
      <c r="D51053" s="1" t="s">
        <v>150939</v>
      </c>
      <c r="E51053" s="1" t="s">
        <v>172598</v>
      </c>
      <c r="F51053" s="1" t="s">
        <v>172599</v>
      </c>
      <c r="G51053" s="1" t="s">
        <v>172600</v>
      </c>
      <c r="H51053" s="1" t="s">
        <v>172601</v>
      </c>
      <c r="I51053" s="1" t="s">
        <v>172490</v>
      </c>
      <c r="J51053" s="1" t="s">
        <v>13</v>
      </c>
    </row>
    <row r="51054" spans="1:10" x14ac:dyDescent="0.35">
      <c r="A51054" s="1" t="s">
        <v>29882</v>
      </c>
      <c r="B51054" s="1" t="s">
        <v>172484</v>
      </c>
      <c r="C51054" s="1" t="s">
        <v>15</v>
      </c>
      <c r="D51054" s="1" t="s">
        <v>172602</v>
      </c>
      <c r="E51054" s="1" t="s">
        <v>172603</v>
      </c>
      <c r="F51054" s="1" t="s">
        <v>172604</v>
      </c>
      <c r="G51054" s="1" t="s">
        <v>172600</v>
      </c>
      <c r="H51054" s="1" t="s">
        <v>172601</v>
      </c>
      <c r="I51054" s="1" t="s">
        <v>172490</v>
      </c>
      <c r="J51054" s="1" t="s">
        <v>172605</v>
      </c>
    </row>
    <row r="51055" spans="1:10" x14ac:dyDescent="0.35">
      <c r="A51055" s="1" t="s">
        <v>29882</v>
      </c>
      <c r="B51055" s="1" t="s">
        <v>172484</v>
      </c>
      <c r="C51055" s="1" t="s">
        <v>20</v>
      </c>
      <c r="D51055" s="1" t="s">
        <v>30740</v>
      </c>
      <c r="E51055" s="1" t="s">
        <v>172606</v>
      </c>
      <c r="F51055" s="1" t="s">
        <v>172607</v>
      </c>
      <c r="G51055" s="1" t="s">
        <v>172600</v>
      </c>
      <c r="H51055" s="1" t="s">
        <v>172601</v>
      </c>
      <c r="I51055" s="1" t="s">
        <v>172490</v>
      </c>
      <c r="J51055" s="1" t="s">
        <v>172608</v>
      </c>
    </row>
    <row r="51056" spans="1:10" x14ac:dyDescent="0.35">
      <c r="A51056" s="1" t="s">
        <v>29882</v>
      </c>
      <c r="B51056" s="1" t="s">
        <v>172484</v>
      </c>
      <c r="C51056" s="1" t="s">
        <v>25</v>
      </c>
      <c r="D51056" s="1" t="s">
        <v>124158</v>
      </c>
      <c r="E51056" s="1" t="s">
        <v>172609</v>
      </c>
      <c r="F51056" s="1" t="s">
        <v>172610</v>
      </c>
      <c r="G51056" s="1" t="s">
        <v>172600</v>
      </c>
      <c r="H51056" s="1" t="s">
        <v>172601</v>
      </c>
      <c r="I51056" s="1" t="s">
        <v>172490</v>
      </c>
      <c r="J51056" s="1" t="s">
        <v>172611</v>
      </c>
    </row>
    <row r="51057" spans="1:10" x14ac:dyDescent="0.35">
      <c r="A51057" s="1" t="s">
        <v>29882</v>
      </c>
      <c r="B51057" s="1" t="s">
        <v>172484</v>
      </c>
      <c r="C51057" s="1" t="s">
        <v>30</v>
      </c>
      <c r="D51057" s="1" t="s">
        <v>31975</v>
      </c>
      <c r="E51057" s="1" t="s">
        <v>172612</v>
      </c>
      <c r="F51057" s="1" t="s">
        <v>172613</v>
      </c>
      <c r="G51057" s="1" t="s">
        <v>172600</v>
      </c>
      <c r="H51057" s="1" t="s">
        <v>172601</v>
      </c>
      <c r="I51057" s="1" t="s">
        <v>172490</v>
      </c>
      <c r="J51057" s="1" t="s">
        <v>172614</v>
      </c>
    </row>
    <row r="51058" spans="1:10" x14ac:dyDescent="0.35">
      <c r="A51058" s="1" t="s">
        <v>29882</v>
      </c>
      <c r="B51058" s="1" t="s">
        <v>172484</v>
      </c>
      <c r="C51058" s="1" t="s">
        <v>35</v>
      </c>
      <c r="D51058" s="1" t="s">
        <v>17167</v>
      </c>
      <c r="E51058" s="1" t="s">
        <v>172615</v>
      </c>
      <c r="F51058" s="1" t="s">
        <v>172616</v>
      </c>
      <c r="G51058" s="1" t="s">
        <v>172600</v>
      </c>
      <c r="H51058" s="1" t="s">
        <v>172601</v>
      </c>
      <c r="I51058" s="1" t="s">
        <v>172490</v>
      </c>
      <c r="J51058" s="1" t="s">
        <v>172617</v>
      </c>
    </row>
    <row r="51059" spans="1:10" x14ac:dyDescent="0.35">
      <c r="A51059" s="1" t="s">
        <v>29882</v>
      </c>
      <c r="B51059" s="1" t="s">
        <v>172484</v>
      </c>
      <c r="C51059" s="1" t="s">
        <v>40</v>
      </c>
      <c r="D51059" s="1" t="s">
        <v>172618</v>
      </c>
      <c r="E51059" s="1" t="s">
        <v>172619</v>
      </c>
      <c r="F51059" s="1" t="s">
        <v>172620</v>
      </c>
      <c r="G51059" s="1" t="s">
        <v>172600</v>
      </c>
      <c r="H51059" s="1" t="s">
        <v>172601</v>
      </c>
      <c r="I51059" s="1" t="s">
        <v>172490</v>
      </c>
      <c r="J51059" s="1" t="s">
        <v>172621</v>
      </c>
    </row>
    <row r="51060" spans="1:10" x14ac:dyDescent="0.35">
      <c r="A51060" s="1" t="s">
        <v>29882</v>
      </c>
      <c r="B51060" s="1" t="s">
        <v>172484</v>
      </c>
      <c r="C51060" s="1" t="s">
        <v>45</v>
      </c>
      <c r="D51060" s="1" t="s">
        <v>115527</v>
      </c>
      <c r="E51060" s="1" t="s">
        <v>172622</v>
      </c>
      <c r="F51060" s="1" t="s">
        <v>172623</v>
      </c>
      <c r="G51060" s="1" t="s">
        <v>172600</v>
      </c>
      <c r="H51060" s="1" t="s">
        <v>172601</v>
      </c>
      <c r="I51060" s="1" t="s">
        <v>172490</v>
      </c>
      <c r="J51060" s="1" t="s">
        <v>172624</v>
      </c>
    </row>
    <row r="51061" spans="1:10" x14ac:dyDescent="0.35">
      <c r="A51061" s="1" t="s">
        <v>29882</v>
      </c>
      <c r="B51061" s="1" t="s">
        <v>172484</v>
      </c>
      <c r="C51061" s="1" t="s">
        <v>50</v>
      </c>
      <c r="D51061" s="1" t="s">
        <v>172625</v>
      </c>
      <c r="E51061" s="1" t="s">
        <v>172626</v>
      </c>
      <c r="F51061" s="1" t="s">
        <v>172627</v>
      </c>
      <c r="G51061" s="1" t="s">
        <v>172600</v>
      </c>
      <c r="H51061" s="1" t="s">
        <v>172601</v>
      </c>
      <c r="I51061" s="1" t="s">
        <v>172490</v>
      </c>
      <c r="J51061" s="1" t="s">
        <v>172628</v>
      </c>
    </row>
    <row r="51062" spans="1:10" x14ac:dyDescent="0.35">
      <c r="A51062" s="1" t="s">
        <v>29882</v>
      </c>
      <c r="B51062" s="1" t="s">
        <v>172484</v>
      </c>
      <c r="C51062" s="1" t="s">
        <v>55</v>
      </c>
      <c r="D51062" s="1" t="s">
        <v>172629</v>
      </c>
      <c r="E51062" s="1" t="s">
        <v>172630</v>
      </c>
      <c r="F51062" s="1" t="s">
        <v>172631</v>
      </c>
      <c r="G51062" s="1" t="s">
        <v>172600</v>
      </c>
      <c r="H51062" s="1" t="s">
        <v>172601</v>
      </c>
      <c r="I51062" s="1" t="s">
        <v>172490</v>
      </c>
      <c r="J51062" s="1" t="s">
        <v>172632</v>
      </c>
    </row>
    <row r="51063" spans="1:10" x14ac:dyDescent="0.35">
      <c r="A51063" s="1" t="s">
        <v>29882</v>
      </c>
      <c r="B51063" s="1" t="s">
        <v>172484</v>
      </c>
      <c r="C51063" s="1" t="s">
        <v>60</v>
      </c>
      <c r="D51063" s="1" t="s">
        <v>170631</v>
      </c>
      <c r="E51063" s="1" t="s">
        <v>172633</v>
      </c>
      <c r="F51063" s="1" t="s">
        <v>172634</v>
      </c>
      <c r="G51063" s="1" t="s">
        <v>172600</v>
      </c>
      <c r="H51063" s="1" t="s">
        <v>172601</v>
      </c>
      <c r="I51063" s="1" t="s">
        <v>172490</v>
      </c>
      <c r="J51063" s="1" t="s">
        <v>172635</v>
      </c>
    </row>
    <row r="51064" spans="1:10" x14ac:dyDescent="0.35">
      <c r="A51064" s="1" t="s">
        <v>29882</v>
      </c>
      <c r="B51064" s="1" t="s">
        <v>172484</v>
      </c>
      <c r="C51064" s="1" t="s">
        <v>65</v>
      </c>
      <c r="D51064" s="1" t="s">
        <v>135740</v>
      </c>
      <c r="E51064" s="1" t="s">
        <v>172636</v>
      </c>
      <c r="F51064" s="1" t="s">
        <v>172637</v>
      </c>
      <c r="G51064" s="1" t="s">
        <v>172600</v>
      </c>
      <c r="H51064" s="1" t="s">
        <v>172601</v>
      </c>
      <c r="I51064" s="1" t="s">
        <v>172490</v>
      </c>
      <c r="J51064" s="1" t="s">
        <v>172638</v>
      </c>
    </row>
    <row r="51065" spans="1:10" x14ac:dyDescent="0.35">
      <c r="A51065" s="1" t="s">
        <v>29882</v>
      </c>
      <c r="B51065" s="1" t="s">
        <v>172484</v>
      </c>
      <c r="C51065" s="1" t="s">
        <v>70</v>
      </c>
      <c r="D51065" s="1" t="s">
        <v>30807</v>
      </c>
      <c r="E51065" s="1" t="s">
        <v>172639</v>
      </c>
      <c r="F51065" s="1" t="s">
        <v>172640</v>
      </c>
      <c r="G51065" s="1" t="s">
        <v>172600</v>
      </c>
      <c r="H51065" s="1" t="s">
        <v>172601</v>
      </c>
      <c r="I51065" s="1" t="s">
        <v>172490</v>
      </c>
      <c r="J51065" s="1" t="s">
        <v>172641</v>
      </c>
    </row>
    <row r="51066" spans="1:10" x14ac:dyDescent="0.35">
      <c r="A51066" s="1" t="s">
        <v>29882</v>
      </c>
      <c r="B51066" s="1" t="s">
        <v>172484</v>
      </c>
      <c r="C51066" s="1" t="s">
        <v>75</v>
      </c>
      <c r="D51066" s="1" t="s">
        <v>74723</v>
      </c>
      <c r="E51066" s="1" t="s">
        <v>172642</v>
      </c>
      <c r="F51066" s="1" t="s">
        <v>172643</v>
      </c>
      <c r="G51066" s="1" t="s">
        <v>172600</v>
      </c>
      <c r="H51066" s="1" t="s">
        <v>172601</v>
      </c>
      <c r="I51066" s="1" t="s">
        <v>172490</v>
      </c>
      <c r="J51066" s="1" t="s">
        <v>172644</v>
      </c>
    </row>
    <row r="51067" spans="1:10" x14ac:dyDescent="0.35">
      <c r="A51067" s="1" t="s">
        <v>29882</v>
      </c>
      <c r="B51067" s="1" t="s">
        <v>172484</v>
      </c>
      <c r="C51067" s="1" t="s">
        <v>80</v>
      </c>
      <c r="D51067" s="1" t="s">
        <v>172645</v>
      </c>
      <c r="E51067" s="1" t="s">
        <v>172646</v>
      </c>
      <c r="F51067" s="1" t="s">
        <v>172647</v>
      </c>
      <c r="G51067" s="1" t="s">
        <v>172600</v>
      </c>
      <c r="H51067" s="1" t="s">
        <v>172601</v>
      </c>
      <c r="I51067" s="1" t="s">
        <v>172490</v>
      </c>
      <c r="J51067" s="1" t="s">
        <v>172648</v>
      </c>
    </row>
    <row r="51068" spans="1:10" x14ac:dyDescent="0.35">
      <c r="A51068" s="1" t="s">
        <v>29882</v>
      </c>
      <c r="B51068" s="1" t="s">
        <v>172484</v>
      </c>
      <c r="C51068" s="1" t="s">
        <v>85</v>
      </c>
      <c r="D51068" s="1" t="s">
        <v>172649</v>
      </c>
      <c r="E51068" s="1" t="s">
        <v>172650</v>
      </c>
      <c r="F51068" s="1" t="s">
        <v>172651</v>
      </c>
      <c r="G51068" s="1" t="s">
        <v>172600</v>
      </c>
      <c r="H51068" s="1" t="s">
        <v>172601</v>
      </c>
      <c r="I51068" s="1" t="s">
        <v>172490</v>
      </c>
      <c r="J51068" s="1" t="s">
        <v>172652</v>
      </c>
    </row>
    <row r="51069" spans="1:10" x14ac:dyDescent="0.35">
      <c r="A51069" s="1" t="s">
        <v>29882</v>
      </c>
      <c r="B51069" s="1" t="s">
        <v>172484</v>
      </c>
      <c r="C51069" s="1" t="s">
        <v>90</v>
      </c>
      <c r="D51069" s="1" t="s">
        <v>31288</v>
      </c>
      <c r="E51069" s="1" t="s">
        <v>172653</v>
      </c>
      <c r="F51069" s="1" t="s">
        <v>172654</v>
      </c>
      <c r="G51069" s="1" t="s">
        <v>172600</v>
      </c>
      <c r="H51069" s="1" t="s">
        <v>172601</v>
      </c>
      <c r="I51069" s="1" t="s">
        <v>172490</v>
      </c>
      <c r="J51069" s="1" t="s">
        <v>172655</v>
      </c>
    </row>
    <row r="51070" spans="1:10" x14ac:dyDescent="0.35">
      <c r="A51070" s="1" t="s">
        <v>29882</v>
      </c>
      <c r="B51070" s="1" t="s">
        <v>172484</v>
      </c>
      <c r="C51070" s="1" t="s">
        <v>95</v>
      </c>
      <c r="D51070" s="1" t="s">
        <v>172656</v>
      </c>
      <c r="E51070" s="1" t="s">
        <v>172657</v>
      </c>
      <c r="F51070" s="1" t="s">
        <v>172658</v>
      </c>
      <c r="G51070" s="1" t="s">
        <v>172600</v>
      </c>
      <c r="H51070" s="1" t="s">
        <v>172601</v>
      </c>
      <c r="I51070" s="1" t="s">
        <v>172490</v>
      </c>
      <c r="J51070" s="1" t="s">
        <v>172659</v>
      </c>
    </row>
    <row r="51071" spans="1:10" x14ac:dyDescent="0.35">
      <c r="A51071" s="1" t="s">
        <v>29882</v>
      </c>
      <c r="B51071" s="1" t="s">
        <v>172484</v>
      </c>
      <c r="C51071" s="1" t="s">
        <v>100</v>
      </c>
      <c r="D51071" s="1" t="s">
        <v>172660</v>
      </c>
      <c r="E51071" s="1" t="s">
        <v>172661</v>
      </c>
      <c r="F51071" s="1" t="s">
        <v>172662</v>
      </c>
      <c r="G51071" s="1" t="s">
        <v>172600</v>
      </c>
      <c r="H51071" s="1" t="s">
        <v>172601</v>
      </c>
      <c r="I51071" s="1" t="s">
        <v>172490</v>
      </c>
      <c r="J51071" s="1" t="s">
        <v>172663</v>
      </c>
    </row>
    <row r="51072" spans="1:10" x14ac:dyDescent="0.35">
      <c r="A51072" s="1" t="s">
        <v>29882</v>
      </c>
      <c r="B51072" s="1" t="s">
        <v>172484</v>
      </c>
      <c r="C51072" s="1" t="s">
        <v>105</v>
      </c>
      <c r="D51072" s="1" t="s">
        <v>31646</v>
      </c>
      <c r="E51072" s="1" t="s">
        <v>172664</v>
      </c>
      <c r="F51072" s="1" t="s">
        <v>172665</v>
      </c>
      <c r="G51072" s="1" t="s">
        <v>172600</v>
      </c>
      <c r="H51072" s="1" t="s">
        <v>172601</v>
      </c>
      <c r="I51072" s="1" t="s">
        <v>172490</v>
      </c>
      <c r="J51072" s="1" t="s">
        <v>172666</v>
      </c>
    </row>
    <row r="51073" spans="1:10" x14ac:dyDescent="0.35">
      <c r="A51073" s="1" t="s">
        <v>29882</v>
      </c>
      <c r="B51073" s="1" t="s">
        <v>172484</v>
      </c>
      <c r="C51073" s="1" t="s">
        <v>110</v>
      </c>
      <c r="D51073" s="1" t="s">
        <v>172667</v>
      </c>
      <c r="E51073" s="1" t="s">
        <v>172668</v>
      </c>
      <c r="F51073" s="1" t="s">
        <v>172669</v>
      </c>
      <c r="G51073" s="1" t="s">
        <v>172600</v>
      </c>
      <c r="H51073" s="1" t="s">
        <v>172601</v>
      </c>
      <c r="I51073" s="1" t="s">
        <v>172490</v>
      </c>
      <c r="J51073" s="1" t="s">
        <v>172670</v>
      </c>
    </row>
    <row r="51074" spans="1:10" x14ac:dyDescent="0.35">
      <c r="A51074" s="1" t="s">
        <v>29882</v>
      </c>
      <c r="B51074" s="1" t="s">
        <v>172484</v>
      </c>
      <c r="C51074" s="1" t="s">
        <v>115</v>
      </c>
      <c r="D51074" s="1" t="s">
        <v>172671</v>
      </c>
      <c r="E51074" s="1" t="s">
        <v>172672</v>
      </c>
      <c r="F51074" s="1" t="s">
        <v>172673</v>
      </c>
      <c r="G51074" s="1" t="s">
        <v>172600</v>
      </c>
      <c r="H51074" s="1" t="s">
        <v>172601</v>
      </c>
      <c r="I51074" s="1" t="s">
        <v>172490</v>
      </c>
      <c r="J51074" s="1" t="s">
        <v>172674</v>
      </c>
    </row>
    <row r="51075" spans="1:10" x14ac:dyDescent="0.35">
      <c r="A51075" s="1" t="s">
        <v>29882</v>
      </c>
      <c r="B51075" s="1" t="s">
        <v>172484</v>
      </c>
      <c r="C51075" s="1" t="s">
        <v>120</v>
      </c>
      <c r="D51075" s="1" t="s">
        <v>172675</v>
      </c>
      <c r="E51075" s="1" t="s">
        <v>172676</v>
      </c>
      <c r="F51075" s="1" t="s">
        <v>172677</v>
      </c>
      <c r="G51075" s="1" t="s">
        <v>172600</v>
      </c>
      <c r="H51075" s="1" t="s">
        <v>172601</v>
      </c>
      <c r="I51075" s="1" t="s">
        <v>172490</v>
      </c>
      <c r="J51075" s="1" t="s">
        <v>172678</v>
      </c>
    </row>
    <row r="51076" spans="1:10" x14ac:dyDescent="0.35">
      <c r="A51076" s="1" t="s">
        <v>29882</v>
      </c>
      <c r="B51076" s="1" t="s">
        <v>172484</v>
      </c>
      <c r="C51076" s="1" t="s">
        <v>125</v>
      </c>
      <c r="D51076" s="1" t="s">
        <v>172679</v>
      </c>
      <c r="E51076" s="1" t="s">
        <v>172680</v>
      </c>
      <c r="F51076" s="1" t="s">
        <v>172681</v>
      </c>
      <c r="G51076" s="1" t="s">
        <v>172600</v>
      </c>
      <c r="H51076" s="1" t="s">
        <v>172601</v>
      </c>
      <c r="I51076" s="1" t="s">
        <v>172490</v>
      </c>
      <c r="J51076" s="1" t="s">
        <v>172682</v>
      </c>
    </row>
    <row r="51077" spans="1:10" x14ac:dyDescent="0.35">
      <c r="A51077" s="1" t="s">
        <v>29882</v>
      </c>
      <c r="B51077" s="1" t="s">
        <v>172484</v>
      </c>
      <c r="C51077" s="1" t="s">
        <v>130</v>
      </c>
      <c r="D51077" s="1" t="s">
        <v>74609</v>
      </c>
      <c r="E51077" s="1" t="s">
        <v>172683</v>
      </c>
      <c r="F51077" s="1" t="s">
        <v>172684</v>
      </c>
      <c r="G51077" s="1" t="s">
        <v>172600</v>
      </c>
      <c r="H51077" s="1" t="s">
        <v>172601</v>
      </c>
      <c r="I51077" s="1" t="s">
        <v>172490</v>
      </c>
      <c r="J51077" s="1" t="s">
        <v>172685</v>
      </c>
    </row>
    <row r="51078" spans="1:10" x14ac:dyDescent="0.35">
      <c r="A51078" s="1" t="s">
        <v>29882</v>
      </c>
      <c r="B51078" s="1" t="s">
        <v>172484</v>
      </c>
      <c r="C51078" s="1" t="s">
        <v>135</v>
      </c>
      <c r="D51078" s="1" t="s">
        <v>172686</v>
      </c>
      <c r="E51078" s="1" t="s">
        <v>172687</v>
      </c>
      <c r="F51078" s="1" t="s">
        <v>172688</v>
      </c>
      <c r="G51078" s="1" t="s">
        <v>172600</v>
      </c>
      <c r="H51078" s="1" t="s">
        <v>172601</v>
      </c>
      <c r="I51078" s="1" t="s">
        <v>172490</v>
      </c>
      <c r="J51078" s="1" t="s">
        <v>172689</v>
      </c>
    </row>
    <row r="51079" spans="1:10" x14ac:dyDescent="0.35">
      <c r="A51079" s="1" t="s">
        <v>29882</v>
      </c>
      <c r="B51079" s="1" t="s">
        <v>172484</v>
      </c>
      <c r="C51079" s="1" t="s">
        <v>140</v>
      </c>
      <c r="D51079" s="1" t="s">
        <v>172690</v>
      </c>
      <c r="E51079" s="1" t="s">
        <v>172691</v>
      </c>
      <c r="F51079" s="1" t="s">
        <v>172692</v>
      </c>
      <c r="G51079" s="1" t="s">
        <v>172600</v>
      </c>
      <c r="H51079" s="1" t="s">
        <v>172601</v>
      </c>
      <c r="I51079" s="1" t="s">
        <v>172490</v>
      </c>
      <c r="J51079" s="1" t="s">
        <v>172693</v>
      </c>
    </row>
    <row r="51080" spans="1:10" x14ac:dyDescent="0.35">
      <c r="A51080" s="1" t="s">
        <v>29882</v>
      </c>
      <c r="B51080" s="1" t="s">
        <v>172484</v>
      </c>
      <c r="C51080" s="1" t="s">
        <v>145</v>
      </c>
      <c r="D51080" s="1" t="s">
        <v>172694</v>
      </c>
      <c r="E51080" s="1" t="s">
        <v>172695</v>
      </c>
      <c r="F51080" s="1" t="s">
        <v>172696</v>
      </c>
      <c r="G51080" s="1" t="s">
        <v>172600</v>
      </c>
      <c r="H51080" s="1" t="s">
        <v>172601</v>
      </c>
      <c r="I51080" s="1" t="s">
        <v>172490</v>
      </c>
      <c r="J51080" s="1" t="s">
        <v>172697</v>
      </c>
    </row>
    <row r="51081" spans="1:10" x14ac:dyDescent="0.35">
      <c r="A51081" s="1" t="s">
        <v>29882</v>
      </c>
      <c r="B51081" s="1" t="s">
        <v>172484</v>
      </c>
      <c r="C51081" s="1" t="s">
        <v>150</v>
      </c>
      <c r="D51081" s="1" t="s">
        <v>172698</v>
      </c>
      <c r="E51081" s="1" t="s">
        <v>172699</v>
      </c>
      <c r="F51081" s="1" t="s">
        <v>172700</v>
      </c>
      <c r="G51081" s="1" t="s">
        <v>172600</v>
      </c>
      <c r="H51081" s="1" t="s">
        <v>172601</v>
      </c>
      <c r="I51081" s="1" t="s">
        <v>172490</v>
      </c>
      <c r="J51081" s="1" t="s">
        <v>172701</v>
      </c>
    </row>
    <row r="51082" spans="1:10" x14ac:dyDescent="0.35">
      <c r="A51082" s="1" t="s">
        <v>29882</v>
      </c>
      <c r="B51082" s="1" t="s">
        <v>172484</v>
      </c>
      <c r="C51082" s="1" t="s">
        <v>155</v>
      </c>
      <c r="D51082" s="1" t="s">
        <v>172702</v>
      </c>
      <c r="E51082" s="1" t="s">
        <v>172703</v>
      </c>
      <c r="F51082" s="1" t="s">
        <v>172704</v>
      </c>
      <c r="G51082" s="1" t="s">
        <v>172600</v>
      </c>
      <c r="H51082" s="1" t="s">
        <v>172601</v>
      </c>
      <c r="I51082" s="1" t="s">
        <v>172490</v>
      </c>
      <c r="J51082" s="1" t="s">
        <v>172705</v>
      </c>
    </row>
    <row r="51083" spans="1:10" x14ac:dyDescent="0.35">
      <c r="A51083" s="1" t="s">
        <v>29882</v>
      </c>
      <c r="B51083" s="1" t="s">
        <v>172484</v>
      </c>
      <c r="C51083" s="1" t="s">
        <v>160</v>
      </c>
      <c r="D51083" s="1" t="s">
        <v>114120</v>
      </c>
      <c r="E51083" s="1" t="s">
        <v>172706</v>
      </c>
      <c r="F51083" s="1" t="s">
        <v>172707</v>
      </c>
      <c r="G51083" s="1" t="s">
        <v>172600</v>
      </c>
      <c r="H51083" s="1" t="s">
        <v>172601</v>
      </c>
      <c r="I51083" s="1" t="s">
        <v>172490</v>
      </c>
      <c r="J51083" s="1" t="s">
        <v>172708</v>
      </c>
    </row>
    <row r="51084" spans="1:10" x14ac:dyDescent="0.35">
      <c r="A51084" s="1" t="s">
        <v>29882</v>
      </c>
      <c r="B51084" s="1" t="s">
        <v>172484</v>
      </c>
      <c r="C51084" s="1" t="s">
        <v>165</v>
      </c>
      <c r="D51084" s="1" t="s">
        <v>172709</v>
      </c>
      <c r="E51084" s="1" t="s">
        <v>172710</v>
      </c>
      <c r="F51084" s="1" t="s">
        <v>172711</v>
      </c>
      <c r="G51084" s="1" t="s">
        <v>172600</v>
      </c>
      <c r="H51084" s="1" t="s">
        <v>172601</v>
      </c>
      <c r="I51084" s="1" t="s">
        <v>172490</v>
      </c>
      <c r="J51084" s="1" t="s">
        <v>172712</v>
      </c>
    </row>
    <row r="51085" spans="1:10" x14ac:dyDescent="0.35">
      <c r="A51085" s="1" t="s">
        <v>29882</v>
      </c>
      <c r="B51085" s="1" t="s">
        <v>172484</v>
      </c>
      <c r="C51085" s="1" t="s">
        <v>170</v>
      </c>
      <c r="D51085" s="1" t="s">
        <v>105985</v>
      </c>
      <c r="E51085" s="1" t="s">
        <v>172713</v>
      </c>
      <c r="F51085" s="1" t="s">
        <v>172714</v>
      </c>
      <c r="G51085" s="1" t="s">
        <v>172600</v>
      </c>
      <c r="H51085" s="1" t="s">
        <v>172601</v>
      </c>
      <c r="I51085" s="1" t="s">
        <v>172490</v>
      </c>
      <c r="J51085" s="1" t="s">
        <v>172715</v>
      </c>
    </row>
    <row r="51086" spans="1:10" x14ac:dyDescent="0.35">
      <c r="A51086" s="1" t="s">
        <v>28379</v>
      </c>
      <c r="B51086" s="1" t="s">
        <v>172484</v>
      </c>
      <c r="C51086" s="1" t="s">
        <v>8</v>
      </c>
      <c r="D51086" s="1" t="s">
        <v>30699</v>
      </c>
      <c r="E51086" s="1" t="s">
        <v>172716</v>
      </c>
      <c r="F51086" s="1" t="s">
        <v>172717</v>
      </c>
      <c r="G51086" s="1" t="s">
        <v>172718</v>
      </c>
      <c r="H51086" s="1" t="s">
        <v>172719</v>
      </c>
      <c r="I51086" s="1" t="s">
        <v>172490</v>
      </c>
      <c r="J51086" s="1" t="s">
        <v>13</v>
      </c>
    </row>
    <row r="51087" spans="1:10" x14ac:dyDescent="0.35">
      <c r="A51087" s="1" t="s">
        <v>28379</v>
      </c>
      <c r="B51087" s="1" t="s">
        <v>172484</v>
      </c>
      <c r="C51087" s="1" t="s">
        <v>15</v>
      </c>
      <c r="D51087" s="1" t="s">
        <v>44835</v>
      </c>
      <c r="E51087" s="1" t="s">
        <v>172720</v>
      </c>
      <c r="F51087" s="1" t="s">
        <v>172721</v>
      </c>
      <c r="G51087" s="1" t="s">
        <v>172718</v>
      </c>
      <c r="H51087" s="1" t="s">
        <v>172719</v>
      </c>
      <c r="I51087" s="1" t="s">
        <v>172490</v>
      </c>
      <c r="J51087" s="1" t="s">
        <v>172722</v>
      </c>
    </row>
    <row r="51088" spans="1:10" x14ac:dyDescent="0.35">
      <c r="A51088" s="1" t="s">
        <v>28379</v>
      </c>
      <c r="B51088" s="1" t="s">
        <v>172484</v>
      </c>
      <c r="C51088" s="1" t="s">
        <v>20</v>
      </c>
      <c r="D51088" s="1" t="s">
        <v>172723</v>
      </c>
      <c r="E51088" s="1" t="s">
        <v>172724</v>
      </c>
      <c r="F51088" s="1" t="s">
        <v>172725</v>
      </c>
      <c r="G51088" s="1" t="s">
        <v>172718</v>
      </c>
      <c r="H51088" s="1" t="s">
        <v>172719</v>
      </c>
      <c r="I51088" s="1" t="s">
        <v>172490</v>
      </c>
      <c r="J51088" s="1" t="s">
        <v>172726</v>
      </c>
    </row>
    <row r="51089" spans="1:10" x14ac:dyDescent="0.35">
      <c r="A51089" s="1" t="s">
        <v>28379</v>
      </c>
      <c r="B51089" s="1" t="s">
        <v>172484</v>
      </c>
      <c r="C51089" s="1" t="s">
        <v>25</v>
      </c>
      <c r="D51089" s="1" t="s">
        <v>43666</v>
      </c>
      <c r="E51089" s="1" t="s">
        <v>172727</v>
      </c>
      <c r="F51089" s="1" t="s">
        <v>172728</v>
      </c>
      <c r="G51089" s="1" t="s">
        <v>172718</v>
      </c>
      <c r="H51089" s="1" t="s">
        <v>172719</v>
      </c>
      <c r="I51089" s="1" t="s">
        <v>172490</v>
      </c>
      <c r="J51089" s="1" t="s">
        <v>172729</v>
      </c>
    </row>
    <row r="51090" spans="1:10" x14ac:dyDescent="0.35">
      <c r="A51090" s="1" t="s">
        <v>28379</v>
      </c>
      <c r="B51090" s="1" t="s">
        <v>172484</v>
      </c>
      <c r="C51090" s="1" t="s">
        <v>30</v>
      </c>
      <c r="D51090" s="1" t="s">
        <v>172730</v>
      </c>
      <c r="E51090" s="1" t="s">
        <v>172731</v>
      </c>
      <c r="F51090" s="1" t="s">
        <v>172732</v>
      </c>
      <c r="G51090" s="1" t="s">
        <v>172718</v>
      </c>
      <c r="H51090" s="1" t="s">
        <v>172719</v>
      </c>
      <c r="I51090" s="1" t="s">
        <v>172490</v>
      </c>
      <c r="J51090" s="1" t="s">
        <v>172733</v>
      </c>
    </row>
    <row r="51091" spans="1:10" x14ac:dyDescent="0.35">
      <c r="A51091" s="1" t="s">
        <v>28379</v>
      </c>
      <c r="B51091" s="1" t="s">
        <v>172484</v>
      </c>
      <c r="C51091" s="1" t="s">
        <v>35</v>
      </c>
      <c r="D51091" s="1" t="s">
        <v>37211</v>
      </c>
      <c r="E51091" s="1" t="s">
        <v>172734</v>
      </c>
      <c r="F51091" s="1" t="s">
        <v>172735</v>
      </c>
      <c r="G51091" s="1" t="s">
        <v>172718</v>
      </c>
      <c r="H51091" s="1" t="s">
        <v>172719</v>
      </c>
      <c r="I51091" s="1" t="s">
        <v>172490</v>
      </c>
      <c r="J51091" s="1" t="s">
        <v>172736</v>
      </c>
    </row>
    <row r="51092" spans="1:10" x14ac:dyDescent="0.35">
      <c r="A51092" s="1" t="s">
        <v>28379</v>
      </c>
      <c r="B51092" s="1" t="s">
        <v>172484</v>
      </c>
      <c r="C51092" s="1" t="s">
        <v>40</v>
      </c>
      <c r="D51092" s="1" t="s">
        <v>104271</v>
      </c>
      <c r="E51092" s="1" t="s">
        <v>172737</v>
      </c>
      <c r="F51092" s="1" t="s">
        <v>172738</v>
      </c>
      <c r="G51092" s="1" t="s">
        <v>172718</v>
      </c>
      <c r="H51092" s="1" t="s">
        <v>172719</v>
      </c>
      <c r="I51092" s="1" t="s">
        <v>172490</v>
      </c>
      <c r="J51092" s="1" t="s">
        <v>172739</v>
      </c>
    </row>
    <row r="51093" spans="1:10" x14ac:dyDescent="0.35">
      <c r="A51093" s="1" t="s">
        <v>28379</v>
      </c>
      <c r="B51093" s="1" t="s">
        <v>172484</v>
      </c>
      <c r="C51093" s="1" t="s">
        <v>45</v>
      </c>
      <c r="D51093" s="1" t="s">
        <v>172740</v>
      </c>
      <c r="E51093" s="1" t="s">
        <v>172741</v>
      </c>
      <c r="F51093" s="1" t="s">
        <v>172742</v>
      </c>
      <c r="G51093" s="1" t="s">
        <v>172718</v>
      </c>
      <c r="H51093" s="1" t="s">
        <v>172719</v>
      </c>
      <c r="I51093" s="1" t="s">
        <v>172490</v>
      </c>
      <c r="J51093" s="1" t="s">
        <v>172743</v>
      </c>
    </row>
    <row r="51094" spans="1:10" x14ac:dyDescent="0.35">
      <c r="A51094" s="1" t="s">
        <v>28379</v>
      </c>
      <c r="B51094" s="1" t="s">
        <v>172484</v>
      </c>
      <c r="C51094" s="1" t="s">
        <v>50</v>
      </c>
      <c r="D51094" s="1" t="s">
        <v>172744</v>
      </c>
      <c r="E51094" s="1" t="s">
        <v>172745</v>
      </c>
      <c r="F51094" s="1" t="s">
        <v>172746</v>
      </c>
      <c r="G51094" s="1" t="s">
        <v>172718</v>
      </c>
      <c r="H51094" s="1" t="s">
        <v>172719</v>
      </c>
      <c r="I51094" s="1" t="s">
        <v>172490</v>
      </c>
      <c r="J51094" s="1" t="s">
        <v>172747</v>
      </c>
    </row>
    <row r="51095" spans="1:10" x14ac:dyDescent="0.35">
      <c r="A51095" s="1" t="s">
        <v>28379</v>
      </c>
      <c r="B51095" s="1" t="s">
        <v>172484</v>
      </c>
      <c r="C51095" s="1" t="s">
        <v>55</v>
      </c>
      <c r="D51095" s="1" t="s">
        <v>172748</v>
      </c>
      <c r="E51095" s="1" t="s">
        <v>172749</v>
      </c>
      <c r="F51095" s="1" t="s">
        <v>172750</v>
      </c>
      <c r="G51095" s="1" t="s">
        <v>172718</v>
      </c>
      <c r="H51095" s="1" t="s">
        <v>172719</v>
      </c>
      <c r="I51095" s="1" t="s">
        <v>172490</v>
      </c>
      <c r="J51095" s="1" t="s">
        <v>172751</v>
      </c>
    </row>
    <row r="51096" spans="1:10" x14ac:dyDescent="0.35">
      <c r="A51096" s="1" t="s">
        <v>28379</v>
      </c>
      <c r="B51096" s="1" t="s">
        <v>172484</v>
      </c>
      <c r="C51096" s="1" t="s">
        <v>60</v>
      </c>
      <c r="D51096" s="1" t="s">
        <v>172752</v>
      </c>
      <c r="E51096" s="1" t="s">
        <v>172753</v>
      </c>
      <c r="F51096" s="1" t="s">
        <v>172754</v>
      </c>
      <c r="G51096" s="1" t="s">
        <v>172718</v>
      </c>
      <c r="H51096" s="1" t="s">
        <v>172719</v>
      </c>
      <c r="I51096" s="1" t="s">
        <v>172490</v>
      </c>
      <c r="J51096" s="1" t="s">
        <v>172755</v>
      </c>
    </row>
    <row r="51097" spans="1:10" x14ac:dyDescent="0.35">
      <c r="A51097" s="1" t="s">
        <v>28379</v>
      </c>
      <c r="B51097" s="1" t="s">
        <v>172484</v>
      </c>
      <c r="C51097" s="1" t="s">
        <v>65</v>
      </c>
      <c r="D51097" s="1" t="s">
        <v>107458</v>
      </c>
      <c r="E51097" s="1" t="s">
        <v>172756</v>
      </c>
      <c r="F51097" s="1" t="s">
        <v>172757</v>
      </c>
      <c r="G51097" s="1" t="s">
        <v>172718</v>
      </c>
      <c r="H51097" s="1" t="s">
        <v>172719</v>
      </c>
      <c r="I51097" s="1" t="s">
        <v>172490</v>
      </c>
      <c r="J51097" s="1" t="s">
        <v>172758</v>
      </c>
    </row>
    <row r="51098" spans="1:10" x14ac:dyDescent="0.35">
      <c r="A51098" s="1" t="s">
        <v>28379</v>
      </c>
      <c r="B51098" s="1" t="s">
        <v>172484</v>
      </c>
      <c r="C51098" s="1" t="s">
        <v>70</v>
      </c>
      <c r="D51098" s="1" t="s">
        <v>172759</v>
      </c>
      <c r="E51098" s="1" t="s">
        <v>172760</v>
      </c>
      <c r="F51098" s="1" t="s">
        <v>172761</v>
      </c>
      <c r="G51098" s="1" t="s">
        <v>172718</v>
      </c>
      <c r="H51098" s="1" t="s">
        <v>172719</v>
      </c>
      <c r="I51098" s="1" t="s">
        <v>172490</v>
      </c>
      <c r="J51098" s="1" t="s">
        <v>172762</v>
      </c>
    </row>
    <row r="51099" spans="1:10" x14ac:dyDescent="0.35">
      <c r="A51099" s="1" t="s">
        <v>28379</v>
      </c>
      <c r="B51099" s="1" t="s">
        <v>172484</v>
      </c>
      <c r="C51099" s="1" t="s">
        <v>75</v>
      </c>
      <c r="D51099" s="1" t="s">
        <v>115175</v>
      </c>
      <c r="E51099" s="1" t="s">
        <v>172763</v>
      </c>
      <c r="F51099" s="1" t="s">
        <v>172764</v>
      </c>
      <c r="G51099" s="1" t="s">
        <v>172718</v>
      </c>
      <c r="H51099" s="1" t="s">
        <v>172719</v>
      </c>
      <c r="I51099" s="1" t="s">
        <v>172490</v>
      </c>
      <c r="J51099" s="1" t="s">
        <v>172765</v>
      </c>
    </row>
    <row r="51100" spans="1:10" x14ac:dyDescent="0.35">
      <c r="A51100" s="1" t="s">
        <v>28379</v>
      </c>
      <c r="B51100" s="1" t="s">
        <v>172484</v>
      </c>
      <c r="C51100" s="1" t="s">
        <v>80</v>
      </c>
      <c r="D51100" s="1" t="s">
        <v>172766</v>
      </c>
      <c r="E51100" s="1" t="s">
        <v>172767</v>
      </c>
      <c r="F51100" s="1" t="s">
        <v>172768</v>
      </c>
      <c r="G51100" s="1" t="s">
        <v>172718</v>
      </c>
      <c r="H51100" s="1" t="s">
        <v>172719</v>
      </c>
      <c r="I51100" s="1" t="s">
        <v>172490</v>
      </c>
      <c r="J51100" s="1" t="s">
        <v>172769</v>
      </c>
    </row>
    <row r="51101" spans="1:10" x14ac:dyDescent="0.35">
      <c r="A51101" s="1" t="s">
        <v>28379</v>
      </c>
      <c r="B51101" s="1" t="s">
        <v>172484</v>
      </c>
      <c r="C51101" s="1" t="s">
        <v>85</v>
      </c>
      <c r="D51101" s="1" t="s">
        <v>153428</v>
      </c>
      <c r="E51101" s="1" t="s">
        <v>172770</v>
      </c>
      <c r="F51101" s="1" t="s">
        <v>172771</v>
      </c>
      <c r="G51101" s="1" t="s">
        <v>172718</v>
      </c>
      <c r="H51101" s="1" t="s">
        <v>172719</v>
      </c>
      <c r="I51101" s="1" t="s">
        <v>172490</v>
      </c>
      <c r="J51101" s="1" t="s">
        <v>172772</v>
      </c>
    </row>
    <row r="51102" spans="1:10" x14ac:dyDescent="0.35">
      <c r="A51102" s="1" t="s">
        <v>28379</v>
      </c>
      <c r="B51102" s="1" t="s">
        <v>172484</v>
      </c>
      <c r="C51102" s="1" t="s">
        <v>90</v>
      </c>
      <c r="D51102" s="1" t="s">
        <v>172773</v>
      </c>
      <c r="E51102" s="1" t="s">
        <v>172774</v>
      </c>
      <c r="F51102" s="1" t="s">
        <v>172775</v>
      </c>
      <c r="G51102" s="1" t="s">
        <v>172718</v>
      </c>
      <c r="H51102" s="1" t="s">
        <v>172719</v>
      </c>
      <c r="I51102" s="1" t="s">
        <v>172490</v>
      </c>
      <c r="J51102" s="1" t="s">
        <v>172776</v>
      </c>
    </row>
    <row r="51103" spans="1:10" x14ac:dyDescent="0.35">
      <c r="A51103" s="1" t="s">
        <v>28379</v>
      </c>
      <c r="B51103" s="1" t="s">
        <v>172484</v>
      </c>
      <c r="C51103" s="1" t="s">
        <v>95</v>
      </c>
      <c r="D51103" s="1" t="s">
        <v>172777</v>
      </c>
      <c r="E51103" s="1" t="s">
        <v>172778</v>
      </c>
      <c r="F51103" s="1" t="s">
        <v>172779</v>
      </c>
      <c r="G51103" s="1" t="s">
        <v>172718</v>
      </c>
      <c r="H51103" s="1" t="s">
        <v>172719</v>
      </c>
      <c r="I51103" s="1" t="s">
        <v>172490</v>
      </c>
      <c r="J51103" s="1" t="s">
        <v>172780</v>
      </c>
    </row>
    <row r="51104" spans="1:10" x14ac:dyDescent="0.35">
      <c r="A51104" s="1" t="s">
        <v>28379</v>
      </c>
      <c r="B51104" s="1" t="s">
        <v>172484</v>
      </c>
      <c r="C51104" s="1" t="s">
        <v>100</v>
      </c>
      <c r="D51104" s="1" t="s">
        <v>129056</v>
      </c>
      <c r="E51104" s="1" t="s">
        <v>172781</v>
      </c>
      <c r="F51104" s="1" t="s">
        <v>172782</v>
      </c>
      <c r="G51104" s="1" t="s">
        <v>172718</v>
      </c>
      <c r="H51104" s="1" t="s">
        <v>172719</v>
      </c>
      <c r="I51104" s="1" t="s">
        <v>172490</v>
      </c>
      <c r="J51104" s="1" t="s">
        <v>172783</v>
      </c>
    </row>
    <row r="51105" spans="1:10" x14ac:dyDescent="0.35">
      <c r="A51105" s="1" t="s">
        <v>28379</v>
      </c>
      <c r="B51105" s="1" t="s">
        <v>172484</v>
      </c>
      <c r="C51105" s="1" t="s">
        <v>105</v>
      </c>
      <c r="D51105" s="1" t="s">
        <v>68558</v>
      </c>
      <c r="E51105" s="1" t="s">
        <v>172784</v>
      </c>
      <c r="F51105" s="1" t="s">
        <v>172785</v>
      </c>
      <c r="G51105" s="1" t="s">
        <v>172718</v>
      </c>
      <c r="H51105" s="1" t="s">
        <v>172719</v>
      </c>
      <c r="I51105" s="1" t="s">
        <v>172490</v>
      </c>
      <c r="J51105" s="1" t="s">
        <v>172786</v>
      </c>
    </row>
    <row r="51106" spans="1:10" x14ac:dyDescent="0.35">
      <c r="A51106" s="1" t="s">
        <v>28379</v>
      </c>
      <c r="B51106" s="1" t="s">
        <v>172484</v>
      </c>
      <c r="C51106" s="1" t="s">
        <v>110</v>
      </c>
      <c r="D51106" s="1" t="s">
        <v>56199</v>
      </c>
      <c r="E51106" s="1" t="s">
        <v>172787</v>
      </c>
      <c r="F51106" s="1" t="s">
        <v>172788</v>
      </c>
      <c r="G51106" s="1" t="s">
        <v>172718</v>
      </c>
      <c r="H51106" s="1" t="s">
        <v>172719</v>
      </c>
      <c r="I51106" s="1" t="s">
        <v>172490</v>
      </c>
      <c r="J51106" s="1" t="s">
        <v>172789</v>
      </c>
    </row>
    <row r="51107" spans="1:10" x14ac:dyDescent="0.35">
      <c r="A51107" s="1" t="s">
        <v>28379</v>
      </c>
      <c r="B51107" s="1" t="s">
        <v>172484</v>
      </c>
      <c r="C51107" s="1" t="s">
        <v>115</v>
      </c>
      <c r="D51107" s="1" t="s">
        <v>172790</v>
      </c>
      <c r="E51107" s="1" t="s">
        <v>172791</v>
      </c>
      <c r="F51107" s="1" t="s">
        <v>172792</v>
      </c>
      <c r="G51107" s="1" t="s">
        <v>172718</v>
      </c>
      <c r="H51107" s="1" t="s">
        <v>172719</v>
      </c>
      <c r="I51107" s="1" t="s">
        <v>172490</v>
      </c>
      <c r="J51107" s="1" t="s">
        <v>172793</v>
      </c>
    </row>
    <row r="51108" spans="1:10" x14ac:dyDescent="0.35">
      <c r="A51108" s="1" t="s">
        <v>28379</v>
      </c>
      <c r="B51108" s="1" t="s">
        <v>172484</v>
      </c>
      <c r="C51108" s="1" t="s">
        <v>120</v>
      </c>
      <c r="D51108" s="1" t="s">
        <v>172794</v>
      </c>
      <c r="E51108" s="1" t="s">
        <v>172795</v>
      </c>
      <c r="F51108" s="1" t="s">
        <v>172796</v>
      </c>
      <c r="G51108" s="1" t="s">
        <v>172718</v>
      </c>
      <c r="H51108" s="1" t="s">
        <v>172719</v>
      </c>
      <c r="I51108" s="1" t="s">
        <v>172490</v>
      </c>
      <c r="J51108" s="1" t="s">
        <v>172797</v>
      </c>
    </row>
    <row r="51109" spans="1:10" x14ac:dyDescent="0.35">
      <c r="A51109" s="1" t="s">
        <v>28379</v>
      </c>
      <c r="B51109" s="1" t="s">
        <v>172484</v>
      </c>
      <c r="C51109" s="1" t="s">
        <v>125</v>
      </c>
      <c r="D51109" s="1" t="s">
        <v>172798</v>
      </c>
      <c r="E51109" s="1" t="s">
        <v>172799</v>
      </c>
      <c r="F51109" s="1" t="s">
        <v>172800</v>
      </c>
      <c r="G51109" s="1" t="s">
        <v>172718</v>
      </c>
      <c r="H51109" s="1" t="s">
        <v>172719</v>
      </c>
      <c r="I51109" s="1" t="s">
        <v>172490</v>
      </c>
      <c r="J51109" s="1" t="s">
        <v>172801</v>
      </c>
    </row>
    <row r="51110" spans="1:10" x14ac:dyDescent="0.35">
      <c r="A51110" s="1" t="s">
        <v>28379</v>
      </c>
      <c r="B51110" s="1" t="s">
        <v>172484</v>
      </c>
      <c r="C51110" s="1" t="s">
        <v>130</v>
      </c>
      <c r="D51110" s="1" t="s">
        <v>172802</v>
      </c>
      <c r="E51110" s="1" t="s">
        <v>172803</v>
      </c>
      <c r="F51110" s="1" t="s">
        <v>172804</v>
      </c>
      <c r="G51110" s="1" t="s">
        <v>172718</v>
      </c>
      <c r="H51110" s="1" t="s">
        <v>172719</v>
      </c>
      <c r="I51110" s="1" t="s">
        <v>172490</v>
      </c>
      <c r="J51110" s="1" t="s">
        <v>172805</v>
      </c>
    </row>
    <row r="51111" spans="1:10" x14ac:dyDescent="0.35">
      <c r="A51111" s="1" t="s">
        <v>28379</v>
      </c>
      <c r="B51111" s="1" t="s">
        <v>172484</v>
      </c>
      <c r="C51111" s="1" t="s">
        <v>135</v>
      </c>
      <c r="D51111" s="1" t="s">
        <v>172806</v>
      </c>
      <c r="E51111" s="1" t="s">
        <v>172807</v>
      </c>
      <c r="F51111" s="1" t="s">
        <v>172808</v>
      </c>
      <c r="G51111" s="1" t="s">
        <v>172718</v>
      </c>
      <c r="H51111" s="1" t="s">
        <v>172719</v>
      </c>
      <c r="I51111" s="1" t="s">
        <v>172490</v>
      </c>
      <c r="J51111" s="1" t="s">
        <v>172809</v>
      </c>
    </row>
    <row r="51112" spans="1:10" x14ac:dyDescent="0.35">
      <c r="A51112" s="1" t="s">
        <v>28379</v>
      </c>
      <c r="B51112" s="1" t="s">
        <v>172484</v>
      </c>
      <c r="C51112" s="1" t="s">
        <v>140</v>
      </c>
      <c r="D51112" s="1" t="s">
        <v>131783</v>
      </c>
      <c r="E51112" s="1" t="s">
        <v>172810</v>
      </c>
      <c r="F51112" s="1" t="s">
        <v>172811</v>
      </c>
      <c r="G51112" s="1" t="s">
        <v>172718</v>
      </c>
      <c r="H51112" s="1" t="s">
        <v>172719</v>
      </c>
      <c r="I51112" s="1" t="s">
        <v>172490</v>
      </c>
      <c r="J51112" s="1" t="s">
        <v>172812</v>
      </c>
    </row>
    <row r="51113" spans="1:10" x14ac:dyDescent="0.35">
      <c r="A51113" s="1" t="s">
        <v>28379</v>
      </c>
      <c r="B51113" s="1" t="s">
        <v>172484</v>
      </c>
      <c r="C51113" s="1" t="s">
        <v>145</v>
      </c>
      <c r="D51113" s="1" t="s">
        <v>58764</v>
      </c>
      <c r="E51113" s="1" t="s">
        <v>172813</v>
      </c>
      <c r="F51113" s="1" t="s">
        <v>172814</v>
      </c>
      <c r="G51113" s="1" t="s">
        <v>172718</v>
      </c>
      <c r="H51113" s="1" t="s">
        <v>172719</v>
      </c>
      <c r="I51113" s="1" t="s">
        <v>172490</v>
      </c>
      <c r="J51113" s="1" t="s">
        <v>172815</v>
      </c>
    </row>
    <row r="51114" spans="1:10" x14ac:dyDescent="0.35">
      <c r="A51114" s="1" t="s">
        <v>28379</v>
      </c>
      <c r="B51114" s="1" t="s">
        <v>172484</v>
      </c>
      <c r="C51114" s="1" t="s">
        <v>150</v>
      </c>
      <c r="D51114" s="1" t="s">
        <v>172816</v>
      </c>
      <c r="E51114" s="1" t="s">
        <v>172817</v>
      </c>
      <c r="F51114" s="1" t="s">
        <v>172818</v>
      </c>
      <c r="G51114" s="1" t="s">
        <v>172718</v>
      </c>
      <c r="H51114" s="1" t="s">
        <v>172719</v>
      </c>
      <c r="I51114" s="1" t="s">
        <v>172490</v>
      </c>
      <c r="J51114" s="1" t="s">
        <v>172819</v>
      </c>
    </row>
    <row r="51115" spans="1:10" x14ac:dyDescent="0.35">
      <c r="A51115" s="1" t="s">
        <v>28379</v>
      </c>
      <c r="B51115" s="1" t="s">
        <v>172484</v>
      </c>
      <c r="C51115" s="1" t="s">
        <v>155</v>
      </c>
      <c r="D51115" s="1" t="s">
        <v>77165</v>
      </c>
      <c r="E51115" s="1" t="s">
        <v>172820</v>
      </c>
      <c r="F51115" s="1" t="s">
        <v>172821</v>
      </c>
      <c r="G51115" s="1" t="s">
        <v>172718</v>
      </c>
      <c r="H51115" s="1" t="s">
        <v>172719</v>
      </c>
      <c r="I51115" s="1" t="s">
        <v>172490</v>
      </c>
      <c r="J51115" s="1" t="s">
        <v>172822</v>
      </c>
    </row>
    <row r="51116" spans="1:10" x14ac:dyDescent="0.35">
      <c r="A51116" s="1" t="s">
        <v>28379</v>
      </c>
      <c r="B51116" s="1" t="s">
        <v>172484</v>
      </c>
      <c r="C51116" s="1" t="s">
        <v>160</v>
      </c>
      <c r="D51116" s="1" t="s">
        <v>99259</v>
      </c>
      <c r="E51116" s="1" t="s">
        <v>172823</v>
      </c>
      <c r="F51116" s="1" t="s">
        <v>172824</v>
      </c>
      <c r="G51116" s="1" t="s">
        <v>172718</v>
      </c>
      <c r="H51116" s="1" t="s">
        <v>172719</v>
      </c>
      <c r="I51116" s="1" t="s">
        <v>172490</v>
      </c>
      <c r="J51116" s="1" t="s">
        <v>172825</v>
      </c>
    </row>
    <row r="51117" spans="1:10" x14ac:dyDescent="0.35">
      <c r="A51117" s="1" t="s">
        <v>28379</v>
      </c>
      <c r="B51117" s="1" t="s">
        <v>172484</v>
      </c>
      <c r="C51117" s="1" t="s">
        <v>165</v>
      </c>
      <c r="D51117" s="1" t="s">
        <v>20630</v>
      </c>
      <c r="E51117" s="1" t="s">
        <v>172826</v>
      </c>
      <c r="F51117" s="1" t="s">
        <v>172827</v>
      </c>
      <c r="G51117" s="1" t="s">
        <v>172718</v>
      </c>
      <c r="H51117" s="1" t="s">
        <v>172719</v>
      </c>
      <c r="I51117" s="1" t="s">
        <v>172490</v>
      </c>
      <c r="J51117" s="1" t="s">
        <v>172828</v>
      </c>
    </row>
    <row r="51118" spans="1:10" x14ac:dyDescent="0.35">
      <c r="A51118" s="1" t="s">
        <v>28379</v>
      </c>
      <c r="B51118" s="1" t="s">
        <v>172484</v>
      </c>
      <c r="C51118" s="1" t="s">
        <v>170</v>
      </c>
      <c r="D51118" s="1" t="s">
        <v>20468</v>
      </c>
      <c r="E51118" s="1" t="s">
        <v>172829</v>
      </c>
      <c r="F51118" s="1" t="s">
        <v>172830</v>
      </c>
      <c r="G51118" s="1" t="s">
        <v>172718</v>
      </c>
      <c r="H51118" s="1" t="s">
        <v>172719</v>
      </c>
      <c r="I51118" s="1" t="s">
        <v>172490</v>
      </c>
      <c r="J51118" s="1" t="s">
        <v>172831</v>
      </c>
    </row>
    <row r="51119" spans="1:10" x14ac:dyDescent="0.35">
      <c r="A51119" s="1" t="s">
        <v>165576</v>
      </c>
      <c r="B51119" s="1" t="s">
        <v>172484</v>
      </c>
      <c r="C51119" s="1" t="s">
        <v>8</v>
      </c>
      <c r="D51119" s="1" t="s">
        <v>159916</v>
      </c>
      <c r="E51119" s="1" t="s">
        <v>172832</v>
      </c>
      <c r="F51119" s="1" t="s">
        <v>172833</v>
      </c>
      <c r="G51119" s="1" t="s">
        <v>172834</v>
      </c>
      <c r="H51119" s="1" t="s">
        <v>172835</v>
      </c>
      <c r="I51119" s="1" t="s">
        <v>172490</v>
      </c>
      <c r="J51119" s="1" t="s">
        <v>13</v>
      </c>
    </row>
    <row r="51120" spans="1:10" x14ac:dyDescent="0.35">
      <c r="A51120" s="1" t="s">
        <v>165576</v>
      </c>
      <c r="B51120" s="1" t="s">
        <v>172484</v>
      </c>
      <c r="C51120" s="1" t="s">
        <v>15</v>
      </c>
      <c r="D51120" s="1" t="s">
        <v>30269</v>
      </c>
      <c r="E51120" s="1" t="s">
        <v>172836</v>
      </c>
      <c r="F51120" s="1" t="s">
        <v>172837</v>
      </c>
      <c r="G51120" s="1" t="s">
        <v>172834</v>
      </c>
      <c r="H51120" s="1" t="s">
        <v>172835</v>
      </c>
      <c r="I51120" s="1" t="s">
        <v>172490</v>
      </c>
      <c r="J51120" s="1" t="s">
        <v>172838</v>
      </c>
    </row>
    <row r="51121" spans="1:10" x14ac:dyDescent="0.35">
      <c r="A51121" s="1" t="s">
        <v>165576</v>
      </c>
      <c r="B51121" s="1" t="s">
        <v>172484</v>
      </c>
      <c r="C51121" s="1" t="s">
        <v>20</v>
      </c>
      <c r="D51121" s="1" t="s">
        <v>37146</v>
      </c>
      <c r="E51121" s="1" t="s">
        <v>172839</v>
      </c>
      <c r="F51121" s="1" t="s">
        <v>172840</v>
      </c>
      <c r="G51121" s="1" t="s">
        <v>172834</v>
      </c>
      <c r="H51121" s="1" t="s">
        <v>172835</v>
      </c>
      <c r="I51121" s="1" t="s">
        <v>172490</v>
      </c>
      <c r="J51121" s="1" t="s">
        <v>172841</v>
      </c>
    </row>
    <row r="51122" spans="1:10" x14ac:dyDescent="0.35">
      <c r="A51122" s="1" t="s">
        <v>165576</v>
      </c>
      <c r="B51122" s="1" t="s">
        <v>172484</v>
      </c>
      <c r="C51122" s="1" t="s">
        <v>25</v>
      </c>
      <c r="D51122" s="1" t="s">
        <v>172842</v>
      </c>
      <c r="E51122" s="1" t="s">
        <v>172843</v>
      </c>
      <c r="F51122" s="1" t="s">
        <v>172844</v>
      </c>
      <c r="G51122" s="1" t="s">
        <v>172834</v>
      </c>
      <c r="H51122" s="1" t="s">
        <v>172835</v>
      </c>
      <c r="I51122" s="1" t="s">
        <v>172490</v>
      </c>
      <c r="J51122" s="1" t="s">
        <v>172845</v>
      </c>
    </row>
    <row r="51123" spans="1:10" x14ac:dyDescent="0.35">
      <c r="A51123" s="1" t="s">
        <v>165576</v>
      </c>
      <c r="B51123" s="1" t="s">
        <v>172484</v>
      </c>
      <c r="C51123" s="1" t="s">
        <v>30</v>
      </c>
      <c r="D51123" s="1" t="s">
        <v>37946</v>
      </c>
      <c r="E51123" s="1" t="s">
        <v>172846</v>
      </c>
      <c r="F51123" s="1" t="s">
        <v>172847</v>
      </c>
      <c r="G51123" s="1" t="s">
        <v>172834</v>
      </c>
      <c r="H51123" s="1" t="s">
        <v>172835</v>
      </c>
      <c r="I51123" s="1" t="s">
        <v>172490</v>
      </c>
      <c r="J51123" s="1" t="s">
        <v>172848</v>
      </c>
    </row>
    <row r="51124" spans="1:10" x14ac:dyDescent="0.35">
      <c r="A51124" s="1" t="s">
        <v>165576</v>
      </c>
      <c r="B51124" s="1" t="s">
        <v>172484</v>
      </c>
      <c r="C51124" s="1" t="s">
        <v>35</v>
      </c>
      <c r="D51124" s="1" t="s">
        <v>43398</v>
      </c>
      <c r="E51124" s="1" t="s">
        <v>172849</v>
      </c>
      <c r="F51124" s="1" t="s">
        <v>172850</v>
      </c>
      <c r="G51124" s="1" t="s">
        <v>172834</v>
      </c>
      <c r="H51124" s="1" t="s">
        <v>172835</v>
      </c>
      <c r="I51124" s="1" t="s">
        <v>172490</v>
      </c>
      <c r="J51124" s="1" t="s">
        <v>172851</v>
      </c>
    </row>
    <row r="51125" spans="1:10" x14ac:dyDescent="0.35">
      <c r="A51125" s="1" t="s">
        <v>165576</v>
      </c>
      <c r="B51125" s="1" t="s">
        <v>172484</v>
      </c>
      <c r="C51125" s="1" t="s">
        <v>40</v>
      </c>
      <c r="D51125" s="1" t="s">
        <v>11624</v>
      </c>
      <c r="E51125" s="1" t="s">
        <v>172852</v>
      </c>
      <c r="F51125" s="1" t="s">
        <v>172853</v>
      </c>
      <c r="G51125" s="1" t="s">
        <v>172834</v>
      </c>
      <c r="H51125" s="1" t="s">
        <v>172835</v>
      </c>
      <c r="I51125" s="1" t="s">
        <v>172490</v>
      </c>
      <c r="J51125" s="1" t="s">
        <v>172854</v>
      </c>
    </row>
    <row r="51126" spans="1:10" x14ac:dyDescent="0.35">
      <c r="A51126" s="1" t="s">
        <v>165576</v>
      </c>
      <c r="B51126" s="1" t="s">
        <v>172484</v>
      </c>
      <c r="C51126" s="1" t="s">
        <v>45</v>
      </c>
      <c r="D51126" s="1" t="s">
        <v>36464</v>
      </c>
      <c r="E51126" s="1" t="s">
        <v>172855</v>
      </c>
      <c r="F51126" s="1" t="s">
        <v>172856</v>
      </c>
      <c r="G51126" s="1" t="s">
        <v>172834</v>
      </c>
      <c r="H51126" s="1" t="s">
        <v>172835</v>
      </c>
      <c r="I51126" s="1" t="s">
        <v>172490</v>
      </c>
      <c r="J51126" s="1" t="s">
        <v>172857</v>
      </c>
    </row>
    <row r="51127" spans="1:10" x14ac:dyDescent="0.35">
      <c r="A51127" s="1" t="s">
        <v>165576</v>
      </c>
      <c r="B51127" s="1" t="s">
        <v>172484</v>
      </c>
      <c r="C51127" s="1" t="s">
        <v>50</v>
      </c>
      <c r="D51127" s="1" t="s">
        <v>172858</v>
      </c>
      <c r="E51127" s="1" t="s">
        <v>172859</v>
      </c>
      <c r="F51127" s="1" t="s">
        <v>172860</v>
      </c>
      <c r="G51127" s="1" t="s">
        <v>172834</v>
      </c>
      <c r="H51127" s="1" t="s">
        <v>172835</v>
      </c>
      <c r="I51127" s="1" t="s">
        <v>172490</v>
      </c>
      <c r="J51127" s="1" t="s">
        <v>172861</v>
      </c>
    </row>
    <row r="51128" spans="1:10" x14ac:dyDescent="0.35">
      <c r="A51128" s="1" t="s">
        <v>165576</v>
      </c>
      <c r="B51128" s="1" t="s">
        <v>172484</v>
      </c>
      <c r="C51128" s="1" t="s">
        <v>55</v>
      </c>
      <c r="D51128" s="1" t="s">
        <v>172862</v>
      </c>
      <c r="E51128" s="1" t="s">
        <v>172863</v>
      </c>
      <c r="F51128" s="1" t="s">
        <v>172864</v>
      </c>
      <c r="G51128" s="1" t="s">
        <v>172834</v>
      </c>
      <c r="H51128" s="1" t="s">
        <v>172835</v>
      </c>
      <c r="I51128" s="1" t="s">
        <v>172490</v>
      </c>
      <c r="J51128" s="1" t="s">
        <v>172865</v>
      </c>
    </row>
    <row r="51129" spans="1:10" x14ac:dyDescent="0.35">
      <c r="A51129" s="1" t="s">
        <v>165576</v>
      </c>
      <c r="B51129" s="1" t="s">
        <v>172484</v>
      </c>
      <c r="C51129" s="1" t="s">
        <v>60</v>
      </c>
      <c r="D51129" s="1" t="s">
        <v>107365</v>
      </c>
      <c r="E51129" s="1" t="s">
        <v>172866</v>
      </c>
      <c r="F51129" s="1" t="s">
        <v>172867</v>
      </c>
      <c r="G51129" s="1" t="s">
        <v>172834</v>
      </c>
      <c r="H51129" s="1" t="s">
        <v>172835</v>
      </c>
      <c r="I51129" s="1" t="s">
        <v>172490</v>
      </c>
      <c r="J51129" s="1" t="s">
        <v>172868</v>
      </c>
    </row>
    <row r="51130" spans="1:10" x14ac:dyDescent="0.35">
      <c r="A51130" s="1" t="s">
        <v>165576</v>
      </c>
      <c r="B51130" s="1" t="s">
        <v>172484</v>
      </c>
      <c r="C51130" s="1" t="s">
        <v>65</v>
      </c>
      <c r="D51130" s="1" t="s">
        <v>146962</v>
      </c>
      <c r="E51130" s="1" t="s">
        <v>172869</v>
      </c>
      <c r="F51130" s="1" t="s">
        <v>172870</v>
      </c>
      <c r="G51130" s="1" t="s">
        <v>172834</v>
      </c>
      <c r="H51130" s="1" t="s">
        <v>172835</v>
      </c>
      <c r="I51130" s="1" t="s">
        <v>172490</v>
      </c>
      <c r="J51130" s="1" t="s">
        <v>172871</v>
      </c>
    </row>
    <row r="51131" spans="1:10" x14ac:dyDescent="0.35">
      <c r="A51131" s="1" t="s">
        <v>165576</v>
      </c>
      <c r="B51131" s="1" t="s">
        <v>172484</v>
      </c>
      <c r="C51131" s="1" t="s">
        <v>70</v>
      </c>
      <c r="D51131" s="1" t="s">
        <v>172872</v>
      </c>
      <c r="E51131" s="1" t="s">
        <v>172873</v>
      </c>
      <c r="F51131" s="1" t="s">
        <v>172874</v>
      </c>
      <c r="G51131" s="1" t="s">
        <v>172834</v>
      </c>
      <c r="H51131" s="1" t="s">
        <v>172835</v>
      </c>
      <c r="I51131" s="1" t="s">
        <v>172490</v>
      </c>
      <c r="J51131" s="1" t="s">
        <v>172875</v>
      </c>
    </row>
    <row r="51132" spans="1:10" x14ac:dyDescent="0.35">
      <c r="A51132" s="1" t="s">
        <v>165576</v>
      </c>
      <c r="B51132" s="1" t="s">
        <v>172484</v>
      </c>
      <c r="C51132" s="1" t="s">
        <v>75</v>
      </c>
      <c r="D51132" s="1" t="s">
        <v>172876</v>
      </c>
      <c r="E51132" s="1" t="s">
        <v>172877</v>
      </c>
      <c r="F51132" s="1" t="s">
        <v>172878</v>
      </c>
      <c r="G51132" s="1" t="s">
        <v>172834</v>
      </c>
      <c r="H51132" s="1" t="s">
        <v>172835</v>
      </c>
      <c r="I51132" s="1" t="s">
        <v>172490</v>
      </c>
      <c r="J51132" s="1" t="s">
        <v>172879</v>
      </c>
    </row>
    <row r="51133" spans="1:10" x14ac:dyDescent="0.35">
      <c r="A51133" s="1" t="s">
        <v>165576</v>
      </c>
      <c r="B51133" s="1" t="s">
        <v>172484</v>
      </c>
      <c r="C51133" s="1" t="s">
        <v>80</v>
      </c>
      <c r="D51133" s="1" t="s">
        <v>172880</v>
      </c>
      <c r="E51133" s="1" t="s">
        <v>172881</v>
      </c>
      <c r="F51133" s="1" t="s">
        <v>172882</v>
      </c>
      <c r="G51133" s="1" t="s">
        <v>172834</v>
      </c>
      <c r="H51133" s="1" t="s">
        <v>172835</v>
      </c>
      <c r="I51133" s="1" t="s">
        <v>172490</v>
      </c>
      <c r="J51133" s="1" t="s">
        <v>172883</v>
      </c>
    </row>
    <row r="51134" spans="1:10" x14ac:dyDescent="0.35">
      <c r="A51134" s="1" t="s">
        <v>165576</v>
      </c>
      <c r="B51134" s="1" t="s">
        <v>172484</v>
      </c>
      <c r="C51134" s="1" t="s">
        <v>85</v>
      </c>
      <c r="D51134" s="1" t="s">
        <v>172884</v>
      </c>
      <c r="E51134" s="1" t="s">
        <v>172885</v>
      </c>
      <c r="F51134" s="1" t="s">
        <v>172886</v>
      </c>
      <c r="G51134" s="1" t="s">
        <v>172834</v>
      </c>
      <c r="H51134" s="1" t="s">
        <v>172835</v>
      </c>
      <c r="I51134" s="1" t="s">
        <v>172490</v>
      </c>
      <c r="J51134" s="1" t="s">
        <v>172887</v>
      </c>
    </row>
    <row r="51135" spans="1:10" x14ac:dyDescent="0.35">
      <c r="A51135" s="1" t="s">
        <v>165576</v>
      </c>
      <c r="B51135" s="1" t="s">
        <v>172484</v>
      </c>
      <c r="C51135" s="1" t="s">
        <v>90</v>
      </c>
      <c r="D51135" s="1" t="s">
        <v>153482</v>
      </c>
      <c r="E51135" s="1" t="s">
        <v>172888</v>
      </c>
      <c r="F51135" s="1" t="s">
        <v>172889</v>
      </c>
      <c r="G51135" s="1" t="s">
        <v>172834</v>
      </c>
      <c r="H51135" s="1" t="s">
        <v>172835</v>
      </c>
      <c r="I51135" s="1" t="s">
        <v>172490</v>
      </c>
      <c r="J51135" s="1" t="s">
        <v>172890</v>
      </c>
    </row>
    <row r="51136" spans="1:10" x14ac:dyDescent="0.35">
      <c r="A51136" s="1" t="s">
        <v>165576</v>
      </c>
      <c r="B51136" s="1" t="s">
        <v>172484</v>
      </c>
      <c r="C51136" s="1" t="s">
        <v>95</v>
      </c>
      <c r="D51136" s="1" t="s">
        <v>64436</v>
      </c>
      <c r="E51136" s="1" t="s">
        <v>172891</v>
      </c>
      <c r="F51136" s="1" t="s">
        <v>172892</v>
      </c>
      <c r="G51136" s="1" t="s">
        <v>172834</v>
      </c>
      <c r="H51136" s="1" t="s">
        <v>172835</v>
      </c>
      <c r="I51136" s="1" t="s">
        <v>172490</v>
      </c>
      <c r="J51136" s="1" t="s">
        <v>172893</v>
      </c>
    </row>
    <row r="51137" spans="1:10" x14ac:dyDescent="0.35">
      <c r="A51137" s="1" t="s">
        <v>165576</v>
      </c>
      <c r="B51137" s="1" t="s">
        <v>172484</v>
      </c>
      <c r="C51137" s="1" t="s">
        <v>100</v>
      </c>
      <c r="D51137" s="1" t="s">
        <v>24311</v>
      </c>
      <c r="E51137" s="1" t="s">
        <v>172894</v>
      </c>
      <c r="F51137" s="1" t="s">
        <v>172895</v>
      </c>
      <c r="G51137" s="1" t="s">
        <v>172834</v>
      </c>
      <c r="H51137" s="1" t="s">
        <v>172835</v>
      </c>
      <c r="I51137" s="1" t="s">
        <v>172490</v>
      </c>
      <c r="J51137" s="1" t="s">
        <v>172896</v>
      </c>
    </row>
    <row r="51138" spans="1:10" x14ac:dyDescent="0.35">
      <c r="A51138" s="1" t="s">
        <v>165576</v>
      </c>
      <c r="B51138" s="1" t="s">
        <v>172484</v>
      </c>
      <c r="C51138" s="1" t="s">
        <v>105</v>
      </c>
      <c r="D51138" s="1" t="s">
        <v>172897</v>
      </c>
      <c r="E51138" s="1" t="s">
        <v>172898</v>
      </c>
      <c r="F51138" s="1" t="s">
        <v>172899</v>
      </c>
      <c r="G51138" s="1" t="s">
        <v>172834</v>
      </c>
      <c r="H51138" s="1" t="s">
        <v>172835</v>
      </c>
      <c r="I51138" s="1" t="s">
        <v>172490</v>
      </c>
      <c r="J51138" s="1" t="s">
        <v>172900</v>
      </c>
    </row>
    <row r="51139" spans="1:10" x14ac:dyDescent="0.35">
      <c r="A51139" s="1" t="s">
        <v>165576</v>
      </c>
      <c r="B51139" s="1" t="s">
        <v>172484</v>
      </c>
      <c r="C51139" s="1" t="s">
        <v>110</v>
      </c>
      <c r="D51139" s="1" t="s">
        <v>22371</v>
      </c>
      <c r="E51139" s="1" t="s">
        <v>172901</v>
      </c>
      <c r="F51139" s="1" t="s">
        <v>172902</v>
      </c>
      <c r="G51139" s="1" t="s">
        <v>172834</v>
      </c>
      <c r="H51139" s="1" t="s">
        <v>172835</v>
      </c>
      <c r="I51139" s="1" t="s">
        <v>172490</v>
      </c>
      <c r="J51139" s="1" t="s">
        <v>172903</v>
      </c>
    </row>
    <row r="51140" spans="1:10" x14ac:dyDescent="0.35">
      <c r="A51140" s="1" t="s">
        <v>165576</v>
      </c>
      <c r="B51140" s="1" t="s">
        <v>172484</v>
      </c>
      <c r="C51140" s="1" t="s">
        <v>115</v>
      </c>
      <c r="D51140" s="1" t="s">
        <v>172904</v>
      </c>
      <c r="E51140" s="1" t="s">
        <v>172905</v>
      </c>
      <c r="F51140" s="1" t="s">
        <v>172906</v>
      </c>
      <c r="G51140" s="1" t="s">
        <v>172834</v>
      </c>
      <c r="H51140" s="1" t="s">
        <v>172835</v>
      </c>
      <c r="I51140" s="1" t="s">
        <v>172490</v>
      </c>
      <c r="J51140" s="1" t="s">
        <v>172907</v>
      </c>
    </row>
    <row r="51141" spans="1:10" x14ac:dyDescent="0.35">
      <c r="A51141" s="1" t="s">
        <v>165576</v>
      </c>
      <c r="B51141" s="1" t="s">
        <v>172484</v>
      </c>
      <c r="C51141" s="1" t="s">
        <v>120</v>
      </c>
      <c r="D51141" s="1" t="s">
        <v>59731</v>
      </c>
      <c r="E51141" s="1" t="s">
        <v>172908</v>
      </c>
      <c r="F51141" s="1" t="s">
        <v>172909</v>
      </c>
      <c r="G51141" s="1" t="s">
        <v>172834</v>
      </c>
      <c r="H51141" s="1" t="s">
        <v>172835</v>
      </c>
      <c r="I51141" s="1" t="s">
        <v>172490</v>
      </c>
      <c r="J51141" s="1" t="s">
        <v>172910</v>
      </c>
    </row>
    <row r="51142" spans="1:10" x14ac:dyDescent="0.35">
      <c r="A51142" s="1" t="s">
        <v>165576</v>
      </c>
      <c r="B51142" s="1" t="s">
        <v>172484</v>
      </c>
      <c r="C51142" s="1" t="s">
        <v>125</v>
      </c>
      <c r="D51142" s="1" t="s">
        <v>107039</v>
      </c>
      <c r="E51142" s="1" t="s">
        <v>172911</v>
      </c>
      <c r="F51142" s="1" t="s">
        <v>172912</v>
      </c>
      <c r="G51142" s="1" t="s">
        <v>172834</v>
      </c>
      <c r="H51142" s="1" t="s">
        <v>172835</v>
      </c>
      <c r="I51142" s="1" t="s">
        <v>172490</v>
      </c>
      <c r="J51142" s="1" t="s">
        <v>172913</v>
      </c>
    </row>
    <row r="51143" spans="1:10" x14ac:dyDescent="0.35">
      <c r="A51143" s="1" t="s">
        <v>165576</v>
      </c>
      <c r="B51143" s="1" t="s">
        <v>172484</v>
      </c>
      <c r="C51143" s="1" t="s">
        <v>130</v>
      </c>
      <c r="D51143" s="1" t="s">
        <v>76193</v>
      </c>
      <c r="E51143" s="1" t="s">
        <v>172914</v>
      </c>
      <c r="F51143" s="1" t="s">
        <v>172915</v>
      </c>
      <c r="G51143" s="1" t="s">
        <v>172834</v>
      </c>
      <c r="H51143" s="1" t="s">
        <v>172835</v>
      </c>
      <c r="I51143" s="1" t="s">
        <v>172490</v>
      </c>
      <c r="J51143" s="1" t="s">
        <v>172916</v>
      </c>
    </row>
    <row r="51144" spans="1:10" x14ac:dyDescent="0.35">
      <c r="A51144" s="1" t="s">
        <v>165576</v>
      </c>
      <c r="B51144" s="1" t="s">
        <v>172484</v>
      </c>
      <c r="C51144" s="1" t="s">
        <v>135</v>
      </c>
      <c r="D51144" s="1" t="s">
        <v>56081</v>
      </c>
      <c r="E51144" s="1" t="s">
        <v>172917</v>
      </c>
      <c r="F51144" s="1" t="s">
        <v>172918</v>
      </c>
      <c r="G51144" s="1" t="s">
        <v>172834</v>
      </c>
      <c r="H51144" s="1" t="s">
        <v>172835</v>
      </c>
      <c r="I51144" s="1" t="s">
        <v>172490</v>
      </c>
      <c r="J51144" s="1" t="s">
        <v>172919</v>
      </c>
    </row>
    <row r="51145" spans="1:10" x14ac:dyDescent="0.35">
      <c r="A51145" s="1" t="s">
        <v>165576</v>
      </c>
      <c r="B51145" s="1" t="s">
        <v>172484</v>
      </c>
      <c r="C51145" s="1" t="s">
        <v>140</v>
      </c>
      <c r="D51145" s="1" t="s">
        <v>172920</v>
      </c>
      <c r="E51145" s="1" t="s">
        <v>172921</v>
      </c>
      <c r="F51145" s="1" t="s">
        <v>172922</v>
      </c>
      <c r="G51145" s="1" t="s">
        <v>172834</v>
      </c>
      <c r="H51145" s="1" t="s">
        <v>172835</v>
      </c>
      <c r="I51145" s="1" t="s">
        <v>172490</v>
      </c>
      <c r="J51145" s="1" t="s">
        <v>172923</v>
      </c>
    </row>
    <row r="51146" spans="1:10" x14ac:dyDescent="0.35">
      <c r="A51146" s="1" t="s">
        <v>165576</v>
      </c>
      <c r="B51146" s="1" t="s">
        <v>172484</v>
      </c>
      <c r="C51146" s="1" t="s">
        <v>145</v>
      </c>
      <c r="D51146" s="1" t="s">
        <v>91543</v>
      </c>
      <c r="E51146" s="1" t="s">
        <v>172924</v>
      </c>
      <c r="F51146" s="1" t="s">
        <v>172925</v>
      </c>
      <c r="G51146" s="1" t="s">
        <v>172834</v>
      </c>
      <c r="H51146" s="1" t="s">
        <v>172835</v>
      </c>
      <c r="I51146" s="1" t="s">
        <v>172490</v>
      </c>
      <c r="J51146" s="1" t="s">
        <v>172926</v>
      </c>
    </row>
    <row r="51147" spans="1:10" x14ac:dyDescent="0.35">
      <c r="A51147" s="1" t="s">
        <v>165576</v>
      </c>
      <c r="B51147" s="1" t="s">
        <v>172484</v>
      </c>
      <c r="C51147" s="1" t="s">
        <v>150</v>
      </c>
      <c r="D51147" s="1" t="s">
        <v>88726</v>
      </c>
      <c r="E51147" s="1" t="s">
        <v>172927</v>
      </c>
      <c r="F51147" s="1" t="s">
        <v>172928</v>
      </c>
      <c r="G51147" s="1" t="s">
        <v>172834</v>
      </c>
      <c r="H51147" s="1" t="s">
        <v>172835</v>
      </c>
      <c r="I51147" s="1" t="s">
        <v>172490</v>
      </c>
      <c r="J51147" s="1" t="s">
        <v>172929</v>
      </c>
    </row>
    <row r="51148" spans="1:10" x14ac:dyDescent="0.35">
      <c r="A51148" s="1" t="s">
        <v>165576</v>
      </c>
      <c r="B51148" s="1" t="s">
        <v>172484</v>
      </c>
      <c r="C51148" s="1" t="s">
        <v>155</v>
      </c>
      <c r="D51148" s="1" t="s">
        <v>166553</v>
      </c>
      <c r="E51148" s="1" t="s">
        <v>172930</v>
      </c>
      <c r="F51148" s="1" t="s">
        <v>172931</v>
      </c>
      <c r="G51148" s="1" t="s">
        <v>172834</v>
      </c>
      <c r="H51148" s="1" t="s">
        <v>172835</v>
      </c>
      <c r="I51148" s="1" t="s">
        <v>172490</v>
      </c>
      <c r="J51148" s="1" t="s">
        <v>172932</v>
      </c>
    </row>
    <row r="51149" spans="1:10" x14ac:dyDescent="0.35">
      <c r="A51149" s="1" t="s">
        <v>165576</v>
      </c>
      <c r="B51149" s="1" t="s">
        <v>172484</v>
      </c>
      <c r="C51149" s="1" t="s">
        <v>160</v>
      </c>
      <c r="D51149" s="1" t="s">
        <v>68420</v>
      </c>
      <c r="E51149" s="1" t="s">
        <v>172933</v>
      </c>
      <c r="F51149" s="1" t="s">
        <v>172934</v>
      </c>
      <c r="G51149" s="1" t="s">
        <v>172834</v>
      </c>
      <c r="H51149" s="1" t="s">
        <v>172835</v>
      </c>
      <c r="I51149" s="1" t="s">
        <v>172490</v>
      </c>
      <c r="J51149" s="1" t="s">
        <v>172935</v>
      </c>
    </row>
    <row r="51150" spans="1:10" x14ac:dyDescent="0.35">
      <c r="A51150" s="1" t="s">
        <v>165576</v>
      </c>
      <c r="B51150" s="1" t="s">
        <v>172484</v>
      </c>
      <c r="C51150" s="1" t="s">
        <v>165</v>
      </c>
      <c r="D51150" s="1" t="s">
        <v>172936</v>
      </c>
      <c r="E51150" s="1" t="s">
        <v>172937</v>
      </c>
      <c r="F51150" s="1" t="s">
        <v>172938</v>
      </c>
      <c r="G51150" s="1" t="s">
        <v>172834</v>
      </c>
      <c r="H51150" s="1" t="s">
        <v>172835</v>
      </c>
      <c r="I51150" s="1" t="s">
        <v>172490</v>
      </c>
      <c r="J51150" s="1" t="s">
        <v>172939</v>
      </c>
    </row>
    <row r="51151" spans="1:10" x14ac:dyDescent="0.35">
      <c r="A51151" s="1" t="s">
        <v>165576</v>
      </c>
      <c r="B51151" s="1" t="s">
        <v>172484</v>
      </c>
      <c r="C51151" s="1" t="s">
        <v>170</v>
      </c>
      <c r="D51151" s="1" t="s">
        <v>172940</v>
      </c>
      <c r="E51151" s="1" t="s">
        <v>172941</v>
      </c>
      <c r="F51151" s="1" t="s">
        <v>172942</v>
      </c>
      <c r="G51151" s="1" t="s">
        <v>172834</v>
      </c>
      <c r="H51151" s="1" t="s">
        <v>172835</v>
      </c>
      <c r="I51151" s="1" t="s">
        <v>172490</v>
      </c>
      <c r="J51151" s="1" t="s">
        <v>172943</v>
      </c>
    </row>
    <row r="51152" spans="1:10" x14ac:dyDescent="0.35">
      <c r="A51152" s="1" t="s">
        <v>10070</v>
      </c>
      <c r="B51152" s="1" t="s">
        <v>172484</v>
      </c>
      <c r="C51152" s="1" t="s">
        <v>8</v>
      </c>
      <c r="D51152" s="1" t="s">
        <v>124106</v>
      </c>
      <c r="E51152" s="1" t="s">
        <v>56345</v>
      </c>
      <c r="F51152" s="1" t="s">
        <v>65526</v>
      </c>
      <c r="G51152" s="1" t="s">
        <v>172944</v>
      </c>
      <c r="H51152" s="1" t="s">
        <v>172945</v>
      </c>
      <c r="I51152" s="1" t="s">
        <v>172490</v>
      </c>
      <c r="J51152" s="1" t="s">
        <v>13</v>
      </c>
    </row>
    <row r="51153" spans="1:10" x14ac:dyDescent="0.35">
      <c r="A51153" s="1" t="s">
        <v>10070</v>
      </c>
      <c r="B51153" s="1" t="s">
        <v>172484</v>
      </c>
      <c r="C51153" s="1" t="s">
        <v>15</v>
      </c>
      <c r="D51153" s="1" t="s">
        <v>10697</v>
      </c>
      <c r="E51153" s="1" t="s">
        <v>172946</v>
      </c>
      <c r="F51153" s="1" t="s">
        <v>32402</v>
      </c>
      <c r="G51153" s="1" t="s">
        <v>172944</v>
      </c>
      <c r="H51153" s="1" t="s">
        <v>172945</v>
      </c>
      <c r="I51153" s="1" t="s">
        <v>172490</v>
      </c>
      <c r="J51153" s="1" t="s">
        <v>172947</v>
      </c>
    </row>
    <row r="51154" spans="1:10" x14ac:dyDescent="0.35">
      <c r="A51154" s="1" t="s">
        <v>10070</v>
      </c>
      <c r="B51154" s="1" t="s">
        <v>172484</v>
      </c>
      <c r="C51154" s="1" t="s">
        <v>20</v>
      </c>
      <c r="D51154" s="1" t="s">
        <v>36137</v>
      </c>
      <c r="E51154" s="1" t="s">
        <v>24377</v>
      </c>
      <c r="F51154" s="1" t="s">
        <v>172948</v>
      </c>
      <c r="G51154" s="1" t="s">
        <v>172944</v>
      </c>
      <c r="H51154" s="1" t="s">
        <v>172945</v>
      </c>
      <c r="I51154" s="1" t="s">
        <v>172490</v>
      </c>
      <c r="J51154" s="1" t="s">
        <v>172949</v>
      </c>
    </row>
    <row r="51155" spans="1:10" x14ac:dyDescent="0.35">
      <c r="A51155" s="1" t="s">
        <v>10070</v>
      </c>
      <c r="B51155" s="1" t="s">
        <v>172484</v>
      </c>
      <c r="C51155" s="1" t="s">
        <v>25</v>
      </c>
      <c r="D51155" s="1" t="s">
        <v>172950</v>
      </c>
      <c r="E51155" s="1" t="s">
        <v>55087</v>
      </c>
      <c r="F51155" s="1" t="s">
        <v>172951</v>
      </c>
      <c r="G51155" s="1" t="s">
        <v>172944</v>
      </c>
      <c r="H51155" s="1" t="s">
        <v>172945</v>
      </c>
      <c r="I51155" s="1" t="s">
        <v>172490</v>
      </c>
      <c r="J51155" s="1" t="s">
        <v>172952</v>
      </c>
    </row>
    <row r="51156" spans="1:10" x14ac:dyDescent="0.35">
      <c r="A51156" s="1" t="s">
        <v>10070</v>
      </c>
      <c r="B51156" s="1" t="s">
        <v>172484</v>
      </c>
      <c r="C51156" s="1" t="s">
        <v>30</v>
      </c>
      <c r="D51156" s="1" t="s">
        <v>15423</v>
      </c>
      <c r="E51156" s="1" t="s">
        <v>40717</v>
      </c>
      <c r="F51156" s="1" t="s">
        <v>82091</v>
      </c>
      <c r="G51156" s="1" t="s">
        <v>172944</v>
      </c>
      <c r="H51156" s="1" t="s">
        <v>172945</v>
      </c>
      <c r="I51156" s="1" t="s">
        <v>172490</v>
      </c>
      <c r="J51156" s="1" t="s">
        <v>172953</v>
      </c>
    </row>
    <row r="51157" spans="1:10" x14ac:dyDescent="0.35">
      <c r="A51157" s="1" t="s">
        <v>10070</v>
      </c>
      <c r="B51157" s="1" t="s">
        <v>172484</v>
      </c>
      <c r="C51157" s="1" t="s">
        <v>35</v>
      </c>
      <c r="D51157" s="1" t="s">
        <v>24839</v>
      </c>
      <c r="E51157" s="1" t="s">
        <v>40674</v>
      </c>
      <c r="F51157" s="1" t="s">
        <v>172954</v>
      </c>
      <c r="G51157" s="1" t="s">
        <v>172944</v>
      </c>
      <c r="H51157" s="1" t="s">
        <v>172945</v>
      </c>
      <c r="I51157" s="1" t="s">
        <v>172490</v>
      </c>
      <c r="J51157" s="1" t="s">
        <v>172955</v>
      </c>
    </row>
    <row r="51158" spans="1:10" x14ac:dyDescent="0.35">
      <c r="A51158" s="1" t="s">
        <v>10070</v>
      </c>
      <c r="B51158" s="1" t="s">
        <v>172484</v>
      </c>
      <c r="C51158" s="1" t="s">
        <v>40</v>
      </c>
      <c r="D51158" s="1" t="s">
        <v>104909</v>
      </c>
      <c r="E51158" s="1" t="s">
        <v>24720</v>
      </c>
      <c r="F51158" s="1" t="s">
        <v>99741</v>
      </c>
      <c r="G51158" s="1" t="s">
        <v>172944</v>
      </c>
      <c r="H51158" s="1" t="s">
        <v>172945</v>
      </c>
      <c r="I51158" s="1" t="s">
        <v>172490</v>
      </c>
      <c r="J51158" s="1" t="s">
        <v>172956</v>
      </c>
    </row>
    <row r="51159" spans="1:10" x14ac:dyDescent="0.35">
      <c r="A51159" s="1" t="s">
        <v>10070</v>
      </c>
      <c r="B51159" s="1" t="s">
        <v>172484</v>
      </c>
      <c r="C51159" s="1" t="s">
        <v>45</v>
      </c>
      <c r="D51159" s="1" t="s">
        <v>156146</v>
      </c>
      <c r="E51159" s="1" t="s">
        <v>41414</v>
      </c>
      <c r="F51159" s="1" t="s">
        <v>172957</v>
      </c>
      <c r="G51159" s="1" t="s">
        <v>172944</v>
      </c>
      <c r="H51159" s="1" t="s">
        <v>172945</v>
      </c>
      <c r="I51159" s="1" t="s">
        <v>172490</v>
      </c>
      <c r="J51159" s="1" t="s">
        <v>172958</v>
      </c>
    </row>
    <row r="51160" spans="1:10" x14ac:dyDescent="0.35">
      <c r="A51160" s="1" t="s">
        <v>10070</v>
      </c>
      <c r="B51160" s="1" t="s">
        <v>172484</v>
      </c>
      <c r="C51160" s="1" t="s">
        <v>50</v>
      </c>
      <c r="D51160" s="1" t="s">
        <v>168727</v>
      </c>
      <c r="E51160" s="1" t="s">
        <v>59885</v>
      </c>
      <c r="F51160" s="1" t="s">
        <v>54191</v>
      </c>
      <c r="G51160" s="1" t="s">
        <v>172944</v>
      </c>
      <c r="H51160" s="1" t="s">
        <v>172945</v>
      </c>
      <c r="I51160" s="1" t="s">
        <v>172490</v>
      </c>
      <c r="J51160" s="1" t="s">
        <v>172959</v>
      </c>
    </row>
    <row r="51161" spans="1:10" x14ac:dyDescent="0.35">
      <c r="A51161" s="1" t="s">
        <v>10070</v>
      </c>
      <c r="B51161" s="1" t="s">
        <v>172484</v>
      </c>
      <c r="C51161" s="1" t="s">
        <v>55</v>
      </c>
      <c r="D51161" s="1" t="s">
        <v>172960</v>
      </c>
      <c r="E51161" s="1" t="s">
        <v>58370</v>
      </c>
      <c r="F51161" s="1" t="s">
        <v>62817</v>
      </c>
      <c r="G51161" s="1" t="s">
        <v>172944</v>
      </c>
      <c r="H51161" s="1" t="s">
        <v>172945</v>
      </c>
      <c r="I51161" s="1" t="s">
        <v>172490</v>
      </c>
      <c r="J51161" s="1" t="s">
        <v>172961</v>
      </c>
    </row>
    <row r="51162" spans="1:10" x14ac:dyDescent="0.35">
      <c r="A51162" s="1" t="s">
        <v>10070</v>
      </c>
      <c r="B51162" s="1" t="s">
        <v>172484</v>
      </c>
      <c r="C51162" s="1" t="s">
        <v>60</v>
      </c>
      <c r="D51162" s="1" t="s">
        <v>172962</v>
      </c>
      <c r="E51162" s="1" t="s">
        <v>27070</v>
      </c>
      <c r="F51162" s="1" t="s">
        <v>31375</v>
      </c>
      <c r="G51162" s="1" t="s">
        <v>172944</v>
      </c>
      <c r="H51162" s="1" t="s">
        <v>172945</v>
      </c>
      <c r="I51162" s="1" t="s">
        <v>172490</v>
      </c>
      <c r="J51162" s="1" t="s">
        <v>172963</v>
      </c>
    </row>
    <row r="51163" spans="1:10" x14ac:dyDescent="0.35">
      <c r="A51163" s="1" t="s">
        <v>10070</v>
      </c>
      <c r="B51163" s="1" t="s">
        <v>172484</v>
      </c>
      <c r="C51163" s="1" t="s">
        <v>65</v>
      </c>
      <c r="D51163" s="1" t="s">
        <v>73283</v>
      </c>
      <c r="E51163" s="1" t="s">
        <v>41338</v>
      </c>
      <c r="F51163" s="1" t="s">
        <v>129623</v>
      </c>
      <c r="G51163" s="1" t="s">
        <v>172944</v>
      </c>
      <c r="H51163" s="1" t="s">
        <v>172945</v>
      </c>
      <c r="I51163" s="1" t="s">
        <v>172490</v>
      </c>
      <c r="J51163" s="1" t="s">
        <v>172964</v>
      </c>
    </row>
    <row r="51164" spans="1:10" x14ac:dyDescent="0.35">
      <c r="A51164" s="1" t="s">
        <v>10070</v>
      </c>
      <c r="B51164" s="1" t="s">
        <v>172484</v>
      </c>
      <c r="C51164" s="1" t="s">
        <v>70</v>
      </c>
      <c r="D51164" s="1" t="s">
        <v>172965</v>
      </c>
      <c r="E51164" s="1" t="s">
        <v>63890</v>
      </c>
      <c r="F51164" s="1" t="s">
        <v>103468</v>
      </c>
      <c r="G51164" s="1" t="s">
        <v>172944</v>
      </c>
      <c r="H51164" s="1" t="s">
        <v>172945</v>
      </c>
      <c r="I51164" s="1" t="s">
        <v>172490</v>
      </c>
      <c r="J51164" s="1" t="s">
        <v>172966</v>
      </c>
    </row>
    <row r="51165" spans="1:10" x14ac:dyDescent="0.35">
      <c r="A51165" s="1" t="s">
        <v>10070</v>
      </c>
      <c r="B51165" s="1" t="s">
        <v>172484</v>
      </c>
      <c r="C51165" s="1" t="s">
        <v>75</v>
      </c>
      <c r="D51165" s="1" t="s">
        <v>116917</v>
      </c>
      <c r="E51165" s="1" t="s">
        <v>23118</v>
      </c>
      <c r="F51165" s="1" t="s">
        <v>66559</v>
      </c>
      <c r="G51165" s="1" t="s">
        <v>172944</v>
      </c>
      <c r="H51165" s="1" t="s">
        <v>172945</v>
      </c>
      <c r="I51165" s="1" t="s">
        <v>172490</v>
      </c>
      <c r="J51165" s="1" t="s">
        <v>172967</v>
      </c>
    </row>
    <row r="51166" spans="1:10" x14ac:dyDescent="0.35">
      <c r="A51166" s="1" t="s">
        <v>10070</v>
      </c>
      <c r="B51166" s="1" t="s">
        <v>172484</v>
      </c>
      <c r="C51166" s="1" t="s">
        <v>80</v>
      </c>
      <c r="D51166" s="1" t="s">
        <v>172968</v>
      </c>
      <c r="E51166" s="1" t="s">
        <v>57060</v>
      </c>
      <c r="F51166" s="1" t="s">
        <v>32104</v>
      </c>
      <c r="G51166" s="1" t="s">
        <v>172944</v>
      </c>
      <c r="H51166" s="1" t="s">
        <v>172945</v>
      </c>
      <c r="I51166" s="1" t="s">
        <v>172490</v>
      </c>
      <c r="J51166" s="1" t="s">
        <v>172969</v>
      </c>
    </row>
    <row r="51167" spans="1:10" x14ac:dyDescent="0.35">
      <c r="A51167" s="1" t="s">
        <v>10070</v>
      </c>
      <c r="B51167" s="1" t="s">
        <v>172484</v>
      </c>
      <c r="C51167" s="1" t="s">
        <v>85</v>
      </c>
      <c r="D51167" s="1" t="s">
        <v>172970</v>
      </c>
      <c r="E51167" s="1" t="s">
        <v>55048</v>
      </c>
      <c r="F51167" s="1" t="s">
        <v>172971</v>
      </c>
      <c r="G51167" s="1" t="s">
        <v>172944</v>
      </c>
      <c r="H51167" s="1" t="s">
        <v>172945</v>
      </c>
      <c r="I51167" s="1" t="s">
        <v>172490</v>
      </c>
      <c r="J51167" s="1" t="s">
        <v>172972</v>
      </c>
    </row>
    <row r="51168" spans="1:10" x14ac:dyDescent="0.35">
      <c r="A51168" s="1" t="s">
        <v>10070</v>
      </c>
      <c r="B51168" s="1" t="s">
        <v>172484</v>
      </c>
      <c r="C51168" s="1" t="s">
        <v>90</v>
      </c>
      <c r="D51168" s="1" t="s">
        <v>172973</v>
      </c>
      <c r="E51168" s="1" t="s">
        <v>55213</v>
      </c>
      <c r="F51168" s="1" t="s">
        <v>172974</v>
      </c>
      <c r="G51168" s="1" t="s">
        <v>172944</v>
      </c>
      <c r="H51168" s="1" t="s">
        <v>172945</v>
      </c>
      <c r="I51168" s="1" t="s">
        <v>172490</v>
      </c>
      <c r="J51168" s="1" t="s">
        <v>172975</v>
      </c>
    </row>
    <row r="51169" spans="1:10" x14ac:dyDescent="0.35">
      <c r="A51169" s="1" t="s">
        <v>10070</v>
      </c>
      <c r="B51169" s="1" t="s">
        <v>172484</v>
      </c>
      <c r="C51169" s="1" t="s">
        <v>95</v>
      </c>
      <c r="D51169" s="1" t="s">
        <v>172976</v>
      </c>
      <c r="E51169" s="1" t="s">
        <v>56233</v>
      </c>
      <c r="F51169" s="1" t="s">
        <v>53904</v>
      </c>
      <c r="G51169" s="1" t="s">
        <v>172944</v>
      </c>
      <c r="H51169" s="1" t="s">
        <v>172945</v>
      </c>
      <c r="I51169" s="1" t="s">
        <v>172490</v>
      </c>
      <c r="J51169" s="1" t="s">
        <v>172977</v>
      </c>
    </row>
    <row r="51170" spans="1:10" x14ac:dyDescent="0.35">
      <c r="A51170" s="1" t="s">
        <v>10070</v>
      </c>
      <c r="B51170" s="1" t="s">
        <v>172484</v>
      </c>
      <c r="C51170" s="1" t="s">
        <v>100</v>
      </c>
      <c r="D51170" s="1" t="s">
        <v>172978</v>
      </c>
      <c r="E51170" s="1" t="s">
        <v>53825</v>
      </c>
      <c r="F51170" s="1" t="s">
        <v>129014</v>
      </c>
      <c r="G51170" s="1" t="s">
        <v>172944</v>
      </c>
      <c r="H51170" s="1" t="s">
        <v>172945</v>
      </c>
      <c r="I51170" s="1" t="s">
        <v>172490</v>
      </c>
      <c r="J51170" s="1" t="s">
        <v>172979</v>
      </c>
    </row>
    <row r="51171" spans="1:10" x14ac:dyDescent="0.35">
      <c r="A51171" s="1" t="s">
        <v>10070</v>
      </c>
      <c r="B51171" s="1" t="s">
        <v>172484</v>
      </c>
      <c r="C51171" s="1" t="s">
        <v>105</v>
      </c>
      <c r="D51171" s="1" t="s">
        <v>172980</v>
      </c>
      <c r="E51171" s="1" t="s">
        <v>57912</v>
      </c>
      <c r="F51171" s="1" t="s">
        <v>100814</v>
      </c>
      <c r="G51171" s="1" t="s">
        <v>172944</v>
      </c>
      <c r="H51171" s="1" t="s">
        <v>172945</v>
      </c>
      <c r="I51171" s="1" t="s">
        <v>172490</v>
      </c>
      <c r="J51171" s="1" t="s">
        <v>172981</v>
      </c>
    </row>
    <row r="51172" spans="1:10" x14ac:dyDescent="0.35">
      <c r="A51172" s="1" t="s">
        <v>10070</v>
      </c>
      <c r="B51172" s="1" t="s">
        <v>172484</v>
      </c>
      <c r="C51172" s="1" t="s">
        <v>110</v>
      </c>
      <c r="D51172" s="1" t="s">
        <v>18346</v>
      </c>
      <c r="E51172" s="1" t="s">
        <v>21779</v>
      </c>
      <c r="F51172" s="1" t="s">
        <v>100991</v>
      </c>
      <c r="G51172" s="1" t="s">
        <v>172944</v>
      </c>
      <c r="H51172" s="1" t="s">
        <v>172945</v>
      </c>
      <c r="I51172" s="1" t="s">
        <v>172490</v>
      </c>
      <c r="J51172" s="1" t="s">
        <v>172982</v>
      </c>
    </row>
    <row r="51173" spans="1:10" x14ac:dyDescent="0.35">
      <c r="A51173" s="1" t="s">
        <v>10070</v>
      </c>
      <c r="B51173" s="1" t="s">
        <v>172484</v>
      </c>
      <c r="C51173" s="1" t="s">
        <v>115</v>
      </c>
      <c r="D51173" s="1" t="s">
        <v>172983</v>
      </c>
      <c r="E51173" s="1" t="s">
        <v>58979</v>
      </c>
      <c r="F51173" s="1" t="s">
        <v>172984</v>
      </c>
      <c r="G51173" s="1" t="s">
        <v>172944</v>
      </c>
      <c r="H51173" s="1" t="s">
        <v>172945</v>
      </c>
      <c r="I51173" s="1" t="s">
        <v>172490</v>
      </c>
      <c r="J51173" s="1" t="s">
        <v>172985</v>
      </c>
    </row>
    <row r="51174" spans="1:10" x14ac:dyDescent="0.35">
      <c r="A51174" s="1" t="s">
        <v>10070</v>
      </c>
      <c r="B51174" s="1" t="s">
        <v>172484</v>
      </c>
      <c r="C51174" s="1" t="s">
        <v>120</v>
      </c>
      <c r="D51174" s="1" t="s">
        <v>172986</v>
      </c>
      <c r="E51174" s="1" t="s">
        <v>22076</v>
      </c>
      <c r="F51174" s="1" t="s">
        <v>172987</v>
      </c>
      <c r="G51174" s="1" t="s">
        <v>172944</v>
      </c>
      <c r="H51174" s="1" t="s">
        <v>172945</v>
      </c>
      <c r="I51174" s="1" t="s">
        <v>172490</v>
      </c>
      <c r="J51174" s="1" t="s">
        <v>172988</v>
      </c>
    </row>
    <row r="51175" spans="1:10" x14ac:dyDescent="0.35">
      <c r="A51175" s="1" t="s">
        <v>10070</v>
      </c>
      <c r="B51175" s="1" t="s">
        <v>172484</v>
      </c>
      <c r="C51175" s="1" t="s">
        <v>125</v>
      </c>
      <c r="D51175" s="1" t="s">
        <v>10638</v>
      </c>
      <c r="E51175" s="1" t="s">
        <v>22056</v>
      </c>
      <c r="F51175" s="1" t="s">
        <v>105263</v>
      </c>
      <c r="G51175" s="1" t="s">
        <v>172944</v>
      </c>
      <c r="H51175" s="1" t="s">
        <v>172945</v>
      </c>
      <c r="I51175" s="1" t="s">
        <v>172490</v>
      </c>
      <c r="J51175" s="1" t="s">
        <v>172989</v>
      </c>
    </row>
    <row r="51176" spans="1:10" x14ac:dyDescent="0.35">
      <c r="A51176" s="1" t="s">
        <v>10070</v>
      </c>
      <c r="B51176" s="1" t="s">
        <v>172484</v>
      </c>
      <c r="C51176" s="1" t="s">
        <v>130</v>
      </c>
      <c r="D51176" s="1" t="s">
        <v>107516</v>
      </c>
      <c r="E51176" s="1" t="s">
        <v>101269</v>
      </c>
      <c r="F51176" s="1" t="s">
        <v>32635</v>
      </c>
      <c r="G51176" s="1" t="s">
        <v>172944</v>
      </c>
      <c r="H51176" s="1" t="s">
        <v>172945</v>
      </c>
      <c r="I51176" s="1" t="s">
        <v>172490</v>
      </c>
      <c r="J51176" s="1" t="s">
        <v>172990</v>
      </c>
    </row>
    <row r="51177" spans="1:10" x14ac:dyDescent="0.35">
      <c r="A51177" s="1" t="s">
        <v>10070</v>
      </c>
      <c r="B51177" s="1" t="s">
        <v>172484</v>
      </c>
      <c r="C51177" s="1" t="s">
        <v>135</v>
      </c>
      <c r="D51177" s="1" t="s">
        <v>172991</v>
      </c>
      <c r="E51177" s="1" t="s">
        <v>23404</v>
      </c>
      <c r="F51177" s="1" t="s">
        <v>172992</v>
      </c>
      <c r="G51177" s="1" t="s">
        <v>172944</v>
      </c>
      <c r="H51177" s="1" t="s">
        <v>172945</v>
      </c>
      <c r="I51177" s="1" t="s">
        <v>172490</v>
      </c>
      <c r="J51177" s="1" t="s">
        <v>172993</v>
      </c>
    </row>
    <row r="51178" spans="1:10" x14ac:dyDescent="0.35">
      <c r="A51178" s="1" t="s">
        <v>10070</v>
      </c>
      <c r="B51178" s="1" t="s">
        <v>172484</v>
      </c>
      <c r="C51178" s="1" t="s">
        <v>140</v>
      </c>
      <c r="D51178" s="1" t="s">
        <v>100135</v>
      </c>
      <c r="E51178" s="1" t="s">
        <v>56938</v>
      </c>
      <c r="F51178" s="1" t="s">
        <v>172994</v>
      </c>
      <c r="G51178" s="1" t="s">
        <v>172944</v>
      </c>
      <c r="H51178" s="1" t="s">
        <v>172945</v>
      </c>
      <c r="I51178" s="1" t="s">
        <v>172490</v>
      </c>
      <c r="J51178" s="1" t="s">
        <v>172995</v>
      </c>
    </row>
    <row r="51179" spans="1:10" x14ac:dyDescent="0.35">
      <c r="A51179" s="1" t="s">
        <v>10070</v>
      </c>
      <c r="B51179" s="1" t="s">
        <v>172484</v>
      </c>
      <c r="C51179" s="1" t="s">
        <v>145</v>
      </c>
      <c r="D51179" s="1" t="s">
        <v>32534</v>
      </c>
      <c r="E51179" s="1" t="s">
        <v>26442</v>
      </c>
      <c r="F51179" s="1" t="s">
        <v>172996</v>
      </c>
      <c r="G51179" s="1" t="s">
        <v>172944</v>
      </c>
      <c r="H51179" s="1" t="s">
        <v>172945</v>
      </c>
      <c r="I51179" s="1" t="s">
        <v>172490</v>
      </c>
      <c r="J51179" s="1" t="s">
        <v>172997</v>
      </c>
    </row>
    <row r="51180" spans="1:10" x14ac:dyDescent="0.35">
      <c r="A51180" s="1" t="s">
        <v>10070</v>
      </c>
      <c r="B51180" s="1" t="s">
        <v>172484</v>
      </c>
      <c r="C51180" s="1" t="s">
        <v>150</v>
      </c>
      <c r="D51180" s="1" t="s">
        <v>17292</v>
      </c>
      <c r="E51180" s="1" t="s">
        <v>21841</v>
      </c>
      <c r="F51180" s="1" t="s">
        <v>172998</v>
      </c>
      <c r="G51180" s="1" t="s">
        <v>172944</v>
      </c>
      <c r="H51180" s="1" t="s">
        <v>172945</v>
      </c>
      <c r="I51180" s="1" t="s">
        <v>172490</v>
      </c>
      <c r="J51180" s="1" t="s">
        <v>172999</v>
      </c>
    </row>
    <row r="51181" spans="1:10" x14ac:dyDescent="0.35">
      <c r="A51181" s="1" t="s">
        <v>10070</v>
      </c>
      <c r="B51181" s="1" t="s">
        <v>172484</v>
      </c>
      <c r="C51181" s="1" t="s">
        <v>155</v>
      </c>
      <c r="D51181" s="1" t="s">
        <v>84746</v>
      </c>
      <c r="E51181" s="1" t="s">
        <v>22298</v>
      </c>
      <c r="F51181" s="1" t="s">
        <v>173000</v>
      </c>
      <c r="G51181" s="1" t="s">
        <v>172944</v>
      </c>
      <c r="H51181" s="1" t="s">
        <v>172945</v>
      </c>
      <c r="I51181" s="1" t="s">
        <v>172490</v>
      </c>
      <c r="J51181" s="1" t="s">
        <v>173001</v>
      </c>
    </row>
    <row r="51182" spans="1:10" x14ac:dyDescent="0.35">
      <c r="A51182" s="1" t="s">
        <v>10070</v>
      </c>
      <c r="B51182" s="1" t="s">
        <v>172484</v>
      </c>
      <c r="C51182" s="1" t="s">
        <v>160</v>
      </c>
      <c r="D51182" s="1" t="s">
        <v>173002</v>
      </c>
      <c r="E51182" s="1" t="s">
        <v>64929</v>
      </c>
      <c r="F51182" s="1" t="s">
        <v>56434</v>
      </c>
      <c r="G51182" s="1" t="s">
        <v>172944</v>
      </c>
      <c r="H51182" s="1" t="s">
        <v>172945</v>
      </c>
      <c r="I51182" s="1" t="s">
        <v>172490</v>
      </c>
      <c r="J51182" s="1" t="s">
        <v>173003</v>
      </c>
    </row>
    <row r="51183" spans="1:10" x14ac:dyDescent="0.35">
      <c r="A51183" s="1" t="s">
        <v>10070</v>
      </c>
      <c r="B51183" s="1" t="s">
        <v>172484</v>
      </c>
      <c r="C51183" s="1" t="s">
        <v>165</v>
      </c>
      <c r="D51183" s="1" t="s">
        <v>173004</v>
      </c>
      <c r="E51183" s="1" t="s">
        <v>24178</v>
      </c>
      <c r="F51183" s="1" t="s">
        <v>115218</v>
      </c>
      <c r="G51183" s="1" t="s">
        <v>172944</v>
      </c>
      <c r="H51183" s="1" t="s">
        <v>172945</v>
      </c>
      <c r="I51183" s="1" t="s">
        <v>172490</v>
      </c>
      <c r="J51183" s="1" t="s">
        <v>173005</v>
      </c>
    </row>
    <row r="51184" spans="1:10" x14ac:dyDescent="0.35">
      <c r="A51184" s="1" t="s">
        <v>10070</v>
      </c>
      <c r="B51184" s="1" t="s">
        <v>172484</v>
      </c>
      <c r="C51184" s="1" t="s">
        <v>170</v>
      </c>
      <c r="D51184" s="1" t="s">
        <v>173006</v>
      </c>
      <c r="E51184" s="1" t="s">
        <v>41148</v>
      </c>
      <c r="F51184" s="1" t="s">
        <v>173007</v>
      </c>
      <c r="G51184" s="1" t="s">
        <v>172944</v>
      </c>
      <c r="H51184" s="1" t="s">
        <v>172945</v>
      </c>
      <c r="I51184" s="1" t="s">
        <v>172490</v>
      </c>
      <c r="J51184" s="1" t="s">
        <v>173008</v>
      </c>
    </row>
    <row r="51185" spans="1:10" x14ac:dyDescent="0.35">
      <c r="A51185" s="1" t="s">
        <v>15005</v>
      </c>
      <c r="B51185" s="1" t="s">
        <v>172484</v>
      </c>
      <c r="C51185" s="1" t="s">
        <v>8</v>
      </c>
      <c r="D51185" s="1" t="s">
        <v>48239</v>
      </c>
      <c r="E51185" s="1" t="s">
        <v>173009</v>
      </c>
      <c r="F51185" s="1" t="s">
        <v>173010</v>
      </c>
      <c r="G51185" s="1" t="s">
        <v>173011</v>
      </c>
      <c r="H51185" s="1" t="s">
        <v>173012</v>
      </c>
      <c r="I51185" s="1" t="s">
        <v>172490</v>
      </c>
      <c r="J51185" s="1" t="s">
        <v>13</v>
      </c>
    </row>
    <row r="51186" spans="1:10" x14ac:dyDescent="0.35">
      <c r="A51186" s="1" t="s">
        <v>15005</v>
      </c>
      <c r="B51186" s="1" t="s">
        <v>172484</v>
      </c>
      <c r="C51186" s="1" t="s">
        <v>15</v>
      </c>
      <c r="D51186" s="1" t="s">
        <v>173013</v>
      </c>
      <c r="E51186" s="1" t="s">
        <v>173014</v>
      </c>
      <c r="F51186" s="1" t="s">
        <v>173015</v>
      </c>
      <c r="G51186" s="1" t="s">
        <v>173011</v>
      </c>
      <c r="H51186" s="1" t="s">
        <v>173012</v>
      </c>
      <c r="I51186" s="1" t="s">
        <v>172490</v>
      </c>
      <c r="J51186" s="1" t="s">
        <v>173016</v>
      </c>
    </row>
    <row r="51187" spans="1:10" x14ac:dyDescent="0.35">
      <c r="A51187" s="1" t="s">
        <v>15005</v>
      </c>
      <c r="B51187" s="1" t="s">
        <v>172484</v>
      </c>
      <c r="C51187" s="1" t="s">
        <v>20</v>
      </c>
      <c r="D51187" s="1" t="s">
        <v>169985</v>
      </c>
      <c r="E51187" s="1" t="s">
        <v>173017</v>
      </c>
      <c r="F51187" s="1" t="s">
        <v>173018</v>
      </c>
      <c r="G51187" s="1" t="s">
        <v>173011</v>
      </c>
      <c r="H51187" s="1" t="s">
        <v>173012</v>
      </c>
      <c r="I51187" s="1" t="s">
        <v>172490</v>
      </c>
      <c r="J51187" s="1" t="s">
        <v>173019</v>
      </c>
    </row>
    <row r="51188" spans="1:10" x14ac:dyDescent="0.35">
      <c r="A51188" s="1" t="s">
        <v>15005</v>
      </c>
      <c r="B51188" s="1" t="s">
        <v>172484</v>
      </c>
      <c r="C51188" s="1" t="s">
        <v>25</v>
      </c>
      <c r="D51188" s="1" t="s">
        <v>51214</v>
      </c>
      <c r="E51188" s="1" t="s">
        <v>173020</v>
      </c>
      <c r="F51188" s="1" t="s">
        <v>173021</v>
      </c>
      <c r="G51188" s="1" t="s">
        <v>173011</v>
      </c>
      <c r="H51188" s="1" t="s">
        <v>173012</v>
      </c>
      <c r="I51188" s="1" t="s">
        <v>172490</v>
      </c>
      <c r="J51188" s="1" t="s">
        <v>173022</v>
      </c>
    </row>
    <row r="51189" spans="1:10" x14ac:dyDescent="0.35">
      <c r="A51189" s="1" t="s">
        <v>15005</v>
      </c>
      <c r="B51189" s="1" t="s">
        <v>172484</v>
      </c>
      <c r="C51189" s="1" t="s">
        <v>30</v>
      </c>
      <c r="D51189" s="1" t="s">
        <v>173023</v>
      </c>
      <c r="E51189" s="1" t="s">
        <v>173024</v>
      </c>
      <c r="F51189" s="1" t="s">
        <v>173025</v>
      </c>
      <c r="G51189" s="1" t="s">
        <v>173011</v>
      </c>
      <c r="H51189" s="1" t="s">
        <v>173012</v>
      </c>
      <c r="I51189" s="1" t="s">
        <v>172490</v>
      </c>
      <c r="J51189" s="1" t="s">
        <v>173026</v>
      </c>
    </row>
    <row r="51190" spans="1:10" x14ac:dyDescent="0.35">
      <c r="A51190" s="1" t="s">
        <v>15005</v>
      </c>
      <c r="B51190" s="1" t="s">
        <v>172484</v>
      </c>
      <c r="C51190" s="1" t="s">
        <v>35</v>
      </c>
      <c r="D51190" s="1" t="s">
        <v>173027</v>
      </c>
      <c r="E51190" s="1" t="s">
        <v>173028</v>
      </c>
      <c r="F51190" s="1" t="s">
        <v>173029</v>
      </c>
      <c r="G51190" s="1" t="s">
        <v>173011</v>
      </c>
      <c r="H51190" s="1" t="s">
        <v>173012</v>
      </c>
      <c r="I51190" s="1" t="s">
        <v>172490</v>
      </c>
      <c r="J51190" s="1" t="s">
        <v>173030</v>
      </c>
    </row>
    <row r="51191" spans="1:10" x14ac:dyDescent="0.35">
      <c r="A51191" s="1" t="s">
        <v>15005</v>
      </c>
      <c r="B51191" s="1" t="s">
        <v>172484</v>
      </c>
      <c r="C51191" s="1" t="s">
        <v>40</v>
      </c>
      <c r="D51191" s="1" t="s">
        <v>3627</v>
      </c>
      <c r="E51191" s="1" t="s">
        <v>173031</v>
      </c>
      <c r="F51191" s="1" t="s">
        <v>173032</v>
      </c>
      <c r="G51191" s="1" t="s">
        <v>173011</v>
      </c>
      <c r="H51191" s="1" t="s">
        <v>173012</v>
      </c>
      <c r="I51191" s="1" t="s">
        <v>172490</v>
      </c>
      <c r="J51191" s="1" t="s">
        <v>173033</v>
      </c>
    </row>
    <row r="51192" spans="1:10" x14ac:dyDescent="0.35">
      <c r="A51192" s="1" t="s">
        <v>15005</v>
      </c>
      <c r="B51192" s="1" t="s">
        <v>172484</v>
      </c>
      <c r="C51192" s="1" t="s">
        <v>45</v>
      </c>
      <c r="D51192" s="1" t="s">
        <v>18431</v>
      </c>
      <c r="E51192" s="1" t="s">
        <v>173034</v>
      </c>
      <c r="F51192" s="1" t="s">
        <v>173035</v>
      </c>
      <c r="G51192" s="1" t="s">
        <v>173011</v>
      </c>
      <c r="H51192" s="1" t="s">
        <v>173012</v>
      </c>
      <c r="I51192" s="1" t="s">
        <v>172490</v>
      </c>
      <c r="J51192" s="1" t="s">
        <v>173036</v>
      </c>
    </row>
    <row r="51193" spans="1:10" x14ac:dyDescent="0.35">
      <c r="A51193" s="1" t="s">
        <v>15005</v>
      </c>
      <c r="B51193" s="1" t="s">
        <v>172484</v>
      </c>
      <c r="C51193" s="1" t="s">
        <v>50</v>
      </c>
      <c r="D51193" s="1" t="s">
        <v>173037</v>
      </c>
      <c r="E51193" s="1" t="s">
        <v>173038</v>
      </c>
      <c r="F51193" s="1" t="s">
        <v>173039</v>
      </c>
      <c r="G51193" s="1" t="s">
        <v>173011</v>
      </c>
      <c r="H51193" s="1" t="s">
        <v>173012</v>
      </c>
      <c r="I51193" s="1" t="s">
        <v>172490</v>
      </c>
      <c r="J51193" s="1" t="s">
        <v>173040</v>
      </c>
    </row>
    <row r="51194" spans="1:10" x14ac:dyDescent="0.35">
      <c r="A51194" s="1" t="s">
        <v>15005</v>
      </c>
      <c r="B51194" s="1" t="s">
        <v>172484</v>
      </c>
      <c r="C51194" s="1" t="s">
        <v>55</v>
      </c>
      <c r="D51194" s="1" t="s">
        <v>173041</v>
      </c>
      <c r="E51194" s="1" t="s">
        <v>173042</v>
      </c>
      <c r="F51194" s="1" t="s">
        <v>173043</v>
      </c>
      <c r="G51194" s="1" t="s">
        <v>173011</v>
      </c>
      <c r="H51194" s="1" t="s">
        <v>173012</v>
      </c>
      <c r="I51194" s="1" t="s">
        <v>172490</v>
      </c>
      <c r="J51194" s="1" t="s">
        <v>173044</v>
      </c>
    </row>
    <row r="51195" spans="1:10" x14ac:dyDescent="0.35">
      <c r="A51195" s="1" t="s">
        <v>15005</v>
      </c>
      <c r="B51195" s="1" t="s">
        <v>172484</v>
      </c>
      <c r="C51195" s="1" t="s">
        <v>60</v>
      </c>
      <c r="D51195" s="1" t="s">
        <v>173045</v>
      </c>
      <c r="E51195" s="1" t="s">
        <v>173046</v>
      </c>
      <c r="F51195" s="1" t="s">
        <v>173047</v>
      </c>
      <c r="G51195" s="1" t="s">
        <v>173011</v>
      </c>
      <c r="H51195" s="1" t="s">
        <v>173012</v>
      </c>
      <c r="I51195" s="1" t="s">
        <v>172490</v>
      </c>
      <c r="J51195" s="1" t="s">
        <v>173048</v>
      </c>
    </row>
    <row r="51196" spans="1:10" x14ac:dyDescent="0.35">
      <c r="A51196" s="1" t="s">
        <v>15005</v>
      </c>
      <c r="B51196" s="1" t="s">
        <v>172484</v>
      </c>
      <c r="C51196" s="1" t="s">
        <v>65</v>
      </c>
      <c r="D51196" s="1" t="s">
        <v>173049</v>
      </c>
      <c r="E51196" s="1" t="s">
        <v>173050</v>
      </c>
      <c r="F51196" s="1" t="s">
        <v>173051</v>
      </c>
      <c r="G51196" s="1" t="s">
        <v>173011</v>
      </c>
      <c r="H51196" s="1" t="s">
        <v>173012</v>
      </c>
      <c r="I51196" s="1" t="s">
        <v>172490</v>
      </c>
      <c r="J51196" s="1" t="s">
        <v>173052</v>
      </c>
    </row>
    <row r="51197" spans="1:10" x14ac:dyDescent="0.35">
      <c r="A51197" s="1" t="s">
        <v>15005</v>
      </c>
      <c r="B51197" s="1" t="s">
        <v>172484</v>
      </c>
      <c r="C51197" s="1" t="s">
        <v>70</v>
      </c>
      <c r="D51197" s="1" t="s">
        <v>135645</v>
      </c>
      <c r="E51197" s="1" t="s">
        <v>173053</v>
      </c>
      <c r="F51197" s="1" t="s">
        <v>173054</v>
      </c>
      <c r="G51197" s="1" t="s">
        <v>173011</v>
      </c>
      <c r="H51197" s="1" t="s">
        <v>173012</v>
      </c>
      <c r="I51197" s="1" t="s">
        <v>172490</v>
      </c>
      <c r="J51197" s="1" t="s">
        <v>173055</v>
      </c>
    </row>
    <row r="51198" spans="1:10" x14ac:dyDescent="0.35">
      <c r="A51198" s="1" t="s">
        <v>15005</v>
      </c>
      <c r="B51198" s="1" t="s">
        <v>172484</v>
      </c>
      <c r="C51198" s="1" t="s">
        <v>75</v>
      </c>
      <c r="D51198" s="1" t="s">
        <v>30261</v>
      </c>
      <c r="E51198" s="1" t="s">
        <v>173056</v>
      </c>
      <c r="F51198" s="1" t="s">
        <v>173057</v>
      </c>
      <c r="G51198" s="1" t="s">
        <v>173011</v>
      </c>
      <c r="H51198" s="1" t="s">
        <v>173012</v>
      </c>
      <c r="I51198" s="1" t="s">
        <v>172490</v>
      </c>
      <c r="J51198" s="1" t="s">
        <v>173058</v>
      </c>
    </row>
    <row r="51199" spans="1:10" x14ac:dyDescent="0.35">
      <c r="A51199" s="1" t="s">
        <v>15005</v>
      </c>
      <c r="B51199" s="1" t="s">
        <v>172484</v>
      </c>
      <c r="C51199" s="1" t="s">
        <v>80</v>
      </c>
      <c r="D51199" s="1" t="s">
        <v>173059</v>
      </c>
      <c r="E51199" s="1" t="s">
        <v>173060</v>
      </c>
      <c r="F51199" s="1" t="s">
        <v>173061</v>
      </c>
      <c r="G51199" s="1" t="s">
        <v>173011</v>
      </c>
      <c r="H51199" s="1" t="s">
        <v>173012</v>
      </c>
      <c r="I51199" s="1" t="s">
        <v>172490</v>
      </c>
      <c r="J51199" s="1" t="s">
        <v>173062</v>
      </c>
    </row>
    <row r="51200" spans="1:10" x14ac:dyDescent="0.35">
      <c r="A51200" s="1" t="s">
        <v>15005</v>
      </c>
      <c r="B51200" s="1" t="s">
        <v>172484</v>
      </c>
      <c r="C51200" s="1" t="s">
        <v>85</v>
      </c>
      <c r="D51200" s="1" t="s">
        <v>113300</v>
      </c>
      <c r="E51200" s="1" t="s">
        <v>173063</v>
      </c>
      <c r="F51200" s="1" t="s">
        <v>173064</v>
      </c>
      <c r="G51200" s="1" t="s">
        <v>173011</v>
      </c>
      <c r="H51200" s="1" t="s">
        <v>173012</v>
      </c>
      <c r="I51200" s="1" t="s">
        <v>172490</v>
      </c>
      <c r="J51200" s="1" t="s">
        <v>173065</v>
      </c>
    </row>
    <row r="51201" spans="1:10" x14ac:dyDescent="0.35">
      <c r="A51201" s="1" t="s">
        <v>15005</v>
      </c>
      <c r="B51201" s="1" t="s">
        <v>172484</v>
      </c>
      <c r="C51201" s="1" t="s">
        <v>90</v>
      </c>
      <c r="D51201" s="1" t="s">
        <v>114748</v>
      </c>
      <c r="E51201" s="1" t="s">
        <v>173066</v>
      </c>
      <c r="F51201" s="1" t="s">
        <v>173067</v>
      </c>
      <c r="G51201" s="1" t="s">
        <v>173011</v>
      </c>
      <c r="H51201" s="1" t="s">
        <v>173012</v>
      </c>
      <c r="I51201" s="1" t="s">
        <v>172490</v>
      </c>
      <c r="J51201" s="1" t="s">
        <v>173068</v>
      </c>
    </row>
    <row r="51202" spans="1:10" x14ac:dyDescent="0.35">
      <c r="A51202" s="1" t="s">
        <v>15005</v>
      </c>
      <c r="B51202" s="1" t="s">
        <v>172484</v>
      </c>
      <c r="C51202" s="1" t="s">
        <v>95</v>
      </c>
      <c r="D51202" s="1" t="s">
        <v>173069</v>
      </c>
      <c r="E51202" s="1" t="s">
        <v>173070</v>
      </c>
      <c r="F51202" s="1" t="s">
        <v>173071</v>
      </c>
      <c r="G51202" s="1" t="s">
        <v>173011</v>
      </c>
      <c r="H51202" s="1" t="s">
        <v>173012</v>
      </c>
      <c r="I51202" s="1" t="s">
        <v>172490</v>
      </c>
      <c r="J51202" s="1" t="s">
        <v>173072</v>
      </c>
    </row>
    <row r="51203" spans="1:10" x14ac:dyDescent="0.35">
      <c r="A51203" s="1" t="s">
        <v>15005</v>
      </c>
      <c r="B51203" s="1" t="s">
        <v>172484</v>
      </c>
      <c r="C51203" s="1" t="s">
        <v>100</v>
      </c>
      <c r="D51203" s="1" t="s">
        <v>114058</v>
      </c>
      <c r="E51203" s="1" t="s">
        <v>173073</v>
      </c>
      <c r="F51203" s="1" t="s">
        <v>173074</v>
      </c>
      <c r="G51203" s="1" t="s">
        <v>173011</v>
      </c>
      <c r="H51203" s="1" t="s">
        <v>173012</v>
      </c>
      <c r="I51203" s="1" t="s">
        <v>172490</v>
      </c>
      <c r="J51203" s="1" t="s">
        <v>173075</v>
      </c>
    </row>
    <row r="51204" spans="1:10" x14ac:dyDescent="0.35">
      <c r="A51204" s="1" t="s">
        <v>15005</v>
      </c>
      <c r="B51204" s="1" t="s">
        <v>172484</v>
      </c>
      <c r="C51204" s="1" t="s">
        <v>105</v>
      </c>
      <c r="D51204" s="1" t="s">
        <v>124323</v>
      </c>
      <c r="E51204" s="1" t="s">
        <v>173076</v>
      </c>
      <c r="F51204" s="1" t="s">
        <v>173077</v>
      </c>
      <c r="G51204" s="1" t="s">
        <v>173011</v>
      </c>
      <c r="H51204" s="1" t="s">
        <v>173012</v>
      </c>
      <c r="I51204" s="1" t="s">
        <v>172490</v>
      </c>
      <c r="J51204" s="1" t="s">
        <v>173078</v>
      </c>
    </row>
    <row r="51205" spans="1:10" x14ac:dyDescent="0.35">
      <c r="A51205" s="1" t="s">
        <v>15005</v>
      </c>
      <c r="B51205" s="1" t="s">
        <v>172484</v>
      </c>
      <c r="C51205" s="1" t="s">
        <v>110</v>
      </c>
      <c r="D51205" s="1" t="s">
        <v>173079</v>
      </c>
      <c r="E51205" s="1" t="s">
        <v>173080</v>
      </c>
      <c r="F51205" s="1" t="s">
        <v>173081</v>
      </c>
      <c r="G51205" s="1" t="s">
        <v>173011</v>
      </c>
      <c r="H51205" s="1" t="s">
        <v>173012</v>
      </c>
      <c r="I51205" s="1" t="s">
        <v>172490</v>
      </c>
      <c r="J51205" s="1" t="s">
        <v>173082</v>
      </c>
    </row>
    <row r="51206" spans="1:10" x14ac:dyDescent="0.35">
      <c r="A51206" s="1" t="s">
        <v>15005</v>
      </c>
      <c r="B51206" s="1" t="s">
        <v>172484</v>
      </c>
      <c r="C51206" s="1" t="s">
        <v>115</v>
      </c>
      <c r="D51206" s="1" t="s">
        <v>173083</v>
      </c>
      <c r="E51206" s="1" t="s">
        <v>173084</v>
      </c>
      <c r="F51206" s="1" t="s">
        <v>173085</v>
      </c>
      <c r="G51206" s="1" t="s">
        <v>173011</v>
      </c>
      <c r="H51206" s="1" t="s">
        <v>173012</v>
      </c>
      <c r="I51206" s="1" t="s">
        <v>172490</v>
      </c>
      <c r="J51206" s="1" t="s">
        <v>173086</v>
      </c>
    </row>
    <row r="51207" spans="1:10" x14ac:dyDescent="0.35">
      <c r="A51207" s="1" t="s">
        <v>15005</v>
      </c>
      <c r="B51207" s="1" t="s">
        <v>172484</v>
      </c>
      <c r="C51207" s="1" t="s">
        <v>120</v>
      </c>
      <c r="D51207" s="1" t="s">
        <v>173087</v>
      </c>
      <c r="E51207" s="1" t="s">
        <v>173088</v>
      </c>
      <c r="F51207" s="1" t="s">
        <v>173089</v>
      </c>
      <c r="G51207" s="1" t="s">
        <v>173011</v>
      </c>
      <c r="H51207" s="1" t="s">
        <v>173012</v>
      </c>
      <c r="I51207" s="1" t="s">
        <v>172490</v>
      </c>
      <c r="J51207" s="1" t="s">
        <v>173090</v>
      </c>
    </row>
    <row r="51208" spans="1:10" x14ac:dyDescent="0.35">
      <c r="A51208" s="1" t="s">
        <v>15005</v>
      </c>
      <c r="B51208" s="1" t="s">
        <v>172484</v>
      </c>
      <c r="C51208" s="1" t="s">
        <v>125</v>
      </c>
      <c r="D51208" s="1" t="s">
        <v>173091</v>
      </c>
      <c r="E51208" s="1" t="s">
        <v>173092</v>
      </c>
      <c r="F51208" s="1" t="s">
        <v>173093</v>
      </c>
      <c r="G51208" s="1" t="s">
        <v>173011</v>
      </c>
      <c r="H51208" s="1" t="s">
        <v>173012</v>
      </c>
      <c r="I51208" s="1" t="s">
        <v>172490</v>
      </c>
      <c r="J51208" s="1" t="s">
        <v>173094</v>
      </c>
    </row>
    <row r="51209" spans="1:10" x14ac:dyDescent="0.35">
      <c r="A51209" s="1" t="s">
        <v>15005</v>
      </c>
      <c r="B51209" s="1" t="s">
        <v>172484</v>
      </c>
      <c r="C51209" s="1" t="s">
        <v>130</v>
      </c>
      <c r="D51209" s="1" t="s">
        <v>42246</v>
      </c>
      <c r="E51209" s="1" t="s">
        <v>173095</v>
      </c>
      <c r="F51209" s="1" t="s">
        <v>173096</v>
      </c>
      <c r="G51209" s="1" t="s">
        <v>173011</v>
      </c>
      <c r="H51209" s="1" t="s">
        <v>173012</v>
      </c>
      <c r="I51209" s="1" t="s">
        <v>172490</v>
      </c>
      <c r="J51209" s="1" t="s">
        <v>173097</v>
      </c>
    </row>
    <row r="51210" spans="1:10" x14ac:dyDescent="0.35">
      <c r="A51210" s="1" t="s">
        <v>15005</v>
      </c>
      <c r="B51210" s="1" t="s">
        <v>172484</v>
      </c>
      <c r="C51210" s="1" t="s">
        <v>135</v>
      </c>
      <c r="D51210" s="1" t="s">
        <v>173098</v>
      </c>
      <c r="E51210" s="1" t="s">
        <v>173099</v>
      </c>
      <c r="F51210" s="1" t="s">
        <v>173100</v>
      </c>
      <c r="G51210" s="1" t="s">
        <v>173011</v>
      </c>
      <c r="H51210" s="1" t="s">
        <v>173012</v>
      </c>
      <c r="I51210" s="1" t="s">
        <v>172490</v>
      </c>
      <c r="J51210" s="1" t="s">
        <v>173101</v>
      </c>
    </row>
    <row r="51211" spans="1:10" x14ac:dyDescent="0.35">
      <c r="A51211" s="1" t="s">
        <v>15005</v>
      </c>
      <c r="B51211" s="1" t="s">
        <v>172484</v>
      </c>
      <c r="C51211" s="1" t="s">
        <v>140</v>
      </c>
      <c r="D51211" s="1" t="s">
        <v>33012</v>
      </c>
      <c r="E51211" s="1" t="s">
        <v>173102</v>
      </c>
      <c r="F51211" s="1" t="s">
        <v>173103</v>
      </c>
      <c r="G51211" s="1" t="s">
        <v>173011</v>
      </c>
      <c r="H51211" s="1" t="s">
        <v>173012</v>
      </c>
      <c r="I51211" s="1" t="s">
        <v>172490</v>
      </c>
      <c r="J51211" s="1" t="s">
        <v>173104</v>
      </c>
    </row>
    <row r="51212" spans="1:10" x14ac:dyDescent="0.35">
      <c r="A51212" s="1" t="s">
        <v>15005</v>
      </c>
      <c r="B51212" s="1" t="s">
        <v>172484</v>
      </c>
      <c r="C51212" s="1" t="s">
        <v>145</v>
      </c>
      <c r="D51212" s="1" t="s">
        <v>173105</v>
      </c>
      <c r="E51212" s="1" t="s">
        <v>173106</v>
      </c>
      <c r="F51212" s="1" t="s">
        <v>173107</v>
      </c>
      <c r="G51212" s="1" t="s">
        <v>173011</v>
      </c>
      <c r="H51212" s="1" t="s">
        <v>173012</v>
      </c>
      <c r="I51212" s="1" t="s">
        <v>172490</v>
      </c>
      <c r="J51212" s="1" t="s">
        <v>173108</v>
      </c>
    </row>
    <row r="51213" spans="1:10" x14ac:dyDescent="0.35">
      <c r="A51213" s="1" t="s">
        <v>15005</v>
      </c>
      <c r="B51213" s="1" t="s">
        <v>172484</v>
      </c>
      <c r="C51213" s="1" t="s">
        <v>150</v>
      </c>
      <c r="D51213" s="1" t="s">
        <v>173109</v>
      </c>
      <c r="E51213" s="1" t="s">
        <v>173110</v>
      </c>
      <c r="F51213" s="1" t="s">
        <v>173111</v>
      </c>
      <c r="G51213" s="1" t="s">
        <v>173011</v>
      </c>
      <c r="H51213" s="1" t="s">
        <v>173012</v>
      </c>
      <c r="I51213" s="1" t="s">
        <v>172490</v>
      </c>
      <c r="J51213" s="1" t="s">
        <v>173112</v>
      </c>
    </row>
    <row r="51214" spans="1:10" x14ac:dyDescent="0.35">
      <c r="A51214" s="1" t="s">
        <v>15005</v>
      </c>
      <c r="B51214" s="1" t="s">
        <v>172484</v>
      </c>
      <c r="C51214" s="1" t="s">
        <v>155</v>
      </c>
      <c r="D51214" s="1" t="s">
        <v>173113</v>
      </c>
      <c r="E51214" s="1" t="s">
        <v>173114</v>
      </c>
      <c r="F51214" s="1" t="s">
        <v>173115</v>
      </c>
      <c r="G51214" s="1" t="s">
        <v>173011</v>
      </c>
      <c r="H51214" s="1" t="s">
        <v>173012</v>
      </c>
      <c r="I51214" s="1" t="s">
        <v>172490</v>
      </c>
      <c r="J51214" s="1" t="s">
        <v>173116</v>
      </c>
    </row>
    <row r="51215" spans="1:10" x14ac:dyDescent="0.35">
      <c r="A51215" s="1" t="s">
        <v>15005</v>
      </c>
      <c r="B51215" s="1" t="s">
        <v>172484</v>
      </c>
      <c r="C51215" s="1" t="s">
        <v>160</v>
      </c>
      <c r="D51215" s="1" t="s">
        <v>173117</v>
      </c>
      <c r="E51215" s="1" t="s">
        <v>173118</v>
      </c>
      <c r="F51215" s="1" t="s">
        <v>173119</v>
      </c>
      <c r="G51215" s="1" t="s">
        <v>173011</v>
      </c>
      <c r="H51215" s="1" t="s">
        <v>173012</v>
      </c>
      <c r="I51215" s="1" t="s">
        <v>172490</v>
      </c>
      <c r="J51215" s="1" t="s">
        <v>173120</v>
      </c>
    </row>
    <row r="51216" spans="1:10" x14ac:dyDescent="0.35">
      <c r="A51216" s="1" t="s">
        <v>15005</v>
      </c>
      <c r="B51216" s="1" t="s">
        <v>172484</v>
      </c>
      <c r="C51216" s="1" t="s">
        <v>165</v>
      </c>
      <c r="D51216" s="1" t="s">
        <v>42860</v>
      </c>
      <c r="E51216" s="1" t="s">
        <v>173121</v>
      </c>
      <c r="F51216" s="1" t="s">
        <v>173122</v>
      </c>
      <c r="G51216" s="1" t="s">
        <v>173011</v>
      </c>
      <c r="H51216" s="1" t="s">
        <v>173012</v>
      </c>
      <c r="I51216" s="1" t="s">
        <v>172490</v>
      </c>
      <c r="J51216" s="1" t="s">
        <v>173123</v>
      </c>
    </row>
    <row r="51217" spans="1:10" x14ac:dyDescent="0.35">
      <c r="A51217" s="1" t="s">
        <v>15005</v>
      </c>
      <c r="B51217" s="1" t="s">
        <v>172484</v>
      </c>
      <c r="C51217" s="1" t="s">
        <v>170</v>
      </c>
      <c r="D51217" s="1" t="s">
        <v>173124</v>
      </c>
      <c r="E51217" s="1" t="s">
        <v>173125</v>
      </c>
      <c r="F51217" s="1" t="s">
        <v>173126</v>
      </c>
      <c r="G51217" s="1" t="s">
        <v>173011</v>
      </c>
      <c r="H51217" s="1" t="s">
        <v>173012</v>
      </c>
      <c r="I51217" s="1" t="s">
        <v>172490</v>
      </c>
      <c r="J51217" s="1" t="s">
        <v>173127</v>
      </c>
    </row>
    <row r="51218" spans="1:10" x14ac:dyDescent="0.35">
      <c r="A51218" s="1" t="s">
        <v>10080</v>
      </c>
      <c r="B51218" s="1" t="s">
        <v>172484</v>
      </c>
      <c r="C51218" s="1" t="s">
        <v>8</v>
      </c>
      <c r="D51218" s="1" t="s">
        <v>173128</v>
      </c>
      <c r="E51218" s="1" t="s">
        <v>173129</v>
      </c>
      <c r="F51218" s="1" t="s">
        <v>173130</v>
      </c>
      <c r="G51218" s="1" t="s">
        <v>173131</v>
      </c>
      <c r="H51218" s="1" t="s">
        <v>173132</v>
      </c>
      <c r="I51218" s="1" t="s">
        <v>172490</v>
      </c>
      <c r="J51218" s="1" t="s">
        <v>13</v>
      </c>
    </row>
    <row r="51219" spans="1:10" x14ac:dyDescent="0.35">
      <c r="A51219" s="1" t="s">
        <v>10080</v>
      </c>
      <c r="B51219" s="1" t="s">
        <v>172484</v>
      </c>
      <c r="C51219" s="1" t="s">
        <v>15</v>
      </c>
      <c r="D51219" s="1" t="s">
        <v>83087</v>
      </c>
      <c r="E51219" s="1" t="s">
        <v>173133</v>
      </c>
      <c r="F51219" s="1" t="s">
        <v>173134</v>
      </c>
      <c r="G51219" s="1" t="s">
        <v>173131</v>
      </c>
      <c r="H51219" s="1" t="s">
        <v>173132</v>
      </c>
      <c r="I51219" s="1" t="s">
        <v>172490</v>
      </c>
      <c r="J51219" s="1" t="s">
        <v>173135</v>
      </c>
    </row>
    <row r="51220" spans="1:10" x14ac:dyDescent="0.35">
      <c r="A51220" s="1" t="s">
        <v>10080</v>
      </c>
      <c r="B51220" s="1" t="s">
        <v>172484</v>
      </c>
      <c r="C51220" s="1" t="s">
        <v>20</v>
      </c>
      <c r="D51220" s="1" t="s">
        <v>15922</v>
      </c>
      <c r="E51220" s="1" t="s">
        <v>173136</v>
      </c>
      <c r="F51220" s="1" t="s">
        <v>173137</v>
      </c>
      <c r="G51220" s="1" t="s">
        <v>173131</v>
      </c>
      <c r="H51220" s="1" t="s">
        <v>173132</v>
      </c>
      <c r="I51220" s="1" t="s">
        <v>172490</v>
      </c>
      <c r="J51220" s="1" t="s">
        <v>173138</v>
      </c>
    </row>
    <row r="51221" spans="1:10" x14ac:dyDescent="0.35">
      <c r="A51221" s="1" t="s">
        <v>10080</v>
      </c>
      <c r="B51221" s="1" t="s">
        <v>172484</v>
      </c>
      <c r="C51221" s="1" t="s">
        <v>25</v>
      </c>
      <c r="D51221" s="1" t="s">
        <v>35643</v>
      </c>
      <c r="E51221" s="1" t="s">
        <v>173139</v>
      </c>
      <c r="F51221" s="1" t="s">
        <v>173140</v>
      </c>
      <c r="G51221" s="1" t="s">
        <v>173131</v>
      </c>
      <c r="H51221" s="1" t="s">
        <v>173132</v>
      </c>
      <c r="I51221" s="1" t="s">
        <v>172490</v>
      </c>
      <c r="J51221" s="1" t="s">
        <v>173141</v>
      </c>
    </row>
    <row r="51222" spans="1:10" x14ac:dyDescent="0.35">
      <c r="A51222" s="1" t="s">
        <v>10080</v>
      </c>
      <c r="B51222" s="1" t="s">
        <v>172484</v>
      </c>
      <c r="C51222" s="1" t="s">
        <v>30</v>
      </c>
      <c r="D51222" s="1" t="s">
        <v>46</v>
      </c>
      <c r="E51222" s="1" t="s">
        <v>173142</v>
      </c>
      <c r="F51222" s="1" t="s">
        <v>173143</v>
      </c>
      <c r="G51222" s="1" t="s">
        <v>173131</v>
      </c>
      <c r="H51222" s="1" t="s">
        <v>173132</v>
      </c>
      <c r="I51222" s="1" t="s">
        <v>172490</v>
      </c>
      <c r="J51222" s="1" t="s">
        <v>173144</v>
      </c>
    </row>
    <row r="51223" spans="1:10" x14ac:dyDescent="0.35">
      <c r="A51223" s="1" t="s">
        <v>10080</v>
      </c>
      <c r="B51223" s="1" t="s">
        <v>172484</v>
      </c>
      <c r="C51223" s="1" t="s">
        <v>35</v>
      </c>
      <c r="D51223" s="1" t="s">
        <v>7167</v>
      </c>
      <c r="E51223" s="1" t="s">
        <v>173145</v>
      </c>
      <c r="F51223" s="1" t="s">
        <v>173146</v>
      </c>
      <c r="G51223" s="1" t="s">
        <v>173131</v>
      </c>
      <c r="H51223" s="1" t="s">
        <v>173132</v>
      </c>
      <c r="I51223" s="1" t="s">
        <v>172490</v>
      </c>
      <c r="J51223" s="1" t="s">
        <v>173147</v>
      </c>
    </row>
    <row r="51224" spans="1:10" x14ac:dyDescent="0.35">
      <c r="A51224" s="1" t="s">
        <v>10080</v>
      </c>
      <c r="B51224" s="1" t="s">
        <v>172484</v>
      </c>
      <c r="C51224" s="1" t="s">
        <v>40</v>
      </c>
      <c r="D51224" s="1" t="s">
        <v>173148</v>
      </c>
      <c r="E51224" s="1" t="s">
        <v>173149</v>
      </c>
      <c r="F51224" s="1" t="s">
        <v>173150</v>
      </c>
      <c r="G51224" s="1" t="s">
        <v>173131</v>
      </c>
      <c r="H51224" s="1" t="s">
        <v>173132</v>
      </c>
      <c r="I51224" s="1" t="s">
        <v>172490</v>
      </c>
      <c r="J51224" s="1" t="s">
        <v>173151</v>
      </c>
    </row>
    <row r="51225" spans="1:10" x14ac:dyDescent="0.35">
      <c r="A51225" s="1" t="s">
        <v>10080</v>
      </c>
      <c r="B51225" s="1" t="s">
        <v>172484</v>
      </c>
      <c r="C51225" s="1" t="s">
        <v>45</v>
      </c>
      <c r="D51225" s="1" t="s">
        <v>173152</v>
      </c>
      <c r="E51225" s="1" t="s">
        <v>173153</v>
      </c>
      <c r="F51225" s="1" t="s">
        <v>173154</v>
      </c>
      <c r="G51225" s="1" t="s">
        <v>173131</v>
      </c>
      <c r="H51225" s="1" t="s">
        <v>173132</v>
      </c>
      <c r="I51225" s="1" t="s">
        <v>172490</v>
      </c>
      <c r="J51225" s="1" t="s">
        <v>173155</v>
      </c>
    </row>
    <row r="51226" spans="1:10" x14ac:dyDescent="0.35">
      <c r="A51226" s="1" t="s">
        <v>10080</v>
      </c>
      <c r="B51226" s="1" t="s">
        <v>172484</v>
      </c>
      <c r="C51226" s="1" t="s">
        <v>50</v>
      </c>
      <c r="D51226" s="1" t="s">
        <v>45088</v>
      </c>
      <c r="E51226" s="1" t="s">
        <v>173156</v>
      </c>
      <c r="F51226" s="1" t="s">
        <v>173157</v>
      </c>
      <c r="G51226" s="1" t="s">
        <v>173131</v>
      </c>
      <c r="H51226" s="1" t="s">
        <v>173132</v>
      </c>
      <c r="I51226" s="1" t="s">
        <v>172490</v>
      </c>
      <c r="J51226" s="1" t="s">
        <v>173158</v>
      </c>
    </row>
    <row r="51227" spans="1:10" x14ac:dyDescent="0.35">
      <c r="A51227" s="1" t="s">
        <v>10080</v>
      </c>
      <c r="B51227" s="1" t="s">
        <v>172484</v>
      </c>
      <c r="C51227" s="1" t="s">
        <v>55</v>
      </c>
      <c r="D51227" s="1" t="s">
        <v>82346</v>
      </c>
      <c r="E51227" s="1" t="s">
        <v>173159</v>
      </c>
      <c r="F51227" s="1" t="s">
        <v>173160</v>
      </c>
      <c r="G51227" s="1" t="s">
        <v>173131</v>
      </c>
      <c r="H51227" s="1" t="s">
        <v>173132</v>
      </c>
      <c r="I51227" s="1" t="s">
        <v>172490</v>
      </c>
      <c r="J51227" s="1" t="s">
        <v>173161</v>
      </c>
    </row>
    <row r="51228" spans="1:10" x14ac:dyDescent="0.35">
      <c r="A51228" s="1" t="s">
        <v>10080</v>
      </c>
      <c r="B51228" s="1" t="s">
        <v>172484</v>
      </c>
      <c r="C51228" s="1" t="s">
        <v>60</v>
      </c>
      <c r="D51228" s="1" t="s">
        <v>173162</v>
      </c>
      <c r="E51228" s="1" t="s">
        <v>173163</v>
      </c>
      <c r="F51228" s="1" t="s">
        <v>173164</v>
      </c>
      <c r="G51228" s="1" t="s">
        <v>173131</v>
      </c>
      <c r="H51228" s="1" t="s">
        <v>173132</v>
      </c>
      <c r="I51228" s="1" t="s">
        <v>172490</v>
      </c>
      <c r="J51228" s="1" t="s">
        <v>173165</v>
      </c>
    </row>
    <row r="51229" spans="1:10" x14ac:dyDescent="0.35">
      <c r="A51229" s="1" t="s">
        <v>10080</v>
      </c>
      <c r="B51229" s="1" t="s">
        <v>172484</v>
      </c>
      <c r="C51229" s="1" t="s">
        <v>65</v>
      </c>
      <c r="D51229" s="1" t="s">
        <v>111340</v>
      </c>
      <c r="E51229" s="1" t="s">
        <v>173166</v>
      </c>
      <c r="F51229" s="1" t="s">
        <v>173167</v>
      </c>
      <c r="G51229" s="1" t="s">
        <v>173131</v>
      </c>
      <c r="H51229" s="1" t="s">
        <v>173132</v>
      </c>
      <c r="I51229" s="1" t="s">
        <v>172490</v>
      </c>
      <c r="J51229" s="1" t="s">
        <v>173168</v>
      </c>
    </row>
    <row r="51230" spans="1:10" x14ac:dyDescent="0.35">
      <c r="A51230" s="1" t="s">
        <v>10080</v>
      </c>
      <c r="B51230" s="1" t="s">
        <v>172484</v>
      </c>
      <c r="C51230" s="1" t="s">
        <v>70</v>
      </c>
      <c r="D51230" s="1" t="s">
        <v>173169</v>
      </c>
      <c r="E51230" s="1" t="s">
        <v>173170</v>
      </c>
      <c r="F51230" s="1" t="s">
        <v>173171</v>
      </c>
      <c r="G51230" s="1" t="s">
        <v>173131</v>
      </c>
      <c r="H51230" s="1" t="s">
        <v>173132</v>
      </c>
      <c r="I51230" s="1" t="s">
        <v>172490</v>
      </c>
      <c r="J51230" s="1" t="s">
        <v>173172</v>
      </c>
    </row>
    <row r="51231" spans="1:10" x14ac:dyDescent="0.35">
      <c r="A51231" s="1" t="s">
        <v>10080</v>
      </c>
      <c r="B51231" s="1" t="s">
        <v>172484</v>
      </c>
      <c r="C51231" s="1" t="s">
        <v>75</v>
      </c>
      <c r="D51231" s="1" t="s">
        <v>170401</v>
      </c>
      <c r="E51231" s="1" t="s">
        <v>173173</v>
      </c>
      <c r="F51231" s="1" t="s">
        <v>173174</v>
      </c>
      <c r="G51231" s="1" t="s">
        <v>173131</v>
      </c>
      <c r="H51231" s="1" t="s">
        <v>173132</v>
      </c>
      <c r="I51231" s="1" t="s">
        <v>172490</v>
      </c>
      <c r="J51231" s="1" t="s">
        <v>173175</v>
      </c>
    </row>
    <row r="51232" spans="1:10" x14ac:dyDescent="0.35">
      <c r="A51232" s="1" t="s">
        <v>10080</v>
      </c>
      <c r="B51232" s="1" t="s">
        <v>172484</v>
      </c>
      <c r="C51232" s="1" t="s">
        <v>80</v>
      </c>
      <c r="D51232" s="1" t="s">
        <v>37146</v>
      </c>
      <c r="E51232" s="1" t="s">
        <v>173176</v>
      </c>
      <c r="F51232" s="1" t="s">
        <v>173177</v>
      </c>
      <c r="G51232" s="1" t="s">
        <v>173131</v>
      </c>
      <c r="H51232" s="1" t="s">
        <v>173132</v>
      </c>
      <c r="I51232" s="1" t="s">
        <v>172490</v>
      </c>
      <c r="J51232" s="1" t="s">
        <v>173178</v>
      </c>
    </row>
    <row r="51233" spans="1:10" x14ac:dyDescent="0.35">
      <c r="A51233" s="1" t="s">
        <v>10080</v>
      </c>
      <c r="B51233" s="1" t="s">
        <v>172484</v>
      </c>
      <c r="C51233" s="1" t="s">
        <v>85</v>
      </c>
      <c r="D51233" s="1" t="s">
        <v>160519</v>
      </c>
      <c r="E51233" s="1" t="s">
        <v>173179</v>
      </c>
      <c r="F51233" s="1" t="s">
        <v>173180</v>
      </c>
      <c r="G51233" s="1" t="s">
        <v>173131</v>
      </c>
      <c r="H51233" s="1" t="s">
        <v>173132</v>
      </c>
      <c r="I51233" s="1" t="s">
        <v>172490</v>
      </c>
      <c r="J51233" s="1" t="s">
        <v>173181</v>
      </c>
    </row>
    <row r="51234" spans="1:10" x14ac:dyDescent="0.35">
      <c r="A51234" s="1" t="s">
        <v>10080</v>
      </c>
      <c r="B51234" s="1" t="s">
        <v>172484</v>
      </c>
      <c r="C51234" s="1" t="s">
        <v>90</v>
      </c>
      <c r="D51234" s="1" t="s">
        <v>173182</v>
      </c>
      <c r="E51234" s="1" t="s">
        <v>173183</v>
      </c>
      <c r="F51234" s="1" t="s">
        <v>173184</v>
      </c>
      <c r="G51234" s="1" t="s">
        <v>173131</v>
      </c>
      <c r="H51234" s="1" t="s">
        <v>173132</v>
      </c>
      <c r="I51234" s="1" t="s">
        <v>172490</v>
      </c>
      <c r="J51234" s="1" t="s">
        <v>173185</v>
      </c>
    </row>
    <row r="51235" spans="1:10" x14ac:dyDescent="0.35">
      <c r="A51235" s="1" t="s">
        <v>10080</v>
      </c>
      <c r="B51235" s="1" t="s">
        <v>172484</v>
      </c>
      <c r="C51235" s="1" t="s">
        <v>95</v>
      </c>
      <c r="D51235" s="1" t="s">
        <v>173186</v>
      </c>
      <c r="E51235" s="1" t="s">
        <v>173187</v>
      </c>
      <c r="F51235" s="1" t="s">
        <v>173188</v>
      </c>
      <c r="G51235" s="1" t="s">
        <v>173131</v>
      </c>
      <c r="H51235" s="1" t="s">
        <v>173132</v>
      </c>
      <c r="I51235" s="1" t="s">
        <v>172490</v>
      </c>
      <c r="J51235" s="1" t="s">
        <v>173189</v>
      </c>
    </row>
    <row r="51236" spans="1:10" x14ac:dyDescent="0.35">
      <c r="A51236" s="1" t="s">
        <v>10080</v>
      </c>
      <c r="B51236" s="1" t="s">
        <v>172484</v>
      </c>
      <c r="C51236" s="1" t="s">
        <v>100</v>
      </c>
      <c r="D51236" s="1" t="s">
        <v>173190</v>
      </c>
      <c r="E51236" s="1" t="s">
        <v>173191</v>
      </c>
      <c r="F51236" s="1" t="s">
        <v>173192</v>
      </c>
      <c r="G51236" s="1" t="s">
        <v>173131</v>
      </c>
      <c r="H51236" s="1" t="s">
        <v>173132</v>
      </c>
      <c r="I51236" s="1" t="s">
        <v>172490</v>
      </c>
      <c r="J51236" s="1" t="s">
        <v>173193</v>
      </c>
    </row>
    <row r="51237" spans="1:10" x14ac:dyDescent="0.35">
      <c r="A51237" s="1" t="s">
        <v>10080</v>
      </c>
      <c r="B51237" s="1" t="s">
        <v>172484</v>
      </c>
      <c r="C51237" s="1" t="s">
        <v>105</v>
      </c>
      <c r="D51237" s="1" t="s">
        <v>173194</v>
      </c>
      <c r="E51237" s="1" t="s">
        <v>173195</v>
      </c>
      <c r="F51237" s="1" t="s">
        <v>173196</v>
      </c>
      <c r="G51237" s="1" t="s">
        <v>173131</v>
      </c>
      <c r="H51237" s="1" t="s">
        <v>173132</v>
      </c>
      <c r="I51237" s="1" t="s">
        <v>172490</v>
      </c>
      <c r="J51237" s="1" t="s">
        <v>173197</v>
      </c>
    </row>
    <row r="51238" spans="1:10" x14ac:dyDescent="0.35">
      <c r="A51238" s="1" t="s">
        <v>10080</v>
      </c>
      <c r="B51238" s="1" t="s">
        <v>172484</v>
      </c>
      <c r="C51238" s="1" t="s">
        <v>110</v>
      </c>
      <c r="D51238" s="1" t="s">
        <v>173198</v>
      </c>
      <c r="E51238" s="1" t="s">
        <v>173199</v>
      </c>
      <c r="F51238" s="1" t="s">
        <v>173200</v>
      </c>
      <c r="G51238" s="1" t="s">
        <v>173131</v>
      </c>
      <c r="H51238" s="1" t="s">
        <v>173132</v>
      </c>
      <c r="I51238" s="1" t="s">
        <v>172490</v>
      </c>
      <c r="J51238" s="1" t="s">
        <v>145674</v>
      </c>
    </row>
    <row r="51239" spans="1:10" x14ac:dyDescent="0.35">
      <c r="A51239" s="1" t="s">
        <v>10080</v>
      </c>
      <c r="B51239" s="1" t="s">
        <v>172484</v>
      </c>
      <c r="C51239" s="1" t="s">
        <v>115</v>
      </c>
      <c r="D51239" s="1" t="s">
        <v>38658</v>
      </c>
      <c r="E51239" s="1" t="s">
        <v>173201</v>
      </c>
      <c r="F51239" s="1" t="s">
        <v>173202</v>
      </c>
      <c r="G51239" s="1" t="s">
        <v>173131</v>
      </c>
      <c r="H51239" s="1" t="s">
        <v>173132</v>
      </c>
      <c r="I51239" s="1" t="s">
        <v>172490</v>
      </c>
      <c r="J51239" s="1" t="s">
        <v>173203</v>
      </c>
    </row>
    <row r="51240" spans="1:10" x14ac:dyDescent="0.35">
      <c r="A51240" s="1" t="s">
        <v>10080</v>
      </c>
      <c r="B51240" s="1" t="s">
        <v>172484</v>
      </c>
      <c r="C51240" s="1" t="s">
        <v>120</v>
      </c>
      <c r="D51240" s="1" t="s">
        <v>173204</v>
      </c>
      <c r="E51240" s="1" t="s">
        <v>173205</v>
      </c>
      <c r="F51240" s="1" t="s">
        <v>173206</v>
      </c>
      <c r="G51240" s="1" t="s">
        <v>173131</v>
      </c>
      <c r="H51240" s="1" t="s">
        <v>173132</v>
      </c>
      <c r="I51240" s="1" t="s">
        <v>172490</v>
      </c>
      <c r="J51240" s="1" t="s">
        <v>173207</v>
      </c>
    </row>
    <row r="51241" spans="1:10" x14ac:dyDescent="0.35">
      <c r="A51241" s="1" t="s">
        <v>10080</v>
      </c>
      <c r="B51241" s="1" t="s">
        <v>172484</v>
      </c>
      <c r="C51241" s="1" t="s">
        <v>125</v>
      </c>
      <c r="D51241" s="1" t="s">
        <v>173208</v>
      </c>
      <c r="E51241" s="1" t="s">
        <v>173209</v>
      </c>
      <c r="F51241" s="1" t="s">
        <v>173210</v>
      </c>
      <c r="G51241" s="1" t="s">
        <v>173131</v>
      </c>
      <c r="H51241" s="1" t="s">
        <v>173132</v>
      </c>
      <c r="I51241" s="1" t="s">
        <v>172490</v>
      </c>
      <c r="J51241" s="1" t="s">
        <v>173211</v>
      </c>
    </row>
    <row r="51242" spans="1:10" x14ac:dyDescent="0.35">
      <c r="A51242" s="1" t="s">
        <v>10080</v>
      </c>
      <c r="B51242" s="1" t="s">
        <v>172484</v>
      </c>
      <c r="C51242" s="1" t="s">
        <v>130</v>
      </c>
      <c r="D51242" s="1" t="s">
        <v>173212</v>
      </c>
      <c r="E51242" s="1" t="s">
        <v>173213</v>
      </c>
      <c r="F51242" s="1" t="s">
        <v>173214</v>
      </c>
      <c r="G51242" s="1" t="s">
        <v>173131</v>
      </c>
      <c r="H51242" s="1" t="s">
        <v>173132</v>
      </c>
      <c r="I51242" s="1" t="s">
        <v>172490</v>
      </c>
      <c r="J51242" s="1" t="s">
        <v>173215</v>
      </c>
    </row>
    <row r="51243" spans="1:10" x14ac:dyDescent="0.35">
      <c r="A51243" s="1" t="s">
        <v>10080</v>
      </c>
      <c r="B51243" s="1" t="s">
        <v>172484</v>
      </c>
      <c r="C51243" s="1" t="s">
        <v>135</v>
      </c>
      <c r="D51243" s="1" t="s">
        <v>30431</v>
      </c>
      <c r="E51243" s="1" t="s">
        <v>173216</v>
      </c>
      <c r="F51243" s="1" t="s">
        <v>173217</v>
      </c>
      <c r="G51243" s="1" t="s">
        <v>173131</v>
      </c>
      <c r="H51243" s="1" t="s">
        <v>173132</v>
      </c>
      <c r="I51243" s="1" t="s">
        <v>172490</v>
      </c>
      <c r="J51243" s="1" t="s">
        <v>173218</v>
      </c>
    </row>
    <row r="51244" spans="1:10" x14ac:dyDescent="0.35">
      <c r="A51244" s="1" t="s">
        <v>10080</v>
      </c>
      <c r="B51244" s="1" t="s">
        <v>172484</v>
      </c>
      <c r="C51244" s="1" t="s">
        <v>140</v>
      </c>
      <c r="D51244" s="1" t="s">
        <v>173219</v>
      </c>
      <c r="E51244" s="1" t="s">
        <v>173220</v>
      </c>
      <c r="F51244" s="1" t="s">
        <v>173221</v>
      </c>
      <c r="G51244" s="1" t="s">
        <v>173131</v>
      </c>
      <c r="H51244" s="1" t="s">
        <v>173132</v>
      </c>
      <c r="I51244" s="1" t="s">
        <v>172490</v>
      </c>
      <c r="J51244" s="1" t="s">
        <v>173222</v>
      </c>
    </row>
    <row r="51245" spans="1:10" x14ac:dyDescent="0.35">
      <c r="A51245" s="1" t="s">
        <v>10080</v>
      </c>
      <c r="B51245" s="1" t="s">
        <v>172484</v>
      </c>
      <c r="C51245" s="1" t="s">
        <v>145</v>
      </c>
      <c r="D51245" s="1" t="s">
        <v>173223</v>
      </c>
      <c r="E51245" s="1" t="s">
        <v>173224</v>
      </c>
      <c r="F51245" s="1" t="s">
        <v>173225</v>
      </c>
      <c r="G51245" s="1" t="s">
        <v>173131</v>
      </c>
      <c r="H51245" s="1" t="s">
        <v>173132</v>
      </c>
      <c r="I51245" s="1" t="s">
        <v>172490</v>
      </c>
      <c r="J51245" s="1" t="s">
        <v>173226</v>
      </c>
    </row>
    <row r="51246" spans="1:10" x14ac:dyDescent="0.35">
      <c r="A51246" s="1" t="s">
        <v>10080</v>
      </c>
      <c r="B51246" s="1" t="s">
        <v>172484</v>
      </c>
      <c r="C51246" s="1" t="s">
        <v>150</v>
      </c>
      <c r="D51246" s="1" t="s">
        <v>173227</v>
      </c>
      <c r="E51246" s="1" t="s">
        <v>173228</v>
      </c>
      <c r="F51246" s="1" t="s">
        <v>173229</v>
      </c>
      <c r="G51246" s="1" t="s">
        <v>173131</v>
      </c>
      <c r="H51246" s="1" t="s">
        <v>173132</v>
      </c>
      <c r="I51246" s="1" t="s">
        <v>172490</v>
      </c>
      <c r="J51246" s="1" t="s">
        <v>173230</v>
      </c>
    </row>
    <row r="51247" spans="1:10" x14ac:dyDescent="0.35">
      <c r="A51247" s="1" t="s">
        <v>10080</v>
      </c>
      <c r="B51247" s="1" t="s">
        <v>172484</v>
      </c>
      <c r="C51247" s="1" t="s">
        <v>155</v>
      </c>
      <c r="D51247" s="1" t="s">
        <v>173231</v>
      </c>
      <c r="E51247" s="1" t="s">
        <v>173232</v>
      </c>
      <c r="F51247" s="1" t="s">
        <v>173233</v>
      </c>
      <c r="G51247" s="1" t="s">
        <v>173131</v>
      </c>
      <c r="H51247" s="1" t="s">
        <v>173132</v>
      </c>
      <c r="I51247" s="1" t="s">
        <v>172490</v>
      </c>
      <c r="J51247" s="1" t="s">
        <v>173234</v>
      </c>
    </row>
    <row r="51248" spans="1:10" x14ac:dyDescent="0.35">
      <c r="A51248" s="1" t="s">
        <v>10080</v>
      </c>
      <c r="B51248" s="1" t="s">
        <v>172484</v>
      </c>
      <c r="C51248" s="1" t="s">
        <v>160</v>
      </c>
      <c r="D51248" s="1" t="s">
        <v>80373</v>
      </c>
      <c r="E51248" s="1" t="s">
        <v>173235</v>
      </c>
      <c r="F51248" s="1" t="s">
        <v>173236</v>
      </c>
      <c r="G51248" s="1" t="s">
        <v>173131</v>
      </c>
      <c r="H51248" s="1" t="s">
        <v>173132</v>
      </c>
      <c r="I51248" s="1" t="s">
        <v>172490</v>
      </c>
      <c r="J51248" s="1" t="s">
        <v>173237</v>
      </c>
    </row>
    <row r="51249" spans="1:10" x14ac:dyDescent="0.35">
      <c r="A51249" s="1" t="s">
        <v>10080</v>
      </c>
      <c r="B51249" s="1" t="s">
        <v>172484</v>
      </c>
      <c r="C51249" s="1" t="s">
        <v>165</v>
      </c>
      <c r="D51249" s="1" t="s">
        <v>97305</v>
      </c>
      <c r="E51249" s="1" t="s">
        <v>173238</v>
      </c>
      <c r="F51249" s="1" t="s">
        <v>173239</v>
      </c>
      <c r="G51249" s="1" t="s">
        <v>173131</v>
      </c>
      <c r="H51249" s="1" t="s">
        <v>173132</v>
      </c>
      <c r="I51249" s="1" t="s">
        <v>172490</v>
      </c>
      <c r="J51249" s="1" t="s">
        <v>173240</v>
      </c>
    </row>
    <row r="51250" spans="1:10" x14ac:dyDescent="0.35">
      <c r="A51250" s="1" t="s">
        <v>10080</v>
      </c>
      <c r="B51250" s="1" t="s">
        <v>172484</v>
      </c>
      <c r="C51250" s="1" t="s">
        <v>170</v>
      </c>
      <c r="D51250" s="1" t="s">
        <v>65709</v>
      </c>
      <c r="E51250" s="1" t="s">
        <v>173241</v>
      </c>
      <c r="F51250" s="1" t="s">
        <v>173242</v>
      </c>
      <c r="G51250" s="1" t="s">
        <v>173131</v>
      </c>
      <c r="H51250" s="1" t="s">
        <v>173132</v>
      </c>
      <c r="I51250" s="1" t="s">
        <v>172490</v>
      </c>
      <c r="J51250" s="1" t="s">
        <v>173243</v>
      </c>
    </row>
    <row r="51251" spans="1:10" x14ac:dyDescent="0.35">
      <c r="A51251" s="1" t="s">
        <v>27345</v>
      </c>
      <c r="B51251" s="1" t="s">
        <v>172484</v>
      </c>
      <c r="C51251" s="1" t="s">
        <v>8</v>
      </c>
      <c r="D51251" s="1" t="s">
        <v>45423</v>
      </c>
      <c r="E51251" s="1" t="s">
        <v>173244</v>
      </c>
      <c r="F51251" s="1" t="s">
        <v>173245</v>
      </c>
      <c r="G51251" s="1" t="s">
        <v>173246</v>
      </c>
      <c r="H51251" s="1" t="s">
        <v>173247</v>
      </c>
      <c r="I51251" s="1" t="s">
        <v>172490</v>
      </c>
      <c r="J51251" s="1" t="s">
        <v>13</v>
      </c>
    </row>
    <row r="51252" spans="1:10" x14ac:dyDescent="0.35">
      <c r="A51252" s="1" t="s">
        <v>27345</v>
      </c>
      <c r="B51252" s="1" t="s">
        <v>172484</v>
      </c>
      <c r="C51252" s="1" t="s">
        <v>15</v>
      </c>
      <c r="D51252" s="1" t="s">
        <v>173248</v>
      </c>
      <c r="E51252" s="1" t="s">
        <v>173249</v>
      </c>
      <c r="F51252" s="1" t="s">
        <v>173250</v>
      </c>
      <c r="G51252" s="1" t="s">
        <v>173246</v>
      </c>
      <c r="H51252" s="1" t="s">
        <v>173247</v>
      </c>
      <c r="I51252" s="1" t="s">
        <v>172490</v>
      </c>
      <c r="J51252" s="1" t="s">
        <v>173251</v>
      </c>
    </row>
    <row r="51253" spans="1:10" x14ac:dyDescent="0.35">
      <c r="A51253" s="1" t="s">
        <v>27345</v>
      </c>
      <c r="B51253" s="1" t="s">
        <v>172484</v>
      </c>
      <c r="C51253" s="1" t="s">
        <v>20</v>
      </c>
      <c r="D51253" s="1" t="s">
        <v>173252</v>
      </c>
      <c r="E51253" s="1" t="s">
        <v>173253</v>
      </c>
      <c r="F51253" s="1" t="s">
        <v>173254</v>
      </c>
      <c r="G51253" s="1" t="s">
        <v>173246</v>
      </c>
      <c r="H51253" s="1" t="s">
        <v>173247</v>
      </c>
      <c r="I51253" s="1" t="s">
        <v>172490</v>
      </c>
      <c r="J51253" s="1" t="s">
        <v>173255</v>
      </c>
    </row>
    <row r="51254" spans="1:10" x14ac:dyDescent="0.35">
      <c r="A51254" s="1" t="s">
        <v>27345</v>
      </c>
      <c r="B51254" s="1" t="s">
        <v>172484</v>
      </c>
      <c r="C51254" s="1" t="s">
        <v>25</v>
      </c>
      <c r="D51254" s="1" t="s">
        <v>124106</v>
      </c>
      <c r="E51254" s="1" t="s">
        <v>173256</v>
      </c>
      <c r="F51254" s="1" t="s">
        <v>173257</v>
      </c>
      <c r="G51254" s="1" t="s">
        <v>173246</v>
      </c>
      <c r="H51254" s="1" t="s">
        <v>173247</v>
      </c>
      <c r="I51254" s="1" t="s">
        <v>172490</v>
      </c>
      <c r="J51254" s="1" t="s">
        <v>173258</v>
      </c>
    </row>
    <row r="51255" spans="1:10" x14ac:dyDescent="0.35">
      <c r="A51255" s="1" t="s">
        <v>27345</v>
      </c>
      <c r="B51255" s="1" t="s">
        <v>172484</v>
      </c>
      <c r="C51255" s="1" t="s">
        <v>30</v>
      </c>
      <c r="D51255" s="1" t="s">
        <v>173259</v>
      </c>
      <c r="E51255" s="1" t="s">
        <v>173260</v>
      </c>
      <c r="F51255" s="1" t="s">
        <v>173261</v>
      </c>
      <c r="G51255" s="1" t="s">
        <v>173246</v>
      </c>
      <c r="H51255" s="1" t="s">
        <v>173247</v>
      </c>
      <c r="I51255" s="1" t="s">
        <v>172490</v>
      </c>
      <c r="J51255" s="1" t="s">
        <v>173262</v>
      </c>
    </row>
    <row r="51256" spans="1:10" x14ac:dyDescent="0.35">
      <c r="A51256" s="1" t="s">
        <v>27345</v>
      </c>
      <c r="B51256" s="1" t="s">
        <v>172484</v>
      </c>
      <c r="C51256" s="1" t="s">
        <v>35</v>
      </c>
      <c r="D51256" s="1" t="s">
        <v>16065</v>
      </c>
      <c r="E51256" s="1" t="s">
        <v>173263</v>
      </c>
      <c r="F51256" s="1" t="s">
        <v>173264</v>
      </c>
      <c r="G51256" s="1" t="s">
        <v>173246</v>
      </c>
      <c r="H51256" s="1" t="s">
        <v>173247</v>
      </c>
      <c r="I51256" s="1" t="s">
        <v>172490</v>
      </c>
      <c r="J51256" s="1" t="s">
        <v>173265</v>
      </c>
    </row>
    <row r="51257" spans="1:10" x14ac:dyDescent="0.35">
      <c r="A51257" s="1" t="s">
        <v>27345</v>
      </c>
      <c r="B51257" s="1" t="s">
        <v>172484</v>
      </c>
      <c r="C51257" s="1" t="s">
        <v>40</v>
      </c>
      <c r="D51257" s="1" t="s">
        <v>30676</v>
      </c>
      <c r="E51257" s="1" t="s">
        <v>173266</v>
      </c>
      <c r="F51257" s="1" t="s">
        <v>173267</v>
      </c>
      <c r="G51257" s="1" t="s">
        <v>173246</v>
      </c>
      <c r="H51257" s="1" t="s">
        <v>173247</v>
      </c>
      <c r="I51257" s="1" t="s">
        <v>172490</v>
      </c>
      <c r="J51257" s="1" t="s">
        <v>173268</v>
      </c>
    </row>
    <row r="51258" spans="1:10" x14ac:dyDescent="0.35">
      <c r="A51258" s="1" t="s">
        <v>27345</v>
      </c>
      <c r="B51258" s="1" t="s">
        <v>172484</v>
      </c>
      <c r="C51258" s="1" t="s">
        <v>45</v>
      </c>
      <c r="D51258" s="1" t="s">
        <v>31775</v>
      </c>
      <c r="E51258" s="1" t="s">
        <v>173269</v>
      </c>
      <c r="F51258" s="1" t="s">
        <v>173270</v>
      </c>
      <c r="G51258" s="1" t="s">
        <v>173246</v>
      </c>
      <c r="H51258" s="1" t="s">
        <v>173247</v>
      </c>
      <c r="I51258" s="1" t="s">
        <v>172490</v>
      </c>
      <c r="J51258" s="1" t="s">
        <v>173271</v>
      </c>
    </row>
    <row r="51259" spans="1:10" x14ac:dyDescent="0.35">
      <c r="A51259" s="1" t="s">
        <v>27345</v>
      </c>
      <c r="B51259" s="1" t="s">
        <v>172484</v>
      </c>
      <c r="C51259" s="1" t="s">
        <v>50</v>
      </c>
      <c r="D51259" s="1" t="s">
        <v>173272</v>
      </c>
      <c r="E51259" s="1" t="s">
        <v>173273</v>
      </c>
      <c r="F51259" s="1" t="s">
        <v>173274</v>
      </c>
      <c r="G51259" s="1" t="s">
        <v>173246</v>
      </c>
      <c r="H51259" s="1" t="s">
        <v>173247</v>
      </c>
      <c r="I51259" s="1" t="s">
        <v>172490</v>
      </c>
      <c r="J51259" s="1" t="s">
        <v>173275</v>
      </c>
    </row>
    <row r="51260" spans="1:10" x14ac:dyDescent="0.35">
      <c r="A51260" s="1" t="s">
        <v>27345</v>
      </c>
      <c r="B51260" s="1" t="s">
        <v>172484</v>
      </c>
      <c r="C51260" s="1" t="s">
        <v>55</v>
      </c>
      <c r="D51260" s="1" t="s">
        <v>173276</v>
      </c>
      <c r="E51260" s="1" t="s">
        <v>173277</v>
      </c>
      <c r="F51260" s="1" t="s">
        <v>173278</v>
      </c>
      <c r="G51260" s="1" t="s">
        <v>173246</v>
      </c>
      <c r="H51260" s="1" t="s">
        <v>173247</v>
      </c>
      <c r="I51260" s="1" t="s">
        <v>172490</v>
      </c>
      <c r="J51260" s="1" t="s">
        <v>173279</v>
      </c>
    </row>
    <row r="51261" spans="1:10" x14ac:dyDescent="0.35">
      <c r="A51261" s="1" t="s">
        <v>27345</v>
      </c>
      <c r="B51261" s="1" t="s">
        <v>172484</v>
      </c>
      <c r="C51261" s="1" t="s">
        <v>60</v>
      </c>
      <c r="D51261" s="1" t="s">
        <v>173280</v>
      </c>
      <c r="E51261" s="1" t="s">
        <v>173281</v>
      </c>
      <c r="F51261" s="1" t="s">
        <v>173282</v>
      </c>
      <c r="G51261" s="1" t="s">
        <v>173246</v>
      </c>
      <c r="H51261" s="1" t="s">
        <v>173247</v>
      </c>
      <c r="I51261" s="1" t="s">
        <v>172490</v>
      </c>
      <c r="J51261" s="1" t="s">
        <v>173283</v>
      </c>
    </row>
    <row r="51262" spans="1:10" x14ac:dyDescent="0.35">
      <c r="A51262" s="1" t="s">
        <v>27345</v>
      </c>
      <c r="B51262" s="1" t="s">
        <v>172484</v>
      </c>
      <c r="C51262" s="1" t="s">
        <v>65</v>
      </c>
      <c r="D51262" s="1" t="s">
        <v>173284</v>
      </c>
      <c r="E51262" s="1" t="s">
        <v>173285</v>
      </c>
      <c r="F51262" s="1" t="s">
        <v>173286</v>
      </c>
      <c r="G51262" s="1" t="s">
        <v>173246</v>
      </c>
      <c r="H51262" s="1" t="s">
        <v>173247</v>
      </c>
      <c r="I51262" s="1" t="s">
        <v>172490</v>
      </c>
      <c r="J51262" s="1" t="s">
        <v>173287</v>
      </c>
    </row>
    <row r="51263" spans="1:10" x14ac:dyDescent="0.35">
      <c r="A51263" s="1" t="s">
        <v>27345</v>
      </c>
      <c r="B51263" s="1" t="s">
        <v>172484</v>
      </c>
      <c r="C51263" s="1" t="s">
        <v>70</v>
      </c>
      <c r="D51263" s="1" t="s">
        <v>173288</v>
      </c>
      <c r="E51263" s="1" t="s">
        <v>173289</v>
      </c>
      <c r="F51263" s="1" t="s">
        <v>173290</v>
      </c>
      <c r="G51263" s="1" t="s">
        <v>173246</v>
      </c>
      <c r="H51263" s="1" t="s">
        <v>173247</v>
      </c>
      <c r="I51263" s="1" t="s">
        <v>172490</v>
      </c>
      <c r="J51263" s="1" t="s">
        <v>173291</v>
      </c>
    </row>
    <row r="51264" spans="1:10" x14ac:dyDescent="0.35">
      <c r="A51264" s="1" t="s">
        <v>27345</v>
      </c>
      <c r="B51264" s="1" t="s">
        <v>172484</v>
      </c>
      <c r="C51264" s="1" t="s">
        <v>75</v>
      </c>
      <c r="D51264" s="1" t="s">
        <v>173292</v>
      </c>
      <c r="E51264" s="1" t="s">
        <v>173293</v>
      </c>
      <c r="F51264" s="1" t="s">
        <v>173294</v>
      </c>
      <c r="G51264" s="1" t="s">
        <v>173246</v>
      </c>
      <c r="H51264" s="1" t="s">
        <v>173247</v>
      </c>
      <c r="I51264" s="1" t="s">
        <v>172490</v>
      </c>
      <c r="J51264" s="1" t="s">
        <v>173295</v>
      </c>
    </row>
    <row r="51265" spans="1:10" x14ac:dyDescent="0.35">
      <c r="A51265" s="1" t="s">
        <v>27345</v>
      </c>
      <c r="B51265" s="1" t="s">
        <v>172484</v>
      </c>
      <c r="C51265" s="1" t="s">
        <v>80</v>
      </c>
      <c r="D51265" s="1" t="s">
        <v>10674</v>
      </c>
      <c r="E51265" s="1" t="s">
        <v>173296</v>
      </c>
      <c r="F51265" s="1" t="s">
        <v>173297</v>
      </c>
      <c r="G51265" s="1" t="s">
        <v>173246</v>
      </c>
      <c r="H51265" s="1" t="s">
        <v>173247</v>
      </c>
      <c r="I51265" s="1" t="s">
        <v>172490</v>
      </c>
      <c r="J51265" s="1" t="s">
        <v>173298</v>
      </c>
    </row>
    <row r="51266" spans="1:10" x14ac:dyDescent="0.35">
      <c r="A51266" s="1" t="s">
        <v>27345</v>
      </c>
      <c r="B51266" s="1" t="s">
        <v>172484</v>
      </c>
      <c r="C51266" s="1" t="s">
        <v>85</v>
      </c>
      <c r="D51266" s="1" t="s">
        <v>17675</v>
      </c>
      <c r="E51266" s="1" t="s">
        <v>173299</v>
      </c>
      <c r="F51266" s="1" t="s">
        <v>173300</v>
      </c>
      <c r="G51266" s="1" t="s">
        <v>173246</v>
      </c>
      <c r="H51266" s="1" t="s">
        <v>173247</v>
      </c>
      <c r="I51266" s="1" t="s">
        <v>172490</v>
      </c>
      <c r="J51266" s="1" t="s">
        <v>173301</v>
      </c>
    </row>
    <row r="51267" spans="1:10" x14ac:dyDescent="0.35">
      <c r="A51267" s="1" t="s">
        <v>27345</v>
      </c>
      <c r="B51267" s="1" t="s">
        <v>172484</v>
      </c>
      <c r="C51267" s="1" t="s">
        <v>90</v>
      </c>
      <c r="D51267" s="1" t="s">
        <v>173302</v>
      </c>
      <c r="E51267" s="1" t="s">
        <v>173303</v>
      </c>
      <c r="F51267" s="1" t="s">
        <v>173304</v>
      </c>
      <c r="G51267" s="1" t="s">
        <v>173246</v>
      </c>
      <c r="H51267" s="1" t="s">
        <v>173247</v>
      </c>
      <c r="I51267" s="1" t="s">
        <v>172490</v>
      </c>
      <c r="J51267" s="1" t="s">
        <v>173305</v>
      </c>
    </row>
    <row r="51268" spans="1:10" x14ac:dyDescent="0.35">
      <c r="A51268" s="1" t="s">
        <v>27345</v>
      </c>
      <c r="B51268" s="1" t="s">
        <v>172484</v>
      </c>
      <c r="C51268" s="1" t="s">
        <v>95</v>
      </c>
      <c r="D51268" s="1" t="s">
        <v>9094</v>
      </c>
      <c r="E51268" s="1" t="s">
        <v>173306</v>
      </c>
      <c r="F51268" s="1" t="s">
        <v>173307</v>
      </c>
      <c r="G51268" s="1" t="s">
        <v>173246</v>
      </c>
      <c r="H51268" s="1" t="s">
        <v>173247</v>
      </c>
      <c r="I51268" s="1" t="s">
        <v>172490</v>
      </c>
      <c r="J51268" s="1" t="s">
        <v>173308</v>
      </c>
    </row>
    <row r="51269" spans="1:10" x14ac:dyDescent="0.35">
      <c r="A51269" s="1" t="s">
        <v>27345</v>
      </c>
      <c r="B51269" s="1" t="s">
        <v>172484</v>
      </c>
      <c r="C51269" s="1" t="s">
        <v>100</v>
      </c>
      <c r="D51269" s="1" t="s">
        <v>38506</v>
      </c>
      <c r="E51269" s="1" t="s">
        <v>173309</v>
      </c>
      <c r="F51269" s="1" t="s">
        <v>173310</v>
      </c>
      <c r="G51269" s="1" t="s">
        <v>173246</v>
      </c>
      <c r="H51269" s="1" t="s">
        <v>173247</v>
      </c>
      <c r="I51269" s="1" t="s">
        <v>172490</v>
      </c>
      <c r="J51269" s="1" t="s">
        <v>173311</v>
      </c>
    </row>
    <row r="51270" spans="1:10" x14ac:dyDescent="0.35">
      <c r="A51270" s="1" t="s">
        <v>27345</v>
      </c>
      <c r="B51270" s="1" t="s">
        <v>172484</v>
      </c>
      <c r="C51270" s="1" t="s">
        <v>105</v>
      </c>
      <c r="D51270" s="1" t="s">
        <v>36880</v>
      </c>
      <c r="E51270" s="1" t="s">
        <v>173312</v>
      </c>
      <c r="F51270" s="1" t="s">
        <v>173313</v>
      </c>
      <c r="G51270" s="1" t="s">
        <v>173246</v>
      </c>
      <c r="H51270" s="1" t="s">
        <v>173247</v>
      </c>
      <c r="I51270" s="1" t="s">
        <v>172490</v>
      </c>
      <c r="J51270" s="1" t="s">
        <v>173314</v>
      </c>
    </row>
    <row r="51271" spans="1:10" x14ac:dyDescent="0.35">
      <c r="A51271" s="1" t="s">
        <v>27345</v>
      </c>
      <c r="B51271" s="1" t="s">
        <v>172484</v>
      </c>
      <c r="C51271" s="1" t="s">
        <v>110</v>
      </c>
      <c r="D51271" s="1" t="s">
        <v>173315</v>
      </c>
      <c r="E51271" s="1" t="s">
        <v>173316</v>
      </c>
      <c r="F51271" s="1" t="s">
        <v>173317</v>
      </c>
      <c r="G51271" s="1" t="s">
        <v>173246</v>
      </c>
      <c r="H51271" s="1" t="s">
        <v>173247</v>
      </c>
      <c r="I51271" s="1" t="s">
        <v>172490</v>
      </c>
      <c r="J51271" s="1" t="s">
        <v>173318</v>
      </c>
    </row>
    <row r="51272" spans="1:10" x14ac:dyDescent="0.35">
      <c r="A51272" s="1" t="s">
        <v>27345</v>
      </c>
      <c r="B51272" s="1" t="s">
        <v>172484</v>
      </c>
      <c r="C51272" s="1" t="s">
        <v>115</v>
      </c>
      <c r="D51272" s="1" t="s">
        <v>11660</v>
      </c>
      <c r="E51272" s="1" t="s">
        <v>173319</v>
      </c>
      <c r="F51272" s="1" t="s">
        <v>173320</v>
      </c>
      <c r="G51272" s="1" t="s">
        <v>173246</v>
      </c>
      <c r="H51272" s="1" t="s">
        <v>173247</v>
      </c>
      <c r="I51272" s="1" t="s">
        <v>172490</v>
      </c>
      <c r="J51272" s="1" t="s">
        <v>173321</v>
      </c>
    </row>
    <row r="51273" spans="1:10" x14ac:dyDescent="0.35">
      <c r="A51273" s="1" t="s">
        <v>27345</v>
      </c>
      <c r="B51273" s="1" t="s">
        <v>172484</v>
      </c>
      <c r="C51273" s="1" t="s">
        <v>120</v>
      </c>
      <c r="D51273" s="1" t="s">
        <v>173322</v>
      </c>
      <c r="E51273" s="1" t="s">
        <v>173323</v>
      </c>
      <c r="F51273" s="1" t="s">
        <v>173324</v>
      </c>
      <c r="G51273" s="1" t="s">
        <v>173246</v>
      </c>
      <c r="H51273" s="1" t="s">
        <v>173247</v>
      </c>
      <c r="I51273" s="1" t="s">
        <v>172490</v>
      </c>
      <c r="J51273" s="1" t="s">
        <v>173325</v>
      </c>
    </row>
    <row r="51274" spans="1:10" x14ac:dyDescent="0.35">
      <c r="A51274" s="1" t="s">
        <v>27345</v>
      </c>
      <c r="B51274" s="1" t="s">
        <v>172484</v>
      </c>
      <c r="C51274" s="1" t="s">
        <v>125</v>
      </c>
      <c r="D51274" s="1" t="s">
        <v>173326</v>
      </c>
      <c r="E51274" s="1" t="s">
        <v>173327</v>
      </c>
      <c r="F51274" s="1" t="s">
        <v>173328</v>
      </c>
      <c r="G51274" s="1" t="s">
        <v>173246</v>
      </c>
      <c r="H51274" s="1" t="s">
        <v>173247</v>
      </c>
      <c r="I51274" s="1" t="s">
        <v>172490</v>
      </c>
      <c r="J51274" s="1" t="s">
        <v>173329</v>
      </c>
    </row>
    <row r="51275" spans="1:10" x14ac:dyDescent="0.35">
      <c r="A51275" s="1" t="s">
        <v>27345</v>
      </c>
      <c r="B51275" s="1" t="s">
        <v>172484</v>
      </c>
      <c r="C51275" s="1" t="s">
        <v>130</v>
      </c>
      <c r="D51275" s="1" t="s">
        <v>9125</v>
      </c>
      <c r="E51275" s="1" t="s">
        <v>173330</v>
      </c>
      <c r="F51275" s="1" t="s">
        <v>173331</v>
      </c>
      <c r="G51275" s="1" t="s">
        <v>173246</v>
      </c>
      <c r="H51275" s="1" t="s">
        <v>173247</v>
      </c>
      <c r="I51275" s="1" t="s">
        <v>172490</v>
      </c>
      <c r="J51275" s="1" t="s">
        <v>173332</v>
      </c>
    </row>
    <row r="51276" spans="1:10" x14ac:dyDescent="0.35">
      <c r="A51276" s="1" t="s">
        <v>27345</v>
      </c>
      <c r="B51276" s="1" t="s">
        <v>172484</v>
      </c>
      <c r="C51276" s="1" t="s">
        <v>135</v>
      </c>
      <c r="D51276" s="1" t="s">
        <v>160716</v>
      </c>
      <c r="E51276" s="1" t="s">
        <v>173333</v>
      </c>
      <c r="F51276" s="1" t="s">
        <v>173334</v>
      </c>
      <c r="G51276" s="1" t="s">
        <v>173246</v>
      </c>
      <c r="H51276" s="1" t="s">
        <v>173247</v>
      </c>
      <c r="I51276" s="1" t="s">
        <v>172490</v>
      </c>
      <c r="J51276" s="1" t="s">
        <v>173335</v>
      </c>
    </row>
    <row r="51277" spans="1:10" x14ac:dyDescent="0.35">
      <c r="A51277" s="1" t="s">
        <v>27345</v>
      </c>
      <c r="B51277" s="1" t="s">
        <v>172484</v>
      </c>
      <c r="C51277" s="1" t="s">
        <v>140</v>
      </c>
      <c r="D51277" s="1" t="s">
        <v>173336</v>
      </c>
      <c r="E51277" s="1" t="s">
        <v>173337</v>
      </c>
      <c r="F51277" s="1" t="s">
        <v>173338</v>
      </c>
      <c r="G51277" s="1" t="s">
        <v>173246</v>
      </c>
      <c r="H51277" s="1" t="s">
        <v>173247</v>
      </c>
      <c r="I51277" s="1" t="s">
        <v>172490</v>
      </c>
      <c r="J51277" s="1" t="s">
        <v>173339</v>
      </c>
    </row>
    <row r="51278" spans="1:10" x14ac:dyDescent="0.35">
      <c r="A51278" s="1" t="s">
        <v>27345</v>
      </c>
      <c r="B51278" s="1" t="s">
        <v>172484</v>
      </c>
      <c r="C51278" s="1" t="s">
        <v>145</v>
      </c>
      <c r="D51278" s="1" t="s">
        <v>97290</v>
      </c>
      <c r="E51278" s="1" t="s">
        <v>173340</v>
      </c>
      <c r="F51278" s="1" t="s">
        <v>173341</v>
      </c>
      <c r="G51278" s="1" t="s">
        <v>173246</v>
      </c>
      <c r="H51278" s="1" t="s">
        <v>173247</v>
      </c>
      <c r="I51278" s="1" t="s">
        <v>172490</v>
      </c>
      <c r="J51278" s="1" t="s">
        <v>173342</v>
      </c>
    </row>
    <row r="51279" spans="1:10" x14ac:dyDescent="0.35">
      <c r="A51279" s="1" t="s">
        <v>27345</v>
      </c>
      <c r="B51279" s="1" t="s">
        <v>172484</v>
      </c>
      <c r="C51279" s="1" t="s">
        <v>150</v>
      </c>
      <c r="D51279" s="1" t="s">
        <v>13427</v>
      </c>
      <c r="E51279" s="1" t="s">
        <v>173343</v>
      </c>
      <c r="F51279" s="1" t="s">
        <v>173344</v>
      </c>
      <c r="G51279" s="1" t="s">
        <v>173246</v>
      </c>
      <c r="H51279" s="1" t="s">
        <v>173247</v>
      </c>
      <c r="I51279" s="1" t="s">
        <v>172490</v>
      </c>
      <c r="J51279" s="1" t="s">
        <v>173345</v>
      </c>
    </row>
    <row r="51280" spans="1:10" x14ac:dyDescent="0.35">
      <c r="A51280" s="1" t="s">
        <v>27345</v>
      </c>
      <c r="B51280" s="1" t="s">
        <v>172484</v>
      </c>
      <c r="C51280" s="1" t="s">
        <v>155</v>
      </c>
      <c r="D51280" s="1" t="s">
        <v>80123</v>
      </c>
      <c r="E51280" s="1" t="s">
        <v>173346</v>
      </c>
      <c r="F51280" s="1" t="s">
        <v>173347</v>
      </c>
      <c r="G51280" s="1" t="s">
        <v>173246</v>
      </c>
      <c r="H51280" s="1" t="s">
        <v>173247</v>
      </c>
      <c r="I51280" s="1" t="s">
        <v>172490</v>
      </c>
      <c r="J51280" s="1" t="s">
        <v>173348</v>
      </c>
    </row>
    <row r="51281" spans="1:10" x14ac:dyDescent="0.35">
      <c r="A51281" s="1" t="s">
        <v>27345</v>
      </c>
      <c r="B51281" s="1" t="s">
        <v>172484</v>
      </c>
      <c r="C51281" s="1" t="s">
        <v>160</v>
      </c>
      <c r="D51281" s="1" t="s">
        <v>102507</v>
      </c>
      <c r="E51281" s="1" t="s">
        <v>173349</v>
      </c>
      <c r="F51281" s="1" t="s">
        <v>173350</v>
      </c>
      <c r="G51281" s="1" t="s">
        <v>173246</v>
      </c>
      <c r="H51281" s="1" t="s">
        <v>173247</v>
      </c>
      <c r="I51281" s="1" t="s">
        <v>172490</v>
      </c>
      <c r="J51281" s="1" t="s">
        <v>173351</v>
      </c>
    </row>
    <row r="51282" spans="1:10" x14ac:dyDescent="0.35">
      <c r="A51282" s="1" t="s">
        <v>27345</v>
      </c>
      <c r="B51282" s="1" t="s">
        <v>172484</v>
      </c>
      <c r="C51282" s="1" t="s">
        <v>165</v>
      </c>
      <c r="D51282" s="1" t="s">
        <v>139499</v>
      </c>
      <c r="E51282" s="1" t="s">
        <v>173352</v>
      </c>
      <c r="F51282" s="1" t="s">
        <v>173353</v>
      </c>
      <c r="G51282" s="1" t="s">
        <v>173246</v>
      </c>
      <c r="H51282" s="1" t="s">
        <v>173247</v>
      </c>
      <c r="I51282" s="1" t="s">
        <v>172490</v>
      </c>
      <c r="J51282" s="1" t="s">
        <v>173354</v>
      </c>
    </row>
    <row r="51283" spans="1:10" x14ac:dyDescent="0.35">
      <c r="A51283" s="1" t="s">
        <v>27345</v>
      </c>
      <c r="B51283" s="1" t="s">
        <v>172484</v>
      </c>
      <c r="C51283" s="1" t="s">
        <v>170</v>
      </c>
      <c r="D51283" s="1" t="s">
        <v>98634</v>
      </c>
      <c r="E51283" s="1" t="s">
        <v>173355</v>
      </c>
      <c r="F51283" s="1" t="s">
        <v>173356</v>
      </c>
      <c r="G51283" s="1" t="s">
        <v>173246</v>
      </c>
      <c r="H51283" s="1" t="s">
        <v>173247</v>
      </c>
      <c r="I51283" s="1" t="s">
        <v>172490</v>
      </c>
      <c r="J51283" s="1" t="s">
        <v>173357</v>
      </c>
    </row>
    <row r="51284" spans="1:10" x14ac:dyDescent="0.35">
      <c r="A51284" s="1" t="s">
        <v>5693</v>
      </c>
      <c r="B51284" s="1" t="s">
        <v>172484</v>
      </c>
      <c r="C51284" s="1" t="s">
        <v>8</v>
      </c>
      <c r="D51284" s="1" t="s">
        <v>118662</v>
      </c>
      <c r="E51284" s="1" t="s">
        <v>55907</v>
      </c>
      <c r="F51284" s="1" t="s">
        <v>68711</v>
      </c>
      <c r="G51284" s="1" t="s">
        <v>173358</v>
      </c>
      <c r="H51284" s="1" t="s">
        <v>173359</v>
      </c>
      <c r="I51284" s="1" t="s">
        <v>172490</v>
      </c>
      <c r="J51284" s="1" t="s">
        <v>13</v>
      </c>
    </row>
    <row r="51285" spans="1:10" x14ac:dyDescent="0.35">
      <c r="A51285" s="1" t="s">
        <v>5693</v>
      </c>
      <c r="B51285" s="1" t="s">
        <v>172484</v>
      </c>
      <c r="C51285" s="1" t="s">
        <v>15</v>
      </c>
      <c r="D51285" s="1" t="s">
        <v>126548</v>
      </c>
      <c r="E51285" s="1" t="s">
        <v>55074</v>
      </c>
      <c r="F51285" s="1" t="s">
        <v>173360</v>
      </c>
      <c r="G51285" s="1" t="s">
        <v>173358</v>
      </c>
      <c r="H51285" s="1" t="s">
        <v>173359</v>
      </c>
      <c r="I51285" s="1" t="s">
        <v>172490</v>
      </c>
      <c r="J51285" s="1" t="s">
        <v>173361</v>
      </c>
    </row>
    <row r="51286" spans="1:10" x14ac:dyDescent="0.35">
      <c r="A51286" s="1" t="s">
        <v>5693</v>
      </c>
      <c r="B51286" s="1" t="s">
        <v>172484</v>
      </c>
      <c r="C51286" s="1" t="s">
        <v>20</v>
      </c>
      <c r="D51286" s="1" t="s">
        <v>173041</v>
      </c>
      <c r="E51286" s="1" t="s">
        <v>21170</v>
      </c>
      <c r="F51286" s="1" t="s">
        <v>63792</v>
      </c>
      <c r="G51286" s="1" t="s">
        <v>173358</v>
      </c>
      <c r="H51286" s="1" t="s">
        <v>173359</v>
      </c>
      <c r="I51286" s="1" t="s">
        <v>172490</v>
      </c>
      <c r="J51286" s="1" t="s">
        <v>173362</v>
      </c>
    </row>
    <row r="51287" spans="1:10" x14ac:dyDescent="0.35">
      <c r="A51287" s="1" t="s">
        <v>5693</v>
      </c>
      <c r="B51287" s="1" t="s">
        <v>172484</v>
      </c>
      <c r="C51287" s="1" t="s">
        <v>25</v>
      </c>
      <c r="D51287" s="1" t="s">
        <v>123301</v>
      </c>
      <c r="E51287" s="1" t="s">
        <v>41418</v>
      </c>
      <c r="F51287" s="1" t="s">
        <v>173363</v>
      </c>
      <c r="G51287" s="1" t="s">
        <v>173358</v>
      </c>
      <c r="H51287" s="1" t="s">
        <v>173359</v>
      </c>
      <c r="I51287" s="1" t="s">
        <v>172490</v>
      </c>
      <c r="J51287" s="1" t="s">
        <v>173364</v>
      </c>
    </row>
    <row r="51288" spans="1:10" x14ac:dyDescent="0.35">
      <c r="A51288" s="1" t="s">
        <v>5693</v>
      </c>
      <c r="B51288" s="1" t="s">
        <v>172484</v>
      </c>
      <c r="C51288" s="1" t="s">
        <v>30</v>
      </c>
      <c r="D51288" s="1" t="s">
        <v>173365</v>
      </c>
      <c r="E51288" s="1" t="s">
        <v>58221</v>
      </c>
      <c r="F51288" s="1" t="s">
        <v>82151</v>
      </c>
      <c r="G51288" s="1" t="s">
        <v>173358</v>
      </c>
      <c r="H51288" s="1" t="s">
        <v>173359</v>
      </c>
      <c r="I51288" s="1" t="s">
        <v>172490</v>
      </c>
      <c r="J51288" s="1" t="s">
        <v>173366</v>
      </c>
    </row>
    <row r="51289" spans="1:10" x14ac:dyDescent="0.35">
      <c r="A51289" s="1" t="s">
        <v>5693</v>
      </c>
      <c r="B51289" s="1" t="s">
        <v>172484</v>
      </c>
      <c r="C51289" s="1" t="s">
        <v>35</v>
      </c>
      <c r="D51289" s="1" t="s">
        <v>74723</v>
      </c>
      <c r="E51289" s="1" t="s">
        <v>23072</v>
      </c>
      <c r="F51289" s="1" t="s">
        <v>173367</v>
      </c>
      <c r="G51289" s="1" t="s">
        <v>173358</v>
      </c>
      <c r="H51289" s="1" t="s">
        <v>173359</v>
      </c>
      <c r="I51289" s="1" t="s">
        <v>172490</v>
      </c>
      <c r="J51289" s="1" t="s">
        <v>173368</v>
      </c>
    </row>
    <row r="51290" spans="1:10" x14ac:dyDescent="0.35">
      <c r="A51290" s="1" t="s">
        <v>5693</v>
      </c>
      <c r="B51290" s="1" t="s">
        <v>172484</v>
      </c>
      <c r="C51290" s="1" t="s">
        <v>40</v>
      </c>
      <c r="D51290" s="1" t="s">
        <v>17451</v>
      </c>
      <c r="E51290" s="1" t="s">
        <v>24689</v>
      </c>
      <c r="F51290" s="1" t="s">
        <v>173369</v>
      </c>
      <c r="G51290" s="1" t="s">
        <v>173358</v>
      </c>
      <c r="H51290" s="1" t="s">
        <v>173359</v>
      </c>
      <c r="I51290" s="1" t="s">
        <v>172490</v>
      </c>
      <c r="J51290" s="1" t="s">
        <v>173370</v>
      </c>
    </row>
    <row r="51291" spans="1:10" x14ac:dyDescent="0.35">
      <c r="A51291" s="1" t="s">
        <v>5693</v>
      </c>
      <c r="B51291" s="1" t="s">
        <v>172484</v>
      </c>
      <c r="C51291" s="1" t="s">
        <v>45</v>
      </c>
      <c r="D51291" s="1" t="s">
        <v>173371</v>
      </c>
      <c r="E51291" s="1" t="s">
        <v>59861</v>
      </c>
      <c r="F51291" s="1" t="s">
        <v>173372</v>
      </c>
      <c r="G51291" s="1" t="s">
        <v>173358</v>
      </c>
      <c r="H51291" s="1" t="s">
        <v>173359</v>
      </c>
      <c r="I51291" s="1" t="s">
        <v>172490</v>
      </c>
      <c r="J51291" s="1" t="s">
        <v>173373</v>
      </c>
    </row>
    <row r="51292" spans="1:10" x14ac:dyDescent="0.35">
      <c r="A51292" s="1" t="s">
        <v>5693</v>
      </c>
      <c r="B51292" s="1" t="s">
        <v>172484</v>
      </c>
      <c r="C51292" s="1" t="s">
        <v>50</v>
      </c>
      <c r="D51292" s="1" t="s">
        <v>173374</v>
      </c>
      <c r="E51292" s="1" t="s">
        <v>61409</v>
      </c>
      <c r="F51292" s="1" t="s">
        <v>173375</v>
      </c>
      <c r="G51292" s="1" t="s">
        <v>173358</v>
      </c>
      <c r="H51292" s="1" t="s">
        <v>173359</v>
      </c>
      <c r="I51292" s="1" t="s">
        <v>172490</v>
      </c>
      <c r="J51292" s="1" t="s">
        <v>173376</v>
      </c>
    </row>
    <row r="51293" spans="1:10" x14ac:dyDescent="0.35">
      <c r="A51293" s="1" t="s">
        <v>5693</v>
      </c>
      <c r="B51293" s="1" t="s">
        <v>172484</v>
      </c>
      <c r="C51293" s="1" t="s">
        <v>55</v>
      </c>
      <c r="D51293" s="1" t="s">
        <v>13641</v>
      </c>
      <c r="E51293" s="1" t="s">
        <v>22040</v>
      </c>
      <c r="F51293" s="1" t="s">
        <v>58380</v>
      </c>
      <c r="G51293" s="1" t="s">
        <v>173358</v>
      </c>
      <c r="H51293" s="1" t="s">
        <v>173359</v>
      </c>
      <c r="I51293" s="1" t="s">
        <v>172490</v>
      </c>
      <c r="J51293" s="1" t="s">
        <v>173377</v>
      </c>
    </row>
    <row r="51294" spans="1:10" x14ac:dyDescent="0.35">
      <c r="A51294" s="1" t="s">
        <v>5693</v>
      </c>
      <c r="B51294" s="1" t="s">
        <v>172484</v>
      </c>
      <c r="C51294" s="1" t="s">
        <v>60</v>
      </c>
      <c r="D51294" s="1" t="s">
        <v>142284</v>
      </c>
      <c r="E51294" s="1" t="s">
        <v>60418</v>
      </c>
      <c r="F51294" s="1" t="s">
        <v>19971</v>
      </c>
      <c r="G51294" s="1" t="s">
        <v>173358</v>
      </c>
      <c r="H51294" s="1" t="s">
        <v>173359</v>
      </c>
      <c r="I51294" s="1" t="s">
        <v>172490</v>
      </c>
      <c r="J51294" s="1" t="s">
        <v>173378</v>
      </c>
    </row>
    <row r="51295" spans="1:10" x14ac:dyDescent="0.35">
      <c r="A51295" s="1" t="s">
        <v>5693</v>
      </c>
      <c r="B51295" s="1" t="s">
        <v>172484</v>
      </c>
      <c r="C51295" s="1" t="s">
        <v>65</v>
      </c>
      <c r="D51295" s="1" t="s">
        <v>37234</v>
      </c>
      <c r="E51295" s="1" t="s">
        <v>58164</v>
      </c>
      <c r="F51295" s="1" t="s">
        <v>173379</v>
      </c>
      <c r="G51295" s="1" t="s">
        <v>173358</v>
      </c>
      <c r="H51295" s="1" t="s">
        <v>173359</v>
      </c>
      <c r="I51295" s="1" t="s">
        <v>172490</v>
      </c>
      <c r="J51295" s="1" t="s">
        <v>173380</v>
      </c>
    </row>
    <row r="51296" spans="1:10" x14ac:dyDescent="0.35">
      <c r="A51296" s="1" t="s">
        <v>5693</v>
      </c>
      <c r="B51296" s="1" t="s">
        <v>172484</v>
      </c>
      <c r="C51296" s="1" t="s">
        <v>70</v>
      </c>
      <c r="D51296" s="1" t="s">
        <v>173381</v>
      </c>
      <c r="E51296" s="1" t="s">
        <v>55907</v>
      </c>
      <c r="F51296" s="1" t="s">
        <v>63680</v>
      </c>
      <c r="G51296" s="1" t="s">
        <v>173358</v>
      </c>
      <c r="H51296" s="1" t="s">
        <v>173359</v>
      </c>
      <c r="I51296" s="1" t="s">
        <v>172490</v>
      </c>
      <c r="J51296" s="1" t="s">
        <v>173382</v>
      </c>
    </row>
    <row r="51297" spans="1:10" x14ac:dyDescent="0.35">
      <c r="A51297" s="1" t="s">
        <v>5693</v>
      </c>
      <c r="B51297" s="1" t="s">
        <v>172484</v>
      </c>
      <c r="C51297" s="1" t="s">
        <v>75</v>
      </c>
      <c r="D51297" s="1" t="s">
        <v>173383</v>
      </c>
      <c r="E51297" s="1" t="s">
        <v>22003</v>
      </c>
      <c r="F51297" s="1" t="s">
        <v>173384</v>
      </c>
      <c r="G51297" s="1" t="s">
        <v>173358</v>
      </c>
      <c r="H51297" s="1" t="s">
        <v>173359</v>
      </c>
      <c r="I51297" s="1" t="s">
        <v>172490</v>
      </c>
      <c r="J51297" s="1" t="s">
        <v>173385</v>
      </c>
    </row>
    <row r="51298" spans="1:10" x14ac:dyDescent="0.35">
      <c r="A51298" s="1" t="s">
        <v>5693</v>
      </c>
      <c r="B51298" s="1" t="s">
        <v>172484</v>
      </c>
      <c r="C51298" s="1" t="s">
        <v>80</v>
      </c>
      <c r="D51298" s="1" t="s">
        <v>173386</v>
      </c>
      <c r="E51298" s="1" t="s">
        <v>21779</v>
      </c>
      <c r="F51298" s="1" t="s">
        <v>103628</v>
      </c>
      <c r="G51298" s="1" t="s">
        <v>173358</v>
      </c>
      <c r="H51298" s="1" t="s">
        <v>173359</v>
      </c>
      <c r="I51298" s="1" t="s">
        <v>172490</v>
      </c>
      <c r="J51298" s="1" t="s">
        <v>173387</v>
      </c>
    </row>
    <row r="51299" spans="1:10" x14ac:dyDescent="0.35">
      <c r="A51299" s="1" t="s">
        <v>5693</v>
      </c>
      <c r="B51299" s="1" t="s">
        <v>172484</v>
      </c>
      <c r="C51299" s="1" t="s">
        <v>85</v>
      </c>
      <c r="D51299" s="1" t="s">
        <v>82697</v>
      </c>
      <c r="E51299" s="1" t="s">
        <v>40680</v>
      </c>
      <c r="F51299" s="1" t="s">
        <v>173388</v>
      </c>
      <c r="G51299" s="1" t="s">
        <v>173358</v>
      </c>
      <c r="H51299" s="1" t="s">
        <v>173359</v>
      </c>
      <c r="I51299" s="1" t="s">
        <v>172490</v>
      </c>
      <c r="J51299" s="1" t="s">
        <v>173389</v>
      </c>
    </row>
    <row r="51300" spans="1:10" x14ac:dyDescent="0.35">
      <c r="A51300" s="1" t="s">
        <v>5693</v>
      </c>
      <c r="B51300" s="1" t="s">
        <v>172484</v>
      </c>
      <c r="C51300" s="1" t="s">
        <v>90</v>
      </c>
      <c r="D51300" s="1" t="s">
        <v>173390</v>
      </c>
      <c r="E51300" s="1" t="s">
        <v>32351</v>
      </c>
      <c r="F51300" s="1" t="s">
        <v>56557</v>
      </c>
      <c r="G51300" s="1" t="s">
        <v>173358</v>
      </c>
      <c r="H51300" s="1" t="s">
        <v>173359</v>
      </c>
      <c r="I51300" s="1" t="s">
        <v>172490</v>
      </c>
      <c r="J51300" s="1" t="s">
        <v>173391</v>
      </c>
    </row>
    <row r="51301" spans="1:10" x14ac:dyDescent="0.35">
      <c r="A51301" s="1" t="s">
        <v>5693</v>
      </c>
      <c r="B51301" s="1" t="s">
        <v>172484</v>
      </c>
      <c r="C51301" s="1" t="s">
        <v>95</v>
      </c>
      <c r="D51301" s="1" t="s">
        <v>173392</v>
      </c>
      <c r="E51301" s="1" t="s">
        <v>24229</v>
      </c>
      <c r="F51301" s="1" t="s">
        <v>68643</v>
      </c>
      <c r="G51301" s="1" t="s">
        <v>173358</v>
      </c>
      <c r="H51301" s="1" t="s">
        <v>173359</v>
      </c>
      <c r="I51301" s="1" t="s">
        <v>172490</v>
      </c>
      <c r="J51301" s="1" t="s">
        <v>173393</v>
      </c>
    </row>
    <row r="51302" spans="1:10" x14ac:dyDescent="0.35">
      <c r="A51302" s="1" t="s">
        <v>5693</v>
      </c>
      <c r="B51302" s="1" t="s">
        <v>172484</v>
      </c>
      <c r="C51302" s="1" t="s">
        <v>100</v>
      </c>
      <c r="D51302" s="1" t="s">
        <v>173394</v>
      </c>
      <c r="E51302" s="1" t="s">
        <v>15252</v>
      </c>
      <c r="F51302" s="1" t="s">
        <v>59339</v>
      </c>
      <c r="G51302" s="1" t="s">
        <v>173358</v>
      </c>
      <c r="H51302" s="1" t="s">
        <v>173359</v>
      </c>
      <c r="I51302" s="1" t="s">
        <v>172490</v>
      </c>
      <c r="J51302" s="1" t="s">
        <v>173395</v>
      </c>
    </row>
    <row r="51303" spans="1:10" x14ac:dyDescent="0.35">
      <c r="A51303" s="1" t="s">
        <v>5693</v>
      </c>
      <c r="B51303" s="1" t="s">
        <v>172484</v>
      </c>
      <c r="C51303" s="1" t="s">
        <v>105</v>
      </c>
      <c r="D51303" s="1" t="s">
        <v>160712</v>
      </c>
      <c r="E51303" s="1" t="s">
        <v>56585</v>
      </c>
      <c r="F51303" s="1" t="s">
        <v>64845</v>
      </c>
      <c r="G51303" s="1" t="s">
        <v>173358</v>
      </c>
      <c r="H51303" s="1" t="s">
        <v>173359</v>
      </c>
      <c r="I51303" s="1" t="s">
        <v>172490</v>
      </c>
      <c r="J51303" s="1" t="s">
        <v>173396</v>
      </c>
    </row>
    <row r="51304" spans="1:10" x14ac:dyDescent="0.35">
      <c r="A51304" s="1" t="s">
        <v>5693</v>
      </c>
      <c r="B51304" s="1" t="s">
        <v>172484</v>
      </c>
      <c r="C51304" s="1" t="s">
        <v>110</v>
      </c>
      <c r="D51304" s="1" t="s">
        <v>76954</v>
      </c>
      <c r="E51304" s="1" t="s">
        <v>21883</v>
      </c>
      <c r="F51304" s="1" t="s">
        <v>173397</v>
      </c>
      <c r="G51304" s="1" t="s">
        <v>173358</v>
      </c>
      <c r="H51304" s="1" t="s">
        <v>173359</v>
      </c>
      <c r="I51304" s="1" t="s">
        <v>172490</v>
      </c>
      <c r="J51304" s="1" t="s">
        <v>173398</v>
      </c>
    </row>
    <row r="51305" spans="1:10" x14ac:dyDescent="0.35">
      <c r="A51305" s="1" t="s">
        <v>5693</v>
      </c>
      <c r="B51305" s="1" t="s">
        <v>172484</v>
      </c>
      <c r="C51305" s="1" t="s">
        <v>115</v>
      </c>
      <c r="D51305" s="1" t="s">
        <v>173399</v>
      </c>
      <c r="E51305" s="1" t="s">
        <v>21190</v>
      </c>
      <c r="F51305" s="1" t="s">
        <v>173400</v>
      </c>
      <c r="G51305" s="1" t="s">
        <v>173358</v>
      </c>
      <c r="H51305" s="1" t="s">
        <v>173359</v>
      </c>
      <c r="I51305" s="1" t="s">
        <v>172490</v>
      </c>
      <c r="J51305" s="1" t="s">
        <v>173401</v>
      </c>
    </row>
    <row r="51306" spans="1:10" x14ac:dyDescent="0.35">
      <c r="A51306" s="1" t="s">
        <v>5693</v>
      </c>
      <c r="B51306" s="1" t="s">
        <v>172484</v>
      </c>
      <c r="C51306" s="1" t="s">
        <v>120</v>
      </c>
      <c r="D51306" s="1" t="s">
        <v>81732</v>
      </c>
      <c r="E51306" s="1" t="s">
        <v>67016</v>
      </c>
      <c r="F51306" s="1" t="s">
        <v>173402</v>
      </c>
      <c r="G51306" s="1" t="s">
        <v>173358</v>
      </c>
      <c r="H51306" s="1" t="s">
        <v>173359</v>
      </c>
      <c r="I51306" s="1" t="s">
        <v>172490</v>
      </c>
      <c r="J51306" s="1" t="s">
        <v>173403</v>
      </c>
    </row>
    <row r="51307" spans="1:10" x14ac:dyDescent="0.35">
      <c r="A51307" s="1" t="s">
        <v>5693</v>
      </c>
      <c r="B51307" s="1" t="s">
        <v>172484</v>
      </c>
      <c r="C51307" s="1" t="s">
        <v>125</v>
      </c>
      <c r="D51307" s="1" t="s">
        <v>173404</v>
      </c>
      <c r="E51307" s="1" t="s">
        <v>62462</v>
      </c>
      <c r="F51307" s="1" t="s">
        <v>173405</v>
      </c>
      <c r="G51307" s="1" t="s">
        <v>173358</v>
      </c>
      <c r="H51307" s="1" t="s">
        <v>173359</v>
      </c>
      <c r="I51307" s="1" t="s">
        <v>172490</v>
      </c>
      <c r="J51307" s="1" t="s">
        <v>173406</v>
      </c>
    </row>
    <row r="51308" spans="1:10" x14ac:dyDescent="0.35">
      <c r="A51308" s="1" t="s">
        <v>5693</v>
      </c>
      <c r="B51308" s="1" t="s">
        <v>172484</v>
      </c>
      <c r="C51308" s="1" t="s">
        <v>130</v>
      </c>
      <c r="D51308" s="1" t="s">
        <v>173407</v>
      </c>
      <c r="E51308" s="1" t="s">
        <v>26185</v>
      </c>
      <c r="F51308" s="1" t="s">
        <v>57249</v>
      </c>
      <c r="G51308" s="1" t="s">
        <v>173358</v>
      </c>
      <c r="H51308" s="1" t="s">
        <v>173359</v>
      </c>
      <c r="I51308" s="1" t="s">
        <v>172490</v>
      </c>
      <c r="J51308" s="1" t="s">
        <v>173408</v>
      </c>
    </row>
    <row r="51309" spans="1:10" x14ac:dyDescent="0.35">
      <c r="A51309" s="1" t="s">
        <v>5693</v>
      </c>
      <c r="B51309" s="1" t="s">
        <v>172484</v>
      </c>
      <c r="C51309" s="1" t="s">
        <v>135</v>
      </c>
      <c r="D51309" s="1" t="s">
        <v>154511</v>
      </c>
      <c r="E51309" s="1" t="s">
        <v>55227</v>
      </c>
      <c r="F51309" s="1" t="s">
        <v>173409</v>
      </c>
      <c r="G51309" s="1" t="s">
        <v>173358</v>
      </c>
      <c r="H51309" s="1" t="s">
        <v>173359</v>
      </c>
      <c r="I51309" s="1" t="s">
        <v>172490</v>
      </c>
      <c r="J51309" s="1" t="s">
        <v>173410</v>
      </c>
    </row>
    <row r="51310" spans="1:10" x14ac:dyDescent="0.35">
      <c r="A51310" s="1" t="s">
        <v>5693</v>
      </c>
      <c r="B51310" s="1" t="s">
        <v>172484</v>
      </c>
      <c r="C51310" s="1" t="s">
        <v>140</v>
      </c>
      <c r="D51310" s="1" t="s">
        <v>18362</v>
      </c>
      <c r="E51310" s="1" t="s">
        <v>58160</v>
      </c>
      <c r="F51310" s="1" t="s">
        <v>23218</v>
      </c>
      <c r="G51310" s="1" t="s">
        <v>173358</v>
      </c>
      <c r="H51310" s="1" t="s">
        <v>173359</v>
      </c>
      <c r="I51310" s="1" t="s">
        <v>172490</v>
      </c>
      <c r="J51310" s="1" t="s">
        <v>173411</v>
      </c>
    </row>
    <row r="51311" spans="1:10" x14ac:dyDescent="0.35">
      <c r="A51311" s="1" t="s">
        <v>5693</v>
      </c>
      <c r="B51311" s="1" t="s">
        <v>172484</v>
      </c>
      <c r="C51311" s="1" t="s">
        <v>145</v>
      </c>
      <c r="D51311" s="1" t="s">
        <v>173412</v>
      </c>
      <c r="E51311" s="1" t="s">
        <v>15245</v>
      </c>
      <c r="F51311" s="1" t="s">
        <v>95766</v>
      </c>
      <c r="G51311" s="1" t="s">
        <v>173358</v>
      </c>
      <c r="H51311" s="1" t="s">
        <v>173359</v>
      </c>
      <c r="I51311" s="1" t="s">
        <v>172490</v>
      </c>
      <c r="J51311" s="1" t="s">
        <v>173413</v>
      </c>
    </row>
    <row r="51312" spans="1:10" x14ac:dyDescent="0.35">
      <c r="A51312" s="1" t="s">
        <v>5693</v>
      </c>
      <c r="B51312" s="1" t="s">
        <v>172484</v>
      </c>
      <c r="C51312" s="1" t="s">
        <v>150</v>
      </c>
      <c r="D51312" s="1" t="s">
        <v>173414</v>
      </c>
      <c r="E51312" s="1" t="s">
        <v>31394</v>
      </c>
      <c r="F51312" s="1" t="s">
        <v>128787</v>
      </c>
      <c r="G51312" s="1" t="s">
        <v>173358</v>
      </c>
      <c r="H51312" s="1" t="s">
        <v>173359</v>
      </c>
      <c r="I51312" s="1" t="s">
        <v>172490</v>
      </c>
      <c r="J51312" s="1" t="s">
        <v>173415</v>
      </c>
    </row>
    <row r="51313" spans="1:10" x14ac:dyDescent="0.35">
      <c r="A51313" s="1" t="s">
        <v>5693</v>
      </c>
      <c r="B51313" s="1" t="s">
        <v>172484</v>
      </c>
      <c r="C51313" s="1" t="s">
        <v>155</v>
      </c>
      <c r="D51313" s="1" t="s">
        <v>65382</v>
      </c>
      <c r="E51313" s="1" t="s">
        <v>31445</v>
      </c>
      <c r="F51313" s="1" t="s">
        <v>108780</v>
      </c>
      <c r="G51313" s="1" t="s">
        <v>173358</v>
      </c>
      <c r="H51313" s="1" t="s">
        <v>173359</v>
      </c>
      <c r="I51313" s="1" t="s">
        <v>172490</v>
      </c>
      <c r="J51313" s="1" t="s">
        <v>173416</v>
      </c>
    </row>
    <row r="51314" spans="1:10" x14ac:dyDescent="0.35">
      <c r="A51314" s="1" t="s">
        <v>5693</v>
      </c>
      <c r="B51314" s="1" t="s">
        <v>172484</v>
      </c>
      <c r="C51314" s="1" t="s">
        <v>160</v>
      </c>
      <c r="D51314" s="1" t="s">
        <v>136311</v>
      </c>
      <c r="E51314" s="1" t="s">
        <v>22091</v>
      </c>
      <c r="F51314" s="1" t="s">
        <v>173417</v>
      </c>
      <c r="G51314" s="1" t="s">
        <v>173358</v>
      </c>
      <c r="H51314" s="1" t="s">
        <v>173359</v>
      </c>
      <c r="I51314" s="1" t="s">
        <v>172490</v>
      </c>
      <c r="J51314" s="1" t="s">
        <v>173418</v>
      </c>
    </row>
    <row r="51315" spans="1:10" x14ac:dyDescent="0.35">
      <c r="A51315" s="1" t="s">
        <v>5693</v>
      </c>
      <c r="B51315" s="1" t="s">
        <v>172484</v>
      </c>
      <c r="C51315" s="1" t="s">
        <v>165</v>
      </c>
      <c r="D51315" s="1" t="s">
        <v>66563</v>
      </c>
      <c r="E51315" s="1" t="s">
        <v>31384</v>
      </c>
      <c r="F51315" s="1" t="s">
        <v>58996</v>
      </c>
      <c r="G51315" s="1" t="s">
        <v>173358</v>
      </c>
      <c r="H51315" s="1" t="s">
        <v>173359</v>
      </c>
      <c r="I51315" s="1" t="s">
        <v>172490</v>
      </c>
      <c r="J51315" s="1" t="s">
        <v>173419</v>
      </c>
    </row>
    <row r="51316" spans="1:10" x14ac:dyDescent="0.35">
      <c r="A51316" s="1" t="s">
        <v>5693</v>
      </c>
      <c r="B51316" s="1" t="s">
        <v>172484</v>
      </c>
      <c r="C51316" s="1" t="s">
        <v>170</v>
      </c>
      <c r="D51316" s="1" t="s">
        <v>173420</v>
      </c>
      <c r="E51316" s="1" t="s">
        <v>56097</v>
      </c>
      <c r="F51316" s="1" t="s">
        <v>173421</v>
      </c>
      <c r="G51316" s="1" t="s">
        <v>173358</v>
      </c>
      <c r="H51316" s="1" t="s">
        <v>173359</v>
      </c>
      <c r="I51316" s="1" t="s">
        <v>172490</v>
      </c>
      <c r="J51316" s="1" t="s">
        <v>173422</v>
      </c>
    </row>
    <row r="51317" spans="1:10" x14ac:dyDescent="0.35">
      <c r="A51317" s="1" t="s">
        <v>3995</v>
      </c>
      <c r="B51317" s="1" t="s">
        <v>172484</v>
      </c>
      <c r="C51317" s="1" t="s">
        <v>8</v>
      </c>
      <c r="D51317" s="1" t="s">
        <v>72379</v>
      </c>
      <c r="E51317" s="1" t="s">
        <v>173423</v>
      </c>
      <c r="F51317" s="1" t="s">
        <v>173424</v>
      </c>
      <c r="G51317" s="1" t="s">
        <v>173425</v>
      </c>
      <c r="H51317" s="1" t="s">
        <v>173426</v>
      </c>
      <c r="I51317" s="1" t="s">
        <v>172490</v>
      </c>
      <c r="J51317" s="1" t="s">
        <v>13</v>
      </c>
    </row>
    <row r="51318" spans="1:10" x14ac:dyDescent="0.35">
      <c r="A51318" s="1" t="s">
        <v>3995</v>
      </c>
      <c r="B51318" s="1" t="s">
        <v>172484</v>
      </c>
      <c r="C51318" s="1" t="s">
        <v>15</v>
      </c>
      <c r="D51318" s="1" t="s">
        <v>115637</v>
      </c>
      <c r="E51318" s="1" t="s">
        <v>173427</v>
      </c>
      <c r="F51318" s="1" t="s">
        <v>173428</v>
      </c>
      <c r="G51318" s="1" t="s">
        <v>173425</v>
      </c>
      <c r="H51318" s="1" t="s">
        <v>173426</v>
      </c>
      <c r="I51318" s="1" t="s">
        <v>172490</v>
      </c>
      <c r="J51318" s="1" t="s">
        <v>173429</v>
      </c>
    </row>
    <row r="51319" spans="1:10" x14ac:dyDescent="0.35">
      <c r="A51319" s="1" t="s">
        <v>3995</v>
      </c>
      <c r="B51319" s="1" t="s">
        <v>172484</v>
      </c>
      <c r="C51319" s="1" t="s">
        <v>20</v>
      </c>
      <c r="D51319" s="1" t="s">
        <v>173430</v>
      </c>
      <c r="E51319" s="1" t="s">
        <v>173431</v>
      </c>
      <c r="F51319" s="1" t="s">
        <v>173432</v>
      </c>
      <c r="G51319" s="1" t="s">
        <v>173425</v>
      </c>
      <c r="H51319" s="1" t="s">
        <v>173426</v>
      </c>
      <c r="I51319" s="1" t="s">
        <v>172490</v>
      </c>
      <c r="J51319" s="1" t="s">
        <v>173433</v>
      </c>
    </row>
    <row r="51320" spans="1:10" x14ac:dyDescent="0.35">
      <c r="A51320" s="1" t="s">
        <v>3995</v>
      </c>
      <c r="B51320" s="1" t="s">
        <v>172484</v>
      </c>
      <c r="C51320" s="1" t="s">
        <v>25</v>
      </c>
      <c r="D51320" s="1" t="s">
        <v>48919</v>
      </c>
      <c r="E51320" s="1" t="s">
        <v>173434</v>
      </c>
      <c r="F51320" s="1" t="s">
        <v>173435</v>
      </c>
      <c r="G51320" s="1" t="s">
        <v>173425</v>
      </c>
      <c r="H51320" s="1" t="s">
        <v>173426</v>
      </c>
      <c r="I51320" s="1" t="s">
        <v>172490</v>
      </c>
      <c r="J51320" s="1" t="s">
        <v>173436</v>
      </c>
    </row>
    <row r="51321" spans="1:10" x14ac:dyDescent="0.35">
      <c r="A51321" s="1" t="s">
        <v>3995</v>
      </c>
      <c r="B51321" s="1" t="s">
        <v>172484</v>
      </c>
      <c r="C51321" s="1" t="s">
        <v>30</v>
      </c>
      <c r="D51321" s="1" t="s">
        <v>168551</v>
      </c>
      <c r="E51321" s="1" t="s">
        <v>173437</v>
      </c>
      <c r="F51321" s="1" t="s">
        <v>173438</v>
      </c>
      <c r="G51321" s="1" t="s">
        <v>173425</v>
      </c>
      <c r="H51321" s="1" t="s">
        <v>173426</v>
      </c>
      <c r="I51321" s="1" t="s">
        <v>172490</v>
      </c>
      <c r="J51321" s="1" t="s">
        <v>173439</v>
      </c>
    </row>
    <row r="51322" spans="1:10" x14ac:dyDescent="0.35">
      <c r="A51322" s="1" t="s">
        <v>3995</v>
      </c>
      <c r="B51322" s="1" t="s">
        <v>172484</v>
      </c>
      <c r="C51322" s="1" t="s">
        <v>35</v>
      </c>
      <c r="D51322" s="1" t="s">
        <v>2981</v>
      </c>
      <c r="E51322" s="1" t="s">
        <v>173440</v>
      </c>
      <c r="F51322" s="1" t="s">
        <v>173441</v>
      </c>
      <c r="G51322" s="1" t="s">
        <v>173425</v>
      </c>
      <c r="H51322" s="1" t="s">
        <v>173426</v>
      </c>
      <c r="I51322" s="1" t="s">
        <v>172490</v>
      </c>
      <c r="J51322" s="1" t="s">
        <v>173442</v>
      </c>
    </row>
    <row r="51323" spans="1:10" x14ac:dyDescent="0.35">
      <c r="A51323" s="1" t="s">
        <v>3995</v>
      </c>
      <c r="B51323" s="1" t="s">
        <v>172484</v>
      </c>
      <c r="C51323" s="1" t="s">
        <v>40</v>
      </c>
      <c r="D51323" s="1" t="s">
        <v>173443</v>
      </c>
      <c r="E51323" s="1" t="s">
        <v>173444</v>
      </c>
      <c r="F51323" s="1" t="s">
        <v>173445</v>
      </c>
      <c r="G51323" s="1" t="s">
        <v>173425</v>
      </c>
      <c r="H51323" s="1" t="s">
        <v>173426</v>
      </c>
      <c r="I51323" s="1" t="s">
        <v>172490</v>
      </c>
      <c r="J51323" s="1" t="s">
        <v>173446</v>
      </c>
    </row>
    <row r="51324" spans="1:10" x14ac:dyDescent="0.35">
      <c r="A51324" s="1" t="s">
        <v>3995</v>
      </c>
      <c r="B51324" s="1" t="s">
        <v>172484</v>
      </c>
      <c r="C51324" s="1" t="s">
        <v>45</v>
      </c>
      <c r="D51324" s="1" t="s">
        <v>173447</v>
      </c>
      <c r="E51324" s="1" t="s">
        <v>173448</v>
      </c>
      <c r="F51324" s="1" t="s">
        <v>173449</v>
      </c>
      <c r="G51324" s="1" t="s">
        <v>173425</v>
      </c>
      <c r="H51324" s="1" t="s">
        <v>173426</v>
      </c>
      <c r="I51324" s="1" t="s">
        <v>172490</v>
      </c>
      <c r="J51324" s="1" t="s">
        <v>173450</v>
      </c>
    </row>
    <row r="51325" spans="1:10" x14ac:dyDescent="0.35">
      <c r="A51325" s="1" t="s">
        <v>3995</v>
      </c>
      <c r="B51325" s="1" t="s">
        <v>172484</v>
      </c>
      <c r="C51325" s="1" t="s">
        <v>50</v>
      </c>
      <c r="D51325" s="1" t="s">
        <v>42532</v>
      </c>
      <c r="E51325" s="1" t="s">
        <v>173451</v>
      </c>
      <c r="F51325" s="1" t="s">
        <v>173452</v>
      </c>
      <c r="G51325" s="1" t="s">
        <v>173425</v>
      </c>
      <c r="H51325" s="1" t="s">
        <v>173426</v>
      </c>
      <c r="I51325" s="1" t="s">
        <v>172490</v>
      </c>
      <c r="J51325" s="1" t="s">
        <v>173453</v>
      </c>
    </row>
    <row r="51326" spans="1:10" x14ac:dyDescent="0.35">
      <c r="A51326" s="1" t="s">
        <v>3995</v>
      </c>
      <c r="B51326" s="1" t="s">
        <v>172484</v>
      </c>
      <c r="C51326" s="1" t="s">
        <v>55</v>
      </c>
      <c r="D51326" s="1" t="s">
        <v>10397</v>
      </c>
      <c r="E51326" s="1" t="s">
        <v>173454</v>
      </c>
      <c r="F51326" s="1" t="s">
        <v>173455</v>
      </c>
      <c r="G51326" s="1" t="s">
        <v>173425</v>
      </c>
      <c r="H51326" s="1" t="s">
        <v>173426</v>
      </c>
      <c r="I51326" s="1" t="s">
        <v>172490</v>
      </c>
      <c r="J51326" s="1" t="s">
        <v>173456</v>
      </c>
    </row>
    <row r="51327" spans="1:10" x14ac:dyDescent="0.35">
      <c r="A51327" s="1" t="s">
        <v>3995</v>
      </c>
      <c r="B51327" s="1" t="s">
        <v>172484</v>
      </c>
      <c r="C51327" s="1" t="s">
        <v>60</v>
      </c>
      <c r="D51327" s="1" t="s">
        <v>144906</v>
      </c>
      <c r="E51327" s="1" t="s">
        <v>173457</v>
      </c>
      <c r="F51327" s="1" t="s">
        <v>173458</v>
      </c>
      <c r="G51327" s="1" t="s">
        <v>173425</v>
      </c>
      <c r="H51327" s="1" t="s">
        <v>173426</v>
      </c>
      <c r="I51327" s="1" t="s">
        <v>172490</v>
      </c>
      <c r="J51327" s="1" t="s">
        <v>173459</v>
      </c>
    </row>
    <row r="51328" spans="1:10" x14ac:dyDescent="0.35">
      <c r="A51328" s="1" t="s">
        <v>3995</v>
      </c>
      <c r="B51328" s="1" t="s">
        <v>172484</v>
      </c>
      <c r="C51328" s="1" t="s">
        <v>65</v>
      </c>
      <c r="D51328" s="1" t="s">
        <v>124545</v>
      </c>
      <c r="E51328" s="1" t="s">
        <v>173460</v>
      </c>
      <c r="F51328" s="1" t="s">
        <v>173461</v>
      </c>
      <c r="G51328" s="1" t="s">
        <v>173425</v>
      </c>
      <c r="H51328" s="1" t="s">
        <v>173426</v>
      </c>
      <c r="I51328" s="1" t="s">
        <v>172490</v>
      </c>
      <c r="J51328" s="1" t="s">
        <v>173462</v>
      </c>
    </row>
    <row r="51329" spans="1:10" x14ac:dyDescent="0.35">
      <c r="A51329" s="1" t="s">
        <v>3995</v>
      </c>
      <c r="B51329" s="1" t="s">
        <v>172484</v>
      </c>
      <c r="C51329" s="1" t="s">
        <v>70</v>
      </c>
      <c r="D51329" s="1" t="s">
        <v>30933</v>
      </c>
      <c r="E51329" s="1" t="s">
        <v>173463</v>
      </c>
      <c r="F51329" s="1" t="s">
        <v>173464</v>
      </c>
      <c r="G51329" s="1" t="s">
        <v>173425</v>
      </c>
      <c r="H51329" s="1" t="s">
        <v>173426</v>
      </c>
      <c r="I51329" s="1" t="s">
        <v>172490</v>
      </c>
      <c r="J51329" s="1" t="s">
        <v>173465</v>
      </c>
    </row>
    <row r="51330" spans="1:10" x14ac:dyDescent="0.35">
      <c r="A51330" s="1" t="s">
        <v>3995</v>
      </c>
      <c r="B51330" s="1" t="s">
        <v>172484</v>
      </c>
      <c r="C51330" s="1" t="s">
        <v>75</v>
      </c>
      <c r="D51330" s="1" t="s">
        <v>173466</v>
      </c>
      <c r="E51330" s="1" t="s">
        <v>173467</v>
      </c>
      <c r="F51330" s="1" t="s">
        <v>173468</v>
      </c>
      <c r="G51330" s="1" t="s">
        <v>173425</v>
      </c>
      <c r="H51330" s="1" t="s">
        <v>173426</v>
      </c>
      <c r="I51330" s="1" t="s">
        <v>172490</v>
      </c>
      <c r="J51330" s="1" t="s">
        <v>173469</v>
      </c>
    </row>
    <row r="51331" spans="1:10" x14ac:dyDescent="0.35">
      <c r="A51331" s="1" t="s">
        <v>3995</v>
      </c>
      <c r="B51331" s="1" t="s">
        <v>172484</v>
      </c>
      <c r="C51331" s="1" t="s">
        <v>80</v>
      </c>
      <c r="D51331" s="1" t="s">
        <v>4264</v>
      </c>
      <c r="E51331" s="1" t="s">
        <v>173470</v>
      </c>
      <c r="F51331" s="1" t="s">
        <v>173471</v>
      </c>
      <c r="G51331" s="1" t="s">
        <v>173425</v>
      </c>
      <c r="H51331" s="1" t="s">
        <v>173426</v>
      </c>
      <c r="I51331" s="1" t="s">
        <v>172490</v>
      </c>
      <c r="J51331" s="1" t="s">
        <v>173472</v>
      </c>
    </row>
    <row r="51332" spans="1:10" x14ac:dyDescent="0.35">
      <c r="A51332" s="1" t="s">
        <v>3995</v>
      </c>
      <c r="B51332" s="1" t="s">
        <v>172484</v>
      </c>
      <c r="C51332" s="1" t="s">
        <v>85</v>
      </c>
      <c r="D51332" s="1" t="s">
        <v>75111</v>
      </c>
      <c r="E51332" s="1" t="s">
        <v>173473</v>
      </c>
      <c r="F51332" s="1" t="s">
        <v>173474</v>
      </c>
      <c r="G51332" s="1" t="s">
        <v>173425</v>
      </c>
      <c r="H51332" s="1" t="s">
        <v>173426</v>
      </c>
      <c r="I51332" s="1" t="s">
        <v>172490</v>
      </c>
      <c r="J51332" s="1" t="s">
        <v>173475</v>
      </c>
    </row>
    <row r="51333" spans="1:10" x14ac:dyDescent="0.35">
      <c r="A51333" s="1" t="s">
        <v>3995</v>
      </c>
      <c r="B51333" s="1" t="s">
        <v>172484</v>
      </c>
      <c r="C51333" s="1" t="s">
        <v>90</v>
      </c>
      <c r="D51333" s="1" t="s">
        <v>123789</v>
      </c>
      <c r="E51333" s="1" t="s">
        <v>173476</v>
      </c>
      <c r="F51333" s="1" t="s">
        <v>173477</v>
      </c>
      <c r="G51333" s="1" t="s">
        <v>173425</v>
      </c>
      <c r="H51333" s="1" t="s">
        <v>173426</v>
      </c>
      <c r="I51333" s="1" t="s">
        <v>172490</v>
      </c>
      <c r="J51333" s="1" t="s">
        <v>173478</v>
      </c>
    </row>
    <row r="51334" spans="1:10" x14ac:dyDescent="0.35">
      <c r="A51334" s="1" t="s">
        <v>3995</v>
      </c>
      <c r="B51334" s="1" t="s">
        <v>172484</v>
      </c>
      <c r="C51334" s="1" t="s">
        <v>95</v>
      </c>
      <c r="D51334" s="1" t="s">
        <v>42576</v>
      </c>
      <c r="E51334" s="1" t="s">
        <v>173479</v>
      </c>
      <c r="F51334" s="1" t="s">
        <v>173480</v>
      </c>
      <c r="G51334" s="1" t="s">
        <v>173425</v>
      </c>
      <c r="H51334" s="1" t="s">
        <v>173426</v>
      </c>
      <c r="I51334" s="1" t="s">
        <v>172490</v>
      </c>
      <c r="J51334" s="1" t="s">
        <v>173481</v>
      </c>
    </row>
    <row r="51335" spans="1:10" x14ac:dyDescent="0.35">
      <c r="A51335" s="1" t="s">
        <v>3995</v>
      </c>
      <c r="B51335" s="1" t="s">
        <v>172484</v>
      </c>
      <c r="C51335" s="1" t="s">
        <v>100</v>
      </c>
      <c r="D51335" s="1" t="s">
        <v>32480</v>
      </c>
      <c r="E51335" s="1" t="s">
        <v>173482</v>
      </c>
      <c r="F51335" s="1" t="s">
        <v>173483</v>
      </c>
      <c r="G51335" s="1" t="s">
        <v>173425</v>
      </c>
      <c r="H51335" s="1" t="s">
        <v>173426</v>
      </c>
      <c r="I51335" s="1" t="s">
        <v>172490</v>
      </c>
      <c r="J51335" s="1" t="s">
        <v>173484</v>
      </c>
    </row>
    <row r="51336" spans="1:10" x14ac:dyDescent="0.35">
      <c r="A51336" s="1" t="s">
        <v>3995</v>
      </c>
      <c r="B51336" s="1" t="s">
        <v>172484</v>
      </c>
      <c r="C51336" s="1" t="s">
        <v>105</v>
      </c>
      <c r="D51336" s="1" t="s">
        <v>141322</v>
      </c>
      <c r="E51336" s="1" t="s">
        <v>173485</v>
      </c>
      <c r="F51336" s="1" t="s">
        <v>173486</v>
      </c>
      <c r="G51336" s="1" t="s">
        <v>173425</v>
      </c>
      <c r="H51336" s="1" t="s">
        <v>173426</v>
      </c>
      <c r="I51336" s="1" t="s">
        <v>172490</v>
      </c>
      <c r="J51336" s="1" t="s">
        <v>173487</v>
      </c>
    </row>
    <row r="51337" spans="1:10" x14ac:dyDescent="0.35">
      <c r="A51337" s="1" t="s">
        <v>3995</v>
      </c>
      <c r="B51337" s="1" t="s">
        <v>172484</v>
      </c>
      <c r="C51337" s="1" t="s">
        <v>110</v>
      </c>
      <c r="D51337" s="1" t="s">
        <v>18406</v>
      </c>
      <c r="E51337" s="1" t="s">
        <v>173488</v>
      </c>
      <c r="F51337" s="1" t="s">
        <v>173489</v>
      </c>
      <c r="G51337" s="1" t="s">
        <v>173425</v>
      </c>
      <c r="H51337" s="1" t="s">
        <v>173426</v>
      </c>
      <c r="I51337" s="1" t="s">
        <v>172490</v>
      </c>
      <c r="J51337" s="1" t="s">
        <v>173490</v>
      </c>
    </row>
    <row r="51338" spans="1:10" x14ac:dyDescent="0.35">
      <c r="A51338" s="1" t="s">
        <v>3995</v>
      </c>
      <c r="B51338" s="1" t="s">
        <v>172484</v>
      </c>
      <c r="C51338" s="1" t="s">
        <v>115</v>
      </c>
      <c r="D51338" s="1" t="s">
        <v>173491</v>
      </c>
      <c r="E51338" s="1" t="s">
        <v>173492</v>
      </c>
      <c r="F51338" s="1" t="s">
        <v>173493</v>
      </c>
      <c r="G51338" s="1" t="s">
        <v>173425</v>
      </c>
      <c r="H51338" s="1" t="s">
        <v>173426</v>
      </c>
      <c r="I51338" s="1" t="s">
        <v>172490</v>
      </c>
      <c r="J51338" s="1" t="s">
        <v>173494</v>
      </c>
    </row>
    <row r="51339" spans="1:10" x14ac:dyDescent="0.35">
      <c r="A51339" s="1" t="s">
        <v>3995</v>
      </c>
      <c r="B51339" s="1" t="s">
        <v>172484</v>
      </c>
      <c r="C51339" s="1" t="s">
        <v>120</v>
      </c>
      <c r="D51339" s="1" t="s">
        <v>173495</v>
      </c>
      <c r="E51339" s="1" t="s">
        <v>173496</v>
      </c>
      <c r="F51339" s="1" t="s">
        <v>173497</v>
      </c>
      <c r="G51339" s="1" t="s">
        <v>173425</v>
      </c>
      <c r="H51339" s="1" t="s">
        <v>173426</v>
      </c>
      <c r="I51339" s="1" t="s">
        <v>172490</v>
      </c>
      <c r="J51339" s="1" t="s">
        <v>173498</v>
      </c>
    </row>
    <row r="51340" spans="1:10" x14ac:dyDescent="0.35">
      <c r="A51340" s="1" t="s">
        <v>3995</v>
      </c>
      <c r="B51340" s="1" t="s">
        <v>172484</v>
      </c>
      <c r="C51340" s="1" t="s">
        <v>125</v>
      </c>
      <c r="D51340" s="1" t="s">
        <v>173499</v>
      </c>
      <c r="E51340" s="1" t="s">
        <v>173500</v>
      </c>
      <c r="F51340" s="1" t="s">
        <v>173501</v>
      </c>
      <c r="G51340" s="1" t="s">
        <v>173425</v>
      </c>
      <c r="H51340" s="1" t="s">
        <v>173426</v>
      </c>
      <c r="I51340" s="1" t="s">
        <v>172490</v>
      </c>
      <c r="J51340" s="1" t="s">
        <v>173502</v>
      </c>
    </row>
    <row r="51341" spans="1:10" x14ac:dyDescent="0.35">
      <c r="A51341" s="1" t="s">
        <v>3995</v>
      </c>
      <c r="B51341" s="1" t="s">
        <v>172484</v>
      </c>
      <c r="C51341" s="1" t="s">
        <v>130</v>
      </c>
      <c r="D51341" s="1" t="s">
        <v>112993</v>
      </c>
      <c r="E51341" s="1" t="s">
        <v>173503</v>
      </c>
      <c r="F51341" s="1" t="s">
        <v>173504</v>
      </c>
      <c r="G51341" s="1" t="s">
        <v>173425</v>
      </c>
      <c r="H51341" s="1" t="s">
        <v>173426</v>
      </c>
      <c r="I51341" s="1" t="s">
        <v>172490</v>
      </c>
      <c r="J51341" s="1" t="s">
        <v>173505</v>
      </c>
    </row>
    <row r="51342" spans="1:10" x14ac:dyDescent="0.35">
      <c r="A51342" s="1" t="s">
        <v>3995</v>
      </c>
      <c r="B51342" s="1" t="s">
        <v>172484</v>
      </c>
      <c r="C51342" s="1" t="s">
        <v>135</v>
      </c>
      <c r="D51342" s="1" t="s">
        <v>173506</v>
      </c>
      <c r="E51342" s="1" t="s">
        <v>173507</v>
      </c>
      <c r="F51342" s="1" t="s">
        <v>173508</v>
      </c>
      <c r="G51342" s="1" t="s">
        <v>173425</v>
      </c>
      <c r="H51342" s="1" t="s">
        <v>173426</v>
      </c>
      <c r="I51342" s="1" t="s">
        <v>172490</v>
      </c>
      <c r="J51342" s="1" t="s">
        <v>173509</v>
      </c>
    </row>
    <row r="51343" spans="1:10" x14ac:dyDescent="0.35">
      <c r="A51343" s="1" t="s">
        <v>3995</v>
      </c>
      <c r="B51343" s="1" t="s">
        <v>172484</v>
      </c>
      <c r="C51343" s="1" t="s">
        <v>140</v>
      </c>
      <c r="D51343" s="1" t="s">
        <v>58974</v>
      </c>
      <c r="E51343" s="1" t="s">
        <v>173510</v>
      </c>
      <c r="F51343" s="1" t="s">
        <v>173511</v>
      </c>
      <c r="G51343" s="1" t="s">
        <v>173425</v>
      </c>
      <c r="H51343" s="1" t="s">
        <v>173426</v>
      </c>
      <c r="I51343" s="1" t="s">
        <v>172490</v>
      </c>
      <c r="J51343" s="1" t="s">
        <v>173512</v>
      </c>
    </row>
    <row r="51344" spans="1:10" x14ac:dyDescent="0.35">
      <c r="A51344" s="1" t="s">
        <v>3995</v>
      </c>
      <c r="B51344" s="1" t="s">
        <v>172484</v>
      </c>
      <c r="C51344" s="1" t="s">
        <v>145</v>
      </c>
      <c r="D51344" s="1" t="s">
        <v>173513</v>
      </c>
      <c r="E51344" s="1" t="s">
        <v>173514</v>
      </c>
      <c r="F51344" s="1" t="s">
        <v>173515</v>
      </c>
      <c r="G51344" s="1" t="s">
        <v>173425</v>
      </c>
      <c r="H51344" s="1" t="s">
        <v>173426</v>
      </c>
      <c r="I51344" s="1" t="s">
        <v>172490</v>
      </c>
      <c r="J51344" s="1" t="s">
        <v>173516</v>
      </c>
    </row>
    <row r="51345" spans="1:10" x14ac:dyDescent="0.35">
      <c r="A51345" s="1" t="s">
        <v>3995</v>
      </c>
      <c r="B51345" s="1" t="s">
        <v>172484</v>
      </c>
      <c r="C51345" s="1" t="s">
        <v>150</v>
      </c>
      <c r="D51345" s="1" t="s">
        <v>173517</v>
      </c>
      <c r="E51345" s="1" t="s">
        <v>173518</v>
      </c>
      <c r="F51345" s="1" t="s">
        <v>173519</v>
      </c>
      <c r="G51345" s="1" t="s">
        <v>173425</v>
      </c>
      <c r="H51345" s="1" t="s">
        <v>173426</v>
      </c>
      <c r="I51345" s="1" t="s">
        <v>172490</v>
      </c>
      <c r="J51345" s="1" t="s">
        <v>173520</v>
      </c>
    </row>
    <row r="51346" spans="1:10" x14ac:dyDescent="0.35">
      <c r="A51346" s="1" t="s">
        <v>3995</v>
      </c>
      <c r="B51346" s="1" t="s">
        <v>172484</v>
      </c>
      <c r="C51346" s="1" t="s">
        <v>155</v>
      </c>
      <c r="D51346" s="1" t="s">
        <v>173521</v>
      </c>
      <c r="E51346" s="1" t="s">
        <v>173522</v>
      </c>
      <c r="F51346" s="1" t="s">
        <v>173523</v>
      </c>
      <c r="G51346" s="1" t="s">
        <v>173425</v>
      </c>
      <c r="H51346" s="1" t="s">
        <v>173426</v>
      </c>
      <c r="I51346" s="1" t="s">
        <v>172490</v>
      </c>
      <c r="J51346" s="1" t="s">
        <v>173524</v>
      </c>
    </row>
    <row r="51347" spans="1:10" x14ac:dyDescent="0.35">
      <c r="A51347" s="1" t="s">
        <v>3995</v>
      </c>
      <c r="B51347" s="1" t="s">
        <v>172484</v>
      </c>
      <c r="C51347" s="1" t="s">
        <v>160</v>
      </c>
      <c r="D51347" s="1" t="s">
        <v>173525</v>
      </c>
      <c r="E51347" s="1" t="s">
        <v>173526</v>
      </c>
      <c r="F51347" s="1" t="s">
        <v>173527</v>
      </c>
      <c r="G51347" s="1" t="s">
        <v>173425</v>
      </c>
      <c r="H51347" s="1" t="s">
        <v>173426</v>
      </c>
      <c r="I51347" s="1" t="s">
        <v>172490</v>
      </c>
      <c r="J51347" s="1" t="s">
        <v>173528</v>
      </c>
    </row>
    <row r="51348" spans="1:10" x14ac:dyDescent="0.35">
      <c r="A51348" s="1" t="s">
        <v>3995</v>
      </c>
      <c r="B51348" s="1" t="s">
        <v>172484</v>
      </c>
      <c r="C51348" s="1" t="s">
        <v>165</v>
      </c>
      <c r="D51348" s="1" t="s">
        <v>108682</v>
      </c>
      <c r="E51348" s="1" t="s">
        <v>173529</v>
      </c>
      <c r="F51348" s="1" t="s">
        <v>173530</v>
      </c>
      <c r="G51348" s="1" t="s">
        <v>173425</v>
      </c>
      <c r="H51348" s="1" t="s">
        <v>173426</v>
      </c>
      <c r="I51348" s="1" t="s">
        <v>172490</v>
      </c>
      <c r="J51348" s="1" t="s">
        <v>173531</v>
      </c>
    </row>
    <row r="51349" spans="1:10" x14ac:dyDescent="0.35">
      <c r="A51349" s="1" t="s">
        <v>3995</v>
      </c>
      <c r="B51349" s="1" t="s">
        <v>172484</v>
      </c>
      <c r="C51349" s="1" t="s">
        <v>170</v>
      </c>
      <c r="D51349" s="1" t="s">
        <v>173532</v>
      </c>
      <c r="E51349" s="1" t="s">
        <v>173533</v>
      </c>
      <c r="F51349" s="1" t="s">
        <v>173534</v>
      </c>
      <c r="G51349" s="1" t="s">
        <v>173425</v>
      </c>
      <c r="H51349" s="1" t="s">
        <v>173426</v>
      </c>
      <c r="I51349" s="1" t="s">
        <v>172490</v>
      </c>
      <c r="J51349" s="1" t="s">
        <v>173535</v>
      </c>
    </row>
    <row r="51350" spans="1:10" x14ac:dyDescent="0.35">
      <c r="A51350" s="1" t="s">
        <v>121399</v>
      </c>
      <c r="B51350" s="1" t="s">
        <v>172484</v>
      </c>
      <c r="C51350" s="1" t="s">
        <v>8</v>
      </c>
      <c r="D51350" s="1" t="s">
        <v>173536</v>
      </c>
      <c r="E51350" s="1" t="s">
        <v>173537</v>
      </c>
      <c r="F51350" s="1" t="s">
        <v>173538</v>
      </c>
      <c r="G51350" s="1" t="s">
        <v>173539</v>
      </c>
      <c r="H51350" s="1" t="s">
        <v>173540</v>
      </c>
      <c r="I51350" s="1" t="s">
        <v>172490</v>
      </c>
      <c r="J51350" s="1" t="s">
        <v>13</v>
      </c>
    </row>
    <row r="51351" spans="1:10" x14ac:dyDescent="0.35">
      <c r="A51351" s="1" t="s">
        <v>121399</v>
      </c>
      <c r="B51351" s="1" t="s">
        <v>172484</v>
      </c>
      <c r="C51351" s="1" t="s">
        <v>15</v>
      </c>
      <c r="D51351" s="1" t="s">
        <v>173541</v>
      </c>
      <c r="E51351" s="1" t="s">
        <v>173542</v>
      </c>
      <c r="F51351" s="1" t="s">
        <v>173543</v>
      </c>
      <c r="G51351" s="1" t="s">
        <v>173539</v>
      </c>
      <c r="H51351" s="1" t="s">
        <v>173540</v>
      </c>
      <c r="I51351" s="1" t="s">
        <v>172490</v>
      </c>
      <c r="J51351" s="1" t="s">
        <v>173544</v>
      </c>
    </row>
    <row r="51352" spans="1:10" x14ac:dyDescent="0.35">
      <c r="A51352" s="1" t="s">
        <v>121399</v>
      </c>
      <c r="B51352" s="1" t="s">
        <v>172484</v>
      </c>
      <c r="C51352" s="1" t="s">
        <v>20</v>
      </c>
      <c r="D51352" s="1" t="s">
        <v>126333</v>
      </c>
      <c r="E51352" s="1" t="s">
        <v>173545</v>
      </c>
      <c r="F51352" s="1" t="s">
        <v>173546</v>
      </c>
      <c r="G51352" s="1" t="s">
        <v>173539</v>
      </c>
      <c r="H51352" s="1" t="s">
        <v>173540</v>
      </c>
      <c r="I51352" s="1" t="s">
        <v>172490</v>
      </c>
      <c r="J51352" s="1" t="s">
        <v>173547</v>
      </c>
    </row>
    <row r="51353" spans="1:10" x14ac:dyDescent="0.35">
      <c r="A51353" s="1" t="s">
        <v>121399</v>
      </c>
      <c r="B51353" s="1" t="s">
        <v>172484</v>
      </c>
      <c r="C51353" s="1" t="s">
        <v>25</v>
      </c>
      <c r="D51353" s="1" t="s">
        <v>71912</v>
      </c>
      <c r="E51353" s="1" t="s">
        <v>173548</v>
      </c>
      <c r="F51353" s="1" t="s">
        <v>173549</v>
      </c>
      <c r="G51353" s="1" t="s">
        <v>173539</v>
      </c>
      <c r="H51353" s="1" t="s">
        <v>173540</v>
      </c>
      <c r="I51353" s="1" t="s">
        <v>172490</v>
      </c>
      <c r="J51353" s="1" t="s">
        <v>173550</v>
      </c>
    </row>
    <row r="51354" spans="1:10" x14ac:dyDescent="0.35">
      <c r="A51354" s="1" t="s">
        <v>121399</v>
      </c>
      <c r="B51354" s="1" t="s">
        <v>172484</v>
      </c>
      <c r="C51354" s="1" t="s">
        <v>30</v>
      </c>
      <c r="D51354" s="1" t="s">
        <v>72913</v>
      </c>
      <c r="E51354" s="1" t="s">
        <v>173551</v>
      </c>
      <c r="F51354" s="1" t="s">
        <v>173552</v>
      </c>
      <c r="G51354" s="1" t="s">
        <v>173539</v>
      </c>
      <c r="H51354" s="1" t="s">
        <v>173540</v>
      </c>
      <c r="I51354" s="1" t="s">
        <v>172490</v>
      </c>
      <c r="J51354" s="1" t="s">
        <v>173553</v>
      </c>
    </row>
    <row r="51355" spans="1:10" x14ac:dyDescent="0.35">
      <c r="A51355" s="1" t="s">
        <v>121399</v>
      </c>
      <c r="B51355" s="1" t="s">
        <v>172484</v>
      </c>
      <c r="C51355" s="1" t="s">
        <v>35</v>
      </c>
      <c r="D51355" s="1" t="s">
        <v>155917</v>
      </c>
      <c r="E51355" s="1" t="s">
        <v>173554</v>
      </c>
      <c r="F51355" s="1" t="s">
        <v>173555</v>
      </c>
      <c r="G51355" s="1" t="s">
        <v>173539</v>
      </c>
      <c r="H51355" s="1" t="s">
        <v>173540</v>
      </c>
      <c r="I51355" s="1" t="s">
        <v>172490</v>
      </c>
      <c r="J51355" s="1" t="s">
        <v>173556</v>
      </c>
    </row>
    <row r="51356" spans="1:10" x14ac:dyDescent="0.35">
      <c r="A51356" s="1" t="s">
        <v>121399</v>
      </c>
      <c r="B51356" s="1" t="s">
        <v>172484</v>
      </c>
      <c r="C51356" s="1" t="s">
        <v>40</v>
      </c>
      <c r="D51356" s="1" t="s">
        <v>135348</v>
      </c>
      <c r="E51356" s="1" t="s">
        <v>173557</v>
      </c>
      <c r="F51356" s="1" t="s">
        <v>173558</v>
      </c>
      <c r="G51356" s="1" t="s">
        <v>173539</v>
      </c>
      <c r="H51356" s="1" t="s">
        <v>173540</v>
      </c>
      <c r="I51356" s="1" t="s">
        <v>172490</v>
      </c>
      <c r="J51356" s="1" t="s">
        <v>173559</v>
      </c>
    </row>
    <row r="51357" spans="1:10" x14ac:dyDescent="0.35">
      <c r="A51357" s="1" t="s">
        <v>121399</v>
      </c>
      <c r="B51357" s="1" t="s">
        <v>172484</v>
      </c>
      <c r="C51357" s="1" t="s">
        <v>45</v>
      </c>
      <c r="D51357" s="1" t="s">
        <v>173560</v>
      </c>
      <c r="E51357" s="1" t="s">
        <v>173561</v>
      </c>
      <c r="F51357" s="1" t="s">
        <v>173562</v>
      </c>
      <c r="G51357" s="1" t="s">
        <v>173539</v>
      </c>
      <c r="H51357" s="1" t="s">
        <v>173540</v>
      </c>
      <c r="I51357" s="1" t="s">
        <v>172490</v>
      </c>
      <c r="J51357" s="1" t="s">
        <v>173563</v>
      </c>
    </row>
    <row r="51358" spans="1:10" x14ac:dyDescent="0.35">
      <c r="A51358" s="1" t="s">
        <v>121399</v>
      </c>
      <c r="B51358" s="1" t="s">
        <v>172484</v>
      </c>
      <c r="C51358" s="1" t="s">
        <v>50</v>
      </c>
      <c r="D51358" s="1" t="s">
        <v>31862</v>
      </c>
      <c r="E51358" s="1" t="s">
        <v>173564</v>
      </c>
      <c r="F51358" s="1" t="s">
        <v>173565</v>
      </c>
      <c r="G51358" s="1" t="s">
        <v>173539</v>
      </c>
      <c r="H51358" s="1" t="s">
        <v>173540</v>
      </c>
      <c r="I51358" s="1" t="s">
        <v>172490</v>
      </c>
      <c r="J51358" s="1" t="s">
        <v>173566</v>
      </c>
    </row>
    <row r="51359" spans="1:10" x14ac:dyDescent="0.35">
      <c r="A51359" s="1" t="s">
        <v>121399</v>
      </c>
      <c r="B51359" s="1" t="s">
        <v>172484</v>
      </c>
      <c r="C51359" s="1" t="s">
        <v>55</v>
      </c>
      <c r="D51359" s="1" t="s">
        <v>30249</v>
      </c>
      <c r="E51359" s="1" t="s">
        <v>173567</v>
      </c>
      <c r="F51359" s="1" t="s">
        <v>173568</v>
      </c>
      <c r="G51359" s="1" t="s">
        <v>173539</v>
      </c>
      <c r="H51359" s="1" t="s">
        <v>173540</v>
      </c>
      <c r="I51359" s="1" t="s">
        <v>172490</v>
      </c>
      <c r="J51359" s="1" t="s">
        <v>173569</v>
      </c>
    </row>
    <row r="51360" spans="1:10" x14ac:dyDescent="0.35">
      <c r="A51360" s="1" t="s">
        <v>121399</v>
      </c>
      <c r="B51360" s="1" t="s">
        <v>172484</v>
      </c>
      <c r="C51360" s="1" t="s">
        <v>60</v>
      </c>
      <c r="D51360" s="1" t="s">
        <v>125796</v>
      </c>
      <c r="E51360" s="1" t="s">
        <v>173570</v>
      </c>
      <c r="F51360" s="1" t="s">
        <v>173571</v>
      </c>
      <c r="G51360" s="1" t="s">
        <v>173539</v>
      </c>
      <c r="H51360" s="1" t="s">
        <v>173540</v>
      </c>
      <c r="I51360" s="1" t="s">
        <v>172490</v>
      </c>
      <c r="J51360" s="1" t="s">
        <v>173572</v>
      </c>
    </row>
    <row r="51361" spans="1:10" x14ac:dyDescent="0.35">
      <c r="A51361" s="1" t="s">
        <v>121399</v>
      </c>
      <c r="B51361" s="1" t="s">
        <v>172484</v>
      </c>
      <c r="C51361" s="1" t="s">
        <v>65</v>
      </c>
      <c r="D51361" s="1" t="s">
        <v>19860</v>
      </c>
      <c r="E51361" s="1" t="s">
        <v>173573</v>
      </c>
      <c r="F51361" s="1" t="s">
        <v>173574</v>
      </c>
      <c r="G51361" s="1" t="s">
        <v>173539</v>
      </c>
      <c r="H51361" s="1" t="s">
        <v>173540</v>
      </c>
      <c r="I51361" s="1" t="s">
        <v>172490</v>
      </c>
      <c r="J51361" s="1" t="s">
        <v>173575</v>
      </c>
    </row>
    <row r="51362" spans="1:10" x14ac:dyDescent="0.35">
      <c r="A51362" s="1" t="s">
        <v>121399</v>
      </c>
      <c r="B51362" s="1" t="s">
        <v>172484</v>
      </c>
      <c r="C51362" s="1" t="s">
        <v>70</v>
      </c>
      <c r="D51362" s="1" t="s">
        <v>173576</v>
      </c>
      <c r="E51362" s="1" t="s">
        <v>173577</v>
      </c>
      <c r="F51362" s="1" t="s">
        <v>173578</v>
      </c>
      <c r="G51362" s="1" t="s">
        <v>173539</v>
      </c>
      <c r="H51362" s="1" t="s">
        <v>173540</v>
      </c>
      <c r="I51362" s="1" t="s">
        <v>172490</v>
      </c>
      <c r="J51362" s="1" t="s">
        <v>173579</v>
      </c>
    </row>
    <row r="51363" spans="1:10" x14ac:dyDescent="0.35">
      <c r="A51363" s="1" t="s">
        <v>121399</v>
      </c>
      <c r="B51363" s="1" t="s">
        <v>172484</v>
      </c>
      <c r="C51363" s="1" t="s">
        <v>75</v>
      </c>
      <c r="D51363" s="1" t="s">
        <v>173580</v>
      </c>
      <c r="E51363" s="1" t="s">
        <v>173581</v>
      </c>
      <c r="F51363" s="1" t="s">
        <v>173582</v>
      </c>
      <c r="G51363" s="1" t="s">
        <v>173539</v>
      </c>
      <c r="H51363" s="1" t="s">
        <v>173540</v>
      </c>
      <c r="I51363" s="1" t="s">
        <v>172490</v>
      </c>
      <c r="J51363" s="1" t="s">
        <v>173583</v>
      </c>
    </row>
    <row r="51364" spans="1:10" x14ac:dyDescent="0.35">
      <c r="A51364" s="1" t="s">
        <v>121399</v>
      </c>
      <c r="B51364" s="1" t="s">
        <v>172484</v>
      </c>
      <c r="C51364" s="1" t="s">
        <v>80</v>
      </c>
      <c r="D51364" s="1" t="s">
        <v>173584</v>
      </c>
      <c r="E51364" s="1" t="s">
        <v>173585</v>
      </c>
      <c r="F51364" s="1" t="s">
        <v>173586</v>
      </c>
      <c r="G51364" s="1" t="s">
        <v>173539</v>
      </c>
      <c r="H51364" s="1" t="s">
        <v>173540</v>
      </c>
      <c r="I51364" s="1" t="s">
        <v>172490</v>
      </c>
      <c r="J51364" s="1" t="s">
        <v>173587</v>
      </c>
    </row>
    <row r="51365" spans="1:10" x14ac:dyDescent="0.35">
      <c r="A51365" s="1" t="s">
        <v>121399</v>
      </c>
      <c r="B51365" s="1" t="s">
        <v>172484</v>
      </c>
      <c r="C51365" s="1" t="s">
        <v>85</v>
      </c>
      <c r="D51365" s="1" t="s">
        <v>149907</v>
      </c>
      <c r="E51365" s="1" t="s">
        <v>173588</v>
      </c>
      <c r="F51365" s="1" t="s">
        <v>173589</v>
      </c>
      <c r="G51365" s="1" t="s">
        <v>173539</v>
      </c>
      <c r="H51365" s="1" t="s">
        <v>173540</v>
      </c>
      <c r="I51365" s="1" t="s">
        <v>172490</v>
      </c>
      <c r="J51365" s="1" t="s">
        <v>173590</v>
      </c>
    </row>
    <row r="51366" spans="1:10" x14ac:dyDescent="0.35">
      <c r="A51366" s="1" t="s">
        <v>121399</v>
      </c>
      <c r="B51366" s="1" t="s">
        <v>172484</v>
      </c>
      <c r="C51366" s="1" t="s">
        <v>90</v>
      </c>
      <c r="D51366" s="1" t="s">
        <v>173591</v>
      </c>
      <c r="E51366" s="1" t="s">
        <v>173592</v>
      </c>
      <c r="F51366" s="1" t="s">
        <v>173593</v>
      </c>
      <c r="G51366" s="1" t="s">
        <v>173539</v>
      </c>
      <c r="H51366" s="1" t="s">
        <v>173540</v>
      </c>
      <c r="I51366" s="1" t="s">
        <v>172490</v>
      </c>
      <c r="J51366" s="1" t="s">
        <v>173594</v>
      </c>
    </row>
    <row r="51367" spans="1:10" x14ac:dyDescent="0.35">
      <c r="A51367" s="1" t="s">
        <v>121399</v>
      </c>
      <c r="B51367" s="1" t="s">
        <v>172484</v>
      </c>
      <c r="C51367" s="1" t="s">
        <v>95</v>
      </c>
      <c r="D51367" s="1" t="s">
        <v>173595</v>
      </c>
      <c r="E51367" s="1" t="s">
        <v>173596</v>
      </c>
      <c r="F51367" s="1" t="s">
        <v>173597</v>
      </c>
      <c r="G51367" s="1" t="s">
        <v>173539</v>
      </c>
      <c r="H51367" s="1" t="s">
        <v>173540</v>
      </c>
      <c r="I51367" s="1" t="s">
        <v>172490</v>
      </c>
      <c r="J51367" s="1" t="s">
        <v>173598</v>
      </c>
    </row>
    <row r="51368" spans="1:10" x14ac:dyDescent="0.35">
      <c r="A51368" s="1" t="s">
        <v>121399</v>
      </c>
      <c r="B51368" s="1" t="s">
        <v>172484</v>
      </c>
      <c r="C51368" s="1" t="s">
        <v>100</v>
      </c>
      <c r="D51368" s="1" t="s">
        <v>32634</v>
      </c>
      <c r="E51368" s="1" t="s">
        <v>173599</v>
      </c>
      <c r="F51368" s="1" t="s">
        <v>173600</v>
      </c>
      <c r="G51368" s="1" t="s">
        <v>173539</v>
      </c>
      <c r="H51368" s="1" t="s">
        <v>173540</v>
      </c>
      <c r="I51368" s="1" t="s">
        <v>172490</v>
      </c>
      <c r="J51368" s="1" t="s">
        <v>173601</v>
      </c>
    </row>
    <row r="51369" spans="1:10" x14ac:dyDescent="0.35">
      <c r="A51369" s="1" t="s">
        <v>121399</v>
      </c>
      <c r="B51369" s="1" t="s">
        <v>172484</v>
      </c>
      <c r="C51369" s="1" t="s">
        <v>105</v>
      </c>
      <c r="D51369" s="1" t="s">
        <v>173602</v>
      </c>
      <c r="E51369" s="1" t="s">
        <v>173603</v>
      </c>
      <c r="F51369" s="1" t="s">
        <v>173604</v>
      </c>
      <c r="G51369" s="1" t="s">
        <v>173539</v>
      </c>
      <c r="H51369" s="1" t="s">
        <v>173540</v>
      </c>
      <c r="I51369" s="1" t="s">
        <v>172490</v>
      </c>
      <c r="J51369" s="1" t="s">
        <v>173605</v>
      </c>
    </row>
    <row r="51370" spans="1:10" x14ac:dyDescent="0.35">
      <c r="A51370" s="1" t="s">
        <v>121399</v>
      </c>
      <c r="B51370" s="1" t="s">
        <v>172484</v>
      </c>
      <c r="C51370" s="1" t="s">
        <v>110</v>
      </c>
      <c r="D51370" s="1" t="s">
        <v>173606</v>
      </c>
      <c r="E51370" s="1" t="s">
        <v>173607</v>
      </c>
      <c r="F51370" s="1" t="s">
        <v>173608</v>
      </c>
      <c r="G51370" s="1" t="s">
        <v>173539</v>
      </c>
      <c r="H51370" s="1" t="s">
        <v>173540</v>
      </c>
      <c r="I51370" s="1" t="s">
        <v>172490</v>
      </c>
      <c r="J51370" s="1" t="s">
        <v>173609</v>
      </c>
    </row>
    <row r="51371" spans="1:10" x14ac:dyDescent="0.35">
      <c r="A51371" s="1" t="s">
        <v>121399</v>
      </c>
      <c r="B51371" s="1" t="s">
        <v>172484</v>
      </c>
      <c r="C51371" s="1" t="s">
        <v>115</v>
      </c>
      <c r="D51371" s="1" t="s">
        <v>112978</v>
      </c>
      <c r="E51371" s="1" t="s">
        <v>173610</v>
      </c>
      <c r="F51371" s="1" t="s">
        <v>173611</v>
      </c>
      <c r="G51371" s="1" t="s">
        <v>173539</v>
      </c>
      <c r="H51371" s="1" t="s">
        <v>173540</v>
      </c>
      <c r="I51371" s="1" t="s">
        <v>172490</v>
      </c>
      <c r="J51371" s="1" t="s">
        <v>173612</v>
      </c>
    </row>
    <row r="51372" spans="1:10" x14ac:dyDescent="0.35">
      <c r="A51372" s="1" t="s">
        <v>121399</v>
      </c>
      <c r="B51372" s="1" t="s">
        <v>172484</v>
      </c>
      <c r="C51372" s="1" t="s">
        <v>120</v>
      </c>
      <c r="D51372" s="1" t="s">
        <v>173613</v>
      </c>
      <c r="E51372" s="1" t="s">
        <v>173614</v>
      </c>
      <c r="F51372" s="1" t="s">
        <v>173615</v>
      </c>
      <c r="G51372" s="1" t="s">
        <v>173539</v>
      </c>
      <c r="H51372" s="1" t="s">
        <v>173540</v>
      </c>
      <c r="I51372" s="1" t="s">
        <v>172490</v>
      </c>
      <c r="J51372" s="1" t="s">
        <v>173616</v>
      </c>
    </row>
    <row r="51373" spans="1:10" x14ac:dyDescent="0.35">
      <c r="A51373" s="1" t="s">
        <v>121399</v>
      </c>
      <c r="B51373" s="1" t="s">
        <v>172484</v>
      </c>
      <c r="C51373" s="1" t="s">
        <v>125</v>
      </c>
      <c r="D51373" s="1" t="s">
        <v>173617</v>
      </c>
      <c r="E51373" s="1" t="s">
        <v>173618</v>
      </c>
      <c r="F51373" s="1" t="s">
        <v>173619</v>
      </c>
      <c r="G51373" s="1" t="s">
        <v>173539</v>
      </c>
      <c r="H51373" s="1" t="s">
        <v>173540</v>
      </c>
      <c r="I51373" s="1" t="s">
        <v>172490</v>
      </c>
      <c r="J51373" s="1" t="s">
        <v>173620</v>
      </c>
    </row>
    <row r="51374" spans="1:10" x14ac:dyDescent="0.35">
      <c r="A51374" s="1" t="s">
        <v>121399</v>
      </c>
      <c r="B51374" s="1" t="s">
        <v>172484</v>
      </c>
      <c r="C51374" s="1" t="s">
        <v>130</v>
      </c>
      <c r="D51374" s="1" t="s">
        <v>173621</v>
      </c>
      <c r="E51374" s="1" t="s">
        <v>173622</v>
      </c>
      <c r="F51374" s="1" t="s">
        <v>173623</v>
      </c>
      <c r="G51374" s="1" t="s">
        <v>173539</v>
      </c>
      <c r="H51374" s="1" t="s">
        <v>173540</v>
      </c>
      <c r="I51374" s="1" t="s">
        <v>172490</v>
      </c>
      <c r="J51374" s="1" t="s">
        <v>173624</v>
      </c>
    </row>
    <row r="51375" spans="1:10" x14ac:dyDescent="0.35">
      <c r="A51375" s="1" t="s">
        <v>121399</v>
      </c>
      <c r="B51375" s="1" t="s">
        <v>172484</v>
      </c>
      <c r="C51375" s="1" t="s">
        <v>135</v>
      </c>
      <c r="D51375" s="1" t="s">
        <v>172744</v>
      </c>
      <c r="E51375" s="1" t="s">
        <v>173625</v>
      </c>
      <c r="F51375" s="1" t="s">
        <v>173626</v>
      </c>
      <c r="G51375" s="1" t="s">
        <v>173539</v>
      </c>
      <c r="H51375" s="1" t="s">
        <v>173540</v>
      </c>
      <c r="I51375" s="1" t="s">
        <v>172490</v>
      </c>
      <c r="J51375" s="1" t="s">
        <v>173627</v>
      </c>
    </row>
    <row r="51376" spans="1:10" x14ac:dyDescent="0.35">
      <c r="A51376" s="1" t="s">
        <v>121399</v>
      </c>
      <c r="B51376" s="1" t="s">
        <v>172484</v>
      </c>
      <c r="C51376" s="1" t="s">
        <v>140</v>
      </c>
      <c r="D51376" s="1" t="s">
        <v>117756</v>
      </c>
      <c r="E51376" s="1" t="s">
        <v>173628</v>
      </c>
      <c r="F51376" s="1" t="s">
        <v>173629</v>
      </c>
      <c r="G51376" s="1" t="s">
        <v>173539</v>
      </c>
      <c r="H51376" s="1" t="s">
        <v>173540</v>
      </c>
      <c r="I51376" s="1" t="s">
        <v>172490</v>
      </c>
      <c r="J51376" s="1" t="s">
        <v>173630</v>
      </c>
    </row>
    <row r="51377" spans="1:10" x14ac:dyDescent="0.35">
      <c r="A51377" s="1" t="s">
        <v>121399</v>
      </c>
      <c r="B51377" s="1" t="s">
        <v>172484</v>
      </c>
      <c r="C51377" s="1" t="s">
        <v>145</v>
      </c>
      <c r="D51377" s="1" t="s">
        <v>173631</v>
      </c>
      <c r="E51377" s="1" t="s">
        <v>173632</v>
      </c>
      <c r="F51377" s="1" t="s">
        <v>173633</v>
      </c>
      <c r="G51377" s="1" t="s">
        <v>173539</v>
      </c>
      <c r="H51377" s="1" t="s">
        <v>173540</v>
      </c>
      <c r="I51377" s="1" t="s">
        <v>172490</v>
      </c>
      <c r="J51377" s="1" t="s">
        <v>173634</v>
      </c>
    </row>
    <row r="51378" spans="1:10" x14ac:dyDescent="0.35">
      <c r="A51378" s="1" t="s">
        <v>121399</v>
      </c>
      <c r="B51378" s="1" t="s">
        <v>172484</v>
      </c>
      <c r="C51378" s="1" t="s">
        <v>150</v>
      </c>
      <c r="D51378" s="1" t="s">
        <v>173635</v>
      </c>
      <c r="E51378" s="1" t="s">
        <v>173636</v>
      </c>
      <c r="F51378" s="1" t="s">
        <v>173637</v>
      </c>
      <c r="G51378" s="1" t="s">
        <v>173539</v>
      </c>
      <c r="H51378" s="1" t="s">
        <v>173540</v>
      </c>
      <c r="I51378" s="1" t="s">
        <v>172490</v>
      </c>
      <c r="J51378" s="1" t="s">
        <v>173638</v>
      </c>
    </row>
    <row r="51379" spans="1:10" x14ac:dyDescent="0.35">
      <c r="A51379" s="1" t="s">
        <v>121399</v>
      </c>
      <c r="B51379" s="1" t="s">
        <v>172484</v>
      </c>
      <c r="C51379" s="1" t="s">
        <v>155</v>
      </c>
      <c r="D51379" s="1" t="s">
        <v>173639</v>
      </c>
      <c r="E51379" s="1" t="s">
        <v>173640</v>
      </c>
      <c r="F51379" s="1" t="s">
        <v>173641</v>
      </c>
      <c r="G51379" s="1" t="s">
        <v>173539</v>
      </c>
      <c r="H51379" s="1" t="s">
        <v>173540</v>
      </c>
      <c r="I51379" s="1" t="s">
        <v>172490</v>
      </c>
      <c r="J51379" s="1" t="s">
        <v>173642</v>
      </c>
    </row>
    <row r="51380" spans="1:10" x14ac:dyDescent="0.35">
      <c r="A51380" s="1" t="s">
        <v>121399</v>
      </c>
      <c r="B51380" s="1" t="s">
        <v>172484</v>
      </c>
      <c r="C51380" s="1" t="s">
        <v>160</v>
      </c>
      <c r="D51380" s="1" t="s">
        <v>152787</v>
      </c>
      <c r="E51380" s="1" t="s">
        <v>173643</v>
      </c>
      <c r="F51380" s="1" t="s">
        <v>173644</v>
      </c>
      <c r="G51380" s="1" t="s">
        <v>173539</v>
      </c>
      <c r="H51380" s="1" t="s">
        <v>173540</v>
      </c>
      <c r="I51380" s="1" t="s">
        <v>172490</v>
      </c>
      <c r="J51380" s="1" t="s">
        <v>173645</v>
      </c>
    </row>
    <row r="51381" spans="1:10" x14ac:dyDescent="0.35">
      <c r="A51381" s="1" t="s">
        <v>121399</v>
      </c>
      <c r="B51381" s="1" t="s">
        <v>172484</v>
      </c>
      <c r="C51381" s="1" t="s">
        <v>165</v>
      </c>
      <c r="D51381" s="1" t="s">
        <v>173646</v>
      </c>
      <c r="E51381" s="1" t="s">
        <v>173647</v>
      </c>
      <c r="F51381" s="1" t="s">
        <v>173648</v>
      </c>
      <c r="G51381" s="1" t="s">
        <v>173539</v>
      </c>
      <c r="H51381" s="1" t="s">
        <v>173540</v>
      </c>
      <c r="I51381" s="1" t="s">
        <v>172490</v>
      </c>
      <c r="J51381" s="1" t="s">
        <v>173649</v>
      </c>
    </row>
    <row r="51382" spans="1:10" x14ac:dyDescent="0.35">
      <c r="A51382" s="1" t="s">
        <v>121399</v>
      </c>
      <c r="B51382" s="1" t="s">
        <v>172484</v>
      </c>
      <c r="C51382" s="1" t="s">
        <v>170</v>
      </c>
      <c r="D51382" s="1" t="s">
        <v>159849</v>
      </c>
      <c r="E51382" s="1" t="s">
        <v>173650</v>
      </c>
      <c r="F51382" s="1" t="s">
        <v>173651</v>
      </c>
      <c r="G51382" s="1" t="s">
        <v>173539</v>
      </c>
      <c r="H51382" s="1" t="s">
        <v>173540</v>
      </c>
      <c r="I51382" s="1" t="s">
        <v>172490</v>
      </c>
      <c r="J51382" s="1" t="s">
        <v>173652</v>
      </c>
    </row>
    <row r="51383" spans="1:10" x14ac:dyDescent="0.35">
      <c r="A51383" s="1" t="s">
        <v>9175</v>
      </c>
      <c r="B51383" s="1" t="s">
        <v>172484</v>
      </c>
      <c r="C51383" s="1" t="s">
        <v>8</v>
      </c>
      <c r="D51383" s="1" t="s">
        <v>17783</v>
      </c>
      <c r="E51383" s="1" t="s">
        <v>173653</v>
      </c>
      <c r="F51383" s="1" t="s">
        <v>173654</v>
      </c>
      <c r="G51383" s="1" t="s">
        <v>173655</v>
      </c>
      <c r="H51383" s="1" t="s">
        <v>173656</v>
      </c>
      <c r="I51383" s="1" t="s">
        <v>172490</v>
      </c>
      <c r="J51383" s="1" t="s">
        <v>13</v>
      </c>
    </row>
    <row r="51384" spans="1:10" x14ac:dyDescent="0.35">
      <c r="A51384" s="1" t="s">
        <v>9175</v>
      </c>
      <c r="B51384" s="1" t="s">
        <v>172484</v>
      </c>
      <c r="C51384" s="1" t="s">
        <v>15</v>
      </c>
      <c r="D51384" s="1" t="s">
        <v>156020</v>
      </c>
      <c r="E51384" s="1" t="s">
        <v>173657</v>
      </c>
      <c r="F51384" s="1" t="s">
        <v>173658</v>
      </c>
      <c r="G51384" s="1" t="s">
        <v>173655</v>
      </c>
      <c r="H51384" s="1" t="s">
        <v>173656</v>
      </c>
      <c r="I51384" s="1" t="s">
        <v>172490</v>
      </c>
      <c r="J51384" s="1" t="s">
        <v>173659</v>
      </c>
    </row>
    <row r="51385" spans="1:10" x14ac:dyDescent="0.35">
      <c r="A51385" s="1" t="s">
        <v>9175</v>
      </c>
      <c r="B51385" s="1" t="s">
        <v>172484</v>
      </c>
      <c r="C51385" s="1" t="s">
        <v>20</v>
      </c>
      <c r="D51385" s="1" t="s">
        <v>173660</v>
      </c>
      <c r="E51385" s="1" t="s">
        <v>173661</v>
      </c>
      <c r="F51385" s="1" t="s">
        <v>173662</v>
      </c>
      <c r="G51385" s="1" t="s">
        <v>173655</v>
      </c>
      <c r="H51385" s="1" t="s">
        <v>173656</v>
      </c>
      <c r="I51385" s="1" t="s">
        <v>172490</v>
      </c>
      <c r="J51385" s="1" t="s">
        <v>173663</v>
      </c>
    </row>
    <row r="51386" spans="1:10" x14ac:dyDescent="0.35">
      <c r="A51386" s="1" t="s">
        <v>9175</v>
      </c>
      <c r="B51386" s="1" t="s">
        <v>172484</v>
      </c>
      <c r="C51386" s="1" t="s">
        <v>25</v>
      </c>
      <c r="D51386" s="1" t="s">
        <v>135183</v>
      </c>
      <c r="E51386" s="1" t="s">
        <v>173664</v>
      </c>
      <c r="F51386" s="1" t="s">
        <v>173665</v>
      </c>
      <c r="G51386" s="1" t="s">
        <v>173655</v>
      </c>
      <c r="H51386" s="1" t="s">
        <v>173656</v>
      </c>
      <c r="I51386" s="1" t="s">
        <v>172490</v>
      </c>
      <c r="J51386" s="1" t="s">
        <v>173666</v>
      </c>
    </row>
    <row r="51387" spans="1:10" x14ac:dyDescent="0.35">
      <c r="A51387" s="1" t="s">
        <v>9175</v>
      </c>
      <c r="B51387" s="1" t="s">
        <v>172484</v>
      </c>
      <c r="C51387" s="1" t="s">
        <v>30</v>
      </c>
      <c r="D51387" s="1" t="s">
        <v>173667</v>
      </c>
      <c r="E51387" s="1" t="s">
        <v>173668</v>
      </c>
      <c r="F51387" s="1" t="s">
        <v>173669</v>
      </c>
      <c r="G51387" s="1" t="s">
        <v>173655</v>
      </c>
      <c r="H51387" s="1" t="s">
        <v>173656</v>
      </c>
      <c r="I51387" s="1" t="s">
        <v>172490</v>
      </c>
      <c r="J51387" s="1" t="s">
        <v>173670</v>
      </c>
    </row>
    <row r="51388" spans="1:10" x14ac:dyDescent="0.35">
      <c r="A51388" s="1" t="s">
        <v>9175</v>
      </c>
      <c r="B51388" s="1" t="s">
        <v>172484</v>
      </c>
      <c r="C51388" s="1" t="s">
        <v>35</v>
      </c>
      <c r="D51388" s="1" t="s">
        <v>173671</v>
      </c>
      <c r="E51388" s="1" t="s">
        <v>173672</v>
      </c>
      <c r="F51388" s="1" t="s">
        <v>173673</v>
      </c>
      <c r="G51388" s="1" t="s">
        <v>173655</v>
      </c>
      <c r="H51388" s="1" t="s">
        <v>173656</v>
      </c>
      <c r="I51388" s="1" t="s">
        <v>172490</v>
      </c>
      <c r="J51388" s="1" t="s">
        <v>173674</v>
      </c>
    </row>
    <row r="51389" spans="1:10" x14ac:dyDescent="0.35">
      <c r="A51389" s="1" t="s">
        <v>9175</v>
      </c>
      <c r="B51389" s="1" t="s">
        <v>172484</v>
      </c>
      <c r="C51389" s="1" t="s">
        <v>40</v>
      </c>
      <c r="D51389" s="1" t="s">
        <v>121699</v>
      </c>
      <c r="E51389" s="1" t="s">
        <v>173675</v>
      </c>
      <c r="F51389" s="1" t="s">
        <v>173676</v>
      </c>
      <c r="G51389" s="1" t="s">
        <v>173655</v>
      </c>
      <c r="H51389" s="1" t="s">
        <v>173656</v>
      </c>
      <c r="I51389" s="1" t="s">
        <v>172490</v>
      </c>
      <c r="J51389" s="1" t="s">
        <v>173677</v>
      </c>
    </row>
    <row r="51390" spans="1:10" x14ac:dyDescent="0.35">
      <c r="A51390" s="1" t="s">
        <v>9175</v>
      </c>
      <c r="B51390" s="1" t="s">
        <v>172484</v>
      </c>
      <c r="C51390" s="1" t="s">
        <v>45</v>
      </c>
      <c r="D51390" s="1" t="s">
        <v>173678</v>
      </c>
      <c r="E51390" s="1" t="s">
        <v>173679</v>
      </c>
      <c r="F51390" s="1" t="s">
        <v>173680</v>
      </c>
      <c r="G51390" s="1" t="s">
        <v>173655</v>
      </c>
      <c r="H51390" s="1" t="s">
        <v>173656</v>
      </c>
      <c r="I51390" s="1" t="s">
        <v>172490</v>
      </c>
      <c r="J51390" s="1" t="s">
        <v>173681</v>
      </c>
    </row>
    <row r="51391" spans="1:10" x14ac:dyDescent="0.35">
      <c r="A51391" s="1" t="s">
        <v>9175</v>
      </c>
      <c r="B51391" s="1" t="s">
        <v>172484</v>
      </c>
      <c r="C51391" s="1" t="s">
        <v>50</v>
      </c>
      <c r="D51391" s="1" t="s">
        <v>71619</v>
      </c>
      <c r="E51391" s="1" t="s">
        <v>173682</v>
      </c>
      <c r="F51391" s="1" t="s">
        <v>173683</v>
      </c>
      <c r="G51391" s="1" t="s">
        <v>173655</v>
      </c>
      <c r="H51391" s="1" t="s">
        <v>173656</v>
      </c>
      <c r="I51391" s="1" t="s">
        <v>172490</v>
      </c>
      <c r="J51391" s="1" t="s">
        <v>173684</v>
      </c>
    </row>
    <row r="51392" spans="1:10" x14ac:dyDescent="0.35">
      <c r="A51392" s="1" t="s">
        <v>9175</v>
      </c>
      <c r="B51392" s="1" t="s">
        <v>172484</v>
      </c>
      <c r="C51392" s="1" t="s">
        <v>55</v>
      </c>
      <c r="D51392" s="1" t="s">
        <v>173685</v>
      </c>
      <c r="E51392" s="1" t="s">
        <v>173686</v>
      </c>
      <c r="F51392" s="1" t="s">
        <v>173687</v>
      </c>
      <c r="G51392" s="1" t="s">
        <v>173655</v>
      </c>
      <c r="H51392" s="1" t="s">
        <v>173656</v>
      </c>
      <c r="I51392" s="1" t="s">
        <v>172490</v>
      </c>
      <c r="J51392" s="1" t="s">
        <v>173688</v>
      </c>
    </row>
    <row r="51393" spans="1:10" x14ac:dyDescent="0.35">
      <c r="A51393" s="1" t="s">
        <v>9175</v>
      </c>
      <c r="B51393" s="1" t="s">
        <v>172484</v>
      </c>
      <c r="C51393" s="1" t="s">
        <v>60</v>
      </c>
      <c r="D51393" s="1" t="s">
        <v>35377</v>
      </c>
      <c r="E51393" s="1" t="s">
        <v>173689</v>
      </c>
      <c r="F51393" s="1" t="s">
        <v>173690</v>
      </c>
      <c r="G51393" s="1" t="s">
        <v>173655</v>
      </c>
      <c r="H51393" s="1" t="s">
        <v>173656</v>
      </c>
      <c r="I51393" s="1" t="s">
        <v>172490</v>
      </c>
      <c r="J51393" s="1" t="s">
        <v>173691</v>
      </c>
    </row>
    <row r="51394" spans="1:10" x14ac:dyDescent="0.35">
      <c r="A51394" s="1" t="s">
        <v>9175</v>
      </c>
      <c r="B51394" s="1" t="s">
        <v>172484</v>
      </c>
      <c r="C51394" s="1" t="s">
        <v>65</v>
      </c>
      <c r="D51394" s="1" t="s">
        <v>50406</v>
      </c>
      <c r="E51394" s="1" t="s">
        <v>173692</v>
      </c>
      <c r="F51394" s="1" t="s">
        <v>173693</v>
      </c>
      <c r="G51394" s="1" t="s">
        <v>173655</v>
      </c>
      <c r="H51394" s="1" t="s">
        <v>173656</v>
      </c>
      <c r="I51394" s="1" t="s">
        <v>172490</v>
      </c>
      <c r="J51394" s="1" t="s">
        <v>173694</v>
      </c>
    </row>
    <row r="51395" spans="1:10" x14ac:dyDescent="0.35">
      <c r="A51395" s="1" t="s">
        <v>9175</v>
      </c>
      <c r="B51395" s="1" t="s">
        <v>172484</v>
      </c>
      <c r="C51395" s="1" t="s">
        <v>70</v>
      </c>
      <c r="D51395" s="1" t="s">
        <v>74353</v>
      </c>
      <c r="E51395" s="1" t="s">
        <v>173695</v>
      </c>
      <c r="F51395" s="1" t="s">
        <v>173696</v>
      </c>
      <c r="G51395" s="1" t="s">
        <v>173655</v>
      </c>
      <c r="H51395" s="1" t="s">
        <v>173656</v>
      </c>
      <c r="I51395" s="1" t="s">
        <v>172490</v>
      </c>
      <c r="J51395" s="1" t="s">
        <v>173697</v>
      </c>
    </row>
    <row r="51396" spans="1:10" x14ac:dyDescent="0.35">
      <c r="A51396" s="1" t="s">
        <v>9175</v>
      </c>
      <c r="B51396" s="1" t="s">
        <v>172484</v>
      </c>
      <c r="C51396" s="1" t="s">
        <v>75</v>
      </c>
      <c r="D51396" s="1" t="s">
        <v>71448</v>
      </c>
      <c r="E51396" s="1" t="s">
        <v>173698</v>
      </c>
      <c r="F51396" s="1" t="s">
        <v>173699</v>
      </c>
      <c r="G51396" s="1" t="s">
        <v>173655</v>
      </c>
      <c r="H51396" s="1" t="s">
        <v>173656</v>
      </c>
      <c r="I51396" s="1" t="s">
        <v>172490</v>
      </c>
      <c r="J51396" s="1" t="s">
        <v>173700</v>
      </c>
    </row>
    <row r="51397" spans="1:10" x14ac:dyDescent="0.35">
      <c r="A51397" s="1" t="s">
        <v>9175</v>
      </c>
      <c r="B51397" s="1" t="s">
        <v>172484</v>
      </c>
      <c r="C51397" s="1" t="s">
        <v>80</v>
      </c>
      <c r="D51397" s="1" t="s">
        <v>173701</v>
      </c>
      <c r="E51397" s="1" t="s">
        <v>173702</v>
      </c>
      <c r="F51397" s="1" t="s">
        <v>173703</v>
      </c>
      <c r="G51397" s="1" t="s">
        <v>173655</v>
      </c>
      <c r="H51397" s="1" t="s">
        <v>173656</v>
      </c>
      <c r="I51397" s="1" t="s">
        <v>172490</v>
      </c>
      <c r="J51397" s="1" t="s">
        <v>173704</v>
      </c>
    </row>
    <row r="51398" spans="1:10" x14ac:dyDescent="0.35">
      <c r="A51398" s="1" t="s">
        <v>9175</v>
      </c>
      <c r="B51398" s="1" t="s">
        <v>172484</v>
      </c>
      <c r="C51398" s="1" t="s">
        <v>85</v>
      </c>
      <c r="D51398" s="1" t="s">
        <v>173705</v>
      </c>
      <c r="E51398" s="1" t="s">
        <v>173706</v>
      </c>
      <c r="F51398" s="1" t="s">
        <v>173707</v>
      </c>
      <c r="G51398" s="1" t="s">
        <v>173655</v>
      </c>
      <c r="H51398" s="1" t="s">
        <v>173656</v>
      </c>
      <c r="I51398" s="1" t="s">
        <v>172490</v>
      </c>
      <c r="J51398" s="1" t="s">
        <v>173708</v>
      </c>
    </row>
    <row r="51399" spans="1:10" x14ac:dyDescent="0.35">
      <c r="A51399" s="1" t="s">
        <v>9175</v>
      </c>
      <c r="B51399" s="1" t="s">
        <v>172484</v>
      </c>
      <c r="C51399" s="1" t="s">
        <v>90</v>
      </c>
      <c r="D51399" s="1" t="s">
        <v>116917</v>
      </c>
      <c r="E51399" s="1" t="s">
        <v>173709</v>
      </c>
      <c r="F51399" s="1" t="s">
        <v>173710</v>
      </c>
      <c r="G51399" s="1" t="s">
        <v>173655</v>
      </c>
      <c r="H51399" s="1" t="s">
        <v>173656</v>
      </c>
      <c r="I51399" s="1" t="s">
        <v>172490</v>
      </c>
      <c r="J51399" s="1" t="s">
        <v>173711</v>
      </c>
    </row>
    <row r="51400" spans="1:10" x14ac:dyDescent="0.35">
      <c r="A51400" s="1" t="s">
        <v>9175</v>
      </c>
      <c r="B51400" s="1" t="s">
        <v>172484</v>
      </c>
      <c r="C51400" s="1" t="s">
        <v>95</v>
      </c>
      <c r="D51400" s="1" t="s">
        <v>173712</v>
      </c>
      <c r="E51400" s="1" t="s">
        <v>173713</v>
      </c>
      <c r="F51400" s="1" t="s">
        <v>173714</v>
      </c>
      <c r="G51400" s="1" t="s">
        <v>173655</v>
      </c>
      <c r="H51400" s="1" t="s">
        <v>173656</v>
      </c>
      <c r="I51400" s="1" t="s">
        <v>172490</v>
      </c>
      <c r="J51400" s="1" t="s">
        <v>173715</v>
      </c>
    </row>
    <row r="51401" spans="1:10" x14ac:dyDescent="0.35">
      <c r="A51401" s="1" t="s">
        <v>9175</v>
      </c>
      <c r="B51401" s="1" t="s">
        <v>172484</v>
      </c>
      <c r="C51401" s="1" t="s">
        <v>100</v>
      </c>
      <c r="D51401" s="1" t="s">
        <v>83707</v>
      </c>
      <c r="E51401" s="1" t="s">
        <v>173716</v>
      </c>
      <c r="F51401" s="1" t="s">
        <v>173717</v>
      </c>
      <c r="G51401" s="1" t="s">
        <v>173655</v>
      </c>
      <c r="H51401" s="1" t="s">
        <v>173656</v>
      </c>
      <c r="I51401" s="1" t="s">
        <v>172490</v>
      </c>
      <c r="J51401" s="1" t="s">
        <v>173718</v>
      </c>
    </row>
    <row r="51402" spans="1:10" x14ac:dyDescent="0.35">
      <c r="A51402" s="1" t="s">
        <v>9175</v>
      </c>
      <c r="B51402" s="1" t="s">
        <v>172484</v>
      </c>
      <c r="C51402" s="1" t="s">
        <v>105</v>
      </c>
      <c r="D51402" s="1" t="s">
        <v>173719</v>
      </c>
      <c r="E51402" s="1" t="s">
        <v>173720</v>
      </c>
      <c r="F51402" s="1" t="s">
        <v>173721</v>
      </c>
      <c r="G51402" s="1" t="s">
        <v>173655</v>
      </c>
      <c r="H51402" s="1" t="s">
        <v>173656</v>
      </c>
      <c r="I51402" s="1" t="s">
        <v>172490</v>
      </c>
      <c r="J51402" s="1" t="s">
        <v>173722</v>
      </c>
    </row>
    <row r="51403" spans="1:10" x14ac:dyDescent="0.35">
      <c r="A51403" s="1" t="s">
        <v>9175</v>
      </c>
      <c r="B51403" s="1" t="s">
        <v>172484</v>
      </c>
      <c r="C51403" s="1" t="s">
        <v>110</v>
      </c>
      <c r="D51403" s="1" t="s">
        <v>173723</v>
      </c>
      <c r="E51403" s="1" t="s">
        <v>173724</v>
      </c>
      <c r="F51403" s="1" t="s">
        <v>173725</v>
      </c>
      <c r="G51403" s="1" t="s">
        <v>173655</v>
      </c>
      <c r="H51403" s="1" t="s">
        <v>173656</v>
      </c>
      <c r="I51403" s="1" t="s">
        <v>172490</v>
      </c>
      <c r="J51403" s="1" t="s">
        <v>173726</v>
      </c>
    </row>
    <row r="51404" spans="1:10" x14ac:dyDescent="0.35">
      <c r="A51404" s="1" t="s">
        <v>9175</v>
      </c>
      <c r="B51404" s="1" t="s">
        <v>172484</v>
      </c>
      <c r="C51404" s="1" t="s">
        <v>115</v>
      </c>
      <c r="D51404" s="1" t="s">
        <v>173727</v>
      </c>
      <c r="E51404" s="1" t="s">
        <v>173728</v>
      </c>
      <c r="F51404" s="1" t="s">
        <v>173729</v>
      </c>
      <c r="G51404" s="1" t="s">
        <v>173655</v>
      </c>
      <c r="H51404" s="1" t="s">
        <v>173656</v>
      </c>
      <c r="I51404" s="1" t="s">
        <v>172490</v>
      </c>
      <c r="J51404" s="1" t="s">
        <v>173730</v>
      </c>
    </row>
    <row r="51405" spans="1:10" x14ac:dyDescent="0.35">
      <c r="A51405" s="1" t="s">
        <v>9175</v>
      </c>
      <c r="B51405" s="1" t="s">
        <v>172484</v>
      </c>
      <c r="C51405" s="1" t="s">
        <v>120</v>
      </c>
      <c r="D51405" s="1" t="s">
        <v>147198</v>
      </c>
      <c r="E51405" s="1" t="s">
        <v>173731</v>
      </c>
      <c r="F51405" s="1" t="s">
        <v>173732</v>
      </c>
      <c r="G51405" s="1" t="s">
        <v>173655</v>
      </c>
      <c r="H51405" s="1" t="s">
        <v>173656</v>
      </c>
      <c r="I51405" s="1" t="s">
        <v>172490</v>
      </c>
      <c r="J51405" s="1" t="s">
        <v>173733</v>
      </c>
    </row>
    <row r="51406" spans="1:10" x14ac:dyDescent="0.35">
      <c r="A51406" s="1" t="s">
        <v>9175</v>
      </c>
      <c r="B51406" s="1" t="s">
        <v>172484</v>
      </c>
      <c r="C51406" s="1" t="s">
        <v>125</v>
      </c>
      <c r="D51406" s="1" t="s">
        <v>173734</v>
      </c>
      <c r="E51406" s="1" t="s">
        <v>173735</v>
      </c>
      <c r="F51406" s="1" t="s">
        <v>173736</v>
      </c>
      <c r="G51406" s="1" t="s">
        <v>173655</v>
      </c>
      <c r="H51406" s="1" t="s">
        <v>173656</v>
      </c>
      <c r="I51406" s="1" t="s">
        <v>172490</v>
      </c>
      <c r="J51406" s="1" t="s">
        <v>173737</v>
      </c>
    </row>
    <row r="51407" spans="1:10" x14ac:dyDescent="0.35">
      <c r="A51407" s="1" t="s">
        <v>9175</v>
      </c>
      <c r="B51407" s="1" t="s">
        <v>172484</v>
      </c>
      <c r="C51407" s="1" t="s">
        <v>130</v>
      </c>
      <c r="D51407" s="1" t="s">
        <v>173738</v>
      </c>
      <c r="E51407" s="1" t="s">
        <v>173739</v>
      </c>
      <c r="F51407" s="1" t="s">
        <v>173740</v>
      </c>
      <c r="G51407" s="1" t="s">
        <v>173655</v>
      </c>
      <c r="H51407" s="1" t="s">
        <v>173656</v>
      </c>
      <c r="I51407" s="1" t="s">
        <v>172490</v>
      </c>
      <c r="J51407" s="1" t="s">
        <v>173741</v>
      </c>
    </row>
    <row r="51408" spans="1:10" x14ac:dyDescent="0.35">
      <c r="A51408" s="1" t="s">
        <v>9175</v>
      </c>
      <c r="B51408" s="1" t="s">
        <v>172484</v>
      </c>
      <c r="C51408" s="1" t="s">
        <v>135</v>
      </c>
      <c r="D51408" s="1" t="s">
        <v>102164</v>
      </c>
      <c r="E51408" s="1" t="s">
        <v>173742</v>
      </c>
      <c r="F51408" s="1" t="s">
        <v>173743</v>
      </c>
      <c r="G51408" s="1" t="s">
        <v>173655</v>
      </c>
      <c r="H51408" s="1" t="s">
        <v>173656</v>
      </c>
      <c r="I51408" s="1" t="s">
        <v>172490</v>
      </c>
      <c r="J51408" s="1" t="s">
        <v>173744</v>
      </c>
    </row>
    <row r="51409" spans="1:10" x14ac:dyDescent="0.35">
      <c r="A51409" s="1" t="s">
        <v>9175</v>
      </c>
      <c r="B51409" s="1" t="s">
        <v>172484</v>
      </c>
      <c r="C51409" s="1" t="s">
        <v>140</v>
      </c>
      <c r="D51409" s="1" t="s">
        <v>173745</v>
      </c>
      <c r="E51409" s="1" t="s">
        <v>173746</v>
      </c>
      <c r="F51409" s="1" t="s">
        <v>173747</v>
      </c>
      <c r="G51409" s="1" t="s">
        <v>173655</v>
      </c>
      <c r="H51409" s="1" t="s">
        <v>173656</v>
      </c>
      <c r="I51409" s="1" t="s">
        <v>172490</v>
      </c>
      <c r="J51409" s="1" t="s">
        <v>173748</v>
      </c>
    </row>
    <row r="51410" spans="1:10" x14ac:dyDescent="0.35">
      <c r="A51410" s="1" t="s">
        <v>9175</v>
      </c>
      <c r="B51410" s="1" t="s">
        <v>172484</v>
      </c>
      <c r="C51410" s="1" t="s">
        <v>145</v>
      </c>
      <c r="D51410" s="1" t="s">
        <v>173749</v>
      </c>
      <c r="E51410" s="1" t="s">
        <v>173750</v>
      </c>
      <c r="F51410" s="1" t="s">
        <v>173751</v>
      </c>
      <c r="G51410" s="1" t="s">
        <v>173655</v>
      </c>
      <c r="H51410" s="1" t="s">
        <v>173656</v>
      </c>
      <c r="I51410" s="1" t="s">
        <v>172490</v>
      </c>
      <c r="J51410" s="1" t="s">
        <v>173752</v>
      </c>
    </row>
    <row r="51411" spans="1:10" x14ac:dyDescent="0.35">
      <c r="A51411" s="1" t="s">
        <v>9175</v>
      </c>
      <c r="B51411" s="1" t="s">
        <v>172484</v>
      </c>
      <c r="C51411" s="1" t="s">
        <v>150</v>
      </c>
      <c r="D51411" s="1" t="s">
        <v>173753</v>
      </c>
      <c r="E51411" s="1" t="s">
        <v>173754</v>
      </c>
      <c r="F51411" s="1" t="s">
        <v>173755</v>
      </c>
      <c r="G51411" s="1" t="s">
        <v>173655</v>
      </c>
      <c r="H51411" s="1" t="s">
        <v>173656</v>
      </c>
      <c r="I51411" s="1" t="s">
        <v>172490</v>
      </c>
      <c r="J51411" s="1" t="s">
        <v>173756</v>
      </c>
    </row>
    <row r="51412" spans="1:10" x14ac:dyDescent="0.35">
      <c r="A51412" s="1" t="s">
        <v>9175</v>
      </c>
      <c r="B51412" s="1" t="s">
        <v>172484</v>
      </c>
      <c r="C51412" s="1" t="s">
        <v>155</v>
      </c>
      <c r="D51412" s="1" t="s">
        <v>173757</v>
      </c>
      <c r="E51412" s="1" t="s">
        <v>173758</v>
      </c>
      <c r="F51412" s="1" t="s">
        <v>173759</v>
      </c>
      <c r="G51412" s="1" t="s">
        <v>173655</v>
      </c>
      <c r="H51412" s="1" t="s">
        <v>173656</v>
      </c>
      <c r="I51412" s="1" t="s">
        <v>172490</v>
      </c>
      <c r="J51412" s="1" t="s">
        <v>173760</v>
      </c>
    </row>
    <row r="51413" spans="1:10" x14ac:dyDescent="0.35">
      <c r="A51413" s="1" t="s">
        <v>9175</v>
      </c>
      <c r="B51413" s="1" t="s">
        <v>172484</v>
      </c>
      <c r="C51413" s="1" t="s">
        <v>160</v>
      </c>
      <c r="D51413" s="1" t="s">
        <v>173761</v>
      </c>
      <c r="E51413" s="1" t="s">
        <v>173762</v>
      </c>
      <c r="F51413" s="1" t="s">
        <v>113408</v>
      </c>
      <c r="G51413" s="1" t="s">
        <v>173655</v>
      </c>
      <c r="H51413" s="1" t="s">
        <v>173656</v>
      </c>
      <c r="I51413" s="1" t="s">
        <v>172490</v>
      </c>
      <c r="J51413" s="1" t="s">
        <v>173763</v>
      </c>
    </row>
    <row r="51414" spans="1:10" x14ac:dyDescent="0.35">
      <c r="A51414" s="1" t="s">
        <v>9175</v>
      </c>
      <c r="B51414" s="1" t="s">
        <v>172484</v>
      </c>
      <c r="C51414" s="1" t="s">
        <v>165</v>
      </c>
      <c r="D51414" s="1" t="s">
        <v>107752</v>
      </c>
      <c r="E51414" s="1" t="s">
        <v>173764</v>
      </c>
      <c r="F51414" s="1" t="s">
        <v>173765</v>
      </c>
      <c r="G51414" s="1" t="s">
        <v>173655</v>
      </c>
      <c r="H51414" s="1" t="s">
        <v>173656</v>
      </c>
      <c r="I51414" s="1" t="s">
        <v>172490</v>
      </c>
      <c r="J51414" s="1" t="s">
        <v>173766</v>
      </c>
    </row>
    <row r="51415" spans="1:10" x14ac:dyDescent="0.35">
      <c r="A51415" s="1" t="s">
        <v>9175</v>
      </c>
      <c r="B51415" s="1" t="s">
        <v>172484</v>
      </c>
      <c r="C51415" s="1" t="s">
        <v>170</v>
      </c>
      <c r="D51415" s="1" t="s">
        <v>173767</v>
      </c>
      <c r="E51415" s="1" t="s">
        <v>173768</v>
      </c>
      <c r="F51415" s="1" t="s">
        <v>173769</v>
      </c>
      <c r="G51415" s="1" t="s">
        <v>173655</v>
      </c>
      <c r="H51415" s="1" t="s">
        <v>173656</v>
      </c>
      <c r="I51415" s="1" t="s">
        <v>172490</v>
      </c>
      <c r="J51415" s="1" t="s">
        <v>118197</v>
      </c>
    </row>
    <row r="51416" spans="1:10" x14ac:dyDescent="0.35">
      <c r="A51416" s="1" t="s">
        <v>30012</v>
      </c>
      <c r="B51416" s="1" t="s">
        <v>172484</v>
      </c>
      <c r="C51416" s="1" t="s">
        <v>8</v>
      </c>
      <c r="D51416" s="1" t="s">
        <v>173770</v>
      </c>
      <c r="E51416" s="1" t="s">
        <v>53815</v>
      </c>
      <c r="F51416" s="1" t="s">
        <v>162580</v>
      </c>
      <c r="G51416" s="1" t="s">
        <v>173771</v>
      </c>
      <c r="H51416" s="1" t="s">
        <v>173772</v>
      </c>
      <c r="I51416" s="1" t="s">
        <v>172490</v>
      </c>
      <c r="J51416" s="1" t="s">
        <v>13</v>
      </c>
    </row>
    <row r="51417" spans="1:10" x14ac:dyDescent="0.35">
      <c r="A51417" s="1" t="s">
        <v>30012</v>
      </c>
      <c r="B51417" s="1" t="s">
        <v>172484</v>
      </c>
      <c r="C51417" s="1" t="s">
        <v>15</v>
      </c>
      <c r="D51417" s="1" t="s">
        <v>173773</v>
      </c>
      <c r="E51417" s="1" t="s">
        <v>56889</v>
      </c>
      <c r="F51417" s="1" t="s">
        <v>66434</v>
      </c>
      <c r="G51417" s="1" t="s">
        <v>173771</v>
      </c>
      <c r="H51417" s="1" t="s">
        <v>173772</v>
      </c>
      <c r="I51417" s="1" t="s">
        <v>172490</v>
      </c>
      <c r="J51417" s="1" t="s">
        <v>173774</v>
      </c>
    </row>
    <row r="51418" spans="1:10" x14ac:dyDescent="0.35">
      <c r="A51418" s="1" t="s">
        <v>30012</v>
      </c>
      <c r="B51418" s="1" t="s">
        <v>172484</v>
      </c>
      <c r="C51418" s="1" t="s">
        <v>20</v>
      </c>
      <c r="D51418" s="1" t="s">
        <v>173775</v>
      </c>
      <c r="E51418" s="1" t="s">
        <v>12849</v>
      </c>
      <c r="F51418" s="1" t="s">
        <v>173776</v>
      </c>
      <c r="G51418" s="1" t="s">
        <v>173771</v>
      </c>
      <c r="H51418" s="1" t="s">
        <v>173772</v>
      </c>
      <c r="I51418" s="1" t="s">
        <v>172490</v>
      </c>
      <c r="J51418" s="1" t="s">
        <v>173777</v>
      </c>
    </row>
    <row r="51419" spans="1:10" x14ac:dyDescent="0.35">
      <c r="A51419" s="1" t="s">
        <v>30012</v>
      </c>
      <c r="B51419" s="1" t="s">
        <v>172484</v>
      </c>
      <c r="C51419" s="1" t="s">
        <v>25</v>
      </c>
      <c r="D51419" s="1" t="s">
        <v>11218</v>
      </c>
      <c r="E51419" s="1" t="s">
        <v>66370</v>
      </c>
      <c r="F51419" s="1" t="s">
        <v>173778</v>
      </c>
      <c r="G51419" s="1" t="s">
        <v>173771</v>
      </c>
      <c r="H51419" s="1" t="s">
        <v>173772</v>
      </c>
      <c r="I51419" s="1" t="s">
        <v>172490</v>
      </c>
      <c r="J51419" s="1" t="s">
        <v>173779</v>
      </c>
    </row>
    <row r="51420" spans="1:10" x14ac:dyDescent="0.35">
      <c r="A51420" s="1" t="s">
        <v>30012</v>
      </c>
      <c r="B51420" s="1" t="s">
        <v>172484</v>
      </c>
      <c r="C51420" s="1" t="s">
        <v>30</v>
      </c>
      <c r="D51420" s="1" t="s">
        <v>173780</v>
      </c>
      <c r="E51420" s="1" t="s">
        <v>23016</v>
      </c>
      <c r="F51420" s="1" t="s">
        <v>22368</v>
      </c>
      <c r="G51420" s="1" t="s">
        <v>173771</v>
      </c>
      <c r="H51420" s="1" t="s">
        <v>173772</v>
      </c>
      <c r="I51420" s="1" t="s">
        <v>172490</v>
      </c>
      <c r="J51420" s="1" t="s">
        <v>173781</v>
      </c>
    </row>
    <row r="51421" spans="1:10" x14ac:dyDescent="0.35">
      <c r="A51421" s="1" t="s">
        <v>30012</v>
      </c>
      <c r="B51421" s="1" t="s">
        <v>172484</v>
      </c>
      <c r="C51421" s="1" t="s">
        <v>35</v>
      </c>
      <c r="D51421" s="1" t="s">
        <v>173782</v>
      </c>
      <c r="E51421" s="1" t="s">
        <v>55897</v>
      </c>
      <c r="F51421" s="1" t="s">
        <v>173783</v>
      </c>
      <c r="G51421" s="1" t="s">
        <v>173771</v>
      </c>
      <c r="H51421" s="1" t="s">
        <v>173772</v>
      </c>
      <c r="I51421" s="1" t="s">
        <v>172490</v>
      </c>
      <c r="J51421" s="1" t="s">
        <v>173784</v>
      </c>
    </row>
    <row r="51422" spans="1:10" x14ac:dyDescent="0.35">
      <c r="A51422" s="1" t="s">
        <v>30012</v>
      </c>
      <c r="B51422" s="1" t="s">
        <v>172484</v>
      </c>
      <c r="C51422" s="1" t="s">
        <v>40</v>
      </c>
      <c r="D51422" s="1" t="s">
        <v>149469</v>
      </c>
      <c r="E51422" s="1" t="s">
        <v>173785</v>
      </c>
      <c r="F51422" s="1" t="s">
        <v>173786</v>
      </c>
      <c r="G51422" s="1" t="s">
        <v>173771</v>
      </c>
      <c r="H51422" s="1" t="s">
        <v>173772</v>
      </c>
      <c r="I51422" s="1" t="s">
        <v>172490</v>
      </c>
      <c r="J51422" s="1" t="s">
        <v>173787</v>
      </c>
    </row>
    <row r="51423" spans="1:10" x14ac:dyDescent="0.35">
      <c r="A51423" s="1" t="s">
        <v>30012</v>
      </c>
      <c r="B51423" s="1" t="s">
        <v>172484</v>
      </c>
      <c r="C51423" s="1" t="s">
        <v>45</v>
      </c>
      <c r="D51423" s="1" t="s">
        <v>173788</v>
      </c>
      <c r="E51423" s="1" t="s">
        <v>173789</v>
      </c>
      <c r="F51423" s="1" t="s">
        <v>173790</v>
      </c>
      <c r="G51423" s="1" t="s">
        <v>173771</v>
      </c>
      <c r="H51423" s="1" t="s">
        <v>173772</v>
      </c>
      <c r="I51423" s="1" t="s">
        <v>172490</v>
      </c>
      <c r="J51423" s="1" t="s">
        <v>173791</v>
      </c>
    </row>
    <row r="51424" spans="1:10" x14ac:dyDescent="0.35">
      <c r="A51424" s="1" t="s">
        <v>30012</v>
      </c>
      <c r="B51424" s="1" t="s">
        <v>172484</v>
      </c>
      <c r="C51424" s="1" t="s">
        <v>50</v>
      </c>
      <c r="D51424" s="1" t="s">
        <v>173792</v>
      </c>
      <c r="E51424" s="1" t="s">
        <v>54383</v>
      </c>
      <c r="F51424" s="1" t="s">
        <v>173793</v>
      </c>
      <c r="G51424" s="1" t="s">
        <v>173771</v>
      </c>
      <c r="H51424" s="1" t="s">
        <v>173772</v>
      </c>
      <c r="I51424" s="1" t="s">
        <v>172490</v>
      </c>
      <c r="J51424" s="1" t="s">
        <v>173794</v>
      </c>
    </row>
    <row r="51425" spans="1:10" x14ac:dyDescent="0.35">
      <c r="A51425" s="1" t="s">
        <v>30012</v>
      </c>
      <c r="B51425" s="1" t="s">
        <v>172484</v>
      </c>
      <c r="C51425" s="1" t="s">
        <v>55</v>
      </c>
      <c r="D51425" s="1" t="s">
        <v>173795</v>
      </c>
      <c r="E51425" s="1" t="s">
        <v>12845</v>
      </c>
      <c r="F51425" s="1" t="s">
        <v>104030</v>
      </c>
      <c r="G51425" s="1" t="s">
        <v>173771</v>
      </c>
      <c r="H51425" s="1" t="s">
        <v>173772</v>
      </c>
      <c r="I51425" s="1" t="s">
        <v>172490</v>
      </c>
      <c r="J51425" s="1" t="s">
        <v>173796</v>
      </c>
    </row>
    <row r="51426" spans="1:10" x14ac:dyDescent="0.35">
      <c r="A51426" s="1" t="s">
        <v>30012</v>
      </c>
      <c r="B51426" s="1" t="s">
        <v>172484</v>
      </c>
      <c r="C51426" s="1" t="s">
        <v>60</v>
      </c>
      <c r="D51426" s="1" t="s">
        <v>173727</v>
      </c>
      <c r="E51426" s="1" t="s">
        <v>54074</v>
      </c>
      <c r="F51426" s="1" t="s">
        <v>31997</v>
      </c>
      <c r="G51426" s="1" t="s">
        <v>173771</v>
      </c>
      <c r="H51426" s="1" t="s">
        <v>173772</v>
      </c>
      <c r="I51426" s="1" t="s">
        <v>172490</v>
      </c>
      <c r="J51426" s="1" t="s">
        <v>173797</v>
      </c>
    </row>
    <row r="51427" spans="1:10" x14ac:dyDescent="0.35">
      <c r="A51427" s="1" t="s">
        <v>30012</v>
      </c>
      <c r="B51427" s="1" t="s">
        <v>172484</v>
      </c>
      <c r="C51427" s="1" t="s">
        <v>65</v>
      </c>
      <c r="D51427" s="1" t="s">
        <v>141924</v>
      </c>
      <c r="E51427" s="1" t="s">
        <v>41414</v>
      </c>
      <c r="F51427" s="1" t="s">
        <v>173798</v>
      </c>
      <c r="G51427" s="1" t="s">
        <v>173771</v>
      </c>
      <c r="H51427" s="1" t="s">
        <v>173772</v>
      </c>
      <c r="I51427" s="1" t="s">
        <v>172490</v>
      </c>
      <c r="J51427" s="1" t="s">
        <v>173799</v>
      </c>
    </row>
    <row r="51428" spans="1:10" x14ac:dyDescent="0.35">
      <c r="A51428" s="1" t="s">
        <v>30012</v>
      </c>
      <c r="B51428" s="1" t="s">
        <v>172484</v>
      </c>
      <c r="C51428" s="1" t="s">
        <v>70</v>
      </c>
      <c r="D51428" s="1" t="s">
        <v>149943</v>
      </c>
      <c r="E51428" s="1" t="s">
        <v>56956</v>
      </c>
      <c r="F51428" s="1" t="s">
        <v>173800</v>
      </c>
      <c r="G51428" s="1" t="s">
        <v>173771</v>
      </c>
      <c r="H51428" s="1" t="s">
        <v>173772</v>
      </c>
      <c r="I51428" s="1" t="s">
        <v>172490</v>
      </c>
      <c r="J51428" s="1" t="s">
        <v>173801</v>
      </c>
    </row>
    <row r="51429" spans="1:10" x14ac:dyDescent="0.35">
      <c r="A51429" s="1" t="s">
        <v>30012</v>
      </c>
      <c r="B51429" s="1" t="s">
        <v>172484</v>
      </c>
      <c r="C51429" s="1" t="s">
        <v>75</v>
      </c>
      <c r="D51429" s="1" t="s">
        <v>115099</v>
      </c>
      <c r="E51429" s="1" t="s">
        <v>56664</v>
      </c>
      <c r="F51429" s="1" t="s">
        <v>173802</v>
      </c>
      <c r="G51429" s="1" t="s">
        <v>173771</v>
      </c>
      <c r="H51429" s="1" t="s">
        <v>173772</v>
      </c>
      <c r="I51429" s="1" t="s">
        <v>172490</v>
      </c>
      <c r="J51429" s="1" t="s">
        <v>173803</v>
      </c>
    </row>
    <row r="51430" spans="1:10" x14ac:dyDescent="0.35">
      <c r="A51430" s="1" t="s">
        <v>30012</v>
      </c>
      <c r="B51430" s="1" t="s">
        <v>172484</v>
      </c>
      <c r="C51430" s="1" t="s">
        <v>80</v>
      </c>
      <c r="D51430" s="1" t="s">
        <v>11258</v>
      </c>
      <c r="E51430" s="1" t="s">
        <v>66959</v>
      </c>
      <c r="F51430" s="1" t="s">
        <v>27063</v>
      </c>
      <c r="G51430" s="1" t="s">
        <v>173771</v>
      </c>
      <c r="H51430" s="1" t="s">
        <v>173772</v>
      </c>
      <c r="I51430" s="1" t="s">
        <v>172490</v>
      </c>
      <c r="J51430" s="1" t="s">
        <v>173804</v>
      </c>
    </row>
    <row r="51431" spans="1:10" x14ac:dyDescent="0.35">
      <c r="A51431" s="1" t="s">
        <v>30012</v>
      </c>
      <c r="B51431" s="1" t="s">
        <v>172484</v>
      </c>
      <c r="C51431" s="1" t="s">
        <v>85</v>
      </c>
      <c r="D51431" s="1" t="s">
        <v>173805</v>
      </c>
      <c r="E51431" s="1" t="s">
        <v>99606</v>
      </c>
      <c r="F51431" s="1" t="s">
        <v>66914</v>
      </c>
      <c r="G51431" s="1" t="s">
        <v>173771</v>
      </c>
      <c r="H51431" s="1" t="s">
        <v>173772</v>
      </c>
      <c r="I51431" s="1" t="s">
        <v>172490</v>
      </c>
      <c r="J51431" s="1" t="s">
        <v>173806</v>
      </c>
    </row>
    <row r="51432" spans="1:10" x14ac:dyDescent="0.35">
      <c r="A51432" s="1" t="s">
        <v>30012</v>
      </c>
      <c r="B51432" s="1" t="s">
        <v>172484</v>
      </c>
      <c r="C51432" s="1" t="s">
        <v>90</v>
      </c>
      <c r="D51432" s="1" t="s">
        <v>115123</v>
      </c>
      <c r="E51432" s="1" t="s">
        <v>12809</v>
      </c>
      <c r="F51432" s="1" t="s">
        <v>173807</v>
      </c>
      <c r="G51432" s="1" t="s">
        <v>173771</v>
      </c>
      <c r="H51432" s="1" t="s">
        <v>173772</v>
      </c>
      <c r="I51432" s="1" t="s">
        <v>172490</v>
      </c>
      <c r="J51432" s="1" t="s">
        <v>173808</v>
      </c>
    </row>
    <row r="51433" spans="1:10" x14ac:dyDescent="0.35">
      <c r="A51433" s="1" t="s">
        <v>30012</v>
      </c>
      <c r="B51433" s="1" t="s">
        <v>172484</v>
      </c>
      <c r="C51433" s="1" t="s">
        <v>95</v>
      </c>
      <c r="D51433" s="1" t="s">
        <v>32778</v>
      </c>
      <c r="E51433" s="1" t="s">
        <v>55315</v>
      </c>
      <c r="F51433" s="1" t="s">
        <v>173809</v>
      </c>
      <c r="G51433" s="1" t="s">
        <v>173771</v>
      </c>
      <c r="H51433" s="1" t="s">
        <v>173772</v>
      </c>
      <c r="I51433" s="1" t="s">
        <v>172490</v>
      </c>
      <c r="J51433" s="1" t="s">
        <v>173810</v>
      </c>
    </row>
    <row r="51434" spans="1:10" x14ac:dyDescent="0.35">
      <c r="A51434" s="1" t="s">
        <v>30012</v>
      </c>
      <c r="B51434" s="1" t="s">
        <v>172484</v>
      </c>
      <c r="C51434" s="1" t="s">
        <v>100</v>
      </c>
      <c r="D51434" s="1" t="s">
        <v>173811</v>
      </c>
      <c r="E51434" s="1" t="s">
        <v>58447</v>
      </c>
      <c r="F51434" s="1" t="s">
        <v>99893</v>
      </c>
      <c r="G51434" s="1" t="s">
        <v>173771</v>
      </c>
      <c r="H51434" s="1" t="s">
        <v>173772</v>
      </c>
      <c r="I51434" s="1" t="s">
        <v>172490</v>
      </c>
      <c r="J51434" s="1" t="s">
        <v>173812</v>
      </c>
    </row>
    <row r="51435" spans="1:10" x14ac:dyDescent="0.35">
      <c r="A51435" s="1" t="s">
        <v>30012</v>
      </c>
      <c r="B51435" s="1" t="s">
        <v>172484</v>
      </c>
      <c r="C51435" s="1" t="s">
        <v>105</v>
      </c>
      <c r="D51435" s="1" t="s">
        <v>173813</v>
      </c>
      <c r="E51435" s="1" t="s">
        <v>55107</v>
      </c>
      <c r="F51435" s="1" t="s">
        <v>173814</v>
      </c>
      <c r="G51435" s="1" t="s">
        <v>173771</v>
      </c>
      <c r="H51435" s="1" t="s">
        <v>173772</v>
      </c>
      <c r="I51435" s="1" t="s">
        <v>172490</v>
      </c>
      <c r="J51435" s="1" t="s">
        <v>173815</v>
      </c>
    </row>
    <row r="51436" spans="1:10" x14ac:dyDescent="0.35">
      <c r="A51436" s="1" t="s">
        <v>30012</v>
      </c>
      <c r="B51436" s="1" t="s">
        <v>172484</v>
      </c>
      <c r="C51436" s="1" t="s">
        <v>110</v>
      </c>
      <c r="D51436" s="1" t="s">
        <v>3312</v>
      </c>
      <c r="E51436" s="1" t="s">
        <v>56994</v>
      </c>
      <c r="F51436" s="1" t="s">
        <v>173816</v>
      </c>
      <c r="G51436" s="1" t="s">
        <v>173771</v>
      </c>
      <c r="H51436" s="1" t="s">
        <v>173772</v>
      </c>
      <c r="I51436" s="1" t="s">
        <v>172490</v>
      </c>
      <c r="J51436" s="1" t="s">
        <v>173817</v>
      </c>
    </row>
    <row r="51437" spans="1:10" x14ac:dyDescent="0.35">
      <c r="A51437" s="1" t="s">
        <v>30012</v>
      </c>
      <c r="B51437" s="1" t="s">
        <v>172484</v>
      </c>
      <c r="C51437" s="1" t="s">
        <v>115</v>
      </c>
      <c r="D51437" s="1" t="s">
        <v>166969</v>
      </c>
      <c r="E51437" s="1" t="s">
        <v>58534</v>
      </c>
      <c r="F51437" s="1" t="s">
        <v>67029</v>
      </c>
      <c r="G51437" s="1" t="s">
        <v>173771</v>
      </c>
      <c r="H51437" s="1" t="s">
        <v>173772</v>
      </c>
      <c r="I51437" s="1" t="s">
        <v>172490</v>
      </c>
      <c r="J51437" s="1" t="s">
        <v>173818</v>
      </c>
    </row>
    <row r="51438" spans="1:10" x14ac:dyDescent="0.35">
      <c r="A51438" s="1" t="s">
        <v>30012</v>
      </c>
      <c r="B51438" s="1" t="s">
        <v>172484</v>
      </c>
      <c r="C51438" s="1" t="s">
        <v>120</v>
      </c>
      <c r="D51438" s="1" t="s">
        <v>98622</v>
      </c>
      <c r="E51438" s="1" t="s">
        <v>21917</v>
      </c>
      <c r="F51438" s="1" t="s">
        <v>173819</v>
      </c>
      <c r="G51438" s="1" t="s">
        <v>173771</v>
      </c>
      <c r="H51438" s="1" t="s">
        <v>173772</v>
      </c>
      <c r="I51438" s="1" t="s">
        <v>172490</v>
      </c>
      <c r="J51438" s="1" t="s">
        <v>173820</v>
      </c>
    </row>
    <row r="51439" spans="1:10" x14ac:dyDescent="0.35">
      <c r="A51439" s="1" t="s">
        <v>30012</v>
      </c>
      <c r="B51439" s="1" t="s">
        <v>172484</v>
      </c>
      <c r="C51439" s="1" t="s">
        <v>125</v>
      </c>
      <c r="D51439" s="1" t="s">
        <v>173821</v>
      </c>
      <c r="E51439" s="1" t="s">
        <v>58221</v>
      </c>
      <c r="F51439" s="1" t="s">
        <v>62858</v>
      </c>
      <c r="G51439" s="1" t="s">
        <v>173771</v>
      </c>
      <c r="H51439" s="1" t="s">
        <v>173772</v>
      </c>
      <c r="I51439" s="1" t="s">
        <v>172490</v>
      </c>
      <c r="J51439" s="1" t="s">
        <v>173822</v>
      </c>
    </row>
    <row r="51440" spans="1:10" x14ac:dyDescent="0.35">
      <c r="A51440" s="1" t="s">
        <v>30012</v>
      </c>
      <c r="B51440" s="1" t="s">
        <v>172484</v>
      </c>
      <c r="C51440" s="1" t="s">
        <v>130</v>
      </c>
      <c r="D51440" s="1" t="s">
        <v>95402</v>
      </c>
      <c r="E51440" s="1" t="s">
        <v>65834</v>
      </c>
      <c r="F51440" s="1" t="s">
        <v>163005</v>
      </c>
      <c r="G51440" s="1" t="s">
        <v>173771</v>
      </c>
      <c r="H51440" s="1" t="s">
        <v>173772</v>
      </c>
      <c r="I51440" s="1" t="s">
        <v>172490</v>
      </c>
      <c r="J51440" s="1" t="s">
        <v>173823</v>
      </c>
    </row>
    <row r="51441" spans="1:10" x14ac:dyDescent="0.35">
      <c r="A51441" s="1" t="s">
        <v>30012</v>
      </c>
      <c r="B51441" s="1" t="s">
        <v>172484</v>
      </c>
      <c r="C51441" s="1" t="s">
        <v>135</v>
      </c>
      <c r="D51441" s="1" t="s">
        <v>97348</v>
      </c>
      <c r="E51441" s="1" t="s">
        <v>24384</v>
      </c>
      <c r="F51441" s="1" t="s">
        <v>132094</v>
      </c>
      <c r="G51441" s="1" t="s">
        <v>173771</v>
      </c>
      <c r="H51441" s="1" t="s">
        <v>173772</v>
      </c>
      <c r="I51441" s="1" t="s">
        <v>172490</v>
      </c>
      <c r="J51441" s="1" t="s">
        <v>173824</v>
      </c>
    </row>
    <row r="51442" spans="1:10" x14ac:dyDescent="0.35">
      <c r="A51442" s="1" t="s">
        <v>30012</v>
      </c>
      <c r="B51442" s="1" t="s">
        <v>172484</v>
      </c>
      <c r="C51442" s="1" t="s">
        <v>140</v>
      </c>
      <c r="D51442" s="1" t="s">
        <v>62847</v>
      </c>
      <c r="E51442" s="1" t="s">
        <v>54433</v>
      </c>
      <c r="F51442" s="1" t="s">
        <v>32373</v>
      </c>
      <c r="G51442" s="1" t="s">
        <v>173771</v>
      </c>
      <c r="H51442" s="1" t="s">
        <v>173772</v>
      </c>
      <c r="I51442" s="1" t="s">
        <v>172490</v>
      </c>
      <c r="J51442" s="1" t="s">
        <v>173825</v>
      </c>
    </row>
    <row r="51443" spans="1:10" x14ac:dyDescent="0.35">
      <c r="A51443" s="1" t="s">
        <v>30012</v>
      </c>
      <c r="B51443" s="1" t="s">
        <v>172484</v>
      </c>
      <c r="C51443" s="1" t="s">
        <v>145</v>
      </c>
      <c r="D51443" s="1" t="s">
        <v>63775</v>
      </c>
      <c r="E51443" s="1" t="s">
        <v>15200</v>
      </c>
      <c r="F51443" s="1" t="s">
        <v>173826</v>
      </c>
      <c r="G51443" s="1" t="s">
        <v>173771</v>
      </c>
      <c r="H51443" s="1" t="s">
        <v>173772</v>
      </c>
      <c r="I51443" s="1" t="s">
        <v>172490</v>
      </c>
      <c r="J51443" s="1" t="s">
        <v>173827</v>
      </c>
    </row>
    <row r="51444" spans="1:10" x14ac:dyDescent="0.35">
      <c r="A51444" s="1" t="s">
        <v>30012</v>
      </c>
      <c r="B51444" s="1" t="s">
        <v>172484</v>
      </c>
      <c r="C51444" s="1" t="s">
        <v>150</v>
      </c>
      <c r="D51444" s="1" t="s">
        <v>173828</v>
      </c>
      <c r="E51444" s="1" t="s">
        <v>12786</v>
      </c>
      <c r="F51444" s="1" t="s">
        <v>58057</v>
      </c>
      <c r="G51444" s="1" t="s">
        <v>173771</v>
      </c>
      <c r="H51444" s="1" t="s">
        <v>173772</v>
      </c>
      <c r="I51444" s="1" t="s">
        <v>172490</v>
      </c>
      <c r="J51444" s="1" t="s">
        <v>173829</v>
      </c>
    </row>
    <row r="51445" spans="1:10" x14ac:dyDescent="0.35">
      <c r="A51445" s="1" t="s">
        <v>30012</v>
      </c>
      <c r="B51445" s="1" t="s">
        <v>172484</v>
      </c>
      <c r="C51445" s="1" t="s">
        <v>155</v>
      </c>
      <c r="D51445" s="1" t="s">
        <v>173830</v>
      </c>
      <c r="E51445" s="1" t="s">
        <v>26225</v>
      </c>
      <c r="F51445" s="1" t="s">
        <v>65221</v>
      </c>
      <c r="G51445" s="1" t="s">
        <v>173771</v>
      </c>
      <c r="H51445" s="1" t="s">
        <v>173772</v>
      </c>
      <c r="I51445" s="1" t="s">
        <v>172490</v>
      </c>
      <c r="J51445" s="1" t="s">
        <v>173831</v>
      </c>
    </row>
    <row r="51446" spans="1:10" x14ac:dyDescent="0.35">
      <c r="A51446" s="1" t="s">
        <v>30012</v>
      </c>
      <c r="B51446" s="1" t="s">
        <v>172484</v>
      </c>
      <c r="C51446" s="1" t="s">
        <v>160</v>
      </c>
      <c r="D51446" s="1" t="s">
        <v>173832</v>
      </c>
      <c r="E51446" s="1" t="s">
        <v>26185</v>
      </c>
      <c r="F51446" s="1" t="s">
        <v>173833</v>
      </c>
      <c r="G51446" s="1" t="s">
        <v>173771</v>
      </c>
      <c r="H51446" s="1" t="s">
        <v>173772</v>
      </c>
      <c r="I51446" s="1" t="s">
        <v>172490</v>
      </c>
      <c r="J51446" s="1" t="s">
        <v>173834</v>
      </c>
    </row>
    <row r="51447" spans="1:10" x14ac:dyDescent="0.35">
      <c r="A51447" s="1" t="s">
        <v>30012</v>
      </c>
      <c r="B51447" s="1" t="s">
        <v>172484</v>
      </c>
      <c r="C51447" s="1" t="s">
        <v>165</v>
      </c>
      <c r="D51447" s="1" t="s">
        <v>173835</v>
      </c>
      <c r="E51447" s="1" t="s">
        <v>54371</v>
      </c>
      <c r="F51447" s="1" t="s">
        <v>66862</v>
      </c>
      <c r="G51447" s="1" t="s">
        <v>173771</v>
      </c>
      <c r="H51447" s="1" t="s">
        <v>173772</v>
      </c>
      <c r="I51447" s="1" t="s">
        <v>172490</v>
      </c>
      <c r="J51447" s="1" t="s">
        <v>173836</v>
      </c>
    </row>
    <row r="51448" spans="1:10" x14ac:dyDescent="0.35">
      <c r="A51448" s="1" t="s">
        <v>30012</v>
      </c>
      <c r="B51448" s="1" t="s">
        <v>172484</v>
      </c>
      <c r="C51448" s="1" t="s">
        <v>170</v>
      </c>
      <c r="D51448" s="1" t="s">
        <v>173837</v>
      </c>
      <c r="E51448" s="1" t="s">
        <v>56784</v>
      </c>
      <c r="F51448" s="1" t="s">
        <v>173838</v>
      </c>
      <c r="G51448" s="1" t="s">
        <v>173771</v>
      </c>
      <c r="H51448" s="1" t="s">
        <v>173772</v>
      </c>
      <c r="I51448" s="1" t="s">
        <v>172490</v>
      </c>
      <c r="J51448" s="1" t="s">
        <v>173839</v>
      </c>
    </row>
    <row r="51449" spans="1:10" x14ac:dyDescent="0.35">
      <c r="A51449" s="1" t="s">
        <v>8724</v>
      </c>
      <c r="B51449" s="1" t="s">
        <v>172484</v>
      </c>
      <c r="C51449" s="1" t="s">
        <v>8</v>
      </c>
      <c r="D51449" s="1" t="s">
        <v>4185</v>
      </c>
      <c r="E51449" s="1" t="s">
        <v>173840</v>
      </c>
      <c r="F51449" s="1" t="s">
        <v>173841</v>
      </c>
      <c r="G51449" s="1" t="s">
        <v>173842</v>
      </c>
      <c r="H51449" s="1" t="s">
        <v>173843</v>
      </c>
      <c r="I51449" s="1" t="s">
        <v>172490</v>
      </c>
      <c r="J51449" s="1" t="s">
        <v>13</v>
      </c>
    </row>
    <row r="51450" spans="1:10" x14ac:dyDescent="0.35">
      <c r="A51450" s="1" t="s">
        <v>8724</v>
      </c>
      <c r="B51450" s="1" t="s">
        <v>172484</v>
      </c>
      <c r="C51450" s="1" t="s">
        <v>15</v>
      </c>
      <c r="D51450" s="1" t="s">
        <v>19790</v>
      </c>
      <c r="E51450" s="1" t="s">
        <v>173844</v>
      </c>
      <c r="F51450" s="1" t="s">
        <v>173845</v>
      </c>
      <c r="G51450" s="1" t="s">
        <v>173842</v>
      </c>
      <c r="H51450" s="1" t="s">
        <v>173843</v>
      </c>
      <c r="I51450" s="1" t="s">
        <v>172490</v>
      </c>
      <c r="J51450" s="1" t="s">
        <v>173846</v>
      </c>
    </row>
    <row r="51451" spans="1:10" x14ac:dyDescent="0.35">
      <c r="A51451" s="1" t="s">
        <v>8724</v>
      </c>
      <c r="B51451" s="1" t="s">
        <v>172484</v>
      </c>
      <c r="C51451" s="1" t="s">
        <v>20</v>
      </c>
      <c r="D51451" s="1" t="s">
        <v>121695</v>
      </c>
      <c r="E51451" s="1" t="s">
        <v>173847</v>
      </c>
      <c r="F51451" s="1" t="s">
        <v>173848</v>
      </c>
      <c r="G51451" s="1" t="s">
        <v>173842</v>
      </c>
      <c r="H51451" s="1" t="s">
        <v>173843</v>
      </c>
      <c r="I51451" s="1" t="s">
        <v>172490</v>
      </c>
      <c r="J51451" s="1" t="s">
        <v>173849</v>
      </c>
    </row>
    <row r="51452" spans="1:10" x14ac:dyDescent="0.35">
      <c r="A51452" s="1" t="s">
        <v>8724</v>
      </c>
      <c r="B51452" s="1" t="s">
        <v>172484</v>
      </c>
      <c r="C51452" s="1" t="s">
        <v>25</v>
      </c>
      <c r="D51452" s="1" t="s">
        <v>170123</v>
      </c>
      <c r="E51452" s="1" t="s">
        <v>173850</v>
      </c>
      <c r="F51452" s="1" t="s">
        <v>173851</v>
      </c>
      <c r="G51452" s="1" t="s">
        <v>173842</v>
      </c>
      <c r="H51452" s="1" t="s">
        <v>173843</v>
      </c>
      <c r="I51452" s="1" t="s">
        <v>172490</v>
      </c>
      <c r="J51452" s="1" t="s">
        <v>173852</v>
      </c>
    </row>
    <row r="51453" spans="1:10" x14ac:dyDescent="0.35">
      <c r="A51453" s="1" t="s">
        <v>8724</v>
      </c>
      <c r="B51453" s="1" t="s">
        <v>172484</v>
      </c>
      <c r="C51453" s="1" t="s">
        <v>30</v>
      </c>
      <c r="D51453" s="1" t="s">
        <v>173853</v>
      </c>
      <c r="E51453" s="1" t="s">
        <v>173854</v>
      </c>
      <c r="F51453" s="1" t="s">
        <v>173855</v>
      </c>
      <c r="G51453" s="1" t="s">
        <v>173842</v>
      </c>
      <c r="H51453" s="1" t="s">
        <v>173843</v>
      </c>
      <c r="I51453" s="1" t="s">
        <v>172490</v>
      </c>
      <c r="J51453" s="1" t="s">
        <v>173856</v>
      </c>
    </row>
    <row r="51454" spans="1:10" x14ac:dyDescent="0.35">
      <c r="A51454" s="1" t="s">
        <v>8724</v>
      </c>
      <c r="B51454" s="1" t="s">
        <v>172484</v>
      </c>
      <c r="C51454" s="1" t="s">
        <v>35</v>
      </c>
      <c r="D51454" s="1" t="s">
        <v>173857</v>
      </c>
      <c r="E51454" s="1" t="s">
        <v>173858</v>
      </c>
      <c r="F51454" s="1" t="s">
        <v>173859</v>
      </c>
      <c r="G51454" s="1" t="s">
        <v>173842</v>
      </c>
      <c r="H51454" s="1" t="s">
        <v>173843</v>
      </c>
      <c r="I51454" s="1" t="s">
        <v>172490</v>
      </c>
      <c r="J51454" s="1" t="s">
        <v>173860</v>
      </c>
    </row>
    <row r="51455" spans="1:10" x14ac:dyDescent="0.35">
      <c r="A51455" s="1" t="s">
        <v>8724</v>
      </c>
      <c r="B51455" s="1" t="s">
        <v>172484</v>
      </c>
      <c r="C51455" s="1" t="s">
        <v>40</v>
      </c>
      <c r="D51455" s="1" t="s">
        <v>126587</v>
      </c>
      <c r="E51455" s="1" t="s">
        <v>173861</v>
      </c>
      <c r="F51455" s="1" t="s">
        <v>173862</v>
      </c>
      <c r="G51455" s="1" t="s">
        <v>173842</v>
      </c>
      <c r="H51455" s="1" t="s">
        <v>173843</v>
      </c>
      <c r="I51455" s="1" t="s">
        <v>172490</v>
      </c>
      <c r="J51455" s="1" t="s">
        <v>173863</v>
      </c>
    </row>
    <row r="51456" spans="1:10" x14ac:dyDescent="0.35">
      <c r="A51456" s="1" t="s">
        <v>8724</v>
      </c>
      <c r="B51456" s="1" t="s">
        <v>172484</v>
      </c>
      <c r="C51456" s="1" t="s">
        <v>45</v>
      </c>
      <c r="D51456" s="1" t="s">
        <v>424</v>
      </c>
      <c r="E51456" s="1" t="s">
        <v>173864</v>
      </c>
      <c r="F51456" s="1" t="s">
        <v>173865</v>
      </c>
      <c r="G51456" s="1" t="s">
        <v>173842</v>
      </c>
      <c r="H51456" s="1" t="s">
        <v>173843</v>
      </c>
      <c r="I51456" s="1" t="s">
        <v>172490</v>
      </c>
      <c r="J51456" s="1" t="s">
        <v>173866</v>
      </c>
    </row>
    <row r="51457" spans="1:10" x14ac:dyDescent="0.35">
      <c r="A51457" s="1" t="s">
        <v>8724</v>
      </c>
      <c r="B51457" s="1" t="s">
        <v>172484</v>
      </c>
      <c r="C51457" s="1" t="s">
        <v>50</v>
      </c>
      <c r="D51457" s="1" t="s">
        <v>154700</v>
      </c>
      <c r="E51457" s="1" t="s">
        <v>173867</v>
      </c>
      <c r="F51457" s="1" t="s">
        <v>173868</v>
      </c>
      <c r="G51457" s="1" t="s">
        <v>173842</v>
      </c>
      <c r="H51457" s="1" t="s">
        <v>173843</v>
      </c>
      <c r="I51457" s="1" t="s">
        <v>172490</v>
      </c>
      <c r="J51457" s="1" t="s">
        <v>173869</v>
      </c>
    </row>
    <row r="51458" spans="1:10" x14ac:dyDescent="0.35">
      <c r="A51458" s="1" t="s">
        <v>8724</v>
      </c>
      <c r="B51458" s="1" t="s">
        <v>172484</v>
      </c>
      <c r="C51458" s="1" t="s">
        <v>55</v>
      </c>
      <c r="D51458" s="1" t="s">
        <v>44108</v>
      </c>
      <c r="E51458" s="1" t="s">
        <v>173870</v>
      </c>
      <c r="F51458" s="1" t="s">
        <v>173871</v>
      </c>
      <c r="G51458" s="1" t="s">
        <v>173842</v>
      </c>
      <c r="H51458" s="1" t="s">
        <v>173843</v>
      </c>
      <c r="I51458" s="1" t="s">
        <v>172490</v>
      </c>
      <c r="J51458" s="1" t="s">
        <v>173872</v>
      </c>
    </row>
    <row r="51459" spans="1:10" x14ac:dyDescent="0.35">
      <c r="A51459" s="1" t="s">
        <v>8724</v>
      </c>
      <c r="B51459" s="1" t="s">
        <v>172484</v>
      </c>
      <c r="C51459" s="1" t="s">
        <v>60</v>
      </c>
      <c r="D51459" s="1" t="s">
        <v>116924</v>
      </c>
      <c r="E51459" s="1" t="s">
        <v>173873</v>
      </c>
      <c r="F51459" s="1" t="s">
        <v>173874</v>
      </c>
      <c r="G51459" s="1" t="s">
        <v>173842</v>
      </c>
      <c r="H51459" s="1" t="s">
        <v>173843</v>
      </c>
      <c r="I51459" s="1" t="s">
        <v>172490</v>
      </c>
      <c r="J51459" s="1" t="s">
        <v>173875</v>
      </c>
    </row>
    <row r="51460" spans="1:10" x14ac:dyDescent="0.35">
      <c r="A51460" s="1" t="s">
        <v>8724</v>
      </c>
      <c r="B51460" s="1" t="s">
        <v>172484</v>
      </c>
      <c r="C51460" s="1" t="s">
        <v>65</v>
      </c>
      <c r="D51460" s="1" t="s">
        <v>173876</v>
      </c>
      <c r="E51460" s="1" t="s">
        <v>173877</v>
      </c>
      <c r="F51460" s="1" t="s">
        <v>173878</v>
      </c>
      <c r="G51460" s="1" t="s">
        <v>173842</v>
      </c>
      <c r="H51460" s="1" t="s">
        <v>173843</v>
      </c>
      <c r="I51460" s="1" t="s">
        <v>172490</v>
      </c>
      <c r="J51460" s="1" t="s">
        <v>173879</v>
      </c>
    </row>
    <row r="51461" spans="1:10" x14ac:dyDescent="0.35">
      <c r="A51461" s="1" t="s">
        <v>8724</v>
      </c>
      <c r="B51461" s="1" t="s">
        <v>172484</v>
      </c>
      <c r="C51461" s="1" t="s">
        <v>70</v>
      </c>
      <c r="D51461" s="1" t="s">
        <v>30451</v>
      </c>
      <c r="E51461" s="1" t="s">
        <v>173880</v>
      </c>
      <c r="F51461" s="1" t="s">
        <v>173881</v>
      </c>
      <c r="G51461" s="1" t="s">
        <v>173842</v>
      </c>
      <c r="H51461" s="1" t="s">
        <v>173843</v>
      </c>
      <c r="I51461" s="1" t="s">
        <v>172490</v>
      </c>
      <c r="J51461" s="1" t="s">
        <v>173882</v>
      </c>
    </row>
    <row r="51462" spans="1:10" x14ac:dyDescent="0.35">
      <c r="A51462" s="1" t="s">
        <v>8724</v>
      </c>
      <c r="B51462" s="1" t="s">
        <v>172484</v>
      </c>
      <c r="C51462" s="1" t="s">
        <v>75</v>
      </c>
      <c r="D51462" s="1" t="s">
        <v>153796</v>
      </c>
      <c r="E51462" s="1" t="s">
        <v>173883</v>
      </c>
      <c r="F51462" s="1" t="s">
        <v>173884</v>
      </c>
      <c r="G51462" s="1" t="s">
        <v>173842</v>
      </c>
      <c r="H51462" s="1" t="s">
        <v>173843</v>
      </c>
      <c r="I51462" s="1" t="s">
        <v>172490</v>
      </c>
      <c r="J51462" s="1" t="s">
        <v>40981</v>
      </c>
    </row>
    <row r="51463" spans="1:10" x14ac:dyDescent="0.35">
      <c r="A51463" s="1" t="s">
        <v>8724</v>
      </c>
      <c r="B51463" s="1" t="s">
        <v>172484</v>
      </c>
      <c r="C51463" s="1" t="s">
        <v>80</v>
      </c>
      <c r="D51463" s="1" t="s">
        <v>173885</v>
      </c>
      <c r="E51463" s="1" t="s">
        <v>173886</v>
      </c>
      <c r="F51463" s="1" t="s">
        <v>173887</v>
      </c>
      <c r="G51463" s="1" t="s">
        <v>173842</v>
      </c>
      <c r="H51463" s="1" t="s">
        <v>173843</v>
      </c>
      <c r="I51463" s="1" t="s">
        <v>172490</v>
      </c>
      <c r="J51463" s="1" t="s">
        <v>173888</v>
      </c>
    </row>
    <row r="51464" spans="1:10" x14ac:dyDescent="0.35">
      <c r="A51464" s="1" t="s">
        <v>8724</v>
      </c>
      <c r="B51464" s="1" t="s">
        <v>172484</v>
      </c>
      <c r="C51464" s="1" t="s">
        <v>85</v>
      </c>
      <c r="D51464" s="1" t="s">
        <v>173889</v>
      </c>
      <c r="E51464" s="1" t="s">
        <v>173890</v>
      </c>
      <c r="F51464" s="1" t="s">
        <v>173891</v>
      </c>
      <c r="G51464" s="1" t="s">
        <v>173842</v>
      </c>
      <c r="H51464" s="1" t="s">
        <v>173843</v>
      </c>
      <c r="I51464" s="1" t="s">
        <v>172490</v>
      </c>
      <c r="J51464" s="1" t="s">
        <v>173892</v>
      </c>
    </row>
    <row r="51465" spans="1:10" x14ac:dyDescent="0.35">
      <c r="A51465" s="1" t="s">
        <v>8724</v>
      </c>
      <c r="B51465" s="1" t="s">
        <v>172484</v>
      </c>
      <c r="C51465" s="1" t="s">
        <v>90</v>
      </c>
      <c r="D51465" s="1" t="s">
        <v>173893</v>
      </c>
      <c r="E51465" s="1" t="s">
        <v>173894</v>
      </c>
      <c r="F51465" s="1" t="s">
        <v>173895</v>
      </c>
      <c r="G51465" s="1" t="s">
        <v>173842</v>
      </c>
      <c r="H51465" s="1" t="s">
        <v>173843</v>
      </c>
      <c r="I51465" s="1" t="s">
        <v>172490</v>
      </c>
      <c r="J51465" s="1" t="s">
        <v>173896</v>
      </c>
    </row>
    <row r="51466" spans="1:10" x14ac:dyDescent="0.35">
      <c r="A51466" s="1" t="s">
        <v>8724</v>
      </c>
      <c r="B51466" s="1" t="s">
        <v>172484</v>
      </c>
      <c r="C51466" s="1" t="s">
        <v>95</v>
      </c>
      <c r="D51466" s="1" t="s">
        <v>134626</v>
      </c>
      <c r="E51466" s="1" t="s">
        <v>173897</v>
      </c>
      <c r="F51466" s="1" t="s">
        <v>173898</v>
      </c>
      <c r="G51466" s="1" t="s">
        <v>173842</v>
      </c>
      <c r="H51466" s="1" t="s">
        <v>173843</v>
      </c>
      <c r="I51466" s="1" t="s">
        <v>172490</v>
      </c>
      <c r="J51466" s="1" t="s">
        <v>173899</v>
      </c>
    </row>
    <row r="51467" spans="1:10" x14ac:dyDescent="0.35">
      <c r="A51467" s="1" t="s">
        <v>8724</v>
      </c>
      <c r="B51467" s="1" t="s">
        <v>172484</v>
      </c>
      <c r="C51467" s="1" t="s">
        <v>100</v>
      </c>
      <c r="D51467" s="1" t="s">
        <v>173900</v>
      </c>
      <c r="E51467" s="1" t="s">
        <v>173901</v>
      </c>
      <c r="F51467" s="1" t="s">
        <v>173902</v>
      </c>
      <c r="G51467" s="1" t="s">
        <v>173842</v>
      </c>
      <c r="H51467" s="1" t="s">
        <v>173843</v>
      </c>
      <c r="I51467" s="1" t="s">
        <v>172490</v>
      </c>
      <c r="J51467" s="1" t="s">
        <v>173903</v>
      </c>
    </row>
    <row r="51468" spans="1:10" x14ac:dyDescent="0.35">
      <c r="A51468" s="1" t="s">
        <v>8724</v>
      </c>
      <c r="B51468" s="1" t="s">
        <v>172484</v>
      </c>
      <c r="C51468" s="1" t="s">
        <v>105</v>
      </c>
      <c r="D51468" s="1" t="s">
        <v>173904</v>
      </c>
      <c r="E51468" s="1" t="s">
        <v>173905</v>
      </c>
      <c r="F51468" s="1" t="s">
        <v>173906</v>
      </c>
      <c r="G51468" s="1" t="s">
        <v>173842</v>
      </c>
      <c r="H51468" s="1" t="s">
        <v>173843</v>
      </c>
      <c r="I51468" s="1" t="s">
        <v>172490</v>
      </c>
      <c r="J51468" s="1" t="s">
        <v>173907</v>
      </c>
    </row>
    <row r="51469" spans="1:10" x14ac:dyDescent="0.35">
      <c r="A51469" s="1" t="s">
        <v>8724</v>
      </c>
      <c r="B51469" s="1" t="s">
        <v>172484</v>
      </c>
      <c r="C51469" s="1" t="s">
        <v>110</v>
      </c>
      <c r="D51469" s="1" t="s">
        <v>173908</v>
      </c>
      <c r="E51469" s="1" t="s">
        <v>173909</v>
      </c>
      <c r="F51469" s="1" t="s">
        <v>173910</v>
      </c>
      <c r="G51469" s="1" t="s">
        <v>173842</v>
      </c>
      <c r="H51469" s="1" t="s">
        <v>173843</v>
      </c>
      <c r="I51469" s="1" t="s">
        <v>172490</v>
      </c>
      <c r="J51469" s="1" t="s">
        <v>173911</v>
      </c>
    </row>
    <row r="51470" spans="1:10" x14ac:dyDescent="0.35">
      <c r="A51470" s="1" t="s">
        <v>8724</v>
      </c>
      <c r="B51470" s="1" t="s">
        <v>172484</v>
      </c>
      <c r="C51470" s="1" t="s">
        <v>115</v>
      </c>
      <c r="D51470" s="1" t="s">
        <v>32272</v>
      </c>
      <c r="E51470" s="1" t="s">
        <v>173912</v>
      </c>
      <c r="F51470" s="1" t="s">
        <v>173913</v>
      </c>
      <c r="G51470" s="1" t="s">
        <v>173842</v>
      </c>
      <c r="H51470" s="1" t="s">
        <v>173843</v>
      </c>
      <c r="I51470" s="1" t="s">
        <v>172490</v>
      </c>
      <c r="J51470" s="1" t="s">
        <v>173914</v>
      </c>
    </row>
    <row r="51471" spans="1:10" x14ac:dyDescent="0.35">
      <c r="A51471" s="1" t="s">
        <v>8724</v>
      </c>
      <c r="B51471" s="1" t="s">
        <v>172484</v>
      </c>
      <c r="C51471" s="1" t="s">
        <v>120</v>
      </c>
      <c r="D51471" s="1" t="s">
        <v>173915</v>
      </c>
      <c r="E51471" s="1" t="s">
        <v>173916</v>
      </c>
      <c r="F51471" s="1" t="s">
        <v>173917</v>
      </c>
      <c r="G51471" s="1" t="s">
        <v>173842</v>
      </c>
      <c r="H51471" s="1" t="s">
        <v>173843</v>
      </c>
      <c r="I51471" s="1" t="s">
        <v>172490</v>
      </c>
      <c r="J51471" s="1" t="s">
        <v>173918</v>
      </c>
    </row>
    <row r="51472" spans="1:10" x14ac:dyDescent="0.35">
      <c r="A51472" s="1" t="s">
        <v>8724</v>
      </c>
      <c r="B51472" s="1" t="s">
        <v>172484</v>
      </c>
      <c r="C51472" s="1" t="s">
        <v>125</v>
      </c>
      <c r="D51472" s="1" t="s">
        <v>173919</v>
      </c>
      <c r="E51472" s="1" t="s">
        <v>173920</v>
      </c>
      <c r="F51472" s="1" t="s">
        <v>173921</v>
      </c>
      <c r="G51472" s="1" t="s">
        <v>173842</v>
      </c>
      <c r="H51472" s="1" t="s">
        <v>173843</v>
      </c>
      <c r="I51472" s="1" t="s">
        <v>172490</v>
      </c>
      <c r="J51472" s="1" t="s">
        <v>173922</v>
      </c>
    </row>
    <row r="51473" spans="1:10" x14ac:dyDescent="0.35">
      <c r="A51473" s="1" t="s">
        <v>8724</v>
      </c>
      <c r="B51473" s="1" t="s">
        <v>172484</v>
      </c>
      <c r="C51473" s="1" t="s">
        <v>130</v>
      </c>
      <c r="D51473" s="1" t="s">
        <v>173923</v>
      </c>
      <c r="E51473" s="1" t="s">
        <v>173924</v>
      </c>
      <c r="F51473" s="1" t="s">
        <v>173925</v>
      </c>
      <c r="G51473" s="1" t="s">
        <v>173842</v>
      </c>
      <c r="H51473" s="1" t="s">
        <v>173843</v>
      </c>
      <c r="I51473" s="1" t="s">
        <v>172490</v>
      </c>
      <c r="J51473" s="1" t="s">
        <v>173926</v>
      </c>
    </row>
    <row r="51474" spans="1:10" x14ac:dyDescent="0.35">
      <c r="A51474" s="1" t="s">
        <v>8724</v>
      </c>
      <c r="B51474" s="1" t="s">
        <v>172484</v>
      </c>
      <c r="C51474" s="1" t="s">
        <v>135</v>
      </c>
      <c r="D51474" s="1" t="s">
        <v>173927</v>
      </c>
      <c r="E51474" s="1" t="s">
        <v>173928</v>
      </c>
      <c r="F51474" s="1" t="s">
        <v>173929</v>
      </c>
      <c r="G51474" s="1" t="s">
        <v>173842</v>
      </c>
      <c r="H51474" s="1" t="s">
        <v>173843</v>
      </c>
      <c r="I51474" s="1" t="s">
        <v>172490</v>
      </c>
      <c r="J51474" s="1" t="s">
        <v>173930</v>
      </c>
    </row>
    <row r="51475" spans="1:10" x14ac:dyDescent="0.35">
      <c r="A51475" s="1" t="s">
        <v>8724</v>
      </c>
      <c r="B51475" s="1" t="s">
        <v>172484</v>
      </c>
      <c r="C51475" s="1" t="s">
        <v>140</v>
      </c>
      <c r="D51475" s="1" t="s">
        <v>126210</v>
      </c>
      <c r="E51475" s="1" t="s">
        <v>173931</v>
      </c>
      <c r="F51475" s="1" t="s">
        <v>173932</v>
      </c>
      <c r="G51475" s="1" t="s">
        <v>173842</v>
      </c>
      <c r="H51475" s="1" t="s">
        <v>173843</v>
      </c>
      <c r="I51475" s="1" t="s">
        <v>172490</v>
      </c>
      <c r="J51475" s="1" t="s">
        <v>173933</v>
      </c>
    </row>
    <row r="51476" spans="1:10" x14ac:dyDescent="0.35">
      <c r="A51476" s="1" t="s">
        <v>8724</v>
      </c>
      <c r="B51476" s="1" t="s">
        <v>172484</v>
      </c>
      <c r="C51476" s="1" t="s">
        <v>145</v>
      </c>
      <c r="D51476" s="1" t="s">
        <v>140531</v>
      </c>
      <c r="E51476" s="1" t="s">
        <v>173934</v>
      </c>
      <c r="F51476" s="1" t="s">
        <v>173935</v>
      </c>
      <c r="G51476" s="1" t="s">
        <v>173842</v>
      </c>
      <c r="H51476" s="1" t="s">
        <v>173843</v>
      </c>
      <c r="I51476" s="1" t="s">
        <v>172490</v>
      </c>
      <c r="J51476" s="1" t="s">
        <v>173936</v>
      </c>
    </row>
    <row r="51477" spans="1:10" x14ac:dyDescent="0.35">
      <c r="A51477" s="1" t="s">
        <v>8724</v>
      </c>
      <c r="B51477" s="1" t="s">
        <v>172484</v>
      </c>
      <c r="C51477" s="1" t="s">
        <v>150</v>
      </c>
      <c r="D51477" s="1" t="s">
        <v>173937</v>
      </c>
      <c r="E51477" s="1" t="s">
        <v>173938</v>
      </c>
      <c r="F51477" s="1" t="s">
        <v>173939</v>
      </c>
      <c r="G51477" s="1" t="s">
        <v>173842</v>
      </c>
      <c r="H51477" s="1" t="s">
        <v>173843</v>
      </c>
      <c r="I51477" s="1" t="s">
        <v>172490</v>
      </c>
      <c r="J51477" s="1" t="s">
        <v>173940</v>
      </c>
    </row>
    <row r="51478" spans="1:10" x14ac:dyDescent="0.35">
      <c r="A51478" s="1" t="s">
        <v>8724</v>
      </c>
      <c r="B51478" s="1" t="s">
        <v>172484</v>
      </c>
      <c r="C51478" s="1" t="s">
        <v>155</v>
      </c>
      <c r="D51478" s="1" t="s">
        <v>166460</v>
      </c>
      <c r="E51478" s="1" t="s">
        <v>173941</v>
      </c>
      <c r="F51478" s="1" t="s">
        <v>173942</v>
      </c>
      <c r="G51478" s="1" t="s">
        <v>173842</v>
      </c>
      <c r="H51478" s="1" t="s">
        <v>173843</v>
      </c>
      <c r="I51478" s="1" t="s">
        <v>172490</v>
      </c>
      <c r="J51478" s="1" t="s">
        <v>173943</v>
      </c>
    </row>
    <row r="51479" spans="1:10" x14ac:dyDescent="0.35">
      <c r="A51479" s="1" t="s">
        <v>8724</v>
      </c>
      <c r="B51479" s="1" t="s">
        <v>172484</v>
      </c>
      <c r="C51479" s="1" t="s">
        <v>160</v>
      </c>
      <c r="D51479" s="1" t="s">
        <v>173944</v>
      </c>
      <c r="E51479" s="1" t="s">
        <v>173945</v>
      </c>
      <c r="F51479" s="1" t="s">
        <v>173946</v>
      </c>
      <c r="G51479" s="1" t="s">
        <v>173842</v>
      </c>
      <c r="H51479" s="1" t="s">
        <v>173843</v>
      </c>
      <c r="I51479" s="1" t="s">
        <v>172490</v>
      </c>
      <c r="J51479" s="1" t="s">
        <v>173947</v>
      </c>
    </row>
    <row r="51480" spans="1:10" x14ac:dyDescent="0.35">
      <c r="A51480" s="1" t="s">
        <v>8724</v>
      </c>
      <c r="B51480" s="1" t="s">
        <v>172484</v>
      </c>
      <c r="C51480" s="1" t="s">
        <v>165</v>
      </c>
      <c r="D51480" s="1" t="s">
        <v>107566</v>
      </c>
      <c r="E51480" s="1" t="s">
        <v>173948</v>
      </c>
      <c r="F51480" s="1" t="s">
        <v>173949</v>
      </c>
      <c r="G51480" s="1" t="s">
        <v>173842</v>
      </c>
      <c r="H51480" s="1" t="s">
        <v>173843</v>
      </c>
      <c r="I51480" s="1" t="s">
        <v>172490</v>
      </c>
      <c r="J51480" s="1" t="s">
        <v>173950</v>
      </c>
    </row>
    <row r="51481" spans="1:10" x14ac:dyDescent="0.35">
      <c r="A51481" s="1" t="s">
        <v>8724</v>
      </c>
      <c r="B51481" s="1" t="s">
        <v>172484</v>
      </c>
      <c r="C51481" s="1" t="s">
        <v>170</v>
      </c>
      <c r="D51481" s="1" t="s">
        <v>173951</v>
      </c>
      <c r="E51481" s="1" t="s">
        <v>173952</v>
      </c>
      <c r="F51481" s="1" t="s">
        <v>173953</v>
      </c>
      <c r="G51481" s="1" t="s">
        <v>173842</v>
      </c>
      <c r="H51481" s="1" t="s">
        <v>173843</v>
      </c>
      <c r="I51481" s="1" t="s">
        <v>172490</v>
      </c>
      <c r="J51481" s="1" t="s">
        <v>173954</v>
      </c>
    </row>
    <row r="51482" spans="1:10" x14ac:dyDescent="0.35">
      <c r="A51482" s="1" t="s">
        <v>45124</v>
      </c>
      <c r="B51482" s="1" t="s">
        <v>172484</v>
      </c>
      <c r="C51482" s="1" t="s">
        <v>8</v>
      </c>
      <c r="D51482" s="1" t="s">
        <v>49752</v>
      </c>
      <c r="E51482" s="1" t="s">
        <v>21186</v>
      </c>
      <c r="F51482" s="1" t="s">
        <v>173955</v>
      </c>
      <c r="G51482" s="1" t="s">
        <v>173956</v>
      </c>
      <c r="H51482" s="1" t="s">
        <v>173957</v>
      </c>
      <c r="I51482" s="1" t="s">
        <v>172490</v>
      </c>
      <c r="J51482" s="1" t="s">
        <v>13</v>
      </c>
    </row>
    <row r="51483" spans="1:10" x14ac:dyDescent="0.35">
      <c r="A51483" s="1" t="s">
        <v>45124</v>
      </c>
      <c r="B51483" s="1" t="s">
        <v>172484</v>
      </c>
      <c r="C51483" s="1" t="s">
        <v>15</v>
      </c>
      <c r="D51483" s="1" t="s">
        <v>34884</v>
      </c>
      <c r="E51483" s="1" t="s">
        <v>23030</v>
      </c>
      <c r="F51483" s="1" t="s">
        <v>173958</v>
      </c>
      <c r="G51483" s="1" t="s">
        <v>173956</v>
      </c>
      <c r="H51483" s="1" t="s">
        <v>173957</v>
      </c>
      <c r="I51483" s="1" t="s">
        <v>172490</v>
      </c>
      <c r="J51483" s="1" t="s">
        <v>173959</v>
      </c>
    </row>
    <row r="51484" spans="1:10" x14ac:dyDescent="0.35">
      <c r="A51484" s="1" t="s">
        <v>45124</v>
      </c>
      <c r="B51484" s="1" t="s">
        <v>172484</v>
      </c>
      <c r="C51484" s="1" t="s">
        <v>20</v>
      </c>
      <c r="D51484" s="1" t="s">
        <v>173960</v>
      </c>
      <c r="E51484" s="1" t="s">
        <v>41414</v>
      </c>
      <c r="F51484" s="1" t="s">
        <v>82899</v>
      </c>
      <c r="G51484" s="1" t="s">
        <v>173956</v>
      </c>
      <c r="H51484" s="1" t="s">
        <v>173957</v>
      </c>
      <c r="I51484" s="1" t="s">
        <v>172490</v>
      </c>
      <c r="J51484" s="1" t="s">
        <v>173961</v>
      </c>
    </row>
    <row r="51485" spans="1:10" x14ac:dyDescent="0.35">
      <c r="A51485" s="1" t="s">
        <v>45124</v>
      </c>
      <c r="B51485" s="1" t="s">
        <v>172484</v>
      </c>
      <c r="C51485" s="1" t="s">
        <v>25</v>
      </c>
      <c r="D51485" s="1" t="s">
        <v>19798</v>
      </c>
      <c r="E51485" s="1" t="s">
        <v>68319</v>
      </c>
      <c r="F51485" s="1" t="s">
        <v>130000</v>
      </c>
      <c r="G51485" s="1" t="s">
        <v>173956</v>
      </c>
      <c r="H51485" s="1" t="s">
        <v>173957</v>
      </c>
      <c r="I51485" s="1" t="s">
        <v>172490</v>
      </c>
      <c r="J51485" s="1" t="s">
        <v>173962</v>
      </c>
    </row>
    <row r="51486" spans="1:10" x14ac:dyDescent="0.35">
      <c r="A51486" s="1" t="s">
        <v>45124</v>
      </c>
      <c r="B51486" s="1" t="s">
        <v>172484</v>
      </c>
      <c r="C51486" s="1" t="s">
        <v>30</v>
      </c>
      <c r="D51486" s="1" t="s">
        <v>135282</v>
      </c>
      <c r="E51486" s="1" t="s">
        <v>104691</v>
      </c>
      <c r="F51486" s="1" t="s">
        <v>173963</v>
      </c>
      <c r="G51486" s="1" t="s">
        <v>173956</v>
      </c>
      <c r="H51486" s="1" t="s">
        <v>173957</v>
      </c>
      <c r="I51486" s="1" t="s">
        <v>172490</v>
      </c>
      <c r="J51486" s="1" t="s">
        <v>173964</v>
      </c>
    </row>
    <row r="51487" spans="1:10" x14ac:dyDescent="0.35">
      <c r="A51487" s="1" t="s">
        <v>45124</v>
      </c>
      <c r="B51487" s="1" t="s">
        <v>172484</v>
      </c>
      <c r="C51487" s="1" t="s">
        <v>35</v>
      </c>
      <c r="D51487" s="1" t="s">
        <v>171257</v>
      </c>
      <c r="E51487" s="1" t="s">
        <v>56629</v>
      </c>
      <c r="F51487" s="1" t="s">
        <v>173965</v>
      </c>
      <c r="G51487" s="1" t="s">
        <v>173956</v>
      </c>
      <c r="H51487" s="1" t="s">
        <v>173957</v>
      </c>
      <c r="I51487" s="1" t="s">
        <v>172490</v>
      </c>
      <c r="J51487" s="1" t="s">
        <v>173966</v>
      </c>
    </row>
    <row r="51488" spans="1:10" x14ac:dyDescent="0.35">
      <c r="A51488" s="1" t="s">
        <v>45124</v>
      </c>
      <c r="B51488" s="1" t="s">
        <v>172484</v>
      </c>
      <c r="C51488" s="1" t="s">
        <v>40</v>
      </c>
      <c r="D51488" s="1" t="s">
        <v>173967</v>
      </c>
      <c r="E51488" s="1" t="s">
        <v>173968</v>
      </c>
      <c r="F51488" s="1" t="s">
        <v>173969</v>
      </c>
      <c r="G51488" s="1" t="s">
        <v>173956</v>
      </c>
      <c r="H51488" s="1" t="s">
        <v>173957</v>
      </c>
      <c r="I51488" s="1" t="s">
        <v>172490</v>
      </c>
      <c r="J51488" s="1" t="s">
        <v>173970</v>
      </c>
    </row>
    <row r="51489" spans="1:10" x14ac:dyDescent="0.35">
      <c r="A51489" s="1" t="s">
        <v>45124</v>
      </c>
      <c r="B51489" s="1" t="s">
        <v>172484</v>
      </c>
      <c r="C51489" s="1" t="s">
        <v>45</v>
      </c>
      <c r="D51489" s="1" t="s">
        <v>5421</v>
      </c>
      <c r="E51489" s="1" t="s">
        <v>23030</v>
      </c>
      <c r="F51489" s="1" t="s">
        <v>173971</v>
      </c>
      <c r="G51489" s="1" t="s">
        <v>173956</v>
      </c>
      <c r="H51489" s="1" t="s">
        <v>173957</v>
      </c>
      <c r="I51489" s="1" t="s">
        <v>172490</v>
      </c>
      <c r="J51489" s="1" t="s">
        <v>173972</v>
      </c>
    </row>
    <row r="51490" spans="1:10" x14ac:dyDescent="0.35">
      <c r="A51490" s="1" t="s">
        <v>45124</v>
      </c>
      <c r="B51490" s="1" t="s">
        <v>172484</v>
      </c>
      <c r="C51490" s="1" t="s">
        <v>50</v>
      </c>
      <c r="D51490" s="1" t="s">
        <v>115550</v>
      </c>
      <c r="E51490" s="1" t="s">
        <v>55007</v>
      </c>
      <c r="F51490" s="1" t="s">
        <v>103802</v>
      </c>
      <c r="G51490" s="1" t="s">
        <v>173956</v>
      </c>
      <c r="H51490" s="1" t="s">
        <v>173957</v>
      </c>
      <c r="I51490" s="1" t="s">
        <v>172490</v>
      </c>
      <c r="J51490" s="1" t="s">
        <v>173973</v>
      </c>
    </row>
    <row r="51491" spans="1:10" x14ac:dyDescent="0.35">
      <c r="A51491" s="1" t="s">
        <v>45124</v>
      </c>
      <c r="B51491" s="1" t="s">
        <v>172484</v>
      </c>
      <c r="C51491" s="1" t="s">
        <v>55</v>
      </c>
      <c r="D51491" s="1" t="s">
        <v>73707</v>
      </c>
      <c r="E51491" s="1" t="s">
        <v>21898</v>
      </c>
      <c r="F51491" s="1" t="s">
        <v>69332</v>
      </c>
      <c r="G51491" s="1" t="s">
        <v>173956</v>
      </c>
      <c r="H51491" s="1" t="s">
        <v>173957</v>
      </c>
      <c r="I51491" s="1" t="s">
        <v>172490</v>
      </c>
      <c r="J51491" s="1" t="s">
        <v>173974</v>
      </c>
    </row>
    <row r="51492" spans="1:10" x14ac:dyDescent="0.35">
      <c r="A51492" s="1" t="s">
        <v>45124</v>
      </c>
      <c r="B51492" s="1" t="s">
        <v>172484</v>
      </c>
      <c r="C51492" s="1" t="s">
        <v>60</v>
      </c>
      <c r="D51492" s="1" t="s">
        <v>173975</v>
      </c>
      <c r="E51492" s="1" t="s">
        <v>23480</v>
      </c>
      <c r="F51492" s="1" t="s">
        <v>24230</v>
      </c>
      <c r="G51492" s="1" t="s">
        <v>173956</v>
      </c>
      <c r="H51492" s="1" t="s">
        <v>173957</v>
      </c>
      <c r="I51492" s="1" t="s">
        <v>172490</v>
      </c>
      <c r="J51492" s="1" t="s">
        <v>173976</v>
      </c>
    </row>
    <row r="51493" spans="1:10" x14ac:dyDescent="0.35">
      <c r="A51493" s="1" t="s">
        <v>45124</v>
      </c>
      <c r="B51493" s="1" t="s">
        <v>172484</v>
      </c>
      <c r="C51493" s="1" t="s">
        <v>65</v>
      </c>
      <c r="D51493" s="1" t="s">
        <v>47583</v>
      </c>
      <c r="E51493" s="1" t="s">
        <v>173977</v>
      </c>
      <c r="F51493" s="1" t="s">
        <v>173978</v>
      </c>
      <c r="G51493" s="1" t="s">
        <v>173956</v>
      </c>
      <c r="H51493" s="1" t="s">
        <v>173957</v>
      </c>
      <c r="I51493" s="1" t="s">
        <v>172490</v>
      </c>
      <c r="J51493" s="1" t="s">
        <v>173979</v>
      </c>
    </row>
    <row r="51494" spans="1:10" x14ac:dyDescent="0.35">
      <c r="A51494" s="1" t="s">
        <v>45124</v>
      </c>
      <c r="B51494" s="1" t="s">
        <v>172484</v>
      </c>
      <c r="C51494" s="1" t="s">
        <v>70</v>
      </c>
      <c r="D51494" s="1" t="s">
        <v>173980</v>
      </c>
      <c r="E51494" s="1" t="s">
        <v>58913</v>
      </c>
      <c r="F51494" s="1" t="s">
        <v>173981</v>
      </c>
      <c r="G51494" s="1" t="s">
        <v>173956</v>
      </c>
      <c r="H51494" s="1" t="s">
        <v>173957</v>
      </c>
      <c r="I51494" s="1" t="s">
        <v>172490</v>
      </c>
      <c r="J51494" s="1" t="s">
        <v>173982</v>
      </c>
    </row>
    <row r="51495" spans="1:10" x14ac:dyDescent="0.35">
      <c r="A51495" s="1" t="s">
        <v>45124</v>
      </c>
      <c r="B51495" s="1" t="s">
        <v>172484</v>
      </c>
      <c r="C51495" s="1" t="s">
        <v>75</v>
      </c>
      <c r="D51495" s="1" t="s">
        <v>50406</v>
      </c>
      <c r="E51495" s="1" t="s">
        <v>56644</v>
      </c>
      <c r="F51495" s="1" t="s">
        <v>173983</v>
      </c>
      <c r="G51495" s="1" t="s">
        <v>173956</v>
      </c>
      <c r="H51495" s="1" t="s">
        <v>173957</v>
      </c>
      <c r="I51495" s="1" t="s">
        <v>172490</v>
      </c>
      <c r="J51495" s="1" t="s">
        <v>173984</v>
      </c>
    </row>
    <row r="51496" spans="1:10" x14ac:dyDescent="0.35">
      <c r="A51496" s="1" t="s">
        <v>45124</v>
      </c>
      <c r="B51496" s="1" t="s">
        <v>172484</v>
      </c>
      <c r="C51496" s="1" t="s">
        <v>80</v>
      </c>
      <c r="D51496" s="1" t="s">
        <v>173985</v>
      </c>
      <c r="E51496" s="1" t="s">
        <v>21890</v>
      </c>
      <c r="F51496" s="1" t="s">
        <v>173986</v>
      </c>
      <c r="G51496" s="1" t="s">
        <v>173956</v>
      </c>
      <c r="H51496" s="1" t="s">
        <v>173957</v>
      </c>
      <c r="I51496" s="1" t="s">
        <v>172490</v>
      </c>
      <c r="J51496" s="1" t="s">
        <v>173987</v>
      </c>
    </row>
    <row r="51497" spans="1:10" x14ac:dyDescent="0.35">
      <c r="A51497" s="1" t="s">
        <v>45124</v>
      </c>
      <c r="B51497" s="1" t="s">
        <v>172484</v>
      </c>
      <c r="C51497" s="1" t="s">
        <v>85</v>
      </c>
      <c r="D51497" s="1" t="s">
        <v>173988</v>
      </c>
      <c r="E51497" s="1" t="s">
        <v>23034</v>
      </c>
      <c r="F51497" s="1" t="s">
        <v>173989</v>
      </c>
      <c r="G51497" s="1" t="s">
        <v>173956</v>
      </c>
      <c r="H51497" s="1" t="s">
        <v>173957</v>
      </c>
      <c r="I51497" s="1" t="s">
        <v>172490</v>
      </c>
      <c r="J51497" s="1" t="s">
        <v>173990</v>
      </c>
    </row>
    <row r="51498" spans="1:10" x14ac:dyDescent="0.35">
      <c r="A51498" s="1" t="s">
        <v>45124</v>
      </c>
      <c r="B51498" s="1" t="s">
        <v>172484</v>
      </c>
      <c r="C51498" s="1" t="s">
        <v>90</v>
      </c>
      <c r="D51498" s="1" t="s">
        <v>173991</v>
      </c>
      <c r="E51498" s="1" t="s">
        <v>21787</v>
      </c>
      <c r="F51498" s="1" t="s">
        <v>62930</v>
      </c>
      <c r="G51498" s="1" t="s">
        <v>173956</v>
      </c>
      <c r="H51498" s="1" t="s">
        <v>173957</v>
      </c>
      <c r="I51498" s="1" t="s">
        <v>172490</v>
      </c>
      <c r="J51498" s="1" t="s">
        <v>173992</v>
      </c>
    </row>
    <row r="51499" spans="1:10" x14ac:dyDescent="0.35">
      <c r="A51499" s="1" t="s">
        <v>45124</v>
      </c>
      <c r="B51499" s="1" t="s">
        <v>172484</v>
      </c>
      <c r="C51499" s="1" t="s">
        <v>95</v>
      </c>
      <c r="D51499" s="1" t="s">
        <v>173993</v>
      </c>
      <c r="E51499" s="1" t="s">
        <v>57926</v>
      </c>
      <c r="F51499" s="1" t="s">
        <v>106926</v>
      </c>
      <c r="G51499" s="1" t="s">
        <v>173956</v>
      </c>
      <c r="H51499" s="1" t="s">
        <v>173957</v>
      </c>
      <c r="I51499" s="1" t="s">
        <v>172490</v>
      </c>
      <c r="J51499" s="1" t="s">
        <v>173994</v>
      </c>
    </row>
    <row r="51500" spans="1:10" x14ac:dyDescent="0.35">
      <c r="A51500" s="1" t="s">
        <v>45124</v>
      </c>
      <c r="B51500" s="1" t="s">
        <v>172484</v>
      </c>
      <c r="C51500" s="1" t="s">
        <v>100</v>
      </c>
      <c r="D51500" s="1" t="s">
        <v>172525</v>
      </c>
      <c r="E51500" s="1" t="s">
        <v>54413</v>
      </c>
      <c r="F51500" s="1" t="s">
        <v>69198</v>
      </c>
      <c r="G51500" s="1" t="s">
        <v>173956</v>
      </c>
      <c r="H51500" s="1" t="s">
        <v>173957</v>
      </c>
      <c r="I51500" s="1" t="s">
        <v>172490</v>
      </c>
      <c r="J51500" s="1" t="s">
        <v>173995</v>
      </c>
    </row>
    <row r="51501" spans="1:10" x14ac:dyDescent="0.35">
      <c r="A51501" s="1" t="s">
        <v>45124</v>
      </c>
      <c r="B51501" s="1" t="s">
        <v>172484</v>
      </c>
      <c r="C51501" s="1" t="s">
        <v>105</v>
      </c>
      <c r="D51501" s="1" t="s">
        <v>42576</v>
      </c>
      <c r="E51501" s="1" t="s">
        <v>21795</v>
      </c>
      <c r="F51501" s="1" t="s">
        <v>155667</v>
      </c>
      <c r="G51501" s="1" t="s">
        <v>173956</v>
      </c>
      <c r="H51501" s="1" t="s">
        <v>173957</v>
      </c>
      <c r="I51501" s="1" t="s">
        <v>172490</v>
      </c>
      <c r="J51501" s="1" t="s">
        <v>173996</v>
      </c>
    </row>
    <row r="51502" spans="1:10" x14ac:dyDescent="0.35">
      <c r="A51502" s="1" t="s">
        <v>45124</v>
      </c>
      <c r="B51502" s="1" t="s">
        <v>172484</v>
      </c>
      <c r="C51502" s="1" t="s">
        <v>110</v>
      </c>
      <c r="D51502" s="1" t="s">
        <v>123742</v>
      </c>
      <c r="E51502" s="1" t="s">
        <v>58352</v>
      </c>
      <c r="F51502" s="1" t="s">
        <v>115155</v>
      </c>
      <c r="G51502" s="1" t="s">
        <v>173956</v>
      </c>
      <c r="H51502" s="1" t="s">
        <v>173957</v>
      </c>
      <c r="I51502" s="1" t="s">
        <v>172490</v>
      </c>
      <c r="J51502" s="1" t="s">
        <v>173997</v>
      </c>
    </row>
    <row r="51503" spans="1:10" x14ac:dyDescent="0.35">
      <c r="A51503" s="1" t="s">
        <v>45124</v>
      </c>
      <c r="B51503" s="1" t="s">
        <v>172484</v>
      </c>
      <c r="C51503" s="1" t="s">
        <v>115</v>
      </c>
      <c r="D51503" s="1" t="s">
        <v>173998</v>
      </c>
      <c r="E51503" s="1" t="s">
        <v>68252</v>
      </c>
      <c r="F51503" s="1" t="s">
        <v>173999</v>
      </c>
      <c r="G51503" s="1" t="s">
        <v>173956</v>
      </c>
      <c r="H51503" s="1" t="s">
        <v>173957</v>
      </c>
      <c r="I51503" s="1" t="s">
        <v>172490</v>
      </c>
      <c r="J51503" s="1" t="s">
        <v>174000</v>
      </c>
    </row>
    <row r="51504" spans="1:10" x14ac:dyDescent="0.35">
      <c r="A51504" s="1" t="s">
        <v>45124</v>
      </c>
      <c r="B51504" s="1" t="s">
        <v>172484</v>
      </c>
      <c r="C51504" s="1" t="s">
        <v>120</v>
      </c>
      <c r="D51504" s="1" t="s">
        <v>160854</v>
      </c>
      <c r="E51504" s="1" t="s">
        <v>55535</v>
      </c>
      <c r="F51504" s="1" t="s">
        <v>56574</v>
      </c>
      <c r="G51504" s="1" t="s">
        <v>173956</v>
      </c>
      <c r="H51504" s="1" t="s">
        <v>173957</v>
      </c>
      <c r="I51504" s="1" t="s">
        <v>172490</v>
      </c>
      <c r="J51504" s="1" t="s">
        <v>174001</v>
      </c>
    </row>
    <row r="51505" spans="1:10" x14ac:dyDescent="0.35">
      <c r="A51505" s="1" t="s">
        <v>45124</v>
      </c>
      <c r="B51505" s="1" t="s">
        <v>172484</v>
      </c>
      <c r="C51505" s="1" t="s">
        <v>125</v>
      </c>
      <c r="D51505" s="1" t="s">
        <v>174002</v>
      </c>
      <c r="E51505" s="1" t="s">
        <v>26572</v>
      </c>
      <c r="F51505" s="1" t="s">
        <v>174003</v>
      </c>
      <c r="G51505" s="1" t="s">
        <v>173956</v>
      </c>
      <c r="H51505" s="1" t="s">
        <v>173957</v>
      </c>
      <c r="I51505" s="1" t="s">
        <v>172490</v>
      </c>
      <c r="J51505" s="1" t="s">
        <v>174004</v>
      </c>
    </row>
    <row r="51506" spans="1:10" x14ac:dyDescent="0.35">
      <c r="A51506" s="1" t="s">
        <v>45124</v>
      </c>
      <c r="B51506" s="1" t="s">
        <v>172484</v>
      </c>
      <c r="C51506" s="1" t="s">
        <v>130</v>
      </c>
      <c r="D51506" s="1" t="s">
        <v>82473</v>
      </c>
      <c r="E51506" s="1" t="s">
        <v>23176</v>
      </c>
      <c r="F51506" s="1" t="s">
        <v>61226</v>
      </c>
      <c r="G51506" s="1" t="s">
        <v>173956</v>
      </c>
      <c r="H51506" s="1" t="s">
        <v>173957</v>
      </c>
      <c r="I51506" s="1" t="s">
        <v>172490</v>
      </c>
      <c r="J51506" s="1" t="s">
        <v>174005</v>
      </c>
    </row>
    <row r="51507" spans="1:10" x14ac:dyDescent="0.35">
      <c r="A51507" s="1" t="s">
        <v>45124</v>
      </c>
      <c r="B51507" s="1" t="s">
        <v>172484</v>
      </c>
      <c r="C51507" s="1" t="s">
        <v>135</v>
      </c>
      <c r="D51507" s="1" t="s">
        <v>174006</v>
      </c>
      <c r="E51507" s="1" t="s">
        <v>174007</v>
      </c>
      <c r="F51507" s="1" t="s">
        <v>174008</v>
      </c>
      <c r="G51507" s="1" t="s">
        <v>173956</v>
      </c>
      <c r="H51507" s="1" t="s">
        <v>173957</v>
      </c>
      <c r="I51507" s="1" t="s">
        <v>172490</v>
      </c>
      <c r="J51507" s="1" t="s">
        <v>174009</v>
      </c>
    </row>
    <row r="51508" spans="1:10" x14ac:dyDescent="0.35">
      <c r="A51508" s="1" t="s">
        <v>45124</v>
      </c>
      <c r="B51508" s="1" t="s">
        <v>172484</v>
      </c>
      <c r="C51508" s="1" t="s">
        <v>140</v>
      </c>
      <c r="D51508" s="1" t="s">
        <v>174010</v>
      </c>
      <c r="E51508" s="1" t="s">
        <v>60360</v>
      </c>
      <c r="F51508" s="1" t="s">
        <v>173007</v>
      </c>
      <c r="G51508" s="1" t="s">
        <v>173956</v>
      </c>
      <c r="H51508" s="1" t="s">
        <v>173957</v>
      </c>
      <c r="I51508" s="1" t="s">
        <v>172490</v>
      </c>
      <c r="J51508" s="1" t="s">
        <v>174011</v>
      </c>
    </row>
    <row r="51509" spans="1:10" x14ac:dyDescent="0.35">
      <c r="A51509" s="1" t="s">
        <v>45124</v>
      </c>
      <c r="B51509" s="1" t="s">
        <v>172484</v>
      </c>
      <c r="C51509" s="1" t="s">
        <v>145</v>
      </c>
      <c r="D51509" s="1" t="s">
        <v>174012</v>
      </c>
      <c r="E51509" s="1" t="s">
        <v>12829</v>
      </c>
      <c r="F51509" s="1" t="s">
        <v>105184</v>
      </c>
      <c r="G51509" s="1" t="s">
        <v>173956</v>
      </c>
      <c r="H51509" s="1" t="s">
        <v>173957</v>
      </c>
      <c r="I51509" s="1" t="s">
        <v>172490</v>
      </c>
      <c r="J51509" s="1" t="s">
        <v>174013</v>
      </c>
    </row>
    <row r="51510" spans="1:10" x14ac:dyDescent="0.35">
      <c r="A51510" s="1" t="s">
        <v>45124</v>
      </c>
      <c r="B51510" s="1" t="s">
        <v>172484</v>
      </c>
      <c r="C51510" s="1" t="s">
        <v>150</v>
      </c>
      <c r="D51510" s="1" t="s">
        <v>4662</v>
      </c>
      <c r="E51510" s="1" t="s">
        <v>54077</v>
      </c>
      <c r="F51510" s="1" t="s">
        <v>174014</v>
      </c>
      <c r="G51510" s="1" t="s">
        <v>173956</v>
      </c>
      <c r="H51510" s="1" t="s">
        <v>173957</v>
      </c>
      <c r="I51510" s="1" t="s">
        <v>172490</v>
      </c>
      <c r="J51510" s="1" t="s">
        <v>174015</v>
      </c>
    </row>
    <row r="51511" spans="1:10" x14ac:dyDescent="0.35">
      <c r="A51511" s="1" t="s">
        <v>45124</v>
      </c>
      <c r="B51511" s="1" t="s">
        <v>172484</v>
      </c>
      <c r="C51511" s="1" t="s">
        <v>155</v>
      </c>
      <c r="D51511" s="1" t="s">
        <v>174016</v>
      </c>
      <c r="E51511" s="1" t="s">
        <v>174017</v>
      </c>
      <c r="F51511" s="1" t="s">
        <v>174018</v>
      </c>
      <c r="G51511" s="1" t="s">
        <v>173956</v>
      </c>
      <c r="H51511" s="1" t="s">
        <v>173957</v>
      </c>
      <c r="I51511" s="1" t="s">
        <v>172490</v>
      </c>
      <c r="J51511" s="1" t="s">
        <v>174019</v>
      </c>
    </row>
    <row r="51512" spans="1:10" x14ac:dyDescent="0.35">
      <c r="A51512" s="1" t="s">
        <v>45124</v>
      </c>
      <c r="B51512" s="1" t="s">
        <v>172484</v>
      </c>
      <c r="C51512" s="1" t="s">
        <v>160</v>
      </c>
      <c r="D51512" s="1" t="s">
        <v>57435</v>
      </c>
      <c r="E51512" s="1" t="s">
        <v>15376</v>
      </c>
      <c r="F51512" s="1" t="s">
        <v>174020</v>
      </c>
      <c r="G51512" s="1" t="s">
        <v>173956</v>
      </c>
      <c r="H51512" s="1" t="s">
        <v>173957</v>
      </c>
      <c r="I51512" s="1" t="s">
        <v>172490</v>
      </c>
      <c r="J51512" s="1" t="s">
        <v>174021</v>
      </c>
    </row>
    <row r="51513" spans="1:10" x14ac:dyDescent="0.35">
      <c r="A51513" s="1" t="s">
        <v>45124</v>
      </c>
      <c r="B51513" s="1" t="s">
        <v>172484</v>
      </c>
      <c r="C51513" s="1" t="s">
        <v>165</v>
      </c>
      <c r="D51513" s="1" t="s">
        <v>24308</v>
      </c>
      <c r="E51513" s="1" t="s">
        <v>58507</v>
      </c>
      <c r="F51513" s="1" t="s">
        <v>174022</v>
      </c>
      <c r="G51513" s="1" t="s">
        <v>173956</v>
      </c>
      <c r="H51513" s="1" t="s">
        <v>173957</v>
      </c>
      <c r="I51513" s="1" t="s">
        <v>172490</v>
      </c>
      <c r="J51513" s="1" t="s">
        <v>174023</v>
      </c>
    </row>
    <row r="51514" spans="1:10" x14ac:dyDescent="0.35">
      <c r="A51514" s="1" t="s">
        <v>45124</v>
      </c>
      <c r="B51514" s="1" t="s">
        <v>172484</v>
      </c>
      <c r="C51514" s="1" t="s">
        <v>170</v>
      </c>
      <c r="D51514" s="1" t="s">
        <v>174024</v>
      </c>
      <c r="E51514" s="1" t="s">
        <v>12798</v>
      </c>
      <c r="F51514" s="1" t="s">
        <v>174025</v>
      </c>
      <c r="G51514" s="1" t="s">
        <v>173956</v>
      </c>
      <c r="H51514" s="1" t="s">
        <v>173957</v>
      </c>
      <c r="I51514" s="1" t="s">
        <v>172490</v>
      </c>
      <c r="J51514" s="1" t="s">
        <v>174026</v>
      </c>
    </row>
    <row r="51515" spans="1:10" x14ac:dyDescent="0.35">
      <c r="A51515" s="1" t="s">
        <v>28069</v>
      </c>
      <c r="B51515" s="1" t="s">
        <v>172484</v>
      </c>
      <c r="C51515" s="1" t="s">
        <v>8</v>
      </c>
      <c r="D51515" s="1" t="s">
        <v>174027</v>
      </c>
      <c r="E51515" s="1" t="s">
        <v>174028</v>
      </c>
      <c r="F51515" s="1" t="s">
        <v>174029</v>
      </c>
      <c r="G51515" s="1" t="s">
        <v>174030</v>
      </c>
      <c r="H51515" s="1" t="s">
        <v>174031</v>
      </c>
      <c r="I51515" s="1" t="s">
        <v>172490</v>
      </c>
      <c r="J51515" s="1" t="s">
        <v>13</v>
      </c>
    </row>
    <row r="51516" spans="1:10" x14ac:dyDescent="0.35">
      <c r="A51516" s="1" t="s">
        <v>28069</v>
      </c>
      <c r="B51516" s="1" t="s">
        <v>172484</v>
      </c>
      <c r="C51516" s="1" t="s">
        <v>15</v>
      </c>
      <c r="D51516" s="1" t="s">
        <v>157023</v>
      </c>
      <c r="E51516" s="1" t="s">
        <v>174032</v>
      </c>
      <c r="F51516" s="1" t="s">
        <v>174033</v>
      </c>
      <c r="G51516" s="1" t="s">
        <v>174030</v>
      </c>
      <c r="H51516" s="1" t="s">
        <v>174031</v>
      </c>
      <c r="I51516" s="1" t="s">
        <v>172490</v>
      </c>
      <c r="J51516" s="1" t="s">
        <v>174034</v>
      </c>
    </row>
    <row r="51517" spans="1:10" x14ac:dyDescent="0.35">
      <c r="A51517" s="1" t="s">
        <v>28069</v>
      </c>
      <c r="B51517" s="1" t="s">
        <v>172484</v>
      </c>
      <c r="C51517" s="1" t="s">
        <v>20</v>
      </c>
      <c r="D51517" s="1" t="s">
        <v>49752</v>
      </c>
      <c r="E51517" s="1" t="s">
        <v>174035</v>
      </c>
      <c r="F51517" s="1" t="s">
        <v>174036</v>
      </c>
      <c r="G51517" s="1" t="s">
        <v>174030</v>
      </c>
      <c r="H51517" s="1" t="s">
        <v>174031</v>
      </c>
      <c r="I51517" s="1" t="s">
        <v>172490</v>
      </c>
      <c r="J51517" s="1" t="s">
        <v>174037</v>
      </c>
    </row>
    <row r="51518" spans="1:10" x14ac:dyDescent="0.35">
      <c r="A51518" s="1" t="s">
        <v>28069</v>
      </c>
      <c r="B51518" s="1" t="s">
        <v>172484</v>
      </c>
      <c r="C51518" s="1" t="s">
        <v>25</v>
      </c>
      <c r="D51518" s="1" t="s">
        <v>72379</v>
      </c>
      <c r="E51518" s="1" t="s">
        <v>174038</v>
      </c>
      <c r="F51518" s="1" t="s">
        <v>174039</v>
      </c>
      <c r="G51518" s="1" t="s">
        <v>174030</v>
      </c>
      <c r="H51518" s="1" t="s">
        <v>174031</v>
      </c>
      <c r="I51518" s="1" t="s">
        <v>172490</v>
      </c>
      <c r="J51518" s="1" t="s">
        <v>174040</v>
      </c>
    </row>
    <row r="51519" spans="1:10" x14ac:dyDescent="0.35">
      <c r="A51519" s="1" t="s">
        <v>28069</v>
      </c>
      <c r="B51519" s="1" t="s">
        <v>172484</v>
      </c>
      <c r="C51519" s="1" t="s">
        <v>30</v>
      </c>
      <c r="D51519" s="1" t="s">
        <v>30245</v>
      </c>
      <c r="E51519" s="1" t="s">
        <v>174041</v>
      </c>
      <c r="F51519" s="1" t="s">
        <v>174042</v>
      </c>
      <c r="G51519" s="1" t="s">
        <v>174030</v>
      </c>
      <c r="H51519" s="1" t="s">
        <v>174031</v>
      </c>
      <c r="I51519" s="1" t="s">
        <v>172490</v>
      </c>
      <c r="J51519" s="1" t="s">
        <v>174043</v>
      </c>
    </row>
    <row r="51520" spans="1:10" x14ac:dyDescent="0.35">
      <c r="A51520" s="1" t="s">
        <v>28069</v>
      </c>
      <c r="B51520" s="1" t="s">
        <v>172484</v>
      </c>
      <c r="C51520" s="1" t="s">
        <v>35</v>
      </c>
      <c r="D51520" s="1" t="s">
        <v>38308</v>
      </c>
      <c r="E51520" s="1" t="s">
        <v>174044</v>
      </c>
      <c r="F51520" s="1" t="s">
        <v>174045</v>
      </c>
      <c r="G51520" s="1" t="s">
        <v>174030</v>
      </c>
      <c r="H51520" s="1" t="s">
        <v>174031</v>
      </c>
      <c r="I51520" s="1" t="s">
        <v>172490</v>
      </c>
      <c r="J51520" s="1" t="s">
        <v>174046</v>
      </c>
    </row>
    <row r="51521" spans="1:10" x14ac:dyDescent="0.35">
      <c r="A51521" s="1" t="s">
        <v>28069</v>
      </c>
      <c r="B51521" s="1" t="s">
        <v>172484</v>
      </c>
      <c r="C51521" s="1" t="s">
        <v>40</v>
      </c>
      <c r="D51521" s="1" t="s">
        <v>49853</v>
      </c>
      <c r="E51521" s="1" t="s">
        <v>174047</v>
      </c>
      <c r="F51521" s="1" t="s">
        <v>174048</v>
      </c>
      <c r="G51521" s="1" t="s">
        <v>174030</v>
      </c>
      <c r="H51521" s="1" t="s">
        <v>174031</v>
      </c>
      <c r="I51521" s="1" t="s">
        <v>172490</v>
      </c>
      <c r="J51521" s="1" t="s">
        <v>174049</v>
      </c>
    </row>
    <row r="51522" spans="1:10" x14ac:dyDescent="0.35">
      <c r="A51522" s="1" t="s">
        <v>28069</v>
      </c>
      <c r="B51522" s="1" t="s">
        <v>172484</v>
      </c>
      <c r="C51522" s="1" t="s">
        <v>45</v>
      </c>
      <c r="D51522" s="1" t="s">
        <v>171681</v>
      </c>
      <c r="E51522" s="1" t="s">
        <v>174050</v>
      </c>
      <c r="F51522" s="1" t="s">
        <v>174051</v>
      </c>
      <c r="G51522" s="1" t="s">
        <v>174030</v>
      </c>
      <c r="H51522" s="1" t="s">
        <v>174031</v>
      </c>
      <c r="I51522" s="1" t="s">
        <v>172490</v>
      </c>
      <c r="J51522" s="1" t="s">
        <v>174052</v>
      </c>
    </row>
    <row r="51523" spans="1:10" x14ac:dyDescent="0.35">
      <c r="A51523" s="1" t="s">
        <v>28069</v>
      </c>
      <c r="B51523" s="1" t="s">
        <v>172484</v>
      </c>
      <c r="C51523" s="1" t="s">
        <v>50</v>
      </c>
      <c r="D51523" s="1" t="s">
        <v>37162</v>
      </c>
      <c r="E51523" s="1" t="s">
        <v>174053</v>
      </c>
      <c r="F51523" s="1" t="s">
        <v>174054</v>
      </c>
      <c r="G51523" s="1" t="s">
        <v>174030</v>
      </c>
      <c r="H51523" s="1" t="s">
        <v>174031</v>
      </c>
      <c r="I51523" s="1" t="s">
        <v>172490</v>
      </c>
      <c r="J51523" s="1" t="s">
        <v>174055</v>
      </c>
    </row>
    <row r="51524" spans="1:10" x14ac:dyDescent="0.35">
      <c r="A51524" s="1" t="s">
        <v>28069</v>
      </c>
      <c r="B51524" s="1" t="s">
        <v>172484</v>
      </c>
      <c r="C51524" s="1" t="s">
        <v>55</v>
      </c>
      <c r="D51524" s="1" t="s">
        <v>174056</v>
      </c>
      <c r="E51524" s="1" t="s">
        <v>174057</v>
      </c>
      <c r="F51524" s="1" t="s">
        <v>174058</v>
      </c>
      <c r="G51524" s="1" t="s">
        <v>174030</v>
      </c>
      <c r="H51524" s="1" t="s">
        <v>174031</v>
      </c>
      <c r="I51524" s="1" t="s">
        <v>172490</v>
      </c>
      <c r="J51524" s="1" t="s">
        <v>174059</v>
      </c>
    </row>
    <row r="51525" spans="1:10" x14ac:dyDescent="0.35">
      <c r="A51525" s="1" t="s">
        <v>28069</v>
      </c>
      <c r="B51525" s="1" t="s">
        <v>172484</v>
      </c>
      <c r="C51525" s="1" t="s">
        <v>60</v>
      </c>
      <c r="D51525" s="1" t="s">
        <v>174060</v>
      </c>
      <c r="E51525" s="1" t="s">
        <v>174061</v>
      </c>
      <c r="F51525" s="1" t="s">
        <v>174062</v>
      </c>
      <c r="G51525" s="1" t="s">
        <v>174030</v>
      </c>
      <c r="H51525" s="1" t="s">
        <v>174031</v>
      </c>
      <c r="I51525" s="1" t="s">
        <v>172490</v>
      </c>
      <c r="J51525" s="1" t="s">
        <v>174063</v>
      </c>
    </row>
    <row r="51526" spans="1:10" x14ac:dyDescent="0.35">
      <c r="A51526" s="1" t="s">
        <v>28069</v>
      </c>
      <c r="B51526" s="1" t="s">
        <v>172484</v>
      </c>
      <c r="C51526" s="1" t="s">
        <v>65</v>
      </c>
      <c r="D51526" s="1" t="s">
        <v>174064</v>
      </c>
      <c r="E51526" s="1" t="s">
        <v>174065</v>
      </c>
      <c r="F51526" s="1" t="s">
        <v>174066</v>
      </c>
      <c r="G51526" s="1" t="s">
        <v>174030</v>
      </c>
      <c r="H51526" s="1" t="s">
        <v>174031</v>
      </c>
      <c r="I51526" s="1" t="s">
        <v>172490</v>
      </c>
      <c r="J51526" s="1" t="s">
        <v>174067</v>
      </c>
    </row>
    <row r="51527" spans="1:10" x14ac:dyDescent="0.35">
      <c r="A51527" s="1" t="s">
        <v>28069</v>
      </c>
      <c r="B51527" s="1" t="s">
        <v>172484</v>
      </c>
      <c r="C51527" s="1" t="s">
        <v>70</v>
      </c>
      <c r="D51527" s="1" t="s">
        <v>46899</v>
      </c>
      <c r="E51527" s="1" t="s">
        <v>174068</v>
      </c>
      <c r="F51527" s="1" t="s">
        <v>174069</v>
      </c>
      <c r="G51527" s="1" t="s">
        <v>174030</v>
      </c>
      <c r="H51527" s="1" t="s">
        <v>174031</v>
      </c>
      <c r="I51527" s="1" t="s">
        <v>172490</v>
      </c>
      <c r="J51527" s="1" t="s">
        <v>174070</v>
      </c>
    </row>
    <row r="51528" spans="1:10" x14ac:dyDescent="0.35">
      <c r="A51528" s="1" t="s">
        <v>28069</v>
      </c>
      <c r="B51528" s="1" t="s">
        <v>172484</v>
      </c>
      <c r="C51528" s="1" t="s">
        <v>75</v>
      </c>
      <c r="D51528" s="1" t="s">
        <v>174071</v>
      </c>
      <c r="E51528" s="1" t="s">
        <v>22026</v>
      </c>
      <c r="F51528" s="1" t="s">
        <v>174072</v>
      </c>
      <c r="G51528" s="1" t="s">
        <v>174030</v>
      </c>
      <c r="H51528" s="1" t="s">
        <v>174031</v>
      </c>
      <c r="I51528" s="1" t="s">
        <v>172490</v>
      </c>
      <c r="J51528" s="1" t="s">
        <v>174073</v>
      </c>
    </row>
    <row r="51529" spans="1:10" x14ac:dyDescent="0.35">
      <c r="A51529" s="1" t="s">
        <v>28069</v>
      </c>
      <c r="B51529" s="1" t="s">
        <v>172484</v>
      </c>
      <c r="C51529" s="1" t="s">
        <v>80</v>
      </c>
      <c r="D51529" s="1" t="s">
        <v>174074</v>
      </c>
      <c r="E51529" s="1" t="s">
        <v>174075</v>
      </c>
      <c r="F51529" s="1" t="s">
        <v>174076</v>
      </c>
      <c r="G51529" s="1" t="s">
        <v>174030</v>
      </c>
      <c r="H51529" s="1" t="s">
        <v>174031</v>
      </c>
      <c r="I51529" s="1" t="s">
        <v>172490</v>
      </c>
      <c r="J51529" s="1" t="s">
        <v>174077</v>
      </c>
    </row>
    <row r="51530" spans="1:10" x14ac:dyDescent="0.35">
      <c r="A51530" s="1" t="s">
        <v>28069</v>
      </c>
      <c r="B51530" s="1" t="s">
        <v>172484</v>
      </c>
      <c r="C51530" s="1" t="s">
        <v>85</v>
      </c>
      <c r="D51530" s="1" t="s">
        <v>153732</v>
      </c>
      <c r="E51530" s="1" t="s">
        <v>174078</v>
      </c>
      <c r="F51530" s="1" t="s">
        <v>174079</v>
      </c>
      <c r="G51530" s="1" t="s">
        <v>174030</v>
      </c>
      <c r="H51530" s="1" t="s">
        <v>174031</v>
      </c>
      <c r="I51530" s="1" t="s">
        <v>172490</v>
      </c>
      <c r="J51530" s="1" t="s">
        <v>174080</v>
      </c>
    </row>
    <row r="51531" spans="1:10" x14ac:dyDescent="0.35">
      <c r="A51531" s="1" t="s">
        <v>28069</v>
      </c>
      <c r="B51531" s="1" t="s">
        <v>172484</v>
      </c>
      <c r="C51531" s="1" t="s">
        <v>90</v>
      </c>
      <c r="D51531" s="1" t="s">
        <v>174081</v>
      </c>
      <c r="E51531" s="1" t="s">
        <v>174082</v>
      </c>
      <c r="F51531" s="1" t="s">
        <v>174083</v>
      </c>
      <c r="G51531" s="1" t="s">
        <v>174030</v>
      </c>
      <c r="H51531" s="1" t="s">
        <v>174031</v>
      </c>
      <c r="I51531" s="1" t="s">
        <v>172490</v>
      </c>
      <c r="J51531" s="1" t="s">
        <v>174084</v>
      </c>
    </row>
    <row r="51532" spans="1:10" x14ac:dyDescent="0.35">
      <c r="A51532" s="1" t="s">
        <v>28069</v>
      </c>
      <c r="B51532" s="1" t="s">
        <v>172484</v>
      </c>
      <c r="C51532" s="1" t="s">
        <v>95</v>
      </c>
      <c r="D51532" s="1" t="s">
        <v>11470</v>
      </c>
      <c r="E51532" s="1" t="s">
        <v>174085</v>
      </c>
      <c r="F51532" s="1" t="s">
        <v>174086</v>
      </c>
      <c r="G51532" s="1" t="s">
        <v>174030</v>
      </c>
      <c r="H51532" s="1" t="s">
        <v>174031</v>
      </c>
      <c r="I51532" s="1" t="s">
        <v>172490</v>
      </c>
      <c r="J51532" s="1" t="s">
        <v>174087</v>
      </c>
    </row>
    <row r="51533" spans="1:10" x14ac:dyDescent="0.35">
      <c r="A51533" s="1" t="s">
        <v>28069</v>
      </c>
      <c r="B51533" s="1" t="s">
        <v>172484</v>
      </c>
      <c r="C51533" s="1" t="s">
        <v>100</v>
      </c>
      <c r="D51533" s="1" t="s">
        <v>174088</v>
      </c>
      <c r="E51533" s="1" t="s">
        <v>174089</v>
      </c>
      <c r="F51533" s="1" t="s">
        <v>174090</v>
      </c>
      <c r="G51533" s="1" t="s">
        <v>174030</v>
      </c>
      <c r="H51533" s="1" t="s">
        <v>174031</v>
      </c>
      <c r="I51533" s="1" t="s">
        <v>172490</v>
      </c>
      <c r="J51533" s="1" t="s">
        <v>174091</v>
      </c>
    </row>
    <row r="51534" spans="1:10" x14ac:dyDescent="0.35">
      <c r="A51534" s="1" t="s">
        <v>28069</v>
      </c>
      <c r="B51534" s="1" t="s">
        <v>172484</v>
      </c>
      <c r="C51534" s="1" t="s">
        <v>105</v>
      </c>
      <c r="D51534" s="1" t="s">
        <v>38017</v>
      </c>
      <c r="E51534" s="1" t="s">
        <v>174092</v>
      </c>
      <c r="F51534" s="1" t="s">
        <v>174093</v>
      </c>
      <c r="G51534" s="1" t="s">
        <v>174030</v>
      </c>
      <c r="H51534" s="1" t="s">
        <v>174031</v>
      </c>
      <c r="I51534" s="1" t="s">
        <v>172490</v>
      </c>
      <c r="J51534" s="1" t="s">
        <v>174094</v>
      </c>
    </row>
    <row r="51535" spans="1:10" x14ac:dyDescent="0.35">
      <c r="A51535" s="1" t="s">
        <v>28069</v>
      </c>
      <c r="B51535" s="1" t="s">
        <v>172484</v>
      </c>
      <c r="C51535" s="1" t="s">
        <v>110</v>
      </c>
      <c r="D51535" s="1" t="s">
        <v>154719</v>
      </c>
      <c r="E51535" s="1" t="s">
        <v>174095</v>
      </c>
      <c r="F51535" s="1" t="s">
        <v>174096</v>
      </c>
      <c r="G51535" s="1" t="s">
        <v>174030</v>
      </c>
      <c r="H51535" s="1" t="s">
        <v>174031</v>
      </c>
      <c r="I51535" s="1" t="s">
        <v>172490</v>
      </c>
      <c r="J51535" s="1" t="s">
        <v>174097</v>
      </c>
    </row>
    <row r="51536" spans="1:10" x14ac:dyDescent="0.35">
      <c r="A51536" s="1" t="s">
        <v>28069</v>
      </c>
      <c r="B51536" s="1" t="s">
        <v>172484</v>
      </c>
      <c r="C51536" s="1" t="s">
        <v>115</v>
      </c>
      <c r="D51536" s="1" t="s">
        <v>174098</v>
      </c>
      <c r="E51536" s="1" t="s">
        <v>174099</v>
      </c>
      <c r="F51536" s="1" t="s">
        <v>174100</v>
      </c>
      <c r="G51536" s="1" t="s">
        <v>174030</v>
      </c>
      <c r="H51536" s="1" t="s">
        <v>174031</v>
      </c>
      <c r="I51536" s="1" t="s">
        <v>172490</v>
      </c>
      <c r="J51536" s="1" t="s">
        <v>174101</v>
      </c>
    </row>
    <row r="51537" spans="1:10" x14ac:dyDescent="0.35">
      <c r="A51537" s="1" t="s">
        <v>28069</v>
      </c>
      <c r="B51537" s="1" t="s">
        <v>172484</v>
      </c>
      <c r="C51537" s="1" t="s">
        <v>120</v>
      </c>
      <c r="D51537" s="1" t="s">
        <v>82124</v>
      </c>
      <c r="E51537" s="1" t="s">
        <v>174102</v>
      </c>
      <c r="F51537" s="1" t="s">
        <v>174103</v>
      </c>
      <c r="G51537" s="1" t="s">
        <v>174030</v>
      </c>
      <c r="H51537" s="1" t="s">
        <v>174031</v>
      </c>
      <c r="I51537" s="1" t="s">
        <v>172490</v>
      </c>
      <c r="J51537" s="1" t="s">
        <v>174104</v>
      </c>
    </row>
    <row r="51538" spans="1:10" x14ac:dyDescent="0.35">
      <c r="A51538" s="1" t="s">
        <v>28069</v>
      </c>
      <c r="B51538" s="1" t="s">
        <v>172484</v>
      </c>
      <c r="C51538" s="1" t="s">
        <v>125</v>
      </c>
      <c r="D51538" s="1" t="s">
        <v>174105</v>
      </c>
      <c r="E51538" s="1" t="s">
        <v>174106</v>
      </c>
      <c r="F51538" s="1" t="s">
        <v>174107</v>
      </c>
      <c r="G51538" s="1" t="s">
        <v>174030</v>
      </c>
      <c r="H51538" s="1" t="s">
        <v>174031</v>
      </c>
      <c r="I51538" s="1" t="s">
        <v>172490</v>
      </c>
      <c r="J51538" s="1" t="s">
        <v>174108</v>
      </c>
    </row>
    <row r="51539" spans="1:10" x14ac:dyDescent="0.35">
      <c r="A51539" s="1" t="s">
        <v>28069</v>
      </c>
      <c r="B51539" s="1" t="s">
        <v>172484</v>
      </c>
      <c r="C51539" s="1" t="s">
        <v>130</v>
      </c>
      <c r="D51539" s="1" t="s">
        <v>14374</v>
      </c>
      <c r="E51539" s="1" t="s">
        <v>174109</v>
      </c>
      <c r="F51539" s="1" t="s">
        <v>174110</v>
      </c>
      <c r="G51539" s="1" t="s">
        <v>174030</v>
      </c>
      <c r="H51539" s="1" t="s">
        <v>174031</v>
      </c>
      <c r="I51539" s="1" t="s">
        <v>172490</v>
      </c>
      <c r="J51539" s="1" t="s">
        <v>174111</v>
      </c>
    </row>
    <row r="51540" spans="1:10" x14ac:dyDescent="0.35">
      <c r="A51540" s="1" t="s">
        <v>28069</v>
      </c>
      <c r="B51540" s="1" t="s">
        <v>172484</v>
      </c>
      <c r="C51540" s="1" t="s">
        <v>135</v>
      </c>
      <c r="D51540" s="1" t="s">
        <v>174112</v>
      </c>
      <c r="E51540" s="1" t="s">
        <v>174113</v>
      </c>
      <c r="F51540" s="1" t="s">
        <v>174114</v>
      </c>
      <c r="G51540" s="1" t="s">
        <v>174030</v>
      </c>
      <c r="H51540" s="1" t="s">
        <v>174031</v>
      </c>
      <c r="I51540" s="1" t="s">
        <v>172490</v>
      </c>
      <c r="J51540" s="1" t="s">
        <v>174115</v>
      </c>
    </row>
    <row r="51541" spans="1:10" x14ac:dyDescent="0.35">
      <c r="A51541" s="1" t="s">
        <v>28069</v>
      </c>
      <c r="B51541" s="1" t="s">
        <v>172484</v>
      </c>
      <c r="C51541" s="1" t="s">
        <v>140</v>
      </c>
      <c r="D51541" s="1" t="s">
        <v>174116</v>
      </c>
      <c r="E51541" s="1" t="s">
        <v>174117</v>
      </c>
      <c r="F51541" s="1" t="s">
        <v>174118</v>
      </c>
      <c r="G51541" s="1" t="s">
        <v>174030</v>
      </c>
      <c r="H51541" s="1" t="s">
        <v>174031</v>
      </c>
      <c r="I51541" s="1" t="s">
        <v>172490</v>
      </c>
      <c r="J51541" s="1" t="s">
        <v>174119</v>
      </c>
    </row>
    <row r="51542" spans="1:10" x14ac:dyDescent="0.35">
      <c r="A51542" s="1" t="s">
        <v>28069</v>
      </c>
      <c r="B51542" s="1" t="s">
        <v>172484</v>
      </c>
      <c r="C51542" s="1" t="s">
        <v>145</v>
      </c>
      <c r="D51542" s="1" t="s">
        <v>50081</v>
      </c>
      <c r="E51542" s="1" t="s">
        <v>174120</v>
      </c>
      <c r="F51542" s="1" t="s">
        <v>174121</v>
      </c>
      <c r="G51542" s="1" t="s">
        <v>174030</v>
      </c>
      <c r="H51542" s="1" t="s">
        <v>174031</v>
      </c>
      <c r="I51542" s="1" t="s">
        <v>172490</v>
      </c>
      <c r="J51542" s="1" t="s">
        <v>174122</v>
      </c>
    </row>
    <row r="51543" spans="1:10" x14ac:dyDescent="0.35">
      <c r="A51543" s="1" t="s">
        <v>28069</v>
      </c>
      <c r="B51543" s="1" t="s">
        <v>172484</v>
      </c>
      <c r="C51543" s="1" t="s">
        <v>150</v>
      </c>
      <c r="D51543" s="1" t="s">
        <v>113288</v>
      </c>
      <c r="E51543" s="1" t="s">
        <v>174123</v>
      </c>
      <c r="F51543" s="1" t="s">
        <v>174124</v>
      </c>
      <c r="G51543" s="1" t="s">
        <v>174030</v>
      </c>
      <c r="H51543" s="1" t="s">
        <v>174031</v>
      </c>
      <c r="I51543" s="1" t="s">
        <v>172490</v>
      </c>
      <c r="J51543" s="1" t="s">
        <v>174125</v>
      </c>
    </row>
    <row r="51544" spans="1:10" x14ac:dyDescent="0.35">
      <c r="A51544" s="1" t="s">
        <v>28069</v>
      </c>
      <c r="B51544" s="1" t="s">
        <v>172484</v>
      </c>
      <c r="C51544" s="1" t="s">
        <v>155</v>
      </c>
      <c r="D51544" s="1" t="s">
        <v>174126</v>
      </c>
      <c r="E51544" s="1" t="s">
        <v>174127</v>
      </c>
      <c r="F51544" s="1" t="s">
        <v>174128</v>
      </c>
      <c r="G51544" s="1" t="s">
        <v>174030</v>
      </c>
      <c r="H51544" s="1" t="s">
        <v>174031</v>
      </c>
      <c r="I51544" s="1" t="s">
        <v>172490</v>
      </c>
      <c r="J51544" s="1" t="s">
        <v>174129</v>
      </c>
    </row>
    <row r="51545" spans="1:10" x14ac:dyDescent="0.35">
      <c r="A51545" s="1" t="s">
        <v>28069</v>
      </c>
      <c r="B51545" s="1" t="s">
        <v>172484</v>
      </c>
      <c r="C51545" s="1" t="s">
        <v>160</v>
      </c>
      <c r="D51545" s="1" t="s">
        <v>108000</v>
      </c>
      <c r="E51545" s="1" t="s">
        <v>174130</v>
      </c>
      <c r="F51545" s="1" t="s">
        <v>174131</v>
      </c>
      <c r="G51545" s="1" t="s">
        <v>174030</v>
      </c>
      <c r="H51545" s="1" t="s">
        <v>174031</v>
      </c>
      <c r="I51545" s="1" t="s">
        <v>172490</v>
      </c>
      <c r="J51545" s="1" t="s">
        <v>174132</v>
      </c>
    </row>
    <row r="51546" spans="1:10" x14ac:dyDescent="0.35">
      <c r="A51546" s="1" t="s">
        <v>28069</v>
      </c>
      <c r="B51546" s="1" t="s">
        <v>172484</v>
      </c>
      <c r="C51546" s="1" t="s">
        <v>165</v>
      </c>
      <c r="D51546" s="1" t="s">
        <v>88439</v>
      </c>
      <c r="E51546" s="1" t="s">
        <v>174133</v>
      </c>
      <c r="F51546" s="1" t="s">
        <v>174134</v>
      </c>
      <c r="G51546" s="1" t="s">
        <v>174030</v>
      </c>
      <c r="H51546" s="1" t="s">
        <v>174031</v>
      </c>
      <c r="I51546" s="1" t="s">
        <v>172490</v>
      </c>
      <c r="J51546" s="1" t="s">
        <v>174135</v>
      </c>
    </row>
    <row r="51547" spans="1:10" x14ac:dyDescent="0.35">
      <c r="A51547" s="1" t="s">
        <v>28069</v>
      </c>
      <c r="B51547" s="1" t="s">
        <v>172484</v>
      </c>
      <c r="C51547" s="1" t="s">
        <v>170</v>
      </c>
      <c r="D51547" s="1" t="s">
        <v>174136</v>
      </c>
      <c r="E51547" s="1" t="s">
        <v>31435</v>
      </c>
      <c r="F51547" s="1" t="s">
        <v>174137</v>
      </c>
      <c r="G51547" s="1" t="s">
        <v>174030</v>
      </c>
      <c r="H51547" s="1" t="s">
        <v>174031</v>
      </c>
      <c r="I51547" s="1" t="s">
        <v>172490</v>
      </c>
      <c r="J51547" s="1" t="s">
        <v>174138</v>
      </c>
    </row>
    <row r="51548" spans="1:10" x14ac:dyDescent="0.35">
      <c r="A51548" s="1" t="s">
        <v>1221</v>
      </c>
      <c r="B51548" s="1" t="s">
        <v>172484</v>
      </c>
      <c r="C51548" s="1" t="s">
        <v>8</v>
      </c>
      <c r="D51548" s="1" t="s">
        <v>125712</v>
      </c>
      <c r="E51548" s="1" t="s">
        <v>12798</v>
      </c>
      <c r="F51548" s="1" t="s">
        <v>65752</v>
      </c>
      <c r="G51548" s="1" t="s">
        <v>174139</v>
      </c>
      <c r="H51548" s="1" t="s">
        <v>174140</v>
      </c>
      <c r="I51548" s="1" t="s">
        <v>172490</v>
      </c>
      <c r="J51548" s="1" t="s">
        <v>13</v>
      </c>
    </row>
    <row r="51549" spans="1:10" x14ac:dyDescent="0.35">
      <c r="A51549" s="1" t="s">
        <v>1221</v>
      </c>
      <c r="B51549" s="1" t="s">
        <v>172484</v>
      </c>
      <c r="C51549" s="1" t="s">
        <v>15</v>
      </c>
      <c r="D51549" s="1" t="s">
        <v>174141</v>
      </c>
      <c r="E51549" s="1" t="s">
        <v>41567</v>
      </c>
      <c r="F51549" s="1" t="s">
        <v>53953</v>
      </c>
      <c r="G51549" s="1" t="s">
        <v>174139</v>
      </c>
      <c r="H51549" s="1" t="s">
        <v>174140</v>
      </c>
      <c r="I51549" s="1" t="s">
        <v>172490</v>
      </c>
      <c r="J51549" s="1" t="s">
        <v>174142</v>
      </c>
    </row>
    <row r="51550" spans="1:10" x14ac:dyDescent="0.35">
      <c r="A51550" s="1" t="s">
        <v>1221</v>
      </c>
      <c r="B51550" s="1" t="s">
        <v>172484</v>
      </c>
      <c r="C51550" s="1" t="s">
        <v>20</v>
      </c>
      <c r="D51550" s="1" t="s">
        <v>42371</v>
      </c>
      <c r="E51550" s="1" t="s">
        <v>12798</v>
      </c>
      <c r="F51550" s="1" t="s">
        <v>61029</v>
      </c>
      <c r="G51550" s="1" t="s">
        <v>174139</v>
      </c>
      <c r="H51550" s="1" t="s">
        <v>174140</v>
      </c>
      <c r="I51550" s="1" t="s">
        <v>172490</v>
      </c>
      <c r="J51550" s="1" t="s">
        <v>174143</v>
      </c>
    </row>
    <row r="51551" spans="1:10" x14ac:dyDescent="0.35">
      <c r="A51551" s="1" t="s">
        <v>1221</v>
      </c>
      <c r="B51551" s="1" t="s">
        <v>172484</v>
      </c>
      <c r="C51551" s="1" t="s">
        <v>25</v>
      </c>
      <c r="D51551" s="1" t="s">
        <v>35358</v>
      </c>
      <c r="E51551" s="1" t="s">
        <v>22018</v>
      </c>
      <c r="F51551" s="1" t="s">
        <v>31525</v>
      </c>
      <c r="G51551" s="1" t="s">
        <v>174139</v>
      </c>
      <c r="H51551" s="1" t="s">
        <v>174140</v>
      </c>
      <c r="I51551" s="1" t="s">
        <v>172490</v>
      </c>
      <c r="J51551" s="1" t="s">
        <v>174144</v>
      </c>
    </row>
    <row r="51552" spans="1:10" x14ac:dyDescent="0.35">
      <c r="A51552" s="1" t="s">
        <v>1221</v>
      </c>
      <c r="B51552" s="1" t="s">
        <v>172484</v>
      </c>
      <c r="C51552" s="1" t="s">
        <v>30</v>
      </c>
      <c r="D51552" s="1" t="s">
        <v>75453</v>
      </c>
      <c r="E51552" s="1" t="s">
        <v>58862</v>
      </c>
      <c r="F51552" s="1" t="s">
        <v>58013</v>
      </c>
      <c r="G51552" s="1" t="s">
        <v>174139</v>
      </c>
      <c r="H51552" s="1" t="s">
        <v>174140</v>
      </c>
      <c r="I51552" s="1" t="s">
        <v>172490</v>
      </c>
      <c r="J51552" s="1" t="s">
        <v>174145</v>
      </c>
    </row>
    <row r="51553" spans="1:10" x14ac:dyDescent="0.35">
      <c r="A51553" s="1" t="s">
        <v>1221</v>
      </c>
      <c r="B51553" s="1" t="s">
        <v>172484</v>
      </c>
      <c r="C51553" s="1" t="s">
        <v>35</v>
      </c>
      <c r="D51553" s="1" t="s">
        <v>174146</v>
      </c>
      <c r="E51553" s="1" t="s">
        <v>55573</v>
      </c>
      <c r="F51553" s="1" t="s">
        <v>103904</v>
      </c>
      <c r="G51553" s="1" t="s">
        <v>174139</v>
      </c>
      <c r="H51553" s="1" t="s">
        <v>174140</v>
      </c>
      <c r="I51553" s="1" t="s">
        <v>172490</v>
      </c>
      <c r="J51553" s="1" t="s">
        <v>174147</v>
      </c>
    </row>
    <row r="51554" spans="1:10" x14ac:dyDescent="0.35">
      <c r="A51554" s="1" t="s">
        <v>1221</v>
      </c>
      <c r="B51554" s="1" t="s">
        <v>172484</v>
      </c>
      <c r="C51554" s="1" t="s">
        <v>40</v>
      </c>
      <c r="D51554" s="1" t="s">
        <v>44967</v>
      </c>
      <c r="E51554" s="1" t="s">
        <v>174148</v>
      </c>
      <c r="F51554" s="1" t="s">
        <v>105348</v>
      </c>
      <c r="G51554" s="1" t="s">
        <v>174139</v>
      </c>
      <c r="H51554" s="1" t="s">
        <v>174140</v>
      </c>
      <c r="I51554" s="1" t="s">
        <v>172490</v>
      </c>
      <c r="J51554" s="1" t="s">
        <v>174149</v>
      </c>
    </row>
    <row r="51555" spans="1:10" x14ac:dyDescent="0.35">
      <c r="A51555" s="1" t="s">
        <v>1221</v>
      </c>
      <c r="B51555" s="1" t="s">
        <v>172484</v>
      </c>
      <c r="C51555" s="1" t="s">
        <v>45</v>
      </c>
      <c r="D51555" s="1" t="s">
        <v>174150</v>
      </c>
      <c r="E51555" s="1" t="s">
        <v>41287</v>
      </c>
      <c r="F51555" s="1" t="s">
        <v>63660</v>
      </c>
      <c r="G51555" s="1" t="s">
        <v>174139</v>
      </c>
      <c r="H51555" s="1" t="s">
        <v>174140</v>
      </c>
      <c r="I51555" s="1" t="s">
        <v>172490</v>
      </c>
      <c r="J51555" s="1" t="s">
        <v>174151</v>
      </c>
    </row>
    <row r="51556" spans="1:10" x14ac:dyDescent="0.35">
      <c r="A51556" s="1" t="s">
        <v>1221</v>
      </c>
      <c r="B51556" s="1" t="s">
        <v>172484</v>
      </c>
      <c r="C51556" s="1" t="s">
        <v>50</v>
      </c>
      <c r="D51556" s="1" t="s">
        <v>153342</v>
      </c>
      <c r="E51556" s="1" t="s">
        <v>41395</v>
      </c>
      <c r="F51556" s="1" t="s">
        <v>174152</v>
      </c>
      <c r="G51556" s="1" t="s">
        <v>174139</v>
      </c>
      <c r="H51556" s="1" t="s">
        <v>174140</v>
      </c>
      <c r="I51556" s="1" t="s">
        <v>172490</v>
      </c>
      <c r="J51556" s="1" t="s">
        <v>174153</v>
      </c>
    </row>
    <row r="51557" spans="1:10" x14ac:dyDescent="0.35">
      <c r="A51557" s="1" t="s">
        <v>1221</v>
      </c>
      <c r="B51557" s="1" t="s">
        <v>172484</v>
      </c>
      <c r="C51557" s="1" t="s">
        <v>55</v>
      </c>
      <c r="D51557" s="1" t="s">
        <v>33099</v>
      </c>
      <c r="E51557" s="1" t="s">
        <v>41425</v>
      </c>
      <c r="F51557" s="1" t="s">
        <v>59788</v>
      </c>
      <c r="G51557" s="1" t="s">
        <v>174139</v>
      </c>
      <c r="H51557" s="1" t="s">
        <v>174140</v>
      </c>
      <c r="I51557" s="1" t="s">
        <v>172490</v>
      </c>
      <c r="J51557" s="1" t="s">
        <v>174154</v>
      </c>
    </row>
    <row r="51558" spans="1:10" x14ac:dyDescent="0.35">
      <c r="A51558" s="1" t="s">
        <v>1221</v>
      </c>
      <c r="B51558" s="1" t="s">
        <v>172484</v>
      </c>
      <c r="C51558" s="1" t="s">
        <v>60</v>
      </c>
      <c r="D51558" s="1" t="s">
        <v>34123</v>
      </c>
      <c r="E51558" s="1" t="s">
        <v>174155</v>
      </c>
      <c r="F51558" s="1" t="s">
        <v>174156</v>
      </c>
      <c r="G51558" s="1" t="s">
        <v>174139</v>
      </c>
      <c r="H51558" s="1" t="s">
        <v>174140</v>
      </c>
      <c r="I51558" s="1" t="s">
        <v>172490</v>
      </c>
      <c r="J51558" s="1" t="s">
        <v>174157</v>
      </c>
    </row>
    <row r="51559" spans="1:10" x14ac:dyDescent="0.35">
      <c r="A51559" s="1" t="s">
        <v>1221</v>
      </c>
      <c r="B51559" s="1" t="s">
        <v>172484</v>
      </c>
      <c r="C51559" s="1" t="s">
        <v>65</v>
      </c>
      <c r="D51559" s="1" t="s">
        <v>174158</v>
      </c>
      <c r="E51559" s="1" t="s">
        <v>21952</v>
      </c>
      <c r="F51559" s="1" t="s">
        <v>67186</v>
      </c>
      <c r="G51559" s="1" t="s">
        <v>174139</v>
      </c>
      <c r="H51559" s="1" t="s">
        <v>174140</v>
      </c>
      <c r="I51559" s="1" t="s">
        <v>172490</v>
      </c>
      <c r="J51559" s="1" t="s">
        <v>174159</v>
      </c>
    </row>
    <row r="51560" spans="1:10" x14ac:dyDescent="0.35">
      <c r="A51560" s="1" t="s">
        <v>1221</v>
      </c>
      <c r="B51560" s="1" t="s">
        <v>172484</v>
      </c>
      <c r="C51560" s="1" t="s">
        <v>70</v>
      </c>
      <c r="D51560" s="1" t="s">
        <v>34395</v>
      </c>
      <c r="E51560" s="1" t="s">
        <v>174160</v>
      </c>
      <c r="F51560" s="1" t="s">
        <v>174161</v>
      </c>
      <c r="G51560" s="1" t="s">
        <v>174139</v>
      </c>
      <c r="H51560" s="1" t="s">
        <v>174140</v>
      </c>
      <c r="I51560" s="1" t="s">
        <v>172490</v>
      </c>
      <c r="J51560" s="1" t="s">
        <v>174162</v>
      </c>
    </row>
    <row r="51561" spans="1:10" x14ac:dyDescent="0.35">
      <c r="A51561" s="1" t="s">
        <v>1221</v>
      </c>
      <c r="B51561" s="1" t="s">
        <v>172484</v>
      </c>
      <c r="C51561" s="1" t="s">
        <v>75</v>
      </c>
      <c r="D51561" s="1" t="s">
        <v>160675</v>
      </c>
      <c r="E51561" s="1" t="s">
        <v>23206</v>
      </c>
      <c r="F51561" s="1" t="s">
        <v>174163</v>
      </c>
      <c r="G51561" s="1" t="s">
        <v>174139</v>
      </c>
      <c r="H51561" s="1" t="s">
        <v>174140</v>
      </c>
      <c r="I51561" s="1" t="s">
        <v>172490</v>
      </c>
      <c r="J51561" s="1" t="s">
        <v>174164</v>
      </c>
    </row>
    <row r="51562" spans="1:10" x14ac:dyDescent="0.35">
      <c r="A51562" s="1" t="s">
        <v>1221</v>
      </c>
      <c r="B51562" s="1" t="s">
        <v>172484</v>
      </c>
      <c r="C51562" s="1" t="s">
        <v>80</v>
      </c>
      <c r="D51562" s="1" t="s">
        <v>174165</v>
      </c>
      <c r="E51562" s="1" t="s">
        <v>41152</v>
      </c>
      <c r="F51562" s="1" t="s">
        <v>69251</v>
      </c>
      <c r="G51562" s="1" t="s">
        <v>174139</v>
      </c>
      <c r="H51562" s="1" t="s">
        <v>174140</v>
      </c>
      <c r="I51562" s="1" t="s">
        <v>172490</v>
      </c>
      <c r="J51562" s="1" t="s">
        <v>174166</v>
      </c>
    </row>
    <row r="51563" spans="1:10" x14ac:dyDescent="0.35">
      <c r="A51563" s="1" t="s">
        <v>1221</v>
      </c>
      <c r="B51563" s="1" t="s">
        <v>172484</v>
      </c>
      <c r="C51563" s="1" t="s">
        <v>85</v>
      </c>
      <c r="D51563" s="1" t="s">
        <v>174167</v>
      </c>
      <c r="E51563" s="1" t="s">
        <v>31357</v>
      </c>
      <c r="F51563" s="1" t="s">
        <v>174168</v>
      </c>
      <c r="G51563" s="1" t="s">
        <v>174139</v>
      </c>
      <c r="H51563" s="1" t="s">
        <v>174140</v>
      </c>
      <c r="I51563" s="1" t="s">
        <v>172490</v>
      </c>
      <c r="J51563" s="1" t="s">
        <v>130918</v>
      </c>
    </row>
    <row r="51564" spans="1:10" x14ac:dyDescent="0.35">
      <c r="A51564" s="1" t="s">
        <v>1221</v>
      </c>
      <c r="B51564" s="1" t="s">
        <v>172484</v>
      </c>
      <c r="C51564" s="1" t="s">
        <v>90</v>
      </c>
      <c r="D51564" s="1" t="s">
        <v>174169</v>
      </c>
      <c r="E51564" s="1" t="s">
        <v>64424</v>
      </c>
      <c r="F51564" s="1" t="s">
        <v>174170</v>
      </c>
      <c r="G51564" s="1" t="s">
        <v>174139</v>
      </c>
      <c r="H51564" s="1" t="s">
        <v>174140</v>
      </c>
      <c r="I51564" s="1" t="s">
        <v>172490</v>
      </c>
      <c r="J51564" s="1" t="s">
        <v>174171</v>
      </c>
    </row>
    <row r="51565" spans="1:10" x14ac:dyDescent="0.35">
      <c r="A51565" s="1" t="s">
        <v>1221</v>
      </c>
      <c r="B51565" s="1" t="s">
        <v>172484</v>
      </c>
      <c r="C51565" s="1" t="s">
        <v>95</v>
      </c>
      <c r="D51565" s="1" t="s">
        <v>67715</v>
      </c>
      <c r="E51565" s="1" t="s">
        <v>16090</v>
      </c>
      <c r="F51565" s="1" t="s">
        <v>101910</v>
      </c>
      <c r="G51565" s="1" t="s">
        <v>174139</v>
      </c>
      <c r="H51565" s="1" t="s">
        <v>174140</v>
      </c>
      <c r="I51565" s="1" t="s">
        <v>172490</v>
      </c>
      <c r="J51565" s="1" t="s">
        <v>174172</v>
      </c>
    </row>
    <row r="51566" spans="1:10" x14ac:dyDescent="0.35">
      <c r="A51566" s="1" t="s">
        <v>1221</v>
      </c>
      <c r="B51566" s="1" t="s">
        <v>172484</v>
      </c>
      <c r="C51566" s="1" t="s">
        <v>100</v>
      </c>
      <c r="D51566" s="1" t="s">
        <v>174173</v>
      </c>
      <c r="E51566" s="1" t="s">
        <v>54095</v>
      </c>
      <c r="F51566" s="1" t="s">
        <v>174174</v>
      </c>
      <c r="G51566" s="1" t="s">
        <v>174139</v>
      </c>
      <c r="H51566" s="1" t="s">
        <v>174140</v>
      </c>
      <c r="I51566" s="1" t="s">
        <v>172490</v>
      </c>
      <c r="J51566" s="1" t="s">
        <v>174175</v>
      </c>
    </row>
    <row r="51567" spans="1:10" x14ac:dyDescent="0.35">
      <c r="A51567" s="1" t="s">
        <v>1221</v>
      </c>
      <c r="B51567" s="1" t="s">
        <v>172484</v>
      </c>
      <c r="C51567" s="1" t="s">
        <v>105</v>
      </c>
      <c r="D51567" s="1" t="s">
        <v>174176</v>
      </c>
      <c r="E51567" s="1" t="s">
        <v>41305</v>
      </c>
      <c r="F51567" s="1" t="s">
        <v>65765</v>
      </c>
      <c r="G51567" s="1" t="s">
        <v>174139</v>
      </c>
      <c r="H51567" s="1" t="s">
        <v>174140</v>
      </c>
      <c r="I51567" s="1" t="s">
        <v>172490</v>
      </c>
      <c r="J51567" s="1" t="s">
        <v>174177</v>
      </c>
    </row>
    <row r="51568" spans="1:10" x14ac:dyDescent="0.35">
      <c r="A51568" s="1" t="s">
        <v>1221</v>
      </c>
      <c r="B51568" s="1" t="s">
        <v>172484</v>
      </c>
      <c r="C51568" s="1" t="s">
        <v>110</v>
      </c>
      <c r="D51568" s="1" t="s">
        <v>52934</v>
      </c>
      <c r="E51568" s="1" t="s">
        <v>56613</v>
      </c>
      <c r="F51568" s="1" t="s">
        <v>101971</v>
      </c>
      <c r="G51568" s="1" t="s">
        <v>174139</v>
      </c>
      <c r="H51568" s="1" t="s">
        <v>174140</v>
      </c>
      <c r="I51568" s="1" t="s">
        <v>172490</v>
      </c>
      <c r="J51568" s="1" t="s">
        <v>174178</v>
      </c>
    </row>
    <row r="51569" spans="1:10" x14ac:dyDescent="0.35">
      <c r="A51569" s="1" t="s">
        <v>1221</v>
      </c>
      <c r="B51569" s="1" t="s">
        <v>172484</v>
      </c>
      <c r="C51569" s="1" t="s">
        <v>115</v>
      </c>
      <c r="D51569" s="1" t="s">
        <v>174179</v>
      </c>
      <c r="E51569" s="1" t="s">
        <v>57256</v>
      </c>
      <c r="F51569" s="1" t="s">
        <v>68445</v>
      </c>
      <c r="G51569" s="1" t="s">
        <v>174139</v>
      </c>
      <c r="H51569" s="1" t="s">
        <v>174140</v>
      </c>
      <c r="I51569" s="1" t="s">
        <v>172490</v>
      </c>
      <c r="J51569" s="1" t="s">
        <v>174180</v>
      </c>
    </row>
    <row r="51570" spans="1:10" x14ac:dyDescent="0.35">
      <c r="A51570" s="1" t="s">
        <v>1221</v>
      </c>
      <c r="B51570" s="1" t="s">
        <v>172484</v>
      </c>
      <c r="C51570" s="1" t="s">
        <v>120</v>
      </c>
      <c r="D51570" s="1" t="s">
        <v>114382</v>
      </c>
      <c r="E51570" s="1" t="s">
        <v>57392</v>
      </c>
      <c r="F51570" s="1" t="s">
        <v>174181</v>
      </c>
      <c r="G51570" s="1" t="s">
        <v>174139</v>
      </c>
      <c r="H51570" s="1" t="s">
        <v>174140</v>
      </c>
      <c r="I51570" s="1" t="s">
        <v>172490</v>
      </c>
      <c r="J51570" s="1" t="s">
        <v>174182</v>
      </c>
    </row>
    <row r="51571" spans="1:10" x14ac:dyDescent="0.35">
      <c r="A51571" s="1" t="s">
        <v>1221</v>
      </c>
      <c r="B51571" s="1" t="s">
        <v>172484</v>
      </c>
      <c r="C51571" s="1" t="s">
        <v>125</v>
      </c>
      <c r="D51571" s="1" t="s">
        <v>174183</v>
      </c>
      <c r="E51571" s="1" t="s">
        <v>21937</v>
      </c>
      <c r="F51571" s="1" t="s">
        <v>130795</v>
      </c>
      <c r="G51571" s="1" t="s">
        <v>174139</v>
      </c>
      <c r="H51571" s="1" t="s">
        <v>174140</v>
      </c>
      <c r="I51571" s="1" t="s">
        <v>172490</v>
      </c>
      <c r="J51571" s="1" t="s">
        <v>174184</v>
      </c>
    </row>
    <row r="51572" spans="1:10" x14ac:dyDescent="0.35">
      <c r="A51572" s="1" t="s">
        <v>1221</v>
      </c>
      <c r="B51572" s="1" t="s">
        <v>172484</v>
      </c>
      <c r="C51572" s="1" t="s">
        <v>130</v>
      </c>
      <c r="D51572" s="1" t="s">
        <v>62803</v>
      </c>
      <c r="E51572" s="1" t="s">
        <v>15841</v>
      </c>
      <c r="F51572" s="1" t="s">
        <v>63683</v>
      </c>
      <c r="G51572" s="1" t="s">
        <v>174139</v>
      </c>
      <c r="H51572" s="1" t="s">
        <v>174140</v>
      </c>
      <c r="I51572" s="1" t="s">
        <v>172490</v>
      </c>
      <c r="J51572" s="1" t="s">
        <v>174185</v>
      </c>
    </row>
    <row r="51573" spans="1:10" x14ac:dyDescent="0.35">
      <c r="A51573" s="1" t="s">
        <v>1221</v>
      </c>
      <c r="B51573" s="1" t="s">
        <v>172484</v>
      </c>
      <c r="C51573" s="1" t="s">
        <v>135</v>
      </c>
      <c r="D51573" s="1" t="s">
        <v>79148</v>
      </c>
      <c r="E51573" s="1" t="s">
        <v>12841</v>
      </c>
      <c r="F51573" s="1" t="s">
        <v>174186</v>
      </c>
      <c r="G51573" s="1" t="s">
        <v>174139</v>
      </c>
      <c r="H51573" s="1" t="s">
        <v>174140</v>
      </c>
      <c r="I51573" s="1" t="s">
        <v>172490</v>
      </c>
      <c r="J51573" s="1" t="s">
        <v>174187</v>
      </c>
    </row>
    <row r="51574" spans="1:10" x14ac:dyDescent="0.35">
      <c r="A51574" s="1" t="s">
        <v>1221</v>
      </c>
      <c r="B51574" s="1" t="s">
        <v>172484</v>
      </c>
      <c r="C51574" s="1" t="s">
        <v>140</v>
      </c>
      <c r="D51574" s="1" t="s">
        <v>97835</v>
      </c>
      <c r="E51574" s="1" t="s">
        <v>56082</v>
      </c>
      <c r="F51574" s="1" t="s">
        <v>69242</v>
      </c>
      <c r="G51574" s="1" t="s">
        <v>174139</v>
      </c>
      <c r="H51574" s="1" t="s">
        <v>174140</v>
      </c>
      <c r="I51574" s="1" t="s">
        <v>172490</v>
      </c>
      <c r="J51574" s="1" t="s">
        <v>174188</v>
      </c>
    </row>
    <row r="51575" spans="1:10" x14ac:dyDescent="0.35">
      <c r="A51575" s="1" t="s">
        <v>1221</v>
      </c>
      <c r="B51575" s="1" t="s">
        <v>172484</v>
      </c>
      <c r="C51575" s="1" t="s">
        <v>145</v>
      </c>
      <c r="D51575" s="1" t="s">
        <v>174189</v>
      </c>
      <c r="E51575" s="1" t="s">
        <v>56097</v>
      </c>
      <c r="F51575" s="1" t="s">
        <v>174190</v>
      </c>
      <c r="G51575" s="1" t="s">
        <v>174139</v>
      </c>
      <c r="H51575" s="1" t="s">
        <v>174140</v>
      </c>
      <c r="I51575" s="1" t="s">
        <v>172490</v>
      </c>
      <c r="J51575" s="1" t="s">
        <v>174191</v>
      </c>
    </row>
    <row r="51576" spans="1:10" x14ac:dyDescent="0.35">
      <c r="A51576" s="1" t="s">
        <v>1221</v>
      </c>
      <c r="B51576" s="1" t="s">
        <v>172484</v>
      </c>
      <c r="C51576" s="1" t="s">
        <v>150</v>
      </c>
      <c r="D51576" s="1" t="s">
        <v>174192</v>
      </c>
      <c r="E51576" s="1" t="s">
        <v>56784</v>
      </c>
      <c r="F51576" s="1" t="s">
        <v>115194</v>
      </c>
      <c r="G51576" s="1" t="s">
        <v>174139</v>
      </c>
      <c r="H51576" s="1" t="s">
        <v>174140</v>
      </c>
      <c r="I51576" s="1" t="s">
        <v>172490</v>
      </c>
      <c r="J51576" s="1" t="s">
        <v>174193</v>
      </c>
    </row>
    <row r="51577" spans="1:10" x14ac:dyDescent="0.35">
      <c r="A51577" s="1" t="s">
        <v>1221</v>
      </c>
      <c r="B51577" s="1" t="s">
        <v>172484</v>
      </c>
      <c r="C51577" s="1" t="s">
        <v>155</v>
      </c>
      <c r="D51577" s="1" t="s">
        <v>174194</v>
      </c>
      <c r="E51577" s="1" t="s">
        <v>31472</v>
      </c>
      <c r="F51577" s="1" t="s">
        <v>132807</v>
      </c>
      <c r="G51577" s="1" t="s">
        <v>174139</v>
      </c>
      <c r="H51577" s="1" t="s">
        <v>174140</v>
      </c>
      <c r="I51577" s="1" t="s">
        <v>172490</v>
      </c>
      <c r="J51577" s="1" t="s">
        <v>174195</v>
      </c>
    </row>
    <row r="51578" spans="1:10" x14ac:dyDescent="0.35">
      <c r="A51578" s="1" t="s">
        <v>1221</v>
      </c>
      <c r="B51578" s="1" t="s">
        <v>172484</v>
      </c>
      <c r="C51578" s="1" t="s">
        <v>160</v>
      </c>
      <c r="D51578" s="1" t="s">
        <v>91140</v>
      </c>
      <c r="E51578" s="1" t="s">
        <v>53876</v>
      </c>
      <c r="F51578" s="1" t="s">
        <v>70185</v>
      </c>
      <c r="G51578" s="1" t="s">
        <v>174139</v>
      </c>
      <c r="H51578" s="1" t="s">
        <v>174140</v>
      </c>
      <c r="I51578" s="1" t="s">
        <v>172490</v>
      </c>
      <c r="J51578" s="1" t="s">
        <v>174196</v>
      </c>
    </row>
    <row r="51579" spans="1:10" x14ac:dyDescent="0.35">
      <c r="A51579" s="1" t="s">
        <v>1221</v>
      </c>
      <c r="B51579" s="1" t="s">
        <v>172484</v>
      </c>
      <c r="C51579" s="1" t="s">
        <v>165</v>
      </c>
      <c r="D51579" s="1" t="s">
        <v>66547</v>
      </c>
      <c r="E51579" s="1" t="s">
        <v>21929</v>
      </c>
      <c r="F51579" s="1" t="s">
        <v>174197</v>
      </c>
      <c r="G51579" s="1" t="s">
        <v>174139</v>
      </c>
      <c r="H51579" s="1" t="s">
        <v>174140</v>
      </c>
      <c r="I51579" s="1" t="s">
        <v>172490</v>
      </c>
      <c r="J51579" s="1" t="s">
        <v>174198</v>
      </c>
    </row>
    <row r="51580" spans="1:10" x14ac:dyDescent="0.35">
      <c r="A51580" s="1" t="s">
        <v>1221</v>
      </c>
      <c r="B51580" s="1" t="s">
        <v>172484</v>
      </c>
      <c r="C51580" s="1" t="s">
        <v>170</v>
      </c>
      <c r="D51580" s="1" t="s">
        <v>86212</v>
      </c>
      <c r="E51580" s="1" t="s">
        <v>32557</v>
      </c>
      <c r="F51580" s="1" t="s">
        <v>174199</v>
      </c>
      <c r="G51580" s="1" t="s">
        <v>174139</v>
      </c>
      <c r="H51580" s="1" t="s">
        <v>174140</v>
      </c>
      <c r="I51580" s="1" t="s">
        <v>172490</v>
      </c>
      <c r="J51580" s="1" t="s">
        <v>174200</v>
      </c>
    </row>
    <row r="51581" spans="1:10" x14ac:dyDescent="0.35">
      <c r="A51581" s="1" t="s">
        <v>28175</v>
      </c>
      <c r="B51581" s="1" t="s">
        <v>172484</v>
      </c>
      <c r="C51581" s="1" t="s">
        <v>8</v>
      </c>
      <c r="D51581" s="1" t="s">
        <v>174201</v>
      </c>
      <c r="E51581" s="1" t="s">
        <v>174202</v>
      </c>
      <c r="F51581" s="1" t="s">
        <v>174203</v>
      </c>
      <c r="G51581" s="1" t="s">
        <v>174204</v>
      </c>
      <c r="H51581" s="1" t="s">
        <v>174205</v>
      </c>
      <c r="I51581" s="1" t="s">
        <v>172490</v>
      </c>
      <c r="J51581" s="1" t="s">
        <v>13</v>
      </c>
    </row>
    <row r="51582" spans="1:10" x14ac:dyDescent="0.35">
      <c r="A51582" s="1" t="s">
        <v>28175</v>
      </c>
      <c r="B51582" s="1" t="s">
        <v>172484</v>
      </c>
      <c r="C51582" s="1" t="s">
        <v>15</v>
      </c>
      <c r="D51582" s="1" t="s">
        <v>71286</v>
      </c>
      <c r="E51582" s="1" t="s">
        <v>174206</v>
      </c>
      <c r="F51582" s="1" t="s">
        <v>174207</v>
      </c>
      <c r="G51582" s="1" t="s">
        <v>174204</v>
      </c>
      <c r="H51582" s="1" t="s">
        <v>174205</v>
      </c>
      <c r="I51582" s="1" t="s">
        <v>172490</v>
      </c>
      <c r="J51582" s="1" t="s">
        <v>174208</v>
      </c>
    </row>
    <row r="51583" spans="1:10" x14ac:dyDescent="0.35">
      <c r="A51583" s="1" t="s">
        <v>28175</v>
      </c>
      <c r="B51583" s="1" t="s">
        <v>172484</v>
      </c>
      <c r="C51583" s="1" t="s">
        <v>20</v>
      </c>
      <c r="D51583" s="1" t="s">
        <v>51336</v>
      </c>
      <c r="E51583" s="1" t="s">
        <v>174209</v>
      </c>
      <c r="F51583" s="1" t="s">
        <v>174210</v>
      </c>
      <c r="G51583" s="1" t="s">
        <v>174204</v>
      </c>
      <c r="H51583" s="1" t="s">
        <v>174205</v>
      </c>
      <c r="I51583" s="1" t="s">
        <v>172490</v>
      </c>
      <c r="J51583" s="1" t="s">
        <v>174211</v>
      </c>
    </row>
    <row r="51584" spans="1:10" x14ac:dyDescent="0.35">
      <c r="A51584" s="1" t="s">
        <v>28175</v>
      </c>
      <c r="B51584" s="1" t="s">
        <v>172484</v>
      </c>
      <c r="C51584" s="1" t="s">
        <v>25</v>
      </c>
      <c r="D51584" s="1" t="s">
        <v>148760</v>
      </c>
      <c r="E51584" s="1" t="s">
        <v>174212</v>
      </c>
      <c r="F51584" s="1" t="s">
        <v>174213</v>
      </c>
      <c r="G51584" s="1" t="s">
        <v>174204</v>
      </c>
      <c r="H51584" s="1" t="s">
        <v>174205</v>
      </c>
      <c r="I51584" s="1" t="s">
        <v>172490</v>
      </c>
      <c r="J51584" s="1" t="s">
        <v>174214</v>
      </c>
    </row>
    <row r="51585" spans="1:10" x14ac:dyDescent="0.35">
      <c r="A51585" s="1" t="s">
        <v>28175</v>
      </c>
      <c r="B51585" s="1" t="s">
        <v>172484</v>
      </c>
      <c r="C51585" s="1" t="s">
        <v>30</v>
      </c>
      <c r="D51585" s="1" t="s">
        <v>71649</v>
      </c>
      <c r="E51585" s="1" t="s">
        <v>174215</v>
      </c>
      <c r="F51585" s="1" t="s">
        <v>174216</v>
      </c>
      <c r="G51585" s="1" t="s">
        <v>174204</v>
      </c>
      <c r="H51585" s="1" t="s">
        <v>174205</v>
      </c>
      <c r="I51585" s="1" t="s">
        <v>172490</v>
      </c>
      <c r="J51585" s="1" t="s">
        <v>174217</v>
      </c>
    </row>
    <row r="51586" spans="1:10" x14ac:dyDescent="0.35">
      <c r="A51586" s="1" t="s">
        <v>28175</v>
      </c>
      <c r="B51586" s="1" t="s">
        <v>172484</v>
      </c>
      <c r="C51586" s="1" t="s">
        <v>35</v>
      </c>
      <c r="D51586" s="1" t="s">
        <v>72429</v>
      </c>
      <c r="E51586" s="1" t="s">
        <v>174218</v>
      </c>
      <c r="F51586" s="1" t="s">
        <v>174219</v>
      </c>
      <c r="G51586" s="1" t="s">
        <v>174204</v>
      </c>
      <c r="H51586" s="1" t="s">
        <v>174205</v>
      </c>
      <c r="I51586" s="1" t="s">
        <v>172490</v>
      </c>
      <c r="J51586" s="1" t="s">
        <v>174220</v>
      </c>
    </row>
    <row r="51587" spans="1:10" x14ac:dyDescent="0.35">
      <c r="A51587" s="1" t="s">
        <v>28175</v>
      </c>
      <c r="B51587" s="1" t="s">
        <v>172484</v>
      </c>
      <c r="C51587" s="1" t="s">
        <v>40</v>
      </c>
      <c r="D51587" s="1" t="s">
        <v>31173</v>
      </c>
      <c r="E51587" s="1" t="s">
        <v>174221</v>
      </c>
      <c r="F51587" s="1" t="s">
        <v>174222</v>
      </c>
      <c r="G51587" s="1" t="s">
        <v>174204</v>
      </c>
      <c r="H51587" s="1" t="s">
        <v>174205</v>
      </c>
      <c r="I51587" s="1" t="s">
        <v>172490</v>
      </c>
      <c r="J51587" s="1" t="s">
        <v>174223</v>
      </c>
    </row>
    <row r="51588" spans="1:10" x14ac:dyDescent="0.35">
      <c r="A51588" s="1" t="s">
        <v>28175</v>
      </c>
      <c r="B51588" s="1" t="s">
        <v>172484</v>
      </c>
      <c r="C51588" s="1" t="s">
        <v>45</v>
      </c>
      <c r="D51588" s="1" t="s">
        <v>174224</v>
      </c>
      <c r="E51588" s="1" t="s">
        <v>174225</v>
      </c>
      <c r="F51588" s="1" t="s">
        <v>174226</v>
      </c>
      <c r="G51588" s="1" t="s">
        <v>174204</v>
      </c>
      <c r="H51588" s="1" t="s">
        <v>174205</v>
      </c>
      <c r="I51588" s="1" t="s">
        <v>172490</v>
      </c>
      <c r="J51588" s="1" t="s">
        <v>174227</v>
      </c>
    </row>
    <row r="51589" spans="1:10" x14ac:dyDescent="0.35">
      <c r="A51589" s="1" t="s">
        <v>28175</v>
      </c>
      <c r="B51589" s="1" t="s">
        <v>172484</v>
      </c>
      <c r="C51589" s="1" t="s">
        <v>50</v>
      </c>
      <c r="D51589" s="1" t="s">
        <v>174228</v>
      </c>
      <c r="E51589" s="1" t="s">
        <v>174229</v>
      </c>
      <c r="F51589" s="1" t="s">
        <v>174230</v>
      </c>
      <c r="G51589" s="1" t="s">
        <v>174204</v>
      </c>
      <c r="H51589" s="1" t="s">
        <v>174205</v>
      </c>
      <c r="I51589" s="1" t="s">
        <v>172490</v>
      </c>
      <c r="J51589" s="1" t="s">
        <v>174231</v>
      </c>
    </row>
    <row r="51590" spans="1:10" x14ac:dyDescent="0.35">
      <c r="A51590" s="1" t="s">
        <v>28175</v>
      </c>
      <c r="B51590" s="1" t="s">
        <v>172484</v>
      </c>
      <c r="C51590" s="1" t="s">
        <v>55</v>
      </c>
      <c r="D51590" s="1" t="s">
        <v>174232</v>
      </c>
      <c r="E51590" s="1" t="s">
        <v>174233</v>
      </c>
      <c r="F51590" s="1" t="s">
        <v>174234</v>
      </c>
      <c r="G51590" s="1" t="s">
        <v>174204</v>
      </c>
      <c r="H51590" s="1" t="s">
        <v>174205</v>
      </c>
      <c r="I51590" s="1" t="s">
        <v>172490</v>
      </c>
      <c r="J51590" s="1" t="s">
        <v>174235</v>
      </c>
    </row>
    <row r="51591" spans="1:10" x14ac:dyDescent="0.35">
      <c r="A51591" s="1" t="s">
        <v>28175</v>
      </c>
      <c r="B51591" s="1" t="s">
        <v>172484</v>
      </c>
      <c r="C51591" s="1" t="s">
        <v>60</v>
      </c>
      <c r="D51591" s="1" t="s">
        <v>174236</v>
      </c>
      <c r="E51591" s="1" t="s">
        <v>174237</v>
      </c>
      <c r="F51591" s="1" t="s">
        <v>174238</v>
      </c>
      <c r="G51591" s="1" t="s">
        <v>174204</v>
      </c>
      <c r="H51591" s="1" t="s">
        <v>174205</v>
      </c>
      <c r="I51591" s="1" t="s">
        <v>172490</v>
      </c>
      <c r="J51591" s="1" t="s">
        <v>174239</v>
      </c>
    </row>
    <row r="51592" spans="1:10" x14ac:dyDescent="0.35">
      <c r="A51592" s="1" t="s">
        <v>28175</v>
      </c>
      <c r="B51592" s="1" t="s">
        <v>172484</v>
      </c>
      <c r="C51592" s="1" t="s">
        <v>65</v>
      </c>
      <c r="D51592" s="1" t="s">
        <v>174240</v>
      </c>
      <c r="E51592" s="1" t="s">
        <v>174241</v>
      </c>
      <c r="F51592" s="1" t="s">
        <v>174242</v>
      </c>
      <c r="G51592" s="1" t="s">
        <v>174204</v>
      </c>
      <c r="H51592" s="1" t="s">
        <v>174205</v>
      </c>
      <c r="I51592" s="1" t="s">
        <v>172490</v>
      </c>
      <c r="J51592" s="1" t="s">
        <v>174243</v>
      </c>
    </row>
    <row r="51593" spans="1:10" x14ac:dyDescent="0.35">
      <c r="A51593" s="1" t="s">
        <v>28175</v>
      </c>
      <c r="B51593" s="1" t="s">
        <v>172484</v>
      </c>
      <c r="C51593" s="1" t="s">
        <v>70</v>
      </c>
      <c r="D51593" s="1" t="s">
        <v>174244</v>
      </c>
      <c r="E51593" s="1" t="s">
        <v>174245</v>
      </c>
      <c r="F51593" s="1" t="s">
        <v>174246</v>
      </c>
      <c r="G51593" s="1" t="s">
        <v>174204</v>
      </c>
      <c r="H51593" s="1" t="s">
        <v>174205</v>
      </c>
      <c r="I51593" s="1" t="s">
        <v>172490</v>
      </c>
      <c r="J51593" s="1" t="s">
        <v>174247</v>
      </c>
    </row>
    <row r="51594" spans="1:10" x14ac:dyDescent="0.35">
      <c r="A51594" s="1" t="s">
        <v>28175</v>
      </c>
      <c r="B51594" s="1" t="s">
        <v>172484</v>
      </c>
      <c r="C51594" s="1" t="s">
        <v>75</v>
      </c>
      <c r="D51594" s="1" t="s">
        <v>174248</v>
      </c>
      <c r="E51594" s="1" t="s">
        <v>174249</v>
      </c>
      <c r="F51594" s="1" t="s">
        <v>174250</v>
      </c>
      <c r="G51594" s="1" t="s">
        <v>174204</v>
      </c>
      <c r="H51594" s="1" t="s">
        <v>174205</v>
      </c>
      <c r="I51594" s="1" t="s">
        <v>172490</v>
      </c>
      <c r="J51594" s="1" t="s">
        <v>174251</v>
      </c>
    </row>
    <row r="51595" spans="1:10" x14ac:dyDescent="0.35">
      <c r="A51595" s="1" t="s">
        <v>28175</v>
      </c>
      <c r="B51595" s="1" t="s">
        <v>172484</v>
      </c>
      <c r="C51595" s="1" t="s">
        <v>80</v>
      </c>
      <c r="D51595" s="1" t="s">
        <v>153107</v>
      </c>
      <c r="E51595" s="1" t="s">
        <v>174252</v>
      </c>
      <c r="F51595" s="1" t="s">
        <v>174253</v>
      </c>
      <c r="G51595" s="1" t="s">
        <v>174204</v>
      </c>
      <c r="H51595" s="1" t="s">
        <v>174205</v>
      </c>
      <c r="I51595" s="1" t="s">
        <v>172490</v>
      </c>
      <c r="J51595" s="1" t="s">
        <v>174254</v>
      </c>
    </row>
    <row r="51596" spans="1:10" x14ac:dyDescent="0.35">
      <c r="A51596" s="1" t="s">
        <v>28175</v>
      </c>
      <c r="B51596" s="1" t="s">
        <v>172484</v>
      </c>
      <c r="C51596" s="1" t="s">
        <v>85</v>
      </c>
      <c r="D51596" s="1" t="s">
        <v>43402</v>
      </c>
      <c r="E51596" s="1" t="s">
        <v>174255</v>
      </c>
      <c r="F51596" s="1" t="s">
        <v>174256</v>
      </c>
      <c r="G51596" s="1" t="s">
        <v>174204</v>
      </c>
      <c r="H51596" s="1" t="s">
        <v>174205</v>
      </c>
      <c r="I51596" s="1" t="s">
        <v>172490</v>
      </c>
      <c r="J51596" s="1" t="s">
        <v>174257</v>
      </c>
    </row>
    <row r="51597" spans="1:10" x14ac:dyDescent="0.35">
      <c r="A51597" s="1" t="s">
        <v>28175</v>
      </c>
      <c r="B51597" s="1" t="s">
        <v>172484</v>
      </c>
      <c r="C51597" s="1" t="s">
        <v>90</v>
      </c>
      <c r="D51597" s="1" t="s">
        <v>174258</v>
      </c>
      <c r="E51597" s="1" t="s">
        <v>174259</v>
      </c>
      <c r="F51597" s="1" t="s">
        <v>174260</v>
      </c>
      <c r="G51597" s="1" t="s">
        <v>174204</v>
      </c>
      <c r="H51597" s="1" t="s">
        <v>174205</v>
      </c>
      <c r="I51597" s="1" t="s">
        <v>172490</v>
      </c>
      <c r="J51597" s="1" t="s">
        <v>174261</v>
      </c>
    </row>
    <row r="51598" spans="1:10" x14ac:dyDescent="0.35">
      <c r="A51598" s="1" t="s">
        <v>28175</v>
      </c>
      <c r="B51598" s="1" t="s">
        <v>172484</v>
      </c>
      <c r="C51598" s="1" t="s">
        <v>95</v>
      </c>
      <c r="D51598" s="1" t="s">
        <v>109443</v>
      </c>
      <c r="E51598" s="1" t="s">
        <v>174262</v>
      </c>
      <c r="F51598" s="1" t="s">
        <v>174263</v>
      </c>
      <c r="G51598" s="1" t="s">
        <v>174204</v>
      </c>
      <c r="H51598" s="1" t="s">
        <v>174205</v>
      </c>
      <c r="I51598" s="1" t="s">
        <v>172490</v>
      </c>
      <c r="J51598" s="1" t="s">
        <v>174264</v>
      </c>
    </row>
    <row r="51599" spans="1:10" x14ac:dyDescent="0.35">
      <c r="A51599" s="1" t="s">
        <v>28175</v>
      </c>
      <c r="B51599" s="1" t="s">
        <v>172484</v>
      </c>
      <c r="C51599" s="1" t="s">
        <v>100</v>
      </c>
      <c r="D51599" s="1" t="s">
        <v>16297</v>
      </c>
      <c r="E51599" s="1" t="s">
        <v>174265</v>
      </c>
      <c r="F51599" s="1" t="s">
        <v>174266</v>
      </c>
      <c r="G51599" s="1" t="s">
        <v>174204</v>
      </c>
      <c r="H51599" s="1" t="s">
        <v>174205</v>
      </c>
      <c r="I51599" s="1" t="s">
        <v>172490</v>
      </c>
      <c r="J51599" s="1" t="s">
        <v>174267</v>
      </c>
    </row>
    <row r="51600" spans="1:10" x14ac:dyDescent="0.35">
      <c r="A51600" s="1" t="s">
        <v>28175</v>
      </c>
      <c r="B51600" s="1" t="s">
        <v>172484</v>
      </c>
      <c r="C51600" s="1" t="s">
        <v>105</v>
      </c>
      <c r="D51600" s="1" t="s">
        <v>170856</v>
      </c>
      <c r="E51600" s="1" t="s">
        <v>174268</v>
      </c>
      <c r="F51600" s="1" t="s">
        <v>174269</v>
      </c>
      <c r="G51600" s="1" t="s">
        <v>174204</v>
      </c>
      <c r="H51600" s="1" t="s">
        <v>174205</v>
      </c>
      <c r="I51600" s="1" t="s">
        <v>172490</v>
      </c>
      <c r="J51600" s="1" t="s">
        <v>174270</v>
      </c>
    </row>
    <row r="51601" spans="1:10" x14ac:dyDescent="0.35">
      <c r="A51601" s="1" t="s">
        <v>28175</v>
      </c>
      <c r="B51601" s="1" t="s">
        <v>172484</v>
      </c>
      <c r="C51601" s="1" t="s">
        <v>110</v>
      </c>
      <c r="D51601" s="1" t="s">
        <v>174271</v>
      </c>
      <c r="E51601" s="1" t="s">
        <v>174272</v>
      </c>
      <c r="F51601" s="1" t="s">
        <v>174273</v>
      </c>
      <c r="G51601" s="1" t="s">
        <v>174204</v>
      </c>
      <c r="H51601" s="1" t="s">
        <v>174205</v>
      </c>
      <c r="I51601" s="1" t="s">
        <v>172490</v>
      </c>
      <c r="J51601" s="1" t="s">
        <v>174274</v>
      </c>
    </row>
    <row r="51602" spans="1:10" x14ac:dyDescent="0.35">
      <c r="A51602" s="1" t="s">
        <v>28175</v>
      </c>
      <c r="B51602" s="1" t="s">
        <v>172484</v>
      </c>
      <c r="C51602" s="1" t="s">
        <v>115</v>
      </c>
      <c r="D51602" s="1" t="s">
        <v>174275</v>
      </c>
      <c r="E51602" s="1" t="s">
        <v>174276</v>
      </c>
      <c r="F51602" s="1" t="s">
        <v>174277</v>
      </c>
      <c r="G51602" s="1" t="s">
        <v>174204</v>
      </c>
      <c r="H51602" s="1" t="s">
        <v>174205</v>
      </c>
      <c r="I51602" s="1" t="s">
        <v>172490</v>
      </c>
      <c r="J51602" s="1" t="s">
        <v>174278</v>
      </c>
    </row>
    <row r="51603" spans="1:10" x14ac:dyDescent="0.35">
      <c r="A51603" s="1" t="s">
        <v>28175</v>
      </c>
      <c r="B51603" s="1" t="s">
        <v>172484</v>
      </c>
      <c r="C51603" s="1" t="s">
        <v>120</v>
      </c>
      <c r="D51603" s="1" t="s">
        <v>174279</v>
      </c>
      <c r="E51603" s="1" t="s">
        <v>174280</v>
      </c>
      <c r="F51603" s="1" t="s">
        <v>174281</v>
      </c>
      <c r="G51603" s="1" t="s">
        <v>174204</v>
      </c>
      <c r="H51603" s="1" t="s">
        <v>174205</v>
      </c>
      <c r="I51603" s="1" t="s">
        <v>172490</v>
      </c>
      <c r="J51603" s="1" t="s">
        <v>174282</v>
      </c>
    </row>
    <row r="51604" spans="1:10" x14ac:dyDescent="0.35">
      <c r="A51604" s="1" t="s">
        <v>28175</v>
      </c>
      <c r="B51604" s="1" t="s">
        <v>172484</v>
      </c>
      <c r="C51604" s="1" t="s">
        <v>125</v>
      </c>
      <c r="D51604" s="1" t="s">
        <v>174283</v>
      </c>
      <c r="E51604" s="1" t="s">
        <v>174284</v>
      </c>
      <c r="F51604" s="1" t="s">
        <v>174285</v>
      </c>
      <c r="G51604" s="1" t="s">
        <v>174204</v>
      </c>
      <c r="H51604" s="1" t="s">
        <v>174205</v>
      </c>
      <c r="I51604" s="1" t="s">
        <v>172490</v>
      </c>
      <c r="J51604" s="1" t="s">
        <v>174286</v>
      </c>
    </row>
    <row r="51605" spans="1:10" x14ac:dyDescent="0.35">
      <c r="A51605" s="1" t="s">
        <v>28175</v>
      </c>
      <c r="B51605" s="1" t="s">
        <v>172484</v>
      </c>
      <c r="C51605" s="1" t="s">
        <v>130</v>
      </c>
      <c r="D51605" s="1" t="s">
        <v>78754</v>
      </c>
      <c r="E51605" s="1" t="s">
        <v>174287</v>
      </c>
      <c r="F51605" s="1" t="s">
        <v>174288</v>
      </c>
      <c r="G51605" s="1" t="s">
        <v>174204</v>
      </c>
      <c r="H51605" s="1" t="s">
        <v>174205</v>
      </c>
      <c r="I51605" s="1" t="s">
        <v>172490</v>
      </c>
      <c r="J51605" s="1" t="s">
        <v>174289</v>
      </c>
    </row>
    <row r="51606" spans="1:10" x14ac:dyDescent="0.35">
      <c r="A51606" s="1" t="s">
        <v>28175</v>
      </c>
      <c r="B51606" s="1" t="s">
        <v>172484</v>
      </c>
      <c r="C51606" s="1" t="s">
        <v>135</v>
      </c>
      <c r="D51606" s="1" t="s">
        <v>174290</v>
      </c>
      <c r="E51606" s="1" t="s">
        <v>174291</v>
      </c>
      <c r="F51606" s="1" t="s">
        <v>174292</v>
      </c>
      <c r="G51606" s="1" t="s">
        <v>174204</v>
      </c>
      <c r="H51606" s="1" t="s">
        <v>174205</v>
      </c>
      <c r="I51606" s="1" t="s">
        <v>172490</v>
      </c>
      <c r="J51606" s="1" t="s">
        <v>174293</v>
      </c>
    </row>
    <row r="51607" spans="1:10" x14ac:dyDescent="0.35">
      <c r="A51607" s="1" t="s">
        <v>28175</v>
      </c>
      <c r="B51607" s="1" t="s">
        <v>172484</v>
      </c>
      <c r="C51607" s="1" t="s">
        <v>140</v>
      </c>
      <c r="D51607" s="1" t="s">
        <v>174294</v>
      </c>
      <c r="E51607" s="1" t="s">
        <v>174295</v>
      </c>
      <c r="F51607" s="1" t="s">
        <v>174296</v>
      </c>
      <c r="G51607" s="1" t="s">
        <v>174204</v>
      </c>
      <c r="H51607" s="1" t="s">
        <v>174205</v>
      </c>
      <c r="I51607" s="1" t="s">
        <v>172490</v>
      </c>
      <c r="J51607" s="1" t="s">
        <v>174297</v>
      </c>
    </row>
    <row r="51608" spans="1:10" x14ac:dyDescent="0.35">
      <c r="A51608" s="1" t="s">
        <v>28175</v>
      </c>
      <c r="B51608" s="1" t="s">
        <v>172484</v>
      </c>
      <c r="C51608" s="1" t="s">
        <v>145</v>
      </c>
      <c r="D51608" s="1" t="s">
        <v>87220</v>
      </c>
      <c r="E51608" s="1" t="s">
        <v>174298</v>
      </c>
      <c r="F51608" s="1" t="s">
        <v>174299</v>
      </c>
      <c r="G51608" s="1" t="s">
        <v>174204</v>
      </c>
      <c r="H51608" s="1" t="s">
        <v>174205</v>
      </c>
      <c r="I51608" s="1" t="s">
        <v>172490</v>
      </c>
      <c r="J51608" s="1" t="s">
        <v>174300</v>
      </c>
    </row>
    <row r="51609" spans="1:10" x14ac:dyDescent="0.35">
      <c r="A51609" s="1" t="s">
        <v>28175</v>
      </c>
      <c r="B51609" s="1" t="s">
        <v>172484</v>
      </c>
      <c r="C51609" s="1" t="s">
        <v>150</v>
      </c>
      <c r="D51609" s="1" t="s">
        <v>174301</v>
      </c>
      <c r="E51609" s="1" t="s">
        <v>174302</v>
      </c>
      <c r="F51609" s="1" t="s">
        <v>174303</v>
      </c>
      <c r="G51609" s="1" t="s">
        <v>174204</v>
      </c>
      <c r="H51609" s="1" t="s">
        <v>174205</v>
      </c>
      <c r="I51609" s="1" t="s">
        <v>172490</v>
      </c>
      <c r="J51609" s="1" t="s">
        <v>174304</v>
      </c>
    </row>
    <row r="51610" spans="1:10" x14ac:dyDescent="0.35">
      <c r="A51610" s="1" t="s">
        <v>28175</v>
      </c>
      <c r="B51610" s="1" t="s">
        <v>172484</v>
      </c>
      <c r="C51610" s="1" t="s">
        <v>155</v>
      </c>
      <c r="D51610" s="1" t="s">
        <v>174305</v>
      </c>
      <c r="E51610" s="1" t="s">
        <v>174306</v>
      </c>
      <c r="F51610" s="1" t="s">
        <v>174307</v>
      </c>
      <c r="G51610" s="1" t="s">
        <v>174204</v>
      </c>
      <c r="H51610" s="1" t="s">
        <v>174205</v>
      </c>
      <c r="I51610" s="1" t="s">
        <v>172490</v>
      </c>
      <c r="J51610" s="1" t="s">
        <v>174308</v>
      </c>
    </row>
    <row r="51611" spans="1:10" x14ac:dyDescent="0.35">
      <c r="A51611" s="1" t="s">
        <v>28175</v>
      </c>
      <c r="B51611" s="1" t="s">
        <v>172484</v>
      </c>
      <c r="C51611" s="1" t="s">
        <v>160</v>
      </c>
      <c r="D51611" s="1" t="s">
        <v>93909</v>
      </c>
      <c r="E51611" s="1" t="s">
        <v>174309</v>
      </c>
      <c r="F51611" s="1" t="s">
        <v>174310</v>
      </c>
      <c r="G51611" s="1" t="s">
        <v>174204</v>
      </c>
      <c r="H51611" s="1" t="s">
        <v>174205</v>
      </c>
      <c r="I51611" s="1" t="s">
        <v>172490</v>
      </c>
      <c r="J51611" s="1" t="s">
        <v>174311</v>
      </c>
    </row>
    <row r="51612" spans="1:10" x14ac:dyDescent="0.35">
      <c r="A51612" s="1" t="s">
        <v>28175</v>
      </c>
      <c r="B51612" s="1" t="s">
        <v>172484</v>
      </c>
      <c r="C51612" s="1" t="s">
        <v>165</v>
      </c>
      <c r="D51612" s="1" t="s">
        <v>85462</v>
      </c>
      <c r="E51612" s="1" t="s">
        <v>174312</v>
      </c>
      <c r="F51612" s="1" t="s">
        <v>174313</v>
      </c>
      <c r="G51612" s="1" t="s">
        <v>174204</v>
      </c>
      <c r="H51612" s="1" t="s">
        <v>174205</v>
      </c>
      <c r="I51612" s="1" t="s">
        <v>172490</v>
      </c>
      <c r="J51612" s="1" t="s">
        <v>174314</v>
      </c>
    </row>
    <row r="51613" spans="1:10" x14ac:dyDescent="0.35">
      <c r="A51613" s="1" t="s">
        <v>28175</v>
      </c>
      <c r="B51613" s="1" t="s">
        <v>172484</v>
      </c>
      <c r="C51613" s="1" t="s">
        <v>170</v>
      </c>
      <c r="D51613" s="1" t="s">
        <v>174315</v>
      </c>
      <c r="E51613" s="1" t="s">
        <v>174316</v>
      </c>
      <c r="F51613" s="1" t="s">
        <v>174317</v>
      </c>
      <c r="G51613" s="1" t="s">
        <v>174204</v>
      </c>
      <c r="H51613" s="1" t="s">
        <v>174205</v>
      </c>
      <c r="I51613" s="1" t="s">
        <v>172490</v>
      </c>
      <c r="J51613" s="1" t="s">
        <v>174318</v>
      </c>
    </row>
    <row r="51614" spans="1:10" x14ac:dyDescent="0.35">
      <c r="A51614" s="1" t="s">
        <v>117912</v>
      </c>
      <c r="B51614" s="1" t="s">
        <v>172484</v>
      </c>
      <c r="C51614" s="1" t="s">
        <v>8</v>
      </c>
      <c r="D51614" s="1" t="s">
        <v>82641</v>
      </c>
      <c r="E51614" s="1" t="s">
        <v>21890</v>
      </c>
      <c r="F51614" s="1" t="s">
        <v>174319</v>
      </c>
      <c r="G51614" s="1" t="s">
        <v>174320</v>
      </c>
      <c r="H51614" s="1" t="s">
        <v>174321</v>
      </c>
      <c r="I51614" s="1" t="s">
        <v>172490</v>
      </c>
      <c r="J51614" s="1" t="s">
        <v>13</v>
      </c>
    </row>
    <row r="51615" spans="1:10" x14ac:dyDescent="0.35">
      <c r="A51615" s="1" t="s">
        <v>117912</v>
      </c>
      <c r="B51615" s="1" t="s">
        <v>172484</v>
      </c>
      <c r="C51615" s="1" t="s">
        <v>15</v>
      </c>
      <c r="D51615" s="1" t="s">
        <v>35887</v>
      </c>
      <c r="E51615" s="1" t="s">
        <v>41539</v>
      </c>
      <c r="F51615" s="1" t="s">
        <v>68685</v>
      </c>
      <c r="G51615" s="1" t="s">
        <v>174320</v>
      </c>
      <c r="H51615" s="1" t="s">
        <v>174321</v>
      </c>
      <c r="I51615" s="1" t="s">
        <v>172490</v>
      </c>
      <c r="J51615" s="1" t="s">
        <v>174322</v>
      </c>
    </row>
    <row r="51616" spans="1:10" x14ac:dyDescent="0.35">
      <c r="A51616" s="1" t="s">
        <v>117912</v>
      </c>
      <c r="B51616" s="1" t="s">
        <v>172484</v>
      </c>
      <c r="C51616" s="1" t="s">
        <v>20</v>
      </c>
      <c r="D51616" s="1" t="s">
        <v>72042</v>
      </c>
      <c r="E51616" s="1" t="s">
        <v>174323</v>
      </c>
      <c r="F51616" s="1" t="s">
        <v>68688</v>
      </c>
      <c r="G51616" s="1" t="s">
        <v>174320</v>
      </c>
      <c r="H51616" s="1" t="s">
        <v>174321</v>
      </c>
      <c r="I51616" s="1" t="s">
        <v>172490</v>
      </c>
      <c r="J51616" s="1" t="s">
        <v>174324</v>
      </c>
    </row>
    <row r="51617" spans="1:10" x14ac:dyDescent="0.35">
      <c r="A51617" s="1" t="s">
        <v>117912</v>
      </c>
      <c r="B51617" s="1" t="s">
        <v>172484</v>
      </c>
      <c r="C51617" s="1" t="s">
        <v>25</v>
      </c>
      <c r="D51617" s="1" t="s">
        <v>15427</v>
      </c>
      <c r="E51617" s="1" t="s">
        <v>21109</v>
      </c>
      <c r="F51617" s="1" t="s">
        <v>132859</v>
      </c>
      <c r="G51617" s="1" t="s">
        <v>174320</v>
      </c>
      <c r="H51617" s="1" t="s">
        <v>174321</v>
      </c>
      <c r="I51617" s="1" t="s">
        <v>172490</v>
      </c>
      <c r="J51617" s="1" t="s">
        <v>174325</v>
      </c>
    </row>
    <row r="51618" spans="1:10" x14ac:dyDescent="0.35">
      <c r="A51618" s="1" t="s">
        <v>117912</v>
      </c>
      <c r="B51618" s="1" t="s">
        <v>172484</v>
      </c>
      <c r="C51618" s="1" t="s">
        <v>30</v>
      </c>
      <c r="D51618" s="1" t="s">
        <v>125838</v>
      </c>
      <c r="E51618" s="1" t="s">
        <v>22954</v>
      </c>
      <c r="F51618" s="1" t="s">
        <v>69232</v>
      </c>
      <c r="G51618" s="1" t="s">
        <v>174320</v>
      </c>
      <c r="H51618" s="1" t="s">
        <v>174321</v>
      </c>
      <c r="I51618" s="1" t="s">
        <v>172490</v>
      </c>
      <c r="J51618" s="1" t="s">
        <v>174326</v>
      </c>
    </row>
    <row r="51619" spans="1:10" x14ac:dyDescent="0.35">
      <c r="A51619" s="1" t="s">
        <v>117912</v>
      </c>
      <c r="B51619" s="1" t="s">
        <v>172484</v>
      </c>
      <c r="C51619" s="1" t="s">
        <v>35</v>
      </c>
      <c r="D51619" s="1" t="s">
        <v>174327</v>
      </c>
      <c r="E51619" s="1" t="s">
        <v>174328</v>
      </c>
      <c r="F51619" s="1" t="s">
        <v>128703</v>
      </c>
      <c r="G51619" s="1" t="s">
        <v>174320</v>
      </c>
      <c r="H51619" s="1" t="s">
        <v>174321</v>
      </c>
      <c r="I51619" s="1" t="s">
        <v>172490</v>
      </c>
      <c r="J51619" s="1" t="s">
        <v>174329</v>
      </c>
    </row>
    <row r="51620" spans="1:10" x14ac:dyDescent="0.35">
      <c r="A51620" s="1" t="s">
        <v>117912</v>
      </c>
      <c r="B51620" s="1" t="s">
        <v>172484</v>
      </c>
      <c r="C51620" s="1" t="s">
        <v>40</v>
      </c>
      <c r="D51620" s="1" t="s">
        <v>174330</v>
      </c>
      <c r="E51620" s="1" t="s">
        <v>174331</v>
      </c>
      <c r="F51620" s="1" t="s">
        <v>174332</v>
      </c>
      <c r="G51620" s="1" t="s">
        <v>174320</v>
      </c>
      <c r="H51620" s="1" t="s">
        <v>174321</v>
      </c>
      <c r="I51620" s="1" t="s">
        <v>172490</v>
      </c>
      <c r="J51620" s="1" t="s">
        <v>174333</v>
      </c>
    </row>
    <row r="51621" spans="1:10" x14ac:dyDescent="0.35">
      <c r="A51621" s="1" t="s">
        <v>117912</v>
      </c>
      <c r="B51621" s="1" t="s">
        <v>172484</v>
      </c>
      <c r="C51621" s="1" t="s">
        <v>45</v>
      </c>
      <c r="D51621" s="1" t="s">
        <v>74902</v>
      </c>
      <c r="E51621" s="1" t="s">
        <v>67088</v>
      </c>
      <c r="F51621" s="1" t="s">
        <v>174334</v>
      </c>
      <c r="G51621" s="1" t="s">
        <v>174320</v>
      </c>
      <c r="H51621" s="1" t="s">
        <v>174321</v>
      </c>
      <c r="I51621" s="1" t="s">
        <v>172490</v>
      </c>
      <c r="J51621" s="1" t="s">
        <v>174335</v>
      </c>
    </row>
    <row r="51622" spans="1:10" x14ac:dyDescent="0.35">
      <c r="A51622" s="1" t="s">
        <v>117912</v>
      </c>
      <c r="B51622" s="1" t="s">
        <v>172484</v>
      </c>
      <c r="C51622" s="1" t="s">
        <v>50</v>
      </c>
      <c r="D51622" s="1" t="s">
        <v>141726</v>
      </c>
      <c r="E51622" s="1" t="s">
        <v>82167</v>
      </c>
      <c r="F51622" s="1" t="s">
        <v>94827</v>
      </c>
      <c r="G51622" s="1" t="s">
        <v>174320</v>
      </c>
      <c r="H51622" s="1" t="s">
        <v>174321</v>
      </c>
      <c r="I51622" s="1" t="s">
        <v>172490</v>
      </c>
      <c r="J51622" s="1" t="s">
        <v>174336</v>
      </c>
    </row>
    <row r="51623" spans="1:10" x14ac:dyDescent="0.35">
      <c r="A51623" s="1" t="s">
        <v>117912</v>
      </c>
      <c r="B51623" s="1" t="s">
        <v>172484</v>
      </c>
      <c r="C51623" s="1" t="s">
        <v>55</v>
      </c>
      <c r="D51623" s="1" t="s">
        <v>174337</v>
      </c>
      <c r="E51623" s="1" t="s">
        <v>174338</v>
      </c>
      <c r="F51623" s="1" t="s">
        <v>174339</v>
      </c>
      <c r="G51623" s="1" t="s">
        <v>174320</v>
      </c>
      <c r="H51623" s="1" t="s">
        <v>174321</v>
      </c>
      <c r="I51623" s="1" t="s">
        <v>172490</v>
      </c>
      <c r="J51623" s="1" t="s">
        <v>174340</v>
      </c>
    </row>
    <row r="51624" spans="1:10" x14ac:dyDescent="0.35">
      <c r="A51624" s="1" t="s">
        <v>117912</v>
      </c>
      <c r="B51624" s="1" t="s">
        <v>172484</v>
      </c>
      <c r="C51624" s="1" t="s">
        <v>60</v>
      </c>
      <c r="D51624" s="1" t="s">
        <v>37110</v>
      </c>
      <c r="E51624" s="1" t="s">
        <v>24229</v>
      </c>
      <c r="F51624" s="1" t="s">
        <v>65189</v>
      </c>
      <c r="G51624" s="1" t="s">
        <v>174320</v>
      </c>
      <c r="H51624" s="1" t="s">
        <v>174321</v>
      </c>
      <c r="I51624" s="1" t="s">
        <v>172490</v>
      </c>
      <c r="J51624" s="1" t="s">
        <v>174341</v>
      </c>
    </row>
    <row r="51625" spans="1:10" x14ac:dyDescent="0.35">
      <c r="A51625" s="1" t="s">
        <v>117912</v>
      </c>
      <c r="B51625" s="1" t="s">
        <v>172484</v>
      </c>
      <c r="C51625" s="1" t="s">
        <v>65</v>
      </c>
      <c r="D51625" s="1" t="s">
        <v>114490</v>
      </c>
      <c r="E51625" s="1" t="s">
        <v>23847</v>
      </c>
      <c r="F51625" s="1" t="s">
        <v>66613</v>
      </c>
      <c r="G51625" s="1" t="s">
        <v>174320</v>
      </c>
      <c r="H51625" s="1" t="s">
        <v>174321</v>
      </c>
      <c r="I51625" s="1" t="s">
        <v>172490</v>
      </c>
      <c r="J51625" s="1" t="s">
        <v>174342</v>
      </c>
    </row>
    <row r="51626" spans="1:10" x14ac:dyDescent="0.35">
      <c r="A51626" s="1" t="s">
        <v>117912</v>
      </c>
      <c r="B51626" s="1" t="s">
        <v>172484</v>
      </c>
      <c r="C51626" s="1" t="s">
        <v>70</v>
      </c>
      <c r="D51626" s="1" t="s">
        <v>174343</v>
      </c>
      <c r="E51626" s="1" t="s">
        <v>32355</v>
      </c>
      <c r="F51626" s="1" t="s">
        <v>174344</v>
      </c>
      <c r="G51626" s="1" t="s">
        <v>174320</v>
      </c>
      <c r="H51626" s="1" t="s">
        <v>174321</v>
      </c>
      <c r="I51626" s="1" t="s">
        <v>172490</v>
      </c>
      <c r="J51626" s="1" t="s">
        <v>174345</v>
      </c>
    </row>
    <row r="51627" spans="1:10" x14ac:dyDescent="0.35">
      <c r="A51627" s="1" t="s">
        <v>117912</v>
      </c>
      <c r="B51627" s="1" t="s">
        <v>172484</v>
      </c>
      <c r="C51627" s="1" t="s">
        <v>75</v>
      </c>
      <c r="D51627" s="1" t="s">
        <v>174346</v>
      </c>
      <c r="E51627" s="1" t="s">
        <v>69613</v>
      </c>
      <c r="F51627" s="1" t="s">
        <v>174347</v>
      </c>
      <c r="G51627" s="1" t="s">
        <v>174320</v>
      </c>
      <c r="H51627" s="1" t="s">
        <v>174321</v>
      </c>
      <c r="I51627" s="1" t="s">
        <v>172490</v>
      </c>
      <c r="J51627" s="1" t="s">
        <v>174348</v>
      </c>
    </row>
    <row r="51628" spans="1:10" x14ac:dyDescent="0.35">
      <c r="A51628" s="1" t="s">
        <v>117912</v>
      </c>
      <c r="B51628" s="1" t="s">
        <v>172484</v>
      </c>
      <c r="C51628" s="1" t="s">
        <v>80</v>
      </c>
      <c r="D51628" s="1" t="s">
        <v>125269</v>
      </c>
      <c r="E51628" s="1" t="s">
        <v>65912</v>
      </c>
      <c r="F51628" s="1" t="s">
        <v>105334</v>
      </c>
      <c r="G51628" s="1" t="s">
        <v>174320</v>
      </c>
      <c r="H51628" s="1" t="s">
        <v>174321</v>
      </c>
      <c r="I51628" s="1" t="s">
        <v>172490</v>
      </c>
      <c r="J51628" s="1" t="s">
        <v>174349</v>
      </c>
    </row>
    <row r="51629" spans="1:10" x14ac:dyDescent="0.35">
      <c r="A51629" s="1" t="s">
        <v>117912</v>
      </c>
      <c r="B51629" s="1" t="s">
        <v>172484</v>
      </c>
      <c r="C51629" s="1" t="s">
        <v>85</v>
      </c>
      <c r="D51629" s="1" t="s">
        <v>174350</v>
      </c>
      <c r="E51629" s="1" t="s">
        <v>174351</v>
      </c>
      <c r="F51629" s="1" t="s">
        <v>59831</v>
      </c>
      <c r="G51629" s="1" t="s">
        <v>174320</v>
      </c>
      <c r="H51629" s="1" t="s">
        <v>174321</v>
      </c>
      <c r="I51629" s="1" t="s">
        <v>172490</v>
      </c>
      <c r="J51629" s="1" t="s">
        <v>174352</v>
      </c>
    </row>
    <row r="51630" spans="1:10" x14ac:dyDescent="0.35">
      <c r="A51630" s="1" t="s">
        <v>117912</v>
      </c>
      <c r="B51630" s="1" t="s">
        <v>172484</v>
      </c>
      <c r="C51630" s="1" t="s">
        <v>90</v>
      </c>
      <c r="D51630" s="1" t="s">
        <v>174353</v>
      </c>
      <c r="E51630" s="1" t="s">
        <v>57245</v>
      </c>
      <c r="F51630" s="1" t="s">
        <v>57996</v>
      </c>
      <c r="G51630" s="1" t="s">
        <v>174320</v>
      </c>
      <c r="H51630" s="1" t="s">
        <v>174321</v>
      </c>
      <c r="I51630" s="1" t="s">
        <v>172490</v>
      </c>
      <c r="J51630" s="1" t="s">
        <v>174354</v>
      </c>
    </row>
    <row r="51631" spans="1:10" x14ac:dyDescent="0.35">
      <c r="A51631" s="1" t="s">
        <v>117912</v>
      </c>
      <c r="B51631" s="1" t="s">
        <v>172484</v>
      </c>
      <c r="C51631" s="1" t="s">
        <v>95</v>
      </c>
      <c r="D51631" s="1" t="s">
        <v>174355</v>
      </c>
      <c r="E51631" s="1" t="s">
        <v>21894</v>
      </c>
      <c r="F51631" s="1" t="s">
        <v>105207</v>
      </c>
      <c r="G51631" s="1" t="s">
        <v>174320</v>
      </c>
      <c r="H51631" s="1" t="s">
        <v>174321</v>
      </c>
      <c r="I51631" s="1" t="s">
        <v>172490</v>
      </c>
      <c r="J51631" s="1" t="s">
        <v>174356</v>
      </c>
    </row>
    <row r="51632" spans="1:10" x14ac:dyDescent="0.35">
      <c r="A51632" s="1" t="s">
        <v>117912</v>
      </c>
      <c r="B51632" s="1" t="s">
        <v>172484</v>
      </c>
      <c r="C51632" s="1" t="s">
        <v>100</v>
      </c>
      <c r="D51632" s="1" t="s">
        <v>61091</v>
      </c>
      <c r="E51632" s="1" t="s">
        <v>21182</v>
      </c>
      <c r="F51632" s="1" t="s">
        <v>174357</v>
      </c>
      <c r="G51632" s="1" t="s">
        <v>174320</v>
      </c>
      <c r="H51632" s="1" t="s">
        <v>174321</v>
      </c>
      <c r="I51632" s="1" t="s">
        <v>172490</v>
      </c>
      <c r="J51632" s="1" t="s">
        <v>174358</v>
      </c>
    </row>
    <row r="51633" spans="1:10" x14ac:dyDescent="0.35">
      <c r="A51633" s="1" t="s">
        <v>117912</v>
      </c>
      <c r="B51633" s="1" t="s">
        <v>172484</v>
      </c>
      <c r="C51633" s="1" t="s">
        <v>105</v>
      </c>
      <c r="D51633" s="1" t="s">
        <v>174359</v>
      </c>
      <c r="E51633" s="1" t="s">
        <v>102695</v>
      </c>
      <c r="F51633" s="1" t="s">
        <v>102009</v>
      </c>
      <c r="G51633" s="1" t="s">
        <v>174320</v>
      </c>
      <c r="H51633" s="1" t="s">
        <v>174321</v>
      </c>
      <c r="I51633" s="1" t="s">
        <v>172490</v>
      </c>
      <c r="J51633" s="1" t="s">
        <v>174360</v>
      </c>
    </row>
    <row r="51634" spans="1:10" x14ac:dyDescent="0.35">
      <c r="A51634" s="1" t="s">
        <v>117912</v>
      </c>
      <c r="B51634" s="1" t="s">
        <v>172484</v>
      </c>
      <c r="C51634" s="1" t="s">
        <v>110</v>
      </c>
      <c r="D51634" s="1" t="s">
        <v>174361</v>
      </c>
      <c r="E51634" s="1" t="s">
        <v>102488</v>
      </c>
      <c r="F51634" s="1" t="s">
        <v>174362</v>
      </c>
      <c r="G51634" s="1" t="s">
        <v>174320</v>
      </c>
      <c r="H51634" s="1" t="s">
        <v>174321</v>
      </c>
      <c r="I51634" s="1" t="s">
        <v>172490</v>
      </c>
      <c r="J51634" s="1" t="s">
        <v>174363</v>
      </c>
    </row>
    <row r="51635" spans="1:10" x14ac:dyDescent="0.35">
      <c r="A51635" s="1" t="s">
        <v>117912</v>
      </c>
      <c r="B51635" s="1" t="s">
        <v>172484</v>
      </c>
      <c r="C51635" s="1" t="s">
        <v>115</v>
      </c>
      <c r="D51635" s="1" t="s">
        <v>174364</v>
      </c>
      <c r="E51635" s="1" t="s">
        <v>22026</v>
      </c>
      <c r="F51635" s="1" t="s">
        <v>61811</v>
      </c>
      <c r="G51635" s="1" t="s">
        <v>174320</v>
      </c>
      <c r="H51635" s="1" t="s">
        <v>174321</v>
      </c>
      <c r="I51635" s="1" t="s">
        <v>172490</v>
      </c>
      <c r="J51635" s="1" t="s">
        <v>174365</v>
      </c>
    </row>
    <row r="51636" spans="1:10" x14ac:dyDescent="0.35">
      <c r="A51636" s="1" t="s">
        <v>117912</v>
      </c>
      <c r="B51636" s="1" t="s">
        <v>172484</v>
      </c>
      <c r="C51636" s="1" t="s">
        <v>120</v>
      </c>
      <c r="D51636" s="1" t="s">
        <v>50073</v>
      </c>
      <c r="E51636" s="1" t="s">
        <v>54958</v>
      </c>
      <c r="F51636" s="1" t="s">
        <v>54233</v>
      </c>
      <c r="G51636" s="1" t="s">
        <v>174320</v>
      </c>
      <c r="H51636" s="1" t="s">
        <v>174321</v>
      </c>
      <c r="I51636" s="1" t="s">
        <v>172490</v>
      </c>
      <c r="J51636" s="1" t="s">
        <v>174366</v>
      </c>
    </row>
    <row r="51637" spans="1:10" x14ac:dyDescent="0.35">
      <c r="A51637" s="1" t="s">
        <v>117912</v>
      </c>
      <c r="B51637" s="1" t="s">
        <v>172484</v>
      </c>
      <c r="C51637" s="1" t="s">
        <v>125</v>
      </c>
      <c r="D51637" s="1" t="s">
        <v>99204</v>
      </c>
      <c r="E51637" s="1" t="s">
        <v>41327</v>
      </c>
      <c r="F51637" s="1" t="s">
        <v>60387</v>
      </c>
      <c r="G51637" s="1" t="s">
        <v>174320</v>
      </c>
      <c r="H51637" s="1" t="s">
        <v>174321</v>
      </c>
      <c r="I51637" s="1" t="s">
        <v>172490</v>
      </c>
      <c r="J51637" s="1" t="s">
        <v>174367</v>
      </c>
    </row>
    <row r="51638" spans="1:10" x14ac:dyDescent="0.35">
      <c r="A51638" s="1" t="s">
        <v>117912</v>
      </c>
      <c r="B51638" s="1" t="s">
        <v>172484</v>
      </c>
      <c r="C51638" s="1" t="s">
        <v>130</v>
      </c>
      <c r="D51638" s="1" t="s">
        <v>174368</v>
      </c>
      <c r="E51638" s="1" t="s">
        <v>54038</v>
      </c>
      <c r="F51638" s="1" t="s">
        <v>149051</v>
      </c>
      <c r="G51638" s="1" t="s">
        <v>174320</v>
      </c>
      <c r="H51638" s="1" t="s">
        <v>174321</v>
      </c>
      <c r="I51638" s="1" t="s">
        <v>172490</v>
      </c>
      <c r="J51638" s="1" t="s">
        <v>174369</v>
      </c>
    </row>
    <row r="51639" spans="1:10" x14ac:dyDescent="0.35">
      <c r="A51639" s="1" t="s">
        <v>117912</v>
      </c>
      <c r="B51639" s="1" t="s">
        <v>172484</v>
      </c>
      <c r="C51639" s="1" t="s">
        <v>135</v>
      </c>
      <c r="D51639" s="1" t="s">
        <v>6828</v>
      </c>
      <c r="E51639" s="1" t="s">
        <v>24373</v>
      </c>
      <c r="F51639" s="1" t="s">
        <v>174370</v>
      </c>
      <c r="G51639" s="1" t="s">
        <v>174320</v>
      </c>
      <c r="H51639" s="1" t="s">
        <v>174321</v>
      </c>
      <c r="I51639" s="1" t="s">
        <v>172490</v>
      </c>
      <c r="J51639" s="1" t="s">
        <v>174371</v>
      </c>
    </row>
    <row r="51640" spans="1:10" x14ac:dyDescent="0.35">
      <c r="A51640" s="1" t="s">
        <v>117912</v>
      </c>
      <c r="B51640" s="1" t="s">
        <v>172484</v>
      </c>
      <c r="C51640" s="1" t="s">
        <v>140</v>
      </c>
      <c r="D51640" s="1" t="s">
        <v>174372</v>
      </c>
      <c r="E51640" s="1" t="s">
        <v>64348</v>
      </c>
      <c r="F51640" s="1" t="s">
        <v>55405</v>
      </c>
      <c r="G51640" s="1" t="s">
        <v>174320</v>
      </c>
      <c r="H51640" s="1" t="s">
        <v>174321</v>
      </c>
      <c r="I51640" s="1" t="s">
        <v>172490</v>
      </c>
      <c r="J51640" s="1" t="s">
        <v>174373</v>
      </c>
    </row>
    <row r="51641" spans="1:10" x14ac:dyDescent="0.35">
      <c r="A51641" s="1" t="s">
        <v>117912</v>
      </c>
      <c r="B51641" s="1" t="s">
        <v>172484</v>
      </c>
      <c r="C51641" s="1" t="s">
        <v>145</v>
      </c>
      <c r="D51641" s="1" t="s">
        <v>128060</v>
      </c>
      <c r="E51641" s="1" t="s">
        <v>41445</v>
      </c>
      <c r="F51641" s="1" t="s">
        <v>103847</v>
      </c>
      <c r="G51641" s="1" t="s">
        <v>174320</v>
      </c>
      <c r="H51641" s="1" t="s">
        <v>174321</v>
      </c>
      <c r="I51641" s="1" t="s">
        <v>172490</v>
      </c>
      <c r="J51641" s="1" t="s">
        <v>174374</v>
      </c>
    </row>
    <row r="51642" spans="1:10" x14ac:dyDescent="0.35">
      <c r="A51642" s="1" t="s">
        <v>117912</v>
      </c>
      <c r="B51642" s="1" t="s">
        <v>172484</v>
      </c>
      <c r="C51642" s="1" t="s">
        <v>150</v>
      </c>
      <c r="D51642" s="1" t="s">
        <v>59690</v>
      </c>
      <c r="E51642" s="1" t="s">
        <v>41262</v>
      </c>
      <c r="F51642" s="1" t="s">
        <v>69297</v>
      </c>
      <c r="G51642" s="1" t="s">
        <v>174320</v>
      </c>
      <c r="H51642" s="1" t="s">
        <v>174321</v>
      </c>
      <c r="I51642" s="1" t="s">
        <v>172490</v>
      </c>
      <c r="J51642" s="1" t="s">
        <v>174375</v>
      </c>
    </row>
    <row r="51643" spans="1:10" x14ac:dyDescent="0.35">
      <c r="A51643" s="1" t="s">
        <v>117912</v>
      </c>
      <c r="B51643" s="1" t="s">
        <v>172484</v>
      </c>
      <c r="C51643" s="1" t="s">
        <v>155</v>
      </c>
      <c r="D51643" s="1" t="s">
        <v>174376</v>
      </c>
      <c r="E51643" s="1" t="s">
        <v>26614</v>
      </c>
      <c r="F51643" s="1" t="s">
        <v>31880</v>
      </c>
      <c r="G51643" s="1" t="s">
        <v>174320</v>
      </c>
      <c r="H51643" s="1" t="s">
        <v>174321</v>
      </c>
      <c r="I51643" s="1" t="s">
        <v>172490</v>
      </c>
      <c r="J51643" s="1" t="s">
        <v>174377</v>
      </c>
    </row>
    <row r="51644" spans="1:10" x14ac:dyDescent="0.35">
      <c r="A51644" s="1" t="s">
        <v>117912</v>
      </c>
      <c r="B51644" s="1" t="s">
        <v>172484</v>
      </c>
      <c r="C51644" s="1" t="s">
        <v>160</v>
      </c>
      <c r="D51644" s="1" t="s">
        <v>106206</v>
      </c>
      <c r="E51644" s="1" t="s">
        <v>55308</v>
      </c>
      <c r="F51644" s="1" t="s">
        <v>127995</v>
      </c>
      <c r="G51644" s="1" t="s">
        <v>174320</v>
      </c>
      <c r="H51644" s="1" t="s">
        <v>174321</v>
      </c>
      <c r="I51644" s="1" t="s">
        <v>172490</v>
      </c>
      <c r="J51644" s="1" t="s">
        <v>174378</v>
      </c>
    </row>
    <row r="51645" spans="1:10" x14ac:dyDescent="0.35">
      <c r="A51645" s="1" t="s">
        <v>117912</v>
      </c>
      <c r="B51645" s="1" t="s">
        <v>172484</v>
      </c>
      <c r="C51645" s="1" t="s">
        <v>165</v>
      </c>
      <c r="D51645" s="1" t="s">
        <v>174379</v>
      </c>
      <c r="E51645" s="1" t="s">
        <v>174380</v>
      </c>
      <c r="F51645" s="1" t="s">
        <v>60342</v>
      </c>
      <c r="G51645" s="1" t="s">
        <v>174320</v>
      </c>
      <c r="H51645" s="1" t="s">
        <v>174321</v>
      </c>
      <c r="I51645" s="1" t="s">
        <v>172490</v>
      </c>
      <c r="J51645" s="1" t="s">
        <v>174381</v>
      </c>
    </row>
    <row r="51646" spans="1:10" x14ac:dyDescent="0.35">
      <c r="A51646" s="1" t="s">
        <v>117912</v>
      </c>
      <c r="B51646" s="1" t="s">
        <v>172484</v>
      </c>
      <c r="C51646" s="1" t="s">
        <v>170</v>
      </c>
      <c r="D51646" s="1" t="s">
        <v>26713</v>
      </c>
      <c r="E51646" s="1" t="s">
        <v>58497</v>
      </c>
      <c r="F51646" s="1" t="s">
        <v>57079</v>
      </c>
      <c r="G51646" s="1" t="s">
        <v>174320</v>
      </c>
      <c r="H51646" s="1" t="s">
        <v>174321</v>
      </c>
      <c r="I51646" s="1" t="s">
        <v>172490</v>
      </c>
      <c r="J51646" s="1" t="s">
        <v>118197</v>
      </c>
    </row>
    <row r="51647" spans="1:10" x14ac:dyDescent="0.35">
      <c r="A51647" s="1" t="s">
        <v>119885</v>
      </c>
      <c r="B51647" s="1" t="s">
        <v>172484</v>
      </c>
      <c r="C51647" s="1" t="s">
        <v>8</v>
      </c>
      <c r="D51647" s="1" t="s">
        <v>4610</v>
      </c>
      <c r="E51647" s="1" t="s">
        <v>174382</v>
      </c>
      <c r="F51647" s="1" t="s">
        <v>174383</v>
      </c>
      <c r="G51647" s="1" t="s">
        <v>174384</v>
      </c>
      <c r="H51647" s="1" t="s">
        <v>174385</v>
      </c>
      <c r="I51647" s="1" t="s">
        <v>172490</v>
      </c>
      <c r="J51647" s="1" t="s">
        <v>13</v>
      </c>
    </row>
    <row r="51648" spans="1:10" x14ac:dyDescent="0.35">
      <c r="A51648" s="1" t="s">
        <v>119885</v>
      </c>
      <c r="B51648" s="1" t="s">
        <v>172484</v>
      </c>
      <c r="C51648" s="1" t="s">
        <v>15</v>
      </c>
      <c r="D51648" s="1" t="s">
        <v>71181</v>
      </c>
      <c r="E51648" s="1" t="s">
        <v>174386</v>
      </c>
      <c r="F51648" s="1" t="s">
        <v>174387</v>
      </c>
      <c r="G51648" s="1" t="s">
        <v>174384</v>
      </c>
      <c r="H51648" s="1" t="s">
        <v>174385</v>
      </c>
      <c r="I51648" s="1" t="s">
        <v>172490</v>
      </c>
      <c r="J51648" s="1" t="s">
        <v>174388</v>
      </c>
    </row>
    <row r="51649" spans="1:10" x14ac:dyDescent="0.35">
      <c r="A51649" s="1" t="s">
        <v>119885</v>
      </c>
      <c r="B51649" s="1" t="s">
        <v>172484</v>
      </c>
      <c r="C51649" s="1" t="s">
        <v>20</v>
      </c>
      <c r="D51649" s="1" t="s">
        <v>73871</v>
      </c>
      <c r="E51649" s="1" t="s">
        <v>122482</v>
      </c>
      <c r="F51649" s="1" t="s">
        <v>174389</v>
      </c>
      <c r="G51649" s="1" t="s">
        <v>174384</v>
      </c>
      <c r="H51649" s="1" t="s">
        <v>174385</v>
      </c>
      <c r="I51649" s="1" t="s">
        <v>172490</v>
      </c>
      <c r="J51649" s="1" t="s">
        <v>174390</v>
      </c>
    </row>
    <row r="51650" spans="1:10" x14ac:dyDescent="0.35">
      <c r="A51650" s="1" t="s">
        <v>119885</v>
      </c>
      <c r="B51650" s="1" t="s">
        <v>172484</v>
      </c>
      <c r="C51650" s="1" t="s">
        <v>25</v>
      </c>
      <c r="D51650" s="1" t="s">
        <v>18871</v>
      </c>
      <c r="E51650" s="1" t="s">
        <v>174391</v>
      </c>
      <c r="F51650" s="1" t="s">
        <v>174392</v>
      </c>
      <c r="G51650" s="1" t="s">
        <v>174384</v>
      </c>
      <c r="H51650" s="1" t="s">
        <v>174385</v>
      </c>
      <c r="I51650" s="1" t="s">
        <v>172490</v>
      </c>
      <c r="J51650" s="1" t="s">
        <v>174393</v>
      </c>
    </row>
    <row r="51651" spans="1:10" x14ac:dyDescent="0.35">
      <c r="A51651" s="1" t="s">
        <v>119885</v>
      </c>
      <c r="B51651" s="1" t="s">
        <v>172484</v>
      </c>
      <c r="C51651" s="1" t="s">
        <v>30</v>
      </c>
      <c r="D51651" s="1" t="s">
        <v>73461</v>
      </c>
      <c r="E51651" s="1" t="s">
        <v>174394</v>
      </c>
      <c r="F51651" s="1" t="s">
        <v>174395</v>
      </c>
      <c r="G51651" s="1" t="s">
        <v>174384</v>
      </c>
      <c r="H51651" s="1" t="s">
        <v>174385</v>
      </c>
      <c r="I51651" s="1" t="s">
        <v>172490</v>
      </c>
      <c r="J51651" s="1" t="s">
        <v>174396</v>
      </c>
    </row>
    <row r="51652" spans="1:10" x14ac:dyDescent="0.35">
      <c r="A51652" s="1" t="s">
        <v>119885</v>
      </c>
      <c r="B51652" s="1" t="s">
        <v>172484</v>
      </c>
      <c r="C51652" s="1" t="s">
        <v>35</v>
      </c>
      <c r="D51652" s="1" t="s">
        <v>174397</v>
      </c>
      <c r="E51652" s="1" t="s">
        <v>174398</v>
      </c>
      <c r="F51652" s="1" t="s">
        <v>174399</v>
      </c>
      <c r="G51652" s="1" t="s">
        <v>174384</v>
      </c>
      <c r="H51652" s="1" t="s">
        <v>174385</v>
      </c>
      <c r="I51652" s="1" t="s">
        <v>172490</v>
      </c>
      <c r="J51652" s="1" t="s">
        <v>174400</v>
      </c>
    </row>
    <row r="51653" spans="1:10" x14ac:dyDescent="0.35">
      <c r="A51653" s="1" t="s">
        <v>119885</v>
      </c>
      <c r="B51653" s="1" t="s">
        <v>172484</v>
      </c>
      <c r="C51653" s="1" t="s">
        <v>40</v>
      </c>
      <c r="D51653" s="1" t="s">
        <v>48954</v>
      </c>
      <c r="E51653" s="1" t="s">
        <v>174401</v>
      </c>
      <c r="F51653" s="1" t="s">
        <v>174402</v>
      </c>
      <c r="G51653" s="1" t="s">
        <v>174384</v>
      </c>
      <c r="H51653" s="1" t="s">
        <v>174385</v>
      </c>
      <c r="I51653" s="1" t="s">
        <v>172490</v>
      </c>
      <c r="J51653" s="1" t="s">
        <v>174403</v>
      </c>
    </row>
    <row r="51654" spans="1:10" x14ac:dyDescent="0.35">
      <c r="A51654" s="1" t="s">
        <v>119885</v>
      </c>
      <c r="B51654" s="1" t="s">
        <v>172484</v>
      </c>
      <c r="C51654" s="1" t="s">
        <v>45</v>
      </c>
      <c r="D51654" s="1" t="s">
        <v>116330</v>
      </c>
      <c r="E51654" s="1" t="s">
        <v>174404</v>
      </c>
      <c r="F51654" s="1" t="s">
        <v>174405</v>
      </c>
      <c r="G51654" s="1" t="s">
        <v>174384</v>
      </c>
      <c r="H51654" s="1" t="s">
        <v>174385</v>
      </c>
      <c r="I51654" s="1" t="s">
        <v>172490</v>
      </c>
      <c r="J51654" s="1" t="s">
        <v>174406</v>
      </c>
    </row>
    <row r="51655" spans="1:10" x14ac:dyDescent="0.35">
      <c r="A51655" s="1" t="s">
        <v>119885</v>
      </c>
      <c r="B51655" s="1" t="s">
        <v>172484</v>
      </c>
      <c r="C51655" s="1" t="s">
        <v>50</v>
      </c>
      <c r="D51655" s="1" t="s">
        <v>15659</v>
      </c>
      <c r="E51655" s="1" t="s">
        <v>174407</v>
      </c>
      <c r="F51655" s="1" t="s">
        <v>174408</v>
      </c>
      <c r="G51655" s="1" t="s">
        <v>174384</v>
      </c>
      <c r="H51655" s="1" t="s">
        <v>174385</v>
      </c>
      <c r="I51655" s="1" t="s">
        <v>172490</v>
      </c>
      <c r="J51655" s="1" t="s">
        <v>174409</v>
      </c>
    </row>
    <row r="51656" spans="1:10" x14ac:dyDescent="0.35">
      <c r="A51656" s="1" t="s">
        <v>119885</v>
      </c>
      <c r="B51656" s="1" t="s">
        <v>172484</v>
      </c>
      <c r="C51656" s="1" t="s">
        <v>55</v>
      </c>
      <c r="D51656" s="1" t="s">
        <v>174410</v>
      </c>
      <c r="E51656" s="1" t="s">
        <v>174411</v>
      </c>
      <c r="F51656" s="1" t="s">
        <v>174412</v>
      </c>
      <c r="G51656" s="1" t="s">
        <v>174384</v>
      </c>
      <c r="H51656" s="1" t="s">
        <v>174385</v>
      </c>
      <c r="I51656" s="1" t="s">
        <v>172490</v>
      </c>
      <c r="J51656" s="1" t="s">
        <v>174413</v>
      </c>
    </row>
    <row r="51657" spans="1:10" x14ac:dyDescent="0.35">
      <c r="A51657" s="1" t="s">
        <v>119885</v>
      </c>
      <c r="B51657" s="1" t="s">
        <v>172484</v>
      </c>
      <c r="C51657" s="1" t="s">
        <v>60</v>
      </c>
      <c r="D51657" s="1" t="s">
        <v>172730</v>
      </c>
      <c r="E51657" s="1" t="s">
        <v>174414</v>
      </c>
      <c r="F51657" s="1" t="s">
        <v>174415</v>
      </c>
      <c r="G51657" s="1" t="s">
        <v>174384</v>
      </c>
      <c r="H51657" s="1" t="s">
        <v>174385</v>
      </c>
      <c r="I51657" s="1" t="s">
        <v>172490</v>
      </c>
      <c r="J51657" s="1" t="s">
        <v>174416</v>
      </c>
    </row>
    <row r="51658" spans="1:10" x14ac:dyDescent="0.35">
      <c r="A51658" s="1" t="s">
        <v>119885</v>
      </c>
      <c r="B51658" s="1" t="s">
        <v>172484</v>
      </c>
      <c r="C51658" s="1" t="s">
        <v>65</v>
      </c>
      <c r="D51658" s="1" t="s">
        <v>13299</v>
      </c>
      <c r="E51658" s="1" t="s">
        <v>174417</v>
      </c>
      <c r="F51658" s="1" t="s">
        <v>174418</v>
      </c>
      <c r="G51658" s="1" t="s">
        <v>174384</v>
      </c>
      <c r="H51658" s="1" t="s">
        <v>174385</v>
      </c>
      <c r="I51658" s="1" t="s">
        <v>172490</v>
      </c>
      <c r="J51658" s="1" t="s">
        <v>174419</v>
      </c>
    </row>
    <row r="51659" spans="1:10" x14ac:dyDescent="0.35">
      <c r="A51659" s="1" t="s">
        <v>119885</v>
      </c>
      <c r="B51659" s="1" t="s">
        <v>172484</v>
      </c>
      <c r="C51659" s="1" t="s">
        <v>70</v>
      </c>
      <c r="D51659" s="1" t="s">
        <v>174420</v>
      </c>
      <c r="E51659" s="1" t="s">
        <v>174421</v>
      </c>
      <c r="F51659" s="1" t="s">
        <v>174422</v>
      </c>
      <c r="G51659" s="1" t="s">
        <v>174384</v>
      </c>
      <c r="H51659" s="1" t="s">
        <v>174385</v>
      </c>
      <c r="I51659" s="1" t="s">
        <v>172490</v>
      </c>
      <c r="J51659" s="1" t="s">
        <v>174423</v>
      </c>
    </row>
    <row r="51660" spans="1:10" x14ac:dyDescent="0.35">
      <c r="A51660" s="1" t="s">
        <v>119885</v>
      </c>
      <c r="B51660" s="1" t="s">
        <v>172484</v>
      </c>
      <c r="C51660" s="1" t="s">
        <v>75</v>
      </c>
      <c r="D51660" s="1" t="s">
        <v>33849</v>
      </c>
      <c r="E51660" s="1" t="s">
        <v>174424</v>
      </c>
      <c r="F51660" s="1" t="s">
        <v>174425</v>
      </c>
      <c r="G51660" s="1" t="s">
        <v>174384</v>
      </c>
      <c r="H51660" s="1" t="s">
        <v>174385</v>
      </c>
      <c r="I51660" s="1" t="s">
        <v>172490</v>
      </c>
      <c r="J51660" s="1" t="s">
        <v>174426</v>
      </c>
    </row>
    <row r="51661" spans="1:10" x14ac:dyDescent="0.35">
      <c r="A51661" s="1" t="s">
        <v>119885</v>
      </c>
      <c r="B51661" s="1" t="s">
        <v>172484</v>
      </c>
      <c r="C51661" s="1" t="s">
        <v>80</v>
      </c>
      <c r="D51661" s="1" t="s">
        <v>15562</v>
      </c>
      <c r="E51661" s="1" t="s">
        <v>174427</v>
      </c>
      <c r="F51661" s="1" t="s">
        <v>174428</v>
      </c>
      <c r="G51661" s="1" t="s">
        <v>174384</v>
      </c>
      <c r="H51661" s="1" t="s">
        <v>174385</v>
      </c>
      <c r="I51661" s="1" t="s">
        <v>172490</v>
      </c>
      <c r="J51661" s="1" t="s">
        <v>174429</v>
      </c>
    </row>
    <row r="51662" spans="1:10" x14ac:dyDescent="0.35">
      <c r="A51662" s="1" t="s">
        <v>119885</v>
      </c>
      <c r="B51662" s="1" t="s">
        <v>172484</v>
      </c>
      <c r="C51662" s="1" t="s">
        <v>85</v>
      </c>
      <c r="D51662" s="1" t="s">
        <v>174430</v>
      </c>
      <c r="E51662" s="1" t="s">
        <v>174431</v>
      </c>
      <c r="F51662" s="1" t="s">
        <v>174432</v>
      </c>
      <c r="G51662" s="1" t="s">
        <v>174384</v>
      </c>
      <c r="H51662" s="1" t="s">
        <v>174385</v>
      </c>
      <c r="I51662" s="1" t="s">
        <v>172490</v>
      </c>
      <c r="J51662" s="1" t="s">
        <v>174433</v>
      </c>
    </row>
    <row r="51663" spans="1:10" x14ac:dyDescent="0.35">
      <c r="A51663" s="1" t="s">
        <v>119885</v>
      </c>
      <c r="B51663" s="1" t="s">
        <v>172484</v>
      </c>
      <c r="C51663" s="1" t="s">
        <v>90</v>
      </c>
      <c r="D51663" s="1" t="s">
        <v>155540</v>
      </c>
      <c r="E51663" s="1" t="s">
        <v>174434</v>
      </c>
      <c r="F51663" s="1" t="s">
        <v>174435</v>
      </c>
      <c r="G51663" s="1" t="s">
        <v>174384</v>
      </c>
      <c r="H51663" s="1" t="s">
        <v>174385</v>
      </c>
      <c r="I51663" s="1" t="s">
        <v>172490</v>
      </c>
      <c r="J51663" s="1" t="s">
        <v>174436</v>
      </c>
    </row>
    <row r="51664" spans="1:10" x14ac:dyDescent="0.35">
      <c r="A51664" s="1" t="s">
        <v>119885</v>
      </c>
      <c r="B51664" s="1" t="s">
        <v>172484</v>
      </c>
      <c r="C51664" s="1" t="s">
        <v>95</v>
      </c>
      <c r="D51664" s="1" t="s">
        <v>174437</v>
      </c>
      <c r="E51664" s="1" t="s">
        <v>174438</v>
      </c>
      <c r="F51664" s="1" t="s">
        <v>174439</v>
      </c>
      <c r="G51664" s="1" t="s">
        <v>174384</v>
      </c>
      <c r="H51664" s="1" t="s">
        <v>174385</v>
      </c>
      <c r="I51664" s="1" t="s">
        <v>172490</v>
      </c>
      <c r="J51664" s="1" t="s">
        <v>174440</v>
      </c>
    </row>
    <row r="51665" spans="1:10" x14ac:dyDescent="0.35">
      <c r="A51665" s="1" t="s">
        <v>119885</v>
      </c>
      <c r="B51665" s="1" t="s">
        <v>172484</v>
      </c>
      <c r="C51665" s="1" t="s">
        <v>100</v>
      </c>
      <c r="D51665" s="1" t="s">
        <v>174441</v>
      </c>
      <c r="E51665" s="1" t="s">
        <v>174442</v>
      </c>
      <c r="F51665" s="1" t="s">
        <v>174443</v>
      </c>
      <c r="G51665" s="1" t="s">
        <v>174384</v>
      </c>
      <c r="H51665" s="1" t="s">
        <v>174385</v>
      </c>
      <c r="I51665" s="1" t="s">
        <v>172490</v>
      </c>
      <c r="J51665" s="1" t="s">
        <v>174444</v>
      </c>
    </row>
    <row r="51666" spans="1:10" x14ac:dyDescent="0.35">
      <c r="A51666" s="1" t="s">
        <v>119885</v>
      </c>
      <c r="B51666" s="1" t="s">
        <v>172484</v>
      </c>
      <c r="C51666" s="1" t="s">
        <v>105</v>
      </c>
      <c r="D51666" s="1" t="s">
        <v>172694</v>
      </c>
      <c r="E51666" s="1" t="s">
        <v>174445</v>
      </c>
      <c r="F51666" s="1" t="s">
        <v>174446</v>
      </c>
      <c r="G51666" s="1" t="s">
        <v>174384</v>
      </c>
      <c r="H51666" s="1" t="s">
        <v>174385</v>
      </c>
      <c r="I51666" s="1" t="s">
        <v>172490</v>
      </c>
      <c r="J51666" s="1" t="s">
        <v>174447</v>
      </c>
    </row>
    <row r="51667" spans="1:10" x14ac:dyDescent="0.35">
      <c r="A51667" s="1" t="s">
        <v>119885</v>
      </c>
      <c r="B51667" s="1" t="s">
        <v>172484</v>
      </c>
      <c r="C51667" s="1" t="s">
        <v>110</v>
      </c>
      <c r="D51667" s="1" t="s">
        <v>150295</v>
      </c>
      <c r="E51667" s="1" t="s">
        <v>174448</v>
      </c>
      <c r="F51667" s="1" t="s">
        <v>174449</v>
      </c>
      <c r="G51667" s="1" t="s">
        <v>174384</v>
      </c>
      <c r="H51667" s="1" t="s">
        <v>174385</v>
      </c>
      <c r="I51667" s="1" t="s">
        <v>172490</v>
      </c>
      <c r="J51667" s="1" t="s">
        <v>174450</v>
      </c>
    </row>
    <row r="51668" spans="1:10" x14ac:dyDescent="0.35">
      <c r="A51668" s="1" t="s">
        <v>119885</v>
      </c>
      <c r="B51668" s="1" t="s">
        <v>172484</v>
      </c>
      <c r="C51668" s="1" t="s">
        <v>115</v>
      </c>
      <c r="D51668" s="1" t="s">
        <v>115088</v>
      </c>
      <c r="E51668" s="1" t="s">
        <v>174451</v>
      </c>
      <c r="F51668" s="1" t="s">
        <v>174452</v>
      </c>
      <c r="G51668" s="1" t="s">
        <v>174384</v>
      </c>
      <c r="H51668" s="1" t="s">
        <v>174385</v>
      </c>
      <c r="I51668" s="1" t="s">
        <v>172490</v>
      </c>
      <c r="J51668" s="1" t="s">
        <v>174453</v>
      </c>
    </row>
    <row r="51669" spans="1:10" x14ac:dyDescent="0.35">
      <c r="A51669" s="1" t="s">
        <v>119885</v>
      </c>
      <c r="B51669" s="1" t="s">
        <v>172484</v>
      </c>
      <c r="C51669" s="1" t="s">
        <v>120</v>
      </c>
      <c r="D51669" s="1" t="s">
        <v>174454</v>
      </c>
      <c r="E51669" s="1" t="s">
        <v>174455</v>
      </c>
      <c r="F51669" s="1" t="s">
        <v>174456</v>
      </c>
      <c r="G51669" s="1" t="s">
        <v>174384</v>
      </c>
      <c r="H51669" s="1" t="s">
        <v>174385</v>
      </c>
      <c r="I51669" s="1" t="s">
        <v>172490</v>
      </c>
      <c r="J51669" s="1" t="s">
        <v>174457</v>
      </c>
    </row>
    <row r="51670" spans="1:10" x14ac:dyDescent="0.35">
      <c r="A51670" s="1" t="s">
        <v>119885</v>
      </c>
      <c r="B51670" s="1" t="s">
        <v>172484</v>
      </c>
      <c r="C51670" s="1" t="s">
        <v>125</v>
      </c>
      <c r="D51670" s="1" t="s">
        <v>152605</v>
      </c>
      <c r="E51670" s="1" t="s">
        <v>174458</v>
      </c>
      <c r="F51670" s="1" t="s">
        <v>174459</v>
      </c>
      <c r="G51670" s="1" t="s">
        <v>174384</v>
      </c>
      <c r="H51670" s="1" t="s">
        <v>174385</v>
      </c>
      <c r="I51670" s="1" t="s">
        <v>172490</v>
      </c>
      <c r="J51670" s="1" t="s">
        <v>174460</v>
      </c>
    </row>
    <row r="51671" spans="1:10" x14ac:dyDescent="0.35">
      <c r="A51671" s="1" t="s">
        <v>119885</v>
      </c>
      <c r="B51671" s="1" t="s">
        <v>172484</v>
      </c>
      <c r="C51671" s="1" t="s">
        <v>130</v>
      </c>
      <c r="D51671" s="1" t="s">
        <v>107525</v>
      </c>
      <c r="E51671" s="1" t="s">
        <v>174461</v>
      </c>
      <c r="F51671" s="1" t="s">
        <v>174462</v>
      </c>
      <c r="G51671" s="1" t="s">
        <v>174384</v>
      </c>
      <c r="H51671" s="1" t="s">
        <v>174385</v>
      </c>
      <c r="I51671" s="1" t="s">
        <v>172490</v>
      </c>
      <c r="J51671" s="1" t="s">
        <v>174463</v>
      </c>
    </row>
    <row r="51672" spans="1:10" x14ac:dyDescent="0.35">
      <c r="A51672" s="1" t="s">
        <v>119885</v>
      </c>
      <c r="B51672" s="1" t="s">
        <v>172484</v>
      </c>
      <c r="C51672" s="1" t="s">
        <v>135</v>
      </c>
      <c r="D51672" s="1" t="s">
        <v>67901</v>
      </c>
      <c r="E51672" s="1" t="s">
        <v>174464</v>
      </c>
      <c r="F51672" s="1" t="s">
        <v>174465</v>
      </c>
      <c r="G51672" s="1" t="s">
        <v>174384</v>
      </c>
      <c r="H51672" s="1" t="s">
        <v>174385</v>
      </c>
      <c r="I51672" s="1" t="s">
        <v>172490</v>
      </c>
      <c r="J51672" s="1" t="s">
        <v>174466</v>
      </c>
    </row>
    <row r="51673" spans="1:10" x14ac:dyDescent="0.35">
      <c r="A51673" s="1" t="s">
        <v>119885</v>
      </c>
      <c r="B51673" s="1" t="s">
        <v>172484</v>
      </c>
      <c r="C51673" s="1" t="s">
        <v>140</v>
      </c>
      <c r="D51673" s="1" t="s">
        <v>107982</v>
      </c>
      <c r="E51673" s="1" t="s">
        <v>174467</v>
      </c>
      <c r="F51673" s="1" t="s">
        <v>174468</v>
      </c>
      <c r="G51673" s="1" t="s">
        <v>174384</v>
      </c>
      <c r="H51673" s="1" t="s">
        <v>174385</v>
      </c>
      <c r="I51673" s="1" t="s">
        <v>172490</v>
      </c>
      <c r="J51673" s="1" t="s">
        <v>174469</v>
      </c>
    </row>
    <row r="51674" spans="1:10" x14ac:dyDescent="0.35">
      <c r="A51674" s="1" t="s">
        <v>119885</v>
      </c>
      <c r="B51674" s="1" t="s">
        <v>172484</v>
      </c>
      <c r="C51674" s="1" t="s">
        <v>145</v>
      </c>
      <c r="D51674" s="1" t="s">
        <v>154507</v>
      </c>
      <c r="E51674" s="1" t="s">
        <v>174470</v>
      </c>
      <c r="F51674" s="1" t="s">
        <v>174471</v>
      </c>
      <c r="G51674" s="1" t="s">
        <v>174384</v>
      </c>
      <c r="H51674" s="1" t="s">
        <v>174385</v>
      </c>
      <c r="I51674" s="1" t="s">
        <v>172490</v>
      </c>
      <c r="J51674" s="1" t="s">
        <v>174472</v>
      </c>
    </row>
    <row r="51675" spans="1:10" x14ac:dyDescent="0.35">
      <c r="A51675" s="1" t="s">
        <v>119885</v>
      </c>
      <c r="B51675" s="1" t="s">
        <v>172484</v>
      </c>
      <c r="C51675" s="1" t="s">
        <v>150</v>
      </c>
      <c r="D51675" s="1" t="s">
        <v>174473</v>
      </c>
      <c r="E51675" s="1" t="s">
        <v>174474</v>
      </c>
      <c r="F51675" s="1" t="s">
        <v>174475</v>
      </c>
      <c r="G51675" s="1" t="s">
        <v>174384</v>
      </c>
      <c r="H51675" s="1" t="s">
        <v>174385</v>
      </c>
      <c r="I51675" s="1" t="s">
        <v>172490</v>
      </c>
      <c r="J51675" s="1" t="s">
        <v>174476</v>
      </c>
    </row>
    <row r="51676" spans="1:10" x14ac:dyDescent="0.35">
      <c r="A51676" s="1" t="s">
        <v>119885</v>
      </c>
      <c r="B51676" s="1" t="s">
        <v>172484</v>
      </c>
      <c r="C51676" s="1" t="s">
        <v>155</v>
      </c>
      <c r="D51676" s="1" t="s">
        <v>174477</v>
      </c>
      <c r="E51676" s="1" t="s">
        <v>174478</v>
      </c>
      <c r="F51676" s="1" t="s">
        <v>174479</v>
      </c>
      <c r="G51676" s="1" t="s">
        <v>174384</v>
      </c>
      <c r="H51676" s="1" t="s">
        <v>174385</v>
      </c>
      <c r="I51676" s="1" t="s">
        <v>172490</v>
      </c>
      <c r="J51676" s="1" t="s">
        <v>174480</v>
      </c>
    </row>
    <row r="51677" spans="1:10" x14ac:dyDescent="0.35">
      <c r="A51677" s="1" t="s">
        <v>119885</v>
      </c>
      <c r="B51677" s="1" t="s">
        <v>172484</v>
      </c>
      <c r="C51677" s="1" t="s">
        <v>160</v>
      </c>
      <c r="D51677" s="1" t="s">
        <v>88210</v>
      </c>
      <c r="E51677" s="1" t="s">
        <v>174481</v>
      </c>
      <c r="F51677" s="1" t="s">
        <v>174482</v>
      </c>
      <c r="G51677" s="1" t="s">
        <v>174384</v>
      </c>
      <c r="H51677" s="1" t="s">
        <v>174385</v>
      </c>
      <c r="I51677" s="1" t="s">
        <v>172490</v>
      </c>
      <c r="J51677" s="1" t="s">
        <v>174483</v>
      </c>
    </row>
    <row r="51678" spans="1:10" x14ac:dyDescent="0.35">
      <c r="A51678" s="1" t="s">
        <v>119885</v>
      </c>
      <c r="B51678" s="1" t="s">
        <v>172484</v>
      </c>
      <c r="C51678" s="1" t="s">
        <v>165</v>
      </c>
      <c r="D51678" s="1" t="s">
        <v>22656</v>
      </c>
      <c r="E51678" s="1" t="s">
        <v>174484</v>
      </c>
      <c r="F51678" s="1" t="s">
        <v>174485</v>
      </c>
      <c r="G51678" s="1" t="s">
        <v>174384</v>
      </c>
      <c r="H51678" s="1" t="s">
        <v>174385</v>
      </c>
      <c r="I51678" s="1" t="s">
        <v>172490</v>
      </c>
      <c r="J51678" s="1" t="s">
        <v>174486</v>
      </c>
    </row>
    <row r="51679" spans="1:10" x14ac:dyDescent="0.35">
      <c r="A51679" s="1" t="s">
        <v>119885</v>
      </c>
      <c r="B51679" s="1" t="s">
        <v>172484</v>
      </c>
      <c r="C51679" s="1" t="s">
        <v>170</v>
      </c>
      <c r="D51679" s="1" t="s">
        <v>24283</v>
      </c>
      <c r="E51679" s="1" t="s">
        <v>174487</v>
      </c>
      <c r="F51679" s="1" t="s">
        <v>174488</v>
      </c>
      <c r="G51679" s="1" t="s">
        <v>174384</v>
      </c>
      <c r="H51679" s="1" t="s">
        <v>174385</v>
      </c>
      <c r="I51679" s="1" t="s">
        <v>172490</v>
      </c>
      <c r="J51679" s="1" t="s">
        <v>174489</v>
      </c>
    </row>
    <row r="51680" spans="1:10" x14ac:dyDescent="0.35">
      <c r="A51680" s="1" t="s">
        <v>174490</v>
      </c>
      <c r="B51680" s="1" t="s">
        <v>172484</v>
      </c>
      <c r="C51680" s="1" t="s">
        <v>8</v>
      </c>
      <c r="D51680" s="1" t="s">
        <v>174491</v>
      </c>
      <c r="E51680" s="1" t="s">
        <v>174492</v>
      </c>
      <c r="F51680" s="1" t="s">
        <v>174493</v>
      </c>
      <c r="G51680" s="1" t="s">
        <v>174494</v>
      </c>
      <c r="H51680" s="1" t="s">
        <v>174495</v>
      </c>
      <c r="I51680" s="1" t="s">
        <v>172490</v>
      </c>
      <c r="J51680" s="1" t="s">
        <v>13</v>
      </c>
    </row>
    <row r="51681" spans="1:10" x14ac:dyDescent="0.35">
      <c r="A51681" s="1" t="s">
        <v>174490</v>
      </c>
      <c r="B51681" s="1" t="s">
        <v>172484</v>
      </c>
      <c r="C51681" s="1" t="s">
        <v>15</v>
      </c>
      <c r="D51681" s="1" t="s">
        <v>4614</v>
      </c>
      <c r="E51681" s="1" t="s">
        <v>174496</v>
      </c>
      <c r="F51681" s="1" t="s">
        <v>174497</v>
      </c>
      <c r="G51681" s="1" t="s">
        <v>174494</v>
      </c>
      <c r="H51681" s="1" t="s">
        <v>174495</v>
      </c>
      <c r="I51681" s="1" t="s">
        <v>172490</v>
      </c>
      <c r="J51681" s="1" t="s">
        <v>174498</v>
      </c>
    </row>
    <row r="51682" spans="1:10" x14ac:dyDescent="0.35">
      <c r="A51682" s="1" t="s">
        <v>174490</v>
      </c>
      <c r="B51682" s="1" t="s">
        <v>172484</v>
      </c>
      <c r="C51682" s="1" t="s">
        <v>20</v>
      </c>
      <c r="D51682" s="1" t="s">
        <v>16177</v>
      </c>
      <c r="E51682" s="1" t="s">
        <v>174499</v>
      </c>
      <c r="F51682" s="1" t="s">
        <v>174500</v>
      </c>
      <c r="G51682" s="1" t="s">
        <v>174494</v>
      </c>
      <c r="H51682" s="1" t="s">
        <v>174495</v>
      </c>
      <c r="I51682" s="1" t="s">
        <v>172490</v>
      </c>
      <c r="J51682" s="1" t="s">
        <v>174501</v>
      </c>
    </row>
    <row r="51683" spans="1:10" x14ac:dyDescent="0.35">
      <c r="A51683" s="1" t="s">
        <v>174490</v>
      </c>
      <c r="B51683" s="1" t="s">
        <v>172484</v>
      </c>
      <c r="C51683" s="1" t="s">
        <v>25</v>
      </c>
      <c r="D51683" s="1" t="s">
        <v>32146</v>
      </c>
      <c r="E51683" s="1" t="s">
        <v>174502</v>
      </c>
      <c r="F51683" s="1" t="s">
        <v>174503</v>
      </c>
      <c r="G51683" s="1" t="s">
        <v>174494</v>
      </c>
      <c r="H51683" s="1" t="s">
        <v>174495</v>
      </c>
      <c r="I51683" s="1" t="s">
        <v>172490</v>
      </c>
      <c r="J51683" s="1" t="s">
        <v>174504</v>
      </c>
    </row>
    <row r="51684" spans="1:10" x14ac:dyDescent="0.35">
      <c r="A51684" s="1" t="s">
        <v>174490</v>
      </c>
      <c r="B51684" s="1" t="s">
        <v>172484</v>
      </c>
      <c r="C51684" s="1" t="s">
        <v>30</v>
      </c>
      <c r="D51684" s="1" t="s">
        <v>170123</v>
      </c>
      <c r="E51684" s="1" t="s">
        <v>174505</v>
      </c>
      <c r="F51684" s="1" t="s">
        <v>174506</v>
      </c>
      <c r="G51684" s="1" t="s">
        <v>174494</v>
      </c>
      <c r="H51684" s="1" t="s">
        <v>174495</v>
      </c>
      <c r="I51684" s="1" t="s">
        <v>172490</v>
      </c>
      <c r="J51684" s="1" t="s">
        <v>174507</v>
      </c>
    </row>
    <row r="51685" spans="1:10" x14ac:dyDescent="0.35">
      <c r="A51685" s="1" t="s">
        <v>174490</v>
      </c>
      <c r="B51685" s="1" t="s">
        <v>172484</v>
      </c>
      <c r="C51685" s="1" t="s">
        <v>35</v>
      </c>
      <c r="D51685" s="1" t="s">
        <v>174508</v>
      </c>
      <c r="E51685" s="1" t="s">
        <v>174509</v>
      </c>
      <c r="F51685" s="1" t="s">
        <v>174510</v>
      </c>
      <c r="G51685" s="1" t="s">
        <v>174494</v>
      </c>
      <c r="H51685" s="1" t="s">
        <v>174495</v>
      </c>
      <c r="I51685" s="1" t="s">
        <v>172490</v>
      </c>
      <c r="J51685" s="1" t="s">
        <v>174511</v>
      </c>
    </row>
    <row r="51686" spans="1:10" x14ac:dyDescent="0.35">
      <c r="A51686" s="1" t="s">
        <v>174490</v>
      </c>
      <c r="B51686" s="1" t="s">
        <v>172484</v>
      </c>
      <c r="C51686" s="1" t="s">
        <v>40</v>
      </c>
      <c r="D51686" s="1" t="s">
        <v>153691</v>
      </c>
      <c r="E51686" s="1" t="s">
        <v>174512</v>
      </c>
      <c r="F51686" s="1" t="s">
        <v>174513</v>
      </c>
      <c r="G51686" s="1" t="s">
        <v>174494</v>
      </c>
      <c r="H51686" s="1" t="s">
        <v>174495</v>
      </c>
      <c r="I51686" s="1" t="s">
        <v>172490</v>
      </c>
      <c r="J51686" s="1" t="s">
        <v>174514</v>
      </c>
    </row>
    <row r="51687" spans="1:10" x14ac:dyDescent="0.35">
      <c r="A51687" s="1" t="s">
        <v>174490</v>
      </c>
      <c r="B51687" s="1" t="s">
        <v>172484</v>
      </c>
      <c r="C51687" s="1" t="s">
        <v>45</v>
      </c>
      <c r="D51687" s="1" t="s">
        <v>174515</v>
      </c>
      <c r="E51687" s="1" t="s">
        <v>174516</v>
      </c>
      <c r="F51687" s="1" t="s">
        <v>174517</v>
      </c>
      <c r="G51687" s="1" t="s">
        <v>174494</v>
      </c>
      <c r="H51687" s="1" t="s">
        <v>174495</v>
      </c>
      <c r="I51687" s="1" t="s">
        <v>172490</v>
      </c>
      <c r="J51687" s="1" t="s">
        <v>174518</v>
      </c>
    </row>
    <row r="51688" spans="1:10" x14ac:dyDescent="0.35">
      <c r="A51688" s="1" t="s">
        <v>174490</v>
      </c>
      <c r="B51688" s="1" t="s">
        <v>172484</v>
      </c>
      <c r="C51688" s="1" t="s">
        <v>50</v>
      </c>
      <c r="D51688" s="1" t="s">
        <v>174519</v>
      </c>
      <c r="E51688" s="1" t="s">
        <v>174520</v>
      </c>
      <c r="F51688" s="1" t="s">
        <v>174521</v>
      </c>
      <c r="G51688" s="1" t="s">
        <v>174494</v>
      </c>
      <c r="H51688" s="1" t="s">
        <v>174495</v>
      </c>
      <c r="I51688" s="1" t="s">
        <v>172490</v>
      </c>
      <c r="J51688" s="1" t="s">
        <v>174522</v>
      </c>
    </row>
    <row r="51689" spans="1:10" x14ac:dyDescent="0.35">
      <c r="A51689" s="1" t="s">
        <v>174490</v>
      </c>
      <c r="B51689" s="1" t="s">
        <v>172484</v>
      </c>
      <c r="C51689" s="1" t="s">
        <v>55</v>
      </c>
      <c r="D51689" s="1" t="s">
        <v>10670</v>
      </c>
      <c r="E51689" s="1" t="s">
        <v>174523</v>
      </c>
      <c r="F51689" s="1" t="s">
        <v>174524</v>
      </c>
      <c r="G51689" s="1" t="s">
        <v>174494</v>
      </c>
      <c r="H51689" s="1" t="s">
        <v>174495</v>
      </c>
      <c r="I51689" s="1" t="s">
        <v>172490</v>
      </c>
      <c r="J51689" s="1" t="s">
        <v>174525</v>
      </c>
    </row>
    <row r="51690" spans="1:10" x14ac:dyDescent="0.35">
      <c r="A51690" s="1" t="s">
        <v>174490</v>
      </c>
      <c r="B51690" s="1" t="s">
        <v>172484</v>
      </c>
      <c r="C51690" s="1" t="s">
        <v>60</v>
      </c>
      <c r="D51690" s="1" t="s">
        <v>13658</v>
      </c>
      <c r="E51690" s="1" t="s">
        <v>174526</v>
      </c>
      <c r="F51690" s="1" t="s">
        <v>174527</v>
      </c>
      <c r="G51690" s="1" t="s">
        <v>174494</v>
      </c>
      <c r="H51690" s="1" t="s">
        <v>174495</v>
      </c>
      <c r="I51690" s="1" t="s">
        <v>172490</v>
      </c>
      <c r="J51690" s="1" t="s">
        <v>174528</v>
      </c>
    </row>
    <row r="51691" spans="1:10" x14ac:dyDescent="0.35">
      <c r="A51691" s="1" t="s">
        <v>174490</v>
      </c>
      <c r="B51691" s="1" t="s">
        <v>172484</v>
      </c>
      <c r="C51691" s="1" t="s">
        <v>65</v>
      </c>
      <c r="D51691" s="1" t="s">
        <v>153836</v>
      </c>
      <c r="E51691" s="1" t="s">
        <v>174529</v>
      </c>
      <c r="F51691" s="1" t="s">
        <v>174530</v>
      </c>
      <c r="G51691" s="1" t="s">
        <v>174494</v>
      </c>
      <c r="H51691" s="1" t="s">
        <v>174495</v>
      </c>
      <c r="I51691" s="1" t="s">
        <v>172490</v>
      </c>
      <c r="J51691" s="1" t="s">
        <v>174531</v>
      </c>
    </row>
    <row r="51692" spans="1:10" x14ac:dyDescent="0.35">
      <c r="A51692" s="1" t="s">
        <v>174490</v>
      </c>
      <c r="B51692" s="1" t="s">
        <v>172484</v>
      </c>
      <c r="C51692" s="1" t="s">
        <v>70</v>
      </c>
      <c r="D51692" s="1" t="s">
        <v>17605</v>
      </c>
      <c r="E51692" s="1" t="s">
        <v>174532</v>
      </c>
      <c r="F51692" s="1" t="s">
        <v>174533</v>
      </c>
      <c r="G51692" s="1" t="s">
        <v>174494</v>
      </c>
      <c r="H51692" s="1" t="s">
        <v>174495</v>
      </c>
      <c r="I51692" s="1" t="s">
        <v>172490</v>
      </c>
      <c r="J51692" s="1" t="s">
        <v>174534</v>
      </c>
    </row>
    <row r="51693" spans="1:10" x14ac:dyDescent="0.35">
      <c r="A51693" s="1" t="s">
        <v>174490</v>
      </c>
      <c r="B51693" s="1" t="s">
        <v>172484</v>
      </c>
      <c r="C51693" s="1" t="s">
        <v>75</v>
      </c>
      <c r="D51693" s="1" t="s">
        <v>174535</v>
      </c>
      <c r="E51693" s="1" t="s">
        <v>174536</v>
      </c>
      <c r="F51693" s="1" t="s">
        <v>174537</v>
      </c>
      <c r="G51693" s="1" t="s">
        <v>174494</v>
      </c>
      <c r="H51693" s="1" t="s">
        <v>174495</v>
      </c>
      <c r="I51693" s="1" t="s">
        <v>172490</v>
      </c>
      <c r="J51693" s="1" t="s">
        <v>174538</v>
      </c>
    </row>
    <row r="51694" spans="1:10" x14ac:dyDescent="0.35">
      <c r="A51694" s="1" t="s">
        <v>174490</v>
      </c>
      <c r="B51694" s="1" t="s">
        <v>172484</v>
      </c>
      <c r="C51694" s="1" t="s">
        <v>80</v>
      </c>
      <c r="D51694" s="1" t="s">
        <v>174539</v>
      </c>
      <c r="E51694" s="1" t="s">
        <v>174540</v>
      </c>
      <c r="F51694" s="1" t="s">
        <v>174541</v>
      </c>
      <c r="G51694" s="1" t="s">
        <v>174494</v>
      </c>
      <c r="H51694" s="1" t="s">
        <v>174495</v>
      </c>
      <c r="I51694" s="1" t="s">
        <v>172490</v>
      </c>
      <c r="J51694" s="1" t="s">
        <v>174542</v>
      </c>
    </row>
    <row r="51695" spans="1:10" x14ac:dyDescent="0.35">
      <c r="A51695" s="1" t="s">
        <v>174490</v>
      </c>
      <c r="B51695" s="1" t="s">
        <v>172484</v>
      </c>
      <c r="C51695" s="1" t="s">
        <v>85</v>
      </c>
      <c r="D51695" s="1" t="s">
        <v>19051</v>
      </c>
      <c r="E51695" s="1" t="s">
        <v>174543</v>
      </c>
      <c r="F51695" s="1" t="s">
        <v>174544</v>
      </c>
      <c r="G51695" s="1" t="s">
        <v>174494</v>
      </c>
      <c r="H51695" s="1" t="s">
        <v>174495</v>
      </c>
      <c r="I51695" s="1" t="s">
        <v>172490</v>
      </c>
      <c r="J51695" s="1" t="s">
        <v>174545</v>
      </c>
    </row>
    <row r="51696" spans="1:10" x14ac:dyDescent="0.35">
      <c r="A51696" s="1" t="s">
        <v>174490</v>
      </c>
      <c r="B51696" s="1" t="s">
        <v>172484</v>
      </c>
      <c r="C51696" s="1" t="s">
        <v>90</v>
      </c>
      <c r="D51696" s="1" t="s">
        <v>174546</v>
      </c>
      <c r="E51696" s="1" t="s">
        <v>166777</v>
      </c>
      <c r="F51696" s="1" t="s">
        <v>174547</v>
      </c>
      <c r="G51696" s="1" t="s">
        <v>174494</v>
      </c>
      <c r="H51696" s="1" t="s">
        <v>174495</v>
      </c>
      <c r="I51696" s="1" t="s">
        <v>172490</v>
      </c>
      <c r="J51696" s="1" t="s">
        <v>174548</v>
      </c>
    </row>
    <row r="51697" spans="1:10" x14ac:dyDescent="0.35">
      <c r="A51697" s="1" t="s">
        <v>174490</v>
      </c>
      <c r="B51697" s="1" t="s">
        <v>172484</v>
      </c>
      <c r="C51697" s="1" t="s">
        <v>95</v>
      </c>
      <c r="D51697" s="1" t="s">
        <v>152759</v>
      </c>
      <c r="E51697" s="1" t="s">
        <v>174549</v>
      </c>
      <c r="F51697" s="1" t="s">
        <v>174550</v>
      </c>
      <c r="G51697" s="1" t="s">
        <v>174494</v>
      </c>
      <c r="H51697" s="1" t="s">
        <v>174495</v>
      </c>
      <c r="I51697" s="1" t="s">
        <v>172490</v>
      </c>
      <c r="J51697" s="1" t="s">
        <v>174551</v>
      </c>
    </row>
    <row r="51698" spans="1:10" x14ac:dyDescent="0.35">
      <c r="A51698" s="1" t="s">
        <v>174490</v>
      </c>
      <c r="B51698" s="1" t="s">
        <v>172484</v>
      </c>
      <c r="C51698" s="1" t="s">
        <v>100</v>
      </c>
      <c r="D51698" s="1" t="s">
        <v>174552</v>
      </c>
      <c r="E51698" s="1" t="s">
        <v>174553</v>
      </c>
      <c r="F51698" s="1" t="s">
        <v>174554</v>
      </c>
      <c r="G51698" s="1" t="s">
        <v>174494</v>
      </c>
      <c r="H51698" s="1" t="s">
        <v>174495</v>
      </c>
      <c r="I51698" s="1" t="s">
        <v>172490</v>
      </c>
      <c r="J51698" s="1" t="s">
        <v>174555</v>
      </c>
    </row>
    <row r="51699" spans="1:10" x14ac:dyDescent="0.35">
      <c r="A51699" s="1" t="s">
        <v>174490</v>
      </c>
      <c r="B51699" s="1" t="s">
        <v>172484</v>
      </c>
      <c r="C51699" s="1" t="s">
        <v>105</v>
      </c>
      <c r="D51699" s="1" t="s">
        <v>174556</v>
      </c>
      <c r="E51699" s="1" t="s">
        <v>174557</v>
      </c>
      <c r="F51699" s="1" t="s">
        <v>174558</v>
      </c>
      <c r="G51699" s="1" t="s">
        <v>174494</v>
      </c>
      <c r="H51699" s="1" t="s">
        <v>174495</v>
      </c>
      <c r="I51699" s="1" t="s">
        <v>172490</v>
      </c>
      <c r="J51699" s="1" t="s">
        <v>174559</v>
      </c>
    </row>
    <row r="51700" spans="1:10" x14ac:dyDescent="0.35">
      <c r="A51700" s="1" t="s">
        <v>174490</v>
      </c>
      <c r="B51700" s="1" t="s">
        <v>172484</v>
      </c>
      <c r="C51700" s="1" t="s">
        <v>110</v>
      </c>
      <c r="D51700" s="1" t="s">
        <v>46616</v>
      </c>
      <c r="E51700" s="1" t="s">
        <v>174560</v>
      </c>
      <c r="F51700" s="1" t="s">
        <v>174561</v>
      </c>
      <c r="G51700" s="1" t="s">
        <v>174494</v>
      </c>
      <c r="H51700" s="1" t="s">
        <v>174495</v>
      </c>
      <c r="I51700" s="1" t="s">
        <v>172490</v>
      </c>
      <c r="J51700" s="1" t="s">
        <v>174562</v>
      </c>
    </row>
    <row r="51701" spans="1:10" x14ac:dyDescent="0.35">
      <c r="A51701" s="1" t="s">
        <v>174490</v>
      </c>
      <c r="B51701" s="1" t="s">
        <v>172484</v>
      </c>
      <c r="C51701" s="1" t="s">
        <v>115</v>
      </c>
      <c r="D51701" s="1" t="s">
        <v>174563</v>
      </c>
      <c r="E51701" s="1" t="s">
        <v>174564</v>
      </c>
      <c r="F51701" s="1" t="s">
        <v>174565</v>
      </c>
      <c r="G51701" s="1" t="s">
        <v>174494</v>
      </c>
      <c r="H51701" s="1" t="s">
        <v>174495</v>
      </c>
      <c r="I51701" s="1" t="s">
        <v>172490</v>
      </c>
      <c r="J51701" s="1" t="s">
        <v>174566</v>
      </c>
    </row>
    <row r="51702" spans="1:10" x14ac:dyDescent="0.35">
      <c r="A51702" s="1" t="s">
        <v>174490</v>
      </c>
      <c r="B51702" s="1" t="s">
        <v>172484</v>
      </c>
      <c r="C51702" s="1" t="s">
        <v>120</v>
      </c>
      <c r="D51702" s="1" t="s">
        <v>174567</v>
      </c>
      <c r="E51702" s="1" t="s">
        <v>174568</v>
      </c>
      <c r="F51702" s="1" t="s">
        <v>174569</v>
      </c>
      <c r="G51702" s="1" t="s">
        <v>174494</v>
      </c>
      <c r="H51702" s="1" t="s">
        <v>174495</v>
      </c>
      <c r="I51702" s="1" t="s">
        <v>172490</v>
      </c>
      <c r="J51702" s="1" t="s">
        <v>174570</v>
      </c>
    </row>
    <row r="51703" spans="1:10" x14ac:dyDescent="0.35">
      <c r="A51703" s="1" t="s">
        <v>174490</v>
      </c>
      <c r="B51703" s="1" t="s">
        <v>172484</v>
      </c>
      <c r="C51703" s="1" t="s">
        <v>125</v>
      </c>
      <c r="D51703" s="1" t="s">
        <v>57407</v>
      </c>
      <c r="E51703" s="1" t="s">
        <v>174571</v>
      </c>
      <c r="F51703" s="1" t="s">
        <v>174572</v>
      </c>
      <c r="G51703" s="1" t="s">
        <v>174494</v>
      </c>
      <c r="H51703" s="1" t="s">
        <v>174495</v>
      </c>
      <c r="I51703" s="1" t="s">
        <v>172490</v>
      </c>
      <c r="J51703" s="1" t="s">
        <v>174573</v>
      </c>
    </row>
    <row r="51704" spans="1:10" x14ac:dyDescent="0.35">
      <c r="A51704" s="1" t="s">
        <v>174490</v>
      </c>
      <c r="B51704" s="1" t="s">
        <v>172484</v>
      </c>
      <c r="C51704" s="1" t="s">
        <v>130</v>
      </c>
      <c r="D51704" s="1" t="s">
        <v>174574</v>
      </c>
      <c r="E51704" s="1" t="s">
        <v>174575</v>
      </c>
      <c r="F51704" s="1" t="s">
        <v>174576</v>
      </c>
      <c r="G51704" s="1" t="s">
        <v>174494</v>
      </c>
      <c r="H51704" s="1" t="s">
        <v>174495</v>
      </c>
      <c r="I51704" s="1" t="s">
        <v>172490</v>
      </c>
      <c r="J51704" s="1" t="s">
        <v>174577</v>
      </c>
    </row>
    <row r="51705" spans="1:10" x14ac:dyDescent="0.35">
      <c r="A51705" s="1" t="s">
        <v>174490</v>
      </c>
      <c r="B51705" s="1" t="s">
        <v>172484</v>
      </c>
      <c r="C51705" s="1" t="s">
        <v>135</v>
      </c>
      <c r="D51705" s="1" t="s">
        <v>174578</v>
      </c>
      <c r="E51705" s="1" t="s">
        <v>174579</v>
      </c>
      <c r="F51705" s="1" t="s">
        <v>174580</v>
      </c>
      <c r="G51705" s="1" t="s">
        <v>174494</v>
      </c>
      <c r="H51705" s="1" t="s">
        <v>174495</v>
      </c>
      <c r="I51705" s="1" t="s">
        <v>172490</v>
      </c>
      <c r="J51705" s="1" t="s">
        <v>174581</v>
      </c>
    </row>
    <row r="51706" spans="1:10" x14ac:dyDescent="0.35">
      <c r="A51706" s="1" t="s">
        <v>174490</v>
      </c>
      <c r="B51706" s="1" t="s">
        <v>172484</v>
      </c>
      <c r="C51706" s="1" t="s">
        <v>140</v>
      </c>
      <c r="D51706" s="1" t="s">
        <v>174582</v>
      </c>
      <c r="E51706" s="1" t="s">
        <v>174583</v>
      </c>
      <c r="F51706" s="1" t="s">
        <v>174584</v>
      </c>
      <c r="G51706" s="1" t="s">
        <v>174494</v>
      </c>
      <c r="H51706" s="1" t="s">
        <v>174495</v>
      </c>
      <c r="I51706" s="1" t="s">
        <v>172490</v>
      </c>
      <c r="J51706" s="1" t="s">
        <v>174585</v>
      </c>
    </row>
    <row r="51707" spans="1:10" x14ac:dyDescent="0.35">
      <c r="A51707" s="1" t="s">
        <v>174490</v>
      </c>
      <c r="B51707" s="1" t="s">
        <v>172484</v>
      </c>
      <c r="C51707" s="1" t="s">
        <v>145</v>
      </c>
      <c r="D51707" s="1" t="s">
        <v>152634</v>
      </c>
      <c r="E51707" s="1" t="s">
        <v>174586</v>
      </c>
      <c r="F51707" s="1" t="s">
        <v>174587</v>
      </c>
      <c r="G51707" s="1" t="s">
        <v>174494</v>
      </c>
      <c r="H51707" s="1" t="s">
        <v>174495</v>
      </c>
      <c r="I51707" s="1" t="s">
        <v>172490</v>
      </c>
      <c r="J51707" s="1" t="s">
        <v>174588</v>
      </c>
    </row>
    <row r="51708" spans="1:10" x14ac:dyDescent="0.35">
      <c r="A51708" s="1" t="s">
        <v>174490</v>
      </c>
      <c r="B51708" s="1" t="s">
        <v>172484</v>
      </c>
      <c r="C51708" s="1" t="s">
        <v>150</v>
      </c>
      <c r="D51708" s="1" t="s">
        <v>174589</v>
      </c>
      <c r="E51708" s="1" t="s">
        <v>174590</v>
      </c>
      <c r="F51708" s="1" t="s">
        <v>174591</v>
      </c>
      <c r="G51708" s="1" t="s">
        <v>174494</v>
      </c>
      <c r="H51708" s="1" t="s">
        <v>174495</v>
      </c>
      <c r="I51708" s="1" t="s">
        <v>172490</v>
      </c>
      <c r="J51708" s="1" t="s">
        <v>174592</v>
      </c>
    </row>
    <row r="51709" spans="1:10" x14ac:dyDescent="0.35">
      <c r="A51709" s="1" t="s">
        <v>174490</v>
      </c>
      <c r="B51709" s="1" t="s">
        <v>172484</v>
      </c>
      <c r="C51709" s="1" t="s">
        <v>155</v>
      </c>
      <c r="D51709" s="1" t="s">
        <v>174593</v>
      </c>
      <c r="E51709" s="1" t="s">
        <v>174594</v>
      </c>
      <c r="F51709" s="1" t="s">
        <v>174595</v>
      </c>
      <c r="G51709" s="1" t="s">
        <v>174494</v>
      </c>
      <c r="H51709" s="1" t="s">
        <v>174495</v>
      </c>
      <c r="I51709" s="1" t="s">
        <v>172490</v>
      </c>
      <c r="J51709" s="1" t="s">
        <v>174596</v>
      </c>
    </row>
    <row r="51710" spans="1:10" x14ac:dyDescent="0.35">
      <c r="A51710" s="1" t="s">
        <v>174490</v>
      </c>
      <c r="B51710" s="1" t="s">
        <v>172484</v>
      </c>
      <c r="C51710" s="1" t="s">
        <v>160</v>
      </c>
      <c r="D51710" s="1" t="s">
        <v>174597</v>
      </c>
      <c r="E51710" s="1" t="s">
        <v>174598</v>
      </c>
      <c r="F51710" s="1" t="s">
        <v>174599</v>
      </c>
      <c r="G51710" s="1" t="s">
        <v>174494</v>
      </c>
      <c r="H51710" s="1" t="s">
        <v>174495</v>
      </c>
      <c r="I51710" s="1" t="s">
        <v>172490</v>
      </c>
      <c r="J51710" s="1" t="s">
        <v>174600</v>
      </c>
    </row>
    <row r="51711" spans="1:10" x14ac:dyDescent="0.35">
      <c r="A51711" s="1" t="s">
        <v>174490</v>
      </c>
      <c r="B51711" s="1" t="s">
        <v>172484</v>
      </c>
      <c r="C51711" s="1" t="s">
        <v>165</v>
      </c>
      <c r="D51711" s="1" t="s">
        <v>137908</v>
      </c>
      <c r="E51711" s="1" t="s">
        <v>174601</v>
      </c>
      <c r="F51711" s="1" t="s">
        <v>174602</v>
      </c>
      <c r="G51711" s="1" t="s">
        <v>174494</v>
      </c>
      <c r="H51711" s="1" t="s">
        <v>174495</v>
      </c>
      <c r="I51711" s="1" t="s">
        <v>172490</v>
      </c>
      <c r="J51711" s="1" t="s">
        <v>174603</v>
      </c>
    </row>
    <row r="51712" spans="1:10" x14ac:dyDescent="0.35">
      <c r="A51712" s="1" t="s">
        <v>174490</v>
      </c>
      <c r="B51712" s="1" t="s">
        <v>172484</v>
      </c>
      <c r="C51712" s="1" t="s">
        <v>170</v>
      </c>
      <c r="D51712" s="1" t="s">
        <v>12487</v>
      </c>
      <c r="E51712" s="1" t="s">
        <v>174604</v>
      </c>
      <c r="F51712" s="1" t="s">
        <v>174605</v>
      </c>
      <c r="G51712" s="1" t="s">
        <v>174494</v>
      </c>
      <c r="H51712" s="1" t="s">
        <v>174495</v>
      </c>
      <c r="I51712" s="1" t="s">
        <v>172490</v>
      </c>
      <c r="J51712" s="1" t="s">
        <v>174606</v>
      </c>
    </row>
    <row r="51713" spans="1:10" x14ac:dyDescent="0.35">
      <c r="A51713" s="1" t="s">
        <v>9226</v>
      </c>
      <c r="B51713" s="1" t="s">
        <v>172484</v>
      </c>
      <c r="C51713" s="1" t="s">
        <v>8</v>
      </c>
      <c r="D51713" s="1" t="s">
        <v>109930</v>
      </c>
      <c r="E51713" s="1" t="s">
        <v>63887</v>
      </c>
      <c r="F51713" s="1" t="s">
        <v>174607</v>
      </c>
      <c r="G51713" s="1" t="s">
        <v>174608</v>
      </c>
      <c r="H51713" s="1" t="s">
        <v>174609</v>
      </c>
      <c r="I51713" s="1" t="s">
        <v>172490</v>
      </c>
      <c r="J51713" s="1" t="s">
        <v>13</v>
      </c>
    </row>
    <row r="51714" spans="1:10" x14ac:dyDescent="0.35">
      <c r="A51714" s="1" t="s">
        <v>9226</v>
      </c>
      <c r="B51714" s="1" t="s">
        <v>172484</v>
      </c>
      <c r="C51714" s="1" t="s">
        <v>15</v>
      </c>
      <c r="D51714" s="1" t="s">
        <v>16356</v>
      </c>
      <c r="E51714" s="1" t="s">
        <v>59897</v>
      </c>
      <c r="F51714" s="1" t="s">
        <v>54687</v>
      </c>
      <c r="G51714" s="1" t="s">
        <v>174608</v>
      </c>
      <c r="H51714" s="1" t="s">
        <v>174609</v>
      </c>
      <c r="I51714" s="1" t="s">
        <v>172490</v>
      </c>
      <c r="J51714" s="1" t="s">
        <v>174610</v>
      </c>
    </row>
    <row r="51715" spans="1:10" x14ac:dyDescent="0.35">
      <c r="A51715" s="1" t="s">
        <v>9226</v>
      </c>
      <c r="B51715" s="1" t="s">
        <v>172484</v>
      </c>
      <c r="C51715" s="1" t="s">
        <v>20</v>
      </c>
      <c r="D51715" s="1" t="s">
        <v>34076</v>
      </c>
      <c r="E51715" s="1" t="s">
        <v>41395</v>
      </c>
      <c r="F51715" s="1" t="s">
        <v>102508</v>
      </c>
      <c r="G51715" s="1" t="s">
        <v>174608</v>
      </c>
      <c r="H51715" s="1" t="s">
        <v>174609</v>
      </c>
      <c r="I51715" s="1" t="s">
        <v>172490</v>
      </c>
      <c r="J51715" s="1" t="s">
        <v>174611</v>
      </c>
    </row>
    <row r="51716" spans="1:10" x14ac:dyDescent="0.35">
      <c r="A51716" s="1" t="s">
        <v>9226</v>
      </c>
      <c r="B51716" s="1" t="s">
        <v>172484</v>
      </c>
      <c r="C51716" s="1" t="s">
        <v>25</v>
      </c>
      <c r="D51716" s="1" t="s">
        <v>35571</v>
      </c>
      <c r="E51716" s="1" t="s">
        <v>21140</v>
      </c>
      <c r="F51716" s="1" t="s">
        <v>174612</v>
      </c>
      <c r="G51716" s="1" t="s">
        <v>174608</v>
      </c>
      <c r="H51716" s="1" t="s">
        <v>174609</v>
      </c>
      <c r="I51716" s="1" t="s">
        <v>172490</v>
      </c>
      <c r="J51716" s="1" t="s">
        <v>174613</v>
      </c>
    </row>
    <row r="51717" spans="1:10" x14ac:dyDescent="0.35">
      <c r="A51717" s="1" t="s">
        <v>9226</v>
      </c>
      <c r="B51717" s="1" t="s">
        <v>172484</v>
      </c>
      <c r="C51717" s="1" t="s">
        <v>30</v>
      </c>
      <c r="D51717" s="1" t="s">
        <v>174614</v>
      </c>
      <c r="E51717" s="1" t="s">
        <v>56927</v>
      </c>
      <c r="F51717" s="1" t="s">
        <v>174615</v>
      </c>
      <c r="G51717" s="1" t="s">
        <v>174608</v>
      </c>
      <c r="H51717" s="1" t="s">
        <v>174609</v>
      </c>
      <c r="I51717" s="1" t="s">
        <v>172490</v>
      </c>
      <c r="J51717" s="1" t="s">
        <v>174616</v>
      </c>
    </row>
    <row r="51718" spans="1:10" x14ac:dyDescent="0.35">
      <c r="A51718" s="1" t="s">
        <v>9226</v>
      </c>
      <c r="B51718" s="1" t="s">
        <v>172484</v>
      </c>
      <c r="C51718" s="1" t="s">
        <v>35</v>
      </c>
      <c r="D51718" s="1" t="s">
        <v>115637</v>
      </c>
      <c r="E51718" s="1" t="s">
        <v>21086</v>
      </c>
      <c r="F51718" s="1" t="s">
        <v>174617</v>
      </c>
      <c r="G51718" s="1" t="s">
        <v>174608</v>
      </c>
      <c r="H51718" s="1" t="s">
        <v>174609</v>
      </c>
      <c r="I51718" s="1" t="s">
        <v>172490</v>
      </c>
      <c r="J51718" s="1" t="s">
        <v>174618</v>
      </c>
    </row>
    <row r="51719" spans="1:10" x14ac:dyDescent="0.35">
      <c r="A51719" s="1" t="s">
        <v>9226</v>
      </c>
      <c r="B51719" s="1" t="s">
        <v>172484</v>
      </c>
      <c r="C51719" s="1" t="s">
        <v>40</v>
      </c>
      <c r="D51719" s="1" t="s">
        <v>156040</v>
      </c>
      <c r="E51719" s="1" t="s">
        <v>52511</v>
      </c>
      <c r="F51719" s="1" t="s">
        <v>60206</v>
      </c>
      <c r="G51719" s="1" t="s">
        <v>174608</v>
      </c>
      <c r="H51719" s="1" t="s">
        <v>174609</v>
      </c>
      <c r="I51719" s="1" t="s">
        <v>172490</v>
      </c>
      <c r="J51719" s="1" t="s">
        <v>174619</v>
      </c>
    </row>
    <row r="51720" spans="1:10" x14ac:dyDescent="0.35">
      <c r="A51720" s="1" t="s">
        <v>9226</v>
      </c>
      <c r="B51720" s="1" t="s">
        <v>172484</v>
      </c>
      <c r="C51720" s="1" t="s">
        <v>45</v>
      </c>
      <c r="D51720" s="1" t="s">
        <v>15791</v>
      </c>
      <c r="E51720" s="1" t="s">
        <v>23172</v>
      </c>
      <c r="F51720" s="1" t="s">
        <v>174620</v>
      </c>
      <c r="G51720" s="1" t="s">
        <v>174608</v>
      </c>
      <c r="H51720" s="1" t="s">
        <v>174609</v>
      </c>
      <c r="I51720" s="1" t="s">
        <v>172490</v>
      </c>
      <c r="J51720" s="1" t="s">
        <v>174621</v>
      </c>
    </row>
    <row r="51721" spans="1:10" x14ac:dyDescent="0.35">
      <c r="A51721" s="1" t="s">
        <v>9226</v>
      </c>
      <c r="B51721" s="1" t="s">
        <v>172484</v>
      </c>
      <c r="C51721" s="1" t="s">
        <v>50</v>
      </c>
      <c r="D51721" s="1" t="s">
        <v>174622</v>
      </c>
      <c r="E51721" s="1" t="s">
        <v>23010</v>
      </c>
      <c r="F51721" s="1" t="s">
        <v>174623</v>
      </c>
      <c r="G51721" s="1" t="s">
        <v>174608</v>
      </c>
      <c r="H51721" s="1" t="s">
        <v>174609</v>
      </c>
      <c r="I51721" s="1" t="s">
        <v>172490</v>
      </c>
      <c r="J51721" s="1" t="s">
        <v>174624</v>
      </c>
    </row>
    <row r="51722" spans="1:10" x14ac:dyDescent="0.35">
      <c r="A51722" s="1" t="s">
        <v>9226</v>
      </c>
      <c r="B51722" s="1" t="s">
        <v>172484</v>
      </c>
      <c r="C51722" s="1" t="s">
        <v>55</v>
      </c>
      <c r="D51722" s="1" t="s">
        <v>35354</v>
      </c>
      <c r="E51722" s="1" t="s">
        <v>21772</v>
      </c>
      <c r="F51722" s="1" t="s">
        <v>174625</v>
      </c>
      <c r="G51722" s="1" t="s">
        <v>174608</v>
      </c>
      <c r="H51722" s="1" t="s">
        <v>174609</v>
      </c>
      <c r="I51722" s="1" t="s">
        <v>172490</v>
      </c>
      <c r="J51722" s="1" t="s">
        <v>174626</v>
      </c>
    </row>
    <row r="51723" spans="1:10" x14ac:dyDescent="0.35">
      <c r="A51723" s="1" t="s">
        <v>9226</v>
      </c>
      <c r="B51723" s="1" t="s">
        <v>172484</v>
      </c>
      <c r="C51723" s="1" t="s">
        <v>60</v>
      </c>
      <c r="D51723" s="1" t="s">
        <v>3687</v>
      </c>
      <c r="E51723" s="1" t="s">
        <v>24246</v>
      </c>
      <c r="F51723" s="1" t="s">
        <v>61808</v>
      </c>
      <c r="G51723" s="1" t="s">
        <v>174608</v>
      </c>
      <c r="H51723" s="1" t="s">
        <v>174609</v>
      </c>
      <c r="I51723" s="1" t="s">
        <v>172490</v>
      </c>
      <c r="J51723" s="1" t="s">
        <v>174627</v>
      </c>
    </row>
    <row r="51724" spans="1:10" x14ac:dyDescent="0.35">
      <c r="A51724" s="1" t="s">
        <v>9226</v>
      </c>
      <c r="B51724" s="1" t="s">
        <v>172484</v>
      </c>
      <c r="C51724" s="1" t="s">
        <v>65</v>
      </c>
      <c r="D51724" s="1" t="s">
        <v>49993</v>
      </c>
      <c r="E51724" s="1" t="s">
        <v>55913</v>
      </c>
      <c r="F51724" s="1" t="s">
        <v>82951</v>
      </c>
      <c r="G51724" s="1" t="s">
        <v>174608</v>
      </c>
      <c r="H51724" s="1" t="s">
        <v>174609</v>
      </c>
      <c r="I51724" s="1" t="s">
        <v>172490</v>
      </c>
      <c r="J51724" s="1" t="s">
        <v>142538</v>
      </c>
    </row>
    <row r="51725" spans="1:10" x14ac:dyDescent="0.35">
      <c r="A51725" s="1" t="s">
        <v>9226</v>
      </c>
      <c r="B51725" s="1" t="s">
        <v>172484</v>
      </c>
      <c r="C51725" s="1" t="s">
        <v>70</v>
      </c>
      <c r="D51725" s="1" t="s">
        <v>174628</v>
      </c>
      <c r="E51725" s="1" t="s">
        <v>57305</v>
      </c>
      <c r="F51725" s="1" t="s">
        <v>64843</v>
      </c>
      <c r="G51725" s="1" t="s">
        <v>174608</v>
      </c>
      <c r="H51725" s="1" t="s">
        <v>174609</v>
      </c>
      <c r="I51725" s="1" t="s">
        <v>172490</v>
      </c>
      <c r="J51725" s="1" t="s">
        <v>174629</v>
      </c>
    </row>
    <row r="51726" spans="1:10" x14ac:dyDescent="0.35">
      <c r="A51726" s="1" t="s">
        <v>9226</v>
      </c>
      <c r="B51726" s="1" t="s">
        <v>172484</v>
      </c>
      <c r="C51726" s="1" t="s">
        <v>75</v>
      </c>
      <c r="D51726" s="1" t="s">
        <v>174630</v>
      </c>
      <c r="E51726" s="1" t="s">
        <v>60724</v>
      </c>
      <c r="F51726" s="1" t="s">
        <v>174631</v>
      </c>
      <c r="G51726" s="1" t="s">
        <v>174608</v>
      </c>
      <c r="H51726" s="1" t="s">
        <v>174609</v>
      </c>
      <c r="I51726" s="1" t="s">
        <v>172490</v>
      </c>
      <c r="J51726" s="1" t="s">
        <v>174632</v>
      </c>
    </row>
    <row r="51727" spans="1:10" x14ac:dyDescent="0.35">
      <c r="A51727" s="1" t="s">
        <v>9226</v>
      </c>
      <c r="B51727" s="1" t="s">
        <v>172484</v>
      </c>
      <c r="C51727" s="1" t="s">
        <v>80</v>
      </c>
      <c r="D51727" s="1" t="s">
        <v>30273</v>
      </c>
      <c r="E51727" s="1" t="s">
        <v>31378</v>
      </c>
      <c r="F51727" s="1" t="s">
        <v>174633</v>
      </c>
      <c r="G51727" s="1" t="s">
        <v>174608</v>
      </c>
      <c r="H51727" s="1" t="s">
        <v>174609</v>
      </c>
      <c r="I51727" s="1" t="s">
        <v>172490</v>
      </c>
      <c r="J51727" s="1" t="s">
        <v>174634</v>
      </c>
    </row>
    <row r="51728" spans="1:10" x14ac:dyDescent="0.35">
      <c r="A51728" s="1" t="s">
        <v>9226</v>
      </c>
      <c r="B51728" s="1" t="s">
        <v>172484</v>
      </c>
      <c r="C51728" s="1" t="s">
        <v>85</v>
      </c>
      <c r="D51728" s="1" t="s">
        <v>174635</v>
      </c>
      <c r="E51728" s="1" t="s">
        <v>21113</v>
      </c>
      <c r="F51728" s="1" t="s">
        <v>174636</v>
      </c>
      <c r="G51728" s="1" t="s">
        <v>174608</v>
      </c>
      <c r="H51728" s="1" t="s">
        <v>174609</v>
      </c>
      <c r="I51728" s="1" t="s">
        <v>172490</v>
      </c>
      <c r="J51728" s="1" t="s">
        <v>174637</v>
      </c>
    </row>
    <row r="51729" spans="1:10" x14ac:dyDescent="0.35">
      <c r="A51729" s="1" t="s">
        <v>9226</v>
      </c>
      <c r="B51729" s="1" t="s">
        <v>172484</v>
      </c>
      <c r="C51729" s="1" t="s">
        <v>90</v>
      </c>
      <c r="D51729" s="1" t="s">
        <v>174638</v>
      </c>
      <c r="E51729" s="1" t="s">
        <v>60199</v>
      </c>
      <c r="F51729" s="1" t="s">
        <v>174639</v>
      </c>
      <c r="G51729" s="1" t="s">
        <v>174608</v>
      </c>
      <c r="H51729" s="1" t="s">
        <v>174609</v>
      </c>
      <c r="I51729" s="1" t="s">
        <v>172490</v>
      </c>
      <c r="J51729" s="1" t="s">
        <v>174640</v>
      </c>
    </row>
    <row r="51730" spans="1:10" x14ac:dyDescent="0.35">
      <c r="A51730" s="1" t="s">
        <v>9226</v>
      </c>
      <c r="B51730" s="1" t="s">
        <v>172484</v>
      </c>
      <c r="C51730" s="1" t="s">
        <v>95</v>
      </c>
      <c r="D51730" s="1" t="s">
        <v>34403</v>
      </c>
      <c r="E51730" s="1" t="s">
        <v>15217</v>
      </c>
      <c r="F51730" s="1" t="s">
        <v>174641</v>
      </c>
      <c r="G51730" s="1" t="s">
        <v>174608</v>
      </c>
      <c r="H51730" s="1" t="s">
        <v>174609</v>
      </c>
      <c r="I51730" s="1" t="s">
        <v>172490</v>
      </c>
      <c r="J51730" s="1" t="s">
        <v>174642</v>
      </c>
    </row>
    <row r="51731" spans="1:10" x14ac:dyDescent="0.35">
      <c r="A51731" s="1" t="s">
        <v>9226</v>
      </c>
      <c r="B51731" s="1" t="s">
        <v>172484</v>
      </c>
      <c r="C51731" s="1" t="s">
        <v>100</v>
      </c>
      <c r="D51731" s="1" t="s">
        <v>174643</v>
      </c>
      <c r="E51731" s="1" t="s">
        <v>58370</v>
      </c>
      <c r="F51731" s="1" t="s">
        <v>174644</v>
      </c>
      <c r="G51731" s="1" t="s">
        <v>174608</v>
      </c>
      <c r="H51731" s="1" t="s">
        <v>174609</v>
      </c>
      <c r="I51731" s="1" t="s">
        <v>172490</v>
      </c>
      <c r="J51731" s="1" t="s">
        <v>174645</v>
      </c>
    </row>
    <row r="51732" spans="1:10" x14ac:dyDescent="0.35">
      <c r="A51732" s="1" t="s">
        <v>9226</v>
      </c>
      <c r="B51732" s="1" t="s">
        <v>172484</v>
      </c>
      <c r="C51732" s="1" t="s">
        <v>105</v>
      </c>
      <c r="D51732" s="1" t="s">
        <v>174646</v>
      </c>
      <c r="E51732" s="1" t="s">
        <v>41192</v>
      </c>
      <c r="F51732" s="1" t="s">
        <v>63674</v>
      </c>
      <c r="G51732" s="1" t="s">
        <v>174608</v>
      </c>
      <c r="H51732" s="1" t="s">
        <v>174609</v>
      </c>
      <c r="I51732" s="1" t="s">
        <v>172490</v>
      </c>
      <c r="J51732" s="1" t="s">
        <v>174647</v>
      </c>
    </row>
    <row r="51733" spans="1:10" x14ac:dyDescent="0.35">
      <c r="A51733" s="1" t="s">
        <v>9226</v>
      </c>
      <c r="B51733" s="1" t="s">
        <v>172484</v>
      </c>
      <c r="C51733" s="1" t="s">
        <v>110</v>
      </c>
      <c r="D51733" s="1" t="s">
        <v>33515</v>
      </c>
      <c r="E51733" s="1" t="s">
        <v>58164</v>
      </c>
      <c r="F51733" s="1" t="s">
        <v>56648</v>
      </c>
      <c r="G51733" s="1" t="s">
        <v>174608</v>
      </c>
      <c r="H51733" s="1" t="s">
        <v>174609</v>
      </c>
      <c r="I51733" s="1" t="s">
        <v>172490</v>
      </c>
      <c r="J51733" s="1" t="s">
        <v>174648</v>
      </c>
    </row>
    <row r="51734" spans="1:10" x14ac:dyDescent="0.35">
      <c r="A51734" s="1" t="s">
        <v>9226</v>
      </c>
      <c r="B51734" s="1" t="s">
        <v>172484</v>
      </c>
      <c r="C51734" s="1" t="s">
        <v>115</v>
      </c>
      <c r="D51734" s="1" t="s">
        <v>174649</v>
      </c>
      <c r="E51734" s="1" t="s">
        <v>21981</v>
      </c>
      <c r="F51734" s="1" t="s">
        <v>132080</v>
      </c>
      <c r="G51734" s="1" t="s">
        <v>174608</v>
      </c>
      <c r="H51734" s="1" t="s">
        <v>174609</v>
      </c>
      <c r="I51734" s="1" t="s">
        <v>172490</v>
      </c>
      <c r="J51734" s="1" t="s">
        <v>174650</v>
      </c>
    </row>
    <row r="51735" spans="1:10" x14ac:dyDescent="0.35">
      <c r="A51735" s="1" t="s">
        <v>9226</v>
      </c>
      <c r="B51735" s="1" t="s">
        <v>172484</v>
      </c>
      <c r="C51735" s="1" t="s">
        <v>120</v>
      </c>
      <c r="D51735" s="1" t="s">
        <v>53058</v>
      </c>
      <c r="E51735" s="1" t="s">
        <v>21764</v>
      </c>
      <c r="F51735" s="1" t="s">
        <v>59527</v>
      </c>
      <c r="G51735" s="1" t="s">
        <v>174608</v>
      </c>
      <c r="H51735" s="1" t="s">
        <v>174609</v>
      </c>
      <c r="I51735" s="1" t="s">
        <v>172490</v>
      </c>
      <c r="J51735" s="1" t="s">
        <v>174651</v>
      </c>
    </row>
    <row r="51736" spans="1:10" x14ac:dyDescent="0.35">
      <c r="A51736" s="1" t="s">
        <v>9226</v>
      </c>
      <c r="B51736" s="1" t="s">
        <v>172484</v>
      </c>
      <c r="C51736" s="1" t="s">
        <v>125</v>
      </c>
      <c r="D51736" s="1" t="s">
        <v>114901</v>
      </c>
      <c r="E51736" s="1" t="s">
        <v>53808</v>
      </c>
      <c r="F51736" s="1" t="s">
        <v>174652</v>
      </c>
      <c r="G51736" s="1" t="s">
        <v>174608</v>
      </c>
      <c r="H51736" s="1" t="s">
        <v>174609</v>
      </c>
      <c r="I51736" s="1" t="s">
        <v>172490</v>
      </c>
      <c r="J51736" s="1" t="s">
        <v>174653</v>
      </c>
    </row>
    <row r="51737" spans="1:10" x14ac:dyDescent="0.35">
      <c r="A51737" s="1" t="s">
        <v>9226</v>
      </c>
      <c r="B51737" s="1" t="s">
        <v>172484</v>
      </c>
      <c r="C51737" s="1" t="s">
        <v>130</v>
      </c>
      <c r="D51737" s="1" t="s">
        <v>169141</v>
      </c>
      <c r="E51737" s="1" t="s">
        <v>54650</v>
      </c>
      <c r="F51737" s="1" t="s">
        <v>55252</v>
      </c>
      <c r="G51737" s="1" t="s">
        <v>174608</v>
      </c>
      <c r="H51737" s="1" t="s">
        <v>174609</v>
      </c>
      <c r="I51737" s="1" t="s">
        <v>172490</v>
      </c>
      <c r="J51737" s="1" t="s">
        <v>174654</v>
      </c>
    </row>
    <row r="51738" spans="1:10" x14ac:dyDescent="0.35">
      <c r="A51738" s="1" t="s">
        <v>9226</v>
      </c>
      <c r="B51738" s="1" t="s">
        <v>172484</v>
      </c>
      <c r="C51738" s="1" t="s">
        <v>135</v>
      </c>
      <c r="D51738" s="1" t="s">
        <v>108961</v>
      </c>
      <c r="E51738" s="1" t="s">
        <v>56032</v>
      </c>
      <c r="F51738" s="1" t="s">
        <v>174655</v>
      </c>
      <c r="G51738" s="1" t="s">
        <v>174608</v>
      </c>
      <c r="H51738" s="1" t="s">
        <v>174609</v>
      </c>
      <c r="I51738" s="1" t="s">
        <v>172490</v>
      </c>
      <c r="J51738" s="1" t="s">
        <v>174656</v>
      </c>
    </row>
    <row r="51739" spans="1:10" x14ac:dyDescent="0.35">
      <c r="A51739" s="1" t="s">
        <v>9226</v>
      </c>
      <c r="B51739" s="1" t="s">
        <v>172484</v>
      </c>
      <c r="C51739" s="1" t="s">
        <v>140</v>
      </c>
      <c r="D51739" s="1" t="s">
        <v>107478</v>
      </c>
      <c r="E51739" s="1" t="s">
        <v>41262</v>
      </c>
      <c r="F51739" s="1" t="s">
        <v>94877</v>
      </c>
      <c r="G51739" s="1" t="s">
        <v>174608</v>
      </c>
      <c r="H51739" s="1" t="s">
        <v>174609</v>
      </c>
      <c r="I51739" s="1" t="s">
        <v>172490</v>
      </c>
      <c r="J51739" s="1" t="s">
        <v>174657</v>
      </c>
    </row>
    <row r="51740" spans="1:10" x14ac:dyDescent="0.35">
      <c r="A51740" s="1" t="s">
        <v>9226</v>
      </c>
      <c r="B51740" s="1" t="s">
        <v>172484</v>
      </c>
      <c r="C51740" s="1" t="s">
        <v>145</v>
      </c>
      <c r="D51740" s="1" t="s">
        <v>113160</v>
      </c>
      <c r="E51740" s="1" t="s">
        <v>60240</v>
      </c>
      <c r="F51740" s="1" t="s">
        <v>59106</v>
      </c>
      <c r="G51740" s="1" t="s">
        <v>174608</v>
      </c>
      <c r="H51740" s="1" t="s">
        <v>174609</v>
      </c>
      <c r="I51740" s="1" t="s">
        <v>172490</v>
      </c>
      <c r="J51740" s="1" t="s">
        <v>174658</v>
      </c>
    </row>
    <row r="51741" spans="1:10" x14ac:dyDescent="0.35">
      <c r="A51741" s="1" t="s">
        <v>9226</v>
      </c>
      <c r="B51741" s="1" t="s">
        <v>172484</v>
      </c>
      <c r="C51741" s="1" t="s">
        <v>150</v>
      </c>
      <c r="D51741" s="1" t="s">
        <v>174659</v>
      </c>
      <c r="E51741" s="1" t="s">
        <v>32065</v>
      </c>
      <c r="F51741" s="1" t="s">
        <v>97287</v>
      </c>
      <c r="G51741" s="1" t="s">
        <v>174608</v>
      </c>
      <c r="H51741" s="1" t="s">
        <v>174609</v>
      </c>
      <c r="I51741" s="1" t="s">
        <v>172490</v>
      </c>
      <c r="J51741" s="1" t="s">
        <v>174660</v>
      </c>
    </row>
    <row r="51742" spans="1:10" x14ac:dyDescent="0.35">
      <c r="A51742" s="1" t="s">
        <v>9226</v>
      </c>
      <c r="B51742" s="1" t="s">
        <v>172484</v>
      </c>
      <c r="C51742" s="1" t="s">
        <v>155</v>
      </c>
      <c r="D51742" s="1" t="s">
        <v>174661</v>
      </c>
      <c r="E51742" s="1" t="s">
        <v>23210</v>
      </c>
      <c r="F51742" s="1" t="s">
        <v>115005</v>
      </c>
      <c r="G51742" s="1" t="s">
        <v>174608</v>
      </c>
      <c r="H51742" s="1" t="s">
        <v>174609</v>
      </c>
      <c r="I51742" s="1" t="s">
        <v>172490</v>
      </c>
      <c r="J51742" s="1" t="s">
        <v>174662</v>
      </c>
    </row>
    <row r="51743" spans="1:10" x14ac:dyDescent="0.35">
      <c r="A51743" s="1" t="s">
        <v>9226</v>
      </c>
      <c r="B51743" s="1" t="s">
        <v>172484</v>
      </c>
      <c r="C51743" s="1" t="s">
        <v>160</v>
      </c>
      <c r="D51743" s="1" t="s">
        <v>174663</v>
      </c>
      <c r="E51743" s="1" t="s">
        <v>53965</v>
      </c>
      <c r="F51743" s="1" t="s">
        <v>174664</v>
      </c>
      <c r="G51743" s="1" t="s">
        <v>174608</v>
      </c>
      <c r="H51743" s="1" t="s">
        <v>174609</v>
      </c>
      <c r="I51743" s="1" t="s">
        <v>172490</v>
      </c>
      <c r="J51743" s="1" t="s">
        <v>174665</v>
      </c>
    </row>
    <row r="51744" spans="1:10" x14ac:dyDescent="0.35">
      <c r="A51744" s="1" t="s">
        <v>9226</v>
      </c>
      <c r="B51744" s="1" t="s">
        <v>172484</v>
      </c>
      <c r="C51744" s="1" t="s">
        <v>165</v>
      </c>
      <c r="D51744" s="1" t="s">
        <v>68577</v>
      </c>
      <c r="E51744" s="1" t="s">
        <v>21190</v>
      </c>
      <c r="F51744" s="1" t="s">
        <v>174666</v>
      </c>
      <c r="G51744" s="1" t="s">
        <v>174608</v>
      </c>
      <c r="H51744" s="1" t="s">
        <v>174609</v>
      </c>
      <c r="I51744" s="1" t="s">
        <v>172490</v>
      </c>
      <c r="J51744" s="1" t="s">
        <v>174667</v>
      </c>
    </row>
    <row r="51745" spans="1:10" x14ac:dyDescent="0.35">
      <c r="A51745" s="1" t="s">
        <v>9226</v>
      </c>
      <c r="B51745" s="1" t="s">
        <v>172484</v>
      </c>
      <c r="C51745" s="1" t="s">
        <v>170</v>
      </c>
      <c r="D51745" s="1" t="s">
        <v>174668</v>
      </c>
      <c r="E51745" s="1" t="s">
        <v>26614</v>
      </c>
      <c r="F51745" s="1" t="s">
        <v>60737</v>
      </c>
      <c r="G51745" s="1" t="s">
        <v>174608</v>
      </c>
      <c r="H51745" s="1" t="s">
        <v>174609</v>
      </c>
      <c r="I51745" s="1" t="s">
        <v>172490</v>
      </c>
      <c r="J51745" s="1" t="s">
        <v>174669</v>
      </c>
    </row>
    <row r="51746" spans="1:10" x14ac:dyDescent="0.35">
      <c r="A51746" s="1" t="s">
        <v>121994</v>
      </c>
      <c r="B51746" s="1" t="s">
        <v>172484</v>
      </c>
      <c r="C51746" s="1" t="s">
        <v>8</v>
      </c>
      <c r="D51746" s="1" t="s">
        <v>174670</v>
      </c>
      <c r="E51746" s="1" t="s">
        <v>174671</v>
      </c>
      <c r="F51746" s="1" t="s">
        <v>174672</v>
      </c>
      <c r="G51746" s="1" t="s">
        <v>174673</v>
      </c>
      <c r="H51746" s="1" t="s">
        <v>174674</v>
      </c>
      <c r="I51746" s="1" t="s">
        <v>172490</v>
      </c>
      <c r="J51746" s="1" t="s">
        <v>13</v>
      </c>
    </row>
    <row r="51747" spans="1:10" x14ac:dyDescent="0.35">
      <c r="A51747" s="1" t="s">
        <v>121994</v>
      </c>
      <c r="B51747" s="1" t="s">
        <v>172484</v>
      </c>
      <c r="C51747" s="1" t="s">
        <v>15</v>
      </c>
      <c r="D51747" s="1" t="s">
        <v>174675</v>
      </c>
      <c r="E51747" s="1" t="s">
        <v>174676</v>
      </c>
      <c r="F51747" s="1" t="s">
        <v>174677</v>
      </c>
      <c r="G51747" s="1" t="s">
        <v>174673</v>
      </c>
      <c r="H51747" s="1" t="s">
        <v>174674</v>
      </c>
      <c r="I51747" s="1" t="s">
        <v>172490</v>
      </c>
      <c r="J51747" s="1" t="s">
        <v>174678</v>
      </c>
    </row>
    <row r="51748" spans="1:10" x14ac:dyDescent="0.35">
      <c r="A51748" s="1" t="s">
        <v>121994</v>
      </c>
      <c r="B51748" s="1" t="s">
        <v>172484</v>
      </c>
      <c r="C51748" s="1" t="s">
        <v>20</v>
      </c>
      <c r="D51748" s="1" t="s">
        <v>174679</v>
      </c>
      <c r="E51748" s="1" t="s">
        <v>174680</v>
      </c>
      <c r="F51748" s="1" t="s">
        <v>174681</v>
      </c>
      <c r="G51748" s="1" t="s">
        <v>174673</v>
      </c>
      <c r="H51748" s="1" t="s">
        <v>174674</v>
      </c>
      <c r="I51748" s="1" t="s">
        <v>172490</v>
      </c>
      <c r="J51748" s="1" t="s">
        <v>174682</v>
      </c>
    </row>
    <row r="51749" spans="1:10" x14ac:dyDescent="0.35">
      <c r="A51749" s="1" t="s">
        <v>121994</v>
      </c>
      <c r="B51749" s="1" t="s">
        <v>172484</v>
      </c>
      <c r="C51749" s="1" t="s">
        <v>25</v>
      </c>
      <c r="D51749" s="1" t="s">
        <v>155570</v>
      </c>
      <c r="E51749" s="1" t="s">
        <v>174683</v>
      </c>
      <c r="F51749" s="1" t="s">
        <v>174684</v>
      </c>
      <c r="G51749" s="1" t="s">
        <v>174673</v>
      </c>
      <c r="H51749" s="1" t="s">
        <v>174674</v>
      </c>
      <c r="I51749" s="1" t="s">
        <v>172490</v>
      </c>
      <c r="J51749" s="1" t="s">
        <v>174685</v>
      </c>
    </row>
    <row r="51750" spans="1:10" x14ac:dyDescent="0.35">
      <c r="A51750" s="1" t="s">
        <v>121994</v>
      </c>
      <c r="B51750" s="1" t="s">
        <v>172484</v>
      </c>
      <c r="C51750" s="1" t="s">
        <v>30</v>
      </c>
      <c r="D51750" s="1" t="s">
        <v>15910</v>
      </c>
      <c r="E51750" s="1" t="s">
        <v>174686</v>
      </c>
      <c r="F51750" s="1" t="s">
        <v>174687</v>
      </c>
      <c r="G51750" s="1" t="s">
        <v>174673</v>
      </c>
      <c r="H51750" s="1" t="s">
        <v>174674</v>
      </c>
      <c r="I51750" s="1" t="s">
        <v>172490</v>
      </c>
      <c r="J51750" s="1" t="s">
        <v>174688</v>
      </c>
    </row>
    <row r="51751" spans="1:10" x14ac:dyDescent="0.35">
      <c r="A51751" s="1" t="s">
        <v>121994</v>
      </c>
      <c r="B51751" s="1" t="s">
        <v>172484</v>
      </c>
      <c r="C51751" s="1" t="s">
        <v>35</v>
      </c>
      <c r="D51751" s="1" t="s">
        <v>30217</v>
      </c>
      <c r="E51751" s="1" t="s">
        <v>174689</v>
      </c>
      <c r="F51751" s="1" t="s">
        <v>174690</v>
      </c>
      <c r="G51751" s="1" t="s">
        <v>174673</v>
      </c>
      <c r="H51751" s="1" t="s">
        <v>174674</v>
      </c>
      <c r="I51751" s="1" t="s">
        <v>172490</v>
      </c>
      <c r="J51751" s="1" t="s">
        <v>174691</v>
      </c>
    </row>
    <row r="51752" spans="1:10" x14ac:dyDescent="0.35">
      <c r="A51752" s="1" t="s">
        <v>121994</v>
      </c>
      <c r="B51752" s="1" t="s">
        <v>172484</v>
      </c>
      <c r="C51752" s="1" t="s">
        <v>40</v>
      </c>
      <c r="D51752" s="1" t="s">
        <v>71649</v>
      </c>
      <c r="E51752" s="1" t="s">
        <v>174692</v>
      </c>
      <c r="F51752" s="1" t="s">
        <v>174693</v>
      </c>
      <c r="G51752" s="1" t="s">
        <v>174673</v>
      </c>
      <c r="H51752" s="1" t="s">
        <v>174674</v>
      </c>
      <c r="I51752" s="1" t="s">
        <v>172490</v>
      </c>
      <c r="J51752" s="1" t="s">
        <v>174694</v>
      </c>
    </row>
    <row r="51753" spans="1:10" x14ac:dyDescent="0.35">
      <c r="A51753" s="1" t="s">
        <v>121994</v>
      </c>
      <c r="B51753" s="1" t="s">
        <v>172484</v>
      </c>
      <c r="C51753" s="1" t="s">
        <v>45</v>
      </c>
      <c r="D51753" s="1" t="s">
        <v>174695</v>
      </c>
      <c r="E51753" s="1" t="s">
        <v>174696</v>
      </c>
      <c r="F51753" s="1" t="s">
        <v>174697</v>
      </c>
      <c r="G51753" s="1" t="s">
        <v>174673</v>
      </c>
      <c r="H51753" s="1" t="s">
        <v>174674</v>
      </c>
      <c r="I51753" s="1" t="s">
        <v>172490</v>
      </c>
      <c r="J51753" s="1" t="s">
        <v>174698</v>
      </c>
    </row>
    <row r="51754" spans="1:10" x14ac:dyDescent="0.35">
      <c r="A51754" s="1" t="s">
        <v>121994</v>
      </c>
      <c r="B51754" s="1" t="s">
        <v>172484</v>
      </c>
      <c r="C51754" s="1" t="s">
        <v>50</v>
      </c>
      <c r="D51754" s="1" t="s">
        <v>174699</v>
      </c>
      <c r="E51754" s="1" t="s">
        <v>174700</v>
      </c>
      <c r="F51754" s="1" t="s">
        <v>174701</v>
      </c>
      <c r="G51754" s="1" t="s">
        <v>174673</v>
      </c>
      <c r="H51754" s="1" t="s">
        <v>174674</v>
      </c>
      <c r="I51754" s="1" t="s">
        <v>172490</v>
      </c>
      <c r="J51754" s="1" t="s">
        <v>174702</v>
      </c>
    </row>
    <row r="51755" spans="1:10" x14ac:dyDescent="0.35">
      <c r="A51755" s="1" t="s">
        <v>121994</v>
      </c>
      <c r="B51755" s="1" t="s">
        <v>172484</v>
      </c>
      <c r="C51755" s="1" t="s">
        <v>55</v>
      </c>
      <c r="D51755" s="1" t="s">
        <v>174703</v>
      </c>
      <c r="E51755" s="1" t="s">
        <v>174704</v>
      </c>
      <c r="F51755" s="1" t="s">
        <v>174705</v>
      </c>
      <c r="G51755" s="1" t="s">
        <v>174673</v>
      </c>
      <c r="H51755" s="1" t="s">
        <v>174674</v>
      </c>
      <c r="I51755" s="1" t="s">
        <v>172490</v>
      </c>
      <c r="J51755" s="1" t="s">
        <v>174706</v>
      </c>
    </row>
    <row r="51756" spans="1:10" x14ac:dyDescent="0.35">
      <c r="A51756" s="1" t="s">
        <v>121994</v>
      </c>
      <c r="B51756" s="1" t="s">
        <v>172484</v>
      </c>
      <c r="C51756" s="1" t="s">
        <v>60</v>
      </c>
      <c r="D51756" s="1" t="s">
        <v>114596</v>
      </c>
      <c r="E51756" s="1" t="s">
        <v>174707</v>
      </c>
      <c r="F51756" s="1" t="s">
        <v>174708</v>
      </c>
      <c r="G51756" s="1" t="s">
        <v>174673</v>
      </c>
      <c r="H51756" s="1" t="s">
        <v>174674</v>
      </c>
      <c r="I51756" s="1" t="s">
        <v>172490</v>
      </c>
      <c r="J51756" s="1" t="s">
        <v>174709</v>
      </c>
    </row>
    <row r="51757" spans="1:10" x14ac:dyDescent="0.35">
      <c r="A51757" s="1" t="s">
        <v>121994</v>
      </c>
      <c r="B51757" s="1" t="s">
        <v>172484</v>
      </c>
      <c r="C51757" s="1" t="s">
        <v>65</v>
      </c>
      <c r="D51757" s="1" t="s">
        <v>142120</v>
      </c>
      <c r="E51757" s="1" t="s">
        <v>174710</v>
      </c>
      <c r="F51757" s="1" t="s">
        <v>174711</v>
      </c>
      <c r="G51757" s="1" t="s">
        <v>174673</v>
      </c>
      <c r="H51757" s="1" t="s">
        <v>174674</v>
      </c>
      <c r="I51757" s="1" t="s">
        <v>172490</v>
      </c>
      <c r="J51757" s="1" t="s">
        <v>174712</v>
      </c>
    </row>
    <row r="51758" spans="1:10" x14ac:dyDescent="0.35">
      <c r="A51758" s="1" t="s">
        <v>121994</v>
      </c>
      <c r="B51758" s="1" t="s">
        <v>172484</v>
      </c>
      <c r="C51758" s="1" t="s">
        <v>70</v>
      </c>
      <c r="D51758" s="1" t="s">
        <v>71674</v>
      </c>
      <c r="E51758" s="1" t="s">
        <v>174713</v>
      </c>
      <c r="F51758" s="1" t="s">
        <v>174714</v>
      </c>
      <c r="G51758" s="1" t="s">
        <v>174673</v>
      </c>
      <c r="H51758" s="1" t="s">
        <v>174674</v>
      </c>
      <c r="I51758" s="1" t="s">
        <v>172490</v>
      </c>
      <c r="J51758" s="1" t="s">
        <v>174715</v>
      </c>
    </row>
    <row r="51759" spans="1:10" x14ac:dyDescent="0.35">
      <c r="A51759" s="1" t="s">
        <v>121994</v>
      </c>
      <c r="B51759" s="1" t="s">
        <v>172484</v>
      </c>
      <c r="C51759" s="1" t="s">
        <v>75</v>
      </c>
      <c r="D51759" s="1" t="s">
        <v>174716</v>
      </c>
      <c r="E51759" s="1" t="s">
        <v>174717</v>
      </c>
      <c r="F51759" s="1" t="s">
        <v>174718</v>
      </c>
      <c r="G51759" s="1" t="s">
        <v>174673</v>
      </c>
      <c r="H51759" s="1" t="s">
        <v>174674</v>
      </c>
      <c r="I51759" s="1" t="s">
        <v>172490</v>
      </c>
      <c r="J51759" s="1" t="s">
        <v>174719</v>
      </c>
    </row>
    <row r="51760" spans="1:10" x14ac:dyDescent="0.35">
      <c r="A51760" s="1" t="s">
        <v>121994</v>
      </c>
      <c r="B51760" s="1" t="s">
        <v>172484</v>
      </c>
      <c r="C51760" s="1" t="s">
        <v>80</v>
      </c>
      <c r="D51760" s="1" t="s">
        <v>174720</v>
      </c>
      <c r="E51760" s="1" t="s">
        <v>174721</v>
      </c>
      <c r="F51760" s="1" t="s">
        <v>174722</v>
      </c>
      <c r="G51760" s="1" t="s">
        <v>174673</v>
      </c>
      <c r="H51760" s="1" t="s">
        <v>174674</v>
      </c>
      <c r="I51760" s="1" t="s">
        <v>172490</v>
      </c>
      <c r="J51760" s="1" t="s">
        <v>174723</v>
      </c>
    </row>
    <row r="51761" spans="1:10" x14ac:dyDescent="0.35">
      <c r="A51761" s="1" t="s">
        <v>121994</v>
      </c>
      <c r="B51761" s="1" t="s">
        <v>172484</v>
      </c>
      <c r="C51761" s="1" t="s">
        <v>85</v>
      </c>
      <c r="D51761" s="1" t="s">
        <v>3032</v>
      </c>
      <c r="E51761" s="1" t="s">
        <v>174724</v>
      </c>
      <c r="F51761" s="1" t="s">
        <v>174725</v>
      </c>
      <c r="G51761" s="1" t="s">
        <v>174673</v>
      </c>
      <c r="H51761" s="1" t="s">
        <v>174674</v>
      </c>
      <c r="I51761" s="1" t="s">
        <v>172490</v>
      </c>
      <c r="J51761" s="1" t="s">
        <v>174726</v>
      </c>
    </row>
    <row r="51762" spans="1:10" x14ac:dyDescent="0.35">
      <c r="A51762" s="1" t="s">
        <v>121994</v>
      </c>
      <c r="B51762" s="1" t="s">
        <v>172484</v>
      </c>
      <c r="C51762" s="1" t="s">
        <v>90</v>
      </c>
      <c r="D51762" s="1" t="s">
        <v>3731</v>
      </c>
      <c r="E51762" s="1" t="s">
        <v>174727</v>
      </c>
      <c r="F51762" s="1" t="s">
        <v>174728</v>
      </c>
      <c r="G51762" s="1" t="s">
        <v>174673</v>
      </c>
      <c r="H51762" s="1" t="s">
        <v>174674</v>
      </c>
      <c r="I51762" s="1" t="s">
        <v>172490</v>
      </c>
      <c r="J51762" s="1" t="s">
        <v>174729</v>
      </c>
    </row>
    <row r="51763" spans="1:10" x14ac:dyDescent="0.35">
      <c r="A51763" s="1" t="s">
        <v>121994</v>
      </c>
      <c r="B51763" s="1" t="s">
        <v>172484</v>
      </c>
      <c r="C51763" s="1" t="s">
        <v>95</v>
      </c>
      <c r="D51763" s="1" t="s">
        <v>174730</v>
      </c>
      <c r="E51763" s="1" t="s">
        <v>174731</v>
      </c>
      <c r="F51763" s="1" t="s">
        <v>174732</v>
      </c>
      <c r="G51763" s="1" t="s">
        <v>174673</v>
      </c>
      <c r="H51763" s="1" t="s">
        <v>174674</v>
      </c>
      <c r="I51763" s="1" t="s">
        <v>172490</v>
      </c>
      <c r="J51763" s="1" t="s">
        <v>174733</v>
      </c>
    </row>
    <row r="51764" spans="1:10" x14ac:dyDescent="0.35">
      <c r="A51764" s="1" t="s">
        <v>121994</v>
      </c>
      <c r="B51764" s="1" t="s">
        <v>172484</v>
      </c>
      <c r="C51764" s="1" t="s">
        <v>100</v>
      </c>
      <c r="D51764" s="1" t="s">
        <v>174734</v>
      </c>
      <c r="E51764" s="1" t="s">
        <v>174735</v>
      </c>
      <c r="F51764" s="1" t="s">
        <v>174736</v>
      </c>
      <c r="G51764" s="1" t="s">
        <v>174673</v>
      </c>
      <c r="H51764" s="1" t="s">
        <v>174674</v>
      </c>
      <c r="I51764" s="1" t="s">
        <v>172490</v>
      </c>
      <c r="J51764" s="1" t="s">
        <v>174737</v>
      </c>
    </row>
    <row r="51765" spans="1:10" x14ac:dyDescent="0.35">
      <c r="A51765" s="1" t="s">
        <v>121994</v>
      </c>
      <c r="B51765" s="1" t="s">
        <v>172484</v>
      </c>
      <c r="C51765" s="1" t="s">
        <v>105</v>
      </c>
      <c r="D51765" s="1" t="s">
        <v>174738</v>
      </c>
      <c r="E51765" s="1" t="s">
        <v>174739</v>
      </c>
      <c r="F51765" s="1" t="s">
        <v>174740</v>
      </c>
      <c r="G51765" s="1" t="s">
        <v>174673</v>
      </c>
      <c r="H51765" s="1" t="s">
        <v>174674</v>
      </c>
      <c r="I51765" s="1" t="s">
        <v>172490</v>
      </c>
      <c r="J51765" s="1" t="s">
        <v>174741</v>
      </c>
    </row>
    <row r="51766" spans="1:10" x14ac:dyDescent="0.35">
      <c r="A51766" s="1" t="s">
        <v>121994</v>
      </c>
      <c r="B51766" s="1" t="s">
        <v>172484</v>
      </c>
      <c r="C51766" s="1" t="s">
        <v>110</v>
      </c>
      <c r="D51766" s="1" t="s">
        <v>174742</v>
      </c>
      <c r="E51766" s="1" t="s">
        <v>174743</v>
      </c>
      <c r="F51766" s="1" t="s">
        <v>174744</v>
      </c>
      <c r="G51766" s="1" t="s">
        <v>174673</v>
      </c>
      <c r="H51766" s="1" t="s">
        <v>174674</v>
      </c>
      <c r="I51766" s="1" t="s">
        <v>172490</v>
      </c>
      <c r="J51766" s="1" t="s">
        <v>174745</v>
      </c>
    </row>
    <row r="51767" spans="1:10" x14ac:dyDescent="0.35">
      <c r="A51767" s="1" t="s">
        <v>121994</v>
      </c>
      <c r="B51767" s="1" t="s">
        <v>172484</v>
      </c>
      <c r="C51767" s="1" t="s">
        <v>115</v>
      </c>
      <c r="D51767" s="1" t="s">
        <v>174746</v>
      </c>
      <c r="E51767" s="1" t="s">
        <v>174747</v>
      </c>
      <c r="F51767" s="1" t="s">
        <v>174748</v>
      </c>
      <c r="G51767" s="1" t="s">
        <v>174673</v>
      </c>
      <c r="H51767" s="1" t="s">
        <v>174674</v>
      </c>
      <c r="I51767" s="1" t="s">
        <v>172490</v>
      </c>
      <c r="J51767" s="1" t="s">
        <v>174749</v>
      </c>
    </row>
    <row r="51768" spans="1:10" x14ac:dyDescent="0.35">
      <c r="A51768" s="1" t="s">
        <v>121994</v>
      </c>
      <c r="B51768" s="1" t="s">
        <v>172484</v>
      </c>
      <c r="C51768" s="1" t="s">
        <v>120</v>
      </c>
      <c r="D51768" s="1" t="s">
        <v>174750</v>
      </c>
      <c r="E51768" s="1" t="s">
        <v>174751</v>
      </c>
      <c r="F51768" s="1" t="s">
        <v>174752</v>
      </c>
      <c r="G51768" s="1" t="s">
        <v>174673</v>
      </c>
      <c r="H51768" s="1" t="s">
        <v>174674</v>
      </c>
      <c r="I51768" s="1" t="s">
        <v>172490</v>
      </c>
      <c r="J51768" s="1" t="s">
        <v>174753</v>
      </c>
    </row>
    <row r="51769" spans="1:10" x14ac:dyDescent="0.35">
      <c r="A51769" s="1" t="s">
        <v>121994</v>
      </c>
      <c r="B51769" s="1" t="s">
        <v>172484</v>
      </c>
      <c r="C51769" s="1" t="s">
        <v>125</v>
      </c>
      <c r="D51769" s="1" t="s">
        <v>43022</v>
      </c>
      <c r="E51769" s="1" t="s">
        <v>174754</v>
      </c>
      <c r="F51769" s="1" t="s">
        <v>174755</v>
      </c>
      <c r="G51769" s="1" t="s">
        <v>174673</v>
      </c>
      <c r="H51769" s="1" t="s">
        <v>174674</v>
      </c>
      <c r="I51769" s="1" t="s">
        <v>172490</v>
      </c>
      <c r="J51769" s="1" t="s">
        <v>174756</v>
      </c>
    </row>
    <row r="51770" spans="1:10" x14ac:dyDescent="0.35">
      <c r="A51770" s="1" t="s">
        <v>121994</v>
      </c>
      <c r="B51770" s="1" t="s">
        <v>172484</v>
      </c>
      <c r="C51770" s="1" t="s">
        <v>130</v>
      </c>
      <c r="D51770" s="1" t="s">
        <v>174757</v>
      </c>
      <c r="E51770" s="1" t="s">
        <v>174758</v>
      </c>
      <c r="F51770" s="1" t="s">
        <v>174759</v>
      </c>
      <c r="G51770" s="1" t="s">
        <v>174673</v>
      </c>
      <c r="H51770" s="1" t="s">
        <v>174674</v>
      </c>
      <c r="I51770" s="1" t="s">
        <v>172490</v>
      </c>
      <c r="J51770" s="1" t="s">
        <v>174760</v>
      </c>
    </row>
    <row r="51771" spans="1:10" x14ac:dyDescent="0.35">
      <c r="A51771" s="1" t="s">
        <v>121994</v>
      </c>
      <c r="B51771" s="1" t="s">
        <v>172484</v>
      </c>
      <c r="C51771" s="1" t="s">
        <v>135</v>
      </c>
      <c r="D51771" s="1" t="s">
        <v>174761</v>
      </c>
      <c r="E51771" s="1" t="s">
        <v>174762</v>
      </c>
      <c r="F51771" s="1" t="s">
        <v>174763</v>
      </c>
      <c r="G51771" s="1" t="s">
        <v>174673</v>
      </c>
      <c r="H51771" s="1" t="s">
        <v>174674</v>
      </c>
      <c r="I51771" s="1" t="s">
        <v>172490</v>
      </c>
      <c r="J51771" s="1" t="s">
        <v>174764</v>
      </c>
    </row>
    <row r="51772" spans="1:10" x14ac:dyDescent="0.35">
      <c r="A51772" s="1" t="s">
        <v>121994</v>
      </c>
      <c r="B51772" s="1" t="s">
        <v>172484</v>
      </c>
      <c r="C51772" s="1" t="s">
        <v>140</v>
      </c>
      <c r="D51772" s="1" t="s">
        <v>155646</v>
      </c>
      <c r="E51772" s="1" t="s">
        <v>174765</v>
      </c>
      <c r="F51772" s="1" t="s">
        <v>174766</v>
      </c>
      <c r="G51772" s="1" t="s">
        <v>174673</v>
      </c>
      <c r="H51772" s="1" t="s">
        <v>174674</v>
      </c>
      <c r="I51772" s="1" t="s">
        <v>172490</v>
      </c>
      <c r="J51772" s="1" t="s">
        <v>174767</v>
      </c>
    </row>
    <row r="51773" spans="1:10" x14ac:dyDescent="0.35">
      <c r="A51773" s="1" t="s">
        <v>121994</v>
      </c>
      <c r="B51773" s="1" t="s">
        <v>172484</v>
      </c>
      <c r="C51773" s="1" t="s">
        <v>145</v>
      </c>
      <c r="D51773" s="1" t="s">
        <v>114098</v>
      </c>
      <c r="E51773" s="1" t="s">
        <v>174768</v>
      </c>
      <c r="F51773" s="1" t="s">
        <v>174769</v>
      </c>
      <c r="G51773" s="1" t="s">
        <v>174673</v>
      </c>
      <c r="H51773" s="1" t="s">
        <v>174674</v>
      </c>
      <c r="I51773" s="1" t="s">
        <v>172490</v>
      </c>
      <c r="J51773" s="1" t="s">
        <v>174770</v>
      </c>
    </row>
    <row r="51774" spans="1:10" x14ac:dyDescent="0.35">
      <c r="A51774" s="1" t="s">
        <v>121994</v>
      </c>
      <c r="B51774" s="1" t="s">
        <v>172484</v>
      </c>
      <c r="C51774" s="1" t="s">
        <v>150</v>
      </c>
      <c r="D51774" s="1" t="s">
        <v>174771</v>
      </c>
      <c r="E51774" s="1" t="s">
        <v>174772</v>
      </c>
      <c r="F51774" s="1" t="s">
        <v>174773</v>
      </c>
      <c r="G51774" s="1" t="s">
        <v>174673</v>
      </c>
      <c r="H51774" s="1" t="s">
        <v>174674</v>
      </c>
      <c r="I51774" s="1" t="s">
        <v>172490</v>
      </c>
      <c r="J51774" s="1" t="s">
        <v>174774</v>
      </c>
    </row>
    <row r="51775" spans="1:10" x14ac:dyDescent="0.35">
      <c r="A51775" s="1" t="s">
        <v>121994</v>
      </c>
      <c r="B51775" s="1" t="s">
        <v>172484</v>
      </c>
      <c r="C51775" s="1" t="s">
        <v>155</v>
      </c>
      <c r="D51775" s="1" t="s">
        <v>109092</v>
      </c>
      <c r="E51775" s="1" t="s">
        <v>174775</v>
      </c>
      <c r="F51775" s="1" t="s">
        <v>174776</v>
      </c>
      <c r="G51775" s="1" t="s">
        <v>174673</v>
      </c>
      <c r="H51775" s="1" t="s">
        <v>174674</v>
      </c>
      <c r="I51775" s="1" t="s">
        <v>172490</v>
      </c>
      <c r="J51775" s="1" t="s">
        <v>174777</v>
      </c>
    </row>
    <row r="51776" spans="1:10" x14ac:dyDescent="0.35">
      <c r="A51776" s="1" t="s">
        <v>121994</v>
      </c>
      <c r="B51776" s="1" t="s">
        <v>172484</v>
      </c>
      <c r="C51776" s="1" t="s">
        <v>160</v>
      </c>
      <c r="D51776" s="1" t="s">
        <v>109084</v>
      </c>
      <c r="E51776" s="1" t="s">
        <v>174778</v>
      </c>
      <c r="F51776" s="1" t="s">
        <v>174779</v>
      </c>
      <c r="G51776" s="1" t="s">
        <v>174673</v>
      </c>
      <c r="H51776" s="1" t="s">
        <v>174674</v>
      </c>
      <c r="I51776" s="1" t="s">
        <v>172490</v>
      </c>
      <c r="J51776" s="1" t="s">
        <v>174780</v>
      </c>
    </row>
    <row r="51777" spans="1:10" x14ac:dyDescent="0.35">
      <c r="A51777" s="1" t="s">
        <v>121994</v>
      </c>
      <c r="B51777" s="1" t="s">
        <v>172484</v>
      </c>
      <c r="C51777" s="1" t="s">
        <v>165</v>
      </c>
      <c r="D51777" s="1" t="s">
        <v>174781</v>
      </c>
      <c r="E51777" s="1" t="s">
        <v>174782</v>
      </c>
      <c r="F51777" s="1" t="s">
        <v>174783</v>
      </c>
      <c r="G51777" s="1" t="s">
        <v>174673</v>
      </c>
      <c r="H51777" s="1" t="s">
        <v>174674</v>
      </c>
      <c r="I51777" s="1" t="s">
        <v>172490</v>
      </c>
      <c r="J51777" s="1" t="s">
        <v>174784</v>
      </c>
    </row>
    <row r="51778" spans="1:10" x14ac:dyDescent="0.35">
      <c r="A51778" s="1" t="s">
        <v>121994</v>
      </c>
      <c r="B51778" s="1" t="s">
        <v>172484</v>
      </c>
      <c r="C51778" s="1" t="s">
        <v>170</v>
      </c>
      <c r="D51778" s="1" t="s">
        <v>85708</v>
      </c>
      <c r="E51778" s="1" t="s">
        <v>174785</v>
      </c>
      <c r="F51778" s="1" t="s">
        <v>174786</v>
      </c>
      <c r="G51778" s="1" t="s">
        <v>174673</v>
      </c>
      <c r="H51778" s="1" t="s">
        <v>174674</v>
      </c>
      <c r="I51778" s="1" t="s">
        <v>172490</v>
      </c>
      <c r="J51778" s="1" t="s">
        <v>174787</v>
      </c>
    </row>
    <row r="51779" spans="1:10" x14ac:dyDescent="0.35">
      <c r="A51779" s="1" t="s">
        <v>145899</v>
      </c>
      <c r="B51779" s="1" t="s">
        <v>172484</v>
      </c>
      <c r="C51779" s="1" t="s">
        <v>8</v>
      </c>
      <c r="D51779" s="1" t="s">
        <v>174788</v>
      </c>
      <c r="E51779" s="1" t="s">
        <v>174789</v>
      </c>
      <c r="F51779" s="1" t="s">
        <v>174790</v>
      </c>
      <c r="G51779" s="1" t="s">
        <v>174791</v>
      </c>
      <c r="H51779" s="1" t="s">
        <v>174792</v>
      </c>
      <c r="I51779" s="1" t="s">
        <v>172490</v>
      </c>
      <c r="J51779" s="1" t="s">
        <v>13</v>
      </c>
    </row>
    <row r="51780" spans="1:10" x14ac:dyDescent="0.35">
      <c r="A51780" s="1" t="s">
        <v>145899</v>
      </c>
      <c r="B51780" s="1" t="s">
        <v>172484</v>
      </c>
      <c r="C51780" s="1" t="s">
        <v>15</v>
      </c>
      <c r="D51780" s="1" t="s">
        <v>174793</v>
      </c>
      <c r="E51780" s="1" t="s">
        <v>174794</v>
      </c>
      <c r="F51780" s="1" t="s">
        <v>174795</v>
      </c>
      <c r="G51780" s="1" t="s">
        <v>174791</v>
      </c>
      <c r="H51780" s="1" t="s">
        <v>174792</v>
      </c>
      <c r="I51780" s="1" t="s">
        <v>172490</v>
      </c>
      <c r="J51780" s="1" t="s">
        <v>174796</v>
      </c>
    </row>
    <row r="51781" spans="1:10" x14ac:dyDescent="0.35">
      <c r="A51781" s="1" t="s">
        <v>145899</v>
      </c>
      <c r="B51781" s="1" t="s">
        <v>172484</v>
      </c>
      <c r="C51781" s="1" t="s">
        <v>20</v>
      </c>
      <c r="D51781" s="1" t="s">
        <v>174797</v>
      </c>
      <c r="E51781" s="1" t="s">
        <v>174798</v>
      </c>
      <c r="F51781" s="1" t="s">
        <v>174799</v>
      </c>
      <c r="G51781" s="1" t="s">
        <v>174791</v>
      </c>
      <c r="H51781" s="1" t="s">
        <v>174792</v>
      </c>
      <c r="I51781" s="1" t="s">
        <v>172490</v>
      </c>
      <c r="J51781" s="1" t="s">
        <v>174800</v>
      </c>
    </row>
    <row r="51782" spans="1:10" x14ac:dyDescent="0.35">
      <c r="A51782" s="1" t="s">
        <v>145899</v>
      </c>
      <c r="B51782" s="1" t="s">
        <v>172484</v>
      </c>
      <c r="C51782" s="1" t="s">
        <v>25</v>
      </c>
      <c r="D51782" s="1" t="s">
        <v>174801</v>
      </c>
      <c r="E51782" s="1" t="s">
        <v>174802</v>
      </c>
      <c r="F51782" s="1" t="s">
        <v>174803</v>
      </c>
      <c r="G51782" s="1" t="s">
        <v>174791</v>
      </c>
      <c r="H51782" s="1" t="s">
        <v>174792</v>
      </c>
      <c r="I51782" s="1" t="s">
        <v>172490</v>
      </c>
      <c r="J51782" s="1" t="s">
        <v>174804</v>
      </c>
    </row>
    <row r="51783" spans="1:10" x14ac:dyDescent="0.35">
      <c r="A51783" s="1" t="s">
        <v>145899</v>
      </c>
      <c r="B51783" s="1" t="s">
        <v>172484</v>
      </c>
      <c r="C51783" s="1" t="s">
        <v>30</v>
      </c>
      <c r="D51783" s="1" t="s">
        <v>174805</v>
      </c>
      <c r="E51783" s="1" t="s">
        <v>174806</v>
      </c>
      <c r="F51783" s="1" t="s">
        <v>174807</v>
      </c>
      <c r="G51783" s="1" t="s">
        <v>174791</v>
      </c>
      <c r="H51783" s="1" t="s">
        <v>174792</v>
      </c>
      <c r="I51783" s="1" t="s">
        <v>172490</v>
      </c>
      <c r="J51783" s="1" t="s">
        <v>174808</v>
      </c>
    </row>
    <row r="51784" spans="1:10" x14ac:dyDescent="0.35">
      <c r="A51784" s="1" t="s">
        <v>145899</v>
      </c>
      <c r="B51784" s="1" t="s">
        <v>172484</v>
      </c>
      <c r="C51784" s="1" t="s">
        <v>35</v>
      </c>
      <c r="D51784" s="1" t="s">
        <v>174643</v>
      </c>
      <c r="E51784" s="1" t="s">
        <v>174809</v>
      </c>
      <c r="F51784" s="1" t="s">
        <v>174810</v>
      </c>
      <c r="G51784" s="1" t="s">
        <v>174791</v>
      </c>
      <c r="H51784" s="1" t="s">
        <v>174792</v>
      </c>
      <c r="I51784" s="1" t="s">
        <v>172490</v>
      </c>
      <c r="J51784" s="1" t="s">
        <v>174811</v>
      </c>
    </row>
    <row r="51785" spans="1:10" x14ac:dyDescent="0.35">
      <c r="A51785" s="1" t="s">
        <v>145899</v>
      </c>
      <c r="B51785" s="1" t="s">
        <v>172484</v>
      </c>
      <c r="C51785" s="1" t="s">
        <v>40</v>
      </c>
      <c r="D51785" s="1" t="s">
        <v>160907</v>
      </c>
      <c r="E51785" s="1" t="s">
        <v>174812</v>
      </c>
      <c r="F51785" s="1" t="s">
        <v>174813</v>
      </c>
      <c r="G51785" s="1" t="s">
        <v>174791</v>
      </c>
      <c r="H51785" s="1" t="s">
        <v>174792</v>
      </c>
      <c r="I51785" s="1" t="s">
        <v>172490</v>
      </c>
      <c r="J51785" s="1" t="s">
        <v>174694</v>
      </c>
    </row>
    <row r="51786" spans="1:10" x14ac:dyDescent="0.35">
      <c r="A51786" s="1" t="s">
        <v>145899</v>
      </c>
      <c r="B51786" s="1" t="s">
        <v>172484</v>
      </c>
      <c r="C51786" s="1" t="s">
        <v>45</v>
      </c>
      <c r="D51786" s="1" t="s">
        <v>18402</v>
      </c>
      <c r="E51786" s="1" t="s">
        <v>174814</v>
      </c>
      <c r="F51786" s="1" t="s">
        <v>174815</v>
      </c>
      <c r="G51786" s="1" t="s">
        <v>174791</v>
      </c>
      <c r="H51786" s="1" t="s">
        <v>174792</v>
      </c>
      <c r="I51786" s="1" t="s">
        <v>172490</v>
      </c>
      <c r="J51786" s="1" t="s">
        <v>174816</v>
      </c>
    </row>
    <row r="51787" spans="1:10" x14ac:dyDescent="0.35">
      <c r="A51787" s="1" t="s">
        <v>145899</v>
      </c>
      <c r="B51787" s="1" t="s">
        <v>172484</v>
      </c>
      <c r="C51787" s="1" t="s">
        <v>50</v>
      </c>
      <c r="D51787" s="1" t="s">
        <v>154762</v>
      </c>
      <c r="E51787" s="1" t="s">
        <v>174817</v>
      </c>
      <c r="F51787" s="1" t="s">
        <v>174818</v>
      </c>
      <c r="G51787" s="1" t="s">
        <v>174791</v>
      </c>
      <c r="H51787" s="1" t="s">
        <v>174792</v>
      </c>
      <c r="I51787" s="1" t="s">
        <v>172490</v>
      </c>
      <c r="J51787" s="1" t="s">
        <v>174819</v>
      </c>
    </row>
    <row r="51788" spans="1:10" x14ac:dyDescent="0.35">
      <c r="A51788" s="1" t="s">
        <v>145899</v>
      </c>
      <c r="B51788" s="1" t="s">
        <v>172484</v>
      </c>
      <c r="C51788" s="1" t="s">
        <v>55</v>
      </c>
      <c r="D51788" s="1" t="s">
        <v>174820</v>
      </c>
      <c r="E51788" s="1" t="s">
        <v>174821</v>
      </c>
      <c r="F51788" s="1" t="s">
        <v>174822</v>
      </c>
      <c r="G51788" s="1" t="s">
        <v>174791</v>
      </c>
      <c r="H51788" s="1" t="s">
        <v>174792</v>
      </c>
      <c r="I51788" s="1" t="s">
        <v>172490</v>
      </c>
      <c r="J51788" s="1" t="s">
        <v>174823</v>
      </c>
    </row>
    <row r="51789" spans="1:10" x14ac:dyDescent="0.35">
      <c r="A51789" s="1" t="s">
        <v>145899</v>
      </c>
      <c r="B51789" s="1" t="s">
        <v>172484</v>
      </c>
      <c r="C51789" s="1" t="s">
        <v>60</v>
      </c>
      <c r="D51789" s="1" t="s">
        <v>174824</v>
      </c>
      <c r="E51789" s="1" t="s">
        <v>174825</v>
      </c>
      <c r="F51789" s="1" t="s">
        <v>174826</v>
      </c>
      <c r="G51789" s="1" t="s">
        <v>174791</v>
      </c>
      <c r="H51789" s="1" t="s">
        <v>174792</v>
      </c>
      <c r="I51789" s="1" t="s">
        <v>172490</v>
      </c>
      <c r="J51789" s="1" t="s">
        <v>174827</v>
      </c>
    </row>
    <row r="51790" spans="1:10" x14ac:dyDescent="0.35">
      <c r="A51790" s="1" t="s">
        <v>145899</v>
      </c>
      <c r="B51790" s="1" t="s">
        <v>172484</v>
      </c>
      <c r="C51790" s="1" t="s">
        <v>65</v>
      </c>
      <c r="D51790" s="1" t="s">
        <v>174828</v>
      </c>
      <c r="E51790" s="1" t="s">
        <v>174829</v>
      </c>
      <c r="F51790" s="1" t="s">
        <v>174830</v>
      </c>
      <c r="G51790" s="1" t="s">
        <v>174791</v>
      </c>
      <c r="H51790" s="1" t="s">
        <v>174792</v>
      </c>
      <c r="I51790" s="1" t="s">
        <v>172490</v>
      </c>
      <c r="J51790" s="1" t="s">
        <v>174831</v>
      </c>
    </row>
    <row r="51791" spans="1:10" x14ac:dyDescent="0.35">
      <c r="A51791" s="1" t="s">
        <v>145899</v>
      </c>
      <c r="B51791" s="1" t="s">
        <v>172484</v>
      </c>
      <c r="C51791" s="1" t="s">
        <v>70</v>
      </c>
      <c r="D51791" s="1" t="s">
        <v>174832</v>
      </c>
      <c r="E51791" s="1" t="s">
        <v>174833</v>
      </c>
      <c r="F51791" s="1" t="s">
        <v>174834</v>
      </c>
      <c r="G51791" s="1" t="s">
        <v>174791</v>
      </c>
      <c r="H51791" s="1" t="s">
        <v>174792</v>
      </c>
      <c r="I51791" s="1" t="s">
        <v>172490</v>
      </c>
      <c r="J51791" s="1" t="s">
        <v>174835</v>
      </c>
    </row>
    <row r="51792" spans="1:10" x14ac:dyDescent="0.35">
      <c r="A51792" s="1" t="s">
        <v>145899</v>
      </c>
      <c r="B51792" s="1" t="s">
        <v>172484</v>
      </c>
      <c r="C51792" s="1" t="s">
        <v>75</v>
      </c>
      <c r="D51792" s="1" t="s">
        <v>174836</v>
      </c>
      <c r="E51792" s="1" t="s">
        <v>174837</v>
      </c>
      <c r="F51792" s="1" t="s">
        <v>174838</v>
      </c>
      <c r="G51792" s="1" t="s">
        <v>174791</v>
      </c>
      <c r="H51792" s="1" t="s">
        <v>174792</v>
      </c>
      <c r="I51792" s="1" t="s">
        <v>172490</v>
      </c>
      <c r="J51792" s="1" t="s">
        <v>174839</v>
      </c>
    </row>
    <row r="51793" spans="1:10" x14ac:dyDescent="0.35">
      <c r="A51793" s="1" t="s">
        <v>145899</v>
      </c>
      <c r="B51793" s="1" t="s">
        <v>172484</v>
      </c>
      <c r="C51793" s="1" t="s">
        <v>80</v>
      </c>
      <c r="D51793" s="1" t="s">
        <v>128125</v>
      </c>
      <c r="E51793" s="1" t="s">
        <v>174840</v>
      </c>
      <c r="F51793" s="1" t="s">
        <v>174841</v>
      </c>
      <c r="G51793" s="1" t="s">
        <v>174791</v>
      </c>
      <c r="H51793" s="1" t="s">
        <v>174792</v>
      </c>
      <c r="I51793" s="1" t="s">
        <v>172490</v>
      </c>
      <c r="J51793" s="1" t="s">
        <v>174842</v>
      </c>
    </row>
    <row r="51794" spans="1:10" x14ac:dyDescent="0.35">
      <c r="A51794" s="1" t="s">
        <v>145899</v>
      </c>
      <c r="B51794" s="1" t="s">
        <v>172484</v>
      </c>
      <c r="C51794" s="1" t="s">
        <v>85</v>
      </c>
      <c r="D51794" s="1" t="s">
        <v>174843</v>
      </c>
      <c r="E51794" s="1" t="s">
        <v>174844</v>
      </c>
      <c r="F51794" s="1" t="s">
        <v>174845</v>
      </c>
      <c r="G51794" s="1" t="s">
        <v>174791</v>
      </c>
      <c r="H51794" s="1" t="s">
        <v>174792</v>
      </c>
      <c r="I51794" s="1" t="s">
        <v>172490</v>
      </c>
      <c r="J51794" s="1" t="s">
        <v>174846</v>
      </c>
    </row>
    <row r="51795" spans="1:10" x14ac:dyDescent="0.35">
      <c r="A51795" s="1" t="s">
        <v>145899</v>
      </c>
      <c r="B51795" s="1" t="s">
        <v>172484</v>
      </c>
      <c r="C51795" s="1" t="s">
        <v>90</v>
      </c>
      <c r="D51795" s="1" t="s">
        <v>40392</v>
      </c>
      <c r="E51795" s="1" t="s">
        <v>174847</v>
      </c>
      <c r="F51795" s="1" t="s">
        <v>174848</v>
      </c>
      <c r="G51795" s="1" t="s">
        <v>174791</v>
      </c>
      <c r="H51795" s="1" t="s">
        <v>174792</v>
      </c>
      <c r="I51795" s="1" t="s">
        <v>172490</v>
      </c>
      <c r="J51795" s="1" t="s">
        <v>174849</v>
      </c>
    </row>
    <row r="51796" spans="1:10" x14ac:dyDescent="0.35">
      <c r="A51796" s="1" t="s">
        <v>145899</v>
      </c>
      <c r="B51796" s="1" t="s">
        <v>172484</v>
      </c>
      <c r="C51796" s="1" t="s">
        <v>95</v>
      </c>
      <c r="D51796" s="1" t="s">
        <v>81524</v>
      </c>
      <c r="E51796" s="1" t="s">
        <v>174850</v>
      </c>
      <c r="F51796" s="1" t="s">
        <v>174851</v>
      </c>
      <c r="G51796" s="1" t="s">
        <v>174791</v>
      </c>
      <c r="H51796" s="1" t="s">
        <v>174792</v>
      </c>
      <c r="I51796" s="1" t="s">
        <v>172490</v>
      </c>
      <c r="J51796" s="1" t="s">
        <v>174852</v>
      </c>
    </row>
    <row r="51797" spans="1:10" x14ac:dyDescent="0.35">
      <c r="A51797" s="1" t="s">
        <v>145899</v>
      </c>
      <c r="B51797" s="1" t="s">
        <v>172484</v>
      </c>
      <c r="C51797" s="1" t="s">
        <v>100</v>
      </c>
      <c r="D51797" s="1" t="s">
        <v>95555</v>
      </c>
      <c r="E51797" s="1" t="s">
        <v>174853</v>
      </c>
      <c r="F51797" s="1" t="s">
        <v>174854</v>
      </c>
      <c r="G51797" s="1" t="s">
        <v>174791</v>
      </c>
      <c r="H51797" s="1" t="s">
        <v>174792</v>
      </c>
      <c r="I51797" s="1" t="s">
        <v>172490</v>
      </c>
      <c r="J51797" s="1" t="s">
        <v>174855</v>
      </c>
    </row>
    <row r="51798" spans="1:10" x14ac:dyDescent="0.35">
      <c r="A51798" s="1" t="s">
        <v>145899</v>
      </c>
      <c r="B51798" s="1" t="s">
        <v>172484</v>
      </c>
      <c r="C51798" s="1" t="s">
        <v>105</v>
      </c>
      <c r="D51798" s="1" t="s">
        <v>174856</v>
      </c>
      <c r="E51798" s="1" t="s">
        <v>174857</v>
      </c>
      <c r="F51798" s="1" t="s">
        <v>174858</v>
      </c>
      <c r="G51798" s="1" t="s">
        <v>174791</v>
      </c>
      <c r="H51798" s="1" t="s">
        <v>174792</v>
      </c>
      <c r="I51798" s="1" t="s">
        <v>172490</v>
      </c>
      <c r="J51798" s="1" t="s">
        <v>174859</v>
      </c>
    </row>
    <row r="51799" spans="1:10" x14ac:dyDescent="0.35">
      <c r="A51799" s="1" t="s">
        <v>145899</v>
      </c>
      <c r="B51799" s="1" t="s">
        <v>172484</v>
      </c>
      <c r="C51799" s="1" t="s">
        <v>110</v>
      </c>
      <c r="D51799" s="1" t="s">
        <v>174860</v>
      </c>
      <c r="E51799" s="1" t="s">
        <v>174861</v>
      </c>
      <c r="F51799" s="1" t="s">
        <v>174862</v>
      </c>
      <c r="G51799" s="1" t="s">
        <v>174791</v>
      </c>
      <c r="H51799" s="1" t="s">
        <v>174792</v>
      </c>
      <c r="I51799" s="1" t="s">
        <v>172490</v>
      </c>
      <c r="J51799" s="1" t="s">
        <v>174863</v>
      </c>
    </row>
    <row r="51800" spans="1:10" x14ac:dyDescent="0.35">
      <c r="A51800" s="1" t="s">
        <v>145899</v>
      </c>
      <c r="B51800" s="1" t="s">
        <v>172484</v>
      </c>
      <c r="C51800" s="1" t="s">
        <v>115</v>
      </c>
      <c r="D51800" s="1" t="s">
        <v>8237</v>
      </c>
      <c r="E51800" s="1" t="s">
        <v>174864</v>
      </c>
      <c r="F51800" s="1" t="s">
        <v>174865</v>
      </c>
      <c r="G51800" s="1" t="s">
        <v>174791</v>
      </c>
      <c r="H51800" s="1" t="s">
        <v>174792</v>
      </c>
      <c r="I51800" s="1" t="s">
        <v>172490</v>
      </c>
      <c r="J51800" s="1" t="s">
        <v>174866</v>
      </c>
    </row>
    <row r="51801" spans="1:10" x14ac:dyDescent="0.35">
      <c r="A51801" s="1" t="s">
        <v>145899</v>
      </c>
      <c r="B51801" s="1" t="s">
        <v>172484</v>
      </c>
      <c r="C51801" s="1" t="s">
        <v>120</v>
      </c>
      <c r="D51801" s="1" t="s">
        <v>87416</v>
      </c>
      <c r="E51801" s="1" t="s">
        <v>174867</v>
      </c>
      <c r="F51801" s="1" t="s">
        <v>174868</v>
      </c>
      <c r="G51801" s="1" t="s">
        <v>174791</v>
      </c>
      <c r="H51801" s="1" t="s">
        <v>174792</v>
      </c>
      <c r="I51801" s="1" t="s">
        <v>172490</v>
      </c>
      <c r="J51801" s="1" t="s">
        <v>174869</v>
      </c>
    </row>
    <row r="51802" spans="1:10" x14ac:dyDescent="0.35">
      <c r="A51802" s="1" t="s">
        <v>145899</v>
      </c>
      <c r="B51802" s="1" t="s">
        <v>172484</v>
      </c>
      <c r="C51802" s="1" t="s">
        <v>125</v>
      </c>
      <c r="D51802" s="1" t="s">
        <v>174870</v>
      </c>
      <c r="E51802" s="1" t="s">
        <v>174871</v>
      </c>
      <c r="F51802" s="1" t="s">
        <v>174872</v>
      </c>
      <c r="G51802" s="1" t="s">
        <v>174791</v>
      </c>
      <c r="H51802" s="1" t="s">
        <v>174792</v>
      </c>
      <c r="I51802" s="1" t="s">
        <v>172490</v>
      </c>
      <c r="J51802" s="1" t="s">
        <v>174873</v>
      </c>
    </row>
    <row r="51803" spans="1:10" x14ac:dyDescent="0.35">
      <c r="A51803" s="1" t="s">
        <v>145899</v>
      </c>
      <c r="B51803" s="1" t="s">
        <v>172484</v>
      </c>
      <c r="C51803" s="1" t="s">
        <v>130</v>
      </c>
      <c r="D51803" s="1" t="s">
        <v>174874</v>
      </c>
      <c r="E51803" s="1" t="s">
        <v>174875</v>
      </c>
      <c r="F51803" s="1" t="s">
        <v>174876</v>
      </c>
      <c r="G51803" s="1" t="s">
        <v>174791</v>
      </c>
      <c r="H51803" s="1" t="s">
        <v>174792</v>
      </c>
      <c r="I51803" s="1" t="s">
        <v>172490</v>
      </c>
      <c r="J51803" s="1" t="s">
        <v>174877</v>
      </c>
    </row>
    <row r="51804" spans="1:10" x14ac:dyDescent="0.35">
      <c r="A51804" s="1" t="s">
        <v>145899</v>
      </c>
      <c r="B51804" s="1" t="s">
        <v>172484</v>
      </c>
      <c r="C51804" s="1" t="s">
        <v>135</v>
      </c>
      <c r="D51804" s="1" t="s">
        <v>76731</v>
      </c>
      <c r="E51804" s="1" t="s">
        <v>174878</v>
      </c>
      <c r="F51804" s="1" t="s">
        <v>174879</v>
      </c>
      <c r="G51804" s="1" t="s">
        <v>174791</v>
      </c>
      <c r="H51804" s="1" t="s">
        <v>174792</v>
      </c>
      <c r="I51804" s="1" t="s">
        <v>172490</v>
      </c>
      <c r="J51804" s="1" t="s">
        <v>174880</v>
      </c>
    </row>
    <row r="51805" spans="1:10" x14ac:dyDescent="0.35">
      <c r="A51805" s="1" t="s">
        <v>145899</v>
      </c>
      <c r="B51805" s="1" t="s">
        <v>172484</v>
      </c>
      <c r="C51805" s="1" t="s">
        <v>140</v>
      </c>
      <c r="D51805" s="1" t="s">
        <v>70052</v>
      </c>
      <c r="E51805" s="1" t="s">
        <v>174881</v>
      </c>
      <c r="F51805" s="1" t="s">
        <v>174882</v>
      </c>
      <c r="G51805" s="1" t="s">
        <v>174791</v>
      </c>
      <c r="H51805" s="1" t="s">
        <v>174792</v>
      </c>
      <c r="I51805" s="1" t="s">
        <v>172490</v>
      </c>
      <c r="J51805" s="1" t="s">
        <v>174883</v>
      </c>
    </row>
    <row r="51806" spans="1:10" x14ac:dyDescent="0.35">
      <c r="A51806" s="1" t="s">
        <v>145899</v>
      </c>
      <c r="B51806" s="1" t="s">
        <v>172484</v>
      </c>
      <c r="C51806" s="1" t="s">
        <v>145</v>
      </c>
      <c r="D51806" s="1" t="s">
        <v>174884</v>
      </c>
      <c r="E51806" s="1" t="s">
        <v>174885</v>
      </c>
      <c r="F51806" s="1" t="s">
        <v>174886</v>
      </c>
      <c r="G51806" s="1" t="s">
        <v>174791</v>
      </c>
      <c r="H51806" s="1" t="s">
        <v>174792</v>
      </c>
      <c r="I51806" s="1" t="s">
        <v>172490</v>
      </c>
      <c r="J51806" s="1" t="s">
        <v>174887</v>
      </c>
    </row>
    <row r="51807" spans="1:10" x14ac:dyDescent="0.35">
      <c r="A51807" s="1" t="s">
        <v>145899</v>
      </c>
      <c r="B51807" s="1" t="s">
        <v>172484</v>
      </c>
      <c r="C51807" s="1" t="s">
        <v>150</v>
      </c>
      <c r="D51807" s="1" t="s">
        <v>174888</v>
      </c>
      <c r="E51807" s="1" t="s">
        <v>174889</v>
      </c>
      <c r="F51807" s="1" t="s">
        <v>174890</v>
      </c>
      <c r="G51807" s="1" t="s">
        <v>174791</v>
      </c>
      <c r="H51807" s="1" t="s">
        <v>174792</v>
      </c>
      <c r="I51807" s="1" t="s">
        <v>172490</v>
      </c>
      <c r="J51807" s="1" t="s">
        <v>174891</v>
      </c>
    </row>
    <row r="51808" spans="1:10" x14ac:dyDescent="0.35">
      <c r="A51808" s="1" t="s">
        <v>145899</v>
      </c>
      <c r="B51808" s="1" t="s">
        <v>172484</v>
      </c>
      <c r="C51808" s="1" t="s">
        <v>155</v>
      </c>
      <c r="D51808" s="1" t="s">
        <v>38928</v>
      </c>
      <c r="E51808" s="1" t="s">
        <v>174892</v>
      </c>
      <c r="F51808" s="1" t="s">
        <v>174893</v>
      </c>
      <c r="G51808" s="1" t="s">
        <v>174791</v>
      </c>
      <c r="H51808" s="1" t="s">
        <v>174792</v>
      </c>
      <c r="I51808" s="1" t="s">
        <v>172490</v>
      </c>
      <c r="J51808" s="1" t="s">
        <v>174894</v>
      </c>
    </row>
    <row r="51809" spans="1:10" x14ac:dyDescent="0.35">
      <c r="A51809" s="1" t="s">
        <v>145899</v>
      </c>
      <c r="B51809" s="1" t="s">
        <v>172484</v>
      </c>
      <c r="C51809" s="1" t="s">
        <v>160</v>
      </c>
      <c r="D51809" s="1" t="s">
        <v>165334</v>
      </c>
      <c r="E51809" s="1" t="s">
        <v>174895</v>
      </c>
      <c r="F51809" s="1" t="s">
        <v>174896</v>
      </c>
      <c r="G51809" s="1" t="s">
        <v>174791</v>
      </c>
      <c r="H51809" s="1" t="s">
        <v>174792</v>
      </c>
      <c r="I51809" s="1" t="s">
        <v>172490</v>
      </c>
      <c r="J51809" s="1" t="s">
        <v>174897</v>
      </c>
    </row>
    <row r="51810" spans="1:10" x14ac:dyDescent="0.35">
      <c r="A51810" s="1" t="s">
        <v>145899</v>
      </c>
      <c r="B51810" s="1" t="s">
        <v>172484</v>
      </c>
      <c r="C51810" s="1" t="s">
        <v>165</v>
      </c>
      <c r="D51810" s="1" t="s">
        <v>174898</v>
      </c>
      <c r="E51810" s="1" t="s">
        <v>174899</v>
      </c>
      <c r="F51810" s="1" t="s">
        <v>174900</v>
      </c>
      <c r="G51810" s="1" t="s">
        <v>174791</v>
      </c>
      <c r="H51810" s="1" t="s">
        <v>174792</v>
      </c>
      <c r="I51810" s="1" t="s">
        <v>172490</v>
      </c>
      <c r="J51810" s="1" t="s">
        <v>174901</v>
      </c>
    </row>
    <row r="51811" spans="1:10" x14ac:dyDescent="0.35">
      <c r="A51811" s="1" t="s">
        <v>145899</v>
      </c>
      <c r="B51811" s="1" t="s">
        <v>172484</v>
      </c>
      <c r="C51811" s="1" t="s">
        <v>170</v>
      </c>
      <c r="D51811" s="1" t="s">
        <v>174902</v>
      </c>
      <c r="E51811" s="1" t="s">
        <v>174903</v>
      </c>
      <c r="F51811" s="1" t="s">
        <v>174904</v>
      </c>
      <c r="G51811" s="1" t="s">
        <v>174791</v>
      </c>
      <c r="H51811" s="1" t="s">
        <v>174792</v>
      </c>
      <c r="I51811" s="1" t="s">
        <v>172490</v>
      </c>
      <c r="J51811" s="1" t="s">
        <v>174905</v>
      </c>
    </row>
    <row r="51812" spans="1:10" x14ac:dyDescent="0.35">
      <c r="A51812" s="1" t="s">
        <v>45368</v>
      </c>
      <c r="B51812" s="1" t="s">
        <v>172484</v>
      </c>
      <c r="C51812" s="1" t="s">
        <v>8</v>
      </c>
      <c r="D51812" s="1" t="s">
        <v>174906</v>
      </c>
      <c r="E51812" s="1" t="s">
        <v>174907</v>
      </c>
      <c r="F51812" s="1" t="s">
        <v>174908</v>
      </c>
      <c r="G51812" s="1" t="s">
        <v>174909</v>
      </c>
      <c r="H51812" s="1" t="s">
        <v>174910</v>
      </c>
      <c r="I51812" s="1" t="s">
        <v>172490</v>
      </c>
      <c r="J51812" s="1" t="s">
        <v>13</v>
      </c>
    </row>
    <row r="51813" spans="1:10" x14ac:dyDescent="0.35">
      <c r="A51813" s="1" t="s">
        <v>45368</v>
      </c>
      <c r="B51813" s="1" t="s">
        <v>172484</v>
      </c>
      <c r="C51813" s="1" t="s">
        <v>15</v>
      </c>
      <c r="D51813" s="1" t="s">
        <v>82078</v>
      </c>
      <c r="E51813" s="1" t="s">
        <v>174911</v>
      </c>
      <c r="F51813" s="1" t="s">
        <v>174912</v>
      </c>
      <c r="G51813" s="1" t="s">
        <v>174909</v>
      </c>
      <c r="H51813" s="1" t="s">
        <v>174910</v>
      </c>
      <c r="I51813" s="1" t="s">
        <v>172490</v>
      </c>
      <c r="J51813" s="1" t="s">
        <v>174913</v>
      </c>
    </row>
    <row r="51814" spans="1:10" x14ac:dyDescent="0.35">
      <c r="A51814" s="1" t="s">
        <v>45368</v>
      </c>
      <c r="B51814" s="1" t="s">
        <v>172484</v>
      </c>
      <c r="C51814" s="1" t="s">
        <v>20</v>
      </c>
      <c r="D51814" s="1" t="s">
        <v>174914</v>
      </c>
      <c r="E51814" s="1" t="s">
        <v>174915</v>
      </c>
      <c r="F51814" s="1" t="s">
        <v>174916</v>
      </c>
      <c r="G51814" s="1" t="s">
        <v>174909</v>
      </c>
      <c r="H51814" s="1" t="s">
        <v>174910</v>
      </c>
      <c r="I51814" s="1" t="s">
        <v>172490</v>
      </c>
      <c r="J51814" s="1" t="s">
        <v>174917</v>
      </c>
    </row>
    <row r="51815" spans="1:10" x14ac:dyDescent="0.35">
      <c r="A51815" s="1" t="s">
        <v>45368</v>
      </c>
      <c r="B51815" s="1" t="s">
        <v>172484</v>
      </c>
      <c r="C51815" s="1" t="s">
        <v>25</v>
      </c>
      <c r="D51815" s="1" t="s">
        <v>31851</v>
      </c>
      <c r="E51815" s="1" t="s">
        <v>174918</v>
      </c>
      <c r="F51815" s="1" t="s">
        <v>174919</v>
      </c>
      <c r="G51815" s="1" t="s">
        <v>174909</v>
      </c>
      <c r="H51815" s="1" t="s">
        <v>174910</v>
      </c>
      <c r="I51815" s="1" t="s">
        <v>172490</v>
      </c>
      <c r="J51815" s="1" t="s">
        <v>174920</v>
      </c>
    </row>
    <row r="51816" spans="1:10" x14ac:dyDescent="0.35">
      <c r="A51816" s="1" t="s">
        <v>45368</v>
      </c>
      <c r="B51816" s="1" t="s">
        <v>172484</v>
      </c>
      <c r="C51816" s="1" t="s">
        <v>30</v>
      </c>
      <c r="D51816" s="1" t="s">
        <v>49597</v>
      </c>
      <c r="E51816" s="1" t="s">
        <v>174921</v>
      </c>
      <c r="F51816" s="1" t="s">
        <v>174922</v>
      </c>
      <c r="G51816" s="1" t="s">
        <v>174909</v>
      </c>
      <c r="H51816" s="1" t="s">
        <v>174910</v>
      </c>
      <c r="I51816" s="1" t="s">
        <v>172490</v>
      </c>
      <c r="J51816" s="1" t="s">
        <v>174923</v>
      </c>
    </row>
    <row r="51817" spans="1:10" x14ac:dyDescent="0.35">
      <c r="A51817" s="1" t="s">
        <v>45368</v>
      </c>
      <c r="B51817" s="1" t="s">
        <v>172484</v>
      </c>
      <c r="C51817" s="1" t="s">
        <v>35</v>
      </c>
      <c r="D51817" s="1" t="s">
        <v>174924</v>
      </c>
      <c r="E51817" s="1" t="s">
        <v>174925</v>
      </c>
      <c r="F51817" s="1" t="s">
        <v>174926</v>
      </c>
      <c r="G51817" s="1" t="s">
        <v>174909</v>
      </c>
      <c r="H51817" s="1" t="s">
        <v>174910</v>
      </c>
      <c r="I51817" s="1" t="s">
        <v>172490</v>
      </c>
      <c r="J51817" s="1" t="s">
        <v>174927</v>
      </c>
    </row>
    <row r="51818" spans="1:10" x14ac:dyDescent="0.35">
      <c r="A51818" s="1" t="s">
        <v>45368</v>
      </c>
      <c r="B51818" s="1" t="s">
        <v>172484</v>
      </c>
      <c r="C51818" s="1" t="s">
        <v>40</v>
      </c>
      <c r="D51818" s="1" t="s">
        <v>10413</v>
      </c>
      <c r="E51818" s="1" t="s">
        <v>174928</v>
      </c>
      <c r="F51818" s="1" t="s">
        <v>174929</v>
      </c>
      <c r="G51818" s="1" t="s">
        <v>174909</v>
      </c>
      <c r="H51818" s="1" t="s">
        <v>174910</v>
      </c>
      <c r="I51818" s="1" t="s">
        <v>172490</v>
      </c>
      <c r="J51818" s="1" t="s">
        <v>174930</v>
      </c>
    </row>
    <row r="51819" spans="1:10" x14ac:dyDescent="0.35">
      <c r="A51819" s="1" t="s">
        <v>45368</v>
      </c>
      <c r="B51819" s="1" t="s">
        <v>172484</v>
      </c>
      <c r="C51819" s="1" t="s">
        <v>45</v>
      </c>
      <c r="D51819" s="1" t="s">
        <v>174931</v>
      </c>
      <c r="E51819" s="1" t="s">
        <v>174932</v>
      </c>
      <c r="F51819" s="1" t="s">
        <v>174933</v>
      </c>
      <c r="G51819" s="1" t="s">
        <v>174909</v>
      </c>
      <c r="H51819" s="1" t="s">
        <v>174910</v>
      </c>
      <c r="I51819" s="1" t="s">
        <v>172490</v>
      </c>
      <c r="J51819" s="1" t="s">
        <v>174934</v>
      </c>
    </row>
    <row r="51820" spans="1:10" x14ac:dyDescent="0.35">
      <c r="A51820" s="1" t="s">
        <v>45368</v>
      </c>
      <c r="B51820" s="1" t="s">
        <v>172484</v>
      </c>
      <c r="C51820" s="1" t="s">
        <v>50</v>
      </c>
      <c r="D51820" s="1" t="s">
        <v>153545</v>
      </c>
      <c r="E51820" s="1" t="s">
        <v>174935</v>
      </c>
      <c r="F51820" s="1" t="s">
        <v>174936</v>
      </c>
      <c r="G51820" s="1" t="s">
        <v>174909</v>
      </c>
      <c r="H51820" s="1" t="s">
        <v>174910</v>
      </c>
      <c r="I51820" s="1" t="s">
        <v>172490</v>
      </c>
      <c r="J51820" s="1" t="s">
        <v>174937</v>
      </c>
    </row>
    <row r="51821" spans="1:10" x14ac:dyDescent="0.35">
      <c r="A51821" s="1" t="s">
        <v>45368</v>
      </c>
      <c r="B51821" s="1" t="s">
        <v>172484</v>
      </c>
      <c r="C51821" s="1" t="s">
        <v>55</v>
      </c>
      <c r="D51821" s="1" t="s">
        <v>36836</v>
      </c>
      <c r="E51821" s="1" t="s">
        <v>174938</v>
      </c>
      <c r="F51821" s="1" t="s">
        <v>174939</v>
      </c>
      <c r="G51821" s="1" t="s">
        <v>174909</v>
      </c>
      <c r="H51821" s="1" t="s">
        <v>174910</v>
      </c>
      <c r="I51821" s="1" t="s">
        <v>172490</v>
      </c>
      <c r="J51821" s="1" t="s">
        <v>174940</v>
      </c>
    </row>
    <row r="51822" spans="1:10" x14ac:dyDescent="0.35">
      <c r="A51822" s="1" t="s">
        <v>45368</v>
      </c>
      <c r="B51822" s="1" t="s">
        <v>172484</v>
      </c>
      <c r="C51822" s="1" t="s">
        <v>60</v>
      </c>
      <c r="D51822" s="1" t="s">
        <v>18177</v>
      </c>
      <c r="E51822" s="1" t="s">
        <v>174941</v>
      </c>
      <c r="F51822" s="1" t="s">
        <v>174942</v>
      </c>
      <c r="G51822" s="1" t="s">
        <v>174909</v>
      </c>
      <c r="H51822" s="1" t="s">
        <v>174910</v>
      </c>
      <c r="I51822" s="1" t="s">
        <v>172490</v>
      </c>
      <c r="J51822" s="1" t="s">
        <v>174943</v>
      </c>
    </row>
    <row r="51823" spans="1:10" x14ac:dyDescent="0.35">
      <c r="A51823" s="1" t="s">
        <v>45368</v>
      </c>
      <c r="B51823" s="1" t="s">
        <v>172484</v>
      </c>
      <c r="C51823" s="1" t="s">
        <v>65</v>
      </c>
      <c r="D51823" s="1" t="s">
        <v>174944</v>
      </c>
      <c r="E51823" s="1" t="s">
        <v>174945</v>
      </c>
      <c r="F51823" s="1" t="s">
        <v>174946</v>
      </c>
      <c r="G51823" s="1" t="s">
        <v>174909</v>
      </c>
      <c r="H51823" s="1" t="s">
        <v>174910</v>
      </c>
      <c r="I51823" s="1" t="s">
        <v>172490</v>
      </c>
      <c r="J51823" s="1" t="s">
        <v>174947</v>
      </c>
    </row>
    <row r="51824" spans="1:10" x14ac:dyDescent="0.35">
      <c r="A51824" s="1" t="s">
        <v>45368</v>
      </c>
      <c r="B51824" s="1" t="s">
        <v>172484</v>
      </c>
      <c r="C51824" s="1" t="s">
        <v>70</v>
      </c>
      <c r="D51824" s="1" t="s">
        <v>33099</v>
      </c>
      <c r="E51824" s="1" t="s">
        <v>174948</v>
      </c>
      <c r="F51824" s="1" t="s">
        <v>174949</v>
      </c>
      <c r="G51824" s="1" t="s">
        <v>174909</v>
      </c>
      <c r="H51824" s="1" t="s">
        <v>174910</v>
      </c>
      <c r="I51824" s="1" t="s">
        <v>172490</v>
      </c>
      <c r="J51824" s="1" t="s">
        <v>174950</v>
      </c>
    </row>
    <row r="51825" spans="1:10" x14ac:dyDescent="0.35">
      <c r="A51825" s="1" t="s">
        <v>45368</v>
      </c>
      <c r="B51825" s="1" t="s">
        <v>172484</v>
      </c>
      <c r="C51825" s="1" t="s">
        <v>75</v>
      </c>
      <c r="D51825" s="1" t="s">
        <v>155498</v>
      </c>
      <c r="E51825" s="1" t="s">
        <v>174951</v>
      </c>
      <c r="F51825" s="1" t="s">
        <v>174952</v>
      </c>
      <c r="G51825" s="1" t="s">
        <v>174909</v>
      </c>
      <c r="H51825" s="1" t="s">
        <v>174910</v>
      </c>
      <c r="I51825" s="1" t="s">
        <v>172490</v>
      </c>
      <c r="J51825" s="1" t="s">
        <v>174953</v>
      </c>
    </row>
    <row r="51826" spans="1:10" x14ac:dyDescent="0.35">
      <c r="A51826" s="1" t="s">
        <v>45368</v>
      </c>
      <c r="B51826" s="1" t="s">
        <v>172484</v>
      </c>
      <c r="C51826" s="1" t="s">
        <v>80</v>
      </c>
      <c r="D51826" s="1" t="s">
        <v>83550</v>
      </c>
      <c r="E51826" s="1" t="s">
        <v>174954</v>
      </c>
      <c r="F51826" s="1" t="s">
        <v>174955</v>
      </c>
      <c r="G51826" s="1" t="s">
        <v>174909</v>
      </c>
      <c r="H51826" s="1" t="s">
        <v>174910</v>
      </c>
      <c r="I51826" s="1" t="s">
        <v>172490</v>
      </c>
      <c r="J51826" s="1" t="s">
        <v>174956</v>
      </c>
    </row>
    <row r="51827" spans="1:10" x14ac:dyDescent="0.35">
      <c r="A51827" s="1" t="s">
        <v>45368</v>
      </c>
      <c r="B51827" s="1" t="s">
        <v>172484</v>
      </c>
      <c r="C51827" s="1" t="s">
        <v>85</v>
      </c>
      <c r="D51827" s="1" t="s">
        <v>174957</v>
      </c>
      <c r="E51827" s="1" t="s">
        <v>174958</v>
      </c>
      <c r="F51827" s="1" t="s">
        <v>174959</v>
      </c>
      <c r="G51827" s="1" t="s">
        <v>174909</v>
      </c>
      <c r="H51827" s="1" t="s">
        <v>174910</v>
      </c>
      <c r="I51827" s="1" t="s">
        <v>172490</v>
      </c>
      <c r="J51827" s="1" t="s">
        <v>174960</v>
      </c>
    </row>
    <row r="51828" spans="1:10" x14ac:dyDescent="0.35">
      <c r="A51828" s="1" t="s">
        <v>45368</v>
      </c>
      <c r="B51828" s="1" t="s">
        <v>172484</v>
      </c>
      <c r="C51828" s="1" t="s">
        <v>90</v>
      </c>
      <c r="D51828" s="1" t="s">
        <v>152727</v>
      </c>
      <c r="E51828" s="1" t="s">
        <v>174961</v>
      </c>
      <c r="F51828" s="1" t="s">
        <v>174962</v>
      </c>
      <c r="G51828" s="1" t="s">
        <v>174909</v>
      </c>
      <c r="H51828" s="1" t="s">
        <v>174910</v>
      </c>
      <c r="I51828" s="1" t="s">
        <v>172490</v>
      </c>
      <c r="J51828" s="1" t="s">
        <v>174963</v>
      </c>
    </row>
    <row r="51829" spans="1:10" x14ac:dyDescent="0.35">
      <c r="A51829" s="1" t="s">
        <v>45368</v>
      </c>
      <c r="B51829" s="1" t="s">
        <v>172484</v>
      </c>
      <c r="C51829" s="1" t="s">
        <v>95</v>
      </c>
      <c r="D51829" s="1" t="s">
        <v>174964</v>
      </c>
      <c r="E51829" s="1" t="s">
        <v>174965</v>
      </c>
      <c r="F51829" s="1" t="s">
        <v>174966</v>
      </c>
      <c r="G51829" s="1" t="s">
        <v>174909</v>
      </c>
      <c r="H51829" s="1" t="s">
        <v>174910</v>
      </c>
      <c r="I51829" s="1" t="s">
        <v>172490</v>
      </c>
      <c r="J51829" s="1" t="s">
        <v>174967</v>
      </c>
    </row>
    <row r="51830" spans="1:10" x14ac:dyDescent="0.35">
      <c r="A51830" s="1" t="s">
        <v>45368</v>
      </c>
      <c r="B51830" s="1" t="s">
        <v>172484</v>
      </c>
      <c r="C51830" s="1" t="s">
        <v>100</v>
      </c>
      <c r="D51830" s="1" t="s">
        <v>174968</v>
      </c>
      <c r="E51830" s="1" t="s">
        <v>174969</v>
      </c>
      <c r="F51830" s="1" t="s">
        <v>174970</v>
      </c>
      <c r="G51830" s="1" t="s">
        <v>174909</v>
      </c>
      <c r="H51830" s="1" t="s">
        <v>174910</v>
      </c>
      <c r="I51830" s="1" t="s">
        <v>172490</v>
      </c>
      <c r="J51830" s="1" t="s">
        <v>174971</v>
      </c>
    </row>
    <row r="51831" spans="1:10" x14ac:dyDescent="0.35">
      <c r="A51831" s="1" t="s">
        <v>45368</v>
      </c>
      <c r="B51831" s="1" t="s">
        <v>172484</v>
      </c>
      <c r="C51831" s="1" t="s">
        <v>105</v>
      </c>
      <c r="D51831" s="1" t="s">
        <v>105759</v>
      </c>
      <c r="E51831" s="1" t="s">
        <v>174972</v>
      </c>
      <c r="F51831" s="1" t="s">
        <v>174973</v>
      </c>
      <c r="G51831" s="1" t="s">
        <v>174909</v>
      </c>
      <c r="H51831" s="1" t="s">
        <v>174910</v>
      </c>
      <c r="I51831" s="1" t="s">
        <v>172490</v>
      </c>
      <c r="J51831" s="1" t="s">
        <v>174974</v>
      </c>
    </row>
    <row r="51832" spans="1:10" x14ac:dyDescent="0.35">
      <c r="A51832" s="1" t="s">
        <v>45368</v>
      </c>
      <c r="B51832" s="1" t="s">
        <v>172484</v>
      </c>
      <c r="C51832" s="1" t="s">
        <v>110</v>
      </c>
      <c r="D51832" s="1" t="s">
        <v>149855</v>
      </c>
      <c r="E51832" s="1" t="s">
        <v>174975</v>
      </c>
      <c r="F51832" s="1" t="s">
        <v>174976</v>
      </c>
      <c r="G51832" s="1" t="s">
        <v>174909</v>
      </c>
      <c r="H51832" s="1" t="s">
        <v>174910</v>
      </c>
      <c r="I51832" s="1" t="s">
        <v>172490</v>
      </c>
      <c r="J51832" s="1" t="s">
        <v>174977</v>
      </c>
    </row>
    <row r="51833" spans="1:10" x14ac:dyDescent="0.35">
      <c r="A51833" s="1" t="s">
        <v>45368</v>
      </c>
      <c r="B51833" s="1" t="s">
        <v>172484</v>
      </c>
      <c r="C51833" s="1" t="s">
        <v>115</v>
      </c>
      <c r="D51833" s="1" t="s">
        <v>174978</v>
      </c>
      <c r="E51833" s="1" t="s">
        <v>174979</v>
      </c>
      <c r="F51833" s="1" t="s">
        <v>174980</v>
      </c>
      <c r="G51833" s="1" t="s">
        <v>174909</v>
      </c>
      <c r="H51833" s="1" t="s">
        <v>174910</v>
      </c>
      <c r="I51833" s="1" t="s">
        <v>172490</v>
      </c>
      <c r="J51833" s="1" t="s">
        <v>174981</v>
      </c>
    </row>
    <row r="51834" spans="1:10" x14ac:dyDescent="0.35">
      <c r="A51834" s="1" t="s">
        <v>45368</v>
      </c>
      <c r="B51834" s="1" t="s">
        <v>172484</v>
      </c>
      <c r="C51834" s="1" t="s">
        <v>120</v>
      </c>
      <c r="D51834" s="1" t="s">
        <v>174982</v>
      </c>
      <c r="E51834" s="1" t="s">
        <v>174983</v>
      </c>
      <c r="F51834" s="1" t="s">
        <v>174984</v>
      </c>
      <c r="G51834" s="1" t="s">
        <v>174909</v>
      </c>
      <c r="H51834" s="1" t="s">
        <v>174910</v>
      </c>
      <c r="I51834" s="1" t="s">
        <v>172490</v>
      </c>
      <c r="J51834" s="1" t="s">
        <v>174985</v>
      </c>
    </row>
    <row r="51835" spans="1:10" x14ac:dyDescent="0.35">
      <c r="A51835" s="1" t="s">
        <v>45368</v>
      </c>
      <c r="B51835" s="1" t="s">
        <v>172484</v>
      </c>
      <c r="C51835" s="1" t="s">
        <v>125</v>
      </c>
      <c r="D51835" s="1" t="s">
        <v>79000</v>
      </c>
      <c r="E51835" s="1" t="s">
        <v>174986</v>
      </c>
      <c r="F51835" s="1" t="s">
        <v>174987</v>
      </c>
      <c r="G51835" s="1" t="s">
        <v>174909</v>
      </c>
      <c r="H51835" s="1" t="s">
        <v>174910</v>
      </c>
      <c r="I51835" s="1" t="s">
        <v>172490</v>
      </c>
      <c r="J51835" s="1" t="s">
        <v>174988</v>
      </c>
    </row>
    <row r="51836" spans="1:10" x14ac:dyDescent="0.35">
      <c r="A51836" s="1" t="s">
        <v>45368</v>
      </c>
      <c r="B51836" s="1" t="s">
        <v>172484</v>
      </c>
      <c r="C51836" s="1" t="s">
        <v>130</v>
      </c>
      <c r="D51836" s="1" t="s">
        <v>105332</v>
      </c>
      <c r="E51836" s="1" t="s">
        <v>174989</v>
      </c>
      <c r="F51836" s="1" t="s">
        <v>174990</v>
      </c>
      <c r="G51836" s="1" t="s">
        <v>174909</v>
      </c>
      <c r="H51836" s="1" t="s">
        <v>174910</v>
      </c>
      <c r="I51836" s="1" t="s">
        <v>172490</v>
      </c>
      <c r="J51836" s="1" t="s">
        <v>174991</v>
      </c>
    </row>
    <row r="51837" spans="1:10" x14ac:dyDescent="0.35">
      <c r="A51837" s="1" t="s">
        <v>45368</v>
      </c>
      <c r="B51837" s="1" t="s">
        <v>172484</v>
      </c>
      <c r="C51837" s="1" t="s">
        <v>135</v>
      </c>
      <c r="D51837" s="1" t="s">
        <v>81748</v>
      </c>
      <c r="E51837" s="1" t="s">
        <v>174992</v>
      </c>
      <c r="F51837" s="1" t="s">
        <v>174993</v>
      </c>
      <c r="G51837" s="1" t="s">
        <v>174909</v>
      </c>
      <c r="H51837" s="1" t="s">
        <v>174910</v>
      </c>
      <c r="I51837" s="1" t="s">
        <v>172490</v>
      </c>
      <c r="J51837" s="1" t="s">
        <v>174994</v>
      </c>
    </row>
    <row r="51838" spans="1:10" x14ac:dyDescent="0.35">
      <c r="A51838" s="1" t="s">
        <v>45368</v>
      </c>
      <c r="B51838" s="1" t="s">
        <v>172484</v>
      </c>
      <c r="C51838" s="1" t="s">
        <v>140</v>
      </c>
      <c r="D51838" s="1" t="s">
        <v>174995</v>
      </c>
      <c r="E51838" s="1" t="s">
        <v>174996</v>
      </c>
      <c r="F51838" s="1" t="s">
        <v>174997</v>
      </c>
      <c r="G51838" s="1" t="s">
        <v>174909</v>
      </c>
      <c r="H51838" s="1" t="s">
        <v>174910</v>
      </c>
      <c r="I51838" s="1" t="s">
        <v>172490</v>
      </c>
      <c r="J51838" s="1" t="s">
        <v>174998</v>
      </c>
    </row>
    <row r="51839" spans="1:10" x14ac:dyDescent="0.35">
      <c r="A51839" s="1" t="s">
        <v>45368</v>
      </c>
      <c r="B51839" s="1" t="s">
        <v>172484</v>
      </c>
      <c r="C51839" s="1" t="s">
        <v>145</v>
      </c>
      <c r="D51839" s="1" t="s">
        <v>96424</v>
      </c>
      <c r="E51839" s="1" t="s">
        <v>174999</v>
      </c>
      <c r="F51839" s="1" t="s">
        <v>175000</v>
      </c>
      <c r="G51839" s="1" t="s">
        <v>174909</v>
      </c>
      <c r="H51839" s="1" t="s">
        <v>174910</v>
      </c>
      <c r="I51839" s="1" t="s">
        <v>172490</v>
      </c>
      <c r="J51839" s="1" t="s">
        <v>175001</v>
      </c>
    </row>
    <row r="51840" spans="1:10" x14ac:dyDescent="0.35">
      <c r="A51840" s="1" t="s">
        <v>45368</v>
      </c>
      <c r="B51840" s="1" t="s">
        <v>172484</v>
      </c>
      <c r="C51840" s="1" t="s">
        <v>150</v>
      </c>
      <c r="D51840" s="1" t="s">
        <v>147984</v>
      </c>
      <c r="E51840" s="1" t="s">
        <v>175002</v>
      </c>
      <c r="F51840" s="1" t="s">
        <v>175003</v>
      </c>
      <c r="G51840" s="1" t="s">
        <v>174909</v>
      </c>
      <c r="H51840" s="1" t="s">
        <v>174910</v>
      </c>
      <c r="I51840" s="1" t="s">
        <v>172490</v>
      </c>
      <c r="J51840" s="1" t="s">
        <v>175004</v>
      </c>
    </row>
    <row r="51841" spans="1:10" x14ac:dyDescent="0.35">
      <c r="A51841" s="1" t="s">
        <v>45368</v>
      </c>
      <c r="B51841" s="1" t="s">
        <v>172484</v>
      </c>
      <c r="C51841" s="1" t="s">
        <v>155</v>
      </c>
      <c r="D51841" s="1" t="s">
        <v>95962</v>
      </c>
      <c r="E51841" s="1" t="s">
        <v>175005</v>
      </c>
      <c r="F51841" s="1" t="s">
        <v>175006</v>
      </c>
      <c r="G51841" s="1" t="s">
        <v>174909</v>
      </c>
      <c r="H51841" s="1" t="s">
        <v>174910</v>
      </c>
      <c r="I51841" s="1" t="s">
        <v>172490</v>
      </c>
      <c r="J51841" s="1" t="s">
        <v>175007</v>
      </c>
    </row>
    <row r="51842" spans="1:10" x14ac:dyDescent="0.35">
      <c r="A51842" s="1" t="s">
        <v>45368</v>
      </c>
      <c r="B51842" s="1" t="s">
        <v>172484</v>
      </c>
      <c r="C51842" s="1" t="s">
        <v>160</v>
      </c>
      <c r="D51842" s="1" t="s">
        <v>175008</v>
      </c>
      <c r="E51842" s="1" t="s">
        <v>175009</v>
      </c>
      <c r="F51842" s="1" t="s">
        <v>175010</v>
      </c>
      <c r="G51842" s="1" t="s">
        <v>174909</v>
      </c>
      <c r="H51842" s="1" t="s">
        <v>174910</v>
      </c>
      <c r="I51842" s="1" t="s">
        <v>172490</v>
      </c>
      <c r="J51842" s="1" t="s">
        <v>175011</v>
      </c>
    </row>
    <row r="51843" spans="1:10" x14ac:dyDescent="0.35">
      <c r="A51843" s="1" t="s">
        <v>45368</v>
      </c>
      <c r="B51843" s="1" t="s">
        <v>172484</v>
      </c>
      <c r="C51843" s="1" t="s">
        <v>165</v>
      </c>
      <c r="D51843" s="1" t="s">
        <v>166580</v>
      </c>
      <c r="E51843" s="1" t="s">
        <v>175012</v>
      </c>
      <c r="F51843" s="1" t="s">
        <v>175013</v>
      </c>
      <c r="G51843" s="1" t="s">
        <v>174909</v>
      </c>
      <c r="H51843" s="1" t="s">
        <v>174910</v>
      </c>
      <c r="I51843" s="1" t="s">
        <v>172490</v>
      </c>
      <c r="J51843" s="1" t="s">
        <v>175014</v>
      </c>
    </row>
    <row r="51844" spans="1:10" x14ac:dyDescent="0.35">
      <c r="A51844" s="1" t="s">
        <v>45368</v>
      </c>
      <c r="B51844" s="1" t="s">
        <v>172484</v>
      </c>
      <c r="C51844" s="1" t="s">
        <v>170</v>
      </c>
      <c r="D51844" s="1" t="s">
        <v>175015</v>
      </c>
      <c r="E51844" s="1" t="s">
        <v>175016</v>
      </c>
      <c r="F51844" s="1" t="s">
        <v>175017</v>
      </c>
      <c r="G51844" s="1" t="s">
        <v>174909</v>
      </c>
      <c r="H51844" s="1" t="s">
        <v>174910</v>
      </c>
      <c r="I51844" s="1" t="s">
        <v>172490</v>
      </c>
      <c r="J51844" s="1" t="s">
        <v>175018</v>
      </c>
    </row>
    <row r="51845" spans="1:10" x14ac:dyDescent="0.35">
      <c r="A51845" s="1" t="s">
        <v>117167</v>
      </c>
      <c r="B51845" s="1" t="s">
        <v>172484</v>
      </c>
      <c r="C51845" s="1" t="s">
        <v>8</v>
      </c>
      <c r="D51845" s="1" t="s">
        <v>104677</v>
      </c>
      <c r="E51845" s="1" t="s">
        <v>175019</v>
      </c>
      <c r="F51845" s="1" t="s">
        <v>175020</v>
      </c>
      <c r="G51845" s="1" t="s">
        <v>175021</v>
      </c>
      <c r="H51845" s="1" t="s">
        <v>175022</v>
      </c>
      <c r="I51845" s="1" t="s">
        <v>172490</v>
      </c>
      <c r="J51845" s="1" t="s">
        <v>13</v>
      </c>
    </row>
    <row r="51846" spans="1:10" x14ac:dyDescent="0.35">
      <c r="A51846" s="1" t="s">
        <v>117167</v>
      </c>
      <c r="B51846" s="1" t="s">
        <v>172484</v>
      </c>
      <c r="C51846" s="1" t="s">
        <v>15</v>
      </c>
      <c r="D51846" s="1" t="s">
        <v>175023</v>
      </c>
      <c r="E51846" s="1" t="s">
        <v>175024</v>
      </c>
      <c r="F51846" s="1" t="s">
        <v>175025</v>
      </c>
      <c r="G51846" s="1" t="s">
        <v>175021</v>
      </c>
      <c r="H51846" s="1" t="s">
        <v>175022</v>
      </c>
      <c r="I51846" s="1" t="s">
        <v>172490</v>
      </c>
      <c r="J51846" s="1" t="s">
        <v>175026</v>
      </c>
    </row>
    <row r="51847" spans="1:10" x14ac:dyDescent="0.35">
      <c r="A51847" s="1" t="s">
        <v>117167</v>
      </c>
      <c r="B51847" s="1" t="s">
        <v>172484</v>
      </c>
      <c r="C51847" s="1" t="s">
        <v>20</v>
      </c>
      <c r="D51847" s="1" t="s">
        <v>119963</v>
      </c>
      <c r="E51847" s="1" t="s">
        <v>175027</v>
      </c>
      <c r="F51847" s="1" t="s">
        <v>175028</v>
      </c>
      <c r="G51847" s="1" t="s">
        <v>175021</v>
      </c>
      <c r="H51847" s="1" t="s">
        <v>175022</v>
      </c>
      <c r="I51847" s="1" t="s">
        <v>172490</v>
      </c>
      <c r="J51847" s="1" t="s">
        <v>175029</v>
      </c>
    </row>
    <row r="51848" spans="1:10" x14ac:dyDescent="0.35">
      <c r="A51848" s="1" t="s">
        <v>117167</v>
      </c>
      <c r="B51848" s="1" t="s">
        <v>172484</v>
      </c>
      <c r="C51848" s="1" t="s">
        <v>25</v>
      </c>
      <c r="D51848" s="1" t="s">
        <v>34007</v>
      </c>
      <c r="E51848" s="1" t="s">
        <v>175030</v>
      </c>
      <c r="F51848" s="1" t="s">
        <v>175031</v>
      </c>
      <c r="G51848" s="1" t="s">
        <v>175021</v>
      </c>
      <c r="H51848" s="1" t="s">
        <v>175022</v>
      </c>
      <c r="I51848" s="1" t="s">
        <v>172490</v>
      </c>
      <c r="J51848" s="1" t="s">
        <v>175032</v>
      </c>
    </row>
    <row r="51849" spans="1:10" x14ac:dyDescent="0.35">
      <c r="A51849" s="1" t="s">
        <v>117167</v>
      </c>
      <c r="B51849" s="1" t="s">
        <v>172484</v>
      </c>
      <c r="C51849" s="1" t="s">
        <v>30</v>
      </c>
      <c r="D51849" s="1" t="s">
        <v>13063</v>
      </c>
      <c r="E51849" s="1" t="s">
        <v>175033</v>
      </c>
      <c r="F51849" s="1" t="s">
        <v>175034</v>
      </c>
      <c r="G51849" s="1" t="s">
        <v>175021</v>
      </c>
      <c r="H51849" s="1" t="s">
        <v>175022</v>
      </c>
      <c r="I51849" s="1" t="s">
        <v>172490</v>
      </c>
      <c r="J51849" s="1" t="s">
        <v>175035</v>
      </c>
    </row>
    <row r="51850" spans="1:10" x14ac:dyDescent="0.35">
      <c r="A51850" s="1" t="s">
        <v>117167</v>
      </c>
      <c r="B51850" s="1" t="s">
        <v>172484</v>
      </c>
      <c r="C51850" s="1" t="s">
        <v>35</v>
      </c>
      <c r="D51850" s="1" t="s">
        <v>123585</v>
      </c>
      <c r="E51850" s="1" t="s">
        <v>175036</v>
      </c>
      <c r="F51850" s="1" t="s">
        <v>175037</v>
      </c>
      <c r="G51850" s="1" t="s">
        <v>175021</v>
      </c>
      <c r="H51850" s="1" t="s">
        <v>175022</v>
      </c>
      <c r="I51850" s="1" t="s">
        <v>172490</v>
      </c>
      <c r="J51850" s="1" t="s">
        <v>175038</v>
      </c>
    </row>
    <row r="51851" spans="1:10" x14ac:dyDescent="0.35">
      <c r="A51851" s="1" t="s">
        <v>117167</v>
      </c>
      <c r="B51851" s="1" t="s">
        <v>172484</v>
      </c>
      <c r="C51851" s="1" t="s">
        <v>40</v>
      </c>
      <c r="D51851" s="1" t="s">
        <v>175039</v>
      </c>
      <c r="E51851" s="1" t="s">
        <v>175040</v>
      </c>
      <c r="F51851" s="1" t="s">
        <v>175041</v>
      </c>
      <c r="G51851" s="1" t="s">
        <v>175021</v>
      </c>
      <c r="H51851" s="1" t="s">
        <v>175022</v>
      </c>
      <c r="I51851" s="1" t="s">
        <v>172490</v>
      </c>
      <c r="J51851" s="1" t="s">
        <v>175042</v>
      </c>
    </row>
    <row r="51852" spans="1:10" x14ac:dyDescent="0.35">
      <c r="A51852" s="1" t="s">
        <v>117167</v>
      </c>
      <c r="B51852" s="1" t="s">
        <v>172484</v>
      </c>
      <c r="C51852" s="1" t="s">
        <v>45</v>
      </c>
      <c r="D51852" s="1" t="s">
        <v>153617</v>
      </c>
      <c r="E51852" s="1" t="s">
        <v>175043</v>
      </c>
      <c r="F51852" s="1" t="s">
        <v>175044</v>
      </c>
      <c r="G51852" s="1" t="s">
        <v>175021</v>
      </c>
      <c r="H51852" s="1" t="s">
        <v>175022</v>
      </c>
      <c r="I51852" s="1" t="s">
        <v>172490</v>
      </c>
      <c r="J51852" s="1" t="s">
        <v>175045</v>
      </c>
    </row>
    <row r="51853" spans="1:10" x14ac:dyDescent="0.35">
      <c r="A51853" s="1" t="s">
        <v>117167</v>
      </c>
      <c r="B51853" s="1" t="s">
        <v>172484</v>
      </c>
      <c r="C51853" s="1" t="s">
        <v>50</v>
      </c>
      <c r="D51853" s="1" t="s">
        <v>30871</v>
      </c>
      <c r="E51853" s="1" t="s">
        <v>175046</v>
      </c>
      <c r="F51853" s="1" t="s">
        <v>175047</v>
      </c>
      <c r="G51853" s="1" t="s">
        <v>175021</v>
      </c>
      <c r="H51853" s="1" t="s">
        <v>175022</v>
      </c>
      <c r="I51853" s="1" t="s">
        <v>172490</v>
      </c>
      <c r="J51853" s="1" t="s">
        <v>175048</v>
      </c>
    </row>
    <row r="51854" spans="1:10" x14ac:dyDescent="0.35">
      <c r="A51854" s="1" t="s">
        <v>117167</v>
      </c>
      <c r="B51854" s="1" t="s">
        <v>172484</v>
      </c>
      <c r="C51854" s="1" t="s">
        <v>55</v>
      </c>
      <c r="D51854" s="1" t="s">
        <v>44433</v>
      </c>
      <c r="E51854" s="1" t="s">
        <v>175049</v>
      </c>
      <c r="F51854" s="1" t="s">
        <v>175050</v>
      </c>
      <c r="G51854" s="1" t="s">
        <v>175021</v>
      </c>
      <c r="H51854" s="1" t="s">
        <v>175022</v>
      </c>
      <c r="I51854" s="1" t="s">
        <v>172490</v>
      </c>
      <c r="J51854" s="1" t="s">
        <v>175051</v>
      </c>
    </row>
    <row r="51855" spans="1:10" x14ac:dyDescent="0.35">
      <c r="A51855" s="1" t="s">
        <v>117167</v>
      </c>
      <c r="B51855" s="1" t="s">
        <v>172484</v>
      </c>
      <c r="C51855" s="1" t="s">
        <v>60</v>
      </c>
      <c r="D51855" s="1" t="s">
        <v>175052</v>
      </c>
      <c r="E51855" s="1" t="s">
        <v>175053</v>
      </c>
      <c r="F51855" s="1" t="s">
        <v>175054</v>
      </c>
      <c r="G51855" s="1" t="s">
        <v>175021</v>
      </c>
      <c r="H51855" s="1" t="s">
        <v>175022</v>
      </c>
      <c r="I51855" s="1" t="s">
        <v>172490</v>
      </c>
      <c r="J51855" s="1" t="s">
        <v>175055</v>
      </c>
    </row>
    <row r="51856" spans="1:10" x14ac:dyDescent="0.35">
      <c r="A51856" s="1" t="s">
        <v>117167</v>
      </c>
      <c r="B51856" s="1" t="s">
        <v>172484</v>
      </c>
      <c r="C51856" s="1" t="s">
        <v>65</v>
      </c>
      <c r="D51856" s="1" t="s">
        <v>30261</v>
      </c>
      <c r="E51856" s="1" t="s">
        <v>175056</v>
      </c>
      <c r="F51856" s="1" t="s">
        <v>175057</v>
      </c>
      <c r="G51856" s="1" t="s">
        <v>175021</v>
      </c>
      <c r="H51856" s="1" t="s">
        <v>175022</v>
      </c>
      <c r="I51856" s="1" t="s">
        <v>172490</v>
      </c>
      <c r="J51856" s="1" t="s">
        <v>175058</v>
      </c>
    </row>
    <row r="51857" spans="1:10" x14ac:dyDescent="0.35">
      <c r="A51857" s="1" t="s">
        <v>117167</v>
      </c>
      <c r="B51857" s="1" t="s">
        <v>172484</v>
      </c>
      <c r="C51857" s="1" t="s">
        <v>70</v>
      </c>
      <c r="D51857" s="1" t="s">
        <v>8835</v>
      </c>
      <c r="E51857" s="1" t="s">
        <v>175059</v>
      </c>
      <c r="F51857" s="1" t="s">
        <v>175060</v>
      </c>
      <c r="G51857" s="1" t="s">
        <v>175021</v>
      </c>
      <c r="H51857" s="1" t="s">
        <v>175022</v>
      </c>
      <c r="I51857" s="1" t="s">
        <v>172490</v>
      </c>
      <c r="J51857" s="1" t="s">
        <v>175061</v>
      </c>
    </row>
    <row r="51858" spans="1:10" x14ac:dyDescent="0.35">
      <c r="A51858" s="1" t="s">
        <v>117167</v>
      </c>
      <c r="B51858" s="1" t="s">
        <v>172484</v>
      </c>
      <c r="C51858" s="1" t="s">
        <v>75</v>
      </c>
      <c r="D51858" s="1" t="s">
        <v>37162</v>
      </c>
      <c r="E51858" s="1" t="s">
        <v>175062</v>
      </c>
      <c r="F51858" s="1" t="s">
        <v>175063</v>
      </c>
      <c r="G51858" s="1" t="s">
        <v>175021</v>
      </c>
      <c r="H51858" s="1" t="s">
        <v>175022</v>
      </c>
      <c r="I51858" s="1" t="s">
        <v>172490</v>
      </c>
      <c r="J51858" s="1" t="s">
        <v>175064</v>
      </c>
    </row>
    <row r="51859" spans="1:10" x14ac:dyDescent="0.35">
      <c r="A51859" s="1" t="s">
        <v>117167</v>
      </c>
      <c r="B51859" s="1" t="s">
        <v>172484</v>
      </c>
      <c r="C51859" s="1" t="s">
        <v>80</v>
      </c>
      <c r="D51859" s="1" t="s">
        <v>154920</v>
      </c>
      <c r="E51859" s="1" t="s">
        <v>175065</v>
      </c>
      <c r="F51859" s="1" t="s">
        <v>175066</v>
      </c>
      <c r="G51859" s="1" t="s">
        <v>175021</v>
      </c>
      <c r="H51859" s="1" t="s">
        <v>175022</v>
      </c>
      <c r="I51859" s="1" t="s">
        <v>172490</v>
      </c>
      <c r="J51859" s="1" t="s">
        <v>175067</v>
      </c>
    </row>
    <row r="51860" spans="1:10" x14ac:dyDescent="0.35">
      <c r="A51860" s="1" t="s">
        <v>117167</v>
      </c>
      <c r="B51860" s="1" t="s">
        <v>172484</v>
      </c>
      <c r="C51860" s="1" t="s">
        <v>85</v>
      </c>
      <c r="D51860" s="1" t="s">
        <v>74053</v>
      </c>
      <c r="E51860" s="1" t="s">
        <v>175068</v>
      </c>
      <c r="F51860" s="1" t="s">
        <v>175069</v>
      </c>
      <c r="G51860" s="1" t="s">
        <v>175021</v>
      </c>
      <c r="H51860" s="1" t="s">
        <v>175022</v>
      </c>
      <c r="I51860" s="1" t="s">
        <v>172490</v>
      </c>
      <c r="J51860" s="1" t="s">
        <v>175070</v>
      </c>
    </row>
    <row r="51861" spans="1:10" x14ac:dyDescent="0.35">
      <c r="A51861" s="1" t="s">
        <v>117167</v>
      </c>
      <c r="B51861" s="1" t="s">
        <v>172484</v>
      </c>
      <c r="C51861" s="1" t="s">
        <v>90</v>
      </c>
      <c r="D51861" s="1" t="s">
        <v>118226</v>
      </c>
      <c r="E51861" s="1" t="s">
        <v>175071</v>
      </c>
      <c r="F51861" s="1" t="s">
        <v>175072</v>
      </c>
      <c r="G51861" s="1" t="s">
        <v>175021</v>
      </c>
      <c r="H51861" s="1" t="s">
        <v>175022</v>
      </c>
      <c r="I51861" s="1" t="s">
        <v>172490</v>
      </c>
      <c r="J51861" s="1" t="s">
        <v>175073</v>
      </c>
    </row>
    <row r="51862" spans="1:10" x14ac:dyDescent="0.35">
      <c r="A51862" s="1" t="s">
        <v>117167</v>
      </c>
      <c r="B51862" s="1" t="s">
        <v>172484</v>
      </c>
      <c r="C51862" s="1" t="s">
        <v>95</v>
      </c>
      <c r="D51862" s="1" t="s">
        <v>175074</v>
      </c>
      <c r="E51862" s="1" t="s">
        <v>175075</v>
      </c>
      <c r="F51862" s="1" t="s">
        <v>175076</v>
      </c>
      <c r="G51862" s="1" t="s">
        <v>175021</v>
      </c>
      <c r="H51862" s="1" t="s">
        <v>175022</v>
      </c>
      <c r="I51862" s="1" t="s">
        <v>172490</v>
      </c>
      <c r="J51862" s="1" t="s">
        <v>175077</v>
      </c>
    </row>
    <row r="51863" spans="1:10" x14ac:dyDescent="0.35">
      <c r="A51863" s="1" t="s">
        <v>117167</v>
      </c>
      <c r="B51863" s="1" t="s">
        <v>172484</v>
      </c>
      <c r="C51863" s="1" t="s">
        <v>100</v>
      </c>
      <c r="D51863" s="1" t="s">
        <v>153754</v>
      </c>
      <c r="E51863" s="1" t="s">
        <v>175078</v>
      </c>
      <c r="F51863" s="1" t="s">
        <v>175079</v>
      </c>
      <c r="G51863" s="1" t="s">
        <v>175021</v>
      </c>
      <c r="H51863" s="1" t="s">
        <v>175022</v>
      </c>
      <c r="I51863" s="1" t="s">
        <v>172490</v>
      </c>
      <c r="J51863" s="1" t="s">
        <v>175080</v>
      </c>
    </row>
    <row r="51864" spans="1:10" x14ac:dyDescent="0.35">
      <c r="A51864" s="1" t="s">
        <v>117167</v>
      </c>
      <c r="B51864" s="1" t="s">
        <v>172484</v>
      </c>
      <c r="C51864" s="1" t="s">
        <v>105</v>
      </c>
      <c r="D51864" s="1" t="s">
        <v>125932</v>
      </c>
      <c r="E51864" s="1" t="s">
        <v>175081</v>
      </c>
      <c r="F51864" s="1" t="s">
        <v>175082</v>
      </c>
      <c r="G51864" s="1" t="s">
        <v>175021</v>
      </c>
      <c r="H51864" s="1" t="s">
        <v>175022</v>
      </c>
      <c r="I51864" s="1" t="s">
        <v>172490</v>
      </c>
      <c r="J51864" s="1" t="s">
        <v>175083</v>
      </c>
    </row>
    <row r="51865" spans="1:10" x14ac:dyDescent="0.35">
      <c r="A51865" s="1" t="s">
        <v>117167</v>
      </c>
      <c r="B51865" s="1" t="s">
        <v>172484</v>
      </c>
      <c r="C51865" s="1" t="s">
        <v>110</v>
      </c>
      <c r="D51865" s="1" t="s">
        <v>175084</v>
      </c>
      <c r="E51865" s="1" t="s">
        <v>175085</v>
      </c>
      <c r="F51865" s="1" t="s">
        <v>175086</v>
      </c>
      <c r="G51865" s="1" t="s">
        <v>175021</v>
      </c>
      <c r="H51865" s="1" t="s">
        <v>175022</v>
      </c>
      <c r="I51865" s="1" t="s">
        <v>172490</v>
      </c>
      <c r="J51865" s="1" t="s">
        <v>175087</v>
      </c>
    </row>
    <row r="51866" spans="1:10" x14ac:dyDescent="0.35">
      <c r="A51866" s="1" t="s">
        <v>117167</v>
      </c>
      <c r="B51866" s="1" t="s">
        <v>172484</v>
      </c>
      <c r="C51866" s="1" t="s">
        <v>115</v>
      </c>
      <c r="D51866" s="1" t="s">
        <v>175088</v>
      </c>
      <c r="E51866" s="1" t="s">
        <v>175089</v>
      </c>
      <c r="F51866" s="1" t="s">
        <v>175090</v>
      </c>
      <c r="G51866" s="1" t="s">
        <v>175021</v>
      </c>
      <c r="H51866" s="1" t="s">
        <v>175022</v>
      </c>
      <c r="I51866" s="1" t="s">
        <v>172490</v>
      </c>
      <c r="J51866" s="1" t="s">
        <v>175091</v>
      </c>
    </row>
    <row r="51867" spans="1:10" x14ac:dyDescent="0.35">
      <c r="A51867" s="1" t="s">
        <v>117167</v>
      </c>
      <c r="B51867" s="1" t="s">
        <v>172484</v>
      </c>
      <c r="C51867" s="1" t="s">
        <v>120</v>
      </c>
      <c r="D51867" s="1" t="s">
        <v>173885</v>
      </c>
      <c r="E51867" s="1" t="s">
        <v>175092</v>
      </c>
      <c r="F51867" s="1" t="s">
        <v>175093</v>
      </c>
      <c r="G51867" s="1" t="s">
        <v>175021</v>
      </c>
      <c r="H51867" s="1" t="s">
        <v>175022</v>
      </c>
      <c r="I51867" s="1" t="s">
        <v>172490</v>
      </c>
      <c r="J51867" s="1" t="s">
        <v>175094</v>
      </c>
    </row>
    <row r="51868" spans="1:10" x14ac:dyDescent="0.35">
      <c r="A51868" s="1" t="s">
        <v>117167</v>
      </c>
      <c r="B51868" s="1" t="s">
        <v>172484</v>
      </c>
      <c r="C51868" s="1" t="s">
        <v>125</v>
      </c>
      <c r="D51868" s="1" t="s">
        <v>175095</v>
      </c>
      <c r="E51868" s="1" t="s">
        <v>175096</v>
      </c>
      <c r="F51868" s="1" t="s">
        <v>175097</v>
      </c>
      <c r="G51868" s="1" t="s">
        <v>175021</v>
      </c>
      <c r="H51868" s="1" t="s">
        <v>175022</v>
      </c>
      <c r="I51868" s="1" t="s">
        <v>172490</v>
      </c>
      <c r="J51868" s="1" t="s">
        <v>175098</v>
      </c>
    </row>
    <row r="51869" spans="1:10" x14ac:dyDescent="0.35">
      <c r="A51869" s="1" t="s">
        <v>117167</v>
      </c>
      <c r="B51869" s="1" t="s">
        <v>172484</v>
      </c>
      <c r="C51869" s="1" t="s">
        <v>130</v>
      </c>
      <c r="D51869" s="1" t="s">
        <v>175099</v>
      </c>
      <c r="E51869" s="1" t="s">
        <v>175100</v>
      </c>
      <c r="F51869" s="1" t="s">
        <v>175101</v>
      </c>
      <c r="G51869" s="1" t="s">
        <v>175021</v>
      </c>
      <c r="H51869" s="1" t="s">
        <v>175022</v>
      </c>
      <c r="I51869" s="1" t="s">
        <v>172490</v>
      </c>
      <c r="J51869" s="1" t="s">
        <v>175102</v>
      </c>
    </row>
    <row r="51870" spans="1:10" x14ac:dyDescent="0.35">
      <c r="A51870" s="1" t="s">
        <v>117167</v>
      </c>
      <c r="B51870" s="1" t="s">
        <v>172484</v>
      </c>
      <c r="C51870" s="1" t="s">
        <v>135</v>
      </c>
      <c r="D51870" s="1" t="s">
        <v>175103</v>
      </c>
      <c r="E51870" s="1" t="s">
        <v>175104</v>
      </c>
      <c r="F51870" s="1" t="s">
        <v>175105</v>
      </c>
      <c r="G51870" s="1" t="s">
        <v>175021</v>
      </c>
      <c r="H51870" s="1" t="s">
        <v>175022</v>
      </c>
      <c r="I51870" s="1" t="s">
        <v>172490</v>
      </c>
      <c r="J51870" s="1" t="s">
        <v>175106</v>
      </c>
    </row>
    <row r="51871" spans="1:10" x14ac:dyDescent="0.35">
      <c r="A51871" s="1" t="s">
        <v>117167</v>
      </c>
      <c r="B51871" s="1" t="s">
        <v>172484</v>
      </c>
      <c r="C51871" s="1" t="s">
        <v>140</v>
      </c>
      <c r="D51871" s="1" t="s">
        <v>154331</v>
      </c>
      <c r="E51871" s="1" t="s">
        <v>175107</v>
      </c>
      <c r="F51871" s="1" t="s">
        <v>175108</v>
      </c>
      <c r="G51871" s="1" t="s">
        <v>175021</v>
      </c>
      <c r="H51871" s="1" t="s">
        <v>175022</v>
      </c>
      <c r="I51871" s="1" t="s">
        <v>172490</v>
      </c>
      <c r="J51871" s="1" t="s">
        <v>175109</v>
      </c>
    </row>
    <row r="51872" spans="1:10" x14ac:dyDescent="0.35">
      <c r="A51872" s="1" t="s">
        <v>117167</v>
      </c>
      <c r="B51872" s="1" t="s">
        <v>172484</v>
      </c>
      <c r="C51872" s="1" t="s">
        <v>145</v>
      </c>
      <c r="D51872" s="1" t="s">
        <v>42710</v>
      </c>
      <c r="E51872" s="1" t="s">
        <v>175110</v>
      </c>
      <c r="F51872" s="1" t="s">
        <v>175111</v>
      </c>
      <c r="G51872" s="1" t="s">
        <v>175021</v>
      </c>
      <c r="H51872" s="1" t="s">
        <v>175022</v>
      </c>
      <c r="I51872" s="1" t="s">
        <v>172490</v>
      </c>
      <c r="J51872" s="1" t="s">
        <v>175112</v>
      </c>
    </row>
    <row r="51873" spans="1:10" x14ac:dyDescent="0.35">
      <c r="A51873" s="1" t="s">
        <v>117167</v>
      </c>
      <c r="B51873" s="1" t="s">
        <v>172484</v>
      </c>
      <c r="C51873" s="1" t="s">
        <v>150</v>
      </c>
      <c r="D51873" s="1" t="s">
        <v>175113</v>
      </c>
      <c r="E51873" s="1" t="s">
        <v>175114</v>
      </c>
      <c r="F51873" s="1" t="s">
        <v>175115</v>
      </c>
      <c r="G51873" s="1" t="s">
        <v>175021</v>
      </c>
      <c r="H51873" s="1" t="s">
        <v>175022</v>
      </c>
      <c r="I51873" s="1" t="s">
        <v>172490</v>
      </c>
      <c r="J51873" s="1" t="s">
        <v>175116</v>
      </c>
    </row>
    <row r="51874" spans="1:10" x14ac:dyDescent="0.35">
      <c r="A51874" s="1" t="s">
        <v>117167</v>
      </c>
      <c r="B51874" s="1" t="s">
        <v>172484</v>
      </c>
      <c r="C51874" s="1" t="s">
        <v>155</v>
      </c>
      <c r="D51874" s="1" t="s">
        <v>175117</v>
      </c>
      <c r="E51874" s="1" t="s">
        <v>175118</v>
      </c>
      <c r="F51874" s="1" t="s">
        <v>175119</v>
      </c>
      <c r="G51874" s="1" t="s">
        <v>175021</v>
      </c>
      <c r="H51874" s="1" t="s">
        <v>175022</v>
      </c>
      <c r="I51874" s="1" t="s">
        <v>172490</v>
      </c>
      <c r="J51874" s="1" t="s">
        <v>175120</v>
      </c>
    </row>
    <row r="51875" spans="1:10" x14ac:dyDescent="0.35">
      <c r="A51875" s="1" t="s">
        <v>117167</v>
      </c>
      <c r="B51875" s="1" t="s">
        <v>172484</v>
      </c>
      <c r="C51875" s="1" t="s">
        <v>160</v>
      </c>
      <c r="D51875" s="1" t="s">
        <v>63911</v>
      </c>
      <c r="E51875" s="1" t="s">
        <v>175121</v>
      </c>
      <c r="F51875" s="1" t="s">
        <v>175122</v>
      </c>
      <c r="G51875" s="1" t="s">
        <v>175021</v>
      </c>
      <c r="H51875" s="1" t="s">
        <v>175022</v>
      </c>
      <c r="I51875" s="1" t="s">
        <v>172490</v>
      </c>
      <c r="J51875" s="1" t="s">
        <v>175123</v>
      </c>
    </row>
    <row r="51876" spans="1:10" x14ac:dyDescent="0.35">
      <c r="A51876" s="1" t="s">
        <v>117167</v>
      </c>
      <c r="B51876" s="1" t="s">
        <v>172484</v>
      </c>
      <c r="C51876" s="1" t="s">
        <v>165</v>
      </c>
      <c r="D51876" s="1" t="s">
        <v>175124</v>
      </c>
      <c r="E51876" s="1" t="s">
        <v>175125</v>
      </c>
      <c r="F51876" s="1" t="s">
        <v>175126</v>
      </c>
      <c r="G51876" s="1" t="s">
        <v>175021</v>
      </c>
      <c r="H51876" s="1" t="s">
        <v>175022</v>
      </c>
      <c r="I51876" s="1" t="s">
        <v>172490</v>
      </c>
      <c r="J51876" s="1" t="s">
        <v>175127</v>
      </c>
    </row>
    <row r="51877" spans="1:10" x14ac:dyDescent="0.35">
      <c r="A51877" s="1" t="s">
        <v>117167</v>
      </c>
      <c r="B51877" s="1" t="s">
        <v>172484</v>
      </c>
      <c r="C51877" s="1" t="s">
        <v>170</v>
      </c>
      <c r="D51877" s="1" t="s">
        <v>88518</v>
      </c>
      <c r="E51877" s="1" t="s">
        <v>175128</v>
      </c>
      <c r="F51877" s="1" t="s">
        <v>175129</v>
      </c>
      <c r="G51877" s="1" t="s">
        <v>175021</v>
      </c>
      <c r="H51877" s="1" t="s">
        <v>175022</v>
      </c>
      <c r="I51877" s="1" t="s">
        <v>172490</v>
      </c>
      <c r="J51877" s="1" t="s">
        <v>175130</v>
      </c>
    </row>
    <row r="51878" spans="1:10" x14ac:dyDescent="0.35">
      <c r="A51878" s="1" t="s">
        <v>12095</v>
      </c>
      <c r="B51878" s="1" t="s">
        <v>172484</v>
      </c>
      <c r="C51878" s="1" t="s">
        <v>8</v>
      </c>
      <c r="D51878" s="1" t="s">
        <v>49282</v>
      </c>
      <c r="E51878" s="1" t="s">
        <v>175131</v>
      </c>
      <c r="F51878" s="1" t="s">
        <v>175132</v>
      </c>
      <c r="G51878" s="1" t="s">
        <v>175133</v>
      </c>
      <c r="H51878" s="1" t="s">
        <v>175134</v>
      </c>
      <c r="I51878" s="1" t="s">
        <v>172490</v>
      </c>
      <c r="J51878" s="1" t="s">
        <v>13</v>
      </c>
    </row>
    <row r="51879" spans="1:10" x14ac:dyDescent="0.35">
      <c r="A51879" s="1" t="s">
        <v>12095</v>
      </c>
      <c r="B51879" s="1" t="s">
        <v>172484</v>
      </c>
      <c r="C51879" s="1" t="s">
        <v>15</v>
      </c>
      <c r="D51879" s="1" t="s">
        <v>83227</v>
      </c>
      <c r="E51879" s="1" t="s">
        <v>175135</v>
      </c>
      <c r="F51879" s="1" t="s">
        <v>175136</v>
      </c>
      <c r="G51879" s="1" t="s">
        <v>175133</v>
      </c>
      <c r="H51879" s="1" t="s">
        <v>175134</v>
      </c>
      <c r="I51879" s="1" t="s">
        <v>172490</v>
      </c>
      <c r="J51879" s="1" t="s">
        <v>175137</v>
      </c>
    </row>
    <row r="51880" spans="1:10" x14ac:dyDescent="0.35">
      <c r="A51880" s="1" t="s">
        <v>12095</v>
      </c>
      <c r="B51880" s="1" t="s">
        <v>172484</v>
      </c>
      <c r="C51880" s="1" t="s">
        <v>20</v>
      </c>
      <c r="D51880" s="1" t="s">
        <v>10776</v>
      </c>
      <c r="E51880" s="1" t="s">
        <v>175138</v>
      </c>
      <c r="F51880" s="1" t="s">
        <v>175139</v>
      </c>
      <c r="G51880" s="1" t="s">
        <v>175133</v>
      </c>
      <c r="H51880" s="1" t="s">
        <v>175134</v>
      </c>
      <c r="I51880" s="1" t="s">
        <v>172490</v>
      </c>
      <c r="J51880" s="1" t="s">
        <v>175140</v>
      </c>
    </row>
    <row r="51881" spans="1:10" x14ac:dyDescent="0.35">
      <c r="A51881" s="1" t="s">
        <v>12095</v>
      </c>
      <c r="B51881" s="1" t="s">
        <v>172484</v>
      </c>
      <c r="C51881" s="1" t="s">
        <v>25</v>
      </c>
      <c r="D51881" s="1" t="s">
        <v>44721</v>
      </c>
      <c r="E51881" s="1" t="s">
        <v>175141</v>
      </c>
      <c r="F51881" s="1" t="s">
        <v>175142</v>
      </c>
      <c r="G51881" s="1" t="s">
        <v>175133</v>
      </c>
      <c r="H51881" s="1" t="s">
        <v>175134</v>
      </c>
      <c r="I51881" s="1" t="s">
        <v>172490</v>
      </c>
      <c r="J51881" s="1" t="s">
        <v>175143</v>
      </c>
    </row>
    <row r="51882" spans="1:10" x14ac:dyDescent="0.35">
      <c r="A51882" s="1" t="s">
        <v>12095</v>
      </c>
      <c r="B51882" s="1" t="s">
        <v>172484</v>
      </c>
      <c r="C51882" s="1" t="s">
        <v>30</v>
      </c>
      <c r="D51882" s="1" t="s">
        <v>30666</v>
      </c>
      <c r="E51882" s="1" t="s">
        <v>175144</v>
      </c>
      <c r="F51882" s="1" t="s">
        <v>175145</v>
      </c>
      <c r="G51882" s="1" t="s">
        <v>175133</v>
      </c>
      <c r="H51882" s="1" t="s">
        <v>175134</v>
      </c>
      <c r="I51882" s="1" t="s">
        <v>172490</v>
      </c>
      <c r="J51882" s="1" t="s">
        <v>175146</v>
      </c>
    </row>
    <row r="51883" spans="1:10" x14ac:dyDescent="0.35">
      <c r="A51883" s="1" t="s">
        <v>12095</v>
      </c>
      <c r="B51883" s="1" t="s">
        <v>172484</v>
      </c>
      <c r="C51883" s="1" t="s">
        <v>35</v>
      </c>
      <c r="D51883" s="1" t="s">
        <v>31775</v>
      </c>
      <c r="E51883" s="1" t="s">
        <v>175147</v>
      </c>
      <c r="F51883" s="1" t="s">
        <v>175148</v>
      </c>
      <c r="G51883" s="1" t="s">
        <v>175133</v>
      </c>
      <c r="H51883" s="1" t="s">
        <v>175134</v>
      </c>
      <c r="I51883" s="1" t="s">
        <v>172490</v>
      </c>
      <c r="J51883" s="1" t="s">
        <v>175149</v>
      </c>
    </row>
    <row r="51884" spans="1:10" x14ac:dyDescent="0.35">
      <c r="A51884" s="1" t="s">
        <v>12095</v>
      </c>
      <c r="B51884" s="1" t="s">
        <v>172484</v>
      </c>
      <c r="C51884" s="1" t="s">
        <v>40</v>
      </c>
      <c r="D51884" s="1" t="s">
        <v>175150</v>
      </c>
      <c r="E51884" s="1" t="s">
        <v>175151</v>
      </c>
      <c r="F51884" s="1" t="s">
        <v>175152</v>
      </c>
      <c r="G51884" s="1" t="s">
        <v>175133</v>
      </c>
      <c r="H51884" s="1" t="s">
        <v>175134</v>
      </c>
      <c r="I51884" s="1" t="s">
        <v>172490</v>
      </c>
      <c r="J51884" s="1" t="s">
        <v>175153</v>
      </c>
    </row>
    <row r="51885" spans="1:10" x14ac:dyDescent="0.35">
      <c r="A51885" s="1" t="s">
        <v>12095</v>
      </c>
      <c r="B51885" s="1" t="s">
        <v>172484</v>
      </c>
      <c r="C51885" s="1" t="s">
        <v>45</v>
      </c>
      <c r="D51885" s="1" t="s">
        <v>175154</v>
      </c>
      <c r="E51885" s="1" t="s">
        <v>175155</v>
      </c>
      <c r="F51885" s="1" t="s">
        <v>175156</v>
      </c>
      <c r="G51885" s="1" t="s">
        <v>175133</v>
      </c>
      <c r="H51885" s="1" t="s">
        <v>175134</v>
      </c>
      <c r="I51885" s="1" t="s">
        <v>172490</v>
      </c>
      <c r="J51885" s="1" t="s">
        <v>175157</v>
      </c>
    </row>
    <row r="51886" spans="1:10" x14ac:dyDescent="0.35">
      <c r="A51886" s="1" t="s">
        <v>12095</v>
      </c>
      <c r="B51886" s="1" t="s">
        <v>172484</v>
      </c>
      <c r="C51886" s="1" t="s">
        <v>50</v>
      </c>
      <c r="D51886" s="1" t="s">
        <v>113207</v>
      </c>
      <c r="E51886" s="1" t="s">
        <v>175158</v>
      </c>
      <c r="F51886" s="1" t="s">
        <v>175159</v>
      </c>
      <c r="G51886" s="1" t="s">
        <v>175133</v>
      </c>
      <c r="H51886" s="1" t="s">
        <v>175134</v>
      </c>
      <c r="I51886" s="1" t="s">
        <v>172490</v>
      </c>
      <c r="J51886" s="1" t="s">
        <v>175160</v>
      </c>
    </row>
    <row r="51887" spans="1:10" x14ac:dyDescent="0.35">
      <c r="A51887" s="1" t="s">
        <v>12095</v>
      </c>
      <c r="B51887" s="1" t="s">
        <v>172484</v>
      </c>
      <c r="C51887" s="1" t="s">
        <v>55</v>
      </c>
      <c r="D51887" s="1" t="s">
        <v>42176</v>
      </c>
      <c r="E51887" s="1" t="s">
        <v>175161</v>
      </c>
      <c r="F51887" s="1" t="s">
        <v>175162</v>
      </c>
      <c r="G51887" s="1" t="s">
        <v>175133</v>
      </c>
      <c r="H51887" s="1" t="s">
        <v>175134</v>
      </c>
      <c r="I51887" s="1" t="s">
        <v>172490</v>
      </c>
      <c r="J51887" s="1" t="s">
        <v>175163</v>
      </c>
    </row>
    <row r="51888" spans="1:10" x14ac:dyDescent="0.35">
      <c r="A51888" s="1" t="s">
        <v>12095</v>
      </c>
      <c r="B51888" s="1" t="s">
        <v>172484</v>
      </c>
      <c r="C51888" s="1" t="s">
        <v>60</v>
      </c>
      <c r="D51888" s="1" t="s">
        <v>175164</v>
      </c>
      <c r="E51888" s="1" t="s">
        <v>175165</v>
      </c>
      <c r="F51888" s="1" t="s">
        <v>175166</v>
      </c>
      <c r="G51888" s="1" t="s">
        <v>175133</v>
      </c>
      <c r="H51888" s="1" t="s">
        <v>175134</v>
      </c>
      <c r="I51888" s="1" t="s">
        <v>172490</v>
      </c>
      <c r="J51888" s="1" t="s">
        <v>175167</v>
      </c>
    </row>
    <row r="51889" spans="1:10" x14ac:dyDescent="0.35">
      <c r="A51889" s="1" t="s">
        <v>12095</v>
      </c>
      <c r="B51889" s="1" t="s">
        <v>172484</v>
      </c>
      <c r="C51889" s="1" t="s">
        <v>65</v>
      </c>
      <c r="D51889" s="1" t="s">
        <v>34376</v>
      </c>
      <c r="E51889" s="1" t="s">
        <v>175168</v>
      </c>
      <c r="F51889" s="1" t="s">
        <v>175169</v>
      </c>
      <c r="G51889" s="1" t="s">
        <v>175133</v>
      </c>
      <c r="H51889" s="1" t="s">
        <v>175134</v>
      </c>
      <c r="I51889" s="1" t="s">
        <v>172490</v>
      </c>
      <c r="J51889" s="1" t="s">
        <v>175170</v>
      </c>
    </row>
    <row r="51890" spans="1:10" x14ac:dyDescent="0.35">
      <c r="A51890" s="1" t="s">
        <v>12095</v>
      </c>
      <c r="B51890" s="1" t="s">
        <v>172484</v>
      </c>
      <c r="C51890" s="1" t="s">
        <v>70</v>
      </c>
      <c r="D51890" s="1" t="s">
        <v>175171</v>
      </c>
      <c r="E51890" s="1" t="s">
        <v>175172</v>
      </c>
      <c r="F51890" s="1" t="s">
        <v>175173</v>
      </c>
      <c r="G51890" s="1" t="s">
        <v>175133</v>
      </c>
      <c r="H51890" s="1" t="s">
        <v>175134</v>
      </c>
      <c r="I51890" s="1" t="s">
        <v>172490</v>
      </c>
      <c r="J51890" s="1" t="s">
        <v>175174</v>
      </c>
    </row>
    <row r="51891" spans="1:10" x14ac:dyDescent="0.35">
      <c r="A51891" s="1" t="s">
        <v>12095</v>
      </c>
      <c r="B51891" s="1" t="s">
        <v>172484</v>
      </c>
      <c r="C51891" s="1" t="s">
        <v>75</v>
      </c>
      <c r="D51891" s="1" t="s">
        <v>175175</v>
      </c>
      <c r="E51891" s="1" t="s">
        <v>175176</v>
      </c>
      <c r="F51891" s="1" t="s">
        <v>175177</v>
      </c>
      <c r="G51891" s="1" t="s">
        <v>175133</v>
      </c>
      <c r="H51891" s="1" t="s">
        <v>175134</v>
      </c>
      <c r="I51891" s="1" t="s">
        <v>172490</v>
      </c>
      <c r="J51891" s="1" t="s">
        <v>175178</v>
      </c>
    </row>
    <row r="51892" spans="1:10" x14ac:dyDescent="0.35">
      <c r="A51892" s="1" t="s">
        <v>12095</v>
      </c>
      <c r="B51892" s="1" t="s">
        <v>172484</v>
      </c>
      <c r="C51892" s="1" t="s">
        <v>80</v>
      </c>
      <c r="D51892" s="1" t="s">
        <v>175179</v>
      </c>
      <c r="E51892" s="1" t="s">
        <v>175180</v>
      </c>
      <c r="F51892" s="1" t="s">
        <v>175181</v>
      </c>
      <c r="G51892" s="1" t="s">
        <v>175133</v>
      </c>
      <c r="H51892" s="1" t="s">
        <v>175134</v>
      </c>
      <c r="I51892" s="1" t="s">
        <v>172490</v>
      </c>
      <c r="J51892" s="1" t="s">
        <v>175182</v>
      </c>
    </row>
    <row r="51893" spans="1:10" x14ac:dyDescent="0.35">
      <c r="A51893" s="1" t="s">
        <v>12095</v>
      </c>
      <c r="B51893" s="1" t="s">
        <v>172484</v>
      </c>
      <c r="C51893" s="1" t="s">
        <v>85</v>
      </c>
      <c r="D51893" s="1" t="s">
        <v>175183</v>
      </c>
      <c r="E51893" s="1" t="s">
        <v>175184</v>
      </c>
      <c r="F51893" s="1" t="s">
        <v>175185</v>
      </c>
      <c r="G51893" s="1" t="s">
        <v>175133</v>
      </c>
      <c r="H51893" s="1" t="s">
        <v>175134</v>
      </c>
      <c r="I51893" s="1" t="s">
        <v>172490</v>
      </c>
      <c r="J51893" s="1" t="s">
        <v>175186</v>
      </c>
    </row>
    <row r="51894" spans="1:10" x14ac:dyDescent="0.35">
      <c r="A51894" s="1" t="s">
        <v>12095</v>
      </c>
      <c r="B51894" s="1" t="s">
        <v>172484</v>
      </c>
      <c r="C51894" s="1" t="s">
        <v>90</v>
      </c>
      <c r="D51894" s="1" t="s">
        <v>175187</v>
      </c>
      <c r="E51894" s="1" t="s">
        <v>175188</v>
      </c>
      <c r="F51894" s="1" t="s">
        <v>175189</v>
      </c>
      <c r="G51894" s="1" t="s">
        <v>175133</v>
      </c>
      <c r="H51894" s="1" t="s">
        <v>175134</v>
      </c>
      <c r="I51894" s="1" t="s">
        <v>172490</v>
      </c>
      <c r="J51894" s="1" t="s">
        <v>175190</v>
      </c>
    </row>
    <row r="51895" spans="1:10" x14ac:dyDescent="0.35">
      <c r="A51895" s="1" t="s">
        <v>12095</v>
      </c>
      <c r="B51895" s="1" t="s">
        <v>172484</v>
      </c>
      <c r="C51895" s="1" t="s">
        <v>95</v>
      </c>
      <c r="D51895" s="1" t="s">
        <v>105701</v>
      </c>
      <c r="E51895" s="1" t="s">
        <v>175191</v>
      </c>
      <c r="F51895" s="1" t="s">
        <v>175192</v>
      </c>
      <c r="G51895" s="1" t="s">
        <v>175133</v>
      </c>
      <c r="H51895" s="1" t="s">
        <v>175134</v>
      </c>
      <c r="I51895" s="1" t="s">
        <v>172490</v>
      </c>
      <c r="J51895" s="1" t="s">
        <v>175193</v>
      </c>
    </row>
    <row r="51896" spans="1:10" x14ac:dyDescent="0.35">
      <c r="A51896" s="1" t="s">
        <v>12095</v>
      </c>
      <c r="B51896" s="1" t="s">
        <v>172484</v>
      </c>
      <c r="C51896" s="1" t="s">
        <v>100</v>
      </c>
      <c r="D51896" s="1" t="s">
        <v>175194</v>
      </c>
      <c r="E51896" s="1" t="s">
        <v>175195</v>
      </c>
      <c r="F51896" s="1" t="s">
        <v>175196</v>
      </c>
      <c r="G51896" s="1" t="s">
        <v>175133</v>
      </c>
      <c r="H51896" s="1" t="s">
        <v>175134</v>
      </c>
      <c r="I51896" s="1" t="s">
        <v>172490</v>
      </c>
      <c r="J51896" s="1" t="s">
        <v>175197</v>
      </c>
    </row>
    <row r="51897" spans="1:10" x14ac:dyDescent="0.35">
      <c r="A51897" s="1" t="s">
        <v>12095</v>
      </c>
      <c r="B51897" s="1" t="s">
        <v>172484</v>
      </c>
      <c r="C51897" s="1" t="s">
        <v>105</v>
      </c>
      <c r="D51897" s="1" t="s">
        <v>175198</v>
      </c>
      <c r="E51897" s="1" t="s">
        <v>175199</v>
      </c>
      <c r="F51897" s="1" t="s">
        <v>175200</v>
      </c>
      <c r="G51897" s="1" t="s">
        <v>175133</v>
      </c>
      <c r="H51897" s="1" t="s">
        <v>175134</v>
      </c>
      <c r="I51897" s="1" t="s">
        <v>172490</v>
      </c>
      <c r="J51897" s="1" t="s">
        <v>175201</v>
      </c>
    </row>
    <row r="51898" spans="1:10" x14ac:dyDescent="0.35">
      <c r="A51898" s="1" t="s">
        <v>12095</v>
      </c>
      <c r="B51898" s="1" t="s">
        <v>172484</v>
      </c>
      <c r="C51898" s="1" t="s">
        <v>110</v>
      </c>
      <c r="D51898" s="1" t="s">
        <v>166398</v>
      </c>
      <c r="E51898" s="1" t="s">
        <v>175202</v>
      </c>
      <c r="F51898" s="1" t="s">
        <v>175203</v>
      </c>
      <c r="G51898" s="1" t="s">
        <v>175133</v>
      </c>
      <c r="H51898" s="1" t="s">
        <v>175134</v>
      </c>
      <c r="I51898" s="1" t="s">
        <v>172490</v>
      </c>
      <c r="J51898" s="1" t="s">
        <v>175204</v>
      </c>
    </row>
    <row r="51899" spans="1:10" x14ac:dyDescent="0.35">
      <c r="A51899" s="1" t="s">
        <v>12095</v>
      </c>
      <c r="B51899" s="1" t="s">
        <v>172484</v>
      </c>
      <c r="C51899" s="1" t="s">
        <v>115</v>
      </c>
      <c r="D51899" s="1" t="s">
        <v>76966</v>
      </c>
      <c r="E51899" s="1" t="s">
        <v>175205</v>
      </c>
      <c r="F51899" s="1" t="s">
        <v>175206</v>
      </c>
      <c r="G51899" s="1" t="s">
        <v>175133</v>
      </c>
      <c r="H51899" s="1" t="s">
        <v>175134</v>
      </c>
      <c r="I51899" s="1" t="s">
        <v>172490</v>
      </c>
      <c r="J51899" s="1" t="s">
        <v>175207</v>
      </c>
    </row>
    <row r="51900" spans="1:10" x14ac:dyDescent="0.35">
      <c r="A51900" s="1" t="s">
        <v>12095</v>
      </c>
      <c r="B51900" s="1" t="s">
        <v>172484</v>
      </c>
      <c r="C51900" s="1" t="s">
        <v>120</v>
      </c>
      <c r="D51900" s="1" t="s">
        <v>106325</v>
      </c>
      <c r="E51900" s="1" t="s">
        <v>175208</v>
      </c>
      <c r="F51900" s="1" t="s">
        <v>175209</v>
      </c>
      <c r="G51900" s="1" t="s">
        <v>175133</v>
      </c>
      <c r="H51900" s="1" t="s">
        <v>175134</v>
      </c>
      <c r="I51900" s="1" t="s">
        <v>172490</v>
      </c>
      <c r="J51900" s="1" t="s">
        <v>175210</v>
      </c>
    </row>
    <row r="51901" spans="1:10" x14ac:dyDescent="0.35">
      <c r="A51901" s="1" t="s">
        <v>12095</v>
      </c>
      <c r="B51901" s="1" t="s">
        <v>172484</v>
      </c>
      <c r="C51901" s="1" t="s">
        <v>125</v>
      </c>
      <c r="D51901" s="1" t="s">
        <v>99548</v>
      </c>
      <c r="E51901" s="1" t="s">
        <v>175211</v>
      </c>
      <c r="F51901" s="1" t="s">
        <v>175212</v>
      </c>
      <c r="G51901" s="1" t="s">
        <v>175133</v>
      </c>
      <c r="H51901" s="1" t="s">
        <v>175134</v>
      </c>
      <c r="I51901" s="1" t="s">
        <v>172490</v>
      </c>
      <c r="J51901" s="1" t="s">
        <v>175213</v>
      </c>
    </row>
    <row r="51902" spans="1:10" x14ac:dyDescent="0.35">
      <c r="A51902" s="1" t="s">
        <v>12095</v>
      </c>
      <c r="B51902" s="1" t="s">
        <v>172484</v>
      </c>
      <c r="C51902" s="1" t="s">
        <v>130</v>
      </c>
      <c r="D51902" s="1" t="s">
        <v>59388</v>
      </c>
      <c r="E51902" s="1" t="s">
        <v>175214</v>
      </c>
      <c r="F51902" s="1" t="s">
        <v>175215</v>
      </c>
      <c r="G51902" s="1" t="s">
        <v>175133</v>
      </c>
      <c r="H51902" s="1" t="s">
        <v>175134</v>
      </c>
      <c r="I51902" s="1" t="s">
        <v>172490</v>
      </c>
      <c r="J51902" s="1" t="s">
        <v>175216</v>
      </c>
    </row>
    <row r="51903" spans="1:10" x14ac:dyDescent="0.35">
      <c r="A51903" s="1" t="s">
        <v>12095</v>
      </c>
      <c r="B51903" s="1" t="s">
        <v>172484</v>
      </c>
      <c r="C51903" s="1" t="s">
        <v>135</v>
      </c>
      <c r="D51903" s="1" t="s">
        <v>81424</v>
      </c>
      <c r="E51903" s="1" t="s">
        <v>175217</v>
      </c>
      <c r="F51903" s="1" t="s">
        <v>175218</v>
      </c>
      <c r="G51903" s="1" t="s">
        <v>175133</v>
      </c>
      <c r="H51903" s="1" t="s">
        <v>175134</v>
      </c>
      <c r="I51903" s="1" t="s">
        <v>172490</v>
      </c>
      <c r="J51903" s="1" t="s">
        <v>175219</v>
      </c>
    </row>
    <row r="51904" spans="1:10" x14ac:dyDescent="0.35">
      <c r="A51904" s="1" t="s">
        <v>12095</v>
      </c>
      <c r="B51904" s="1" t="s">
        <v>172484</v>
      </c>
      <c r="C51904" s="1" t="s">
        <v>140</v>
      </c>
      <c r="D51904" s="1" t="s">
        <v>22523</v>
      </c>
      <c r="E51904" s="1" t="s">
        <v>175220</v>
      </c>
      <c r="F51904" s="1" t="s">
        <v>175221</v>
      </c>
      <c r="G51904" s="1" t="s">
        <v>175133</v>
      </c>
      <c r="H51904" s="1" t="s">
        <v>175134</v>
      </c>
      <c r="I51904" s="1" t="s">
        <v>172490</v>
      </c>
      <c r="J51904" s="1" t="s">
        <v>175222</v>
      </c>
    </row>
    <row r="51905" spans="1:10" x14ac:dyDescent="0.35">
      <c r="A51905" s="1" t="s">
        <v>12095</v>
      </c>
      <c r="B51905" s="1" t="s">
        <v>172484</v>
      </c>
      <c r="C51905" s="1" t="s">
        <v>145</v>
      </c>
      <c r="D51905" s="1" t="s">
        <v>63315</v>
      </c>
      <c r="E51905" s="1" t="s">
        <v>175223</v>
      </c>
      <c r="F51905" s="1" t="s">
        <v>175224</v>
      </c>
      <c r="G51905" s="1" t="s">
        <v>175133</v>
      </c>
      <c r="H51905" s="1" t="s">
        <v>175134</v>
      </c>
      <c r="I51905" s="1" t="s">
        <v>172490</v>
      </c>
      <c r="J51905" s="1" t="s">
        <v>175225</v>
      </c>
    </row>
    <row r="51906" spans="1:10" x14ac:dyDescent="0.35">
      <c r="A51906" s="1" t="s">
        <v>12095</v>
      </c>
      <c r="B51906" s="1" t="s">
        <v>172484</v>
      </c>
      <c r="C51906" s="1" t="s">
        <v>150</v>
      </c>
      <c r="D51906" s="1" t="s">
        <v>96909</v>
      </c>
      <c r="E51906" s="1" t="s">
        <v>175226</v>
      </c>
      <c r="F51906" s="1" t="s">
        <v>175227</v>
      </c>
      <c r="G51906" s="1" t="s">
        <v>175133</v>
      </c>
      <c r="H51906" s="1" t="s">
        <v>175134</v>
      </c>
      <c r="I51906" s="1" t="s">
        <v>172490</v>
      </c>
      <c r="J51906" s="1" t="s">
        <v>175228</v>
      </c>
    </row>
    <row r="51907" spans="1:10" x14ac:dyDescent="0.35">
      <c r="A51907" s="1" t="s">
        <v>12095</v>
      </c>
      <c r="B51907" s="1" t="s">
        <v>172484</v>
      </c>
      <c r="C51907" s="1" t="s">
        <v>155</v>
      </c>
      <c r="D51907" s="1" t="s">
        <v>59931</v>
      </c>
      <c r="E51907" s="1" t="s">
        <v>175229</v>
      </c>
      <c r="F51907" s="1" t="s">
        <v>175230</v>
      </c>
      <c r="G51907" s="1" t="s">
        <v>175133</v>
      </c>
      <c r="H51907" s="1" t="s">
        <v>175134</v>
      </c>
      <c r="I51907" s="1" t="s">
        <v>172490</v>
      </c>
      <c r="J51907" s="1" t="s">
        <v>175231</v>
      </c>
    </row>
    <row r="51908" spans="1:10" x14ac:dyDescent="0.35">
      <c r="A51908" s="1" t="s">
        <v>12095</v>
      </c>
      <c r="B51908" s="1" t="s">
        <v>172484</v>
      </c>
      <c r="C51908" s="1" t="s">
        <v>160</v>
      </c>
      <c r="D51908" s="1" t="s">
        <v>138667</v>
      </c>
      <c r="E51908" s="1" t="s">
        <v>175232</v>
      </c>
      <c r="F51908" s="1" t="s">
        <v>175233</v>
      </c>
      <c r="G51908" s="1" t="s">
        <v>175133</v>
      </c>
      <c r="H51908" s="1" t="s">
        <v>175134</v>
      </c>
      <c r="I51908" s="1" t="s">
        <v>172490</v>
      </c>
      <c r="J51908" s="1" t="s">
        <v>175234</v>
      </c>
    </row>
    <row r="51909" spans="1:10" x14ac:dyDescent="0.35">
      <c r="A51909" s="1" t="s">
        <v>12095</v>
      </c>
      <c r="B51909" s="1" t="s">
        <v>172484</v>
      </c>
      <c r="C51909" s="1" t="s">
        <v>165</v>
      </c>
      <c r="D51909" s="1" t="s">
        <v>175235</v>
      </c>
      <c r="E51909" s="1" t="s">
        <v>175236</v>
      </c>
      <c r="F51909" s="1" t="s">
        <v>175237</v>
      </c>
      <c r="G51909" s="1" t="s">
        <v>175133</v>
      </c>
      <c r="H51909" s="1" t="s">
        <v>175134</v>
      </c>
      <c r="I51909" s="1" t="s">
        <v>172490</v>
      </c>
      <c r="J51909" s="1" t="s">
        <v>175238</v>
      </c>
    </row>
    <row r="51910" spans="1:10" x14ac:dyDescent="0.35">
      <c r="A51910" s="1" t="s">
        <v>12095</v>
      </c>
      <c r="B51910" s="1" t="s">
        <v>172484</v>
      </c>
      <c r="C51910" s="1" t="s">
        <v>170</v>
      </c>
      <c r="D51910" s="1" t="s">
        <v>20452</v>
      </c>
      <c r="E51910" s="1" t="s">
        <v>175239</v>
      </c>
      <c r="F51910" s="1" t="s">
        <v>175240</v>
      </c>
      <c r="G51910" s="1" t="s">
        <v>175133</v>
      </c>
      <c r="H51910" s="1" t="s">
        <v>175134</v>
      </c>
      <c r="I51910" s="1" t="s">
        <v>172490</v>
      </c>
      <c r="J51910" s="1" t="s">
        <v>175241</v>
      </c>
    </row>
    <row r="51911" spans="1:10" x14ac:dyDescent="0.35">
      <c r="A51911" s="1" t="s">
        <v>27330</v>
      </c>
      <c r="B51911" s="1" t="s">
        <v>172484</v>
      </c>
      <c r="C51911" s="1" t="s">
        <v>8</v>
      </c>
      <c r="D51911" s="1" t="s">
        <v>175242</v>
      </c>
      <c r="E51911" s="1" t="s">
        <v>175243</v>
      </c>
      <c r="F51911" s="1" t="s">
        <v>175244</v>
      </c>
      <c r="G51911" s="1" t="s">
        <v>175245</v>
      </c>
      <c r="H51911" s="1" t="s">
        <v>175246</v>
      </c>
      <c r="I51911" s="1" t="s">
        <v>172490</v>
      </c>
      <c r="J51911" s="1" t="s">
        <v>13</v>
      </c>
    </row>
    <row r="51912" spans="1:10" x14ac:dyDescent="0.35">
      <c r="A51912" s="1" t="s">
        <v>27330</v>
      </c>
      <c r="B51912" s="1" t="s">
        <v>172484</v>
      </c>
      <c r="C51912" s="1" t="s">
        <v>15</v>
      </c>
      <c r="D51912" s="1" t="s">
        <v>2967</v>
      </c>
      <c r="E51912" s="1" t="s">
        <v>175247</v>
      </c>
      <c r="F51912" s="1" t="s">
        <v>175248</v>
      </c>
      <c r="G51912" s="1" t="s">
        <v>175245</v>
      </c>
      <c r="H51912" s="1" t="s">
        <v>175246</v>
      </c>
      <c r="I51912" s="1" t="s">
        <v>172490</v>
      </c>
      <c r="J51912" s="1" t="s">
        <v>175249</v>
      </c>
    </row>
    <row r="51913" spans="1:10" x14ac:dyDescent="0.35">
      <c r="A51913" s="1" t="s">
        <v>27330</v>
      </c>
      <c r="B51913" s="1" t="s">
        <v>172484</v>
      </c>
      <c r="C51913" s="1" t="s">
        <v>20</v>
      </c>
      <c r="D51913" s="1" t="s">
        <v>126126</v>
      </c>
      <c r="E51913" s="1" t="s">
        <v>175250</v>
      </c>
      <c r="F51913" s="1" t="s">
        <v>175251</v>
      </c>
      <c r="G51913" s="1" t="s">
        <v>175245</v>
      </c>
      <c r="H51913" s="1" t="s">
        <v>175246</v>
      </c>
      <c r="I51913" s="1" t="s">
        <v>172490</v>
      </c>
      <c r="J51913" s="1" t="s">
        <v>175252</v>
      </c>
    </row>
    <row r="51914" spans="1:10" x14ac:dyDescent="0.35">
      <c r="A51914" s="1" t="s">
        <v>27330</v>
      </c>
      <c r="B51914" s="1" t="s">
        <v>172484</v>
      </c>
      <c r="C51914" s="1" t="s">
        <v>25</v>
      </c>
      <c r="D51914" s="1" t="s">
        <v>157746</v>
      </c>
      <c r="E51914" s="1" t="s">
        <v>175253</v>
      </c>
      <c r="F51914" s="1" t="s">
        <v>175254</v>
      </c>
      <c r="G51914" s="1" t="s">
        <v>175245</v>
      </c>
      <c r="H51914" s="1" t="s">
        <v>175246</v>
      </c>
      <c r="I51914" s="1" t="s">
        <v>172490</v>
      </c>
      <c r="J51914" s="1" t="s">
        <v>175255</v>
      </c>
    </row>
    <row r="51915" spans="1:10" x14ac:dyDescent="0.35">
      <c r="A51915" s="1" t="s">
        <v>27330</v>
      </c>
      <c r="B51915" s="1" t="s">
        <v>172484</v>
      </c>
      <c r="C51915" s="1" t="s">
        <v>30</v>
      </c>
      <c r="D51915" s="1" t="s">
        <v>74234</v>
      </c>
      <c r="E51915" s="1" t="s">
        <v>175256</v>
      </c>
      <c r="F51915" s="1" t="s">
        <v>175257</v>
      </c>
      <c r="G51915" s="1" t="s">
        <v>175245</v>
      </c>
      <c r="H51915" s="1" t="s">
        <v>175246</v>
      </c>
      <c r="I51915" s="1" t="s">
        <v>172490</v>
      </c>
      <c r="J51915" s="1" t="s">
        <v>175258</v>
      </c>
    </row>
    <row r="51916" spans="1:10" x14ac:dyDescent="0.35">
      <c r="A51916" s="1" t="s">
        <v>27330</v>
      </c>
      <c r="B51916" s="1" t="s">
        <v>172484</v>
      </c>
      <c r="C51916" s="1" t="s">
        <v>35</v>
      </c>
      <c r="D51916" s="1" t="s">
        <v>124473</v>
      </c>
      <c r="E51916" s="1" t="s">
        <v>175259</v>
      </c>
      <c r="F51916" s="1" t="s">
        <v>175260</v>
      </c>
      <c r="G51916" s="1" t="s">
        <v>175245</v>
      </c>
      <c r="H51916" s="1" t="s">
        <v>175246</v>
      </c>
      <c r="I51916" s="1" t="s">
        <v>172490</v>
      </c>
      <c r="J51916" s="1" t="s">
        <v>175261</v>
      </c>
    </row>
    <row r="51917" spans="1:10" x14ac:dyDescent="0.35">
      <c r="A51917" s="1" t="s">
        <v>27330</v>
      </c>
      <c r="B51917" s="1" t="s">
        <v>172484</v>
      </c>
      <c r="C51917" s="1" t="s">
        <v>40</v>
      </c>
      <c r="D51917" s="1" t="s">
        <v>30514</v>
      </c>
      <c r="E51917" s="1" t="s">
        <v>175262</v>
      </c>
      <c r="F51917" s="1" t="s">
        <v>175263</v>
      </c>
      <c r="G51917" s="1" t="s">
        <v>175245</v>
      </c>
      <c r="H51917" s="1" t="s">
        <v>175246</v>
      </c>
      <c r="I51917" s="1" t="s">
        <v>172490</v>
      </c>
      <c r="J51917" s="1" t="s">
        <v>175264</v>
      </c>
    </row>
    <row r="51918" spans="1:10" x14ac:dyDescent="0.35">
      <c r="A51918" s="1" t="s">
        <v>27330</v>
      </c>
      <c r="B51918" s="1" t="s">
        <v>172484</v>
      </c>
      <c r="C51918" s="1" t="s">
        <v>45</v>
      </c>
      <c r="D51918" s="1" t="s">
        <v>82945</v>
      </c>
      <c r="E51918" s="1" t="s">
        <v>175265</v>
      </c>
      <c r="F51918" s="1" t="s">
        <v>175266</v>
      </c>
      <c r="G51918" s="1" t="s">
        <v>175245</v>
      </c>
      <c r="H51918" s="1" t="s">
        <v>175246</v>
      </c>
      <c r="I51918" s="1" t="s">
        <v>172490</v>
      </c>
      <c r="J51918" s="1" t="s">
        <v>175267</v>
      </c>
    </row>
    <row r="51919" spans="1:10" x14ac:dyDescent="0.35">
      <c r="A51919" s="1" t="s">
        <v>27330</v>
      </c>
      <c r="B51919" s="1" t="s">
        <v>172484</v>
      </c>
      <c r="C51919" s="1" t="s">
        <v>50</v>
      </c>
      <c r="D51919" s="1" t="s">
        <v>175268</v>
      </c>
      <c r="E51919" s="1" t="s">
        <v>175269</v>
      </c>
      <c r="F51919" s="1" t="s">
        <v>175270</v>
      </c>
      <c r="G51919" s="1" t="s">
        <v>175245</v>
      </c>
      <c r="H51919" s="1" t="s">
        <v>175246</v>
      </c>
      <c r="I51919" s="1" t="s">
        <v>172490</v>
      </c>
      <c r="J51919" s="1" t="s">
        <v>175271</v>
      </c>
    </row>
    <row r="51920" spans="1:10" x14ac:dyDescent="0.35">
      <c r="A51920" s="1" t="s">
        <v>27330</v>
      </c>
      <c r="B51920" s="1" t="s">
        <v>172484</v>
      </c>
      <c r="C51920" s="1" t="s">
        <v>55</v>
      </c>
      <c r="D51920" s="1" t="s">
        <v>31193</v>
      </c>
      <c r="E51920" s="1" t="s">
        <v>175272</v>
      </c>
      <c r="F51920" s="1" t="s">
        <v>175273</v>
      </c>
      <c r="G51920" s="1" t="s">
        <v>175245</v>
      </c>
      <c r="H51920" s="1" t="s">
        <v>175246</v>
      </c>
      <c r="I51920" s="1" t="s">
        <v>172490</v>
      </c>
      <c r="J51920" s="1" t="s">
        <v>175274</v>
      </c>
    </row>
    <row r="51921" spans="1:10" x14ac:dyDescent="0.35">
      <c r="A51921" s="1" t="s">
        <v>27330</v>
      </c>
      <c r="B51921" s="1" t="s">
        <v>172484</v>
      </c>
      <c r="C51921" s="1" t="s">
        <v>60</v>
      </c>
      <c r="D51921" s="1" t="s">
        <v>31319</v>
      </c>
      <c r="E51921" s="1" t="s">
        <v>175275</v>
      </c>
      <c r="F51921" s="1" t="s">
        <v>175276</v>
      </c>
      <c r="G51921" s="1" t="s">
        <v>175245</v>
      </c>
      <c r="H51921" s="1" t="s">
        <v>175246</v>
      </c>
      <c r="I51921" s="1" t="s">
        <v>172490</v>
      </c>
      <c r="J51921" s="1" t="s">
        <v>175277</v>
      </c>
    </row>
    <row r="51922" spans="1:10" x14ac:dyDescent="0.35">
      <c r="A51922" s="1" t="s">
        <v>27330</v>
      </c>
      <c r="B51922" s="1" t="s">
        <v>172484</v>
      </c>
      <c r="C51922" s="1" t="s">
        <v>65</v>
      </c>
      <c r="D51922" s="1" t="s">
        <v>154291</v>
      </c>
      <c r="E51922" s="1" t="s">
        <v>175278</v>
      </c>
      <c r="F51922" s="1" t="s">
        <v>175279</v>
      </c>
      <c r="G51922" s="1" t="s">
        <v>175245</v>
      </c>
      <c r="H51922" s="1" t="s">
        <v>175246</v>
      </c>
      <c r="I51922" s="1" t="s">
        <v>172490</v>
      </c>
      <c r="J51922" s="1" t="s">
        <v>175280</v>
      </c>
    </row>
    <row r="51923" spans="1:10" x14ac:dyDescent="0.35">
      <c r="A51923" s="1" t="s">
        <v>27330</v>
      </c>
      <c r="B51923" s="1" t="s">
        <v>172484</v>
      </c>
      <c r="C51923" s="1" t="s">
        <v>70</v>
      </c>
      <c r="D51923" s="1" t="s">
        <v>175281</v>
      </c>
      <c r="E51923" s="1" t="s">
        <v>175282</v>
      </c>
      <c r="F51923" s="1" t="s">
        <v>175283</v>
      </c>
      <c r="G51923" s="1" t="s">
        <v>175245</v>
      </c>
      <c r="H51923" s="1" t="s">
        <v>175246</v>
      </c>
      <c r="I51923" s="1" t="s">
        <v>172490</v>
      </c>
      <c r="J51923" s="1" t="s">
        <v>175284</v>
      </c>
    </row>
    <row r="51924" spans="1:10" x14ac:dyDescent="0.35">
      <c r="A51924" s="1" t="s">
        <v>27330</v>
      </c>
      <c r="B51924" s="1" t="s">
        <v>172484</v>
      </c>
      <c r="C51924" s="1" t="s">
        <v>75</v>
      </c>
      <c r="D51924" s="1" t="s">
        <v>175285</v>
      </c>
      <c r="E51924" s="1" t="s">
        <v>175286</v>
      </c>
      <c r="F51924" s="1" t="s">
        <v>175287</v>
      </c>
      <c r="G51924" s="1" t="s">
        <v>175245</v>
      </c>
      <c r="H51924" s="1" t="s">
        <v>175246</v>
      </c>
      <c r="I51924" s="1" t="s">
        <v>172490</v>
      </c>
      <c r="J51924" s="1" t="s">
        <v>175288</v>
      </c>
    </row>
    <row r="51925" spans="1:10" x14ac:dyDescent="0.35">
      <c r="A51925" s="1" t="s">
        <v>27330</v>
      </c>
      <c r="B51925" s="1" t="s">
        <v>172484</v>
      </c>
      <c r="C51925" s="1" t="s">
        <v>80</v>
      </c>
      <c r="D51925" s="1" t="s">
        <v>175289</v>
      </c>
      <c r="E51925" s="1" t="s">
        <v>175290</v>
      </c>
      <c r="F51925" s="1" t="s">
        <v>175291</v>
      </c>
      <c r="G51925" s="1" t="s">
        <v>175245</v>
      </c>
      <c r="H51925" s="1" t="s">
        <v>175246</v>
      </c>
      <c r="I51925" s="1" t="s">
        <v>172490</v>
      </c>
      <c r="J51925" s="1" t="s">
        <v>175292</v>
      </c>
    </row>
    <row r="51926" spans="1:10" x14ac:dyDescent="0.35">
      <c r="A51926" s="1" t="s">
        <v>27330</v>
      </c>
      <c r="B51926" s="1" t="s">
        <v>172484</v>
      </c>
      <c r="C51926" s="1" t="s">
        <v>85</v>
      </c>
      <c r="D51926" s="1" t="s">
        <v>13311</v>
      </c>
      <c r="E51926" s="1" t="s">
        <v>175293</v>
      </c>
      <c r="F51926" s="1" t="s">
        <v>175294</v>
      </c>
      <c r="G51926" s="1" t="s">
        <v>175245</v>
      </c>
      <c r="H51926" s="1" t="s">
        <v>175246</v>
      </c>
      <c r="I51926" s="1" t="s">
        <v>172490</v>
      </c>
      <c r="J51926" s="1" t="s">
        <v>175295</v>
      </c>
    </row>
    <row r="51927" spans="1:10" x14ac:dyDescent="0.35">
      <c r="A51927" s="1" t="s">
        <v>27330</v>
      </c>
      <c r="B51927" s="1" t="s">
        <v>172484</v>
      </c>
      <c r="C51927" s="1" t="s">
        <v>90</v>
      </c>
      <c r="D51927" s="1" t="s">
        <v>19187</v>
      </c>
      <c r="E51927" s="1" t="s">
        <v>175296</v>
      </c>
      <c r="F51927" s="1" t="s">
        <v>175297</v>
      </c>
      <c r="G51927" s="1" t="s">
        <v>175245</v>
      </c>
      <c r="H51927" s="1" t="s">
        <v>175246</v>
      </c>
      <c r="I51927" s="1" t="s">
        <v>172490</v>
      </c>
      <c r="J51927" s="1" t="s">
        <v>175298</v>
      </c>
    </row>
    <row r="51928" spans="1:10" x14ac:dyDescent="0.35">
      <c r="A51928" s="1" t="s">
        <v>27330</v>
      </c>
      <c r="B51928" s="1" t="s">
        <v>172484</v>
      </c>
      <c r="C51928" s="1" t="s">
        <v>95</v>
      </c>
      <c r="D51928" s="1" t="s">
        <v>175299</v>
      </c>
      <c r="E51928" s="1" t="s">
        <v>175300</v>
      </c>
      <c r="F51928" s="1" t="s">
        <v>175301</v>
      </c>
      <c r="G51928" s="1" t="s">
        <v>175245</v>
      </c>
      <c r="H51928" s="1" t="s">
        <v>175246</v>
      </c>
      <c r="I51928" s="1" t="s">
        <v>172490</v>
      </c>
      <c r="J51928" s="1" t="s">
        <v>175302</v>
      </c>
    </row>
    <row r="51929" spans="1:10" x14ac:dyDescent="0.35">
      <c r="A51929" s="1" t="s">
        <v>27330</v>
      </c>
      <c r="B51929" s="1" t="s">
        <v>172484</v>
      </c>
      <c r="C51929" s="1" t="s">
        <v>100</v>
      </c>
      <c r="D51929" s="1" t="s">
        <v>175303</v>
      </c>
      <c r="E51929" s="1" t="s">
        <v>175304</v>
      </c>
      <c r="F51929" s="1" t="s">
        <v>175305</v>
      </c>
      <c r="G51929" s="1" t="s">
        <v>175245</v>
      </c>
      <c r="H51929" s="1" t="s">
        <v>175246</v>
      </c>
      <c r="I51929" s="1" t="s">
        <v>172490</v>
      </c>
      <c r="J51929" s="1" t="s">
        <v>175306</v>
      </c>
    </row>
    <row r="51930" spans="1:10" x14ac:dyDescent="0.35">
      <c r="A51930" s="1" t="s">
        <v>27330</v>
      </c>
      <c r="B51930" s="1" t="s">
        <v>172484</v>
      </c>
      <c r="C51930" s="1" t="s">
        <v>105</v>
      </c>
      <c r="D51930" s="1" t="s">
        <v>58971</v>
      </c>
      <c r="E51930" s="1" t="s">
        <v>175307</v>
      </c>
      <c r="F51930" s="1" t="s">
        <v>175308</v>
      </c>
      <c r="G51930" s="1" t="s">
        <v>175245</v>
      </c>
      <c r="H51930" s="1" t="s">
        <v>175246</v>
      </c>
      <c r="I51930" s="1" t="s">
        <v>172490</v>
      </c>
      <c r="J51930" s="1" t="s">
        <v>175309</v>
      </c>
    </row>
    <row r="51931" spans="1:10" x14ac:dyDescent="0.35">
      <c r="A51931" s="1" t="s">
        <v>27330</v>
      </c>
      <c r="B51931" s="1" t="s">
        <v>172484</v>
      </c>
      <c r="C51931" s="1" t="s">
        <v>110</v>
      </c>
      <c r="D51931" s="1" t="s">
        <v>175310</v>
      </c>
      <c r="E51931" s="1" t="s">
        <v>175311</v>
      </c>
      <c r="F51931" s="1" t="s">
        <v>175312</v>
      </c>
      <c r="G51931" s="1" t="s">
        <v>175245</v>
      </c>
      <c r="H51931" s="1" t="s">
        <v>175246</v>
      </c>
      <c r="I51931" s="1" t="s">
        <v>172490</v>
      </c>
      <c r="J51931" s="1" t="s">
        <v>175313</v>
      </c>
    </row>
    <row r="51932" spans="1:10" x14ac:dyDescent="0.35">
      <c r="A51932" s="1" t="s">
        <v>27330</v>
      </c>
      <c r="B51932" s="1" t="s">
        <v>172484</v>
      </c>
      <c r="C51932" s="1" t="s">
        <v>115</v>
      </c>
      <c r="D51932" s="1" t="s">
        <v>175314</v>
      </c>
      <c r="E51932" s="1" t="s">
        <v>175315</v>
      </c>
      <c r="F51932" s="1" t="s">
        <v>175316</v>
      </c>
      <c r="G51932" s="1" t="s">
        <v>175245</v>
      </c>
      <c r="H51932" s="1" t="s">
        <v>175246</v>
      </c>
      <c r="I51932" s="1" t="s">
        <v>172490</v>
      </c>
      <c r="J51932" s="1" t="s">
        <v>175317</v>
      </c>
    </row>
    <row r="51933" spans="1:10" x14ac:dyDescent="0.35">
      <c r="A51933" s="1" t="s">
        <v>27330</v>
      </c>
      <c r="B51933" s="1" t="s">
        <v>172484</v>
      </c>
      <c r="C51933" s="1" t="s">
        <v>120</v>
      </c>
      <c r="D51933" s="1" t="s">
        <v>175318</v>
      </c>
      <c r="E51933" s="1" t="s">
        <v>175319</v>
      </c>
      <c r="F51933" s="1" t="s">
        <v>175320</v>
      </c>
      <c r="G51933" s="1" t="s">
        <v>175245</v>
      </c>
      <c r="H51933" s="1" t="s">
        <v>175246</v>
      </c>
      <c r="I51933" s="1" t="s">
        <v>172490</v>
      </c>
      <c r="J51933" s="1" t="s">
        <v>175321</v>
      </c>
    </row>
    <row r="51934" spans="1:10" x14ac:dyDescent="0.35">
      <c r="A51934" s="1" t="s">
        <v>27330</v>
      </c>
      <c r="B51934" s="1" t="s">
        <v>172484</v>
      </c>
      <c r="C51934" s="1" t="s">
        <v>125</v>
      </c>
      <c r="D51934" s="1" t="s">
        <v>175322</v>
      </c>
      <c r="E51934" s="1" t="s">
        <v>175323</v>
      </c>
      <c r="F51934" s="1" t="s">
        <v>175324</v>
      </c>
      <c r="G51934" s="1" t="s">
        <v>175245</v>
      </c>
      <c r="H51934" s="1" t="s">
        <v>175246</v>
      </c>
      <c r="I51934" s="1" t="s">
        <v>172490</v>
      </c>
      <c r="J51934" s="1" t="s">
        <v>175325</v>
      </c>
    </row>
    <row r="51935" spans="1:10" x14ac:dyDescent="0.35">
      <c r="A51935" s="1" t="s">
        <v>27330</v>
      </c>
      <c r="B51935" s="1" t="s">
        <v>172484</v>
      </c>
      <c r="C51935" s="1" t="s">
        <v>130</v>
      </c>
      <c r="D51935" s="1" t="s">
        <v>175326</v>
      </c>
      <c r="E51935" s="1" t="s">
        <v>175327</v>
      </c>
      <c r="F51935" s="1" t="s">
        <v>175328</v>
      </c>
      <c r="G51935" s="1" t="s">
        <v>175245</v>
      </c>
      <c r="H51935" s="1" t="s">
        <v>175246</v>
      </c>
      <c r="I51935" s="1" t="s">
        <v>172490</v>
      </c>
      <c r="J51935" s="1" t="s">
        <v>175329</v>
      </c>
    </row>
    <row r="51936" spans="1:10" x14ac:dyDescent="0.35">
      <c r="A51936" s="1" t="s">
        <v>27330</v>
      </c>
      <c r="B51936" s="1" t="s">
        <v>172484</v>
      </c>
      <c r="C51936" s="1" t="s">
        <v>135</v>
      </c>
      <c r="D51936" s="1" t="s">
        <v>175330</v>
      </c>
      <c r="E51936" s="1" t="s">
        <v>175331</v>
      </c>
      <c r="F51936" s="1" t="s">
        <v>175332</v>
      </c>
      <c r="G51936" s="1" t="s">
        <v>175245</v>
      </c>
      <c r="H51936" s="1" t="s">
        <v>175246</v>
      </c>
      <c r="I51936" s="1" t="s">
        <v>172490</v>
      </c>
      <c r="J51936" s="1" t="s">
        <v>175333</v>
      </c>
    </row>
    <row r="51937" spans="1:10" x14ac:dyDescent="0.35">
      <c r="A51937" s="1" t="s">
        <v>27330</v>
      </c>
      <c r="B51937" s="1" t="s">
        <v>172484</v>
      </c>
      <c r="C51937" s="1" t="s">
        <v>140</v>
      </c>
      <c r="D51937" s="1" t="s">
        <v>98401</v>
      </c>
      <c r="E51937" s="1" t="s">
        <v>175334</v>
      </c>
      <c r="F51937" s="1" t="s">
        <v>175335</v>
      </c>
      <c r="G51937" s="1" t="s">
        <v>175245</v>
      </c>
      <c r="H51937" s="1" t="s">
        <v>175246</v>
      </c>
      <c r="I51937" s="1" t="s">
        <v>172490</v>
      </c>
      <c r="J51937" s="1" t="s">
        <v>175336</v>
      </c>
    </row>
    <row r="51938" spans="1:10" x14ac:dyDescent="0.35">
      <c r="A51938" s="1" t="s">
        <v>27330</v>
      </c>
      <c r="B51938" s="1" t="s">
        <v>172484</v>
      </c>
      <c r="C51938" s="1" t="s">
        <v>145</v>
      </c>
      <c r="D51938" s="1" t="s">
        <v>175337</v>
      </c>
      <c r="E51938" s="1" t="s">
        <v>175338</v>
      </c>
      <c r="F51938" s="1" t="s">
        <v>175339</v>
      </c>
      <c r="G51938" s="1" t="s">
        <v>175245</v>
      </c>
      <c r="H51938" s="1" t="s">
        <v>175246</v>
      </c>
      <c r="I51938" s="1" t="s">
        <v>172490</v>
      </c>
      <c r="J51938" s="1" t="s">
        <v>175340</v>
      </c>
    </row>
    <row r="51939" spans="1:10" x14ac:dyDescent="0.35">
      <c r="A51939" s="1" t="s">
        <v>27330</v>
      </c>
      <c r="B51939" s="1" t="s">
        <v>172484</v>
      </c>
      <c r="C51939" s="1" t="s">
        <v>150</v>
      </c>
      <c r="D51939" s="1" t="s">
        <v>175341</v>
      </c>
      <c r="E51939" s="1" t="s">
        <v>175342</v>
      </c>
      <c r="F51939" s="1" t="s">
        <v>175343</v>
      </c>
      <c r="G51939" s="1" t="s">
        <v>175245</v>
      </c>
      <c r="H51939" s="1" t="s">
        <v>175246</v>
      </c>
      <c r="I51939" s="1" t="s">
        <v>172490</v>
      </c>
      <c r="J51939" s="1" t="s">
        <v>175344</v>
      </c>
    </row>
    <row r="51940" spans="1:10" x14ac:dyDescent="0.35">
      <c r="A51940" s="1" t="s">
        <v>27330</v>
      </c>
      <c r="B51940" s="1" t="s">
        <v>172484</v>
      </c>
      <c r="C51940" s="1" t="s">
        <v>155</v>
      </c>
      <c r="D51940" s="1" t="s">
        <v>86315</v>
      </c>
      <c r="E51940" s="1" t="s">
        <v>175345</v>
      </c>
      <c r="F51940" s="1" t="s">
        <v>175346</v>
      </c>
      <c r="G51940" s="1" t="s">
        <v>175245</v>
      </c>
      <c r="H51940" s="1" t="s">
        <v>175246</v>
      </c>
      <c r="I51940" s="1" t="s">
        <v>172490</v>
      </c>
      <c r="J51940" s="1" t="s">
        <v>175347</v>
      </c>
    </row>
    <row r="51941" spans="1:10" x14ac:dyDescent="0.35">
      <c r="A51941" s="1" t="s">
        <v>27330</v>
      </c>
      <c r="B51941" s="1" t="s">
        <v>172484</v>
      </c>
      <c r="C51941" s="1" t="s">
        <v>160</v>
      </c>
      <c r="D51941" s="1" t="s">
        <v>93973</v>
      </c>
      <c r="E51941" s="1" t="s">
        <v>175348</v>
      </c>
      <c r="F51941" s="1" t="s">
        <v>175349</v>
      </c>
      <c r="G51941" s="1" t="s">
        <v>175245</v>
      </c>
      <c r="H51941" s="1" t="s">
        <v>175246</v>
      </c>
      <c r="I51941" s="1" t="s">
        <v>172490</v>
      </c>
      <c r="J51941" s="1" t="s">
        <v>175350</v>
      </c>
    </row>
    <row r="51942" spans="1:10" x14ac:dyDescent="0.35">
      <c r="A51942" s="1" t="s">
        <v>27330</v>
      </c>
      <c r="B51942" s="1" t="s">
        <v>172484</v>
      </c>
      <c r="C51942" s="1" t="s">
        <v>165</v>
      </c>
      <c r="D51942" s="1" t="s">
        <v>175351</v>
      </c>
      <c r="E51942" s="1" t="s">
        <v>175352</v>
      </c>
      <c r="F51942" s="1" t="s">
        <v>175353</v>
      </c>
      <c r="G51942" s="1" t="s">
        <v>175245</v>
      </c>
      <c r="H51942" s="1" t="s">
        <v>175246</v>
      </c>
      <c r="I51942" s="1" t="s">
        <v>172490</v>
      </c>
      <c r="J51942" s="1" t="s">
        <v>175354</v>
      </c>
    </row>
    <row r="51943" spans="1:10" x14ac:dyDescent="0.35">
      <c r="A51943" s="1" t="s">
        <v>27330</v>
      </c>
      <c r="B51943" s="1" t="s">
        <v>172484</v>
      </c>
      <c r="C51943" s="1" t="s">
        <v>170</v>
      </c>
      <c r="D51943" s="1" t="s">
        <v>175355</v>
      </c>
      <c r="E51943" s="1" t="s">
        <v>22568</v>
      </c>
      <c r="F51943" s="1" t="s">
        <v>175356</v>
      </c>
      <c r="G51943" s="1" t="s">
        <v>175245</v>
      </c>
      <c r="H51943" s="1" t="s">
        <v>175246</v>
      </c>
      <c r="I51943" s="1" t="s">
        <v>172490</v>
      </c>
      <c r="J51943" s="1" t="s">
        <v>175357</v>
      </c>
    </row>
    <row r="51944" spans="1:10" x14ac:dyDescent="0.35">
      <c r="A51944" s="1" t="s">
        <v>14972</v>
      </c>
      <c r="B51944" s="1" t="s">
        <v>172484</v>
      </c>
      <c r="C51944" s="1" t="s">
        <v>8</v>
      </c>
      <c r="D51944" s="1" t="s">
        <v>50651</v>
      </c>
      <c r="E51944" s="1" t="s">
        <v>175358</v>
      </c>
      <c r="F51944" s="1" t="s">
        <v>175359</v>
      </c>
      <c r="G51944" s="1" t="s">
        <v>175360</v>
      </c>
      <c r="H51944" s="1" t="s">
        <v>175361</v>
      </c>
      <c r="I51944" s="1" t="s">
        <v>172490</v>
      </c>
      <c r="J51944" s="1" t="s">
        <v>13</v>
      </c>
    </row>
    <row r="51945" spans="1:10" x14ac:dyDescent="0.35">
      <c r="A51945" s="1" t="s">
        <v>14972</v>
      </c>
      <c r="B51945" s="1" t="s">
        <v>172484</v>
      </c>
      <c r="C51945" s="1" t="s">
        <v>15</v>
      </c>
      <c r="D51945" s="1" t="s">
        <v>37765</v>
      </c>
      <c r="E51945" s="1" t="s">
        <v>175362</v>
      </c>
      <c r="F51945" s="1" t="s">
        <v>175363</v>
      </c>
      <c r="G51945" s="1" t="s">
        <v>175360</v>
      </c>
      <c r="H51945" s="1" t="s">
        <v>175361</v>
      </c>
      <c r="I51945" s="1" t="s">
        <v>172490</v>
      </c>
      <c r="J51945" s="1" t="s">
        <v>175364</v>
      </c>
    </row>
    <row r="51946" spans="1:10" x14ac:dyDescent="0.35">
      <c r="A51946" s="1" t="s">
        <v>14972</v>
      </c>
      <c r="B51946" s="1" t="s">
        <v>172484</v>
      </c>
      <c r="C51946" s="1" t="s">
        <v>20</v>
      </c>
      <c r="D51946" s="1" t="s">
        <v>124057</v>
      </c>
      <c r="E51946" s="1" t="s">
        <v>175365</v>
      </c>
      <c r="F51946" s="1" t="s">
        <v>175366</v>
      </c>
      <c r="G51946" s="1" t="s">
        <v>175360</v>
      </c>
      <c r="H51946" s="1" t="s">
        <v>175361</v>
      </c>
      <c r="I51946" s="1" t="s">
        <v>172490</v>
      </c>
      <c r="J51946" s="1" t="s">
        <v>175367</v>
      </c>
    </row>
    <row r="51947" spans="1:10" x14ac:dyDescent="0.35">
      <c r="A51947" s="1" t="s">
        <v>14972</v>
      </c>
      <c r="B51947" s="1" t="s">
        <v>172484</v>
      </c>
      <c r="C51947" s="1" t="s">
        <v>25</v>
      </c>
      <c r="D51947" s="1" t="s">
        <v>152462</v>
      </c>
      <c r="E51947" s="1" t="s">
        <v>175368</v>
      </c>
      <c r="F51947" s="1" t="s">
        <v>175369</v>
      </c>
      <c r="G51947" s="1" t="s">
        <v>175360</v>
      </c>
      <c r="H51947" s="1" t="s">
        <v>175361</v>
      </c>
      <c r="I51947" s="1" t="s">
        <v>172490</v>
      </c>
      <c r="J51947" s="1" t="s">
        <v>175370</v>
      </c>
    </row>
    <row r="51948" spans="1:10" x14ac:dyDescent="0.35">
      <c r="A51948" s="1" t="s">
        <v>14972</v>
      </c>
      <c r="B51948" s="1" t="s">
        <v>172484</v>
      </c>
      <c r="C51948" s="1" t="s">
        <v>30</v>
      </c>
      <c r="D51948" s="1" t="s">
        <v>175371</v>
      </c>
      <c r="E51948" s="1" t="s">
        <v>175372</v>
      </c>
      <c r="F51948" s="1" t="s">
        <v>175373</v>
      </c>
      <c r="G51948" s="1" t="s">
        <v>175360</v>
      </c>
      <c r="H51948" s="1" t="s">
        <v>175361</v>
      </c>
      <c r="I51948" s="1" t="s">
        <v>172490</v>
      </c>
      <c r="J51948" s="1" t="s">
        <v>175374</v>
      </c>
    </row>
    <row r="51949" spans="1:10" x14ac:dyDescent="0.35">
      <c r="A51949" s="1" t="s">
        <v>14972</v>
      </c>
      <c r="B51949" s="1" t="s">
        <v>172484</v>
      </c>
      <c r="C51949" s="1" t="s">
        <v>35</v>
      </c>
      <c r="D51949" s="1" t="s">
        <v>30629</v>
      </c>
      <c r="E51949" s="1" t="s">
        <v>175375</v>
      </c>
      <c r="F51949" s="1" t="s">
        <v>175376</v>
      </c>
      <c r="G51949" s="1" t="s">
        <v>175360</v>
      </c>
      <c r="H51949" s="1" t="s">
        <v>175361</v>
      </c>
      <c r="I51949" s="1" t="s">
        <v>172490</v>
      </c>
      <c r="J51949" s="1" t="s">
        <v>175377</v>
      </c>
    </row>
    <row r="51950" spans="1:10" x14ac:dyDescent="0.35">
      <c r="A51950" s="1" t="s">
        <v>14972</v>
      </c>
      <c r="B51950" s="1" t="s">
        <v>172484</v>
      </c>
      <c r="C51950" s="1" t="s">
        <v>40</v>
      </c>
      <c r="D51950" s="1" t="s">
        <v>175378</v>
      </c>
      <c r="E51950" s="1" t="s">
        <v>175379</v>
      </c>
      <c r="F51950" s="1" t="s">
        <v>175380</v>
      </c>
      <c r="G51950" s="1" t="s">
        <v>175360</v>
      </c>
      <c r="H51950" s="1" t="s">
        <v>175361</v>
      </c>
      <c r="I51950" s="1" t="s">
        <v>172490</v>
      </c>
      <c r="J51950" s="1" t="s">
        <v>175381</v>
      </c>
    </row>
    <row r="51951" spans="1:10" x14ac:dyDescent="0.35">
      <c r="A51951" s="1" t="s">
        <v>14972</v>
      </c>
      <c r="B51951" s="1" t="s">
        <v>172484</v>
      </c>
      <c r="C51951" s="1" t="s">
        <v>45</v>
      </c>
      <c r="D51951" s="1" t="s">
        <v>36545</v>
      </c>
      <c r="E51951" s="1" t="s">
        <v>175382</v>
      </c>
      <c r="F51951" s="1" t="s">
        <v>175383</v>
      </c>
      <c r="G51951" s="1" t="s">
        <v>175360</v>
      </c>
      <c r="H51951" s="1" t="s">
        <v>175361</v>
      </c>
      <c r="I51951" s="1" t="s">
        <v>172490</v>
      </c>
      <c r="J51951" s="1" t="s">
        <v>175384</v>
      </c>
    </row>
    <row r="51952" spans="1:10" x14ac:dyDescent="0.35">
      <c r="A51952" s="1" t="s">
        <v>14972</v>
      </c>
      <c r="B51952" s="1" t="s">
        <v>172484</v>
      </c>
      <c r="C51952" s="1" t="s">
        <v>50</v>
      </c>
      <c r="D51952" s="1" t="s">
        <v>124473</v>
      </c>
      <c r="E51952" s="1" t="s">
        <v>175385</v>
      </c>
      <c r="F51952" s="1" t="s">
        <v>175386</v>
      </c>
      <c r="G51952" s="1" t="s">
        <v>175360</v>
      </c>
      <c r="H51952" s="1" t="s">
        <v>175361</v>
      </c>
      <c r="I51952" s="1" t="s">
        <v>172490</v>
      </c>
      <c r="J51952" s="1" t="s">
        <v>175387</v>
      </c>
    </row>
    <row r="51953" spans="1:10" x14ac:dyDescent="0.35">
      <c r="A51953" s="1" t="s">
        <v>14972</v>
      </c>
      <c r="B51953" s="1" t="s">
        <v>172484</v>
      </c>
      <c r="C51953" s="1" t="s">
        <v>55</v>
      </c>
      <c r="D51953" s="1" t="s">
        <v>175388</v>
      </c>
      <c r="E51953" s="1" t="s">
        <v>175389</v>
      </c>
      <c r="F51953" s="1" t="s">
        <v>175390</v>
      </c>
      <c r="G51953" s="1" t="s">
        <v>175360</v>
      </c>
      <c r="H51953" s="1" t="s">
        <v>175361</v>
      </c>
      <c r="I51953" s="1" t="s">
        <v>172490</v>
      </c>
      <c r="J51953" s="1" t="s">
        <v>175391</v>
      </c>
    </row>
    <row r="51954" spans="1:10" x14ac:dyDescent="0.35">
      <c r="A51954" s="1" t="s">
        <v>14972</v>
      </c>
      <c r="B51954" s="1" t="s">
        <v>172484</v>
      </c>
      <c r="C51954" s="1" t="s">
        <v>60</v>
      </c>
      <c r="D51954" s="1" t="s">
        <v>45193</v>
      </c>
      <c r="E51954" s="1" t="s">
        <v>175392</v>
      </c>
      <c r="F51954" s="1" t="s">
        <v>175393</v>
      </c>
      <c r="G51954" s="1" t="s">
        <v>175360</v>
      </c>
      <c r="H51954" s="1" t="s">
        <v>175361</v>
      </c>
      <c r="I51954" s="1" t="s">
        <v>172490</v>
      </c>
      <c r="J51954" s="1" t="s">
        <v>175394</v>
      </c>
    </row>
    <row r="51955" spans="1:10" x14ac:dyDescent="0.35">
      <c r="A51955" s="1" t="s">
        <v>14972</v>
      </c>
      <c r="B51955" s="1" t="s">
        <v>172484</v>
      </c>
      <c r="C51955" s="1" t="s">
        <v>65</v>
      </c>
      <c r="D51955" s="1" t="s">
        <v>33477</v>
      </c>
      <c r="E51955" s="1" t="s">
        <v>175395</v>
      </c>
      <c r="F51955" s="1" t="s">
        <v>175396</v>
      </c>
      <c r="G51955" s="1" t="s">
        <v>175360</v>
      </c>
      <c r="H51955" s="1" t="s">
        <v>175361</v>
      </c>
      <c r="I51955" s="1" t="s">
        <v>172490</v>
      </c>
      <c r="J51955" s="1" t="s">
        <v>175397</v>
      </c>
    </row>
    <row r="51956" spans="1:10" x14ac:dyDescent="0.35">
      <c r="A51956" s="1" t="s">
        <v>14972</v>
      </c>
      <c r="B51956" s="1" t="s">
        <v>172484</v>
      </c>
      <c r="C51956" s="1" t="s">
        <v>70</v>
      </c>
      <c r="D51956" s="1" t="s">
        <v>31517</v>
      </c>
      <c r="E51956" s="1" t="s">
        <v>175398</v>
      </c>
      <c r="F51956" s="1" t="s">
        <v>175399</v>
      </c>
      <c r="G51956" s="1" t="s">
        <v>175360</v>
      </c>
      <c r="H51956" s="1" t="s">
        <v>175361</v>
      </c>
      <c r="I51956" s="1" t="s">
        <v>172490</v>
      </c>
      <c r="J51956" s="1" t="s">
        <v>175400</v>
      </c>
    </row>
    <row r="51957" spans="1:10" x14ac:dyDescent="0.35">
      <c r="A51957" s="1" t="s">
        <v>14972</v>
      </c>
      <c r="B51957" s="1" t="s">
        <v>172484</v>
      </c>
      <c r="C51957" s="1" t="s">
        <v>75</v>
      </c>
      <c r="D51957" s="1" t="s">
        <v>175401</v>
      </c>
      <c r="E51957" s="1" t="s">
        <v>175402</v>
      </c>
      <c r="F51957" s="1" t="s">
        <v>175403</v>
      </c>
      <c r="G51957" s="1" t="s">
        <v>175360</v>
      </c>
      <c r="H51957" s="1" t="s">
        <v>175361</v>
      </c>
      <c r="I51957" s="1" t="s">
        <v>172490</v>
      </c>
      <c r="J51957" s="1" t="s">
        <v>175404</v>
      </c>
    </row>
    <row r="51958" spans="1:10" x14ac:dyDescent="0.35">
      <c r="A51958" s="1" t="s">
        <v>14972</v>
      </c>
      <c r="B51958" s="1" t="s">
        <v>172484</v>
      </c>
      <c r="C51958" s="1" t="s">
        <v>80</v>
      </c>
      <c r="D51958" s="1" t="s">
        <v>3063</v>
      </c>
      <c r="E51958" s="1" t="s">
        <v>175405</v>
      </c>
      <c r="F51958" s="1" t="s">
        <v>175406</v>
      </c>
      <c r="G51958" s="1" t="s">
        <v>175360</v>
      </c>
      <c r="H51958" s="1" t="s">
        <v>175361</v>
      </c>
      <c r="I51958" s="1" t="s">
        <v>172490</v>
      </c>
      <c r="J51958" s="1" t="s">
        <v>175407</v>
      </c>
    </row>
    <row r="51959" spans="1:10" x14ac:dyDescent="0.35">
      <c r="A51959" s="1" t="s">
        <v>14972</v>
      </c>
      <c r="B51959" s="1" t="s">
        <v>172484</v>
      </c>
      <c r="C51959" s="1" t="s">
        <v>85</v>
      </c>
      <c r="D51959" s="1" t="s">
        <v>175408</v>
      </c>
      <c r="E51959" s="1" t="s">
        <v>175409</v>
      </c>
      <c r="F51959" s="1" t="s">
        <v>175410</v>
      </c>
      <c r="G51959" s="1" t="s">
        <v>175360</v>
      </c>
      <c r="H51959" s="1" t="s">
        <v>175361</v>
      </c>
      <c r="I51959" s="1" t="s">
        <v>172490</v>
      </c>
      <c r="J51959" s="1" t="s">
        <v>175411</v>
      </c>
    </row>
    <row r="51960" spans="1:10" x14ac:dyDescent="0.35">
      <c r="A51960" s="1" t="s">
        <v>14972</v>
      </c>
      <c r="B51960" s="1" t="s">
        <v>172484</v>
      </c>
      <c r="C51960" s="1" t="s">
        <v>90</v>
      </c>
      <c r="D51960" s="1" t="s">
        <v>150967</v>
      </c>
      <c r="E51960" s="1" t="s">
        <v>175412</v>
      </c>
      <c r="F51960" s="1" t="s">
        <v>175413</v>
      </c>
      <c r="G51960" s="1" t="s">
        <v>175360</v>
      </c>
      <c r="H51960" s="1" t="s">
        <v>175361</v>
      </c>
      <c r="I51960" s="1" t="s">
        <v>172490</v>
      </c>
      <c r="J51960" s="1" t="s">
        <v>175414</v>
      </c>
    </row>
    <row r="51961" spans="1:10" x14ac:dyDescent="0.35">
      <c r="A51961" s="1" t="s">
        <v>14972</v>
      </c>
      <c r="B51961" s="1" t="s">
        <v>172484</v>
      </c>
      <c r="C51961" s="1" t="s">
        <v>95</v>
      </c>
      <c r="D51961" s="1" t="s">
        <v>6779</v>
      </c>
      <c r="E51961" s="1" t="s">
        <v>175415</v>
      </c>
      <c r="F51961" s="1" t="s">
        <v>175416</v>
      </c>
      <c r="G51961" s="1" t="s">
        <v>175360</v>
      </c>
      <c r="H51961" s="1" t="s">
        <v>175361</v>
      </c>
      <c r="I51961" s="1" t="s">
        <v>172490</v>
      </c>
      <c r="J51961" s="1" t="s">
        <v>175417</v>
      </c>
    </row>
    <row r="51962" spans="1:10" x14ac:dyDescent="0.35">
      <c r="A51962" s="1" t="s">
        <v>14972</v>
      </c>
      <c r="B51962" s="1" t="s">
        <v>172484</v>
      </c>
      <c r="C51962" s="1" t="s">
        <v>100</v>
      </c>
      <c r="D51962" s="1" t="s">
        <v>173302</v>
      </c>
      <c r="E51962" s="1" t="s">
        <v>175418</v>
      </c>
      <c r="F51962" s="1" t="s">
        <v>175419</v>
      </c>
      <c r="G51962" s="1" t="s">
        <v>175360</v>
      </c>
      <c r="H51962" s="1" t="s">
        <v>175361</v>
      </c>
      <c r="I51962" s="1" t="s">
        <v>172490</v>
      </c>
      <c r="J51962" s="1" t="s">
        <v>175420</v>
      </c>
    </row>
    <row r="51963" spans="1:10" x14ac:dyDescent="0.35">
      <c r="A51963" s="1" t="s">
        <v>14972</v>
      </c>
      <c r="B51963" s="1" t="s">
        <v>172484</v>
      </c>
      <c r="C51963" s="1" t="s">
        <v>105</v>
      </c>
      <c r="D51963" s="1" t="s">
        <v>33761</v>
      </c>
      <c r="E51963" s="1" t="s">
        <v>175421</v>
      </c>
      <c r="F51963" s="1" t="s">
        <v>175422</v>
      </c>
      <c r="G51963" s="1" t="s">
        <v>175360</v>
      </c>
      <c r="H51963" s="1" t="s">
        <v>175361</v>
      </c>
      <c r="I51963" s="1" t="s">
        <v>172490</v>
      </c>
      <c r="J51963" s="1" t="s">
        <v>175423</v>
      </c>
    </row>
    <row r="51964" spans="1:10" x14ac:dyDescent="0.35">
      <c r="A51964" s="1" t="s">
        <v>14972</v>
      </c>
      <c r="B51964" s="1" t="s">
        <v>172484</v>
      </c>
      <c r="C51964" s="1" t="s">
        <v>110</v>
      </c>
      <c r="D51964" s="1" t="s">
        <v>75190</v>
      </c>
      <c r="E51964" s="1" t="s">
        <v>175424</v>
      </c>
      <c r="F51964" s="1" t="s">
        <v>175425</v>
      </c>
      <c r="G51964" s="1" t="s">
        <v>175360</v>
      </c>
      <c r="H51964" s="1" t="s">
        <v>175361</v>
      </c>
      <c r="I51964" s="1" t="s">
        <v>172490</v>
      </c>
      <c r="J51964" s="1" t="s">
        <v>175426</v>
      </c>
    </row>
    <row r="51965" spans="1:10" x14ac:dyDescent="0.35">
      <c r="A51965" s="1" t="s">
        <v>14972</v>
      </c>
      <c r="B51965" s="1" t="s">
        <v>172484</v>
      </c>
      <c r="C51965" s="1" t="s">
        <v>115</v>
      </c>
      <c r="D51965" s="1" t="s">
        <v>34219</v>
      </c>
      <c r="E51965" s="1" t="s">
        <v>175427</v>
      </c>
      <c r="F51965" s="1" t="s">
        <v>175428</v>
      </c>
      <c r="G51965" s="1" t="s">
        <v>175360</v>
      </c>
      <c r="H51965" s="1" t="s">
        <v>175361</v>
      </c>
      <c r="I51965" s="1" t="s">
        <v>172490</v>
      </c>
      <c r="J51965" s="1" t="s">
        <v>175429</v>
      </c>
    </row>
    <row r="51966" spans="1:10" x14ac:dyDescent="0.35">
      <c r="A51966" s="1" t="s">
        <v>14972</v>
      </c>
      <c r="B51966" s="1" t="s">
        <v>172484</v>
      </c>
      <c r="C51966" s="1" t="s">
        <v>120</v>
      </c>
      <c r="D51966" s="1" t="s">
        <v>3794</v>
      </c>
      <c r="E51966" s="1" t="s">
        <v>175430</v>
      </c>
      <c r="F51966" s="1" t="s">
        <v>175431</v>
      </c>
      <c r="G51966" s="1" t="s">
        <v>175360</v>
      </c>
      <c r="H51966" s="1" t="s">
        <v>175361</v>
      </c>
      <c r="I51966" s="1" t="s">
        <v>172490</v>
      </c>
      <c r="J51966" s="1" t="s">
        <v>175432</v>
      </c>
    </row>
    <row r="51967" spans="1:10" x14ac:dyDescent="0.35">
      <c r="A51967" s="1" t="s">
        <v>14972</v>
      </c>
      <c r="B51967" s="1" t="s">
        <v>172484</v>
      </c>
      <c r="C51967" s="1" t="s">
        <v>125</v>
      </c>
      <c r="D51967" s="1" t="s">
        <v>175433</v>
      </c>
      <c r="E51967" s="1" t="s">
        <v>175434</v>
      </c>
      <c r="F51967" s="1" t="s">
        <v>175435</v>
      </c>
      <c r="G51967" s="1" t="s">
        <v>175360</v>
      </c>
      <c r="H51967" s="1" t="s">
        <v>175361</v>
      </c>
      <c r="I51967" s="1" t="s">
        <v>172490</v>
      </c>
      <c r="J51967" s="1" t="s">
        <v>175436</v>
      </c>
    </row>
    <row r="51968" spans="1:10" x14ac:dyDescent="0.35">
      <c r="A51968" s="1" t="s">
        <v>14972</v>
      </c>
      <c r="B51968" s="1" t="s">
        <v>172484</v>
      </c>
      <c r="C51968" s="1" t="s">
        <v>130</v>
      </c>
      <c r="D51968" s="1" t="s">
        <v>38001</v>
      </c>
      <c r="E51968" s="1" t="s">
        <v>175437</v>
      </c>
      <c r="F51968" s="1" t="s">
        <v>175438</v>
      </c>
      <c r="G51968" s="1" t="s">
        <v>175360</v>
      </c>
      <c r="H51968" s="1" t="s">
        <v>175361</v>
      </c>
      <c r="I51968" s="1" t="s">
        <v>172490</v>
      </c>
      <c r="J51968" s="1" t="s">
        <v>175439</v>
      </c>
    </row>
    <row r="51969" spans="1:10" x14ac:dyDescent="0.35">
      <c r="A51969" s="1" t="s">
        <v>14972</v>
      </c>
      <c r="B51969" s="1" t="s">
        <v>172484</v>
      </c>
      <c r="C51969" s="1" t="s">
        <v>135</v>
      </c>
      <c r="D51969" s="1" t="s">
        <v>175440</v>
      </c>
      <c r="E51969" s="1" t="s">
        <v>175441</v>
      </c>
      <c r="F51969" s="1" t="s">
        <v>175442</v>
      </c>
      <c r="G51969" s="1" t="s">
        <v>175360</v>
      </c>
      <c r="H51969" s="1" t="s">
        <v>175361</v>
      </c>
      <c r="I51969" s="1" t="s">
        <v>172490</v>
      </c>
      <c r="J51969" s="1" t="s">
        <v>175443</v>
      </c>
    </row>
    <row r="51970" spans="1:10" x14ac:dyDescent="0.35">
      <c r="A51970" s="1" t="s">
        <v>14972</v>
      </c>
      <c r="B51970" s="1" t="s">
        <v>172484</v>
      </c>
      <c r="C51970" s="1" t="s">
        <v>140</v>
      </c>
      <c r="D51970" s="1" t="s">
        <v>175444</v>
      </c>
      <c r="E51970" s="1" t="s">
        <v>175445</v>
      </c>
      <c r="F51970" s="1" t="s">
        <v>175446</v>
      </c>
      <c r="G51970" s="1" t="s">
        <v>175360</v>
      </c>
      <c r="H51970" s="1" t="s">
        <v>175361</v>
      </c>
      <c r="I51970" s="1" t="s">
        <v>172490</v>
      </c>
      <c r="J51970" s="1" t="s">
        <v>175447</v>
      </c>
    </row>
    <row r="51971" spans="1:10" x14ac:dyDescent="0.35">
      <c r="A51971" s="1" t="s">
        <v>14972</v>
      </c>
      <c r="B51971" s="1" t="s">
        <v>172484</v>
      </c>
      <c r="C51971" s="1" t="s">
        <v>145</v>
      </c>
      <c r="D51971" s="1" t="s">
        <v>58963</v>
      </c>
      <c r="E51971" s="1" t="s">
        <v>175448</v>
      </c>
      <c r="F51971" s="1" t="s">
        <v>175449</v>
      </c>
      <c r="G51971" s="1" t="s">
        <v>175360</v>
      </c>
      <c r="H51971" s="1" t="s">
        <v>175361</v>
      </c>
      <c r="I51971" s="1" t="s">
        <v>172490</v>
      </c>
      <c r="J51971" s="1" t="s">
        <v>175450</v>
      </c>
    </row>
    <row r="51972" spans="1:10" x14ac:dyDescent="0.35">
      <c r="A51972" s="1" t="s">
        <v>14972</v>
      </c>
      <c r="B51972" s="1" t="s">
        <v>172484</v>
      </c>
      <c r="C51972" s="1" t="s">
        <v>150</v>
      </c>
      <c r="D51972" s="1" t="s">
        <v>107990</v>
      </c>
      <c r="E51972" s="1" t="s">
        <v>175451</v>
      </c>
      <c r="F51972" s="1" t="s">
        <v>175452</v>
      </c>
      <c r="G51972" s="1" t="s">
        <v>175360</v>
      </c>
      <c r="H51972" s="1" t="s">
        <v>175361</v>
      </c>
      <c r="I51972" s="1" t="s">
        <v>172490</v>
      </c>
      <c r="J51972" s="1" t="s">
        <v>175453</v>
      </c>
    </row>
    <row r="51973" spans="1:10" x14ac:dyDescent="0.35">
      <c r="A51973" s="1" t="s">
        <v>14972</v>
      </c>
      <c r="B51973" s="1" t="s">
        <v>172484</v>
      </c>
      <c r="C51973" s="1" t="s">
        <v>155</v>
      </c>
      <c r="D51973" s="1" t="s">
        <v>175454</v>
      </c>
      <c r="E51973" s="1" t="s">
        <v>175455</v>
      </c>
      <c r="F51973" s="1" t="s">
        <v>175456</v>
      </c>
      <c r="G51973" s="1" t="s">
        <v>175360</v>
      </c>
      <c r="H51973" s="1" t="s">
        <v>175361</v>
      </c>
      <c r="I51973" s="1" t="s">
        <v>172490</v>
      </c>
      <c r="J51973" s="1" t="s">
        <v>175457</v>
      </c>
    </row>
    <row r="51974" spans="1:10" x14ac:dyDescent="0.35">
      <c r="A51974" s="1" t="s">
        <v>14972</v>
      </c>
      <c r="B51974" s="1" t="s">
        <v>172484</v>
      </c>
      <c r="C51974" s="1" t="s">
        <v>160</v>
      </c>
      <c r="D51974" s="1" t="s">
        <v>175458</v>
      </c>
      <c r="E51974" s="1" t="s">
        <v>175459</v>
      </c>
      <c r="F51974" s="1" t="s">
        <v>175460</v>
      </c>
      <c r="G51974" s="1" t="s">
        <v>175360</v>
      </c>
      <c r="H51974" s="1" t="s">
        <v>175361</v>
      </c>
      <c r="I51974" s="1" t="s">
        <v>172490</v>
      </c>
      <c r="J51974" s="1" t="s">
        <v>175461</v>
      </c>
    </row>
    <row r="51975" spans="1:10" x14ac:dyDescent="0.35">
      <c r="A51975" s="1" t="s">
        <v>14972</v>
      </c>
      <c r="B51975" s="1" t="s">
        <v>172484</v>
      </c>
      <c r="C51975" s="1" t="s">
        <v>165</v>
      </c>
      <c r="D51975" s="1" t="s">
        <v>175462</v>
      </c>
      <c r="E51975" s="1" t="s">
        <v>175463</v>
      </c>
      <c r="F51975" s="1" t="s">
        <v>175464</v>
      </c>
      <c r="G51975" s="1" t="s">
        <v>175360</v>
      </c>
      <c r="H51975" s="1" t="s">
        <v>175361</v>
      </c>
      <c r="I51975" s="1" t="s">
        <v>172490</v>
      </c>
      <c r="J51975" s="1" t="s">
        <v>175465</v>
      </c>
    </row>
    <row r="51976" spans="1:10" x14ac:dyDescent="0.35">
      <c r="A51976" s="1" t="s">
        <v>14972</v>
      </c>
      <c r="B51976" s="1" t="s">
        <v>172484</v>
      </c>
      <c r="C51976" s="1" t="s">
        <v>170</v>
      </c>
      <c r="D51976" s="1" t="s">
        <v>175466</v>
      </c>
      <c r="E51976" s="1" t="s">
        <v>175467</v>
      </c>
      <c r="F51976" s="1" t="s">
        <v>175468</v>
      </c>
      <c r="G51976" s="1" t="s">
        <v>175360</v>
      </c>
      <c r="H51976" s="1" t="s">
        <v>175361</v>
      </c>
      <c r="I51976" s="1" t="s">
        <v>172490</v>
      </c>
      <c r="J51976" s="1" t="s">
        <v>175469</v>
      </c>
    </row>
    <row r="51977" spans="1:10" x14ac:dyDescent="0.35">
      <c r="A51977" s="1" t="s">
        <v>28755</v>
      </c>
      <c r="B51977" s="1" t="s">
        <v>172484</v>
      </c>
      <c r="C51977" s="1" t="s">
        <v>8</v>
      </c>
      <c r="D51977" s="1" t="s">
        <v>71929</v>
      </c>
      <c r="E51977" s="1" t="s">
        <v>22906</v>
      </c>
      <c r="F51977" s="1" t="s">
        <v>175470</v>
      </c>
      <c r="G51977" s="1" t="s">
        <v>175471</v>
      </c>
      <c r="H51977" s="1" t="s">
        <v>175472</v>
      </c>
      <c r="I51977" s="1" t="s">
        <v>172490</v>
      </c>
      <c r="J51977" s="1" t="s">
        <v>13</v>
      </c>
    </row>
    <row r="51978" spans="1:10" x14ac:dyDescent="0.35">
      <c r="A51978" s="1" t="s">
        <v>28755</v>
      </c>
      <c r="B51978" s="1" t="s">
        <v>172484</v>
      </c>
      <c r="C51978" s="1" t="s">
        <v>15</v>
      </c>
      <c r="D51978" s="1" t="s">
        <v>115286</v>
      </c>
      <c r="E51978" s="1" t="s">
        <v>175473</v>
      </c>
      <c r="F51978" s="1" t="s">
        <v>100991</v>
      </c>
      <c r="G51978" s="1" t="s">
        <v>175471</v>
      </c>
      <c r="H51978" s="1" t="s">
        <v>175472</v>
      </c>
      <c r="I51978" s="1" t="s">
        <v>172490</v>
      </c>
      <c r="J51978" s="1" t="s">
        <v>175474</v>
      </c>
    </row>
    <row r="51979" spans="1:10" x14ac:dyDescent="0.35">
      <c r="A51979" s="1" t="s">
        <v>28755</v>
      </c>
      <c r="B51979" s="1" t="s">
        <v>172484</v>
      </c>
      <c r="C51979" s="1" t="s">
        <v>20</v>
      </c>
      <c r="D51979" s="1" t="s">
        <v>72079</v>
      </c>
      <c r="E51979" s="1" t="s">
        <v>101600</v>
      </c>
      <c r="F51979" s="1" t="s">
        <v>60481</v>
      </c>
      <c r="G51979" s="1" t="s">
        <v>175471</v>
      </c>
      <c r="H51979" s="1" t="s">
        <v>175472</v>
      </c>
      <c r="I51979" s="1" t="s">
        <v>172490</v>
      </c>
      <c r="J51979" s="1" t="s">
        <v>175475</v>
      </c>
    </row>
    <row r="51980" spans="1:10" x14ac:dyDescent="0.35">
      <c r="A51980" s="1" t="s">
        <v>28755</v>
      </c>
      <c r="B51980" s="1" t="s">
        <v>172484</v>
      </c>
      <c r="C51980" s="1" t="s">
        <v>25</v>
      </c>
      <c r="D51980" s="1" t="s">
        <v>72001</v>
      </c>
      <c r="E51980" s="1" t="s">
        <v>64345</v>
      </c>
      <c r="F51980" s="1" t="s">
        <v>175476</v>
      </c>
      <c r="G51980" s="1" t="s">
        <v>175471</v>
      </c>
      <c r="H51980" s="1" t="s">
        <v>175472</v>
      </c>
      <c r="I51980" s="1" t="s">
        <v>172490</v>
      </c>
      <c r="J51980" s="1" t="s">
        <v>175477</v>
      </c>
    </row>
    <row r="51981" spans="1:10" x14ac:dyDescent="0.35">
      <c r="A51981" s="1" t="s">
        <v>28755</v>
      </c>
      <c r="B51981" s="1" t="s">
        <v>172484</v>
      </c>
      <c r="C51981" s="1" t="s">
        <v>30</v>
      </c>
      <c r="D51981" s="1" t="s">
        <v>48871</v>
      </c>
      <c r="E51981" s="1" t="s">
        <v>54985</v>
      </c>
      <c r="F51981" s="1" t="s">
        <v>175478</v>
      </c>
      <c r="G51981" s="1" t="s">
        <v>175471</v>
      </c>
      <c r="H51981" s="1" t="s">
        <v>175472</v>
      </c>
      <c r="I51981" s="1" t="s">
        <v>172490</v>
      </c>
      <c r="J51981" s="1" t="s">
        <v>175479</v>
      </c>
    </row>
    <row r="51982" spans="1:10" x14ac:dyDescent="0.35">
      <c r="A51982" s="1" t="s">
        <v>28755</v>
      </c>
      <c r="B51982" s="1" t="s">
        <v>172484</v>
      </c>
      <c r="C51982" s="1" t="s">
        <v>35</v>
      </c>
      <c r="D51982" s="1" t="s">
        <v>51588</v>
      </c>
      <c r="E51982" s="1" t="s">
        <v>175480</v>
      </c>
      <c r="F51982" s="1" t="s">
        <v>133490</v>
      </c>
      <c r="G51982" s="1" t="s">
        <v>175471</v>
      </c>
      <c r="H51982" s="1" t="s">
        <v>175472</v>
      </c>
      <c r="I51982" s="1" t="s">
        <v>172490</v>
      </c>
      <c r="J51982" s="1" t="s">
        <v>175481</v>
      </c>
    </row>
    <row r="51983" spans="1:10" x14ac:dyDescent="0.35">
      <c r="A51983" s="1" t="s">
        <v>28755</v>
      </c>
      <c r="B51983" s="1" t="s">
        <v>172484</v>
      </c>
      <c r="C51983" s="1" t="s">
        <v>40</v>
      </c>
      <c r="D51983" s="1" t="s">
        <v>175482</v>
      </c>
      <c r="E51983" s="1" t="s">
        <v>175483</v>
      </c>
      <c r="F51983" s="1" t="s">
        <v>55293</v>
      </c>
      <c r="G51983" s="1" t="s">
        <v>175471</v>
      </c>
      <c r="H51983" s="1" t="s">
        <v>175472</v>
      </c>
      <c r="I51983" s="1" t="s">
        <v>172490</v>
      </c>
      <c r="J51983" s="1" t="s">
        <v>175484</v>
      </c>
    </row>
    <row r="51984" spans="1:10" x14ac:dyDescent="0.35">
      <c r="A51984" s="1" t="s">
        <v>28755</v>
      </c>
      <c r="B51984" s="1" t="s">
        <v>172484</v>
      </c>
      <c r="C51984" s="1" t="s">
        <v>45</v>
      </c>
      <c r="D51984" s="1" t="s">
        <v>135768</v>
      </c>
      <c r="E51984" s="1" t="s">
        <v>175485</v>
      </c>
      <c r="F51984" s="1" t="s">
        <v>175486</v>
      </c>
      <c r="G51984" s="1" t="s">
        <v>175471</v>
      </c>
      <c r="H51984" s="1" t="s">
        <v>175472</v>
      </c>
      <c r="I51984" s="1" t="s">
        <v>172490</v>
      </c>
      <c r="J51984" s="1" t="s">
        <v>175487</v>
      </c>
    </row>
    <row r="51985" spans="1:10" x14ac:dyDescent="0.35">
      <c r="A51985" s="1" t="s">
        <v>28755</v>
      </c>
      <c r="B51985" s="1" t="s">
        <v>172484</v>
      </c>
      <c r="C51985" s="1" t="s">
        <v>50</v>
      </c>
      <c r="D51985" s="1" t="s">
        <v>17959</v>
      </c>
      <c r="E51985" s="1" t="s">
        <v>175488</v>
      </c>
      <c r="F51985" s="1" t="s">
        <v>175489</v>
      </c>
      <c r="G51985" s="1" t="s">
        <v>175471</v>
      </c>
      <c r="H51985" s="1" t="s">
        <v>175472</v>
      </c>
      <c r="I51985" s="1" t="s">
        <v>172490</v>
      </c>
      <c r="J51985" s="1" t="s">
        <v>175490</v>
      </c>
    </row>
    <row r="51986" spans="1:10" x14ac:dyDescent="0.35">
      <c r="A51986" s="1" t="s">
        <v>28755</v>
      </c>
      <c r="B51986" s="1" t="s">
        <v>172484</v>
      </c>
      <c r="C51986" s="1" t="s">
        <v>55</v>
      </c>
      <c r="D51986" s="1" t="s">
        <v>38874</v>
      </c>
      <c r="E51986" s="1" t="s">
        <v>22048</v>
      </c>
      <c r="F51986" s="1" t="s">
        <v>127028</v>
      </c>
      <c r="G51986" s="1" t="s">
        <v>175471</v>
      </c>
      <c r="H51986" s="1" t="s">
        <v>175472</v>
      </c>
      <c r="I51986" s="1" t="s">
        <v>172490</v>
      </c>
      <c r="J51986" s="1" t="s">
        <v>175491</v>
      </c>
    </row>
    <row r="51987" spans="1:10" x14ac:dyDescent="0.35">
      <c r="A51987" s="1" t="s">
        <v>28755</v>
      </c>
      <c r="B51987" s="1" t="s">
        <v>172484</v>
      </c>
      <c r="C51987" s="1" t="s">
        <v>60</v>
      </c>
      <c r="D51987" s="1" t="s">
        <v>175492</v>
      </c>
      <c r="E51987" s="1" t="s">
        <v>40717</v>
      </c>
      <c r="F51987" s="1" t="s">
        <v>175493</v>
      </c>
      <c r="G51987" s="1" t="s">
        <v>175471</v>
      </c>
      <c r="H51987" s="1" t="s">
        <v>175472</v>
      </c>
      <c r="I51987" s="1" t="s">
        <v>172490</v>
      </c>
      <c r="J51987" s="1" t="s">
        <v>175494</v>
      </c>
    </row>
    <row r="51988" spans="1:10" x14ac:dyDescent="0.35">
      <c r="A51988" s="1" t="s">
        <v>28755</v>
      </c>
      <c r="B51988" s="1" t="s">
        <v>172484</v>
      </c>
      <c r="C51988" s="1" t="s">
        <v>65</v>
      </c>
      <c r="D51988" s="1" t="s">
        <v>44093</v>
      </c>
      <c r="E51988" s="1" t="s">
        <v>175495</v>
      </c>
      <c r="F51988" s="1" t="s">
        <v>62547</v>
      </c>
      <c r="G51988" s="1" t="s">
        <v>175471</v>
      </c>
      <c r="H51988" s="1" t="s">
        <v>175472</v>
      </c>
      <c r="I51988" s="1" t="s">
        <v>172490</v>
      </c>
      <c r="J51988" s="1" t="s">
        <v>175496</v>
      </c>
    </row>
    <row r="51989" spans="1:10" x14ac:dyDescent="0.35">
      <c r="A51989" s="1" t="s">
        <v>28755</v>
      </c>
      <c r="B51989" s="1" t="s">
        <v>172484</v>
      </c>
      <c r="C51989" s="1" t="s">
        <v>70</v>
      </c>
      <c r="D51989" s="1" t="s">
        <v>35384</v>
      </c>
      <c r="E51989" s="1" t="s">
        <v>175497</v>
      </c>
      <c r="F51989" s="1" t="s">
        <v>175498</v>
      </c>
      <c r="G51989" s="1" t="s">
        <v>175471</v>
      </c>
      <c r="H51989" s="1" t="s">
        <v>175472</v>
      </c>
      <c r="I51989" s="1" t="s">
        <v>172490</v>
      </c>
      <c r="J51989" s="1" t="s">
        <v>175499</v>
      </c>
    </row>
    <row r="51990" spans="1:10" x14ac:dyDescent="0.35">
      <c r="A51990" s="1" t="s">
        <v>28755</v>
      </c>
      <c r="B51990" s="1" t="s">
        <v>172484</v>
      </c>
      <c r="C51990" s="1" t="s">
        <v>75</v>
      </c>
      <c r="D51990" s="1" t="s">
        <v>71323</v>
      </c>
      <c r="E51990" s="1" t="s">
        <v>175500</v>
      </c>
      <c r="F51990" s="1" t="s">
        <v>62848</v>
      </c>
      <c r="G51990" s="1" t="s">
        <v>175471</v>
      </c>
      <c r="H51990" s="1" t="s">
        <v>175472</v>
      </c>
      <c r="I51990" s="1" t="s">
        <v>172490</v>
      </c>
      <c r="J51990" s="1" t="s">
        <v>175501</v>
      </c>
    </row>
    <row r="51991" spans="1:10" x14ac:dyDescent="0.35">
      <c r="A51991" s="1" t="s">
        <v>28755</v>
      </c>
      <c r="B51991" s="1" t="s">
        <v>172484</v>
      </c>
      <c r="C51991" s="1" t="s">
        <v>80</v>
      </c>
      <c r="D51991" s="1" t="s">
        <v>19778</v>
      </c>
      <c r="E51991" s="1" t="s">
        <v>41539</v>
      </c>
      <c r="F51991" s="1" t="s">
        <v>162101</v>
      </c>
      <c r="G51991" s="1" t="s">
        <v>175471</v>
      </c>
      <c r="H51991" s="1" t="s">
        <v>175472</v>
      </c>
      <c r="I51991" s="1" t="s">
        <v>172490</v>
      </c>
      <c r="J51991" s="1" t="s">
        <v>175502</v>
      </c>
    </row>
    <row r="51992" spans="1:10" x14ac:dyDescent="0.35">
      <c r="A51992" s="1" t="s">
        <v>28755</v>
      </c>
      <c r="B51992" s="1" t="s">
        <v>172484</v>
      </c>
      <c r="C51992" s="1" t="s">
        <v>85</v>
      </c>
      <c r="D51992" s="1" t="s">
        <v>33215</v>
      </c>
      <c r="E51992" s="1" t="s">
        <v>175503</v>
      </c>
      <c r="F51992" s="1" t="s">
        <v>175504</v>
      </c>
      <c r="G51992" s="1" t="s">
        <v>175471</v>
      </c>
      <c r="H51992" s="1" t="s">
        <v>175472</v>
      </c>
      <c r="I51992" s="1" t="s">
        <v>172490</v>
      </c>
      <c r="J51992" s="1" t="s">
        <v>175505</v>
      </c>
    </row>
    <row r="51993" spans="1:10" x14ac:dyDescent="0.35">
      <c r="A51993" s="1" t="s">
        <v>28755</v>
      </c>
      <c r="B51993" s="1" t="s">
        <v>172484</v>
      </c>
      <c r="C51993" s="1" t="s">
        <v>90</v>
      </c>
      <c r="D51993" s="1" t="s">
        <v>36844</v>
      </c>
      <c r="E51993" s="1" t="s">
        <v>58969</v>
      </c>
      <c r="F51993" s="1" t="s">
        <v>175506</v>
      </c>
      <c r="G51993" s="1" t="s">
        <v>175471</v>
      </c>
      <c r="H51993" s="1" t="s">
        <v>175472</v>
      </c>
      <c r="I51993" s="1" t="s">
        <v>172490</v>
      </c>
      <c r="J51993" s="1" t="s">
        <v>175507</v>
      </c>
    </row>
    <row r="51994" spans="1:10" x14ac:dyDescent="0.35">
      <c r="A51994" s="1" t="s">
        <v>28755</v>
      </c>
      <c r="B51994" s="1" t="s">
        <v>172484</v>
      </c>
      <c r="C51994" s="1" t="s">
        <v>95</v>
      </c>
      <c r="D51994" s="1" t="s">
        <v>104705</v>
      </c>
      <c r="E51994" s="1" t="s">
        <v>175508</v>
      </c>
      <c r="F51994" s="1" t="s">
        <v>175509</v>
      </c>
      <c r="G51994" s="1" t="s">
        <v>175471</v>
      </c>
      <c r="H51994" s="1" t="s">
        <v>175472</v>
      </c>
      <c r="I51994" s="1" t="s">
        <v>172490</v>
      </c>
      <c r="J51994" s="1" t="s">
        <v>175510</v>
      </c>
    </row>
    <row r="51995" spans="1:10" x14ac:dyDescent="0.35">
      <c r="A51995" s="1" t="s">
        <v>28755</v>
      </c>
      <c r="B51995" s="1" t="s">
        <v>172484</v>
      </c>
      <c r="C51995" s="1" t="s">
        <v>100</v>
      </c>
      <c r="D51995" s="1" t="s">
        <v>175511</v>
      </c>
      <c r="E51995" s="1" t="s">
        <v>59861</v>
      </c>
      <c r="F51995" s="1" t="s">
        <v>175512</v>
      </c>
      <c r="G51995" s="1" t="s">
        <v>175471</v>
      </c>
      <c r="H51995" s="1" t="s">
        <v>175472</v>
      </c>
      <c r="I51995" s="1" t="s">
        <v>172490</v>
      </c>
      <c r="J51995" s="1" t="s">
        <v>175513</v>
      </c>
    </row>
    <row r="51996" spans="1:10" x14ac:dyDescent="0.35">
      <c r="A51996" s="1" t="s">
        <v>28755</v>
      </c>
      <c r="B51996" s="1" t="s">
        <v>172484</v>
      </c>
      <c r="C51996" s="1" t="s">
        <v>105</v>
      </c>
      <c r="D51996" s="1" t="s">
        <v>153908</v>
      </c>
      <c r="E51996" s="1" t="s">
        <v>175514</v>
      </c>
      <c r="F51996" s="1" t="s">
        <v>175515</v>
      </c>
      <c r="G51996" s="1" t="s">
        <v>175471</v>
      </c>
      <c r="H51996" s="1" t="s">
        <v>175472</v>
      </c>
      <c r="I51996" s="1" t="s">
        <v>172490</v>
      </c>
      <c r="J51996" s="1" t="s">
        <v>175516</v>
      </c>
    </row>
    <row r="51997" spans="1:10" x14ac:dyDescent="0.35">
      <c r="A51997" s="1" t="s">
        <v>28755</v>
      </c>
      <c r="B51997" s="1" t="s">
        <v>172484</v>
      </c>
      <c r="C51997" s="1" t="s">
        <v>110</v>
      </c>
      <c r="D51997" s="1" t="s">
        <v>175517</v>
      </c>
      <c r="E51997" s="1" t="s">
        <v>64345</v>
      </c>
      <c r="F51997" s="1" t="s">
        <v>175518</v>
      </c>
      <c r="G51997" s="1" t="s">
        <v>175471</v>
      </c>
      <c r="H51997" s="1" t="s">
        <v>175472</v>
      </c>
      <c r="I51997" s="1" t="s">
        <v>172490</v>
      </c>
      <c r="J51997" s="1" t="s">
        <v>175519</v>
      </c>
    </row>
    <row r="51998" spans="1:10" x14ac:dyDescent="0.35">
      <c r="A51998" s="1" t="s">
        <v>28755</v>
      </c>
      <c r="B51998" s="1" t="s">
        <v>172484</v>
      </c>
      <c r="C51998" s="1" t="s">
        <v>115</v>
      </c>
      <c r="D51998" s="1" t="s">
        <v>175520</v>
      </c>
      <c r="E51998" s="1" t="s">
        <v>175497</v>
      </c>
      <c r="F51998" s="1" t="s">
        <v>103414</v>
      </c>
      <c r="G51998" s="1" t="s">
        <v>175471</v>
      </c>
      <c r="H51998" s="1" t="s">
        <v>175472</v>
      </c>
      <c r="I51998" s="1" t="s">
        <v>172490</v>
      </c>
      <c r="J51998" s="1" t="s">
        <v>175521</v>
      </c>
    </row>
    <row r="51999" spans="1:10" x14ac:dyDescent="0.35">
      <c r="A51999" s="1" t="s">
        <v>28755</v>
      </c>
      <c r="B51999" s="1" t="s">
        <v>172484</v>
      </c>
      <c r="C51999" s="1" t="s">
        <v>120</v>
      </c>
      <c r="D51999" s="1" t="s">
        <v>42195</v>
      </c>
      <c r="E51999" s="1" t="s">
        <v>41520</v>
      </c>
      <c r="F51999" s="1" t="s">
        <v>175522</v>
      </c>
      <c r="G51999" s="1" t="s">
        <v>175471</v>
      </c>
      <c r="H51999" s="1" t="s">
        <v>175472</v>
      </c>
      <c r="I51999" s="1" t="s">
        <v>172490</v>
      </c>
      <c r="J51999" s="1" t="s">
        <v>175523</v>
      </c>
    </row>
    <row r="52000" spans="1:10" x14ac:dyDescent="0.35">
      <c r="A52000" s="1" t="s">
        <v>28755</v>
      </c>
      <c r="B52000" s="1" t="s">
        <v>172484</v>
      </c>
      <c r="C52000" s="1" t="s">
        <v>125</v>
      </c>
      <c r="D52000" s="1" t="s">
        <v>175524</v>
      </c>
      <c r="E52000" s="1" t="s">
        <v>55027</v>
      </c>
      <c r="F52000" s="1" t="s">
        <v>175525</v>
      </c>
      <c r="G52000" s="1" t="s">
        <v>175471</v>
      </c>
      <c r="H52000" s="1" t="s">
        <v>175472</v>
      </c>
      <c r="I52000" s="1" t="s">
        <v>172490</v>
      </c>
      <c r="J52000" s="1" t="s">
        <v>175526</v>
      </c>
    </row>
    <row r="52001" spans="1:10" x14ac:dyDescent="0.35">
      <c r="A52001" s="1" t="s">
        <v>28755</v>
      </c>
      <c r="B52001" s="1" t="s">
        <v>172484</v>
      </c>
      <c r="C52001" s="1" t="s">
        <v>130</v>
      </c>
      <c r="D52001" s="1" t="s">
        <v>175527</v>
      </c>
      <c r="E52001" s="1" t="s">
        <v>54046</v>
      </c>
      <c r="F52001" s="1" t="s">
        <v>175528</v>
      </c>
      <c r="G52001" s="1" t="s">
        <v>175471</v>
      </c>
      <c r="H52001" s="1" t="s">
        <v>175472</v>
      </c>
      <c r="I52001" s="1" t="s">
        <v>172490</v>
      </c>
      <c r="J52001" s="1" t="s">
        <v>175529</v>
      </c>
    </row>
    <row r="52002" spans="1:10" x14ac:dyDescent="0.35">
      <c r="A52002" s="1" t="s">
        <v>28755</v>
      </c>
      <c r="B52002" s="1" t="s">
        <v>172484</v>
      </c>
      <c r="C52002" s="1" t="s">
        <v>135</v>
      </c>
      <c r="D52002" s="1" t="s">
        <v>175530</v>
      </c>
      <c r="E52002" s="1" t="s">
        <v>41273</v>
      </c>
      <c r="F52002" s="1" t="s">
        <v>155934</v>
      </c>
      <c r="G52002" s="1" t="s">
        <v>175471</v>
      </c>
      <c r="H52002" s="1" t="s">
        <v>175472</v>
      </c>
      <c r="I52002" s="1" t="s">
        <v>172490</v>
      </c>
      <c r="J52002" s="1" t="s">
        <v>175531</v>
      </c>
    </row>
    <row r="52003" spans="1:10" x14ac:dyDescent="0.35">
      <c r="A52003" s="1" t="s">
        <v>28755</v>
      </c>
      <c r="B52003" s="1" t="s">
        <v>172484</v>
      </c>
      <c r="C52003" s="1" t="s">
        <v>140</v>
      </c>
      <c r="D52003" s="1" t="s">
        <v>175532</v>
      </c>
      <c r="E52003" s="1" t="s">
        <v>23083</v>
      </c>
      <c r="F52003" s="1" t="s">
        <v>175533</v>
      </c>
      <c r="G52003" s="1" t="s">
        <v>175471</v>
      </c>
      <c r="H52003" s="1" t="s">
        <v>175472</v>
      </c>
      <c r="I52003" s="1" t="s">
        <v>172490</v>
      </c>
      <c r="J52003" s="1" t="s">
        <v>175534</v>
      </c>
    </row>
    <row r="52004" spans="1:10" x14ac:dyDescent="0.35">
      <c r="A52004" s="1" t="s">
        <v>28755</v>
      </c>
      <c r="B52004" s="1" t="s">
        <v>172484</v>
      </c>
      <c r="C52004" s="1" t="s">
        <v>145</v>
      </c>
      <c r="D52004" s="1" t="s">
        <v>173631</v>
      </c>
      <c r="E52004" s="1" t="s">
        <v>56913</v>
      </c>
      <c r="F52004" s="1" t="s">
        <v>175535</v>
      </c>
      <c r="G52004" s="1" t="s">
        <v>175471</v>
      </c>
      <c r="H52004" s="1" t="s">
        <v>175472</v>
      </c>
      <c r="I52004" s="1" t="s">
        <v>172490</v>
      </c>
      <c r="J52004" s="1" t="s">
        <v>175536</v>
      </c>
    </row>
    <row r="52005" spans="1:10" x14ac:dyDescent="0.35">
      <c r="A52005" s="1" t="s">
        <v>28755</v>
      </c>
      <c r="B52005" s="1" t="s">
        <v>172484</v>
      </c>
      <c r="C52005" s="1" t="s">
        <v>150</v>
      </c>
      <c r="D52005" s="1" t="s">
        <v>175537</v>
      </c>
      <c r="E52005" s="1" t="s">
        <v>58409</v>
      </c>
      <c r="F52005" s="1" t="s">
        <v>175538</v>
      </c>
      <c r="G52005" s="1" t="s">
        <v>175471</v>
      </c>
      <c r="H52005" s="1" t="s">
        <v>175472</v>
      </c>
      <c r="I52005" s="1" t="s">
        <v>172490</v>
      </c>
      <c r="J52005" s="1" t="s">
        <v>175539</v>
      </c>
    </row>
    <row r="52006" spans="1:10" x14ac:dyDescent="0.35">
      <c r="A52006" s="1" t="s">
        <v>28755</v>
      </c>
      <c r="B52006" s="1" t="s">
        <v>172484</v>
      </c>
      <c r="C52006" s="1" t="s">
        <v>155</v>
      </c>
      <c r="D52006" s="1" t="s">
        <v>175540</v>
      </c>
      <c r="E52006" s="1" t="s">
        <v>53825</v>
      </c>
      <c r="F52006" s="1" t="s">
        <v>175541</v>
      </c>
      <c r="G52006" s="1" t="s">
        <v>175471</v>
      </c>
      <c r="H52006" s="1" t="s">
        <v>175472</v>
      </c>
      <c r="I52006" s="1" t="s">
        <v>172490</v>
      </c>
      <c r="J52006" s="1" t="s">
        <v>175542</v>
      </c>
    </row>
    <row r="52007" spans="1:10" x14ac:dyDescent="0.35">
      <c r="A52007" s="1" t="s">
        <v>28755</v>
      </c>
      <c r="B52007" s="1" t="s">
        <v>172484</v>
      </c>
      <c r="C52007" s="1" t="s">
        <v>160</v>
      </c>
      <c r="D52007" s="1" t="s">
        <v>83281</v>
      </c>
      <c r="E52007" s="1" t="s">
        <v>69671</v>
      </c>
      <c r="F52007" s="1" t="s">
        <v>175543</v>
      </c>
      <c r="G52007" s="1" t="s">
        <v>175471</v>
      </c>
      <c r="H52007" s="1" t="s">
        <v>175472</v>
      </c>
      <c r="I52007" s="1" t="s">
        <v>172490</v>
      </c>
      <c r="J52007" s="1" t="s">
        <v>175544</v>
      </c>
    </row>
    <row r="52008" spans="1:10" x14ac:dyDescent="0.35">
      <c r="A52008" s="1" t="s">
        <v>28755</v>
      </c>
      <c r="B52008" s="1" t="s">
        <v>172484</v>
      </c>
      <c r="C52008" s="1" t="s">
        <v>165</v>
      </c>
      <c r="D52008" s="1" t="s">
        <v>152812</v>
      </c>
      <c r="E52008" s="1" t="s">
        <v>175545</v>
      </c>
      <c r="F52008" s="1" t="s">
        <v>175546</v>
      </c>
      <c r="G52008" s="1" t="s">
        <v>175471</v>
      </c>
      <c r="H52008" s="1" t="s">
        <v>175472</v>
      </c>
      <c r="I52008" s="1" t="s">
        <v>172490</v>
      </c>
      <c r="J52008" s="1" t="s">
        <v>175547</v>
      </c>
    </row>
    <row r="52009" spans="1:10" x14ac:dyDescent="0.35">
      <c r="A52009" s="1" t="s">
        <v>28755</v>
      </c>
      <c r="B52009" s="1" t="s">
        <v>172484</v>
      </c>
      <c r="C52009" s="1" t="s">
        <v>170</v>
      </c>
      <c r="D52009" s="1" t="s">
        <v>175548</v>
      </c>
      <c r="E52009" s="1" t="s">
        <v>67885</v>
      </c>
      <c r="F52009" s="1" t="s">
        <v>97665</v>
      </c>
      <c r="G52009" s="1" t="s">
        <v>175471</v>
      </c>
      <c r="H52009" s="1" t="s">
        <v>175472</v>
      </c>
      <c r="I52009" s="1" t="s">
        <v>172490</v>
      </c>
      <c r="J52009" s="1" t="s">
        <v>175549</v>
      </c>
    </row>
    <row r="52010" spans="1:10" x14ac:dyDescent="0.35">
      <c r="A52010" s="1" t="s">
        <v>11737</v>
      </c>
      <c r="B52010" s="1" t="s">
        <v>172484</v>
      </c>
      <c r="C52010" s="1" t="s">
        <v>8</v>
      </c>
      <c r="D52010" s="1" t="s">
        <v>104373</v>
      </c>
      <c r="E52010" s="1" t="s">
        <v>54751</v>
      </c>
      <c r="F52010" s="1" t="s">
        <v>175550</v>
      </c>
      <c r="G52010" s="1" t="s">
        <v>175551</v>
      </c>
      <c r="H52010" s="1" t="s">
        <v>175552</v>
      </c>
      <c r="I52010" s="1" t="s">
        <v>172490</v>
      </c>
      <c r="J52010" s="1" t="s">
        <v>13</v>
      </c>
    </row>
    <row r="52011" spans="1:10" x14ac:dyDescent="0.35">
      <c r="A52011" s="1" t="s">
        <v>11737</v>
      </c>
      <c r="B52011" s="1" t="s">
        <v>172484</v>
      </c>
      <c r="C52011" s="1" t="s">
        <v>15</v>
      </c>
      <c r="D52011" s="1" t="s">
        <v>71748</v>
      </c>
      <c r="E52011" s="1" t="s">
        <v>23118</v>
      </c>
      <c r="F52011" s="1" t="s">
        <v>175553</v>
      </c>
      <c r="G52011" s="1" t="s">
        <v>175551</v>
      </c>
      <c r="H52011" s="1" t="s">
        <v>175552</v>
      </c>
      <c r="I52011" s="1" t="s">
        <v>172490</v>
      </c>
      <c r="J52011" s="1" t="s">
        <v>175554</v>
      </c>
    </row>
    <row r="52012" spans="1:10" x14ac:dyDescent="0.35">
      <c r="A52012" s="1" t="s">
        <v>11737</v>
      </c>
      <c r="B52012" s="1" t="s">
        <v>172484</v>
      </c>
      <c r="C52012" s="1" t="s">
        <v>20</v>
      </c>
      <c r="D52012" s="1" t="s">
        <v>175555</v>
      </c>
      <c r="E52012" s="1" t="s">
        <v>23480</v>
      </c>
      <c r="F52012" s="1" t="s">
        <v>175556</v>
      </c>
      <c r="G52012" s="1" t="s">
        <v>175551</v>
      </c>
      <c r="H52012" s="1" t="s">
        <v>175552</v>
      </c>
      <c r="I52012" s="1" t="s">
        <v>172490</v>
      </c>
      <c r="J52012" s="1" t="s">
        <v>175557</v>
      </c>
    </row>
    <row r="52013" spans="1:10" x14ac:dyDescent="0.35">
      <c r="A52013" s="1" t="s">
        <v>11737</v>
      </c>
      <c r="B52013" s="1" t="s">
        <v>172484</v>
      </c>
      <c r="C52013" s="1" t="s">
        <v>25</v>
      </c>
      <c r="D52013" s="1" t="s">
        <v>589</v>
      </c>
      <c r="E52013" s="1" t="s">
        <v>99667</v>
      </c>
      <c r="F52013" s="1" t="s">
        <v>105287</v>
      </c>
      <c r="G52013" s="1" t="s">
        <v>175551</v>
      </c>
      <c r="H52013" s="1" t="s">
        <v>175552</v>
      </c>
      <c r="I52013" s="1" t="s">
        <v>172490</v>
      </c>
      <c r="J52013" s="1" t="s">
        <v>175558</v>
      </c>
    </row>
    <row r="52014" spans="1:10" x14ac:dyDescent="0.35">
      <c r="A52014" s="1" t="s">
        <v>11737</v>
      </c>
      <c r="B52014" s="1" t="s">
        <v>172484</v>
      </c>
      <c r="C52014" s="1" t="s">
        <v>30</v>
      </c>
      <c r="D52014" s="1" t="s">
        <v>36123</v>
      </c>
      <c r="E52014" s="1" t="s">
        <v>56990</v>
      </c>
      <c r="F52014" s="1" t="s">
        <v>114449</v>
      </c>
      <c r="G52014" s="1" t="s">
        <v>175551</v>
      </c>
      <c r="H52014" s="1" t="s">
        <v>175552</v>
      </c>
      <c r="I52014" s="1" t="s">
        <v>172490</v>
      </c>
      <c r="J52014" s="1" t="s">
        <v>175559</v>
      </c>
    </row>
    <row r="52015" spans="1:10" x14ac:dyDescent="0.35">
      <c r="A52015" s="1" t="s">
        <v>11737</v>
      </c>
      <c r="B52015" s="1" t="s">
        <v>172484</v>
      </c>
      <c r="C52015" s="1" t="s">
        <v>35</v>
      </c>
      <c r="D52015" s="1" t="s">
        <v>175560</v>
      </c>
      <c r="E52015" s="1" t="s">
        <v>57856</v>
      </c>
      <c r="F52015" s="1" t="s">
        <v>82932</v>
      </c>
      <c r="G52015" s="1" t="s">
        <v>175551</v>
      </c>
      <c r="H52015" s="1" t="s">
        <v>175552</v>
      </c>
      <c r="I52015" s="1" t="s">
        <v>172490</v>
      </c>
      <c r="J52015" s="1" t="s">
        <v>175561</v>
      </c>
    </row>
    <row r="52016" spans="1:10" x14ac:dyDescent="0.35">
      <c r="A52016" s="1" t="s">
        <v>11737</v>
      </c>
      <c r="B52016" s="1" t="s">
        <v>172484</v>
      </c>
      <c r="C52016" s="1" t="s">
        <v>40</v>
      </c>
      <c r="D52016" s="1" t="s">
        <v>2981</v>
      </c>
      <c r="E52016" s="1" t="s">
        <v>83445</v>
      </c>
      <c r="F52016" s="1" t="s">
        <v>68569</v>
      </c>
      <c r="G52016" s="1" t="s">
        <v>175551</v>
      </c>
      <c r="H52016" s="1" t="s">
        <v>175552</v>
      </c>
      <c r="I52016" s="1" t="s">
        <v>172490</v>
      </c>
      <c r="J52016" s="1" t="s">
        <v>175562</v>
      </c>
    </row>
    <row r="52017" spans="1:10" x14ac:dyDescent="0.35">
      <c r="A52017" s="1" t="s">
        <v>11737</v>
      </c>
      <c r="B52017" s="1" t="s">
        <v>172484</v>
      </c>
      <c r="C52017" s="1" t="s">
        <v>45</v>
      </c>
      <c r="D52017" s="1" t="s">
        <v>30195</v>
      </c>
      <c r="E52017" s="1" t="s">
        <v>175563</v>
      </c>
      <c r="F52017" s="1" t="s">
        <v>175564</v>
      </c>
      <c r="G52017" s="1" t="s">
        <v>175551</v>
      </c>
      <c r="H52017" s="1" t="s">
        <v>175552</v>
      </c>
      <c r="I52017" s="1" t="s">
        <v>172490</v>
      </c>
      <c r="J52017" s="1" t="s">
        <v>175565</v>
      </c>
    </row>
    <row r="52018" spans="1:10" x14ac:dyDescent="0.35">
      <c r="A52018" s="1" t="s">
        <v>11737</v>
      </c>
      <c r="B52018" s="1" t="s">
        <v>172484</v>
      </c>
      <c r="C52018" s="1" t="s">
        <v>50</v>
      </c>
      <c r="D52018" s="1" t="s">
        <v>175566</v>
      </c>
      <c r="E52018" s="1" t="s">
        <v>41305</v>
      </c>
      <c r="F52018" s="1" t="s">
        <v>55400</v>
      </c>
      <c r="G52018" s="1" t="s">
        <v>175551</v>
      </c>
      <c r="H52018" s="1" t="s">
        <v>175552</v>
      </c>
      <c r="I52018" s="1" t="s">
        <v>172490</v>
      </c>
      <c r="J52018" s="1" t="s">
        <v>175567</v>
      </c>
    </row>
    <row r="52019" spans="1:10" x14ac:dyDescent="0.35">
      <c r="A52019" s="1" t="s">
        <v>11737</v>
      </c>
      <c r="B52019" s="1" t="s">
        <v>172484</v>
      </c>
      <c r="C52019" s="1" t="s">
        <v>55</v>
      </c>
      <c r="D52019" s="1" t="s">
        <v>17937</v>
      </c>
      <c r="E52019" s="1" t="s">
        <v>23425</v>
      </c>
      <c r="F52019" s="1" t="s">
        <v>175568</v>
      </c>
      <c r="G52019" s="1" t="s">
        <v>175551</v>
      </c>
      <c r="H52019" s="1" t="s">
        <v>175552</v>
      </c>
      <c r="I52019" s="1" t="s">
        <v>172490</v>
      </c>
      <c r="J52019" s="1" t="s">
        <v>175569</v>
      </c>
    </row>
    <row r="52020" spans="1:10" x14ac:dyDescent="0.35">
      <c r="A52020" s="1" t="s">
        <v>11737</v>
      </c>
      <c r="B52020" s="1" t="s">
        <v>172484</v>
      </c>
      <c r="C52020" s="1" t="s">
        <v>60</v>
      </c>
      <c r="D52020" s="1" t="s">
        <v>171688</v>
      </c>
      <c r="E52020" s="1" t="s">
        <v>53936</v>
      </c>
      <c r="F52020" s="1" t="s">
        <v>175570</v>
      </c>
      <c r="G52020" s="1" t="s">
        <v>175551</v>
      </c>
      <c r="H52020" s="1" t="s">
        <v>175552</v>
      </c>
      <c r="I52020" s="1" t="s">
        <v>172490</v>
      </c>
      <c r="J52020" s="1" t="s">
        <v>175571</v>
      </c>
    </row>
    <row r="52021" spans="1:10" x14ac:dyDescent="0.35">
      <c r="A52021" s="1" t="s">
        <v>11737</v>
      </c>
      <c r="B52021" s="1" t="s">
        <v>172484</v>
      </c>
      <c r="C52021" s="1" t="s">
        <v>65</v>
      </c>
      <c r="D52021" s="1" t="s">
        <v>175572</v>
      </c>
      <c r="E52021" s="1" t="s">
        <v>58913</v>
      </c>
      <c r="F52021" s="1" t="s">
        <v>175573</v>
      </c>
      <c r="G52021" s="1" t="s">
        <v>175551</v>
      </c>
      <c r="H52021" s="1" t="s">
        <v>175552</v>
      </c>
      <c r="I52021" s="1" t="s">
        <v>172490</v>
      </c>
      <c r="J52021" s="1" t="s">
        <v>175574</v>
      </c>
    </row>
    <row r="52022" spans="1:10" x14ac:dyDescent="0.35">
      <c r="A52022" s="1" t="s">
        <v>11737</v>
      </c>
      <c r="B52022" s="1" t="s">
        <v>172484</v>
      </c>
      <c r="C52022" s="1" t="s">
        <v>70</v>
      </c>
      <c r="D52022" s="1" t="s">
        <v>124565</v>
      </c>
      <c r="E52022" s="1" t="s">
        <v>24377</v>
      </c>
      <c r="F52022" s="1" t="s">
        <v>175575</v>
      </c>
      <c r="G52022" s="1" t="s">
        <v>175551</v>
      </c>
      <c r="H52022" s="1" t="s">
        <v>175552</v>
      </c>
      <c r="I52022" s="1" t="s">
        <v>172490</v>
      </c>
      <c r="J52022" s="1" t="s">
        <v>175576</v>
      </c>
    </row>
    <row r="52023" spans="1:10" x14ac:dyDescent="0.35">
      <c r="A52023" s="1" t="s">
        <v>11737</v>
      </c>
      <c r="B52023" s="1" t="s">
        <v>172484</v>
      </c>
      <c r="C52023" s="1" t="s">
        <v>75</v>
      </c>
      <c r="D52023" s="1" t="s">
        <v>154903</v>
      </c>
      <c r="E52023" s="1" t="s">
        <v>21768</v>
      </c>
      <c r="F52023" s="1" t="s">
        <v>175577</v>
      </c>
      <c r="G52023" s="1" t="s">
        <v>175551</v>
      </c>
      <c r="H52023" s="1" t="s">
        <v>175552</v>
      </c>
      <c r="I52023" s="1" t="s">
        <v>172490</v>
      </c>
      <c r="J52023" s="1" t="s">
        <v>175578</v>
      </c>
    </row>
    <row r="52024" spans="1:10" x14ac:dyDescent="0.35">
      <c r="A52024" s="1" t="s">
        <v>11737</v>
      </c>
      <c r="B52024" s="1" t="s">
        <v>172484</v>
      </c>
      <c r="C52024" s="1" t="s">
        <v>80</v>
      </c>
      <c r="D52024" s="1" t="s">
        <v>115436</v>
      </c>
      <c r="E52024" s="1" t="s">
        <v>41262</v>
      </c>
      <c r="F52024" s="1" t="s">
        <v>175579</v>
      </c>
      <c r="G52024" s="1" t="s">
        <v>175551</v>
      </c>
      <c r="H52024" s="1" t="s">
        <v>175552</v>
      </c>
      <c r="I52024" s="1" t="s">
        <v>172490</v>
      </c>
      <c r="J52024" s="1" t="s">
        <v>175580</v>
      </c>
    </row>
    <row r="52025" spans="1:10" x14ac:dyDescent="0.35">
      <c r="A52025" s="1" t="s">
        <v>11737</v>
      </c>
      <c r="B52025" s="1" t="s">
        <v>172484</v>
      </c>
      <c r="C52025" s="1" t="s">
        <v>85</v>
      </c>
      <c r="D52025" s="1" t="s">
        <v>175581</v>
      </c>
      <c r="E52025" s="1" t="s">
        <v>22986</v>
      </c>
      <c r="F52025" s="1" t="s">
        <v>175582</v>
      </c>
      <c r="G52025" s="1" t="s">
        <v>175551</v>
      </c>
      <c r="H52025" s="1" t="s">
        <v>175552</v>
      </c>
      <c r="I52025" s="1" t="s">
        <v>172490</v>
      </c>
      <c r="J52025" s="1" t="s">
        <v>175583</v>
      </c>
    </row>
    <row r="52026" spans="1:10" x14ac:dyDescent="0.35">
      <c r="A52026" s="1" t="s">
        <v>11737</v>
      </c>
      <c r="B52026" s="1" t="s">
        <v>172484</v>
      </c>
      <c r="C52026" s="1" t="s">
        <v>90</v>
      </c>
      <c r="D52026" s="1" t="s">
        <v>175584</v>
      </c>
      <c r="E52026" s="1" t="s">
        <v>26629</v>
      </c>
      <c r="F52026" s="1" t="s">
        <v>175585</v>
      </c>
      <c r="G52026" s="1" t="s">
        <v>175551</v>
      </c>
      <c r="H52026" s="1" t="s">
        <v>175552</v>
      </c>
      <c r="I52026" s="1" t="s">
        <v>172490</v>
      </c>
      <c r="J52026" s="1" t="s">
        <v>175586</v>
      </c>
    </row>
    <row r="52027" spans="1:10" x14ac:dyDescent="0.35">
      <c r="A52027" s="1" t="s">
        <v>11737</v>
      </c>
      <c r="B52027" s="1" t="s">
        <v>172484</v>
      </c>
      <c r="C52027" s="1" t="s">
        <v>95</v>
      </c>
      <c r="D52027" s="1" t="s">
        <v>142288</v>
      </c>
      <c r="E52027" s="1" t="s">
        <v>22091</v>
      </c>
      <c r="F52027" s="1" t="s">
        <v>31901</v>
      </c>
      <c r="G52027" s="1" t="s">
        <v>175551</v>
      </c>
      <c r="H52027" s="1" t="s">
        <v>175552</v>
      </c>
      <c r="I52027" s="1" t="s">
        <v>172490</v>
      </c>
      <c r="J52027" s="1" t="s">
        <v>175587</v>
      </c>
    </row>
    <row r="52028" spans="1:10" x14ac:dyDescent="0.35">
      <c r="A52028" s="1" t="s">
        <v>11737</v>
      </c>
      <c r="B52028" s="1" t="s">
        <v>172484</v>
      </c>
      <c r="C52028" s="1" t="s">
        <v>100</v>
      </c>
      <c r="D52028" s="1" t="s">
        <v>11620</v>
      </c>
      <c r="E52028" s="1" t="s">
        <v>54433</v>
      </c>
      <c r="F52028" s="1" t="s">
        <v>175588</v>
      </c>
      <c r="G52028" s="1" t="s">
        <v>175551</v>
      </c>
      <c r="H52028" s="1" t="s">
        <v>175552</v>
      </c>
      <c r="I52028" s="1" t="s">
        <v>172490</v>
      </c>
      <c r="J52028" s="1" t="s">
        <v>175589</v>
      </c>
    </row>
    <row r="52029" spans="1:10" x14ac:dyDescent="0.35">
      <c r="A52029" s="1" t="s">
        <v>11737</v>
      </c>
      <c r="B52029" s="1" t="s">
        <v>172484</v>
      </c>
      <c r="C52029" s="1" t="s">
        <v>105</v>
      </c>
      <c r="D52029" s="1" t="s">
        <v>175590</v>
      </c>
      <c r="E52029" s="1" t="s">
        <v>55069</v>
      </c>
      <c r="F52029" s="1" t="s">
        <v>133354</v>
      </c>
      <c r="G52029" s="1" t="s">
        <v>175551</v>
      </c>
      <c r="H52029" s="1" t="s">
        <v>175552</v>
      </c>
      <c r="I52029" s="1" t="s">
        <v>172490</v>
      </c>
      <c r="J52029" s="1" t="s">
        <v>175591</v>
      </c>
    </row>
    <row r="52030" spans="1:10" x14ac:dyDescent="0.35">
      <c r="A52030" s="1" t="s">
        <v>11737</v>
      </c>
      <c r="B52030" s="1" t="s">
        <v>172484</v>
      </c>
      <c r="C52030" s="1" t="s">
        <v>110</v>
      </c>
      <c r="D52030" s="1" t="s">
        <v>175592</v>
      </c>
      <c r="E52030" s="1" t="s">
        <v>22026</v>
      </c>
      <c r="F52030" s="1" t="s">
        <v>103435</v>
      </c>
      <c r="G52030" s="1" t="s">
        <v>175551</v>
      </c>
      <c r="H52030" s="1" t="s">
        <v>175552</v>
      </c>
      <c r="I52030" s="1" t="s">
        <v>172490</v>
      </c>
      <c r="J52030" s="1" t="s">
        <v>175593</v>
      </c>
    </row>
    <row r="52031" spans="1:10" x14ac:dyDescent="0.35">
      <c r="A52031" s="1" t="s">
        <v>11737</v>
      </c>
      <c r="B52031" s="1" t="s">
        <v>172484</v>
      </c>
      <c r="C52031" s="1" t="s">
        <v>115</v>
      </c>
      <c r="D52031" s="1" t="s">
        <v>175594</v>
      </c>
      <c r="E52031" s="1" t="s">
        <v>12868</v>
      </c>
      <c r="F52031" s="1" t="s">
        <v>71192</v>
      </c>
      <c r="G52031" s="1" t="s">
        <v>175551</v>
      </c>
      <c r="H52031" s="1" t="s">
        <v>175552</v>
      </c>
      <c r="I52031" s="1" t="s">
        <v>172490</v>
      </c>
      <c r="J52031" s="1" t="s">
        <v>175595</v>
      </c>
    </row>
    <row r="52032" spans="1:10" x14ac:dyDescent="0.35">
      <c r="A52032" s="1" t="s">
        <v>11737</v>
      </c>
      <c r="B52032" s="1" t="s">
        <v>172484</v>
      </c>
      <c r="C52032" s="1" t="s">
        <v>120</v>
      </c>
      <c r="D52032" s="1" t="s">
        <v>175596</v>
      </c>
      <c r="E52032" s="1" t="s">
        <v>66906</v>
      </c>
      <c r="F52032" s="1" t="s">
        <v>30623</v>
      </c>
      <c r="G52032" s="1" t="s">
        <v>175551</v>
      </c>
      <c r="H52032" s="1" t="s">
        <v>175552</v>
      </c>
      <c r="I52032" s="1" t="s">
        <v>172490</v>
      </c>
      <c r="J52032" s="1" t="s">
        <v>175597</v>
      </c>
    </row>
    <row r="52033" spans="1:10" x14ac:dyDescent="0.35">
      <c r="A52033" s="1" t="s">
        <v>11737</v>
      </c>
      <c r="B52033" s="1" t="s">
        <v>172484</v>
      </c>
      <c r="C52033" s="1" t="s">
        <v>125</v>
      </c>
      <c r="D52033" s="1" t="s">
        <v>175598</v>
      </c>
      <c r="E52033" s="1" t="s">
        <v>15221</v>
      </c>
      <c r="F52033" s="1" t="s">
        <v>175599</v>
      </c>
      <c r="G52033" s="1" t="s">
        <v>175551</v>
      </c>
      <c r="H52033" s="1" t="s">
        <v>175552</v>
      </c>
      <c r="I52033" s="1" t="s">
        <v>172490</v>
      </c>
      <c r="J52033" s="1" t="s">
        <v>175600</v>
      </c>
    </row>
    <row r="52034" spans="1:10" x14ac:dyDescent="0.35">
      <c r="A52034" s="1" t="s">
        <v>11737</v>
      </c>
      <c r="B52034" s="1" t="s">
        <v>172484</v>
      </c>
      <c r="C52034" s="1" t="s">
        <v>130</v>
      </c>
      <c r="D52034" s="1" t="s">
        <v>170841</v>
      </c>
      <c r="E52034" s="1" t="s">
        <v>88211</v>
      </c>
      <c r="F52034" s="1" t="s">
        <v>175601</v>
      </c>
      <c r="G52034" s="1" t="s">
        <v>175551</v>
      </c>
      <c r="H52034" s="1" t="s">
        <v>175552</v>
      </c>
      <c r="I52034" s="1" t="s">
        <v>172490</v>
      </c>
      <c r="J52034" s="1" t="s">
        <v>175602</v>
      </c>
    </row>
    <row r="52035" spans="1:10" x14ac:dyDescent="0.35">
      <c r="A52035" s="1" t="s">
        <v>11737</v>
      </c>
      <c r="B52035" s="1" t="s">
        <v>172484</v>
      </c>
      <c r="C52035" s="1" t="s">
        <v>135</v>
      </c>
      <c r="D52035" s="1" t="s">
        <v>175603</v>
      </c>
      <c r="E52035" s="1" t="s">
        <v>21834</v>
      </c>
      <c r="F52035" s="1" t="s">
        <v>175604</v>
      </c>
      <c r="G52035" s="1" t="s">
        <v>175551</v>
      </c>
      <c r="H52035" s="1" t="s">
        <v>175552</v>
      </c>
      <c r="I52035" s="1" t="s">
        <v>172490</v>
      </c>
      <c r="J52035" s="1" t="s">
        <v>175605</v>
      </c>
    </row>
    <row r="52036" spans="1:10" x14ac:dyDescent="0.35">
      <c r="A52036" s="1" t="s">
        <v>11737</v>
      </c>
      <c r="B52036" s="1" t="s">
        <v>172484</v>
      </c>
      <c r="C52036" s="1" t="s">
        <v>140</v>
      </c>
      <c r="D52036" s="1" t="s">
        <v>9137</v>
      </c>
      <c r="E52036" s="1" t="s">
        <v>15345</v>
      </c>
      <c r="F52036" s="1" t="s">
        <v>175606</v>
      </c>
      <c r="G52036" s="1" t="s">
        <v>175551</v>
      </c>
      <c r="H52036" s="1" t="s">
        <v>175552</v>
      </c>
      <c r="I52036" s="1" t="s">
        <v>172490</v>
      </c>
      <c r="J52036" s="1" t="s">
        <v>175607</v>
      </c>
    </row>
    <row r="52037" spans="1:10" x14ac:dyDescent="0.35">
      <c r="A52037" s="1" t="s">
        <v>11737</v>
      </c>
      <c r="B52037" s="1" t="s">
        <v>172484</v>
      </c>
      <c r="C52037" s="1" t="s">
        <v>145</v>
      </c>
      <c r="D52037" s="1" t="s">
        <v>175608</v>
      </c>
      <c r="E52037" s="1" t="s">
        <v>31435</v>
      </c>
      <c r="F52037" s="1" t="s">
        <v>55405</v>
      </c>
      <c r="G52037" s="1" t="s">
        <v>175551</v>
      </c>
      <c r="H52037" s="1" t="s">
        <v>175552</v>
      </c>
      <c r="I52037" s="1" t="s">
        <v>172490</v>
      </c>
      <c r="J52037" s="1" t="s">
        <v>175609</v>
      </c>
    </row>
    <row r="52038" spans="1:10" x14ac:dyDescent="0.35">
      <c r="A52038" s="1" t="s">
        <v>11737</v>
      </c>
      <c r="B52038" s="1" t="s">
        <v>172484</v>
      </c>
      <c r="C52038" s="1" t="s">
        <v>150</v>
      </c>
      <c r="D52038" s="1" t="s">
        <v>175610</v>
      </c>
      <c r="E52038" s="1" t="s">
        <v>23476</v>
      </c>
      <c r="F52038" s="1" t="s">
        <v>175611</v>
      </c>
      <c r="G52038" s="1" t="s">
        <v>175551</v>
      </c>
      <c r="H52038" s="1" t="s">
        <v>175552</v>
      </c>
      <c r="I52038" s="1" t="s">
        <v>172490</v>
      </c>
      <c r="J52038" s="1" t="s">
        <v>175612</v>
      </c>
    </row>
    <row r="52039" spans="1:10" x14ac:dyDescent="0.35">
      <c r="A52039" s="1" t="s">
        <v>11737</v>
      </c>
      <c r="B52039" s="1" t="s">
        <v>172484</v>
      </c>
      <c r="C52039" s="1" t="s">
        <v>155</v>
      </c>
      <c r="D52039" s="1" t="s">
        <v>175613</v>
      </c>
      <c r="E52039" s="1" t="s">
        <v>31449</v>
      </c>
      <c r="F52039" s="1" t="s">
        <v>133295</v>
      </c>
      <c r="G52039" s="1" t="s">
        <v>175551</v>
      </c>
      <c r="H52039" s="1" t="s">
        <v>175552</v>
      </c>
      <c r="I52039" s="1" t="s">
        <v>172490</v>
      </c>
      <c r="J52039" s="1" t="s">
        <v>175614</v>
      </c>
    </row>
    <row r="52040" spans="1:10" x14ac:dyDescent="0.35">
      <c r="A52040" s="1" t="s">
        <v>11737</v>
      </c>
      <c r="B52040" s="1" t="s">
        <v>172484</v>
      </c>
      <c r="C52040" s="1" t="s">
        <v>160</v>
      </c>
      <c r="D52040" s="1" t="s">
        <v>175615</v>
      </c>
      <c r="E52040" s="1" t="s">
        <v>16186</v>
      </c>
      <c r="F52040" s="1" t="s">
        <v>175616</v>
      </c>
      <c r="G52040" s="1" t="s">
        <v>175551</v>
      </c>
      <c r="H52040" s="1" t="s">
        <v>175552</v>
      </c>
      <c r="I52040" s="1" t="s">
        <v>172490</v>
      </c>
      <c r="J52040" s="1" t="s">
        <v>175617</v>
      </c>
    </row>
    <row r="52041" spans="1:10" x14ac:dyDescent="0.35">
      <c r="A52041" s="1" t="s">
        <v>11737</v>
      </c>
      <c r="B52041" s="1" t="s">
        <v>172484</v>
      </c>
      <c r="C52041" s="1" t="s">
        <v>165</v>
      </c>
      <c r="D52041" s="1" t="s">
        <v>175618</v>
      </c>
      <c r="E52041" s="1" t="s">
        <v>57237</v>
      </c>
      <c r="F52041" s="1" t="s">
        <v>132790</v>
      </c>
      <c r="G52041" s="1" t="s">
        <v>175551</v>
      </c>
      <c r="H52041" s="1" t="s">
        <v>175552</v>
      </c>
      <c r="I52041" s="1" t="s">
        <v>172490</v>
      </c>
      <c r="J52041" s="1" t="s">
        <v>175619</v>
      </c>
    </row>
    <row r="52042" spans="1:10" x14ac:dyDescent="0.35">
      <c r="A52042" s="1" t="s">
        <v>11737</v>
      </c>
      <c r="B52042" s="1" t="s">
        <v>172484</v>
      </c>
      <c r="C52042" s="1" t="s">
        <v>170</v>
      </c>
      <c r="D52042" s="1" t="s">
        <v>175620</v>
      </c>
      <c r="E52042" s="1" t="s">
        <v>23210</v>
      </c>
      <c r="F52042" s="1" t="s">
        <v>175621</v>
      </c>
      <c r="G52042" s="1" t="s">
        <v>175551</v>
      </c>
      <c r="H52042" s="1" t="s">
        <v>175552</v>
      </c>
      <c r="I52042" s="1" t="s">
        <v>172490</v>
      </c>
      <c r="J52042" s="1" t="s">
        <v>175622</v>
      </c>
    </row>
    <row r="52043" spans="1:10" x14ac:dyDescent="0.35">
      <c r="A52043" s="1" t="s">
        <v>1217</v>
      </c>
      <c r="B52043" s="1" t="s">
        <v>172484</v>
      </c>
      <c r="C52043" s="1" t="s">
        <v>8</v>
      </c>
      <c r="D52043" s="1" t="s">
        <v>46160</v>
      </c>
      <c r="E52043" s="1" t="s">
        <v>175623</v>
      </c>
      <c r="F52043" s="1" t="s">
        <v>175624</v>
      </c>
      <c r="G52043" s="1" t="s">
        <v>175625</v>
      </c>
      <c r="H52043" s="1" t="s">
        <v>175626</v>
      </c>
      <c r="I52043" s="1" t="s">
        <v>172490</v>
      </c>
      <c r="J52043" s="1" t="s">
        <v>13</v>
      </c>
    </row>
    <row r="52044" spans="1:10" x14ac:dyDescent="0.35">
      <c r="A52044" s="1" t="s">
        <v>1217</v>
      </c>
      <c r="B52044" s="1" t="s">
        <v>172484</v>
      </c>
      <c r="C52044" s="1" t="s">
        <v>15</v>
      </c>
      <c r="D52044" s="1" t="s">
        <v>73473</v>
      </c>
      <c r="E52044" s="1" t="s">
        <v>175627</v>
      </c>
      <c r="F52044" s="1" t="s">
        <v>175628</v>
      </c>
      <c r="G52044" s="1" t="s">
        <v>175625</v>
      </c>
      <c r="H52044" s="1" t="s">
        <v>175626</v>
      </c>
      <c r="I52044" s="1" t="s">
        <v>172490</v>
      </c>
      <c r="J52044" s="1" t="s">
        <v>175629</v>
      </c>
    </row>
    <row r="52045" spans="1:10" x14ac:dyDescent="0.35">
      <c r="A52045" s="1" t="s">
        <v>1217</v>
      </c>
      <c r="B52045" s="1" t="s">
        <v>172484</v>
      </c>
      <c r="C52045" s="1" t="s">
        <v>20</v>
      </c>
      <c r="D52045" s="1" t="s">
        <v>175630</v>
      </c>
      <c r="E52045" s="1" t="s">
        <v>175631</v>
      </c>
      <c r="F52045" s="1" t="s">
        <v>175632</v>
      </c>
      <c r="G52045" s="1" t="s">
        <v>175625</v>
      </c>
      <c r="H52045" s="1" t="s">
        <v>175626</v>
      </c>
      <c r="I52045" s="1" t="s">
        <v>172490</v>
      </c>
      <c r="J52045" s="1" t="s">
        <v>175633</v>
      </c>
    </row>
    <row r="52046" spans="1:10" x14ac:dyDescent="0.35">
      <c r="A52046" s="1" t="s">
        <v>1217</v>
      </c>
      <c r="B52046" s="1" t="s">
        <v>172484</v>
      </c>
      <c r="C52046" s="1" t="s">
        <v>25</v>
      </c>
      <c r="D52046" s="1" t="s">
        <v>175634</v>
      </c>
      <c r="E52046" s="1" t="s">
        <v>175635</v>
      </c>
      <c r="F52046" s="1" t="s">
        <v>175636</v>
      </c>
      <c r="G52046" s="1" t="s">
        <v>175625</v>
      </c>
      <c r="H52046" s="1" t="s">
        <v>175626</v>
      </c>
      <c r="I52046" s="1" t="s">
        <v>172490</v>
      </c>
      <c r="J52046" s="1" t="s">
        <v>175637</v>
      </c>
    </row>
    <row r="52047" spans="1:10" x14ac:dyDescent="0.35">
      <c r="A52047" s="1" t="s">
        <v>1217</v>
      </c>
      <c r="B52047" s="1" t="s">
        <v>172484</v>
      </c>
      <c r="C52047" s="1" t="s">
        <v>30</v>
      </c>
      <c r="D52047" s="1" t="s">
        <v>175638</v>
      </c>
      <c r="E52047" s="1" t="s">
        <v>175639</v>
      </c>
      <c r="F52047" s="1" t="s">
        <v>175640</v>
      </c>
      <c r="G52047" s="1" t="s">
        <v>175625</v>
      </c>
      <c r="H52047" s="1" t="s">
        <v>175626</v>
      </c>
      <c r="I52047" s="1" t="s">
        <v>172490</v>
      </c>
      <c r="J52047" s="1" t="s">
        <v>175641</v>
      </c>
    </row>
    <row r="52048" spans="1:10" x14ac:dyDescent="0.35">
      <c r="A52048" s="1" t="s">
        <v>1217</v>
      </c>
      <c r="B52048" s="1" t="s">
        <v>172484</v>
      </c>
      <c r="C52048" s="1" t="s">
        <v>35</v>
      </c>
      <c r="D52048" s="1" t="s">
        <v>135028</v>
      </c>
      <c r="E52048" s="1" t="s">
        <v>175642</v>
      </c>
      <c r="F52048" s="1" t="s">
        <v>175643</v>
      </c>
      <c r="G52048" s="1" t="s">
        <v>175625</v>
      </c>
      <c r="H52048" s="1" t="s">
        <v>175626</v>
      </c>
      <c r="I52048" s="1" t="s">
        <v>172490</v>
      </c>
      <c r="J52048" s="1" t="s">
        <v>175644</v>
      </c>
    </row>
    <row r="52049" spans="1:10" x14ac:dyDescent="0.35">
      <c r="A52049" s="1" t="s">
        <v>1217</v>
      </c>
      <c r="B52049" s="1" t="s">
        <v>172484</v>
      </c>
      <c r="C52049" s="1" t="s">
        <v>40</v>
      </c>
      <c r="D52049" s="1" t="s">
        <v>37102</v>
      </c>
      <c r="E52049" s="1" t="s">
        <v>175645</v>
      </c>
      <c r="F52049" s="1" t="s">
        <v>175646</v>
      </c>
      <c r="G52049" s="1" t="s">
        <v>175625</v>
      </c>
      <c r="H52049" s="1" t="s">
        <v>175626</v>
      </c>
      <c r="I52049" s="1" t="s">
        <v>172490</v>
      </c>
      <c r="J52049" s="1" t="s">
        <v>175647</v>
      </c>
    </row>
    <row r="52050" spans="1:10" x14ac:dyDescent="0.35">
      <c r="A52050" s="1" t="s">
        <v>1217</v>
      </c>
      <c r="B52050" s="1" t="s">
        <v>172484</v>
      </c>
      <c r="C52050" s="1" t="s">
        <v>45</v>
      </c>
      <c r="D52050" s="1" t="s">
        <v>153545</v>
      </c>
      <c r="E52050" s="1" t="s">
        <v>175648</v>
      </c>
      <c r="F52050" s="1" t="s">
        <v>175649</v>
      </c>
      <c r="G52050" s="1" t="s">
        <v>175625</v>
      </c>
      <c r="H52050" s="1" t="s">
        <v>175626</v>
      </c>
      <c r="I52050" s="1" t="s">
        <v>172490</v>
      </c>
      <c r="J52050" s="1" t="s">
        <v>175650</v>
      </c>
    </row>
    <row r="52051" spans="1:10" x14ac:dyDescent="0.35">
      <c r="A52051" s="1" t="s">
        <v>1217</v>
      </c>
      <c r="B52051" s="1" t="s">
        <v>172484</v>
      </c>
      <c r="C52051" s="1" t="s">
        <v>50</v>
      </c>
      <c r="D52051" s="1" t="s">
        <v>50016</v>
      </c>
      <c r="E52051" s="1" t="s">
        <v>175651</v>
      </c>
      <c r="F52051" s="1" t="s">
        <v>175652</v>
      </c>
      <c r="G52051" s="1" t="s">
        <v>175625</v>
      </c>
      <c r="H52051" s="1" t="s">
        <v>175626</v>
      </c>
      <c r="I52051" s="1" t="s">
        <v>172490</v>
      </c>
      <c r="J52051" s="1" t="s">
        <v>175653</v>
      </c>
    </row>
    <row r="52052" spans="1:10" x14ac:dyDescent="0.35">
      <c r="A52052" s="1" t="s">
        <v>1217</v>
      </c>
      <c r="B52052" s="1" t="s">
        <v>172484</v>
      </c>
      <c r="C52052" s="1" t="s">
        <v>55</v>
      </c>
      <c r="D52052" s="1" t="s">
        <v>175654</v>
      </c>
      <c r="E52052" s="1" t="s">
        <v>175655</v>
      </c>
      <c r="F52052" s="1" t="s">
        <v>175656</v>
      </c>
      <c r="G52052" s="1" t="s">
        <v>175625</v>
      </c>
      <c r="H52052" s="1" t="s">
        <v>175626</v>
      </c>
      <c r="I52052" s="1" t="s">
        <v>172490</v>
      </c>
      <c r="J52052" s="1" t="s">
        <v>175657</v>
      </c>
    </row>
    <row r="52053" spans="1:10" x14ac:dyDescent="0.35">
      <c r="A52053" s="1" t="s">
        <v>1217</v>
      </c>
      <c r="B52053" s="1" t="s">
        <v>172484</v>
      </c>
      <c r="C52053" s="1" t="s">
        <v>60</v>
      </c>
      <c r="D52053" s="1" t="s">
        <v>152934</v>
      </c>
      <c r="E52053" s="1" t="s">
        <v>175658</v>
      </c>
      <c r="F52053" s="1" t="s">
        <v>175659</v>
      </c>
      <c r="G52053" s="1" t="s">
        <v>175625</v>
      </c>
      <c r="H52053" s="1" t="s">
        <v>175626</v>
      </c>
      <c r="I52053" s="1" t="s">
        <v>172490</v>
      </c>
      <c r="J52053" s="1" t="s">
        <v>175660</v>
      </c>
    </row>
    <row r="52054" spans="1:10" x14ac:dyDescent="0.35">
      <c r="A52054" s="1" t="s">
        <v>1217</v>
      </c>
      <c r="B52054" s="1" t="s">
        <v>172484</v>
      </c>
      <c r="C52054" s="1" t="s">
        <v>65</v>
      </c>
      <c r="D52054" s="1" t="s">
        <v>82568</v>
      </c>
      <c r="E52054" s="1" t="s">
        <v>175661</v>
      </c>
      <c r="F52054" s="1" t="s">
        <v>175662</v>
      </c>
      <c r="G52054" s="1" t="s">
        <v>175625</v>
      </c>
      <c r="H52054" s="1" t="s">
        <v>175626</v>
      </c>
      <c r="I52054" s="1" t="s">
        <v>172490</v>
      </c>
      <c r="J52054" s="1" t="s">
        <v>175663</v>
      </c>
    </row>
    <row r="52055" spans="1:10" x14ac:dyDescent="0.35">
      <c r="A52055" s="1" t="s">
        <v>1217</v>
      </c>
      <c r="B52055" s="1" t="s">
        <v>172484</v>
      </c>
      <c r="C52055" s="1" t="s">
        <v>70</v>
      </c>
      <c r="D52055" s="1" t="s">
        <v>169021</v>
      </c>
      <c r="E52055" s="1" t="s">
        <v>175664</v>
      </c>
      <c r="F52055" s="1" t="s">
        <v>175665</v>
      </c>
      <c r="G52055" s="1" t="s">
        <v>175625</v>
      </c>
      <c r="H52055" s="1" t="s">
        <v>175626</v>
      </c>
      <c r="I52055" s="1" t="s">
        <v>172490</v>
      </c>
      <c r="J52055" s="1" t="s">
        <v>175666</v>
      </c>
    </row>
    <row r="52056" spans="1:10" x14ac:dyDescent="0.35">
      <c r="A52056" s="1" t="s">
        <v>1217</v>
      </c>
      <c r="B52056" s="1" t="s">
        <v>172484</v>
      </c>
      <c r="C52056" s="1" t="s">
        <v>75</v>
      </c>
      <c r="D52056" s="1" t="s">
        <v>42964</v>
      </c>
      <c r="E52056" s="1" t="s">
        <v>175667</v>
      </c>
      <c r="F52056" s="1" t="s">
        <v>175668</v>
      </c>
      <c r="G52056" s="1" t="s">
        <v>175625</v>
      </c>
      <c r="H52056" s="1" t="s">
        <v>175626</v>
      </c>
      <c r="I52056" s="1" t="s">
        <v>172490</v>
      </c>
      <c r="J52056" s="1" t="s">
        <v>175669</v>
      </c>
    </row>
    <row r="52057" spans="1:10" x14ac:dyDescent="0.35">
      <c r="A52057" s="1" t="s">
        <v>1217</v>
      </c>
      <c r="B52057" s="1" t="s">
        <v>172484</v>
      </c>
      <c r="C52057" s="1" t="s">
        <v>80</v>
      </c>
      <c r="D52057" s="1" t="s">
        <v>152946</v>
      </c>
      <c r="E52057" s="1" t="s">
        <v>175670</v>
      </c>
      <c r="F52057" s="1" t="s">
        <v>175671</v>
      </c>
      <c r="G52057" s="1" t="s">
        <v>175625</v>
      </c>
      <c r="H52057" s="1" t="s">
        <v>175626</v>
      </c>
      <c r="I52057" s="1" t="s">
        <v>172490</v>
      </c>
      <c r="J52057" s="1" t="s">
        <v>175672</v>
      </c>
    </row>
    <row r="52058" spans="1:10" x14ac:dyDescent="0.35">
      <c r="A52058" s="1" t="s">
        <v>1217</v>
      </c>
      <c r="B52058" s="1" t="s">
        <v>172484</v>
      </c>
      <c r="C52058" s="1" t="s">
        <v>85</v>
      </c>
      <c r="D52058" s="1" t="s">
        <v>175673</v>
      </c>
      <c r="E52058" s="1" t="s">
        <v>175674</v>
      </c>
      <c r="F52058" s="1" t="s">
        <v>175675</v>
      </c>
      <c r="G52058" s="1" t="s">
        <v>175625</v>
      </c>
      <c r="H52058" s="1" t="s">
        <v>175626</v>
      </c>
      <c r="I52058" s="1" t="s">
        <v>172490</v>
      </c>
      <c r="J52058" s="1" t="s">
        <v>175676</v>
      </c>
    </row>
    <row r="52059" spans="1:10" x14ac:dyDescent="0.35">
      <c r="A52059" s="1" t="s">
        <v>1217</v>
      </c>
      <c r="B52059" s="1" t="s">
        <v>172484</v>
      </c>
      <c r="C52059" s="1" t="s">
        <v>90</v>
      </c>
      <c r="D52059" s="1" t="s">
        <v>82511</v>
      </c>
      <c r="E52059" s="1" t="s">
        <v>175677</v>
      </c>
      <c r="F52059" s="1" t="s">
        <v>175678</v>
      </c>
      <c r="G52059" s="1" t="s">
        <v>175625</v>
      </c>
      <c r="H52059" s="1" t="s">
        <v>175626</v>
      </c>
      <c r="I52059" s="1" t="s">
        <v>172490</v>
      </c>
      <c r="J52059" s="1" t="s">
        <v>175679</v>
      </c>
    </row>
    <row r="52060" spans="1:10" x14ac:dyDescent="0.35">
      <c r="A52060" s="1" t="s">
        <v>1217</v>
      </c>
      <c r="B52060" s="1" t="s">
        <v>172484</v>
      </c>
      <c r="C52060" s="1" t="s">
        <v>95</v>
      </c>
      <c r="D52060" s="1" t="s">
        <v>175680</v>
      </c>
      <c r="E52060" s="1" t="s">
        <v>175681</v>
      </c>
      <c r="F52060" s="1" t="s">
        <v>175682</v>
      </c>
      <c r="G52060" s="1" t="s">
        <v>175625</v>
      </c>
      <c r="H52060" s="1" t="s">
        <v>175626</v>
      </c>
      <c r="I52060" s="1" t="s">
        <v>172490</v>
      </c>
      <c r="J52060" s="1" t="s">
        <v>175683</v>
      </c>
    </row>
    <row r="52061" spans="1:10" x14ac:dyDescent="0.35">
      <c r="A52061" s="1" t="s">
        <v>1217</v>
      </c>
      <c r="B52061" s="1" t="s">
        <v>172484</v>
      </c>
      <c r="C52061" s="1" t="s">
        <v>100</v>
      </c>
      <c r="D52061" s="1" t="s">
        <v>175684</v>
      </c>
      <c r="E52061" s="1" t="s">
        <v>175685</v>
      </c>
      <c r="F52061" s="1" t="s">
        <v>175686</v>
      </c>
      <c r="G52061" s="1" t="s">
        <v>175625</v>
      </c>
      <c r="H52061" s="1" t="s">
        <v>175626</v>
      </c>
      <c r="I52061" s="1" t="s">
        <v>172490</v>
      </c>
      <c r="J52061" s="1" t="s">
        <v>175687</v>
      </c>
    </row>
    <row r="52062" spans="1:10" x14ac:dyDescent="0.35">
      <c r="A52062" s="1" t="s">
        <v>1217</v>
      </c>
      <c r="B52062" s="1" t="s">
        <v>172484</v>
      </c>
      <c r="C52062" s="1" t="s">
        <v>105</v>
      </c>
      <c r="D52062" s="1" t="s">
        <v>175688</v>
      </c>
      <c r="E52062" s="1" t="s">
        <v>175689</v>
      </c>
      <c r="F52062" s="1" t="s">
        <v>175690</v>
      </c>
      <c r="G52062" s="1" t="s">
        <v>175625</v>
      </c>
      <c r="H52062" s="1" t="s">
        <v>175626</v>
      </c>
      <c r="I52062" s="1" t="s">
        <v>172490</v>
      </c>
      <c r="J52062" s="1" t="s">
        <v>175691</v>
      </c>
    </row>
    <row r="52063" spans="1:10" x14ac:dyDescent="0.35">
      <c r="A52063" s="1" t="s">
        <v>1217</v>
      </c>
      <c r="B52063" s="1" t="s">
        <v>172484</v>
      </c>
      <c r="C52063" s="1" t="s">
        <v>110</v>
      </c>
      <c r="D52063" s="1" t="s">
        <v>175692</v>
      </c>
      <c r="E52063" s="1" t="s">
        <v>175693</v>
      </c>
      <c r="F52063" s="1" t="s">
        <v>175694</v>
      </c>
      <c r="G52063" s="1" t="s">
        <v>175625</v>
      </c>
      <c r="H52063" s="1" t="s">
        <v>175626</v>
      </c>
      <c r="I52063" s="1" t="s">
        <v>172490</v>
      </c>
      <c r="J52063" s="1" t="s">
        <v>175695</v>
      </c>
    </row>
    <row r="52064" spans="1:10" x14ac:dyDescent="0.35">
      <c r="A52064" s="1" t="s">
        <v>1217</v>
      </c>
      <c r="B52064" s="1" t="s">
        <v>172484</v>
      </c>
      <c r="C52064" s="1" t="s">
        <v>115</v>
      </c>
      <c r="D52064" s="1" t="s">
        <v>175696</v>
      </c>
      <c r="E52064" s="1" t="s">
        <v>175697</v>
      </c>
      <c r="F52064" s="1" t="s">
        <v>175698</v>
      </c>
      <c r="G52064" s="1" t="s">
        <v>175625</v>
      </c>
      <c r="H52064" s="1" t="s">
        <v>175626</v>
      </c>
      <c r="I52064" s="1" t="s">
        <v>172490</v>
      </c>
      <c r="J52064" s="1" t="s">
        <v>175699</v>
      </c>
    </row>
    <row r="52065" spans="1:10" x14ac:dyDescent="0.35">
      <c r="A52065" s="1" t="s">
        <v>1217</v>
      </c>
      <c r="B52065" s="1" t="s">
        <v>172484</v>
      </c>
      <c r="C52065" s="1" t="s">
        <v>120</v>
      </c>
      <c r="D52065" s="1" t="s">
        <v>43951</v>
      </c>
      <c r="E52065" s="1" t="s">
        <v>175700</v>
      </c>
      <c r="F52065" s="1" t="s">
        <v>175701</v>
      </c>
      <c r="G52065" s="1" t="s">
        <v>175625</v>
      </c>
      <c r="H52065" s="1" t="s">
        <v>175626</v>
      </c>
      <c r="I52065" s="1" t="s">
        <v>172490</v>
      </c>
      <c r="J52065" s="1" t="s">
        <v>175702</v>
      </c>
    </row>
    <row r="52066" spans="1:10" x14ac:dyDescent="0.35">
      <c r="A52066" s="1" t="s">
        <v>1217</v>
      </c>
      <c r="B52066" s="1" t="s">
        <v>172484</v>
      </c>
      <c r="C52066" s="1" t="s">
        <v>125</v>
      </c>
      <c r="D52066" s="1" t="s">
        <v>175703</v>
      </c>
      <c r="E52066" s="1" t="s">
        <v>175704</v>
      </c>
      <c r="F52066" s="1" t="s">
        <v>175705</v>
      </c>
      <c r="G52066" s="1" t="s">
        <v>175625</v>
      </c>
      <c r="H52066" s="1" t="s">
        <v>175626</v>
      </c>
      <c r="I52066" s="1" t="s">
        <v>172490</v>
      </c>
      <c r="J52066" s="1" t="s">
        <v>175706</v>
      </c>
    </row>
    <row r="52067" spans="1:10" x14ac:dyDescent="0.35">
      <c r="A52067" s="1" t="s">
        <v>1217</v>
      </c>
      <c r="B52067" s="1" t="s">
        <v>172484</v>
      </c>
      <c r="C52067" s="1" t="s">
        <v>130</v>
      </c>
      <c r="D52067" s="1" t="s">
        <v>44239</v>
      </c>
      <c r="E52067" s="1" t="s">
        <v>175707</v>
      </c>
      <c r="F52067" s="1" t="s">
        <v>175708</v>
      </c>
      <c r="G52067" s="1" t="s">
        <v>175625</v>
      </c>
      <c r="H52067" s="1" t="s">
        <v>175626</v>
      </c>
      <c r="I52067" s="1" t="s">
        <v>172490</v>
      </c>
      <c r="J52067" s="1" t="s">
        <v>175709</v>
      </c>
    </row>
    <row r="52068" spans="1:10" x14ac:dyDescent="0.35">
      <c r="A52068" s="1" t="s">
        <v>1217</v>
      </c>
      <c r="B52068" s="1" t="s">
        <v>172484</v>
      </c>
      <c r="C52068" s="1" t="s">
        <v>135</v>
      </c>
      <c r="D52068" s="1" t="s">
        <v>52326</v>
      </c>
      <c r="E52068" s="1" t="s">
        <v>175710</v>
      </c>
      <c r="F52068" s="1" t="s">
        <v>175711</v>
      </c>
      <c r="G52068" s="1" t="s">
        <v>175625</v>
      </c>
      <c r="H52068" s="1" t="s">
        <v>175626</v>
      </c>
      <c r="I52068" s="1" t="s">
        <v>172490</v>
      </c>
      <c r="J52068" s="1" t="s">
        <v>175712</v>
      </c>
    </row>
    <row r="52069" spans="1:10" x14ac:dyDescent="0.35">
      <c r="A52069" s="1" t="s">
        <v>1217</v>
      </c>
      <c r="B52069" s="1" t="s">
        <v>172484</v>
      </c>
      <c r="C52069" s="1" t="s">
        <v>140</v>
      </c>
      <c r="D52069" s="1" t="s">
        <v>175713</v>
      </c>
      <c r="E52069" s="1" t="s">
        <v>175714</v>
      </c>
      <c r="F52069" s="1" t="s">
        <v>175715</v>
      </c>
      <c r="G52069" s="1" t="s">
        <v>175625</v>
      </c>
      <c r="H52069" s="1" t="s">
        <v>175626</v>
      </c>
      <c r="I52069" s="1" t="s">
        <v>172490</v>
      </c>
      <c r="J52069" s="1" t="s">
        <v>175716</v>
      </c>
    </row>
    <row r="52070" spans="1:10" x14ac:dyDescent="0.35">
      <c r="A52070" s="1" t="s">
        <v>1217</v>
      </c>
      <c r="B52070" s="1" t="s">
        <v>172484</v>
      </c>
      <c r="C52070" s="1" t="s">
        <v>145</v>
      </c>
      <c r="D52070" s="1" t="s">
        <v>175717</v>
      </c>
      <c r="E52070" s="1" t="s">
        <v>175718</v>
      </c>
      <c r="F52070" s="1" t="s">
        <v>175719</v>
      </c>
      <c r="G52070" s="1" t="s">
        <v>175625</v>
      </c>
      <c r="H52070" s="1" t="s">
        <v>175626</v>
      </c>
      <c r="I52070" s="1" t="s">
        <v>172490</v>
      </c>
      <c r="J52070" s="1" t="s">
        <v>175720</v>
      </c>
    </row>
    <row r="52071" spans="1:10" x14ac:dyDescent="0.35">
      <c r="A52071" s="1" t="s">
        <v>1217</v>
      </c>
      <c r="B52071" s="1" t="s">
        <v>172484</v>
      </c>
      <c r="C52071" s="1" t="s">
        <v>150</v>
      </c>
      <c r="D52071" s="1" t="s">
        <v>97932</v>
      </c>
      <c r="E52071" s="1" t="s">
        <v>175721</v>
      </c>
      <c r="F52071" s="1" t="s">
        <v>175722</v>
      </c>
      <c r="G52071" s="1" t="s">
        <v>175625</v>
      </c>
      <c r="H52071" s="1" t="s">
        <v>175626</v>
      </c>
      <c r="I52071" s="1" t="s">
        <v>172490</v>
      </c>
      <c r="J52071" s="1" t="s">
        <v>175723</v>
      </c>
    </row>
    <row r="52072" spans="1:10" x14ac:dyDescent="0.35">
      <c r="A52072" s="1" t="s">
        <v>1217</v>
      </c>
      <c r="B52072" s="1" t="s">
        <v>172484</v>
      </c>
      <c r="C52072" s="1" t="s">
        <v>155</v>
      </c>
      <c r="D52072" s="1" t="s">
        <v>76156</v>
      </c>
      <c r="E52072" s="1" t="s">
        <v>175724</v>
      </c>
      <c r="F52072" s="1" t="s">
        <v>175725</v>
      </c>
      <c r="G52072" s="1" t="s">
        <v>175625</v>
      </c>
      <c r="H52072" s="1" t="s">
        <v>175626</v>
      </c>
      <c r="I52072" s="1" t="s">
        <v>172490</v>
      </c>
      <c r="J52072" s="1" t="s">
        <v>175726</v>
      </c>
    </row>
    <row r="52073" spans="1:10" x14ac:dyDescent="0.35">
      <c r="A52073" s="1" t="s">
        <v>1217</v>
      </c>
      <c r="B52073" s="1" t="s">
        <v>172484</v>
      </c>
      <c r="C52073" s="1" t="s">
        <v>160</v>
      </c>
      <c r="D52073" s="1" t="s">
        <v>90796</v>
      </c>
      <c r="E52073" s="1" t="s">
        <v>175727</v>
      </c>
      <c r="F52073" s="1" t="s">
        <v>175728</v>
      </c>
      <c r="G52073" s="1" t="s">
        <v>175625</v>
      </c>
      <c r="H52073" s="1" t="s">
        <v>175626</v>
      </c>
      <c r="I52073" s="1" t="s">
        <v>172490</v>
      </c>
      <c r="J52073" s="1" t="s">
        <v>175729</v>
      </c>
    </row>
    <row r="52074" spans="1:10" x14ac:dyDescent="0.35">
      <c r="A52074" s="1" t="s">
        <v>1217</v>
      </c>
      <c r="B52074" s="1" t="s">
        <v>172484</v>
      </c>
      <c r="C52074" s="1" t="s">
        <v>165</v>
      </c>
      <c r="D52074" s="1" t="s">
        <v>133131</v>
      </c>
      <c r="E52074" s="1" t="s">
        <v>175730</v>
      </c>
      <c r="F52074" s="1" t="s">
        <v>175731</v>
      </c>
      <c r="G52074" s="1" t="s">
        <v>175625</v>
      </c>
      <c r="H52074" s="1" t="s">
        <v>175626</v>
      </c>
      <c r="I52074" s="1" t="s">
        <v>172490</v>
      </c>
      <c r="J52074" s="1" t="s">
        <v>175732</v>
      </c>
    </row>
    <row r="52075" spans="1:10" x14ac:dyDescent="0.35">
      <c r="A52075" s="1" t="s">
        <v>1217</v>
      </c>
      <c r="B52075" s="1" t="s">
        <v>172484</v>
      </c>
      <c r="C52075" s="1" t="s">
        <v>170</v>
      </c>
      <c r="D52075" s="1" t="s">
        <v>93541</v>
      </c>
      <c r="E52075" s="1" t="s">
        <v>175733</v>
      </c>
      <c r="F52075" s="1" t="s">
        <v>175734</v>
      </c>
      <c r="G52075" s="1" t="s">
        <v>175625</v>
      </c>
      <c r="H52075" s="1" t="s">
        <v>175626</v>
      </c>
      <c r="I52075" s="1" t="s">
        <v>172490</v>
      </c>
      <c r="J52075" s="1" t="s">
        <v>175735</v>
      </c>
    </row>
    <row r="52076" spans="1:10" x14ac:dyDescent="0.35">
      <c r="A52076" s="1" t="s">
        <v>45973</v>
      </c>
      <c r="B52076" s="1" t="s">
        <v>172484</v>
      </c>
      <c r="C52076" s="1" t="s">
        <v>8</v>
      </c>
      <c r="D52076" s="1" t="s">
        <v>175736</v>
      </c>
      <c r="E52076" s="1" t="s">
        <v>175737</v>
      </c>
      <c r="F52076" s="1" t="s">
        <v>175738</v>
      </c>
      <c r="G52076" s="1" t="s">
        <v>175739</v>
      </c>
      <c r="H52076" s="1" t="s">
        <v>175740</v>
      </c>
      <c r="I52076" s="1" t="s">
        <v>172490</v>
      </c>
      <c r="J52076" s="1" t="s">
        <v>13</v>
      </c>
    </row>
    <row r="52077" spans="1:10" x14ac:dyDescent="0.35">
      <c r="A52077" s="1" t="s">
        <v>45973</v>
      </c>
      <c r="B52077" s="1" t="s">
        <v>172484</v>
      </c>
      <c r="C52077" s="1" t="s">
        <v>15</v>
      </c>
      <c r="D52077" s="1" t="s">
        <v>9609</v>
      </c>
      <c r="E52077" s="1" t="s">
        <v>175741</v>
      </c>
      <c r="F52077" s="1" t="s">
        <v>175742</v>
      </c>
      <c r="G52077" s="1" t="s">
        <v>175739</v>
      </c>
      <c r="H52077" s="1" t="s">
        <v>175740</v>
      </c>
      <c r="I52077" s="1" t="s">
        <v>172490</v>
      </c>
      <c r="J52077" s="1" t="s">
        <v>175743</v>
      </c>
    </row>
    <row r="52078" spans="1:10" x14ac:dyDescent="0.35">
      <c r="A52078" s="1" t="s">
        <v>45973</v>
      </c>
      <c r="B52078" s="1" t="s">
        <v>172484</v>
      </c>
      <c r="C52078" s="1" t="s">
        <v>20</v>
      </c>
      <c r="D52078" s="1" t="s">
        <v>42058</v>
      </c>
      <c r="E52078" s="1" t="s">
        <v>175744</v>
      </c>
      <c r="F52078" s="1" t="s">
        <v>175745</v>
      </c>
      <c r="G52078" s="1" t="s">
        <v>175739</v>
      </c>
      <c r="H52078" s="1" t="s">
        <v>175740</v>
      </c>
      <c r="I52078" s="1" t="s">
        <v>172490</v>
      </c>
      <c r="J52078" s="1" t="s">
        <v>175746</v>
      </c>
    </row>
    <row r="52079" spans="1:10" x14ac:dyDescent="0.35">
      <c r="A52079" s="1" t="s">
        <v>45973</v>
      </c>
      <c r="B52079" s="1" t="s">
        <v>172484</v>
      </c>
      <c r="C52079" s="1" t="s">
        <v>25</v>
      </c>
      <c r="D52079" s="1" t="s">
        <v>37084</v>
      </c>
      <c r="E52079" s="1" t="s">
        <v>175747</v>
      </c>
      <c r="F52079" s="1" t="s">
        <v>175748</v>
      </c>
      <c r="G52079" s="1" t="s">
        <v>175739</v>
      </c>
      <c r="H52079" s="1" t="s">
        <v>175740</v>
      </c>
      <c r="I52079" s="1" t="s">
        <v>172490</v>
      </c>
      <c r="J52079" s="1" t="s">
        <v>175749</v>
      </c>
    </row>
    <row r="52080" spans="1:10" x14ac:dyDescent="0.35">
      <c r="A52080" s="1" t="s">
        <v>45973</v>
      </c>
      <c r="B52080" s="1" t="s">
        <v>172484</v>
      </c>
      <c r="C52080" s="1" t="s">
        <v>30</v>
      </c>
      <c r="D52080" s="1" t="s">
        <v>175750</v>
      </c>
      <c r="E52080" s="1" t="s">
        <v>175751</v>
      </c>
      <c r="F52080" s="1" t="s">
        <v>175752</v>
      </c>
      <c r="G52080" s="1" t="s">
        <v>175739</v>
      </c>
      <c r="H52080" s="1" t="s">
        <v>175740</v>
      </c>
      <c r="I52080" s="1" t="s">
        <v>172490</v>
      </c>
      <c r="J52080" s="1" t="s">
        <v>175753</v>
      </c>
    </row>
    <row r="52081" spans="1:10" x14ac:dyDescent="0.35">
      <c r="A52081" s="1" t="s">
        <v>45973</v>
      </c>
      <c r="B52081" s="1" t="s">
        <v>172484</v>
      </c>
      <c r="C52081" s="1" t="s">
        <v>35</v>
      </c>
      <c r="D52081" s="1" t="s">
        <v>175754</v>
      </c>
      <c r="E52081" s="1" t="s">
        <v>175755</v>
      </c>
      <c r="F52081" s="1" t="s">
        <v>175756</v>
      </c>
      <c r="G52081" s="1" t="s">
        <v>175739</v>
      </c>
      <c r="H52081" s="1" t="s">
        <v>175740</v>
      </c>
      <c r="I52081" s="1" t="s">
        <v>172490</v>
      </c>
      <c r="J52081" s="1" t="s">
        <v>175757</v>
      </c>
    </row>
    <row r="52082" spans="1:10" x14ac:dyDescent="0.35">
      <c r="A52082" s="1" t="s">
        <v>45973</v>
      </c>
      <c r="B52082" s="1" t="s">
        <v>172484</v>
      </c>
      <c r="C52082" s="1" t="s">
        <v>40</v>
      </c>
      <c r="D52082" s="1" t="s">
        <v>175758</v>
      </c>
      <c r="E52082" s="1" t="s">
        <v>175759</v>
      </c>
      <c r="F52082" s="1" t="s">
        <v>175760</v>
      </c>
      <c r="G52082" s="1" t="s">
        <v>175739</v>
      </c>
      <c r="H52082" s="1" t="s">
        <v>175740</v>
      </c>
      <c r="I52082" s="1" t="s">
        <v>172490</v>
      </c>
      <c r="J52082" s="1" t="s">
        <v>175761</v>
      </c>
    </row>
    <row r="52083" spans="1:10" x14ac:dyDescent="0.35">
      <c r="A52083" s="1" t="s">
        <v>45973</v>
      </c>
      <c r="B52083" s="1" t="s">
        <v>172484</v>
      </c>
      <c r="C52083" s="1" t="s">
        <v>45</v>
      </c>
      <c r="D52083" s="1" t="s">
        <v>37106</v>
      </c>
      <c r="E52083" s="1" t="s">
        <v>175762</v>
      </c>
      <c r="F52083" s="1" t="s">
        <v>175763</v>
      </c>
      <c r="G52083" s="1" t="s">
        <v>175739</v>
      </c>
      <c r="H52083" s="1" t="s">
        <v>175740</v>
      </c>
      <c r="I52083" s="1" t="s">
        <v>172490</v>
      </c>
      <c r="J52083" s="1" t="s">
        <v>175764</v>
      </c>
    </row>
    <row r="52084" spans="1:10" x14ac:dyDescent="0.35">
      <c r="A52084" s="1" t="s">
        <v>45973</v>
      </c>
      <c r="B52084" s="1" t="s">
        <v>172484</v>
      </c>
      <c r="C52084" s="1" t="s">
        <v>50</v>
      </c>
      <c r="D52084" s="1" t="s">
        <v>175765</v>
      </c>
      <c r="E52084" s="1" t="s">
        <v>175766</v>
      </c>
      <c r="F52084" s="1" t="s">
        <v>175767</v>
      </c>
      <c r="G52084" s="1" t="s">
        <v>175739</v>
      </c>
      <c r="H52084" s="1" t="s">
        <v>175740</v>
      </c>
      <c r="I52084" s="1" t="s">
        <v>172490</v>
      </c>
      <c r="J52084" s="1" t="s">
        <v>175768</v>
      </c>
    </row>
    <row r="52085" spans="1:10" x14ac:dyDescent="0.35">
      <c r="A52085" s="1" t="s">
        <v>45973</v>
      </c>
      <c r="B52085" s="1" t="s">
        <v>172484</v>
      </c>
      <c r="C52085" s="1" t="s">
        <v>55</v>
      </c>
      <c r="D52085" s="1" t="s">
        <v>175769</v>
      </c>
      <c r="E52085" s="1" t="s">
        <v>175770</v>
      </c>
      <c r="F52085" s="1" t="s">
        <v>175771</v>
      </c>
      <c r="G52085" s="1" t="s">
        <v>175739</v>
      </c>
      <c r="H52085" s="1" t="s">
        <v>175740</v>
      </c>
      <c r="I52085" s="1" t="s">
        <v>172490</v>
      </c>
      <c r="J52085" s="1" t="s">
        <v>175772</v>
      </c>
    </row>
    <row r="52086" spans="1:10" x14ac:dyDescent="0.35">
      <c r="A52086" s="1" t="s">
        <v>45973</v>
      </c>
      <c r="B52086" s="1" t="s">
        <v>172484</v>
      </c>
      <c r="C52086" s="1" t="s">
        <v>60</v>
      </c>
      <c r="D52086" s="1" t="s">
        <v>175773</v>
      </c>
      <c r="E52086" s="1" t="s">
        <v>175774</v>
      </c>
      <c r="F52086" s="1" t="s">
        <v>175775</v>
      </c>
      <c r="G52086" s="1" t="s">
        <v>175739</v>
      </c>
      <c r="H52086" s="1" t="s">
        <v>175740</v>
      </c>
      <c r="I52086" s="1" t="s">
        <v>172490</v>
      </c>
      <c r="J52086" s="1" t="s">
        <v>175776</v>
      </c>
    </row>
    <row r="52087" spans="1:10" x14ac:dyDescent="0.35">
      <c r="A52087" s="1" t="s">
        <v>45973</v>
      </c>
      <c r="B52087" s="1" t="s">
        <v>172484</v>
      </c>
      <c r="C52087" s="1" t="s">
        <v>65</v>
      </c>
      <c r="D52087" s="1" t="s">
        <v>175777</v>
      </c>
      <c r="E52087" s="1" t="s">
        <v>175778</v>
      </c>
      <c r="F52087" s="1" t="s">
        <v>175779</v>
      </c>
      <c r="G52087" s="1" t="s">
        <v>175739</v>
      </c>
      <c r="H52087" s="1" t="s">
        <v>175740</v>
      </c>
      <c r="I52087" s="1" t="s">
        <v>172490</v>
      </c>
      <c r="J52087" s="1" t="s">
        <v>175780</v>
      </c>
    </row>
    <row r="52088" spans="1:10" x14ac:dyDescent="0.35">
      <c r="A52088" s="1" t="s">
        <v>45973</v>
      </c>
      <c r="B52088" s="1" t="s">
        <v>172484</v>
      </c>
      <c r="C52088" s="1" t="s">
        <v>70</v>
      </c>
      <c r="D52088" s="1" t="s">
        <v>109046</v>
      </c>
      <c r="E52088" s="1" t="s">
        <v>175781</v>
      </c>
      <c r="F52088" s="1" t="s">
        <v>175782</v>
      </c>
      <c r="G52088" s="1" t="s">
        <v>175739</v>
      </c>
      <c r="H52088" s="1" t="s">
        <v>175740</v>
      </c>
      <c r="I52088" s="1" t="s">
        <v>172490</v>
      </c>
      <c r="J52088" s="1" t="s">
        <v>175783</v>
      </c>
    </row>
    <row r="52089" spans="1:10" x14ac:dyDescent="0.35">
      <c r="A52089" s="1" t="s">
        <v>45973</v>
      </c>
      <c r="B52089" s="1" t="s">
        <v>172484</v>
      </c>
      <c r="C52089" s="1" t="s">
        <v>75</v>
      </c>
      <c r="D52089" s="1" t="s">
        <v>13672</v>
      </c>
      <c r="E52089" s="1" t="s">
        <v>175784</v>
      </c>
      <c r="F52089" s="1" t="s">
        <v>175785</v>
      </c>
      <c r="G52089" s="1" t="s">
        <v>175739</v>
      </c>
      <c r="H52089" s="1" t="s">
        <v>175740</v>
      </c>
      <c r="I52089" s="1" t="s">
        <v>172490</v>
      </c>
      <c r="J52089" s="1" t="s">
        <v>175786</v>
      </c>
    </row>
    <row r="52090" spans="1:10" x14ac:dyDescent="0.35">
      <c r="A52090" s="1" t="s">
        <v>45973</v>
      </c>
      <c r="B52090" s="1" t="s">
        <v>172484</v>
      </c>
      <c r="C52090" s="1" t="s">
        <v>80</v>
      </c>
      <c r="D52090" s="1" t="s">
        <v>175787</v>
      </c>
      <c r="E52090" s="1" t="s">
        <v>175788</v>
      </c>
      <c r="F52090" s="1" t="s">
        <v>175789</v>
      </c>
      <c r="G52090" s="1" t="s">
        <v>175739</v>
      </c>
      <c r="H52090" s="1" t="s">
        <v>175740</v>
      </c>
      <c r="I52090" s="1" t="s">
        <v>172490</v>
      </c>
      <c r="J52090" s="1" t="s">
        <v>175790</v>
      </c>
    </row>
    <row r="52091" spans="1:10" x14ac:dyDescent="0.35">
      <c r="A52091" s="1" t="s">
        <v>45973</v>
      </c>
      <c r="B52091" s="1" t="s">
        <v>172484</v>
      </c>
      <c r="C52091" s="1" t="s">
        <v>85</v>
      </c>
      <c r="D52091" s="1" t="s">
        <v>175791</v>
      </c>
      <c r="E52091" s="1" t="s">
        <v>175792</v>
      </c>
      <c r="F52091" s="1" t="s">
        <v>132873</v>
      </c>
      <c r="G52091" s="1" t="s">
        <v>175739</v>
      </c>
      <c r="H52091" s="1" t="s">
        <v>175740</v>
      </c>
      <c r="I52091" s="1" t="s">
        <v>172490</v>
      </c>
      <c r="J52091" s="1" t="s">
        <v>175793</v>
      </c>
    </row>
    <row r="52092" spans="1:10" x14ac:dyDescent="0.35">
      <c r="A52092" s="1" t="s">
        <v>45973</v>
      </c>
      <c r="B52092" s="1" t="s">
        <v>172484</v>
      </c>
      <c r="C52092" s="1" t="s">
        <v>90</v>
      </c>
      <c r="D52092" s="1" t="s">
        <v>15075</v>
      </c>
      <c r="E52092" s="1" t="s">
        <v>175794</v>
      </c>
      <c r="F52092" s="1" t="s">
        <v>175795</v>
      </c>
      <c r="G52092" s="1" t="s">
        <v>175739</v>
      </c>
      <c r="H52092" s="1" t="s">
        <v>175740</v>
      </c>
      <c r="I52092" s="1" t="s">
        <v>172490</v>
      </c>
      <c r="J52092" s="1" t="s">
        <v>175796</v>
      </c>
    </row>
    <row r="52093" spans="1:10" x14ac:dyDescent="0.35">
      <c r="A52093" s="1" t="s">
        <v>45973</v>
      </c>
      <c r="B52093" s="1" t="s">
        <v>172484</v>
      </c>
      <c r="C52093" s="1" t="s">
        <v>95</v>
      </c>
      <c r="D52093" s="1" t="s">
        <v>175797</v>
      </c>
      <c r="E52093" s="1" t="s">
        <v>175798</v>
      </c>
      <c r="F52093" s="1" t="s">
        <v>175799</v>
      </c>
      <c r="G52093" s="1" t="s">
        <v>175739</v>
      </c>
      <c r="H52093" s="1" t="s">
        <v>175740</v>
      </c>
      <c r="I52093" s="1" t="s">
        <v>172490</v>
      </c>
      <c r="J52093" s="1" t="s">
        <v>175800</v>
      </c>
    </row>
    <row r="52094" spans="1:10" x14ac:dyDescent="0.35">
      <c r="A52094" s="1" t="s">
        <v>45973</v>
      </c>
      <c r="B52094" s="1" t="s">
        <v>172484</v>
      </c>
      <c r="C52094" s="1" t="s">
        <v>100</v>
      </c>
      <c r="D52094" s="1" t="s">
        <v>175801</v>
      </c>
      <c r="E52094" s="1" t="s">
        <v>175802</v>
      </c>
      <c r="F52094" s="1" t="s">
        <v>175803</v>
      </c>
      <c r="G52094" s="1" t="s">
        <v>175739</v>
      </c>
      <c r="H52094" s="1" t="s">
        <v>175740</v>
      </c>
      <c r="I52094" s="1" t="s">
        <v>172490</v>
      </c>
      <c r="J52094" s="1" t="s">
        <v>175804</v>
      </c>
    </row>
    <row r="52095" spans="1:10" x14ac:dyDescent="0.35">
      <c r="A52095" s="1" t="s">
        <v>45973</v>
      </c>
      <c r="B52095" s="1" t="s">
        <v>172484</v>
      </c>
      <c r="C52095" s="1" t="s">
        <v>105</v>
      </c>
      <c r="D52095" s="1" t="s">
        <v>175805</v>
      </c>
      <c r="E52095" s="1" t="s">
        <v>175806</v>
      </c>
      <c r="F52095" s="1" t="s">
        <v>175807</v>
      </c>
      <c r="G52095" s="1" t="s">
        <v>175739</v>
      </c>
      <c r="H52095" s="1" t="s">
        <v>175740</v>
      </c>
      <c r="I52095" s="1" t="s">
        <v>172490</v>
      </c>
      <c r="J52095" s="1" t="s">
        <v>175808</v>
      </c>
    </row>
    <row r="52096" spans="1:10" x14ac:dyDescent="0.35">
      <c r="A52096" s="1" t="s">
        <v>45973</v>
      </c>
      <c r="B52096" s="1" t="s">
        <v>172484</v>
      </c>
      <c r="C52096" s="1" t="s">
        <v>110</v>
      </c>
      <c r="D52096" s="1" t="s">
        <v>77335</v>
      </c>
      <c r="E52096" s="1" t="s">
        <v>175809</v>
      </c>
      <c r="F52096" s="1" t="s">
        <v>175810</v>
      </c>
      <c r="G52096" s="1" t="s">
        <v>175739</v>
      </c>
      <c r="H52096" s="1" t="s">
        <v>175740</v>
      </c>
      <c r="I52096" s="1" t="s">
        <v>172490</v>
      </c>
      <c r="J52096" s="1" t="s">
        <v>175811</v>
      </c>
    </row>
    <row r="52097" spans="1:10" x14ac:dyDescent="0.35">
      <c r="A52097" s="1" t="s">
        <v>45973</v>
      </c>
      <c r="B52097" s="1" t="s">
        <v>172484</v>
      </c>
      <c r="C52097" s="1" t="s">
        <v>115</v>
      </c>
      <c r="D52097" s="1" t="s">
        <v>106877</v>
      </c>
      <c r="E52097" s="1" t="s">
        <v>175812</v>
      </c>
      <c r="F52097" s="1" t="s">
        <v>175813</v>
      </c>
      <c r="G52097" s="1" t="s">
        <v>175739</v>
      </c>
      <c r="H52097" s="1" t="s">
        <v>175740</v>
      </c>
      <c r="I52097" s="1" t="s">
        <v>172490</v>
      </c>
      <c r="J52097" s="1" t="s">
        <v>175814</v>
      </c>
    </row>
    <row r="52098" spans="1:10" x14ac:dyDescent="0.35">
      <c r="A52098" s="1" t="s">
        <v>45973</v>
      </c>
      <c r="B52098" s="1" t="s">
        <v>172484</v>
      </c>
      <c r="C52098" s="1" t="s">
        <v>120</v>
      </c>
      <c r="D52098" s="1" t="s">
        <v>175815</v>
      </c>
      <c r="E52098" s="1" t="s">
        <v>175816</v>
      </c>
      <c r="F52098" s="1" t="s">
        <v>175817</v>
      </c>
      <c r="G52098" s="1" t="s">
        <v>175739</v>
      </c>
      <c r="H52098" s="1" t="s">
        <v>175740</v>
      </c>
      <c r="I52098" s="1" t="s">
        <v>172490</v>
      </c>
      <c r="J52098" s="1" t="s">
        <v>175818</v>
      </c>
    </row>
    <row r="52099" spans="1:10" x14ac:dyDescent="0.35">
      <c r="A52099" s="1" t="s">
        <v>45973</v>
      </c>
      <c r="B52099" s="1" t="s">
        <v>172484</v>
      </c>
      <c r="C52099" s="1" t="s">
        <v>125</v>
      </c>
      <c r="D52099" s="1" t="s">
        <v>78048</v>
      </c>
      <c r="E52099" s="1" t="s">
        <v>175819</v>
      </c>
      <c r="F52099" s="1" t="s">
        <v>175820</v>
      </c>
      <c r="G52099" s="1" t="s">
        <v>175739</v>
      </c>
      <c r="H52099" s="1" t="s">
        <v>175740</v>
      </c>
      <c r="I52099" s="1" t="s">
        <v>172490</v>
      </c>
      <c r="J52099" s="1" t="s">
        <v>175821</v>
      </c>
    </row>
    <row r="52100" spans="1:10" x14ac:dyDescent="0.35">
      <c r="A52100" s="1" t="s">
        <v>45973</v>
      </c>
      <c r="B52100" s="1" t="s">
        <v>172484</v>
      </c>
      <c r="C52100" s="1" t="s">
        <v>130</v>
      </c>
      <c r="D52100" s="1" t="s">
        <v>175822</v>
      </c>
      <c r="E52100" s="1" t="s">
        <v>175823</v>
      </c>
      <c r="F52100" s="1" t="s">
        <v>175824</v>
      </c>
      <c r="G52100" s="1" t="s">
        <v>175739</v>
      </c>
      <c r="H52100" s="1" t="s">
        <v>175740</v>
      </c>
      <c r="I52100" s="1" t="s">
        <v>172490</v>
      </c>
      <c r="J52100" s="1" t="s">
        <v>175825</v>
      </c>
    </row>
    <row r="52101" spans="1:10" x14ac:dyDescent="0.35">
      <c r="A52101" s="1" t="s">
        <v>45973</v>
      </c>
      <c r="B52101" s="1" t="s">
        <v>172484</v>
      </c>
      <c r="C52101" s="1" t="s">
        <v>135</v>
      </c>
      <c r="D52101" s="1" t="s">
        <v>175826</v>
      </c>
      <c r="E52101" s="1" t="s">
        <v>175827</v>
      </c>
      <c r="F52101" s="1" t="s">
        <v>175828</v>
      </c>
      <c r="G52101" s="1" t="s">
        <v>175739</v>
      </c>
      <c r="H52101" s="1" t="s">
        <v>175740</v>
      </c>
      <c r="I52101" s="1" t="s">
        <v>172490</v>
      </c>
      <c r="J52101" s="1" t="s">
        <v>175829</v>
      </c>
    </row>
    <row r="52102" spans="1:10" x14ac:dyDescent="0.35">
      <c r="A52102" s="1" t="s">
        <v>45973</v>
      </c>
      <c r="B52102" s="1" t="s">
        <v>172484</v>
      </c>
      <c r="C52102" s="1" t="s">
        <v>140</v>
      </c>
      <c r="D52102" s="1" t="s">
        <v>129452</v>
      </c>
      <c r="E52102" s="1" t="s">
        <v>175830</v>
      </c>
      <c r="F52102" s="1" t="s">
        <v>175831</v>
      </c>
      <c r="G52102" s="1" t="s">
        <v>175739</v>
      </c>
      <c r="H52102" s="1" t="s">
        <v>175740</v>
      </c>
      <c r="I52102" s="1" t="s">
        <v>172490</v>
      </c>
      <c r="J52102" s="1" t="s">
        <v>175832</v>
      </c>
    </row>
    <row r="52103" spans="1:10" x14ac:dyDescent="0.35">
      <c r="A52103" s="1" t="s">
        <v>45973</v>
      </c>
      <c r="B52103" s="1" t="s">
        <v>172484</v>
      </c>
      <c r="C52103" s="1" t="s">
        <v>145</v>
      </c>
      <c r="D52103" s="1" t="s">
        <v>96941</v>
      </c>
      <c r="E52103" s="1" t="s">
        <v>175833</v>
      </c>
      <c r="F52103" s="1" t="s">
        <v>175834</v>
      </c>
      <c r="G52103" s="1" t="s">
        <v>175739</v>
      </c>
      <c r="H52103" s="1" t="s">
        <v>175740</v>
      </c>
      <c r="I52103" s="1" t="s">
        <v>172490</v>
      </c>
      <c r="J52103" s="1" t="s">
        <v>175835</v>
      </c>
    </row>
    <row r="52104" spans="1:10" x14ac:dyDescent="0.35">
      <c r="A52104" s="1" t="s">
        <v>45973</v>
      </c>
      <c r="B52104" s="1" t="s">
        <v>172484</v>
      </c>
      <c r="C52104" s="1" t="s">
        <v>150</v>
      </c>
      <c r="D52104" s="1" t="s">
        <v>56253</v>
      </c>
      <c r="E52104" s="1" t="s">
        <v>175836</v>
      </c>
      <c r="F52104" s="1" t="s">
        <v>175837</v>
      </c>
      <c r="G52104" s="1" t="s">
        <v>175739</v>
      </c>
      <c r="H52104" s="1" t="s">
        <v>175740</v>
      </c>
      <c r="I52104" s="1" t="s">
        <v>172490</v>
      </c>
      <c r="J52104" s="1" t="s">
        <v>175838</v>
      </c>
    </row>
    <row r="52105" spans="1:10" x14ac:dyDescent="0.35">
      <c r="A52105" s="1" t="s">
        <v>45973</v>
      </c>
      <c r="B52105" s="1" t="s">
        <v>172484</v>
      </c>
      <c r="C52105" s="1" t="s">
        <v>155</v>
      </c>
      <c r="D52105" s="1" t="s">
        <v>43550</v>
      </c>
      <c r="E52105" s="1" t="s">
        <v>175839</v>
      </c>
      <c r="F52105" s="1" t="s">
        <v>175840</v>
      </c>
      <c r="G52105" s="1" t="s">
        <v>175739</v>
      </c>
      <c r="H52105" s="1" t="s">
        <v>175740</v>
      </c>
      <c r="I52105" s="1" t="s">
        <v>172490</v>
      </c>
      <c r="J52105" s="1" t="s">
        <v>175841</v>
      </c>
    </row>
    <row r="52106" spans="1:10" x14ac:dyDescent="0.35">
      <c r="A52106" s="1" t="s">
        <v>45973</v>
      </c>
      <c r="B52106" s="1" t="s">
        <v>172484</v>
      </c>
      <c r="C52106" s="1" t="s">
        <v>160</v>
      </c>
      <c r="D52106" s="1" t="s">
        <v>175842</v>
      </c>
      <c r="E52106" s="1" t="s">
        <v>175843</v>
      </c>
      <c r="F52106" s="1" t="s">
        <v>175844</v>
      </c>
      <c r="G52106" s="1" t="s">
        <v>175739</v>
      </c>
      <c r="H52106" s="1" t="s">
        <v>175740</v>
      </c>
      <c r="I52106" s="1" t="s">
        <v>172490</v>
      </c>
      <c r="J52106" s="1" t="s">
        <v>175845</v>
      </c>
    </row>
    <row r="52107" spans="1:10" x14ac:dyDescent="0.35">
      <c r="A52107" s="1" t="s">
        <v>45973</v>
      </c>
      <c r="B52107" s="1" t="s">
        <v>172484</v>
      </c>
      <c r="C52107" s="1" t="s">
        <v>165</v>
      </c>
      <c r="D52107" s="1" t="s">
        <v>140887</v>
      </c>
      <c r="E52107" s="1" t="s">
        <v>175846</v>
      </c>
      <c r="F52107" s="1" t="s">
        <v>175847</v>
      </c>
      <c r="G52107" s="1" t="s">
        <v>175739</v>
      </c>
      <c r="H52107" s="1" t="s">
        <v>175740</v>
      </c>
      <c r="I52107" s="1" t="s">
        <v>172490</v>
      </c>
      <c r="J52107" s="1" t="s">
        <v>175848</v>
      </c>
    </row>
    <row r="52108" spans="1:10" x14ac:dyDescent="0.35">
      <c r="A52108" s="1" t="s">
        <v>45973</v>
      </c>
      <c r="B52108" s="1" t="s">
        <v>172484</v>
      </c>
      <c r="C52108" s="1" t="s">
        <v>170</v>
      </c>
      <c r="D52108" s="1" t="s">
        <v>81665</v>
      </c>
      <c r="E52108" s="1" t="s">
        <v>175849</v>
      </c>
      <c r="F52108" s="1" t="s">
        <v>175850</v>
      </c>
      <c r="G52108" s="1" t="s">
        <v>175739</v>
      </c>
      <c r="H52108" s="1" t="s">
        <v>175740</v>
      </c>
      <c r="I52108" s="1" t="s">
        <v>172490</v>
      </c>
      <c r="J52108" s="1" t="s">
        <v>175851</v>
      </c>
    </row>
    <row r="52109" spans="1:10" x14ac:dyDescent="0.35">
      <c r="A52109" s="1" t="s">
        <v>11742</v>
      </c>
      <c r="B52109" s="1" t="s">
        <v>172484</v>
      </c>
      <c r="C52109" s="1" t="s">
        <v>8</v>
      </c>
      <c r="D52109" s="1" t="s">
        <v>123585</v>
      </c>
      <c r="E52109" s="1" t="s">
        <v>175852</v>
      </c>
      <c r="F52109" s="1" t="s">
        <v>175853</v>
      </c>
      <c r="G52109" s="1" t="s">
        <v>175854</v>
      </c>
      <c r="H52109" s="1" t="s">
        <v>175855</v>
      </c>
      <c r="I52109" s="1" t="s">
        <v>172490</v>
      </c>
      <c r="J52109" s="1" t="s">
        <v>13</v>
      </c>
    </row>
    <row r="52110" spans="1:10" x14ac:dyDescent="0.35">
      <c r="A52110" s="1" t="s">
        <v>11742</v>
      </c>
      <c r="B52110" s="1" t="s">
        <v>172484</v>
      </c>
      <c r="C52110" s="1" t="s">
        <v>15</v>
      </c>
      <c r="D52110" s="1" t="s">
        <v>175856</v>
      </c>
      <c r="E52110" s="1" t="s">
        <v>175857</v>
      </c>
      <c r="F52110" s="1" t="s">
        <v>175858</v>
      </c>
      <c r="G52110" s="1" t="s">
        <v>175854</v>
      </c>
      <c r="H52110" s="1" t="s">
        <v>175855</v>
      </c>
      <c r="I52110" s="1" t="s">
        <v>172490</v>
      </c>
      <c r="J52110" s="1" t="s">
        <v>175859</v>
      </c>
    </row>
    <row r="52111" spans="1:10" x14ac:dyDescent="0.35">
      <c r="A52111" s="1" t="s">
        <v>11742</v>
      </c>
      <c r="B52111" s="1" t="s">
        <v>172484</v>
      </c>
      <c r="C52111" s="1" t="s">
        <v>20</v>
      </c>
      <c r="D52111" s="1" t="s">
        <v>9746</v>
      </c>
      <c r="E52111" s="1" t="s">
        <v>175860</v>
      </c>
      <c r="F52111" s="1" t="s">
        <v>175861</v>
      </c>
      <c r="G52111" s="1" t="s">
        <v>175854</v>
      </c>
      <c r="H52111" s="1" t="s">
        <v>175855</v>
      </c>
      <c r="I52111" s="1" t="s">
        <v>172490</v>
      </c>
      <c r="J52111" s="1" t="s">
        <v>175862</v>
      </c>
    </row>
    <row r="52112" spans="1:10" x14ac:dyDescent="0.35">
      <c r="A52112" s="1" t="s">
        <v>11742</v>
      </c>
      <c r="B52112" s="1" t="s">
        <v>172484</v>
      </c>
      <c r="C52112" s="1" t="s">
        <v>25</v>
      </c>
      <c r="D52112" s="1" t="s">
        <v>33155</v>
      </c>
      <c r="E52112" s="1" t="s">
        <v>175863</v>
      </c>
      <c r="F52112" s="1" t="s">
        <v>175864</v>
      </c>
      <c r="G52112" s="1" t="s">
        <v>175854</v>
      </c>
      <c r="H52112" s="1" t="s">
        <v>175855</v>
      </c>
      <c r="I52112" s="1" t="s">
        <v>172490</v>
      </c>
      <c r="J52112" s="1" t="s">
        <v>175865</v>
      </c>
    </row>
    <row r="52113" spans="1:10" x14ac:dyDescent="0.35">
      <c r="A52113" s="1" t="s">
        <v>11742</v>
      </c>
      <c r="B52113" s="1" t="s">
        <v>172484</v>
      </c>
      <c r="C52113" s="1" t="s">
        <v>30</v>
      </c>
      <c r="D52113" s="1" t="s">
        <v>50536</v>
      </c>
      <c r="E52113" s="1" t="s">
        <v>175866</v>
      </c>
      <c r="F52113" s="1" t="s">
        <v>175867</v>
      </c>
      <c r="G52113" s="1" t="s">
        <v>175854</v>
      </c>
      <c r="H52113" s="1" t="s">
        <v>175855</v>
      </c>
      <c r="I52113" s="1" t="s">
        <v>172490</v>
      </c>
      <c r="J52113" s="1" t="s">
        <v>175868</v>
      </c>
    </row>
    <row r="52114" spans="1:10" x14ac:dyDescent="0.35">
      <c r="A52114" s="1" t="s">
        <v>11742</v>
      </c>
      <c r="B52114" s="1" t="s">
        <v>172484</v>
      </c>
      <c r="C52114" s="1" t="s">
        <v>35</v>
      </c>
      <c r="D52114" s="1" t="s">
        <v>45519</v>
      </c>
      <c r="E52114" s="1" t="s">
        <v>175869</v>
      </c>
      <c r="F52114" s="1" t="s">
        <v>175870</v>
      </c>
      <c r="G52114" s="1" t="s">
        <v>175854</v>
      </c>
      <c r="H52114" s="1" t="s">
        <v>175855</v>
      </c>
      <c r="I52114" s="1" t="s">
        <v>172490</v>
      </c>
      <c r="J52114" s="1" t="s">
        <v>175871</v>
      </c>
    </row>
    <row r="52115" spans="1:10" x14ac:dyDescent="0.35">
      <c r="A52115" s="1" t="s">
        <v>11742</v>
      </c>
      <c r="B52115" s="1" t="s">
        <v>172484</v>
      </c>
      <c r="C52115" s="1" t="s">
        <v>40</v>
      </c>
      <c r="D52115" s="1" t="s">
        <v>32799</v>
      </c>
      <c r="E52115" s="1" t="s">
        <v>175872</v>
      </c>
      <c r="F52115" s="1" t="s">
        <v>175873</v>
      </c>
      <c r="G52115" s="1" t="s">
        <v>175854</v>
      </c>
      <c r="H52115" s="1" t="s">
        <v>175855</v>
      </c>
      <c r="I52115" s="1" t="s">
        <v>172490</v>
      </c>
      <c r="J52115" s="1" t="s">
        <v>175874</v>
      </c>
    </row>
    <row r="52116" spans="1:10" x14ac:dyDescent="0.35">
      <c r="A52116" s="1" t="s">
        <v>11742</v>
      </c>
      <c r="B52116" s="1" t="s">
        <v>172484</v>
      </c>
      <c r="C52116" s="1" t="s">
        <v>45</v>
      </c>
      <c r="D52116" s="1" t="s">
        <v>144835</v>
      </c>
      <c r="E52116" s="1" t="s">
        <v>175875</v>
      </c>
      <c r="F52116" s="1" t="s">
        <v>175876</v>
      </c>
      <c r="G52116" s="1" t="s">
        <v>175854</v>
      </c>
      <c r="H52116" s="1" t="s">
        <v>175855</v>
      </c>
      <c r="I52116" s="1" t="s">
        <v>172490</v>
      </c>
      <c r="J52116" s="1" t="s">
        <v>175877</v>
      </c>
    </row>
    <row r="52117" spans="1:10" x14ac:dyDescent="0.35">
      <c r="A52117" s="1" t="s">
        <v>11742</v>
      </c>
      <c r="B52117" s="1" t="s">
        <v>172484</v>
      </c>
      <c r="C52117" s="1" t="s">
        <v>50</v>
      </c>
      <c r="D52117" s="1" t="s">
        <v>175492</v>
      </c>
      <c r="E52117" s="1" t="s">
        <v>175878</v>
      </c>
      <c r="F52117" s="1" t="s">
        <v>175879</v>
      </c>
      <c r="G52117" s="1" t="s">
        <v>175854</v>
      </c>
      <c r="H52117" s="1" t="s">
        <v>175855</v>
      </c>
      <c r="I52117" s="1" t="s">
        <v>172490</v>
      </c>
      <c r="J52117" s="1" t="s">
        <v>175880</v>
      </c>
    </row>
    <row r="52118" spans="1:10" x14ac:dyDescent="0.35">
      <c r="A52118" s="1" t="s">
        <v>11742</v>
      </c>
      <c r="B52118" s="1" t="s">
        <v>172484</v>
      </c>
      <c r="C52118" s="1" t="s">
        <v>55</v>
      </c>
      <c r="D52118" s="1" t="s">
        <v>124501</v>
      </c>
      <c r="E52118" s="1" t="s">
        <v>175881</v>
      </c>
      <c r="F52118" s="1" t="s">
        <v>175882</v>
      </c>
      <c r="G52118" s="1" t="s">
        <v>175854</v>
      </c>
      <c r="H52118" s="1" t="s">
        <v>175855</v>
      </c>
      <c r="I52118" s="1" t="s">
        <v>172490</v>
      </c>
      <c r="J52118" s="1" t="s">
        <v>175883</v>
      </c>
    </row>
    <row r="52119" spans="1:10" x14ac:dyDescent="0.35">
      <c r="A52119" s="1" t="s">
        <v>11742</v>
      </c>
      <c r="B52119" s="1" t="s">
        <v>172484</v>
      </c>
      <c r="C52119" s="1" t="s">
        <v>60</v>
      </c>
      <c r="D52119" s="1" t="s">
        <v>11214</v>
      </c>
      <c r="E52119" s="1" t="s">
        <v>175884</v>
      </c>
      <c r="F52119" s="1" t="s">
        <v>175885</v>
      </c>
      <c r="G52119" s="1" t="s">
        <v>175854</v>
      </c>
      <c r="H52119" s="1" t="s">
        <v>175855</v>
      </c>
      <c r="I52119" s="1" t="s">
        <v>172490</v>
      </c>
      <c r="J52119" s="1" t="s">
        <v>175886</v>
      </c>
    </row>
    <row r="52120" spans="1:10" x14ac:dyDescent="0.35">
      <c r="A52120" s="1" t="s">
        <v>11742</v>
      </c>
      <c r="B52120" s="1" t="s">
        <v>172484</v>
      </c>
      <c r="C52120" s="1" t="s">
        <v>65</v>
      </c>
      <c r="D52120" s="1" t="s">
        <v>114615</v>
      </c>
      <c r="E52120" s="1" t="s">
        <v>175887</v>
      </c>
      <c r="F52120" s="1" t="s">
        <v>175888</v>
      </c>
      <c r="G52120" s="1" t="s">
        <v>175854</v>
      </c>
      <c r="H52120" s="1" t="s">
        <v>175855</v>
      </c>
      <c r="I52120" s="1" t="s">
        <v>172490</v>
      </c>
      <c r="J52120" s="1" t="s">
        <v>175889</v>
      </c>
    </row>
    <row r="52121" spans="1:10" x14ac:dyDescent="0.35">
      <c r="A52121" s="1" t="s">
        <v>11742</v>
      </c>
      <c r="B52121" s="1" t="s">
        <v>172484</v>
      </c>
      <c r="C52121" s="1" t="s">
        <v>70</v>
      </c>
      <c r="D52121" s="1" t="s">
        <v>114611</v>
      </c>
      <c r="E52121" s="1" t="s">
        <v>175890</v>
      </c>
      <c r="F52121" s="1" t="s">
        <v>175891</v>
      </c>
      <c r="G52121" s="1" t="s">
        <v>175854</v>
      </c>
      <c r="H52121" s="1" t="s">
        <v>175855</v>
      </c>
      <c r="I52121" s="1" t="s">
        <v>172490</v>
      </c>
      <c r="J52121" s="1" t="s">
        <v>175892</v>
      </c>
    </row>
    <row r="52122" spans="1:10" x14ac:dyDescent="0.35">
      <c r="A52122" s="1" t="s">
        <v>11742</v>
      </c>
      <c r="B52122" s="1" t="s">
        <v>172484</v>
      </c>
      <c r="C52122" s="1" t="s">
        <v>75</v>
      </c>
      <c r="D52122" s="1" t="s">
        <v>175893</v>
      </c>
      <c r="E52122" s="1" t="s">
        <v>175894</v>
      </c>
      <c r="F52122" s="1" t="s">
        <v>175895</v>
      </c>
      <c r="G52122" s="1" t="s">
        <v>175854</v>
      </c>
      <c r="H52122" s="1" t="s">
        <v>175855</v>
      </c>
      <c r="I52122" s="1" t="s">
        <v>172490</v>
      </c>
      <c r="J52122" s="1" t="s">
        <v>175896</v>
      </c>
    </row>
    <row r="52123" spans="1:10" x14ac:dyDescent="0.35">
      <c r="A52123" s="1" t="s">
        <v>11742</v>
      </c>
      <c r="B52123" s="1" t="s">
        <v>172484</v>
      </c>
      <c r="C52123" s="1" t="s">
        <v>80</v>
      </c>
      <c r="D52123" s="1" t="s">
        <v>175897</v>
      </c>
      <c r="E52123" s="1" t="s">
        <v>175898</v>
      </c>
      <c r="F52123" s="1" t="s">
        <v>175899</v>
      </c>
      <c r="G52123" s="1" t="s">
        <v>175854</v>
      </c>
      <c r="H52123" s="1" t="s">
        <v>175855</v>
      </c>
      <c r="I52123" s="1" t="s">
        <v>172490</v>
      </c>
      <c r="J52123" s="1" t="s">
        <v>175900</v>
      </c>
    </row>
    <row r="52124" spans="1:10" x14ac:dyDescent="0.35">
      <c r="A52124" s="1" t="s">
        <v>11742</v>
      </c>
      <c r="B52124" s="1" t="s">
        <v>172484</v>
      </c>
      <c r="C52124" s="1" t="s">
        <v>85</v>
      </c>
      <c r="D52124" s="1" t="s">
        <v>175901</v>
      </c>
      <c r="E52124" s="1" t="s">
        <v>175902</v>
      </c>
      <c r="F52124" s="1" t="s">
        <v>175903</v>
      </c>
      <c r="G52124" s="1" t="s">
        <v>175854</v>
      </c>
      <c r="H52124" s="1" t="s">
        <v>175855</v>
      </c>
      <c r="I52124" s="1" t="s">
        <v>172490</v>
      </c>
      <c r="J52124" s="1" t="s">
        <v>175904</v>
      </c>
    </row>
    <row r="52125" spans="1:10" x14ac:dyDescent="0.35">
      <c r="A52125" s="1" t="s">
        <v>11742</v>
      </c>
      <c r="B52125" s="1" t="s">
        <v>172484</v>
      </c>
      <c r="C52125" s="1" t="s">
        <v>90</v>
      </c>
      <c r="D52125" s="1" t="s">
        <v>71460</v>
      </c>
      <c r="E52125" s="1" t="s">
        <v>175905</v>
      </c>
      <c r="F52125" s="1" t="s">
        <v>175906</v>
      </c>
      <c r="G52125" s="1" t="s">
        <v>175854</v>
      </c>
      <c r="H52125" s="1" t="s">
        <v>175855</v>
      </c>
      <c r="I52125" s="1" t="s">
        <v>172490</v>
      </c>
      <c r="J52125" s="1" t="s">
        <v>175907</v>
      </c>
    </row>
    <row r="52126" spans="1:10" x14ac:dyDescent="0.35">
      <c r="A52126" s="1" t="s">
        <v>11742</v>
      </c>
      <c r="B52126" s="1" t="s">
        <v>172484</v>
      </c>
      <c r="C52126" s="1" t="s">
        <v>95</v>
      </c>
      <c r="D52126" s="1" t="s">
        <v>175908</v>
      </c>
      <c r="E52126" s="1" t="s">
        <v>175909</v>
      </c>
      <c r="F52126" s="1" t="s">
        <v>175910</v>
      </c>
      <c r="G52126" s="1" t="s">
        <v>175854</v>
      </c>
      <c r="H52126" s="1" t="s">
        <v>175855</v>
      </c>
      <c r="I52126" s="1" t="s">
        <v>172490</v>
      </c>
      <c r="J52126" s="1" t="s">
        <v>175911</v>
      </c>
    </row>
    <row r="52127" spans="1:10" x14ac:dyDescent="0.35">
      <c r="A52127" s="1" t="s">
        <v>11742</v>
      </c>
      <c r="B52127" s="1" t="s">
        <v>172484</v>
      </c>
      <c r="C52127" s="1" t="s">
        <v>100</v>
      </c>
      <c r="D52127" s="1" t="s">
        <v>155523</v>
      </c>
      <c r="E52127" s="1" t="s">
        <v>175912</v>
      </c>
      <c r="F52127" s="1" t="s">
        <v>175913</v>
      </c>
      <c r="G52127" s="1" t="s">
        <v>175854</v>
      </c>
      <c r="H52127" s="1" t="s">
        <v>175855</v>
      </c>
      <c r="I52127" s="1" t="s">
        <v>172490</v>
      </c>
      <c r="J52127" s="1" t="s">
        <v>175914</v>
      </c>
    </row>
    <row r="52128" spans="1:10" x14ac:dyDescent="0.35">
      <c r="A52128" s="1" t="s">
        <v>11742</v>
      </c>
      <c r="B52128" s="1" t="s">
        <v>172484</v>
      </c>
      <c r="C52128" s="1" t="s">
        <v>105</v>
      </c>
      <c r="D52128" s="1" t="s">
        <v>175915</v>
      </c>
      <c r="E52128" s="1" t="s">
        <v>175916</v>
      </c>
      <c r="F52128" s="1" t="s">
        <v>175917</v>
      </c>
      <c r="G52128" s="1" t="s">
        <v>175854</v>
      </c>
      <c r="H52128" s="1" t="s">
        <v>175855</v>
      </c>
      <c r="I52128" s="1" t="s">
        <v>172490</v>
      </c>
      <c r="J52128" s="1" t="s">
        <v>175918</v>
      </c>
    </row>
    <row r="52129" spans="1:10" x14ac:dyDescent="0.35">
      <c r="A52129" s="1" t="s">
        <v>11742</v>
      </c>
      <c r="B52129" s="1" t="s">
        <v>172484</v>
      </c>
      <c r="C52129" s="1" t="s">
        <v>110</v>
      </c>
      <c r="D52129" s="1" t="s">
        <v>123178</v>
      </c>
      <c r="E52129" s="1" t="s">
        <v>175919</v>
      </c>
      <c r="F52129" s="1" t="s">
        <v>175920</v>
      </c>
      <c r="G52129" s="1" t="s">
        <v>175854</v>
      </c>
      <c r="H52129" s="1" t="s">
        <v>175855</v>
      </c>
      <c r="I52129" s="1" t="s">
        <v>172490</v>
      </c>
      <c r="J52129" s="1" t="s">
        <v>175921</v>
      </c>
    </row>
    <row r="52130" spans="1:10" x14ac:dyDescent="0.35">
      <c r="A52130" s="1" t="s">
        <v>11742</v>
      </c>
      <c r="B52130" s="1" t="s">
        <v>172484</v>
      </c>
      <c r="C52130" s="1" t="s">
        <v>115</v>
      </c>
      <c r="D52130" s="1" t="s">
        <v>76090</v>
      </c>
      <c r="E52130" s="1" t="s">
        <v>175922</v>
      </c>
      <c r="F52130" s="1" t="s">
        <v>175923</v>
      </c>
      <c r="G52130" s="1" t="s">
        <v>175854</v>
      </c>
      <c r="H52130" s="1" t="s">
        <v>175855</v>
      </c>
      <c r="I52130" s="1" t="s">
        <v>172490</v>
      </c>
      <c r="J52130" s="1" t="s">
        <v>175924</v>
      </c>
    </row>
    <row r="52131" spans="1:10" x14ac:dyDescent="0.35">
      <c r="A52131" s="1" t="s">
        <v>11742</v>
      </c>
      <c r="B52131" s="1" t="s">
        <v>172484</v>
      </c>
      <c r="C52131" s="1" t="s">
        <v>120</v>
      </c>
      <c r="D52131" s="1" t="s">
        <v>175925</v>
      </c>
      <c r="E52131" s="1" t="s">
        <v>175926</v>
      </c>
      <c r="F52131" s="1" t="s">
        <v>175927</v>
      </c>
      <c r="G52131" s="1" t="s">
        <v>175854</v>
      </c>
      <c r="H52131" s="1" t="s">
        <v>175855</v>
      </c>
      <c r="I52131" s="1" t="s">
        <v>172490</v>
      </c>
      <c r="J52131" s="1" t="s">
        <v>175928</v>
      </c>
    </row>
    <row r="52132" spans="1:10" x14ac:dyDescent="0.35">
      <c r="A52132" s="1" t="s">
        <v>11742</v>
      </c>
      <c r="B52132" s="1" t="s">
        <v>172484</v>
      </c>
      <c r="C52132" s="1" t="s">
        <v>125</v>
      </c>
      <c r="D52132" s="1" t="s">
        <v>155982</v>
      </c>
      <c r="E52132" s="1" t="s">
        <v>175929</v>
      </c>
      <c r="F52132" s="1" t="s">
        <v>175930</v>
      </c>
      <c r="G52132" s="1" t="s">
        <v>175854</v>
      </c>
      <c r="H52132" s="1" t="s">
        <v>175855</v>
      </c>
      <c r="I52132" s="1" t="s">
        <v>172490</v>
      </c>
      <c r="J52132" s="1" t="s">
        <v>175931</v>
      </c>
    </row>
    <row r="52133" spans="1:10" x14ac:dyDescent="0.35">
      <c r="A52133" s="1" t="s">
        <v>11742</v>
      </c>
      <c r="B52133" s="1" t="s">
        <v>172484</v>
      </c>
      <c r="C52133" s="1" t="s">
        <v>130</v>
      </c>
      <c r="D52133" s="1" t="s">
        <v>175932</v>
      </c>
      <c r="E52133" s="1" t="s">
        <v>175933</v>
      </c>
      <c r="F52133" s="1" t="s">
        <v>175934</v>
      </c>
      <c r="G52133" s="1" t="s">
        <v>175854</v>
      </c>
      <c r="H52133" s="1" t="s">
        <v>175855</v>
      </c>
      <c r="I52133" s="1" t="s">
        <v>172490</v>
      </c>
      <c r="J52133" s="1" t="s">
        <v>175935</v>
      </c>
    </row>
    <row r="52134" spans="1:10" x14ac:dyDescent="0.35">
      <c r="A52134" s="1" t="s">
        <v>11742</v>
      </c>
      <c r="B52134" s="1" t="s">
        <v>172484</v>
      </c>
      <c r="C52134" s="1" t="s">
        <v>135</v>
      </c>
      <c r="D52134" s="1" t="s">
        <v>175936</v>
      </c>
      <c r="E52134" s="1" t="s">
        <v>175937</v>
      </c>
      <c r="F52134" s="1" t="s">
        <v>175938</v>
      </c>
      <c r="G52134" s="1" t="s">
        <v>175854</v>
      </c>
      <c r="H52134" s="1" t="s">
        <v>175855</v>
      </c>
      <c r="I52134" s="1" t="s">
        <v>172490</v>
      </c>
      <c r="J52134" s="1" t="s">
        <v>175939</v>
      </c>
    </row>
    <row r="52135" spans="1:10" x14ac:dyDescent="0.35">
      <c r="A52135" s="1" t="s">
        <v>11742</v>
      </c>
      <c r="B52135" s="1" t="s">
        <v>172484</v>
      </c>
      <c r="C52135" s="1" t="s">
        <v>140</v>
      </c>
      <c r="D52135" s="1" t="s">
        <v>60295</v>
      </c>
      <c r="E52135" s="1" t="s">
        <v>175940</v>
      </c>
      <c r="F52135" s="1" t="s">
        <v>175941</v>
      </c>
      <c r="G52135" s="1" t="s">
        <v>175854</v>
      </c>
      <c r="H52135" s="1" t="s">
        <v>175855</v>
      </c>
      <c r="I52135" s="1" t="s">
        <v>172490</v>
      </c>
      <c r="J52135" s="1" t="s">
        <v>175942</v>
      </c>
    </row>
    <row r="52136" spans="1:10" x14ac:dyDescent="0.35">
      <c r="A52136" s="1" t="s">
        <v>11742</v>
      </c>
      <c r="B52136" s="1" t="s">
        <v>172484</v>
      </c>
      <c r="C52136" s="1" t="s">
        <v>145</v>
      </c>
      <c r="D52136" s="1" t="s">
        <v>12440</v>
      </c>
      <c r="E52136" s="1" t="s">
        <v>175943</v>
      </c>
      <c r="F52136" s="1" t="s">
        <v>175944</v>
      </c>
      <c r="G52136" s="1" t="s">
        <v>175854</v>
      </c>
      <c r="H52136" s="1" t="s">
        <v>175855</v>
      </c>
      <c r="I52136" s="1" t="s">
        <v>172490</v>
      </c>
      <c r="J52136" s="1" t="s">
        <v>175945</v>
      </c>
    </row>
    <row r="52137" spans="1:10" x14ac:dyDescent="0.35">
      <c r="A52137" s="1" t="s">
        <v>11742</v>
      </c>
      <c r="B52137" s="1" t="s">
        <v>172484</v>
      </c>
      <c r="C52137" s="1" t="s">
        <v>150</v>
      </c>
      <c r="D52137" s="1" t="s">
        <v>18772</v>
      </c>
      <c r="E52137" s="1" t="s">
        <v>175946</v>
      </c>
      <c r="F52137" s="1" t="s">
        <v>175947</v>
      </c>
      <c r="G52137" s="1" t="s">
        <v>175854</v>
      </c>
      <c r="H52137" s="1" t="s">
        <v>175855</v>
      </c>
      <c r="I52137" s="1" t="s">
        <v>172490</v>
      </c>
      <c r="J52137" s="1" t="s">
        <v>175948</v>
      </c>
    </row>
    <row r="52138" spans="1:10" x14ac:dyDescent="0.35">
      <c r="A52138" s="1" t="s">
        <v>11742</v>
      </c>
      <c r="B52138" s="1" t="s">
        <v>172484</v>
      </c>
      <c r="C52138" s="1" t="s">
        <v>155</v>
      </c>
      <c r="D52138" s="1" t="s">
        <v>175949</v>
      </c>
      <c r="E52138" s="1" t="s">
        <v>175950</v>
      </c>
      <c r="F52138" s="1" t="s">
        <v>175951</v>
      </c>
      <c r="G52138" s="1" t="s">
        <v>175854</v>
      </c>
      <c r="H52138" s="1" t="s">
        <v>175855</v>
      </c>
      <c r="I52138" s="1" t="s">
        <v>172490</v>
      </c>
      <c r="J52138" s="1" t="s">
        <v>175952</v>
      </c>
    </row>
    <row r="52139" spans="1:10" x14ac:dyDescent="0.35">
      <c r="A52139" s="1" t="s">
        <v>11742</v>
      </c>
      <c r="B52139" s="1" t="s">
        <v>172484</v>
      </c>
      <c r="C52139" s="1" t="s">
        <v>160</v>
      </c>
      <c r="D52139" s="1" t="s">
        <v>175953</v>
      </c>
      <c r="E52139" s="1" t="s">
        <v>175954</v>
      </c>
      <c r="F52139" s="1" t="s">
        <v>175955</v>
      </c>
      <c r="G52139" s="1" t="s">
        <v>175854</v>
      </c>
      <c r="H52139" s="1" t="s">
        <v>175855</v>
      </c>
      <c r="I52139" s="1" t="s">
        <v>172490</v>
      </c>
      <c r="J52139" s="1" t="s">
        <v>175956</v>
      </c>
    </row>
    <row r="52140" spans="1:10" x14ac:dyDescent="0.35">
      <c r="A52140" s="1" t="s">
        <v>11742</v>
      </c>
      <c r="B52140" s="1" t="s">
        <v>172484</v>
      </c>
      <c r="C52140" s="1" t="s">
        <v>165</v>
      </c>
      <c r="D52140" s="1" t="s">
        <v>175957</v>
      </c>
      <c r="E52140" s="1" t="s">
        <v>175958</v>
      </c>
      <c r="F52140" s="1" t="s">
        <v>175959</v>
      </c>
      <c r="G52140" s="1" t="s">
        <v>175854</v>
      </c>
      <c r="H52140" s="1" t="s">
        <v>175855</v>
      </c>
      <c r="I52140" s="1" t="s">
        <v>172490</v>
      </c>
      <c r="J52140" s="1" t="s">
        <v>175960</v>
      </c>
    </row>
    <row r="52141" spans="1:10" x14ac:dyDescent="0.35">
      <c r="A52141" s="1" t="s">
        <v>11742</v>
      </c>
      <c r="B52141" s="1" t="s">
        <v>172484</v>
      </c>
      <c r="C52141" s="1" t="s">
        <v>170</v>
      </c>
      <c r="D52141" s="1" t="s">
        <v>98779</v>
      </c>
      <c r="E52141" s="1" t="s">
        <v>175961</v>
      </c>
      <c r="F52141" s="1" t="s">
        <v>175962</v>
      </c>
      <c r="G52141" s="1" t="s">
        <v>175854</v>
      </c>
      <c r="H52141" s="1" t="s">
        <v>175855</v>
      </c>
      <c r="I52141" s="1" t="s">
        <v>172490</v>
      </c>
      <c r="J52141" s="1" t="s">
        <v>175963</v>
      </c>
    </row>
    <row r="52142" spans="1:10" x14ac:dyDescent="0.35">
      <c r="A52142" s="1" t="s">
        <v>9897</v>
      </c>
      <c r="B52142" s="1" t="s">
        <v>172484</v>
      </c>
      <c r="C52142" s="1" t="s">
        <v>8</v>
      </c>
      <c r="D52142" s="1" t="s">
        <v>175964</v>
      </c>
      <c r="E52142" s="1" t="s">
        <v>103066</v>
      </c>
      <c r="F52142" s="1" t="s">
        <v>175965</v>
      </c>
      <c r="G52142" s="1" t="s">
        <v>175966</v>
      </c>
      <c r="H52142" s="1" t="s">
        <v>175967</v>
      </c>
      <c r="I52142" s="1" t="s">
        <v>172490</v>
      </c>
      <c r="J52142" s="1" t="s">
        <v>13</v>
      </c>
    </row>
    <row r="52143" spans="1:10" x14ac:dyDescent="0.35">
      <c r="A52143" s="1" t="s">
        <v>9897</v>
      </c>
      <c r="B52143" s="1" t="s">
        <v>172484</v>
      </c>
      <c r="C52143" s="1" t="s">
        <v>15</v>
      </c>
      <c r="D52143" s="1" t="s">
        <v>30975</v>
      </c>
      <c r="E52143" s="1" t="s">
        <v>99617</v>
      </c>
      <c r="F52143" s="1" t="s">
        <v>97274</v>
      </c>
      <c r="G52143" s="1" t="s">
        <v>175966</v>
      </c>
      <c r="H52143" s="1" t="s">
        <v>175967</v>
      </c>
      <c r="I52143" s="1" t="s">
        <v>172490</v>
      </c>
      <c r="J52143" s="1" t="s">
        <v>175968</v>
      </c>
    </row>
    <row r="52144" spans="1:10" x14ac:dyDescent="0.35">
      <c r="A52144" s="1" t="s">
        <v>9897</v>
      </c>
      <c r="B52144" s="1" t="s">
        <v>172484</v>
      </c>
      <c r="C52144" s="1" t="s">
        <v>20</v>
      </c>
      <c r="D52144" s="1" t="s">
        <v>174141</v>
      </c>
      <c r="E52144" s="1" t="s">
        <v>22998</v>
      </c>
      <c r="F52144" s="1" t="s">
        <v>57708</v>
      </c>
      <c r="G52144" s="1" t="s">
        <v>175966</v>
      </c>
      <c r="H52144" s="1" t="s">
        <v>175967</v>
      </c>
      <c r="I52144" s="1" t="s">
        <v>172490</v>
      </c>
      <c r="J52144" s="1" t="s">
        <v>175969</v>
      </c>
    </row>
    <row r="52145" spans="1:10" x14ac:dyDescent="0.35">
      <c r="A52145" s="1" t="s">
        <v>9897</v>
      </c>
      <c r="B52145" s="1" t="s">
        <v>172484</v>
      </c>
      <c r="C52145" s="1" t="s">
        <v>25</v>
      </c>
      <c r="D52145" s="1" t="s">
        <v>5425</v>
      </c>
      <c r="E52145" s="1" t="s">
        <v>40659</v>
      </c>
      <c r="F52145" s="1" t="s">
        <v>175970</v>
      </c>
      <c r="G52145" s="1" t="s">
        <v>175966</v>
      </c>
      <c r="H52145" s="1" t="s">
        <v>175967</v>
      </c>
      <c r="I52145" s="1" t="s">
        <v>172490</v>
      </c>
      <c r="J52145" s="1" t="s">
        <v>175971</v>
      </c>
    </row>
    <row r="52146" spans="1:10" x14ac:dyDescent="0.35">
      <c r="A52146" s="1" t="s">
        <v>9897</v>
      </c>
      <c r="B52146" s="1" t="s">
        <v>172484</v>
      </c>
      <c r="C52146" s="1" t="s">
        <v>30</v>
      </c>
      <c r="D52146" s="1" t="s">
        <v>125708</v>
      </c>
      <c r="E52146" s="1" t="s">
        <v>55573</v>
      </c>
      <c r="F52146" s="1" t="s">
        <v>175972</v>
      </c>
      <c r="G52146" s="1" t="s">
        <v>175966</v>
      </c>
      <c r="H52146" s="1" t="s">
        <v>175967</v>
      </c>
      <c r="I52146" s="1" t="s">
        <v>172490</v>
      </c>
      <c r="J52146" s="1" t="s">
        <v>175973</v>
      </c>
    </row>
    <row r="52147" spans="1:10" x14ac:dyDescent="0.35">
      <c r="A52147" s="1" t="s">
        <v>9897</v>
      </c>
      <c r="B52147" s="1" t="s">
        <v>172484</v>
      </c>
      <c r="C52147" s="1" t="s">
        <v>35</v>
      </c>
      <c r="D52147" s="1" t="s">
        <v>175974</v>
      </c>
      <c r="E52147" s="1" t="s">
        <v>58339</v>
      </c>
      <c r="F52147" s="1" t="s">
        <v>61447</v>
      </c>
      <c r="G52147" s="1" t="s">
        <v>175966</v>
      </c>
      <c r="H52147" s="1" t="s">
        <v>175967</v>
      </c>
      <c r="I52147" s="1" t="s">
        <v>172490</v>
      </c>
      <c r="J52147" s="1" t="s">
        <v>175975</v>
      </c>
    </row>
    <row r="52148" spans="1:10" x14ac:dyDescent="0.35">
      <c r="A52148" s="1" t="s">
        <v>9897</v>
      </c>
      <c r="B52148" s="1" t="s">
        <v>172484</v>
      </c>
      <c r="C52148" s="1" t="s">
        <v>40</v>
      </c>
      <c r="D52148" s="1" t="s">
        <v>45916</v>
      </c>
      <c r="E52148" s="1" t="s">
        <v>175976</v>
      </c>
      <c r="F52148" s="1" t="s">
        <v>175977</v>
      </c>
      <c r="G52148" s="1" t="s">
        <v>175966</v>
      </c>
      <c r="H52148" s="1" t="s">
        <v>175967</v>
      </c>
      <c r="I52148" s="1" t="s">
        <v>172490</v>
      </c>
      <c r="J52148" s="1" t="s">
        <v>175978</v>
      </c>
    </row>
    <row r="52149" spans="1:10" x14ac:dyDescent="0.35">
      <c r="A52149" s="1" t="s">
        <v>9897</v>
      </c>
      <c r="B52149" s="1" t="s">
        <v>172484</v>
      </c>
      <c r="C52149" s="1" t="s">
        <v>45</v>
      </c>
      <c r="D52149" s="1" t="s">
        <v>42814</v>
      </c>
      <c r="E52149" s="1" t="s">
        <v>23314</v>
      </c>
      <c r="F52149" s="1" t="s">
        <v>26456</v>
      </c>
      <c r="G52149" s="1" t="s">
        <v>175966</v>
      </c>
      <c r="H52149" s="1" t="s">
        <v>175967</v>
      </c>
      <c r="I52149" s="1" t="s">
        <v>172490</v>
      </c>
      <c r="J52149" s="1" t="s">
        <v>175979</v>
      </c>
    </row>
    <row r="52150" spans="1:10" x14ac:dyDescent="0.35">
      <c r="A52150" s="1" t="s">
        <v>9897</v>
      </c>
      <c r="B52150" s="1" t="s">
        <v>172484</v>
      </c>
      <c r="C52150" s="1" t="s">
        <v>50</v>
      </c>
      <c r="D52150" s="1" t="s">
        <v>32669</v>
      </c>
      <c r="E52150" s="1" t="s">
        <v>175980</v>
      </c>
      <c r="F52150" s="1" t="s">
        <v>52465</v>
      </c>
      <c r="G52150" s="1" t="s">
        <v>175966</v>
      </c>
      <c r="H52150" s="1" t="s">
        <v>175967</v>
      </c>
      <c r="I52150" s="1" t="s">
        <v>172490</v>
      </c>
      <c r="J52150" s="1" t="s">
        <v>175981</v>
      </c>
    </row>
    <row r="52151" spans="1:10" x14ac:dyDescent="0.35">
      <c r="A52151" s="1" t="s">
        <v>9897</v>
      </c>
      <c r="B52151" s="1" t="s">
        <v>172484</v>
      </c>
      <c r="C52151" s="1" t="s">
        <v>55</v>
      </c>
      <c r="D52151" s="1" t="s">
        <v>43281</v>
      </c>
      <c r="E52151" s="1" t="s">
        <v>66352</v>
      </c>
      <c r="F52151" s="1" t="s">
        <v>175982</v>
      </c>
      <c r="G52151" s="1" t="s">
        <v>175966</v>
      </c>
      <c r="H52151" s="1" t="s">
        <v>175967</v>
      </c>
      <c r="I52151" s="1" t="s">
        <v>172490</v>
      </c>
      <c r="J52151" s="1" t="s">
        <v>175983</v>
      </c>
    </row>
    <row r="52152" spans="1:10" x14ac:dyDescent="0.35">
      <c r="A52152" s="1" t="s">
        <v>9897</v>
      </c>
      <c r="B52152" s="1" t="s">
        <v>172484</v>
      </c>
      <c r="C52152" s="1" t="s">
        <v>60</v>
      </c>
      <c r="D52152" s="1" t="s">
        <v>46184</v>
      </c>
      <c r="E52152" s="1" t="s">
        <v>63427</v>
      </c>
      <c r="F52152" s="1" t="s">
        <v>57051</v>
      </c>
      <c r="G52152" s="1" t="s">
        <v>175966</v>
      </c>
      <c r="H52152" s="1" t="s">
        <v>175967</v>
      </c>
      <c r="I52152" s="1" t="s">
        <v>172490</v>
      </c>
      <c r="J52152" s="1" t="s">
        <v>175984</v>
      </c>
    </row>
    <row r="52153" spans="1:10" x14ac:dyDescent="0.35">
      <c r="A52153" s="1" t="s">
        <v>9897</v>
      </c>
      <c r="B52153" s="1" t="s">
        <v>172484</v>
      </c>
      <c r="C52153" s="1" t="s">
        <v>65</v>
      </c>
      <c r="D52153" s="1" t="s">
        <v>31062</v>
      </c>
      <c r="E52153" s="1" t="s">
        <v>175985</v>
      </c>
      <c r="F52153" s="1" t="s">
        <v>56132</v>
      </c>
      <c r="G52153" s="1" t="s">
        <v>175966</v>
      </c>
      <c r="H52153" s="1" t="s">
        <v>175967</v>
      </c>
      <c r="I52153" s="1" t="s">
        <v>172490</v>
      </c>
      <c r="J52153" s="1" t="s">
        <v>175986</v>
      </c>
    </row>
    <row r="52154" spans="1:10" x14ac:dyDescent="0.35">
      <c r="A52154" s="1" t="s">
        <v>9897</v>
      </c>
      <c r="B52154" s="1" t="s">
        <v>172484</v>
      </c>
      <c r="C52154" s="1" t="s">
        <v>70</v>
      </c>
      <c r="D52154" s="1" t="s">
        <v>175987</v>
      </c>
      <c r="E52154" s="1" t="s">
        <v>175988</v>
      </c>
      <c r="F52154" s="1" t="s">
        <v>155718</v>
      </c>
      <c r="G52154" s="1" t="s">
        <v>175966</v>
      </c>
      <c r="H52154" s="1" t="s">
        <v>175967</v>
      </c>
      <c r="I52154" s="1" t="s">
        <v>172490</v>
      </c>
      <c r="J52154" s="1" t="s">
        <v>175989</v>
      </c>
    </row>
    <row r="52155" spans="1:10" x14ac:dyDescent="0.35">
      <c r="A52155" s="1" t="s">
        <v>9897</v>
      </c>
      <c r="B52155" s="1" t="s">
        <v>172484</v>
      </c>
      <c r="C52155" s="1" t="s">
        <v>75</v>
      </c>
      <c r="D52155" s="1" t="s">
        <v>49658</v>
      </c>
      <c r="E52155" s="1" t="s">
        <v>61725</v>
      </c>
      <c r="F52155" s="1" t="s">
        <v>69329</v>
      </c>
      <c r="G52155" s="1" t="s">
        <v>175966</v>
      </c>
      <c r="H52155" s="1" t="s">
        <v>175967</v>
      </c>
      <c r="I52155" s="1" t="s">
        <v>172490</v>
      </c>
      <c r="J52155" s="1" t="s">
        <v>175990</v>
      </c>
    </row>
    <row r="52156" spans="1:10" x14ac:dyDescent="0.35">
      <c r="A52156" s="1" t="s">
        <v>9897</v>
      </c>
      <c r="B52156" s="1" t="s">
        <v>172484</v>
      </c>
      <c r="C52156" s="1" t="s">
        <v>80</v>
      </c>
      <c r="D52156" s="1" t="s">
        <v>155274</v>
      </c>
      <c r="E52156" s="1" t="s">
        <v>23399</v>
      </c>
      <c r="F52156" s="1" t="s">
        <v>175991</v>
      </c>
      <c r="G52156" s="1" t="s">
        <v>175966</v>
      </c>
      <c r="H52156" s="1" t="s">
        <v>175967</v>
      </c>
      <c r="I52156" s="1" t="s">
        <v>172490</v>
      </c>
      <c r="J52156" s="1" t="s">
        <v>175992</v>
      </c>
    </row>
    <row r="52157" spans="1:10" x14ac:dyDescent="0.35">
      <c r="A52157" s="1" t="s">
        <v>9897</v>
      </c>
      <c r="B52157" s="1" t="s">
        <v>172484</v>
      </c>
      <c r="C52157" s="1" t="s">
        <v>85</v>
      </c>
      <c r="D52157" s="1" t="s">
        <v>107769</v>
      </c>
      <c r="E52157" s="1" t="s">
        <v>58485</v>
      </c>
      <c r="F52157" s="1" t="s">
        <v>175993</v>
      </c>
      <c r="G52157" s="1" t="s">
        <v>175966</v>
      </c>
      <c r="H52157" s="1" t="s">
        <v>175967</v>
      </c>
      <c r="I52157" s="1" t="s">
        <v>172490</v>
      </c>
      <c r="J52157" s="1" t="s">
        <v>175994</v>
      </c>
    </row>
    <row r="52158" spans="1:10" x14ac:dyDescent="0.35">
      <c r="A52158" s="1" t="s">
        <v>9897</v>
      </c>
      <c r="B52158" s="1" t="s">
        <v>172484</v>
      </c>
      <c r="C52158" s="1" t="s">
        <v>90</v>
      </c>
      <c r="D52158" s="1" t="s">
        <v>175995</v>
      </c>
      <c r="E52158" s="1" t="s">
        <v>41334</v>
      </c>
      <c r="F52158" s="1" t="s">
        <v>32908</v>
      </c>
      <c r="G52158" s="1" t="s">
        <v>175966</v>
      </c>
      <c r="H52158" s="1" t="s">
        <v>175967</v>
      </c>
      <c r="I52158" s="1" t="s">
        <v>172490</v>
      </c>
      <c r="J52158" s="1" t="s">
        <v>175996</v>
      </c>
    </row>
    <row r="52159" spans="1:10" x14ac:dyDescent="0.35">
      <c r="A52159" s="1" t="s">
        <v>9897</v>
      </c>
      <c r="B52159" s="1" t="s">
        <v>172484</v>
      </c>
      <c r="C52159" s="1" t="s">
        <v>95</v>
      </c>
      <c r="D52159" s="1" t="s">
        <v>175997</v>
      </c>
      <c r="E52159" s="1" t="s">
        <v>21772</v>
      </c>
      <c r="F52159" s="1" t="s">
        <v>175998</v>
      </c>
      <c r="G52159" s="1" t="s">
        <v>175966</v>
      </c>
      <c r="H52159" s="1" t="s">
        <v>175967</v>
      </c>
      <c r="I52159" s="1" t="s">
        <v>172490</v>
      </c>
      <c r="J52159" s="1" t="s">
        <v>175999</v>
      </c>
    </row>
    <row r="52160" spans="1:10" x14ac:dyDescent="0.35">
      <c r="A52160" s="1" t="s">
        <v>9897</v>
      </c>
      <c r="B52160" s="1" t="s">
        <v>172484</v>
      </c>
      <c r="C52160" s="1" t="s">
        <v>100</v>
      </c>
      <c r="D52160" s="1" t="s">
        <v>176000</v>
      </c>
      <c r="E52160" s="1" t="s">
        <v>58359</v>
      </c>
      <c r="F52160" s="1" t="s">
        <v>149413</v>
      </c>
      <c r="G52160" s="1" t="s">
        <v>175966</v>
      </c>
      <c r="H52160" s="1" t="s">
        <v>175967</v>
      </c>
      <c r="I52160" s="1" t="s">
        <v>172490</v>
      </c>
      <c r="J52160" s="1" t="s">
        <v>176001</v>
      </c>
    </row>
    <row r="52161" spans="1:10" x14ac:dyDescent="0.35">
      <c r="A52161" s="1" t="s">
        <v>9897</v>
      </c>
      <c r="B52161" s="1" t="s">
        <v>172484</v>
      </c>
      <c r="C52161" s="1" t="s">
        <v>105</v>
      </c>
      <c r="D52161" s="1" t="s">
        <v>172862</v>
      </c>
      <c r="E52161" s="1" t="s">
        <v>23878</v>
      </c>
      <c r="F52161" s="1" t="s">
        <v>176002</v>
      </c>
      <c r="G52161" s="1" t="s">
        <v>175966</v>
      </c>
      <c r="H52161" s="1" t="s">
        <v>175967</v>
      </c>
      <c r="I52161" s="1" t="s">
        <v>172490</v>
      </c>
      <c r="J52161" s="1" t="s">
        <v>176003</v>
      </c>
    </row>
    <row r="52162" spans="1:10" x14ac:dyDescent="0.35">
      <c r="A52162" s="1" t="s">
        <v>9897</v>
      </c>
      <c r="B52162" s="1" t="s">
        <v>172484</v>
      </c>
      <c r="C52162" s="1" t="s">
        <v>110</v>
      </c>
      <c r="D52162" s="1" t="s">
        <v>176004</v>
      </c>
      <c r="E52162" s="1" t="s">
        <v>54989</v>
      </c>
      <c r="F52162" s="1" t="s">
        <v>176005</v>
      </c>
      <c r="G52162" s="1" t="s">
        <v>175966</v>
      </c>
      <c r="H52162" s="1" t="s">
        <v>175967</v>
      </c>
      <c r="I52162" s="1" t="s">
        <v>172490</v>
      </c>
      <c r="J52162" s="1" t="s">
        <v>176006</v>
      </c>
    </row>
    <row r="52163" spans="1:10" x14ac:dyDescent="0.35">
      <c r="A52163" s="1" t="s">
        <v>9897</v>
      </c>
      <c r="B52163" s="1" t="s">
        <v>172484</v>
      </c>
      <c r="C52163" s="1" t="s">
        <v>115</v>
      </c>
      <c r="D52163" s="1" t="s">
        <v>150310</v>
      </c>
      <c r="E52163" s="1" t="s">
        <v>59885</v>
      </c>
      <c r="F52163" s="1" t="s">
        <v>58413</v>
      </c>
      <c r="G52163" s="1" t="s">
        <v>175966</v>
      </c>
      <c r="H52163" s="1" t="s">
        <v>175967</v>
      </c>
      <c r="I52163" s="1" t="s">
        <v>172490</v>
      </c>
      <c r="J52163" s="1" t="s">
        <v>176007</v>
      </c>
    </row>
    <row r="52164" spans="1:10" x14ac:dyDescent="0.35">
      <c r="A52164" s="1" t="s">
        <v>9897</v>
      </c>
      <c r="B52164" s="1" t="s">
        <v>172484</v>
      </c>
      <c r="C52164" s="1" t="s">
        <v>120</v>
      </c>
      <c r="D52164" s="1" t="s">
        <v>176008</v>
      </c>
      <c r="E52164" s="1" t="s">
        <v>23399</v>
      </c>
      <c r="F52164" s="1" t="s">
        <v>59641</v>
      </c>
      <c r="G52164" s="1" t="s">
        <v>175966</v>
      </c>
      <c r="H52164" s="1" t="s">
        <v>175967</v>
      </c>
      <c r="I52164" s="1" t="s">
        <v>172490</v>
      </c>
      <c r="J52164" s="1" t="s">
        <v>176009</v>
      </c>
    </row>
    <row r="52165" spans="1:10" x14ac:dyDescent="0.35">
      <c r="A52165" s="1" t="s">
        <v>9897</v>
      </c>
      <c r="B52165" s="1" t="s">
        <v>172484</v>
      </c>
      <c r="C52165" s="1" t="s">
        <v>125</v>
      </c>
      <c r="D52165" s="1" t="s">
        <v>176010</v>
      </c>
      <c r="E52165" s="1" t="s">
        <v>176011</v>
      </c>
      <c r="F52165" s="1" t="s">
        <v>62801</v>
      </c>
      <c r="G52165" s="1" t="s">
        <v>175966</v>
      </c>
      <c r="H52165" s="1" t="s">
        <v>175967</v>
      </c>
      <c r="I52165" s="1" t="s">
        <v>172490</v>
      </c>
      <c r="J52165" s="1" t="s">
        <v>176012</v>
      </c>
    </row>
    <row r="52166" spans="1:10" x14ac:dyDescent="0.35">
      <c r="A52166" s="1" t="s">
        <v>9897</v>
      </c>
      <c r="B52166" s="1" t="s">
        <v>172484</v>
      </c>
      <c r="C52166" s="1" t="s">
        <v>130</v>
      </c>
      <c r="D52166" s="1" t="s">
        <v>176013</v>
      </c>
      <c r="E52166" s="1" t="s">
        <v>23457</v>
      </c>
      <c r="F52166" s="1" t="s">
        <v>176014</v>
      </c>
      <c r="G52166" s="1" t="s">
        <v>175966</v>
      </c>
      <c r="H52166" s="1" t="s">
        <v>175967</v>
      </c>
      <c r="I52166" s="1" t="s">
        <v>172490</v>
      </c>
      <c r="J52166" s="1" t="s">
        <v>176015</v>
      </c>
    </row>
    <row r="52167" spans="1:10" x14ac:dyDescent="0.35">
      <c r="A52167" s="1" t="s">
        <v>9897</v>
      </c>
      <c r="B52167" s="1" t="s">
        <v>172484</v>
      </c>
      <c r="C52167" s="1" t="s">
        <v>135</v>
      </c>
      <c r="D52167" s="1" t="s">
        <v>134665</v>
      </c>
      <c r="E52167" s="1" t="s">
        <v>54024</v>
      </c>
      <c r="F52167" s="1" t="s">
        <v>62617</v>
      </c>
      <c r="G52167" s="1" t="s">
        <v>175966</v>
      </c>
      <c r="H52167" s="1" t="s">
        <v>175967</v>
      </c>
      <c r="I52167" s="1" t="s">
        <v>172490</v>
      </c>
      <c r="J52167" s="1" t="s">
        <v>176016</v>
      </c>
    </row>
    <row r="52168" spans="1:10" x14ac:dyDescent="0.35">
      <c r="A52168" s="1" t="s">
        <v>9897</v>
      </c>
      <c r="B52168" s="1" t="s">
        <v>172484</v>
      </c>
      <c r="C52168" s="1" t="s">
        <v>140</v>
      </c>
      <c r="D52168" s="1" t="s">
        <v>176017</v>
      </c>
      <c r="E52168" s="1" t="s">
        <v>21779</v>
      </c>
      <c r="F52168" s="1" t="s">
        <v>176018</v>
      </c>
      <c r="G52168" s="1" t="s">
        <v>175966</v>
      </c>
      <c r="H52168" s="1" t="s">
        <v>175967</v>
      </c>
      <c r="I52168" s="1" t="s">
        <v>172490</v>
      </c>
      <c r="J52168" s="1" t="s">
        <v>176019</v>
      </c>
    </row>
    <row r="52169" spans="1:10" x14ac:dyDescent="0.35">
      <c r="A52169" s="1" t="s">
        <v>9897</v>
      </c>
      <c r="B52169" s="1" t="s">
        <v>172484</v>
      </c>
      <c r="C52169" s="1" t="s">
        <v>145</v>
      </c>
      <c r="D52169" s="1" t="s">
        <v>89850</v>
      </c>
      <c r="E52169" s="1" t="s">
        <v>56345</v>
      </c>
      <c r="F52169" s="1" t="s">
        <v>176020</v>
      </c>
      <c r="G52169" s="1" t="s">
        <v>175966</v>
      </c>
      <c r="H52169" s="1" t="s">
        <v>175967</v>
      </c>
      <c r="I52169" s="1" t="s">
        <v>172490</v>
      </c>
      <c r="J52169" s="1" t="s">
        <v>176021</v>
      </c>
    </row>
    <row r="52170" spans="1:10" x14ac:dyDescent="0.35">
      <c r="A52170" s="1" t="s">
        <v>9897</v>
      </c>
      <c r="B52170" s="1" t="s">
        <v>172484</v>
      </c>
      <c r="C52170" s="1" t="s">
        <v>150</v>
      </c>
      <c r="D52170" s="1" t="s">
        <v>176022</v>
      </c>
      <c r="E52170" s="1" t="s">
        <v>21929</v>
      </c>
      <c r="F52170" s="1" t="s">
        <v>176023</v>
      </c>
      <c r="G52170" s="1" t="s">
        <v>175966</v>
      </c>
      <c r="H52170" s="1" t="s">
        <v>175967</v>
      </c>
      <c r="I52170" s="1" t="s">
        <v>172490</v>
      </c>
      <c r="J52170" s="1" t="s">
        <v>176024</v>
      </c>
    </row>
    <row r="52171" spans="1:10" x14ac:dyDescent="0.35">
      <c r="A52171" s="1" t="s">
        <v>9897</v>
      </c>
      <c r="B52171" s="1" t="s">
        <v>172484</v>
      </c>
      <c r="C52171" s="1" t="s">
        <v>155</v>
      </c>
      <c r="D52171" s="1" t="s">
        <v>40121</v>
      </c>
      <c r="E52171" s="1" t="s">
        <v>57650</v>
      </c>
      <c r="F52171" s="1" t="s">
        <v>176025</v>
      </c>
      <c r="G52171" s="1" t="s">
        <v>175966</v>
      </c>
      <c r="H52171" s="1" t="s">
        <v>175967</v>
      </c>
      <c r="I52171" s="1" t="s">
        <v>172490</v>
      </c>
      <c r="J52171" s="1" t="s">
        <v>176026</v>
      </c>
    </row>
    <row r="52172" spans="1:10" x14ac:dyDescent="0.35">
      <c r="A52172" s="1" t="s">
        <v>9897</v>
      </c>
      <c r="B52172" s="1" t="s">
        <v>172484</v>
      </c>
      <c r="C52172" s="1" t="s">
        <v>160</v>
      </c>
      <c r="D52172" s="1" t="s">
        <v>102691</v>
      </c>
      <c r="E52172" s="1" t="s">
        <v>55954</v>
      </c>
      <c r="F52172" s="1" t="s">
        <v>54388</v>
      </c>
      <c r="G52172" s="1" t="s">
        <v>175966</v>
      </c>
      <c r="H52172" s="1" t="s">
        <v>175967</v>
      </c>
      <c r="I52172" s="1" t="s">
        <v>172490</v>
      </c>
      <c r="J52172" s="1" t="s">
        <v>176027</v>
      </c>
    </row>
    <row r="52173" spans="1:10" x14ac:dyDescent="0.35">
      <c r="A52173" s="1" t="s">
        <v>9897</v>
      </c>
      <c r="B52173" s="1" t="s">
        <v>172484</v>
      </c>
      <c r="C52173" s="1" t="s">
        <v>165</v>
      </c>
      <c r="D52173" s="1" t="s">
        <v>78482</v>
      </c>
      <c r="E52173" s="1" t="s">
        <v>21174</v>
      </c>
      <c r="F52173" s="1" t="s">
        <v>63123</v>
      </c>
      <c r="G52173" s="1" t="s">
        <v>175966</v>
      </c>
      <c r="H52173" s="1" t="s">
        <v>175967</v>
      </c>
      <c r="I52173" s="1" t="s">
        <v>172490</v>
      </c>
      <c r="J52173" s="1" t="s">
        <v>176028</v>
      </c>
    </row>
    <row r="52174" spans="1:10" x14ac:dyDescent="0.35">
      <c r="A52174" s="1" t="s">
        <v>9897</v>
      </c>
      <c r="B52174" s="1" t="s">
        <v>172484</v>
      </c>
      <c r="C52174" s="1" t="s">
        <v>170</v>
      </c>
      <c r="D52174" s="1" t="s">
        <v>176029</v>
      </c>
      <c r="E52174" s="1" t="s">
        <v>26552</v>
      </c>
      <c r="F52174" s="1" t="s">
        <v>176030</v>
      </c>
      <c r="G52174" s="1" t="s">
        <v>175966</v>
      </c>
      <c r="H52174" s="1" t="s">
        <v>175967</v>
      </c>
      <c r="I52174" s="1" t="s">
        <v>172490</v>
      </c>
      <c r="J52174" s="1" t="s">
        <v>176031</v>
      </c>
    </row>
    <row r="52175" spans="1:10" x14ac:dyDescent="0.35">
      <c r="A52175" s="1" t="s">
        <v>104072</v>
      </c>
      <c r="B52175" s="1" t="s">
        <v>172484</v>
      </c>
      <c r="C52175" s="1" t="s">
        <v>8</v>
      </c>
      <c r="D52175" s="1" t="s">
        <v>5469</v>
      </c>
      <c r="E52175" s="1" t="s">
        <v>176032</v>
      </c>
      <c r="F52175" s="1" t="s">
        <v>176033</v>
      </c>
      <c r="G52175" s="1" t="s">
        <v>176034</v>
      </c>
      <c r="H52175" s="1" t="s">
        <v>176035</v>
      </c>
      <c r="I52175" s="1" t="s">
        <v>172490</v>
      </c>
      <c r="J52175" s="1" t="s">
        <v>13</v>
      </c>
    </row>
    <row r="52176" spans="1:10" x14ac:dyDescent="0.35">
      <c r="A52176" s="1" t="s">
        <v>104072</v>
      </c>
      <c r="B52176" s="1" t="s">
        <v>172484</v>
      </c>
      <c r="C52176" s="1" t="s">
        <v>15</v>
      </c>
      <c r="D52176" s="1" t="s">
        <v>176036</v>
      </c>
      <c r="E52176" s="1" t="s">
        <v>176037</v>
      </c>
      <c r="F52176" s="1" t="s">
        <v>176038</v>
      </c>
      <c r="G52176" s="1" t="s">
        <v>176034</v>
      </c>
      <c r="H52176" s="1" t="s">
        <v>176035</v>
      </c>
      <c r="I52176" s="1" t="s">
        <v>172490</v>
      </c>
      <c r="J52176" s="1" t="s">
        <v>176039</v>
      </c>
    </row>
    <row r="52177" spans="1:10" x14ac:dyDescent="0.35">
      <c r="A52177" s="1" t="s">
        <v>104072</v>
      </c>
      <c r="B52177" s="1" t="s">
        <v>172484</v>
      </c>
      <c r="C52177" s="1" t="s">
        <v>20</v>
      </c>
      <c r="D52177" s="1" t="s">
        <v>121688</v>
      </c>
      <c r="E52177" s="1" t="s">
        <v>176040</v>
      </c>
      <c r="F52177" s="1" t="s">
        <v>176041</v>
      </c>
      <c r="G52177" s="1" t="s">
        <v>176034</v>
      </c>
      <c r="H52177" s="1" t="s">
        <v>176035</v>
      </c>
      <c r="I52177" s="1" t="s">
        <v>172490</v>
      </c>
      <c r="J52177" s="1" t="s">
        <v>176042</v>
      </c>
    </row>
    <row r="52178" spans="1:10" x14ac:dyDescent="0.35">
      <c r="A52178" s="1" t="s">
        <v>104072</v>
      </c>
      <c r="B52178" s="1" t="s">
        <v>172484</v>
      </c>
      <c r="C52178" s="1" t="s">
        <v>25</v>
      </c>
      <c r="D52178" s="1" t="s">
        <v>32112</v>
      </c>
      <c r="E52178" s="1" t="s">
        <v>176043</v>
      </c>
      <c r="F52178" s="1" t="s">
        <v>176044</v>
      </c>
      <c r="G52178" s="1" t="s">
        <v>176034</v>
      </c>
      <c r="H52178" s="1" t="s">
        <v>176035</v>
      </c>
      <c r="I52178" s="1" t="s">
        <v>172490</v>
      </c>
      <c r="J52178" s="1" t="s">
        <v>176045</v>
      </c>
    </row>
    <row r="52179" spans="1:10" x14ac:dyDescent="0.35">
      <c r="A52179" s="1" t="s">
        <v>104072</v>
      </c>
      <c r="B52179" s="1" t="s">
        <v>172484</v>
      </c>
      <c r="C52179" s="1" t="s">
        <v>30</v>
      </c>
      <c r="D52179" s="1" t="s">
        <v>15299</v>
      </c>
      <c r="E52179" s="1" t="s">
        <v>176046</v>
      </c>
      <c r="F52179" s="1" t="s">
        <v>176047</v>
      </c>
      <c r="G52179" s="1" t="s">
        <v>176034</v>
      </c>
      <c r="H52179" s="1" t="s">
        <v>176035</v>
      </c>
      <c r="I52179" s="1" t="s">
        <v>172490</v>
      </c>
      <c r="J52179" s="1" t="s">
        <v>176048</v>
      </c>
    </row>
    <row r="52180" spans="1:10" x14ac:dyDescent="0.35">
      <c r="A52180" s="1" t="s">
        <v>104072</v>
      </c>
      <c r="B52180" s="1" t="s">
        <v>172484</v>
      </c>
      <c r="C52180" s="1" t="s">
        <v>35</v>
      </c>
      <c r="D52180" s="1" t="s">
        <v>110482</v>
      </c>
      <c r="E52180" s="1" t="s">
        <v>176049</v>
      </c>
      <c r="F52180" s="1" t="s">
        <v>176050</v>
      </c>
      <c r="G52180" s="1" t="s">
        <v>176034</v>
      </c>
      <c r="H52180" s="1" t="s">
        <v>176035</v>
      </c>
      <c r="I52180" s="1" t="s">
        <v>172490</v>
      </c>
      <c r="J52180" s="1" t="s">
        <v>176051</v>
      </c>
    </row>
    <row r="52181" spans="1:10" x14ac:dyDescent="0.35">
      <c r="A52181" s="1" t="s">
        <v>104072</v>
      </c>
      <c r="B52181" s="1" t="s">
        <v>172484</v>
      </c>
      <c r="C52181" s="1" t="s">
        <v>40</v>
      </c>
      <c r="D52181" s="1" t="s">
        <v>36430</v>
      </c>
      <c r="E52181" s="1" t="s">
        <v>176052</v>
      </c>
      <c r="F52181" s="1" t="s">
        <v>176053</v>
      </c>
      <c r="G52181" s="1" t="s">
        <v>176034</v>
      </c>
      <c r="H52181" s="1" t="s">
        <v>176035</v>
      </c>
      <c r="I52181" s="1" t="s">
        <v>172490</v>
      </c>
      <c r="J52181" s="1" t="s">
        <v>176054</v>
      </c>
    </row>
    <row r="52182" spans="1:10" x14ac:dyDescent="0.35">
      <c r="A52182" s="1" t="s">
        <v>104072</v>
      </c>
      <c r="B52182" s="1" t="s">
        <v>172484</v>
      </c>
      <c r="C52182" s="1" t="s">
        <v>45</v>
      </c>
      <c r="D52182" s="1" t="s">
        <v>30273</v>
      </c>
      <c r="E52182" s="1" t="s">
        <v>176055</v>
      </c>
      <c r="F52182" s="1" t="s">
        <v>176056</v>
      </c>
      <c r="G52182" s="1" t="s">
        <v>176034</v>
      </c>
      <c r="H52182" s="1" t="s">
        <v>176035</v>
      </c>
      <c r="I52182" s="1" t="s">
        <v>172490</v>
      </c>
      <c r="J52182" s="1" t="s">
        <v>176057</v>
      </c>
    </row>
    <row r="52183" spans="1:10" x14ac:dyDescent="0.35">
      <c r="A52183" s="1" t="s">
        <v>104072</v>
      </c>
      <c r="B52183" s="1" t="s">
        <v>172484</v>
      </c>
      <c r="C52183" s="1" t="s">
        <v>50</v>
      </c>
      <c r="D52183" s="1" t="s">
        <v>82934</v>
      </c>
      <c r="E52183" s="1" t="s">
        <v>176058</v>
      </c>
      <c r="F52183" s="1" t="s">
        <v>176059</v>
      </c>
      <c r="G52183" s="1" t="s">
        <v>176034</v>
      </c>
      <c r="H52183" s="1" t="s">
        <v>176035</v>
      </c>
      <c r="I52183" s="1" t="s">
        <v>172490</v>
      </c>
      <c r="J52183" s="1" t="s">
        <v>176060</v>
      </c>
    </row>
    <row r="52184" spans="1:10" x14ac:dyDescent="0.35">
      <c r="A52184" s="1" t="s">
        <v>104072</v>
      </c>
      <c r="B52184" s="1" t="s">
        <v>172484</v>
      </c>
      <c r="C52184" s="1" t="s">
        <v>55</v>
      </c>
      <c r="D52184" s="1" t="s">
        <v>176061</v>
      </c>
      <c r="E52184" s="1" t="s">
        <v>176062</v>
      </c>
      <c r="F52184" s="1" t="s">
        <v>176063</v>
      </c>
      <c r="G52184" s="1" t="s">
        <v>176034</v>
      </c>
      <c r="H52184" s="1" t="s">
        <v>176035</v>
      </c>
      <c r="I52184" s="1" t="s">
        <v>172490</v>
      </c>
      <c r="J52184" s="1" t="s">
        <v>176064</v>
      </c>
    </row>
    <row r="52185" spans="1:10" x14ac:dyDescent="0.35">
      <c r="A52185" s="1" t="s">
        <v>104072</v>
      </c>
      <c r="B52185" s="1" t="s">
        <v>172484</v>
      </c>
      <c r="C52185" s="1" t="s">
        <v>60</v>
      </c>
      <c r="D52185" s="1" t="s">
        <v>176065</v>
      </c>
      <c r="E52185" s="1" t="s">
        <v>176066</v>
      </c>
      <c r="F52185" s="1" t="s">
        <v>176067</v>
      </c>
      <c r="G52185" s="1" t="s">
        <v>176034</v>
      </c>
      <c r="H52185" s="1" t="s">
        <v>176035</v>
      </c>
      <c r="I52185" s="1" t="s">
        <v>172490</v>
      </c>
      <c r="J52185" s="1" t="s">
        <v>176068</v>
      </c>
    </row>
    <row r="52186" spans="1:10" x14ac:dyDescent="0.35">
      <c r="A52186" s="1" t="s">
        <v>104072</v>
      </c>
      <c r="B52186" s="1" t="s">
        <v>172484</v>
      </c>
      <c r="C52186" s="1" t="s">
        <v>65</v>
      </c>
      <c r="D52186" s="1" t="s">
        <v>13726</v>
      </c>
      <c r="E52186" s="1" t="s">
        <v>176069</v>
      </c>
      <c r="F52186" s="1" t="s">
        <v>176070</v>
      </c>
      <c r="G52186" s="1" t="s">
        <v>176034</v>
      </c>
      <c r="H52186" s="1" t="s">
        <v>176035</v>
      </c>
      <c r="I52186" s="1" t="s">
        <v>172490</v>
      </c>
      <c r="J52186" s="1" t="s">
        <v>176071</v>
      </c>
    </row>
    <row r="52187" spans="1:10" x14ac:dyDescent="0.35">
      <c r="A52187" s="1" t="s">
        <v>104072</v>
      </c>
      <c r="B52187" s="1" t="s">
        <v>172484</v>
      </c>
      <c r="C52187" s="1" t="s">
        <v>70</v>
      </c>
      <c r="D52187" s="1" t="s">
        <v>176072</v>
      </c>
      <c r="E52187" s="1" t="s">
        <v>176073</v>
      </c>
      <c r="F52187" s="1" t="s">
        <v>176074</v>
      </c>
      <c r="G52187" s="1" t="s">
        <v>176034</v>
      </c>
      <c r="H52187" s="1" t="s">
        <v>176035</v>
      </c>
      <c r="I52187" s="1" t="s">
        <v>172490</v>
      </c>
      <c r="J52187" s="1" t="s">
        <v>176075</v>
      </c>
    </row>
    <row r="52188" spans="1:10" x14ac:dyDescent="0.35">
      <c r="A52188" s="1" t="s">
        <v>104072</v>
      </c>
      <c r="B52188" s="1" t="s">
        <v>172484</v>
      </c>
      <c r="C52188" s="1" t="s">
        <v>75</v>
      </c>
      <c r="D52188" s="1" t="s">
        <v>176076</v>
      </c>
      <c r="E52188" s="1" t="s">
        <v>176077</v>
      </c>
      <c r="F52188" s="1" t="s">
        <v>176078</v>
      </c>
      <c r="G52188" s="1" t="s">
        <v>176034</v>
      </c>
      <c r="H52188" s="1" t="s">
        <v>176035</v>
      </c>
      <c r="I52188" s="1" t="s">
        <v>172490</v>
      </c>
      <c r="J52188" s="1" t="s">
        <v>176079</v>
      </c>
    </row>
    <row r="52189" spans="1:10" x14ac:dyDescent="0.35">
      <c r="A52189" s="1" t="s">
        <v>104072</v>
      </c>
      <c r="B52189" s="1" t="s">
        <v>172484</v>
      </c>
      <c r="C52189" s="1" t="s">
        <v>80</v>
      </c>
      <c r="D52189" s="1" t="s">
        <v>176080</v>
      </c>
      <c r="E52189" s="1" t="s">
        <v>176081</v>
      </c>
      <c r="F52189" s="1" t="s">
        <v>176082</v>
      </c>
      <c r="G52189" s="1" t="s">
        <v>176034</v>
      </c>
      <c r="H52189" s="1" t="s">
        <v>176035</v>
      </c>
      <c r="I52189" s="1" t="s">
        <v>172490</v>
      </c>
      <c r="J52189" s="1" t="s">
        <v>176083</v>
      </c>
    </row>
    <row r="52190" spans="1:10" x14ac:dyDescent="0.35">
      <c r="A52190" s="1" t="s">
        <v>104072</v>
      </c>
      <c r="B52190" s="1" t="s">
        <v>172484</v>
      </c>
      <c r="C52190" s="1" t="s">
        <v>85</v>
      </c>
      <c r="D52190" s="1" t="s">
        <v>160351</v>
      </c>
      <c r="E52190" s="1" t="s">
        <v>176084</v>
      </c>
      <c r="F52190" s="1" t="s">
        <v>176085</v>
      </c>
      <c r="G52190" s="1" t="s">
        <v>176034</v>
      </c>
      <c r="H52190" s="1" t="s">
        <v>176035</v>
      </c>
      <c r="I52190" s="1" t="s">
        <v>172490</v>
      </c>
      <c r="J52190" s="1" t="s">
        <v>176086</v>
      </c>
    </row>
    <row r="52191" spans="1:10" x14ac:dyDescent="0.35">
      <c r="A52191" s="1" t="s">
        <v>104072</v>
      </c>
      <c r="B52191" s="1" t="s">
        <v>172484</v>
      </c>
      <c r="C52191" s="1" t="s">
        <v>90</v>
      </c>
      <c r="D52191" s="1" t="s">
        <v>176087</v>
      </c>
      <c r="E52191" s="1" t="s">
        <v>176088</v>
      </c>
      <c r="F52191" s="1" t="s">
        <v>176089</v>
      </c>
      <c r="G52191" s="1" t="s">
        <v>176034</v>
      </c>
      <c r="H52191" s="1" t="s">
        <v>176035</v>
      </c>
      <c r="I52191" s="1" t="s">
        <v>172490</v>
      </c>
      <c r="J52191" s="1" t="s">
        <v>176090</v>
      </c>
    </row>
    <row r="52192" spans="1:10" x14ac:dyDescent="0.35">
      <c r="A52192" s="1" t="s">
        <v>104072</v>
      </c>
      <c r="B52192" s="1" t="s">
        <v>172484</v>
      </c>
      <c r="C52192" s="1" t="s">
        <v>95</v>
      </c>
      <c r="D52192" s="1" t="s">
        <v>17523</v>
      </c>
      <c r="E52192" s="1" t="s">
        <v>176091</v>
      </c>
      <c r="F52192" s="1" t="s">
        <v>176092</v>
      </c>
      <c r="G52192" s="1" t="s">
        <v>176034</v>
      </c>
      <c r="H52192" s="1" t="s">
        <v>176035</v>
      </c>
      <c r="I52192" s="1" t="s">
        <v>172490</v>
      </c>
      <c r="J52192" s="1" t="s">
        <v>176093</v>
      </c>
    </row>
    <row r="52193" spans="1:10" x14ac:dyDescent="0.35">
      <c r="A52193" s="1" t="s">
        <v>104072</v>
      </c>
      <c r="B52193" s="1" t="s">
        <v>172484</v>
      </c>
      <c r="C52193" s="1" t="s">
        <v>100</v>
      </c>
      <c r="D52193" s="1" t="s">
        <v>176094</v>
      </c>
      <c r="E52193" s="1" t="s">
        <v>176095</v>
      </c>
      <c r="F52193" s="1" t="s">
        <v>176096</v>
      </c>
      <c r="G52193" s="1" t="s">
        <v>176034</v>
      </c>
      <c r="H52193" s="1" t="s">
        <v>176035</v>
      </c>
      <c r="I52193" s="1" t="s">
        <v>172490</v>
      </c>
      <c r="J52193" s="1" t="s">
        <v>176097</v>
      </c>
    </row>
    <row r="52194" spans="1:10" x14ac:dyDescent="0.35">
      <c r="A52194" s="1" t="s">
        <v>104072</v>
      </c>
      <c r="B52194" s="1" t="s">
        <v>172484</v>
      </c>
      <c r="C52194" s="1" t="s">
        <v>105</v>
      </c>
      <c r="D52194" s="1" t="s">
        <v>13707</v>
      </c>
      <c r="E52194" s="1" t="s">
        <v>176098</v>
      </c>
      <c r="F52194" s="1" t="s">
        <v>176099</v>
      </c>
      <c r="G52194" s="1" t="s">
        <v>176034</v>
      </c>
      <c r="H52194" s="1" t="s">
        <v>176035</v>
      </c>
      <c r="I52194" s="1" t="s">
        <v>172490</v>
      </c>
      <c r="J52194" s="1" t="s">
        <v>176100</v>
      </c>
    </row>
    <row r="52195" spans="1:10" x14ac:dyDescent="0.35">
      <c r="A52195" s="1" t="s">
        <v>104072</v>
      </c>
      <c r="B52195" s="1" t="s">
        <v>172484</v>
      </c>
      <c r="C52195" s="1" t="s">
        <v>110</v>
      </c>
      <c r="D52195" s="1" t="s">
        <v>176101</v>
      </c>
      <c r="E52195" s="1" t="s">
        <v>176102</v>
      </c>
      <c r="F52195" s="1" t="s">
        <v>176103</v>
      </c>
      <c r="G52195" s="1" t="s">
        <v>176034</v>
      </c>
      <c r="H52195" s="1" t="s">
        <v>176035</v>
      </c>
      <c r="I52195" s="1" t="s">
        <v>172490</v>
      </c>
      <c r="J52195" s="1" t="s">
        <v>176104</v>
      </c>
    </row>
    <row r="52196" spans="1:10" x14ac:dyDescent="0.35">
      <c r="A52196" s="1" t="s">
        <v>104072</v>
      </c>
      <c r="B52196" s="1" t="s">
        <v>172484</v>
      </c>
      <c r="C52196" s="1" t="s">
        <v>115</v>
      </c>
      <c r="D52196" s="1" t="s">
        <v>176105</v>
      </c>
      <c r="E52196" s="1" t="s">
        <v>176106</v>
      </c>
      <c r="F52196" s="1" t="s">
        <v>176107</v>
      </c>
      <c r="G52196" s="1" t="s">
        <v>176034</v>
      </c>
      <c r="H52196" s="1" t="s">
        <v>176035</v>
      </c>
      <c r="I52196" s="1" t="s">
        <v>172490</v>
      </c>
      <c r="J52196" s="1" t="s">
        <v>176108</v>
      </c>
    </row>
    <row r="52197" spans="1:10" x14ac:dyDescent="0.35">
      <c r="A52197" s="1" t="s">
        <v>104072</v>
      </c>
      <c r="B52197" s="1" t="s">
        <v>172484</v>
      </c>
      <c r="C52197" s="1" t="s">
        <v>120</v>
      </c>
      <c r="D52197" s="1" t="s">
        <v>53185</v>
      </c>
      <c r="E52197" s="1" t="s">
        <v>176109</v>
      </c>
      <c r="F52197" s="1" t="s">
        <v>176110</v>
      </c>
      <c r="G52197" s="1" t="s">
        <v>176034</v>
      </c>
      <c r="H52197" s="1" t="s">
        <v>176035</v>
      </c>
      <c r="I52197" s="1" t="s">
        <v>172490</v>
      </c>
      <c r="J52197" s="1" t="s">
        <v>176111</v>
      </c>
    </row>
    <row r="52198" spans="1:10" x14ac:dyDescent="0.35">
      <c r="A52198" s="1" t="s">
        <v>104072</v>
      </c>
      <c r="B52198" s="1" t="s">
        <v>172484</v>
      </c>
      <c r="C52198" s="1" t="s">
        <v>125</v>
      </c>
      <c r="D52198" s="1" t="s">
        <v>176112</v>
      </c>
      <c r="E52198" s="1" t="s">
        <v>176113</v>
      </c>
      <c r="F52198" s="1" t="s">
        <v>176114</v>
      </c>
      <c r="G52198" s="1" t="s">
        <v>176034</v>
      </c>
      <c r="H52198" s="1" t="s">
        <v>176035</v>
      </c>
      <c r="I52198" s="1" t="s">
        <v>172490</v>
      </c>
      <c r="J52198" s="1" t="s">
        <v>176115</v>
      </c>
    </row>
    <row r="52199" spans="1:10" x14ac:dyDescent="0.35">
      <c r="A52199" s="1" t="s">
        <v>104072</v>
      </c>
      <c r="B52199" s="1" t="s">
        <v>172484</v>
      </c>
      <c r="C52199" s="1" t="s">
        <v>130</v>
      </c>
      <c r="D52199" s="1" t="s">
        <v>176116</v>
      </c>
      <c r="E52199" s="1" t="s">
        <v>176117</v>
      </c>
      <c r="F52199" s="1" t="s">
        <v>176118</v>
      </c>
      <c r="G52199" s="1" t="s">
        <v>176034</v>
      </c>
      <c r="H52199" s="1" t="s">
        <v>176035</v>
      </c>
      <c r="I52199" s="1" t="s">
        <v>172490</v>
      </c>
      <c r="J52199" s="1" t="s">
        <v>176119</v>
      </c>
    </row>
    <row r="52200" spans="1:10" x14ac:dyDescent="0.35">
      <c r="A52200" s="1" t="s">
        <v>104072</v>
      </c>
      <c r="B52200" s="1" t="s">
        <v>172484</v>
      </c>
      <c r="C52200" s="1" t="s">
        <v>135</v>
      </c>
      <c r="D52200" s="1" t="s">
        <v>176120</v>
      </c>
      <c r="E52200" s="1" t="s">
        <v>176121</v>
      </c>
      <c r="F52200" s="1" t="s">
        <v>176122</v>
      </c>
      <c r="G52200" s="1" t="s">
        <v>176034</v>
      </c>
      <c r="H52200" s="1" t="s">
        <v>176035</v>
      </c>
      <c r="I52200" s="1" t="s">
        <v>172490</v>
      </c>
      <c r="J52200" s="1" t="s">
        <v>176123</v>
      </c>
    </row>
    <row r="52201" spans="1:10" x14ac:dyDescent="0.35">
      <c r="A52201" s="1" t="s">
        <v>104072</v>
      </c>
      <c r="B52201" s="1" t="s">
        <v>172484</v>
      </c>
      <c r="C52201" s="1" t="s">
        <v>140</v>
      </c>
      <c r="D52201" s="1" t="s">
        <v>176124</v>
      </c>
      <c r="E52201" s="1" t="s">
        <v>176125</v>
      </c>
      <c r="F52201" s="1" t="s">
        <v>176126</v>
      </c>
      <c r="G52201" s="1" t="s">
        <v>176034</v>
      </c>
      <c r="H52201" s="1" t="s">
        <v>176035</v>
      </c>
      <c r="I52201" s="1" t="s">
        <v>172490</v>
      </c>
      <c r="J52201" s="1" t="s">
        <v>176127</v>
      </c>
    </row>
    <row r="52202" spans="1:10" x14ac:dyDescent="0.35">
      <c r="A52202" s="1" t="s">
        <v>104072</v>
      </c>
      <c r="B52202" s="1" t="s">
        <v>172484</v>
      </c>
      <c r="C52202" s="1" t="s">
        <v>145</v>
      </c>
      <c r="D52202" s="1" t="s">
        <v>176128</v>
      </c>
      <c r="E52202" s="1" t="s">
        <v>176129</v>
      </c>
      <c r="F52202" s="1" t="s">
        <v>176130</v>
      </c>
      <c r="G52202" s="1" t="s">
        <v>176034</v>
      </c>
      <c r="H52202" s="1" t="s">
        <v>176035</v>
      </c>
      <c r="I52202" s="1" t="s">
        <v>172490</v>
      </c>
      <c r="J52202" s="1" t="s">
        <v>176131</v>
      </c>
    </row>
    <row r="52203" spans="1:10" x14ac:dyDescent="0.35">
      <c r="A52203" s="1" t="s">
        <v>104072</v>
      </c>
      <c r="B52203" s="1" t="s">
        <v>172484</v>
      </c>
      <c r="C52203" s="1" t="s">
        <v>150</v>
      </c>
      <c r="D52203" s="1" t="s">
        <v>176132</v>
      </c>
      <c r="E52203" s="1" t="s">
        <v>176133</v>
      </c>
      <c r="F52203" s="1" t="s">
        <v>176134</v>
      </c>
      <c r="G52203" s="1" t="s">
        <v>176034</v>
      </c>
      <c r="H52203" s="1" t="s">
        <v>176035</v>
      </c>
      <c r="I52203" s="1" t="s">
        <v>172490</v>
      </c>
      <c r="J52203" s="1" t="s">
        <v>176135</v>
      </c>
    </row>
    <row r="52204" spans="1:10" x14ac:dyDescent="0.35">
      <c r="A52204" s="1" t="s">
        <v>104072</v>
      </c>
      <c r="B52204" s="1" t="s">
        <v>172484</v>
      </c>
      <c r="C52204" s="1" t="s">
        <v>155</v>
      </c>
      <c r="D52204" s="1" t="s">
        <v>113948</v>
      </c>
      <c r="E52204" s="1" t="s">
        <v>176136</v>
      </c>
      <c r="F52204" s="1" t="s">
        <v>176137</v>
      </c>
      <c r="G52204" s="1" t="s">
        <v>176034</v>
      </c>
      <c r="H52204" s="1" t="s">
        <v>176035</v>
      </c>
      <c r="I52204" s="1" t="s">
        <v>172490</v>
      </c>
      <c r="J52204" s="1" t="s">
        <v>176138</v>
      </c>
    </row>
    <row r="52205" spans="1:10" x14ac:dyDescent="0.35">
      <c r="A52205" s="1" t="s">
        <v>104072</v>
      </c>
      <c r="B52205" s="1" t="s">
        <v>172484</v>
      </c>
      <c r="C52205" s="1" t="s">
        <v>160</v>
      </c>
      <c r="D52205" s="1" t="s">
        <v>102286</v>
      </c>
      <c r="E52205" s="1" t="s">
        <v>176139</v>
      </c>
      <c r="F52205" s="1" t="s">
        <v>176140</v>
      </c>
      <c r="G52205" s="1" t="s">
        <v>176034</v>
      </c>
      <c r="H52205" s="1" t="s">
        <v>176035</v>
      </c>
      <c r="I52205" s="1" t="s">
        <v>172490</v>
      </c>
      <c r="J52205" s="1" t="s">
        <v>176141</v>
      </c>
    </row>
    <row r="52206" spans="1:10" x14ac:dyDescent="0.35">
      <c r="A52206" s="1" t="s">
        <v>104072</v>
      </c>
      <c r="B52206" s="1" t="s">
        <v>172484</v>
      </c>
      <c r="C52206" s="1" t="s">
        <v>165</v>
      </c>
      <c r="D52206" s="1" t="s">
        <v>176142</v>
      </c>
      <c r="E52206" s="1" t="s">
        <v>176143</v>
      </c>
      <c r="F52206" s="1" t="s">
        <v>176144</v>
      </c>
      <c r="G52206" s="1" t="s">
        <v>176034</v>
      </c>
      <c r="H52206" s="1" t="s">
        <v>176035</v>
      </c>
      <c r="I52206" s="1" t="s">
        <v>172490</v>
      </c>
      <c r="J52206" s="1" t="s">
        <v>176145</v>
      </c>
    </row>
    <row r="52207" spans="1:10" x14ac:dyDescent="0.35">
      <c r="A52207" s="1" t="s">
        <v>104072</v>
      </c>
      <c r="B52207" s="1" t="s">
        <v>172484</v>
      </c>
      <c r="C52207" s="1" t="s">
        <v>170</v>
      </c>
      <c r="D52207" s="1" t="s">
        <v>55181</v>
      </c>
      <c r="E52207" s="1" t="s">
        <v>176146</v>
      </c>
      <c r="F52207" s="1" t="s">
        <v>176147</v>
      </c>
      <c r="G52207" s="1" t="s">
        <v>176034</v>
      </c>
      <c r="H52207" s="1" t="s">
        <v>176035</v>
      </c>
      <c r="I52207" s="1" t="s">
        <v>172490</v>
      </c>
      <c r="J52207" s="1" t="s">
        <v>176148</v>
      </c>
    </row>
    <row r="52208" spans="1:10" x14ac:dyDescent="0.35">
      <c r="A52208" s="1" t="s">
        <v>28886</v>
      </c>
      <c r="B52208" s="1" t="s">
        <v>172484</v>
      </c>
      <c r="C52208" s="1" t="s">
        <v>8</v>
      </c>
      <c r="D52208" s="1" t="s">
        <v>148536</v>
      </c>
      <c r="E52208" s="1" t="s">
        <v>176149</v>
      </c>
      <c r="F52208" s="1" t="s">
        <v>176150</v>
      </c>
      <c r="G52208" s="1" t="s">
        <v>176151</v>
      </c>
      <c r="H52208" s="1" t="s">
        <v>176152</v>
      </c>
      <c r="I52208" s="1" t="s">
        <v>172490</v>
      </c>
      <c r="J52208" s="1" t="s">
        <v>13</v>
      </c>
    </row>
    <row r="52209" spans="1:10" x14ac:dyDescent="0.35">
      <c r="A52209" s="1" t="s">
        <v>28886</v>
      </c>
      <c r="B52209" s="1" t="s">
        <v>172484</v>
      </c>
      <c r="C52209" s="1" t="s">
        <v>15</v>
      </c>
      <c r="D52209" s="1" t="s">
        <v>176153</v>
      </c>
      <c r="E52209" s="1" t="s">
        <v>176154</v>
      </c>
      <c r="F52209" s="1" t="s">
        <v>176155</v>
      </c>
      <c r="G52209" s="1" t="s">
        <v>176151</v>
      </c>
      <c r="H52209" s="1" t="s">
        <v>176152</v>
      </c>
      <c r="I52209" s="1" t="s">
        <v>172490</v>
      </c>
      <c r="J52209" s="1" t="s">
        <v>176156</v>
      </c>
    </row>
    <row r="52210" spans="1:10" x14ac:dyDescent="0.35">
      <c r="A52210" s="1" t="s">
        <v>28886</v>
      </c>
      <c r="B52210" s="1" t="s">
        <v>172484</v>
      </c>
      <c r="C52210" s="1" t="s">
        <v>20</v>
      </c>
      <c r="D52210" s="1" t="s">
        <v>49923</v>
      </c>
      <c r="E52210" s="1" t="s">
        <v>176157</v>
      </c>
      <c r="F52210" s="1" t="s">
        <v>176158</v>
      </c>
      <c r="G52210" s="1" t="s">
        <v>176151</v>
      </c>
      <c r="H52210" s="1" t="s">
        <v>176152</v>
      </c>
      <c r="I52210" s="1" t="s">
        <v>172490</v>
      </c>
      <c r="J52210" s="1" t="s">
        <v>176159</v>
      </c>
    </row>
    <row r="52211" spans="1:10" x14ac:dyDescent="0.35">
      <c r="A52211" s="1" t="s">
        <v>28886</v>
      </c>
      <c r="B52211" s="1" t="s">
        <v>172484</v>
      </c>
      <c r="C52211" s="1" t="s">
        <v>25</v>
      </c>
      <c r="D52211" s="1" t="s">
        <v>170619</v>
      </c>
      <c r="E52211" s="1" t="s">
        <v>176160</v>
      </c>
      <c r="F52211" s="1" t="s">
        <v>176161</v>
      </c>
      <c r="G52211" s="1" t="s">
        <v>176151</v>
      </c>
      <c r="H52211" s="1" t="s">
        <v>176152</v>
      </c>
      <c r="I52211" s="1" t="s">
        <v>172490</v>
      </c>
      <c r="J52211" s="1" t="s">
        <v>176162</v>
      </c>
    </row>
    <row r="52212" spans="1:10" x14ac:dyDescent="0.35">
      <c r="A52212" s="1" t="s">
        <v>28886</v>
      </c>
      <c r="B52212" s="1" t="s">
        <v>172484</v>
      </c>
      <c r="C52212" s="1" t="s">
        <v>30</v>
      </c>
      <c r="D52212" s="1" t="s">
        <v>18439</v>
      </c>
      <c r="E52212" s="1" t="s">
        <v>176163</v>
      </c>
      <c r="F52212" s="1" t="s">
        <v>176164</v>
      </c>
      <c r="G52212" s="1" t="s">
        <v>176151</v>
      </c>
      <c r="H52212" s="1" t="s">
        <v>176152</v>
      </c>
      <c r="I52212" s="1" t="s">
        <v>172490</v>
      </c>
      <c r="J52212" s="1" t="s">
        <v>176165</v>
      </c>
    </row>
    <row r="52213" spans="1:10" x14ac:dyDescent="0.35">
      <c r="A52213" s="1" t="s">
        <v>28886</v>
      </c>
      <c r="B52213" s="1" t="s">
        <v>172484</v>
      </c>
      <c r="C52213" s="1" t="s">
        <v>35</v>
      </c>
      <c r="D52213" s="1" t="s">
        <v>18553</v>
      </c>
      <c r="E52213" s="1" t="s">
        <v>176166</v>
      </c>
      <c r="F52213" s="1" t="s">
        <v>176167</v>
      </c>
      <c r="G52213" s="1" t="s">
        <v>176151</v>
      </c>
      <c r="H52213" s="1" t="s">
        <v>176152</v>
      </c>
      <c r="I52213" s="1" t="s">
        <v>172490</v>
      </c>
      <c r="J52213" s="1" t="s">
        <v>176168</v>
      </c>
    </row>
    <row r="52214" spans="1:10" x14ac:dyDescent="0.35">
      <c r="A52214" s="1" t="s">
        <v>28886</v>
      </c>
      <c r="B52214" s="1" t="s">
        <v>172484</v>
      </c>
      <c r="C52214" s="1" t="s">
        <v>40</v>
      </c>
      <c r="D52214" s="1" t="s">
        <v>121815</v>
      </c>
      <c r="E52214" s="1" t="s">
        <v>176169</v>
      </c>
      <c r="F52214" s="1" t="s">
        <v>176170</v>
      </c>
      <c r="G52214" s="1" t="s">
        <v>176151</v>
      </c>
      <c r="H52214" s="1" t="s">
        <v>176152</v>
      </c>
      <c r="I52214" s="1" t="s">
        <v>172490</v>
      </c>
      <c r="J52214" s="1" t="s">
        <v>176171</v>
      </c>
    </row>
    <row r="52215" spans="1:10" x14ac:dyDescent="0.35">
      <c r="A52215" s="1" t="s">
        <v>28886</v>
      </c>
      <c r="B52215" s="1" t="s">
        <v>172484</v>
      </c>
      <c r="C52215" s="1" t="s">
        <v>45</v>
      </c>
      <c r="D52215" s="1" t="s">
        <v>46172</v>
      </c>
      <c r="E52215" s="1" t="s">
        <v>176172</v>
      </c>
      <c r="F52215" s="1" t="s">
        <v>176173</v>
      </c>
      <c r="G52215" s="1" t="s">
        <v>176151</v>
      </c>
      <c r="H52215" s="1" t="s">
        <v>176152</v>
      </c>
      <c r="I52215" s="1" t="s">
        <v>172490</v>
      </c>
      <c r="J52215" s="1" t="s">
        <v>176174</v>
      </c>
    </row>
    <row r="52216" spans="1:10" x14ac:dyDescent="0.35">
      <c r="A52216" s="1" t="s">
        <v>28886</v>
      </c>
      <c r="B52216" s="1" t="s">
        <v>172484</v>
      </c>
      <c r="C52216" s="1" t="s">
        <v>50</v>
      </c>
      <c r="D52216" s="1" t="s">
        <v>176175</v>
      </c>
      <c r="E52216" s="1" t="s">
        <v>176176</v>
      </c>
      <c r="F52216" s="1" t="s">
        <v>176177</v>
      </c>
      <c r="G52216" s="1" t="s">
        <v>176151</v>
      </c>
      <c r="H52216" s="1" t="s">
        <v>176152</v>
      </c>
      <c r="I52216" s="1" t="s">
        <v>172490</v>
      </c>
      <c r="J52216" s="1" t="s">
        <v>176178</v>
      </c>
    </row>
    <row r="52217" spans="1:10" x14ac:dyDescent="0.35">
      <c r="A52217" s="1" t="s">
        <v>28886</v>
      </c>
      <c r="B52217" s="1" t="s">
        <v>172484</v>
      </c>
      <c r="C52217" s="1" t="s">
        <v>55</v>
      </c>
      <c r="D52217" s="1" t="s">
        <v>176179</v>
      </c>
      <c r="E52217" s="1" t="s">
        <v>176180</v>
      </c>
      <c r="F52217" s="1" t="s">
        <v>176181</v>
      </c>
      <c r="G52217" s="1" t="s">
        <v>176151</v>
      </c>
      <c r="H52217" s="1" t="s">
        <v>176152</v>
      </c>
      <c r="I52217" s="1" t="s">
        <v>172490</v>
      </c>
      <c r="J52217" s="1" t="s">
        <v>176182</v>
      </c>
    </row>
    <row r="52218" spans="1:10" x14ac:dyDescent="0.35">
      <c r="A52218" s="1" t="s">
        <v>28886</v>
      </c>
      <c r="B52218" s="1" t="s">
        <v>172484</v>
      </c>
      <c r="C52218" s="1" t="s">
        <v>60</v>
      </c>
      <c r="D52218" s="1" t="s">
        <v>176183</v>
      </c>
      <c r="E52218" s="1" t="s">
        <v>176184</v>
      </c>
      <c r="F52218" s="1" t="s">
        <v>176185</v>
      </c>
      <c r="G52218" s="1" t="s">
        <v>176151</v>
      </c>
      <c r="H52218" s="1" t="s">
        <v>176152</v>
      </c>
      <c r="I52218" s="1" t="s">
        <v>172490</v>
      </c>
      <c r="J52218" s="1" t="s">
        <v>176186</v>
      </c>
    </row>
    <row r="52219" spans="1:10" x14ac:dyDescent="0.35">
      <c r="A52219" s="1" t="s">
        <v>28886</v>
      </c>
      <c r="B52219" s="1" t="s">
        <v>172484</v>
      </c>
      <c r="C52219" s="1" t="s">
        <v>65</v>
      </c>
      <c r="D52219" s="1" t="s">
        <v>176187</v>
      </c>
      <c r="E52219" s="1" t="s">
        <v>176188</v>
      </c>
      <c r="F52219" s="1" t="s">
        <v>176189</v>
      </c>
      <c r="G52219" s="1" t="s">
        <v>176151</v>
      </c>
      <c r="H52219" s="1" t="s">
        <v>176152</v>
      </c>
      <c r="I52219" s="1" t="s">
        <v>172490</v>
      </c>
      <c r="J52219" s="1" t="s">
        <v>176190</v>
      </c>
    </row>
    <row r="52220" spans="1:10" x14ac:dyDescent="0.35">
      <c r="A52220" s="1" t="s">
        <v>28886</v>
      </c>
      <c r="B52220" s="1" t="s">
        <v>172484</v>
      </c>
      <c r="C52220" s="1" t="s">
        <v>70</v>
      </c>
      <c r="D52220" s="1" t="s">
        <v>121027</v>
      </c>
      <c r="E52220" s="1" t="s">
        <v>176191</v>
      </c>
      <c r="F52220" s="1" t="s">
        <v>176192</v>
      </c>
      <c r="G52220" s="1" t="s">
        <v>176151</v>
      </c>
      <c r="H52220" s="1" t="s">
        <v>176152</v>
      </c>
      <c r="I52220" s="1" t="s">
        <v>172490</v>
      </c>
      <c r="J52220" s="1" t="s">
        <v>176193</v>
      </c>
    </row>
    <row r="52221" spans="1:10" x14ac:dyDescent="0.35">
      <c r="A52221" s="1" t="s">
        <v>28886</v>
      </c>
      <c r="B52221" s="1" t="s">
        <v>172484</v>
      </c>
      <c r="C52221" s="1" t="s">
        <v>75</v>
      </c>
      <c r="D52221" s="1" t="s">
        <v>176194</v>
      </c>
      <c r="E52221" s="1" t="s">
        <v>176195</v>
      </c>
      <c r="F52221" s="1" t="s">
        <v>176196</v>
      </c>
      <c r="G52221" s="1" t="s">
        <v>176151</v>
      </c>
      <c r="H52221" s="1" t="s">
        <v>176152</v>
      </c>
      <c r="I52221" s="1" t="s">
        <v>172490</v>
      </c>
      <c r="J52221" s="1" t="s">
        <v>176197</v>
      </c>
    </row>
    <row r="52222" spans="1:10" x14ac:dyDescent="0.35">
      <c r="A52222" s="1" t="s">
        <v>28886</v>
      </c>
      <c r="B52222" s="1" t="s">
        <v>172484</v>
      </c>
      <c r="C52222" s="1" t="s">
        <v>80</v>
      </c>
      <c r="D52222" s="1" t="s">
        <v>160564</v>
      </c>
      <c r="E52222" s="1" t="s">
        <v>176198</v>
      </c>
      <c r="F52222" s="1" t="s">
        <v>176199</v>
      </c>
      <c r="G52222" s="1" t="s">
        <v>176151</v>
      </c>
      <c r="H52222" s="1" t="s">
        <v>176152</v>
      </c>
      <c r="I52222" s="1" t="s">
        <v>172490</v>
      </c>
      <c r="J52222" s="1" t="s">
        <v>176200</v>
      </c>
    </row>
    <row r="52223" spans="1:10" x14ac:dyDescent="0.35">
      <c r="A52223" s="1" t="s">
        <v>28886</v>
      </c>
      <c r="B52223" s="1" t="s">
        <v>172484</v>
      </c>
      <c r="C52223" s="1" t="s">
        <v>85</v>
      </c>
      <c r="D52223" s="1" t="s">
        <v>11723</v>
      </c>
      <c r="E52223" s="1" t="s">
        <v>176201</v>
      </c>
      <c r="F52223" s="1" t="s">
        <v>176202</v>
      </c>
      <c r="G52223" s="1" t="s">
        <v>176151</v>
      </c>
      <c r="H52223" s="1" t="s">
        <v>176152</v>
      </c>
      <c r="I52223" s="1" t="s">
        <v>172490</v>
      </c>
      <c r="J52223" s="1" t="s">
        <v>176203</v>
      </c>
    </row>
    <row r="52224" spans="1:10" x14ac:dyDescent="0.35">
      <c r="A52224" s="1" t="s">
        <v>28886</v>
      </c>
      <c r="B52224" s="1" t="s">
        <v>172484</v>
      </c>
      <c r="C52224" s="1" t="s">
        <v>90</v>
      </c>
      <c r="D52224" s="1" t="s">
        <v>176204</v>
      </c>
      <c r="E52224" s="1" t="s">
        <v>176205</v>
      </c>
      <c r="F52224" s="1" t="s">
        <v>176206</v>
      </c>
      <c r="G52224" s="1" t="s">
        <v>176151</v>
      </c>
      <c r="H52224" s="1" t="s">
        <v>176152</v>
      </c>
      <c r="I52224" s="1" t="s">
        <v>172490</v>
      </c>
      <c r="J52224" s="1" t="s">
        <v>176207</v>
      </c>
    </row>
    <row r="52225" spans="1:10" x14ac:dyDescent="0.35">
      <c r="A52225" s="1" t="s">
        <v>28886</v>
      </c>
      <c r="B52225" s="1" t="s">
        <v>172484</v>
      </c>
      <c r="C52225" s="1" t="s">
        <v>95</v>
      </c>
      <c r="D52225" s="1" t="s">
        <v>19121</v>
      </c>
      <c r="E52225" s="1" t="s">
        <v>176208</v>
      </c>
      <c r="F52225" s="1" t="s">
        <v>176209</v>
      </c>
      <c r="G52225" s="1" t="s">
        <v>176151</v>
      </c>
      <c r="H52225" s="1" t="s">
        <v>176152</v>
      </c>
      <c r="I52225" s="1" t="s">
        <v>172490</v>
      </c>
      <c r="J52225" s="1" t="s">
        <v>176210</v>
      </c>
    </row>
    <row r="52226" spans="1:10" x14ac:dyDescent="0.35">
      <c r="A52226" s="1" t="s">
        <v>28886</v>
      </c>
      <c r="B52226" s="1" t="s">
        <v>172484</v>
      </c>
      <c r="C52226" s="1" t="s">
        <v>100</v>
      </c>
      <c r="D52226" s="1" t="s">
        <v>108606</v>
      </c>
      <c r="E52226" s="1" t="s">
        <v>176211</v>
      </c>
      <c r="F52226" s="1" t="s">
        <v>176212</v>
      </c>
      <c r="G52226" s="1" t="s">
        <v>176151</v>
      </c>
      <c r="H52226" s="1" t="s">
        <v>176152</v>
      </c>
      <c r="I52226" s="1" t="s">
        <v>172490</v>
      </c>
      <c r="J52226" s="1" t="s">
        <v>176213</v>
      </c>
    </row>
    <row r="52227" spans="1:10" x14ac:dyDescent="0.35">
      <c r="A52227" s="1" t="s">
        <v>28886</v>
      </c>
      <c r="B52227" s="1" t="s">
        <v>172484</v>
      </c>
      <c r="C52227" s="1" t="s">
        <v>105</v>
      </c>
      <c r="D52227" s="1" t="s">
        <v>176214</v>
      </c>
      <c r="E52227" s="1" t="s">
        <v>176215</v>
      </c>
      <c r="F52227" s="1" t="s">
        <v>176216</v>
      </c>
      <c r="G52227" s="1" t="s">
        <v>176151</v>
      </c>
      <c r="H52227" s="1" t="s">
        <v>176152</v>
      </c>
      <c r="I52227" s="1" t="s">
        <v>172490</v>
      </c>
      <c r="J52227" s="1" t="s">
        <v>176217</v>
      </c>
    </row>
    <row r="52228" spans="1:10" x14ac:dyDescent="0.35">
      <c r="A52228" s="1" t="s">
        <v>28886</v>
      </c>
      <c r="B52228" s="1" t="s">
        <v>172484</v>
      </c>
      <c r="C52228" s="1" t="s">
        <v>110</v>
      </c>
      <c r="D52228" s="1" t="s">
        <v>176218</v>
      </c>
      <c r="E52228" s="1" t="s">
        <v>176219</v>
      </c>
      <c r="F52228" s="1" t="s">
        <v>176220</v>
      </c>
      <c r="G52228" s="1" t="s">
        <v>176151</v>
      </c>
      <c r="H52228" s="1" t="s">
        <v>176152</v>
      </c>
      <c r="I52228" s="1" t="s">
        <v>172490</v>
      </c>
      <c r="J52228" s="1" t="s">
        <v>176221</v>
      </c>
    </row>
    <row r="52229" spans="1:10" x14ac:dyDescent="0.35">
      <c r="A52229" s="1" t="s">
        <v>28886</v>
      </c>
      <c r="B52229" s="1" t="s">
        <v>172484</v>
      </c>
      <c r="C52229" s="1" t="s">
        <v>115</v>
      </c>
      <c r="D52229" s="1" t="s">
        <v>176222</v>
      </c>
      <c r="E52229" s="1" t="s">
        <v>176223</v>
      </c>
      <c r="F52229" s="1" t="s">
        <v>176224</v>
      </c>
      <c r="G52229" s="1" t="s">
        <v>176151</v>
      </c>
      <c r="H52229" s="1" t="s">
        <v>176152</v>
      </c>
      <c r="I52229" s="1" t="s">
        <v>172490</v>
      </c>
      <c r="J52229" s="1" t="s">
        <v>176225</v>
      </c>
    </row>
    <row r="52230" spans="1:10" x14ac:dyDescent="0.35">
      <c r="A52230" s="1" t="s">
        <v>28886</v>
      </c>
      <c r="B52230" s="1" t="s">
        <v>172484</v>
      </c>
      <c r="C52230" s="1" t="s">
        <v>120</v>
      </c>
      <c r="D52230" s="1" t="s">
        <v>176226</v>
      </c>
      <c r="E52230" s="1" t="s">
        <v>176227</v>
      </c>
      <c r="F52230" s="1" t="s">
        <v>176228</v>
      </c>
      <c r="G52230" s="1" t="s">
        <v>176151</v>
      </c>
      <c r="H52230" s="1" t="s">
        <v>176152</v>
      </c>
      <c r="I52230" s="1" t="s">
        <v>172490</v>
      </c>
      <c r="J52230" s="1" t="s">
        <v>176229</v>
      </c>
    </row>
    <row r="52231" spans="1:10" x14ac:dyDescent="0.35">
      <c r="A52231" s="1" t="s">
        <v>28886</v>
      </c>
      <c r="B52231" s="1" t="s">
        <v>172484</v>
      </c>
      <c r="C52231" s="1" t="s">
        <v>125</v>
      </c>
      <c r="D52231" s="1" t="s">
        <v>176230</v>
      </c>
      <c r="E52231" s="1" t="s">
        <v>176231</v>
      </c>
      <c r="F52231" s="1" t="s">
        <v>176232</v>
      </c>
      <c r="G52231" s="1" t="s">
        <v>176151</v>
      </c>
      <c r="H52231" s="1" t="s">
        <v>176152</v>
      </c>
      <c r="I52231" s="1" t="s">
        <v>172490</v>
      </c>
      <c r="J52231" s="1" t="s">
        <v>176233</v>
      </c>
    </row>
    <row r="52232" spans="1:10" x14ac:dyDescent="0.35">
      <c r="A52232" s="1" t="s">
        <v>28886</v>
      </c>
      <c r="B52232" s="1" t="s">
        <v>172484</v>
      </c>
      <c r="C52232" s="1" t="s">
        <v>130</v>
      </c>
      <c r="D52232" s="1" t="s">
        <v>176234</v>
      </c>
      <c r="E52232" s="1" t="s">
        <v>176235</v>
      </c>
      <c r="F52232" s="1" t="s">
        <v>176236</v>
      </c>
      <c r="G52232" s="1" t="s">
        <v>176151</v>
      </c>
      <c r="H52232" s="1" t="s">
        <v>176152</v>
      </c>
      <c r="I52232" s="1" t="s">
        <v>172490</v>
      </c>
      <c r="J52232" s="1" t="s">
        <v>176237</v>
      </c>
    </row>
    <row r="52233" spans="1:10" x14ac:dyDescent="0.35">
      <c r="A52233" s="1" t="s">
        <v>28886</v>
      </c>
      <c r="B52233" s="1" t="s">
        <v>172484</v>
      </c>
      <c r="C52233" s="1" t="s">
        <v>135</v>
      </c>
      <c r="D52233" s="1" t="s">
        <v>32296</v>
      </c>
      <c r="E52233" s="1" t="s">
        <v>176238</v>
      </c>
      <c r="F52233" s="1" t="s">
        <v>176239</v>
      </c>
      <c r="G52233" s="1" t="s">
        <v>176151</v>
      </c>
      <c r="H52233" s="1" t="s">
        <v>176152</v>
      </c>
      <c r="I52233" s="1" t="s">
        <v>172490</v>
      </c>
      <c r="J52233" s="1" t="s">
        <v>176240</v>
      </c>
    </row>
    <row r="52234" spans="1:10" x14ac:dyDescent="0.35">
      <c r="A52234" s="1" t="s">
        <v>28886</v>
      </c>
      <c r="B52234" s="1" t="s">
        <v>172484</v>
      </c>
      <c r="C52234" s="1" t="s">
        <v>140</v>
      </c>
      <c r="D52234" s="1" t="s">
        <v>176241</v>
      </c>
      <c r="E52234" s="1" t="s">
        <v>176242</v>
      </c>
      <c r="F52234" s="1" t="s">
        <v>176243</v>
      </c>
      <c r="G52234" s="1" t="s">
        <v>176151</v>
      </c>
      <c r="H52234" s="1" t="s">
        <v>176152</v>
      </c>
      <c r="I52234" s="1" t="s">
        <v>172490</v>
      </c>
      <c r="J52234" s="1" t="s">
        <v>176244</v>
      </c>
    </row>
    <row r="52235" spans="1:10" x14ac:dyDescent="0.35">
      <c r="A52235" s="1" t="s">
        <v>28886</v>
      </c>
      <c r="B52235" s="1" t="s">
        <v>172484</v>
      </c>
      <c r="C52235" s="1" t="s">
        <v>145</v>
      </c>
      <c r="D52235" s="1" t="s">
        <v>176245</v>
      </c>
      <c r="E52235" s="1" t="s">
        <v>176246</v>
      </c>
      <c r="F52235" s="1" t="s">
        <v>176247</v>
      </c>
      <c r="G52235" s="1" t="s">
        <v>176151</v>
      </c>
      <c r="H52235" s="1" t="s">
        <v>176152</v>
      </c>
      <c r="I52235" s="1" t="s">
        <v>172490</v>
      </c>
      <c r="J52235" s="1" t="s">
        <v>176248</v>
      </c>
    </row>
    <row r="52236" spans="1:10" x14ac:dyDescent="0.35">
      <c r="A52236" s="1" t="s">
        <v>28886</v>
      </c>
      <c r="B52236" s="1" t="s">
        <v>172484</v>
      </c>
      <c r="C52236" s="1" t="s">
        <v>150</v>
      </c>
      <c r="D52236" s="1" t="s">
        <v>176249</v>
      </c>
      <c r="E52236" s="1" t="s">
        <v>176250</v>
      </c>
      <c r="F52236" s="1" t="s">
        <v>176251</v>
      </c>
      <c r="G52236" s="1" t="s">
        <v>176151</v>
      </c>
      <c r="H52236" s="1" t="s">
        <v>176152</v>
      </c>
      <c r="I52236" s="1" t="s">
        <v>172490</v>
      </c>
      <c r="J52236" s="1" t="s">
        <v>176252</v>
      </c>
    </row>
    <row r="52237" spans="1:10" x14ac:dyDescent="0.35">
      <c r="A52237" s="1" t="s">
        <v>28886</v>
      </c>
      <c r="B52237" s="1" t="s">
        <v>172484</v>
      </c>
      <c r="C52237" s="1" t="s">
        <v>155</v>
      </c>
      <c r="D52237" s="1" t="s">
        <v>176253</v>
      </c>
      <c r="E52237" s="1" t="s">
        <v>176254</v>
      </c>
      <c r="F52237" s="1" t="s">
        <v>176255</v>
      </c>
      <c r="G52237" s="1" t="s">
        <v>176151</v>
      </c>
      <c r="H52237" s="1" t="s">
        <v>176152</v>
      </c>
      <c r="I52237" s="1" t="s">
        <v>172490</v>
      </c>
      <c r="J52237" s="1" t="s">
        <v>176256</v>
      </c>
    </row>
    <row r="52238" spans="1:10" x14ac:dyDescent="0.35">
      <c r="A52238" s="1" t="s">
        <v>28886</v>
      </c>
      <c r="B52238" s="1" t="s">
        <v>172484</v>
      </c>
      <c r="C52238" s="1" t="s">
        <v>160</v>
      </c>
      <c r="D52238" s="1" t="s">
        <v>88058</v>
      </c>
      <c r="E52238" s="1" t="s">
        <v>176257</v>
      </c>
      <c r="F52238" s="1" t="s">
        <v>176258</v>
      </c>
      <c r="G52238" s="1" t="s">
        <v>176151</v>
      </c>
      <c r="H52238" s="1" t="s">
        <v>176152</v>
      </c>
      <c r="I52238" s="1" t="s">
        <v>172490</v>
      </c>
      <c r="J52238" s="1" t="s">
        <v>176259</v>
      </c>
    </row>
    <row r="52239" spans="1:10" x14ac:dyDescent="0.35">
      <c r="A52239" s="1" t="s">
        <v>28886</v>
      </c>
      <c r="B52239" s="1" t="s">
        <v>172484</v>
      </c>
      <c r="C52239" s="1" t="s">
        <v>165</v>
      </c>
      <c r="D52239" s="1" t="s">
        <v>80709</v>
      </c>
      <c r="E52239" s="1" t="s">
        <v>176260</v>
      </c>
      <c r="F52239" s="1" t="s">
        <v>176261</v>
      </c>
      <c r="G52239" s="1" t="s">
        <v>176151</v>
      </c>
      <c r="H52239" s="1" t="s">
        <v>176152</v>
      </c>
      <c r="I52239" s="1" t="s">
        <v>172490</v>
      </c>
      <c r="J52239" s="1" t="s">
        <v>176262</v>
      </c>
    </row>
    <row r="52240" spans="1:10" x14ac:dyDescent="0.35">
      <c r="A52240" s="1" t="s">
        <v>28886</v>
      </c>
      <c r="B52240" s="1" t="s">
        <v>172484</v>
      </c>
      <c r="C52240" s="1" t="s">
        <v>170</v>
      </c>
      <c r="D52240" s="1" t="s">
        <v>176263</v>
      </c>
      <c r="E52240" s="1" t="s">
        <v>176264</v>
      </c>
      <c r="F52240" s="1" t="s">
        <v>176265</v>
      </c>
      <c r="G52240" s="1" t="s">
        <v>176151</v>
      </c>
      <c r="H52240" s="1" t="s">
        <v>176152</v>
      </c>
      <c r="I52240" s="1" t="s">
        <v>172490</v>
      </c>
      <c r="J52240" s="1" t="s">
        <v>176266</v>
      </c>
    </row>
    <row r="52241" spans="1:10" x14ac:dyDescent="0.35">
      <c r="A52241" s="1" t="s">
        <v>6431</v>
      </c>
      <c r="B52241" s="1" t="s">
        <v>172484</v>
      </c>
      <c r="C52241" s="1" t="s">
        <v>8</v>
      </c>
      <c r="D52241" s="1" t="s">
        <v>30340</v>
      </c>
      <c r="E52241" s="1" t="s">
        <v>21170</v>
      </c>
      <c r="F52241" s="1" t="s">
        <v>58778</v>
      </c>
      <c r="G52241" s="1" t="s">
        <v>176267</v>
      </c>
      <c r="H52241" s="1" t="s">
        <v>176268</v>
      </c>
      <c r="I52241" s="1" t="s">
        <v>172490</v>
      </c>
      <c r="J52241" s="1" t="s">
        <v>13</v>
      </c>
    </row>
    <row r="52242" spans="1:10" x14ac:dyDescent="0.35">
      <c r="A52242" s="1" t="s">
        <v>6431</v>
      </c>
      <c r="B52242" s="1" t="s">
        <v>172484</v>
      </c>
      <c r="C52242" s="1" t="s">
        <v>15</v>
      </c>
      <c r="D52242" s="1" t="s">
        <v>176269</v>
      </c>
      <c r="E52242" s="1" t="s">
        <v>23087</v>
      </c>
      <c r="F52242" s="1" t="s">
        <v>176270</v>
      </c>
      <c r="G52242" s="1" t="s">
        <v>176267</v>
      </c>
      <c r="H52242" s="1" t="s">
        <v>176268</v>
      </c>
      <c r="I52242" s="1" t="s">
        <v>172490</v>
      </c>
      <c r="J52242" s="1" t="s">
        <v>176271</v>
      </c>
    </row>
    <row r="52243" spans="1:10" x14ac:dyDescent="0.35">
      <c r="A52243" s="1" t="s">
        <v>6431</v>
      </c>
      <c r="B52243" s="1" t="s">
        <v>172484</v>
      </c>
      <c r="C52243" s="1" t="s">
        <v>20</v>
      </c>
      <c r="D52243" s="1" t="s">
        <v>30298</v>
      </c>
      <c r="E52243" s="1" t="s">
        <v>21898</v>
      </c>
      <c r="F52243" s="1" t="s">
        <v>31572</v>
      </c>
      <c r="G52243" s="1" t="s">
        <v>176267</v>
      </c>
      <c r="H52243" s="1" t="s">
        <v>176268</v>
      </c>
      <c r="I52243" s="1" t="s">
        <v>172490</v>
      </c>
      <c r="J52243" s="1" t="s">
        <v>176272</v>
      </c>
    </row>
    <row r="52244" spans="1:10" x14ac:dyDescent="0.35">
      <c r="A52244" s="1" t="s">
        <v>6431</v>
      </c>
      <c r="B52244" s="1" t="s">
        <v>172484</v>
      </c>
      <c r="C52244" s="1" t="s">
        <v>25</v>
      </c>
      <c r="D52244" s="1" t="s">
        <v>75264</v>
      </c>
      <c r="E52244" s="1" t="s">
        <v>21178</v>
      </c>
      <c r="F52244" s="1" t="s">
        <v>130012</v>
      </c>
      <c r="G52244" s="1" t="s">
        <v>176267</v>
      </c>
      <c r="H52244" s="1" t="s">
        <v>176268</v>
      </c>
      <c r="I52244" s="1" t="s">
        <v>172490</v>
      </c>
      <c r="J52244" s="1" t="s">
        <v>176273</v>
      </c>
    </row>
    <row r="52245" spans="1:10" x14ac:dyDescent="0.35">
      <c r="A52245" s="1" t="s">
        <v>6431</v>
      </c>
      <c r="B52245" s="1" t="s">
        <v>172484</v>
      </c>
      <c r="C52245" s="1" t="s">
        <v>30</v>
      </c>
      <c r="D52245" s="1" t="s">
        <v>176274</v>
      </c>
      <c r="E52245" s="1" t="s">
        <v>54641</v>
      </c>
      <c r="F52245" s="1" t="s">
        <v>62447</v>
      </c>
      <c r="G52245" s="1" t="s">
        <v>176267</v>
      </c>
      <c r="H52245" s="1" t="s">
        <v>176268</v>
      </c>
      <c r="I52245" s="1" t="s">
        <v>172490</v>
      </c>
      <c r="J52245" s="1" t="s">
        <v>176275</v>
      </c>
    </row>
    <row r="52246" spans="1:10" x14ac:dyDescent="0.35">
      <c r="A52246" s="1" t="s">
        <v>6431</v>
      </c>
      <c r="B52246" s="1" t="s">
        <v>172484</v>
      </c>
      <c r="C52246" s="1" t="s">
        <v>35</v>
      </c>
      <c r="D52246" s="1" t="s">
        <v>3344</v>
      </c>
      <c r="E52246" s="1" t="s">
        <v>21148</v>
      </c>
      <c r="F52246" s="1" t="s">
        <v>176276</v>
      </c>
      <c r="G52246" s="1" t="s">
        <v>176267</v>
      </c>
      <c r="H52246" s="1" t="s">
        <v>176268</v>
      </c>
      <c r="I52246" s="1" t="s">
        <v>172490</v>
      </c>
      <c r="J52246" s="1" t="s">
        <v>176277</v>
      </c>
    </row>
    <row r="52247" spans="1:10" x14ac:dyDescent="0.35">
      <c r="A52247" s="1" t="s">
        <v>6431</v>
      </c>
      <c r="B52247" s="1" t="s">
        <v>172484</v>
      </c>
      <c r="C52247" s="1" t="s">
        <v>40</v>
      </c>
      <c r="D52247" s="1" t="s">
        <v>176278</v>
      </c>
      <c r="E52247" s="1" t="s">
        <v>23318</v>
      </c>
      <c r="F52247" s="1" t="s">
        <v>176279</v>
      </c>
      <c r="G52247" s="1" t="s">
        <v>176267</v>
      </c>
      <c r="H52247" s="1" t="s">
        <v>176268</v>
      </c>
      <c r="I52247" s="1" t="s">
        <v>172490</v>
      </c>
      <c r="J52247" s="1" t="s">
        <v>176280</v>
      </c>
    </row>
    <row r="52248" spans="1:10" x14ac:dyDescent="0.35">
      <c r="A52248" s="1" t="s">
        <v>6431</v>
      </c>
      <c r="B52248" s="1" t="s">
        <v>172484</v>
      </c>
      <c r="C52248" s="1" t="s">
        <v>45</v>
      </c>
      <c r="D52248" s="1" t="s">
        <v>109117</v>
      </c>
      <c r="E52248" s="1" t="s">
        <v>21742</v>
      </c>
      <c r="F52248" s="1" t="s">
        <v>162072</v>
      </c>
      <c r="G52248" s="1" t="s">
        <v>176267</v>
      </c>
      <c r="H52248" s="1" t="s">
        <v>176268</v>
      </c>
      <c r="I52248" s="1" t="s">
        <v>172490</v>
      </c>
      <c r="J52248" s="1" t="s">
        <v>176281</v>
      </c>
    </row>
    <row r="52249" spans="1:10" x14ac:dyDescent="0.35">
      <c r="A52249" s="1" t="s">
        <v>6431</v>
      </c>
      <c r="B52249" s="1" t="s">
        <v>172484</v>
      </c>
      <c r="C52249" s="1" t="s">
        <v>50</v>
      </c>
      <c r="D52249" s="1" t="s">
        <v>38005</v>
      </c>
      <c r="E52249" s="1" t="s">
        <v>23866</v>
      </c>
      <c r="F52249" s="1" t="s">
        <v>131741</v>
      </c>
      <c r="G52249" s="1" t="s">
        <v>176267</v>
      </c>
      <c r="H52249" s="1" t="s">
        <v>176268</v>
      </c>
      <c r="I52249" s="1" t="s">
        <v>172490</v>
      </c>
      <c r="J52249" s="1" t="s">
        <v>176282</v>
      </c>
    </row>
    <row r="52250" spans="1:10" x14ac:dyDescent="0.35">
      <c r="A52250" s="1" t="s">
        <v>6431</v>
      </c>
      <c r="B52250" s="1" t="s">
        <v>172484</v>
      </c>
      <c r="C52250" s="1" t="s">
        <v>55</v>
      </c>
      <c r="D52250" s="1" t="s">
        <v>176283</v>
      </c>
      <c r="E52250" s="1" t="s">
        <v>176284</v>
      </c>
      <c r="F52250" s="1" t="s">
        <v>176285</v>
      </c>
      <c r="G52250" s="1" t="s">
        <v>176267</v>
      </c>
      <c r="H52250" s="1" t="s">
        <v>176268</v>
      </c>
      <c r="I52250" s="1" t="s">
        <v>172490</v>
      </c>
      <c r="J52250" s="1" t="s">
        <v>176286</v>
      </c>
    </row>
    <row r="52251" spans="1:10" x14ac:dyDescent="0.35">
      <c r="A52251" s="1" t="s">
        <v>6431</v>
      </c>
      <c r="B52251" s="1" t="s">
        <v>172484</v>
      </c>
      <c r="C52251" s="1" t="s">
        <v>60</v>
      </c>
      <c r="D52251" s="1" t="s">
        <v>58971</v>
      </c>
      <c r="E52251" s="1" t="s">
        <v>12798</v>
      </c>
      <c r="F52251" s="1" t="s">
        <v>127832</v>
      </c>
      <c r="G52251" s="1" t="s">
        <v>176267</v>
      </c>
      <c r="H52251" s="1" t="s">
        <v>176268</v>
      </c>
      <c r="I52251" s="1" t="s">
        <v>172490</v>
      </c>
      <c r="J52251" s="1" t="s">
        <v>176287</v>
      </c>
    </row>
    <row r="52252" spans="1:10" x14ac:dyDescent="0.35">
      <c r="A52252" s="1" t="s">
        <v>6431</v>
      </c>
      <c r="B52252" s="1" t="s">
        <v>172484</v>
      </c>
      <c r="C52252" s="1" t="s">
        <v>65</v>
      </c>
      <c r="D52252" s="1" t="s">
        <v>176288</v>
      </c>
      <c r="E52252" s="1" t="s">
        <v>21883</v>
      </c>
      <c r="F52252" s="1" t="s">
        <v>176289</v>
      </c>
      <c r="G52252" s="1" t="s">
        <v>176267</v>
      </c>
      <c r="H52252" s="1" t="s">
        <v>176268</v>
      </c>
      <c r="I52252" s="1" t="s">
        <v>172490</v>
      </c>
      <c r="J52252" s="1" t="s">
        <v>176290</v>
      </c>
    </row>
    <row r="52253" spans="1:10" x14ac:dyDescent="0.35">
      <c r="A52253" s="1" t="s">
        <v>6431</v>
      </c>
      <c r="B52253" s="1" t="s">
        <v>172484</v>
      </c>
      <c r="C52253" s="1" t="s">
        <v>70</v>
      </c>
      <c r="D52253" s="1" t="s">
        <v>12647</v>
      </c>
      <c r="E52253" s="1" t="s">
        <v>40717</v>
      </c>
      <c r="F52253" s="1" t="s">
        <v>176291</v>
      </c>
      <c r="G52253" s="1" t="s">
        <v>176267</v>
      </c>
      <c r="H52253" s="1" t="s">
        <v>176268</v>
      </c>
      <c r="I52253" s="1" t="s">
        <v>172490</v>
      </c>
      <c r="J52253" s="1" t="s">
        <v>176292</v>
      </c>
    </row>
    <row r="52254" spans="1:10" x14ac:dyDescent="0.35">
      <c r="A52254" s="1" t="s">
        <v>6431</v>
      </c>
      <c r="B52254" s="1" t="s">
        <v>172484</v>
      </c>
      <c r="C52254" s="1" t="s">
        <v>75</v>
      </c>
      <c r="D52254" s="1" t="s">
        <v>113831</v>
      </c>
      <c r="E52254" s="1" t="s">
        <v>59855</v>
      </c>
      <c r="F52254" s="1" t="s">
        <v>131731</v>
      </c>
      <c r="G52254" s="1" t="s">
        <v>176267</v>
      </c>
      <c r="H52254" s="1" t="s">
        <v>176268</v>
      </c>
      <c r="I52254" s="1" t="s">
        <v>172490</v>
      </c>
      <c r="J52254" s="1" t="s">
        <v>176293</v>
      </c>
    </row>
    <row r="52255" spans="1:10" x14ac:dyDescent="0.35">
      <c r="A52255" s="1" t="s">
        <v>6431</v>
      </c>
      <c r="B52255" s="1" t="s">
        <v>172484</v>
      </c>
      <c r="C52255" s="1" t="s">
        <v>80</v>
      </c>
      <c r="D52255" s="1" t="s">
        <v>68683</v>
      </c>
      <c r="E52255" s="1" t="s">
        <v>24343</v>
      </c>
      <c r="F52255" s="1" t="s">
        <v>55473</v>
      </c>
      <c r="G52255" s="1" t="s">
        <v>176267</v>
      </c>
      <c r="H52255" s="1" t="s">
        <v>176268</v>
      </c>
      <c r="I52255" s="1" t="s">
        <v>172490</v>
      </c>
      <c r="J52255" s="1" t="s">
        <v>176294</v>
      </c>
    </row>
    <row r="52256" spans="1:10" x14ac:dyDescent="0.35">
      <c r="A52256" s="1" t="s">
        <v>6431</v>
      </c>
      <c r="B52256" s="1" t="s">
        <v>172484</v>
      </c>
      <c r="C52256" s="1" t="s">
        <v>85</v>
      </c>
      <c r="D52256" s="1" t="s">
        <v>59384</v>
      </c>
      <c r="E52256" s="1" t="s">
        <v>174328</v>
      </c>
      <c r="F52256" s="1" t="s">
        <v>176295</v>
      </c>
      <c r="G52256" s="1" t="s">
        <v>176267</v>
      </c>
      <c r="H52256" s="1" t="s">
        <v>176268</v>
      </c>
      <c r="I52256" s="1" t="s">
        <v>172490</v>
      </c>
      <c r="J52256" s="1" t="s">
        <v>176296</v>
      </c>
    </row>
    <row r="52257" spans="1:10" x14ac:dyDescent="0.35">
      <c r="A52257" s="1" t="s">
        <v>6431</v>
      </c>
      <c r="B52257" s="1" t="s">
        <v>172484</v>
      </c>
      <c r="C52257" s="1" t="s">
        <v>90</v>
      </c>
      <c r="D52257" s="1" t="s">
        <v>98727</v>
      </c>
      <c r="E52257" s="1" t="s">
        <v>23133</v>
      </c>
      <c r="F52257" s="1" t="s">
        <v>176297</v>
      </c>
      <c r="G52257" s="1" t="s">
        <v>176267</v>
      </c>
      <c r="H52257" s="1" t="s">
        <v>176268</v>
      </c>
      <c r="I52257" s="1" t="s">
        <v>172490</v>
      </c>
      <c r="J52257" s="1" t="s">
        <v>176298</v>
      </c>
    </row>
    <row r="52258" spans="1:10" x14ac:dyDescent="0.35">
      <c r="A52258" s="1" t="s">
        <v>6431</v>
      </c>
      <c r="B52258" s="1" t="s">
        <v>172484</v>
      </c>
      <c r="C52258" s="1" t="s">
        <v>95</v>
      </c>
      <c r="D52258" s="1" t="s">
        <v>14438</v>
      </c>
      <c r="E52258" s="1" t="s">
        <v>41305</v>
      </c>
      <c r="F52258" s="1" t="s">
        <v>68693</v>
      </c>
      <c r="G52258" s="1" t="s">
        <v>176267</v>
      </c>
      <c r="H52258" s="1" t="s">
        <v>176268</v>
      </c>
      <c r="I52258" s="1" t="s">
        <v>172490</v>
      </c>
      <c r="J52258" s="1" t="s">
        <v>176299</v>
      </c>
    </row>
    <row r="52259" spans="1:10" x14ac:dyDescent="0.35">
      <c r="A52259" s="1" t="s">
        <v>6431</v>
      </c>
      <c r="B52259" s="1" t="s">
        <v>172484</v>
      </c>
      <c r="C52259" s="1" t="s">
        <v>100</v>
      </c>
      <c r="D52259" s="1" t="s">
        <v>84975</v>
      </c>
      <c r="E52259" s="1" t="s">
        <v>22072</v>
      </c>
      <c r="F52259" s="1" t="s">
        <v>61711</v>
      </c>
      <c r="G52259" s="1" t="s">
        <v>176267</v>
      </c>
      <c r="H52259" s="1" t="s">
        <v>176268</v>
      </c>
      <c r="I52259" s="1" t="s">
        <v>172490</v>
      </c>
      <c r="J52259" s="1" t="s">
        <v>176300</v>
      </c>
    </row>
    <row r="52260" spans="1:10" x14ac:dyDescent="0.35">
      <c r="A52260" s="1" t="s">
        <v>6431</v>
      </c>
      <c r="B52260" s="1" t="s">
        <v>172484</v>
      </c>
      <c r="C52260" s="1" t="s">
        <v>105</v>
      </c>
      <c r="D52260" s="1" t="s">
        <v>176301</v>
      </c>
      <c r="E52260" s="1" t="s">
        <v>55119</v>
      </c>
      <c r="F52260" s="1" t="s">
        <v>172974</v>
      </c>
      <c r="G52260" s="1" t="s">
        <v>176267</v>
      </c>
      <c r="H52260" s="1" t="s">
        <v>176268</v>
      </c>
      <c r="I52260" s="1" t="s">
        <v>172490</v>
      </c>
      <c r="J52260" s="1" t="s">
        <v>1850</v>
      </c>
    </row>
    <row r="52261" spans="1:10" x14ac:dyDescent="0.35">
      <c r="A52261" s="1" t="s">
        <v>6431</v>
      </c>
      <c r="B52261" s="1" t="s">
        <v>172484</v>
      </c>
      <c r="C52261" s="1" t="s">
        <v>110</v>
      </c>
      <c r="D52261" s="1" t="s">
        <v>134279</v>
      </c>
      <c r="E52261" s="1" t="s">
        <v>21941</v>
      </c>
      <c r="F52261" s="1" t="s">
        <v>101910</v>
      </c>
      <c r="G52261" s="1" t="s">
        <v>176267</v>
      </c>
      <c r="H52261" s="1" t="s">
        <v>176268</v>
      </c>
      <c r="I52261" s="1" t="s">
        <v>172490</v>
      </c>
      <c r="J52261" s="1" t="s">
        <v>176302</v>
      </c>
    </row>
    <row r="52262" spans="1:10" x14ac:dyDescent="0.35">
      <c r="A52262" s="1" t="s">
        <v>6431</v>
      </c>
      <c r="B52262" s="1" t="s">
        <v>172484</v>
      </c>
      <c r="C52262" s="1" t="s">
        <v>115</v>
      </c>
      <c r="D52262" s="1" t="s">
        <v>176303</v>
      </c>
      <c r="E52262" s="1" t="s">
        <v>21791</v>
      </c>
      <c r="F52262" s="1" t="s">
        <v>176304</v>
      </c>
      <c r="G52262" s="1" t="s">
        <v>176267</v>
      </c>
      <c r="H52262" s="1" t="s">
        <v>176268</v>
      </c>
      <c r="I52262" s="1" t="s">
        <v>172490</v>
      </c>
      <c r="J52262" s="1" t="s">
        <v>176305</v>
      </c>
    </row>
    <row r="52263" spans="1:10" x14ac:dyDescent="0.35">
      <c r="A52263" s="1" t="s">
        <v>6431</v>
      </c>
      <c r="B52263" s="1" t="s">
        <v>172484</v>
      </c>
      <c r="C52263" s="1" t="s">
        <v>120</v>
      </c>
      <c r="D52263" s="1" t="s">
        <v>81293</v>
      </c>
      <c r="E52263" s="1" t="s">
        <v>23894</v>
      </c>
      <c r="F52263" s="1" t="s">
        <v>176306</v>
      </c>
      <c r="G52263" s="1" t="s">
        <v>176267</v>
      </c>
      <c r="H52263" s="1" t="s">
        <v>176268</v>
      </c>
      <c r="I52263" s="1" t="s">
        <v>172490</v>
      </c>
      <c r="J52263" s="1" t="s">
        <v>176307</v>
      </c>
    </row>
    <row r="52264" spans="1:10" x14ac:dyDescent="0.35">
      <c r="A52264" s="1" t="s">
        <v>6431</v>
      </c>
      <c r="B52264" s="1" t="s">
        <v>172484</v>
      </c>
      <c r="C52264" s="1" t="s">
        <v>125</v>
      </c>
      <c r="D52264" s="1" t="s">
        <v>176308</v>
      </c>
      <c r="E52264" s="1" t="s">
        <v>21894</v>
      </c>
      <c r="F52264" s="1" t="s">
        <v>176309</v>
      </c>
      <c r="G52264" s="1" t="s">
        <v>176267</v>
      </c>
      <c r="H52264" s="1" t="s">
        <v>176268</v>
      </c>
      <c r="I52264" s="1" t="s">
        <v>172490</v>
      </c>
      <c r="J52264" s="1" t="s">
        <v>176310</v>
      </c>
    </row>
    <row r="52265" spans="1:10" x14ac:dyDescent="0.35">
      <c r="A52265" s="1" t="s">
        <v>6431</v>
      </c>
      <c r="B52265" s="1" t="s">
        <v>172484</v>
      </c>
      <c r="C52265" s="1" t="s">
        <v>130</v>
      </c>
      <c r="D52265" s="1" t="s">
        <v>176311</v>
      </c>
      <c r="E52265" s="1" t="s">
        <v>24384</v>
      </c>
      <c r="F52265" s="1" t="s">
        <v>128787</v>
      </c>
      <c r="G52265" s="1" t="s">
        <v>176267</v>
      </c>
      <c r="H52265" s="1" t="s">
        <v>176268</v>
      </c>
      <c r="I52265" s="1" t="s">
        <v>172490</v>
      </c>
      <c r="J52265" s="1" t="s">
        <v>176312</v>
      </c>
    </row>
    <row r="52266" spans="1:10" x14ac:dyDescent="0.35">
      <c r="A52266" s="1" t="s">
        <v>6431</v>
      </c>
      <c r="B52266" s="1" t="s">
        <v>172484</v>
      </c>
      <c r="C52266" s="1" t="s">
        <v>135</v>
      </c>
      <c r="D52266" s="1" t="s">
        <v>176313</v>
      </c>
      <c r="E52266" s="1" t="s">
        <v>32351</v>
      </c>
      <c r="F52266" s="1" t="s">
        <v>176314</v>
      </c>
      <c r="G52266" s="1" t="s">
        <v>176267</v>
      </c>
      <c r="H52266" s="1" t="s">
        <v>176268</v>
      </c>
      <c r="I52266" s="1" t="s">
        <v>172490</v>
      </c>
      <c r="J52266" s="1" t="s">
        <v>176315</v>
      </c>
    </row>
    <row r="52267" spans="1:10" x14ac:dyDescent="0.35">
      <c r="A52267" s="1" t="s">
        <v>6431</v>
      </c>
      <c r="B52267" s="1" t="s">
        <v>172484</v>
      </c>
      <c r="C52267" s="1" t="s">
        <v>140</v>
      </c>
      <c r="D52267" s="1" t="s">
        <v>62735</v>
      </c>
      <c r="E52267" s="1" t="s">
        <v>21811</v>
      </c>
      <c r="F52267" s="1" t="s">
        <v>100704</v>
      </c>
      <c r="G52267" s="1" t="s">
        <v>176267</v>
      </c>
      <c r="H52267" s="1" t="s">
        <v>176268</v>
      </c>
      <c r="I52267" s="1" t="s">
        <v>172490</v>
      </c>
      <c r="J52267" s="1" t="s">
        <v>176316</v>
      </c>
    </row>
    <row r="52268" spans="1:10" x14ac:dyDescent="0.35">
      <c r="A52268" s="1" t="s">
        <v>6431</v>
      </c>
      <c r="B52268" s="1" t="s">
        <v>172484</v>
      </c>
      <c r="C52268" s="1" t="s">
        <v>145</v>
      </c>
      <c r="D52268" s="1" t="s">
        <v>79913</v>
      </c>
      <c r="E52268" s="1" t="s">
        <v>56917</v>
      </c>
      <c r="F52268" s="1" t="s">
        <v>60358</v>
      </c>
      <c r="G52268" s="1" t="s">
        <v>176267</v>
      </c>
      <c r="H52268" s="1" t="s">
        <v>176268</v>
      </c>
      <c r="I52268" s="1" t="s">
        <v>172490</v>
      </c>
      <c r="J52268" s="1" t="s">
        <v>176317</v>
      </c>
    </row>
    <row r="52269" spans="1:10" x14ac:dyDescent="0.35">
      <c r="A52269" s="1" t="s">
        <v>6431</v>
      </c>
      <c r="B52269" s="1" t="s">
        <v>172484</v>
      </c>
      <c r="C52269" s="1" t="s">
        <v>150</v>
      </c>
      <c r="D52269" s="1" t="s">
        <v>176318</v>
      </c>
      <c r="E52269" s="1" t="s">
        <v>53825</v>
      </c>
      <c r="F52269" s="1" t="s">
        <v>68402</v>
      </c>
      <c r="G52269" s="1" t="s">
        <v>176267</v>
      </c>
      <c r="H52269" s="1" t="s">
        <v>176268</v>
      </c>
      <c r="I52269" s="1" t="s">
        <v>172490</v>
      </c>
      <c r="J52269" s="1" t="s">
        <v>176319</v>
      </c>
    </row>
    <row r="52270" spans="1:10" x14ac:dyDescent="0.35">
      <c r="A52270" s="1" t="s">
        <v>6431</v>
      </c>
      <c r="B52270" s="1" t="s">
        <v>172484</v>
      </c>
      <c r="C52270" s="1" t="s">
        <v>155</v>
      </c>
      <c r="D52270" s="1" t="s">
        <v>176320</v>
      </c>
      <c r="E52270" s="1" t="s">
        <v>15319</v>
      </c>
      <c r="F52270" s="1" t="s">
        <v>128675</v>
      </c>
      <c r="G52270" s="1" t="s">
        <v>176267</v>
      </c>
      <c r="H52270" s="1" t="s">
        <v>176268</v>
      </c>
      <c r="I52270" s="1" t="s">
        <v>172490</v>
      </c>
      <c r="J52270" s="1" t="s">
        <v>176321</v>
      </c>
    </row>
    <row r="52271" spans="1:10" x14ac:dyDescent="0.35">
      <c r="A52271" s="1" t="s">
        <v>6431</v>
      </c>
      <c r="B52271" s="1" t="s">
        <v>172484</v>
      </c>
      <c r="C52271" s="1" t="s">
        <v>160</v>
      </c>
      <c r="D52271" s="1" t="s">
        <v>176322</v>
      </c>
      <c r="E52271" s="1" t="s">
        <v>53928</v>
      </c>
      <c r="F52271" s="1" t="s">
        <v>105287</v>
      </c>
      <c r="G52271" s="1" t="s">
        <v>176267</v>
      </c>
      <c r="H52271" s="1" t="s">
        <v>176268</v>
      </c>
      <c r="I52271" s="1" t="s">
        <v>172490</v>
      </c>
      <c r="J52271" s="1" t="s">
        <v>176323</v>
      </c>
    </row>
    <row r="52272" spans="1:10" x14ac:dyDescent="0.35">
      <c r="A52272" s="1" t="s">
        <v>6431</v>
      </c>
      <c r="B52272" s="1" t="s">
        <v>172484</v>
      </c>
      <c r="C52272" s="1" t="s">
        <v>165</v>
      </c>
      <c r="D52272" s="1" t="s">
        <v>165428</v>
      </c>
      <c r="E52272" s="1" t="s">
        <v>41429</v>
      </c>
      <c r="F52272" s="1" t="s">
        <v>23229</v>
      </c>
      <c r="G52272" s="1" t="s">
        <v>176267</v>
      </c>
      <c r="H52272" s="1" t="s">
        <v>176268</v>
      </c>
      <c r="I52272" s="1" t="s">
        <v>172490</v>
      </c>
      <c r="J52272" s="1" t="s">
        <v>176324</v>
      </c>
    </row>
    <row r="52273" spans="1:10" x14ac:dyDescent="0.35">
      <c r="A52273" s="1" t="s">
        <v>6431</v>
      </c>
      <c r="B52273" s="1" t="s">
        <v>172484</v>
      </c>
      <c r="C52273" s="1" t="s">
        <v>170</v>
      </c>
      <c r="D52273" s="1" t="s">
        <v>176325</v>
      </c>
      <c r="E52273" s="1" t="s">
        <v>32061</v>
      </c>
      <c r="F52273" s="1" t="s">
        <v>176326</v>
      </c>
      <c r="G52273" s="1" t="s">
        <v>176267</v>
      </c>
      <c r="H52273" s="1" t="s">
        <v>176268</v>
      </c>
      <c r="I52273" s="1" t="s">
        <v>172490</v>
      </c>
      <c r="J52273" s="1" t="s">
        <v>176327</v>
      </c>
    </row>
    <row r="52274" spans="1:10" x14ac:dyDescent="0.35">
      <c r="A52274" s="1" t="s">
        <v>176328</v>
      </c>
      <c r="B52274" s="1" t="s">
        <v>172484</v>
      </c>
      <c r="C52274" s="1" t="s">
        <v>8</v>
      </c>
      <c r="D52274" s="1" t="s">
        <v>176329</v>
      </c>
      <c r="E52274" s="1" t="s">
        <v>176330</v>
      </c>
      <c r="F52274" s="1" t="s">
        <v>176331</v>
      </c>
      <c r="G52274" s="1" t="s">
        <v>176332</v>
      </c>
      <c r="H52274" s="1" t="s">
        <v>176333</v>
      </c>
      <c r="I52274" s="1" t="s">
        <v>172490</v>
      </c>
      <c r="J52274" s="1" t="s">
        <v>13</v>
      </c>
    </row>
    <row r="52275" spans="1:10" x14ac:dyDescent="0.35">
      <c r="A52275" s="1" t="s">
        <v>176328</v>
      </c>
      <c r="B52275" s="1" t="s">
        <v>172484</v>
      </c>
      <c r="C52275" s="1" t="s">
        <v>15</v>
      </c>
      <c r="D52275" s="1" t="s">
        <v>120317</v>
      </c>
      <c r="E52275" s="1" t="s">
        <v>176334</v>
      </c>
      <c r="F52275" s="1" t="s">
        <v>176335</v>
      </c>
      <c r="G52275" s="1" t="s">
        <v>176332</v>
      </c>
      <c r="H52275" s="1" t="s">
        <v>176333</v>
      </c>
      <c r="I52275" s="1" t="s">
        <v>172490</v>
      </c>
      <c r="J52275" s="1" t="s">
        <v>176336</v>
      </c>
    </row>
    <row r="52276" spans="1:10" x14ac:dyDescent="0.35">
      <c r="A52276" s="1" t="s">
        <v>176328</v>
      </c>
      <c r="B52276" s="1" t="s">
        <v>172484</v>
      </c>
      <c r="C52276" s="1" t="s">
        <v>20</v>
      </c>
      <c r="D52276" s="1" t="s">
        <v>148557</v>
      </c>
      <c r="E52276" s="1" t="s">
        <v>176337</v>
      </c>
      <c r="F52276" s="1" t="s">
        <v>176338</v>
      </c>
      <c r="G52276" s="1" t="s">
        <v>176332</v>
      </c>
      <c r="H52276" s="1" t="s">
        <v>176333</v>
      </c>
      <c r="I52276" s="1" t="s">
        <v>172490</v>
      </c>
      <c r="J52276" s="1" t="s">
        <v>176339</v>
      </c>
    </row>
    <row r="52277" spans="1:10" x14ac:dyDescent="0.35">
      <c r="A52277" s="1" t="s">
        <v>176328</v>
      </c>
      <c r="B52277" s="1" t="s">
        <v>172484</v>
      </c>
      <c r="C52277" s="1" t="s">
        <v>25</v>
      </c>
      <c r="D52277" s="1" t="s">
        <v>33624</v>
      </c>
      <c r="E52277" s="1" t="s">
        <v>176340</v>
      </c>
      <c r="F52277" s="1" t="s">
        <v>176341</v>
      </c>
      <c r="G52277" s="1" t="s">
        <v>176332</v>
      </c>
      <c r="H52277" s="1" t="s">
        <v>176333</v>
      </c>
      <c r="I52277" s="1" t="s">
        <v>172490</v>
      </c>
      <c r="J52277" s="1" t="s">
        <v>176342</v>
      </c>
    </row>
    <row r="52278" spans="1:10" x14ac:dyDescent="0.35">
      <c r="A52278" s="1" t="s">
        <v>176328</v>
      </c>
      <c r="B52278" s="1" t="s">
        <v>172484</v>
      </c>
      <c r="C52278" s="1" t="s">
        <v>30</v>
      </c>
      <c r="D52278" s="1" t="s">
        <v>124290</v>
      </c>
      <c r="E52278" s="1" t="s">
        <v>176343</v>
      </c>
      <c r="F52278" s="1" t="s">
        <v>176344</v>
      </c>
      <c r="G52278" s="1" t="s">
        <v>176332</v>
      </c>
      <c r="H52278" s="1" t="s">
        <v>176333</v>
      </c>
      <c r="I52278" s="1" t="s">
        <v>172490</v>
      </c>
      <c r="J52278" s="1" t="s">
        <v>176345</v>
      </c>
    </row>
    <row r="52279" spans="1:10" x14ac:dyDescent="0.35">
      <c r="A52279" s="1" t="s">
        <v>176328</v>
      </c>
      <c r="B52279" s="1" t="s">
        <v>172484</v>
      </c>
      <c r="C52279" s="1" t="s">
        <v>35</v>
      </c>
      <c r="D52279" s="1" t="s">
        <v>173083</v>
      </c>
      <c r="E52279" s="1" t="s">
        <v>176346</v>
      </c>
      <c r="F52279" s="1" t="s">
        <v>176347</v>
      </c>
      <c r="G52279" s="1" t="s">
        <v>176332</v>
      </c>
      <c r="H52279" s="1" t="s">
        <v>176333</v>
      </c>
      <c r="I52279" s="1" t="s">
        <v>172490</v>
      </c>
      <c r="J52279" s="1" t="s">
        <v>176348</v>
      </c>
    </row>
    <row r="52280" spans="1:10" x14ac:dyDescent="0.35">
      <c r="A52280" s="1" t="s">
        <v>176328</v>
      </c>
      <c r="B52280" s="1" t="s">
        <v>172484</v>
      </c>
      <c r="C52280" s="1" t="s">
        <v>40</v>
      </c>
      <c r="D52280" s="1" t="s">
        <v>176349</v>
      </c>
      <c r="E52280" s="1" t="s">
        <v>176350</v>
      </c>
      <c r="F52280" s="1" t="s">
        <v>176351</v>
      </c>
      <c r="G52280" s="1" t="s">
        <v>176332</v>
      </c>
      <c r="H52280" s="1" t="s">
        <v>176333</v>
      </c>
      <c r="I52280" s="1" t="s">
        <v>172490</v>
      </c>
      <c r="J52280" s="1" t="s">
        <v>176352</v>
      </c>
    </row>
    <row r="52281" spans="1:10" x14ac:dyDescent="0.35">
      <c r="A52281" s="1" t="s">
        <v>176328</v>
      </c>
      <c r="B52281" s="1" t="s">
        <v>172484</v>
      </c>
      <c r="C52281" s="1" t="s">
        <v>45</v>
      </c>
      <c r="D52281" s="1" t="s">
        <v>13692</v>
      </c>
      <c r="E52281" s="1" t="s">
        <v>176353</v>
      </c>
      <c r="F52281" s="1" t="s">
        <v>176354</v>
      </c>
      <c r="G52281" s="1" t="s">
        <v>176332</v>
      </c>
      <c r="H52281" s="1" t="s">
        <v>176333</v>
      </c>
      <c r="I52281" s="1" t="s">
        <v>172490</v>
      </c>
      <c r="J52281" s="1" t="s">
        <v>176355</v>
      </c>
    </row>
    <row r="52282" spans="1:10" x14ac:dyDescent="0.35">
      <c r="A52282" s="1" t="s">
        <v>176328</v>
      </c>
      <c r="B52282" s="1" t="s">
        <v>172484</v>
      </c>
      <c r="C52282" s="1" t="s">
        <v>50</v>
      </c>
      <c r="D52282" s="1" t="s">
        <v>176356</v>
      </c>
      <c r="E52282" s="1" t="s">
        <v>176357</v>
      </c>
      <c r="F52282" s="1" t="s">
        <v>176358</v>
      </c>
      <c r="G52282" s="1" t="s">
        <v>176332</v>
      </c>
      <c r="H52282" s="1" t="s">
        <v>176333</v>
      </c>
      <c r="I52282" s="1" t="s">
        <v>172490</v>
      </c>
      <c r="J52282" s="1" t="s">
        <v>176359</v>
      </c>
    </row>
    <row r="52283" spans="1:10" x14ac:dyDescent="0.35">
      <c r="A52283" s="1" t="s">
        <v>176328</v>
      </c>
      <c r="B52283" s="1" t="s">
        <v>172484</v>
      </c>
      <c r="C52283" s="1" t="s">
        <v>55</v>
      </c>
      <c r="D52283" s="1" t="s">
        <v>176360</v>
      </c>
      <c r="E52283" s="1" t="s">
        <v>176361</v>
      </c>
      <c r="F52283" s="1" t="s">
        <v>176362</v>
      </c>
      <c r="G52283" s="1" t="s">
        <v>176332</v>
      </c>
      <c r="H52283" s="1" t="s">
        <v>176333</v>
      </c>
      <c r="I52283" s="1" t="s">
        <v>172490</v>
      </c>
      <c r="J52283" s="1" t="s">
        <v>176363</v>
      </c>
    </row>
    <row r="52284" spans="1:10" x14ac:dyDescent="0.35">
      <c r="A52284" s="1" t="s">
        <v>176328</v>
      </c>
      <c r="B52284" s="1" t="s">
        <v>172484</v>
      </c>
      <c r="C52284" s="1" t="s">
        <v>60</v>
      </c>
      <c r="D52284" s="1" t="s">
        <v>109084</v>
      </c>
      <c r="E52284" s="1" t="s">
        <v>176364</v>
      </c>
      <c r="F52284" s="1" t="s">
        <v>176365</v>
      </c>
      <c r="G52284" s="1" t="s">
        <v>176332</v>
      </c>
      <c r="H52284" s="1" t="s">
        <v>176333</v>
      </c>
      <c r="I52284" s="1" t="s">
        <v>172490</v>
      </c>
      <c r="J52284" s="1" t="s">
        <v>176366</v>
      </c>
    </row>
    <row r="52285" spans="1:10" x14ac:dyDescent="0.35">
      <c r="A52285" s="1" t="s">
        <v>176328</v>
      </c>
      <c r="B52285" s="1" t="s">
        <v>172484</v>
      </c>
      <c r="C52285" s="1" t="s">
        <v>65</v>
      </c>
      <c r="D52285" s="1" t="s">
        <v>19121</v>
      </c>
      <c r="E52285" s="1" t="s">
        <v>176367</v>
      </c>
      <c r="F52285" s="1" t="s">
        <v>176368</v>
      </c>
      <c r="G52285" s="1" t="s">
        <v>176332</v>
      </c>
      <c r="H52285" s="1" t="s">
        <v>176333</v>
      </c>
      <c r="I52285" s="1" t="s">
        <v>172490</v>
      </c>
      <c r="J52285" s="1" t="s">
        <v>176369</v>
      </c>
    </row>
    <row r="52286" spans="1:10" x14ac:dyDescent="0.35">
      <c r="A52286" s="1" t="s">
        <v>176328</v>
      </c>
      <c r="B52286" s="1" t="s">
        <v>172484</v>
      </c>
      <c r="C52286" s="1" t="s">
        <v>70</v>
      </c>
      <c r="D52286" s="1" t="s">
        <v>77908</v>
      </c>
      <c r="E52286" s="1" t="s">
        <v>176370</v>
      </c>
      <c r="F52286" s="1" t="s">
        <v>176371</v>
      </c>
      <c r="G52286" s="1" t="s">
        <v>176332</v>
      </c>
      <c r="H52286" s="1" t="s">
        <v>176333</v>
      </c>
      <c r="I52286" s="1" t="s">
        <v>172490</v>
      </c>
      <c r="J52286" s="1" t="s">
        <v>176372</v>
      </c>
    </row>
    <row r="52287" spans="1:10" x14ac:dyDescent="0.35">
      <c r="A52287" s="1" t="s">
        <v>176328</v>
      </c>
      <c r="B52287" s="1" t="s">
        <v>172484</v>
      </c>
      <c r="C52287" s="1" t="s">
        <v>75</v>
      </c>
      <c r="D52287" s="1" t="s">
        <v>176373</v>
      </c>
      <c r="E52287" s="1" t="s">
        <v>176374</v>
      </c>
      <c r="F52287" s="1" t="s">
        <v>176375</v>
      </c>
      <c r="G52287" s="1" t="s">
        <v>176332</v>
      </c>
      <c r="H52287" s="1" t="s">
        <v>176333</v>
      </c>
      <c r="I52287" s="1" t="s">
        <v>172490</v>
      </c>
      <c r="J52287" s="1" t="s">
        <v>176376</v>
      </c>
    </row>
    <row r="52288" spans="1:10" x14ac:dyDescent="0.35">
      <c r="A52288" s="1" t="s">
        <v>176328</v>
      </c>
      <c r="B52288" s="1" t="s">
        <v>172484</v>
      </c>
      <c r="C52288" s="1" t="s">
        <v>80</v>
      </c>
      <c r="D52288" s="1" t="s">
        <v>57403</v>
      </c>
      <c r="E52288" s="1" t="s">
        <v>176377</v>
      </c>
      <c r="F52288" s="1" t="s">
        <v>176378</v>
      </c>
      <c r="G52288" s="1" t="s">
        <v>176332</v>
      </c>
      <c r="H52288" s="1" t="s">
        <v>176333</v>
      </c>
      <c r="I52288" s="1" t="s">
        <v>172490</v>
      </c>
      <c r="J52288" s="1" t="s">
        <v>176379</v>
      </c>
    </row>
    <row r="52289" spans="1:10" x14ac:dyDescent="0.35">
      <c r="A52289" s="1" t="s">
        <v>176328</v>
      </c>
      <c r="B52289" s="1" t="s">
        <v>172484</v>
      </c>
      <c r="C52289" s="1" t="s">
        <v>85</v>
      </c>
      <c r="D52289" s="1" t="s">
        <v>176380</v>
      </c>
      <c r="E52289" s="1" t="s">
        <v>176381</v>
      </c>
      <c r="F52289" s="1" t="s">
        <v>176382</v>
      </c>
      <c r="G52289" s="1" t="s">
        <v>176332</v>
      </c>
      <c r="H52289" s="1" t="s">
        <v>176333</v>
      </c>
      <c r="I52289" s="1" t="s">
        <v>172490</v>
      </c>
      <c r="J52289" s="1" t="s">
        <v>176383</v>
      </c>
    </row>
    <row r="52290" spans="1:10" x14ac:dyDescent="0.35">
      <c r="A52290" s="1" t="s">
        <v>176328</v>
      </c>
      <c r="B52290" s="1" t="s">
        <v>172484</v>
      </c>
      <c r="C52290" s="1" t="s">
        <v>90</v>
      </c>
      <c r="D52290" s="1" t="s">
        <v>176384</v>
      </c>
      <c r="E52290" s="1" t="s">
        <v>176385</v>
      </c>
      <c r="F52290" s="1" t="s">
        <v>176386</v>
      </c>
      <c r="G52290" s="1" t="s">
        <v>176332</v>
      </c>
      <c r="H52290" s="1" t="s">
        <v>176333</v>
      </c>
      <c r="I52290" s="1" t="s">
        <v>172490</v>
      </c>
      <c r="J52290" s="1" t="s">
        <v>176387</v>
      </c>
    </row>
    <row r="52291" spans="1:10" x14ac:dyDescent="0.35">
      <c r="A52291" s="1" t="s">
        <v>176328</v>
      </c>
      <c r="B52291" s="1" t="s">
        <v>172484</v>
      </c>
      <c r="C52291" s="1" t="s">
        <v>95</v>
      </c>
      <c r="D52291" s="1" t="s">
        <v>49309</v>
      </c>
      <c r="E52291" s="1" t="s">
        <v>176388</v>
      </c>
      <c r="F52291" s="1" t="s">
        <v>176389</v>
      </c>
      <c r="G52291" s="1" t="s">
        <v>176332</v>
      </c>
      <c r="H52291" s="1" t="s">
        <v>176333</v>
      </c>
      <c r="I52291" s="1" t="s">
        <v>172490</v>
      </c>
      <c r="J52291" s="1" t="s">
        <v>176390</v>
      </c>
    </row>
    <row r="52292" spans="1:10" x14ac:dyDescent="0.35">
      <c r="A52292" s="1" t="s">
        <v>176328</v>
      </c>
      <c r="B52292" s="1" t="s">
        <v>172484</v>
      </c>
      <c r="C52292" s="1" t="s">
        <v>100</v>
      </c>
      <c r="D52292" s="1" t="s">
        <v>176391</v>
      </c>
      <c r="E52292" s="1" t="s">
        <v>176392</v>
      </c>
      <c r="F52292" s="1" t="s">
        <v>176393</v>
      </c>
      <c r="G52292" s="1" t="s">
        <v>176332</v>
      </c>
      <c r="H52292" s="1" t="s">
        <v>176333</v>
      </c>
      <c r="I52292" s="1" t="s">
        <v>172490</v>
      </c>
      <c r="J52292" s="1" t="s">
        <v>176394</v>
      </c>
    </row>
    <row r="52293" spans="1:10" x14ac:dyDescent="0.35">
      <c r="A52293" s="1" t="s">
        <v>176328</v>
      </c>
      <c r="B52293" s="1" t="s">
        <v>172484</v>
      </c>
      <c r="C52293" s="1" t="s">
        <v>105</v>
      </c>
      <c r="D52293" s="1" t="s">
        <v>133131</v>
      </c>
      <c r="E52293" s="1" t="s">
        <v>176395</v>
      </c>
      <c r="F52293" s="1" t="s">
        <v>176396</v>
      </c>
      <c r="G52293" s="1" t="s">
        <v>176332</v>
      </c>
      <c r="H52293" s="1" t="s">
        <v>176333</v>
      </c>
      <c r="I52293" s="1" t="s">
        <v>172490</v>
      </c>
      <c r="J52293" s="1" t="s">
        <v>176397</v>
      </c>
    </row>
    <row r="52294" spans="1:10" x14ac:dyDescent="0.35">
      <c r="A52294" s="1" t="s">
        <v>176328</v>
      </c>
      <c r="B52294" s="1" t="s">
        <v>172484</v>
      </c>
      <c r="C52294" s="1" t="s">
        <v>110</v>
      </c>
      <c r="D52294" s="1" t="s">
        <v>176398</v>
      </c>
      <c r="E52294" s="1" t="s">
        <v>176399</v>
      </c>
      <c r="F52294" s="1" t="s">
        <v>176400</v>
      </c>
      <c r="G52294" s="1" t="s">
        <v>176332</v>
      </c>
      <c r="H52294" s="1" t="s">
        <v>176333</v>
      </c>
      <c r="I52294" s="1" t="s">
        <v>172490</v>
      </c>
      <c r="J52294" s="1" t="s">
        <v>176401</v>
      </c>
    </row>
    <row r="52295" spans="1:10" x14ac:dyDescent="0.35">
      <c r="A52295" s="1" t="s">
        <v>176328</v>
      </c>
      <c r="B52295" s="1" t="s">
        <v>172484</v>
      </c>
      <c r="C52295" s="1" t="s">
        <v>115</v>
      </c>
      <c r="D52295" s="1" t="s">
        <v>53824</v>
      </c>
      <c r="E52295" s="1" t="s">
        <v>176402</v>
      </c>
      <c r="F52295" s="1" t="s">
        <v>176403</v>
      </c>
      <c r="G52295" s="1" t="s">
        <v>176332</v>
      </c>
      <c r="H52295" s="1" t="s">
        <v>176333</v>
      </c>
      <c r="I52295" s="1" t="s">
        <v>172490</v>
      </c>
      <c r="J52295" s="1" t="s">
        <v>176404</v>
      </c>
    </row>
    <row r="52296" spans="1:10" x14ac:dyDescent="0.35">
      <c r="A52296" s="1" t="s">
        <v>176328</v>
      </c>
      <c r="B52296" s="1" t="s">
        <v>172484</v>
      </c>
      <c r="C52296" s="1" t="s">
        <v>120</v>
      </c>
      <c r="D52296" s="1" t="s">
        <v>62613</v>
      </c>
      <c r="E52296" s="1" t="s">
        <v>176405</v>
      </c>
      <c r="F52296" s="1" t="s">
        <v>176406</v>
      </c>
      <c r="G52296" s="1" t="s">
        <v>176332</v>
      </c>
      <c r="H52296" s="1" t="s">
        <v>176333</v>
      </c>
      <c r="I52296" s="1" t="s">
        <v>172490</v>
      </c>
      <c r="J52296" s="1" t="s">
        <v>176407</v>
      </c>
    </row>
    <row r="52297" spans="1:10" x14ac:dyDescent="0.35">
      <c r="A52297" s="1" t="s">
        <v>176328</v>
      </c>
      <c r="B52297" s="1" t="s">
        <v>172484</v>
      </c>
      <c r="C52297" s="1" t="s">
        <v>125</v>
      </c>
      <c r="D52297" s="1" t="s">
        <v>60430</v>
      </c>
      <c r="E52297" s="1" t="s">
        <v>176408</v>
      </c>
      <c r="F52297" s="1" t="s">
        <v>176409</v>
      </c>
      <c r="G52297" s="1" t="s">
        <v>176332</v>
      </c>
      <c r="H52297" s="1" t="s">
        <v>176333</v>
      </c>
      <c r="I52297" s="1" t="s">
        <v>172490</v>
      </c>
      <c r="J52297" s="1" t="s">
        <v>176410</v>
      </c>
    </row>
    <row r="52298" spans="1:10" x14ac:dyDescent="0.35">
      <c r="A52298" s="1" t="s">
        <v>176328</v>
      </c>
      <c r="B52298" s="1" t="s">
        <v>172484</v>
      </c>
      <c r="C52298" s="1" t="s">
        <v>130</v>
      </c>
      <c r="D52298" s="1" t="s">
        <v>78305</v>
      </c>
      <c r="E52298" s="1" t="s">
        <v>176411</v>
      </c>
      <c r="F52298" s="1" t="s">
        <v>176412</v>
      </c>
      <c r="G52298" s="1" t="s">
        <v>176332</v>
      </c>
      <c r="H52298" s="1" t="s">
        <v>176333</v>
      </c>
      <c r="I52298" s="1" t="s">
        <v>172490</v>
      </c>
      <c r="J52298" s="1" t="s">
        <v>176413</v>
      </c>
    </row>
    <row r="52299" spans="1:10" x14ac:dyDescent="0.35">
      <c r="A52299" s="1" t="s">
        <v>176328</v>
      </c>
      <c r="B52299" s="1" t="s">
        <v>172484</v>
      </c>
      <c r="C52299" s="1" t="s">
        <v>135</v>
      </c>
      <c r="D52299" s="1" t="s">
        <v>76340</v>
      </c>
      <c r="E52299" s="1" t="s">
        <v>176414</v>
      </c>
      <c r="F52299" s="1" t="s">
        <v>176415</v>
      </c>
      <c r="G52299" s="1" t="s">
        <v>176332</v>
      </c>
      <c r="H52299" s="1" t="s">
        <v>176333</v>
      </c>
      <c r="I52299" s="1" t="s">
        <v>172490</v>
      </c>
      <c r="J52299" s="1" t="s">
        <v>176416</v>
      </c>
    </row>
    <row r="52300" spans="1:10" x14ac:dyDescent="0.35">
      <c r="A52300" s="1" t="s">
        <v>176328</v>
      </c>
      <c r="B52300" s="1" t="s">
        <v>172484</v>
      </c>
      <c r="C52300" s="1" t="s">
        <v>140</v>
      </c>
      <c r="D52300" s="1" t="s">
        <v>70587</v>
      </c>
      <c r="E52300" s="1" t="s">
        <v>176417</v>
      </c>
      <c r="F52300" s="1" t="s">
        <v>176418</v>
      </c>
      <c r="G52300" s="1" t="s">
        <v>176332</v>
      </c>
      <c r="H52300" s="1" t="s">
        <v>176333</v>
      </c>
      <c r="I52300" s="1" t="s">
        <v>172490</v>
      </c>
      <c r="J52300" s="1" t="s">
        <v>176419</v>
      </c>
    </row>
    <row r="52301" spans="1:10" x14ac:dyDescent="0.35">
      <c r="A52301" s="1" t="s">
        <v>176328</v>
      </c>
      <c r="B52301" s="1" t="s">
        <v>172484</v>
      </c>
      <c r="C52301" s="1" t="s">
        <v>145</v>
      </c>
      <c r="D52301" s="1" t="s">
        <v>39880</v>
      </c>
      <c r="E52301" s="1" t="s">
        <v>176420</v>
      </c>
      <c r="F52301" s="1" t="s">
        <v>176421</v>
      </c>
      <c r="G52301" s="1" t="s">
        <v>176332</v>
      </c>
      <c r="H52301" s="1" t="s">
        <v>176333</v>
      </c>
      <c r="I52301" s="1" t="s">
        <v>172490</v>
      </c>
      <c r="J52301" s="1" t="s">
        <v>176422</v>
      </c>
    </row>
    <row r="52302" spans="1:10" x14ac:dyDescent="0.35">
      <c r="A52302" s="1" t="s">
        <v>176328</v>
      </c>
      <c r="B52302" s="1" t="s">
        <v>172484</v>
      </c>
      <c r="C52302" s="1" t="s">
        <v>150</v>
      </c>
      <c r="D52302" s="1" t="s">
        <v>176423</v>
      </c>
      <c r="E52302" s="1" t="s">
        <v>176424</v>
      </c>
      <c r="F52302" s="1" t="s">
        <v>176425</v>
      </c>
      <c r="G52302" s="1" t="s">
        <v>176332</v>
      </c>
      <c r="H52302" s="1" t="s">
        <v>176333</v>
      </c>
      <c r="I52302" s="1" t="s">
        <v>172490</v>
      </c>
      <c r="J52302" s="1" t="s">
        <v>176426</v>
      </c>
    </row>
    <row r="52303" spans="1:10" x14ac:dyDescent="0.35">
      <c r="A52303" s="1" t="s">
        <v>176328</v>
      </c>
      <c r="B52303" s="1" t="s">
        <v>172484</v>
      </c>
      <c r="C52303" s="1" t="s">
        <v>155</v>
      </c>
      <c r="D52303" s="1" t="s">
        <v>24009</v>
      </c>
      <c r="E52303" s="1" t="s">
        <v>176427</v>
      </c>
      <c r="F52303" s="1" t="s">
        <v>176428</v>
      </c>
      <c r="G52303" s="1" t="s">
        <v>176332</v>
      </c>
      <c r="H52303" s="1" t="s">
        <v>176333</v>
      </c>
      <c r="I52303" s="1" t="s">
        <v>172490</v>
      </c>
      <c r="J52303" s="1" t="s">
        <v>176429</v>
      </c>
    </row>
    <row r="52304" spans="1:10" x14ac:dyDescent="0.35">
      <c r="A52304" s="1" t="s">
        <v>176328</v>
      </c>
      <c r="B52304" s="1" t="s">
        <v>172484</v>
      </c>
      <c r="C52304" s="1" t="s">
        <v>160</v>
      </c>
      <c r="D52304" s="1" t="s">
        <v>176430</v>
      </c>
      <c r="E52304" s="1" t="s">
        <v>176431</v>
      </c>
      <c r="F52304" s="1" t="s">
        <v>176432</v>
      </c>
      <c r="G52304" s="1" t="s">
        <v>176332</v>
      </c>
      <c r="H52304" s="1" t="s">
        <v>176333</v>
      </c>
      <c r="I52304" s="1" t="s">
        <v>172490</v>
      </c>
      <c r="J52304" s="1" t="s">
        <v>176433</v>
      </c>
    </row>
    <row r="52305" spans="1:10" x14ac:dyDescent="0.35">
      <c r="A52305" s="1" t="s">
        <v>176328</v>
      </c>
      <c r="B52305" s="1" t="s">
        <v>172484</v>
      </c>
      <c r="C52305" s="1" t="s">
        <v>165</v>
      </c>
      <c r="D52305" s="1" t="s">
        <v>131586</v>
      </c>
      <c r="E52305" s="1" t="s">
        <v>176434</v>
      </c>
      <c r="F52305" s="1" t="s">
        <v>176435</v>
      </c>
      <c r="G52305" s="1" t="s">
        <v>176332</v>
      </c>
      <c r="H52305" s="1" t="s">
        <v>176333</v>
      </c>
      <c r="I52305" s="1" t="s">
        <v>172490</v>
      </c>
      <c r="J52305" s="1" t="s">
        <v>176436</v>
      </c>
    </row>
    <row r="52306" spans="1:10" x14ac:dyDescent="0.35">
      <c r="A52306" s="1" t="s">
        <v>176328</v>
      </c>
      <c r="B52306" s="1" t="s">
        <v>172484</v>
      </c>
      <c r="C52306" s="1" t="s">
        <v>170</v>
      </c>
      <c r="D52306" s="1" t="s">
        <v>176437</v>
      </c>
      <c r="E52306" s="1" t="s">
        <v>176438</v>
      </c>
      <c r="F52306" s="1" t="s">
        <v>176439</v>
      </c>
      <c r="G52306" s="1" t="s">
        <v>176332</v>
      </c>
      <c r="H52306" s="1" t="s">
        <v>176333</v>
      </c>
      <c r="I52306" s="1" t="s">
        <v>172490</v>
      </c>
      <c r="J52306" s="1" t="s">
        <v>176440</v>
      </c>
    </row>
    <row r="52307" spans="1:10" x14ac:dyDescent="0.35">
      <c r="A52307" s="1" t="s">
        <v>4007</v>
      </c>
      <c r="B52307" s="1" t="s">
        <v>172484</v>
      </c>
      <c r="C52307" s="1" t="s">
        <v>8</v>
      </c>
      <c r="D52307" s="1" t="s">
        <v>33945</v>
      </c>
      <c r="E52307" s="1" t="s">
        <v>176441</v>
      </c>
      <c r="F52307" s="1" t="s">
        <v>176442</v>
      </c>
      <c r="G52307" s="1" t="s">
        <v>176443</v>
      </c>
      <c r="H52307" s="1" t="s">
        <v>176444</v>
      </c>
      <c r="I52307" s="1" t="s">
        <v>172490</v>
      </c>
      <c r="J52307" s="1" t="s">
        <v>13</v>
      </c>
    </row>
    <row r="52308" spans="1:10" x14ac:dyDescent="0.35">
      <c r="A52308" s="1" t="s">
        <v>4007</v>
      </c>
      <c r="B52308" s="1" t="s">
        <v>172484</v>
      </c>
      <c r="C52308" s="1" t="s">
        <v>15</v>
      </c>
      <c r="D52308" s="1" t="s">
        <v>5782</v>
      </c>
      <c r="E52308" s="1" t="s">
        <v>176445</v>
      </c>
      <c r="F52308" s="1" t="s">
        <v>176446</v>
      </c>
      <c r="G52308" s="1" t="s">
        <v>176443</v>
      </c>
      <c r="H52308" s="1" t="s">
        <v>176444</v>
      </c>
      <c r="I52308" s="1" t="s">
        <v>172490</v>
      </c>
      <c r="J52308" s="1" t="s">
        <v>176447</v>
      </c>
    </row>
    <row r="52309" spans="1:10" x14ac:dyDescent="0.35">
      <c r="A52309" s="1" t="s">
        <v>4007</v>
      </c>
      <c r="B52309" s="1" t="s">
        <v>172484</v>
      </c>
      <c r="C52309" s="1" t="s">
        <v>20</v>
      </c>
      <c r="D52309" s="1" t="s">
        <v>176448</v>
      </c>
      <c r="E52309" s="1" t="s">
        <v>176449</v>
      </c>
      <c r="F52309" s="1" t="s">
        <v>176450</v>
      </c>
      <c r="G52309" s="1" t="s">
        <v>176443</v>
      </c>
      <c r="H52309" s="1" t="s">
        <v>176444</v>
      </c>
      <c r="I52309" s="1" t="s">
        <v>172490</v>
      </c>
      <c r="J52309" s="1" t="s">
        <v>176451</v>
      </c>
    </row>
    <row r="52310" spans="1:10" x14ac:dyDescent="0.35">
      <c r="A52310" s="1" t="s">
        <v>4007</v>
      </c>
      <c r="B52310" s="1" t="s">
        <v>172484</v>
      </c>
      <c r="C52310" s="1" t="s">
        <v>25</v>
      </c>
      <c r="D52310" s="1" t="s">
        <v>72934</v>
      </c>
      <c r="E52310" s="1" t="s">
        <v>176452</v>
      </c>
      <c r="F52310" s="1" t="s">
        <v>176453</v>
      </c>
      <c r="G52310" s="1" t="s">
        <v>176443</v>
      </c>
      <c r="H52310" s="1" t="s">
        <v>176444</v>
      </c>
      <c r="I52310" s="1" t="s">
        <v>172490</v>
      </c>
      <c r="J52310" s="1" t="s">
        <v>176454</v>
      </c>
    </row>
    <row r="52311" spans="1:10" x14ac:dyDescent="0.35">
      <c r="A52311" s="1" t="s">
        <v>4007</v>
      </c>
      <c r="B52311" s="1" t="s">
        <v>172484</v>
      </c>
      <c r="C52311" s="1" t="s">
        <v>30</v>
      </c>
      <c r="D52311" s="1" t="s">
        <v>71233</v>
      </c>
      <c r="E52311" s="1" t="s">
        <v>176455</v>
      </c>
      <c r="F52311" s="1" t="s">
        <v>176456</v>
      </c>
      <c r="G52311" s="1" t="s">
        <v>176443</v>
      </c>
      <c r="H52311" s="1" t="s">
        <v>176444</v>
      </c>
      <c r="I52311" s="1" t="s">
        <v>172490</v>
      </c>
      <c r="J52311" s="1" t="s">
        <v>176457</v>
      </c>
    </row>
    <row r="52312" spans="1:10" x14ac:dyDescent="0.35">
      <c r="A52312" s="1" t="s">
        <v>4007</v>
      </c>
      <c r="B52312" s="1" t="s">
        <v>172484</v>
      </c>
      <c r="C52312" s="1" t="s">
        <v>35</v>
      </c>
      <c r="D52312" s="1" t="s">
        <v>135254</v>
      </c>
      <c r="E52312" s="1" t="s">
        <v>176458</v>
      </c>
      <c r="F52312" s="1" t="s">
        <v>176459</v>
      </c>
      <c r="G52312" s="1" t="s">
        <v>176443</v>
      </c>
      <c r="H52312" s="1" t="s">
        <v>176444</v>
      </c>
      <c r="I52312" s="1" t="s">
        <v>172490</v>
      </c>
      <c r="J52312" s="1" t="s">
        <v>176460</v>
      </c>
    </row>
    <row r="52313" spans="1:10" x14ac:dyDescent="0.35">
      <c r="A52313" s="1" t="s">
        <v>4007</v>
      </c>
      <c r="B52313" s="1" t="s">
        <v>172484</v>
      </c>
      <c r="C52313" s="1" t="s">
        <v>40</v>
      </c>
      <c r="D52313" s="1" t="s">
        <v>4153</v>
      </c>
      <c r="E52313" s="1" t="s">
        <v>176461</v>
      </c>
      <c r="F52313" s="1" t="s">
        <v>176462</v>
      </c>
      <c r="G52313" s="1" t="s">
        <v>176443</v>
      </c>
      <c r="H52313" s="1" t="s">
        <v>176444</v>
      </c>
      <c r="I52313" s="1" t="s">
        <v>172490</v>
      </c>
      <c r="J52313" s="1" t="s">
        <v>176463</v>
      </c>
    </row>
    <row r="52314" spans="1:10" x14ac:dyDescent="0.35">
      <c r="A52314" s="1" t="s">
        <v>4007</v>
      </c>
      <c r="B52314" s="1" t="s">
        <v>172484</v>
      </c>
      <c r="C52314" s="1" t="s">
        <v>45</v>
      </c>
      <c r="D52314" s="1" t="s">
        <v>155130</v>
      </c>
      <c r="E52314" s="1" t="s">
        <v>176464</v>
      </c>
      <c r="F52314" s="1" t="s">
        <v>176465</v>
      </c>
      <c r="G52314" s="1" t="s">
        <v>176443</v>
      </c>
      <c r="H52314" s="1" t="s">
        <v>176444</v>
      </c>
      <c r="I52314" s="1" t="s">
        <v>172490</v>
      </c>
      <c r="J52314" s="1" t="s">
        <v>176466</v>
      </c>
    </row>
    <row r="52315" spans="1:10" x14ac:dyDescent="0.35">
      <c r="A52315" s="1" t="s">
        <v>4007</v>
      </c>
      <c r="B52315" s="1" t="s">
        <v>172484</v>
      </c>
      <c r="C52315" s="1" t="s">
        <v>50</v>
      </c>
      <c r="D52315" s="1" t="s">
        <v>16177</v>
      </c>
      <c r="E52315" s="1" t="s">
        <v>176467</v>
      </c>
      <c r="F52315" s="1" t="s">
        <v>176468</v>
      </c>
      <c r="G52315" s="1" t="s">
        <v>176443</v>
      </c>
      <c r="H52315" s="1" t="s">
        <v>176444</v>
      </c>
      <c r="I52315" s="1" t="s">
        <v>172490</v>
      </c>
      <c r="J52315" s="1" t="s">
        <v>176469</v>
      </c>
    </row>
    <row r="52316" spans="1:10" x14ac:dyDescent="0.35">
      <c r="A52316" s="1" t="s">
        <v>4007</v>
      </c>
      <c r="B52316" s="1" t="s">
        <v>172484</v>
      </c>
      <c r="C52316" s="1" t="s">
        <v>55</v>
      </c>
      <c r="D52316" s="1" t="s">
        <v>120310</v>
      </c>
      <c r="E52316" s="1" t="s">
        <v>176470</v>
      </c>
      <c r="F52316" s="1" t="s">
        <v>176471</v>
      </c>
      <c r="G52316" s="1" t="s">
        <v>176443</v>
      </c>
      <c r="H52316" s="1" t="s">
        <v>176444</v>
      </c>
      <c r="I52316" s="1" t="s">
        <v>172490</v>
      </c>
      <c r="J52316" s="1" t="s">
        <v>176472</v>
      </c>
    </row>
    <row r="52317" spans="1:10" x14ac:dyDescent="0.35">
      <c r="A52317" s="1" t="s">
        <v>4007</v>
      </c>
      <c r="B52317" s="1" t="s">
        <v>172484</v>
      </c>
      <c r="C52317" s="1" t="s">
        <v>60</v>
      </c>
      <c r="D52317" s="1" t="s">
        <v>42638</v>
      </c>
      <c r="E52317" s="1" t="s">
        <v>176473</v>
      </c>
      <c r="F52317" s="1" t="s">
        <v>176474</v>
      </c>
      <c r="G52317" s="1" t="s">
        <v>176443</v>
      </c>
      <c r="H52317" s="1" t="s">
        <v>176444</v>
      </c>
      <c r="I52317" s="1" t="s">
        <v>172490</v>
      </c>
      <c r="J52317" s="1" t="s">
        <v>176475</v>
      </c>
    </row>
    <row r="52318" spans="1:10" x14ac:dyDescent="0.35">
      <c r="A52318" s="1" t="s">
        <v>4007</v>
      </c>
      <c r="B52318" s="1" t="s">
        <v>172484</v>
      </c>
      <c r="C52318" s="1" t="s">
        <v>65</v>
      </c>
      <c r="D52318" s="1" t="s">
        <v>73052</v>
      </c>
      <c r="E52318" s="1" t="s">
        <v>176476</v>
      </c>
      <c r="F52318" s="1" t="s">
        <v>176477</v>
      </c>
      <c r="G52318" s="1" t="s">
        <v>176443</v>
      </c>
      <c r="H52318" s="1" t="s">
        <v>176444</v>
      </c>
      <c r="I52318" s="1" t="s">
        <v>172490</v>
      </c>
      <c r="J52318" s="1" t="s">
        <v>176478</v>
      </c>
    </row>
    <row r="52319" spans="1:10" x14ac:dyDescent="0.35">
      <c r="A52319" s="1" t="s">
        <v>4007</v>
      </c>
      <c r="B52319" s="1" t="s">
        <v>172484</v>
      </c>
      <c r="C52319" s="1" t="s">
        <v>70</v>
      </c>
      <c r="D52319" s="1" t="s">
        <v>15314</v>
      </c>
      <c r="E52319" s="1" t="s">
        <v>176479</v>
      </c>
      <c r="F52319" s="1" t="s">
        <v>176480</v>
      </c>
      <c r="G52319" s="1" t="s">
        <v>176443</v>
      </c>
      <c r="H52319" s="1" t="s">
        <v>176444</v>
      </c>
      <c r="I52319" s="1" t="s">
        <v>172490</v>
      </c>
      <c r="J52319" s="1" t="s">
        <v>176481</v>
      </c>
    </row>
    <row r="52320" spans="1:10" x14ac:dyDescent="0.35">
      <c r="A52320" s="1" t="s">
        <v>4007</v>
      </c>
      <c r="B52320" s="1" t="s">
        <v>172484</v>
      </c>
      <c r="C52320" s="1" t="s">
        <v>75</v>
      </c>
      <c r="D52320" s="1" t="s">
        <v>149762</v>
      </c>
      <c r="E52320" s="1" t="s">
        <v>176482</v>
      </c>
      <c r="F52320" s="1" t="s">
        <v>176483</v>
      </c>
      <c r="G52320" s="1" t="s">
        <v>176443</v>
      </c>
      <c r="H52320" s="1" t="s">
        <v>176444</v>
      </c>
      <c r="I52320" s="1" t="s">
        <v>172490</v>
      </c>
      <c r="J52320" s="1" t="s">
        <v>176484</v>
      </c>
    </row>
    <row r="52321" spans="1:10" x14ac:dyDescent="0.35">
      <c r="A52321" s="1" t="s">
        <v>4007</v>
      </c>
      <c r="B52321" s="1" t="s">
        <v>172484</v>
      </c>
      <c r="C52321" s="1" t="s">
        <v>80</v>
      </c>
      <c r="D52321" s="1" t="s">
        <v>18941</v>
      </c>
      <c r="E52321" s="1" t="s">
        <v>176485</v>
      </c>
      <c r="F52321" s="1" t="s">
        <v>176486</v>
      </c>
      <c r="G52321" s="1" t="s">
        <v>176443</v>
      </c>
      <c r="H52321" s="1" t="s">
        <v>176444</v>
      </c>
      <c r="I52321" s="1" t="s">
        <v>172490</v>
      </c>
      <c r="J52321" s="1" t="s">
        <v>176487</v>
      </c>
    </row>
    <row r="52322" spans="1:10" x14ac:dyDescent="0.35">
      <c r="A52322" s="1" t="s">
        <v>4007</v>
      </c>
      <c r="B52322" s="1" t="s">
        <v>172484</v>
      </c>
      <c r="C52322" s="1" t="s">
        <v>85</v>
      </c>
      <c r="D52322" s="1" t="s">
        <v>135414</v>
      </c>
      <c r="E52322" s="1" t="s">
        <v>176488</v>
      </c>
      <c r="F52322" s="1" t="s">
        <v>176489</v>
      </c>
      <c r="G52322" s="1" t="s">
        <v>176443</v>
      </c>
      <c r="H52322" s="1" t="s">
        <v>176444</v>
      </c>
      <c r="I52322" s="1" t="s">
        <v>172490</v>
      </c>
      <c r="J52322" s="1" t="s">
        <v>176490</v>
      </c>
    </row>
    <row r="52323" spans="1:10" x14ac:dyDescent="0.35">
      <c r="A52323" s="1" t="s">
        <v>4007</v>
      </c>
      <c r="B52323" s="1" t="s">
        <v>172484</v>
      </c>
      <c r="C52323" s="1" t="s">
        <v>90</v>
      </c>
      <c r="D52323" s="1" t="s">
        <v>176491</v>
      </c>
      <c r="E52323" s="1" t="s">
        <v>176492</v>
      </c>
      <c r="F52323" s="1" t="s">
        <v>176493</v>
      </c>
      <c r="G52323" s="1" t="s">
        <v>176443</v>
      </c>
      <c r="H52323" s="1" t="s">
        <v>176444</v>
      </c>
      <c r="I52323" s="1" t="s">
        <v>172490</v>
      </c>
      <c r="J52323" s="1" t="s">
        <v>176494</v>
      </c>
    </row>
    <row r="52324" spans="1:10" x14ac:dyDescent="0.35">
      <c r="A52324" s="1" t="s">
        <v>4007</v>
      </c>
      <c r="B52324" s="1" t="s">
        <v>172484</v>
      </c>
      <c r="C52324" s="1" t="s">
        <v>95</v>
      </c>
      <c r="D52324" s="1" t="s">
        <v>36500</v>
      </c>
      <c r="E52324" s="1" t="s">
        <v>176495</v>
      </c>
      <c r="F52324" s="1" t="s">
        <v>176496</v>
      </c>
      <c r="G52324" s="1" t="s">
        <v>176443</v>
      </c>
      <c r="H52324" s="1" t="s">
        <v>176444</v>
      </c>
      <c r="I52324" s="1" t="s">
        <v>172490</v>
      </c>
      <c r="J52324" s="1" t="s">
        <v>176497</v>
      </c>
    </row>
    <row r="52325" spans="1:10" x14ac:dyDescent="0.35">
      <c r="A52325" s="1" t="s">
        <v>4007</v>
      </c>
      <c r="B52325" s="1" t="s">
        <v>172484</v>
      </c>
      <c r="C52325" s="1" t="s">
        <v>100</v>
      </c>
      <c r="D52325" s="1" t="s">
        <v>160835</v>
      </c>
      <c r="E52325" s="1" t="s">
        <v>176498</v>
      </c>
      <c r="F52325" s="1" t="s">
        <v>176499</v>
      </c>
      <c r="G52325" s="1" t="s">
        <v>176443</v>
      </c>
      <c r="H52325" s="1" t="s">
        <v>176444</v>
      </c>
      <c r="I52325" s="1" t="s">
        <v>172490</v>
      </c>
      <c r="J52325" s="1" t="s">
        <v>176500</v>
      </c>
    </row>
    <row r="52326" spans="1:10" x14ac:dyDescent="0.35">
      <c r="A52326" s="1" t="s">
        <v>4007</v>
      </c>
      <c r="B52326" s="1" t="s">
        <v>172484</v>
      </c>
      <c r="C52326" s="1" t="s">
        <v>105</v>
      </c>
      <c r="D52326" s="1" t="s">
        <v>176501</v>
      </c>
      <c r="E52326" s="1" t="s">
        <v>176502</v>
      </c>
      <c r="F52326" s="1" t="s">
        <v>176503</v>
      </c>
      <c r="G52326" s="1" t="s">
        <v>176443</v>
      </c>
      <c r="H52326" s="1" t="s">
        <v>176444</v>
      </c>
      <c r="I52326" s="1" t="s">
        <v>172490</v>
      </c>
      <c r="J52326" s="1" t="s">
        <v>176504</v>
      </c>
    </row>
    <row r="52327" spans="1:10" x14ac:dyDescent="0.35">
      <c r="A52327" s="1" t="s">
        <v>4007</v>
      </c>
      <c r="B52327" s="1" t="s">
        <v>172484</v>
      </c>
      <c r="C52327" s="1" t="s">
        <v>110</v>
      </c>
      <c r="D52327" s="1" t="s">
        <v>73283</v>
      </c>
      <c r="E52327" s="1" t="s">
        <v>176505</v>
      </c>
      <c r="F52327" s="1" t="s">
        <v>176506</v>
      </c>
      <c r="G52327" s="1" t="s">
        <v>176443</v>
      </c>
      <c r="H52327" s="1" t="s">
        <v>176444</v>
      </c>
      <c r="I52327" s="1" t="s">
        <v>172490</v>
      </c>
      <c r="J52327" s="1" t="s">
        <v>176507</v>
      </c>
    </row>
    <row r="52328" spans="1:10" x14ac:dyDescent="0.35">
      <c r="A52328" s="1" t="s">
        <v>4007</v>
      </c>
      <c r="B52328" s="1" t="s">
        <v>172484</v>
      </c>
      <c r="C52328" s="1" t="s">
        <v>115</v>
      </c>
      <c r="D52328" s="1" t="s">
        <v>176508</v>
      </c>
      <c r="E52328" s="1" t="s">
        <v>176509</v>
      </c>
      <c r="F52328" s="1" t="s">
        <v>176510</v>
      </c>
      <c r="G52328" s="1" t="s">
        <v>176443</v>
      </c>
      <c r="H52328" s="1" t="s">
        <v>176444</v>
      </c>
      <c r="I52328" s="1" t="s">
        <v>172490</v>
      </c>
      <c r="J52328" s="1" t="s">
        <v>176511</v>
      </c>
    </row>
    <row r="52329" spans="1:10" x14ac:dyDescent="0.35">
      <c r="A52329" s="1" t="s">
        <v>4007</v>
      </c>
      <c r="B52329" s="1" t="s">
        <v>172484</v>
      </c>
      <c r="C52329" s="1" t="s">
        <v>120</v>
      </c>
      <c r="D52329" s="1" t="s">
        <v>105183</v>
      </c>
      <c r="E52329" s="1" t="s">
        <v>176512</v>
      </c>
      <c r="F52329" s="1" t="s">
        <v>176513</v>
      </c>
      <c r="G52329" s="1" t="s">
        <v>176443</v>
      </c>
      <c r="H52329" s="1" t="s">
        <v>176444</v>
      </c>
      <c r="I52329" s="1" t="s">
        <v>172490</v>
      </c>
      <c r="J52329" s="1" t="s">
        <v>176514</v>
      </c>
    </row>
    <row r="52330" spans="1:10" x14ac:dyDescent="0.35">
      <c r="A52330" s="1" t="s">
        <v>4007</v>
      </c>
      <c r="B52330" s="1" t="s">
        <v>172484</v>
      </c>
      <c r="C52330" s="1" t="s">
        <v>125</v>
      </c>
      <c r="D52330" s="1" t="s">
        <v>115029</v>
      </c>
      <c r="E52330" s="1" t="s">
        <v>176515</v>
      </c>
      <c r="F52330" s="1" t="s">
        <v>176516</v>
      </c>
      <c r="G52330" s="1" t="s">
        <v>176443</v>
      </c>
      <c r="H52330" s="1" t="s">
        <v>176444</v>
      </c>
      <c r="I52330" s="1" t="s">
        <v>172490</v>
      </c>
      <c r="J52330" s="1" t="s">
        <v>176517</v>
      </c>
    </row>
    <row r="52331" spans="1:10" x14ac:dyDescent="0.35">
      <c r="A52331" s="1" t="s">
        <v>4007</v>
      </c>
      <c r="B52331" s="1" t="s">
        <v>172484</v>
      </c>
      <c r="C52331" s="1" t="s">
        <v>130</v>
      </c>
      <c r="D52331" s="1" t="s">
        <v>176518</v>
      </c>
      <c r="E52331" s="1" t="s">
        <v>176519</v>
      </c>
      <c r="F52331" s="1" t="s">
        <v>176520</v>
      </c>
      <c r="G52331" s="1" t="s">
        <v>176443</v>
      </c>
      <c r="H52331" s="1" t="s">
        <v>176444</v>
      </c>
      <c r="I52331" s="1" t="s">
        <v>172490</v>
      </c>
      <c r="J52331" s="1" t="s">
        <v>176521</v>
      </c>
    </row>
    <row r="52332" spans="1:10" x14ac:dyDescent="0.35">
      <c r="A52332" s="1" t="s">
        <v>4007</v>
      </c>
      <c r="B52332" s="1" t="s">
        <v>172484</v>
      </c>
      <c r="C52332" s="1" t="s">
        <v>135</v>
      </c>
      <c r="D52332" s="1" t="s">
        <v>176522</v>
      </c>
      <c r="E52332" s="1" t="s">
        <v>176523</v>
      </c>
      <c r="F52332" s="1" t="s">
        <v>176524</v>
      </c>
      <c r="G52332" s="1" t="s">
        <v>176443</v>
      </c>
      <c r="H52332" s="1" t="s">
        <v>176444</v>
      </c>
      <c r="I52332" s="1" t="s">
        <v>172490</v>
      </c>
      <c r="J52332" s="1" t="s">
        <v>176525</v>
      </c>
    </row>
    <row r="52333" spans="1:10" x14ac:dyDescent="0.35">
      <c r="A52333" s="1" t="s">
        <v>4007</v>
      </c>
      <c r="B52333" s="1" t="s">
        <v>172484</v>
      </c>
      <c r="C52333" s="1" t="s">
        <v>140</v>
      </c>
      <c r="D52333" s="1" t="s">
        <v>176526</v>
      </c>
      <c r="E52333" s="1" t="s">
        <v>176527</v>
      </c>
      <c r="F52333" s="1" t="s">
        <v>176528</v>
      </c>
      <c r="G52333" s="1" t="s">
        <v>176443</v>
      </c>
      <c r="H52333" s="1" t="s">
        <v>176444</v>
      </c>
      <c r="I52333" s="1" t="s">
        <v>172490</v>
      </c>
      <c r="J52333" s="1" t="s">
        <v>176529</v>
      </c>
    </row>
    <row r="52334" spans="1:10" x14ac:dyDescent="0.35">
      <c r="A52334" s="1" t="s">
        <v>4007</v>
      </c>
      <c r="B52334" s="1" t="s">
        <v>172484</v>
      </c>
      <c r="C52334" s="1" t="s">
        <v>145</v>
      </c>
      <c r="D52334" s="1" t="s">
        <v>146944</v>
      </c>
      <c r="E52334" s="1" t="s">
        <v>176530</v>
      </c>
      <c r="F52334" s="1" t="s">
        <v>176531</v>
      </c>
      <c r="G52334" s="1" t="s">
        <v>176443</v>
      </c>
      <c r="H52334" s="1" t="s">
        <v>176444</v>
      </c>
      <c r="I52334" s="1" t="s">
        <v>172490</v>
      </c>
      <c r="J52334" s="1" t="s">
        <v>176532</v>
      </c>
    </row>
    <row r="52335" spans="1:10" x14ac:dyDescent="0.35">
      <c r="A52335" s="1" t="s">
        <v>4007</v>
      </c>
      <c r="B52335" s="1" t="s">
        <v>172484</v>
      </c>
      <c r="C52335" s="1" t="s">
        <v>150</v>
      </c>
      <c r="D52335" s="1" t="s">
        <v>176533</v>
      </c>
      <c r="E52335" s="1" t="s">
        <v>176534</v>
      </c>
      <c r="F52335" s="1" t="s">
        <v>176535</v>
      </c>
      <c r="G52335" s="1" t="s">
        <v>176443</v>
      </c>
      <c r="H52335" s="1" t="s">
        <v>176444</v>
      </c>
      <c r="I52335" s="1" t="s">
        <v>172490</v>
      </c>
      <c r="J52335" s="1" t="s">
        <v>176536</v>
      </c>
    </row>
    <row r="52336" spans="1:10" x14ac:dyDescent="0.35">
      <c r="A52336" s="1" t="s">
        <v>4007</v>
      </c>
      <c r="B52336" s="1" t="s">
        <v>172484</v>
      </c>
      <c r="C52336" s="1" t="s">
        <v>155</v>
      </c>
      <c r="D52336" s="1" t="s">
        <v>176537</v>
      </c>
      <c r="E52336" s="1" t="s">
        <v>176538</v>
      </c>
      <c r="F52336" s="1" t="s">
        <v>176539</v>
      </c>
      <c r="G52336" s="1" t="s">
        <v>176443</v>
      </c>
      <c r="H52336" s="1" t="s">
        <v>176444</v>
      </c>
      <c r="I52336" s="1" t="s">
        <v>172490</v>
      </c>
      <c r="J52336" s="1" t="s">
        <v>176540</v>
      </c>
    </row>
    <row r="52337" spans="1:10" x14ac:dyDescent="0.35">
      <c r="A52337" s="1" t="s">
        <v>4007</v>
      </c>
      <c r="B52337" s="1" t="s">
        <v>172484</v>
      </c>
      <c r="C52337" s="1" t="s">
        <v>160</v>
      </c>
      <c r="D52337" s="1" t="s">
        <v>176541</v>
      </c>
      <c r="E52337" s="1" t="s">
        <v>176542</v>
      </c>
      <c r="F52337" s="1" t="s">
        <v>176543</v>
      </c>
      <c r="G52337" s="1" t="s">
        <v>176443</v>
      </c>
      <c r="H52337" s="1" t="s">
        <v>176444</v>
      </c>
      <c r="I52337" s="1" t="s">
        <v>172490</v>
      </c>
      <c r="J52337" s="1" t="s">
        <v>176544</v>
      </c>
    </row>
    <row r="52338" spans="1:10" x14ac:dyDescent="0.35">
      <c r="A52338" s="1" t="s">
        <v>4007</v>
      </c>
      <c r="B52338" s="1" t="s">
        <v>172484</v>
      </c>
      <c r="C52338" s="1" t="s">
        <v>165</v>
      </c>
      <c r="D52338" s="1" t="s">
        <v>38694</v>
      </c>
      <c r="E52338" s="1" t="s">
        <v>176545</v>
      </c>
      <c r="F52338" s="1" t="s">
        <v>176546</v>
      </c>
      <c r="G52338" s="1" t="s">
        <v>176443</v>
      </c>
      <c r="H52338" s="1" t="s">
        <v>176444</v>
      </c>
      <c r="I52338" s="1" t="s">
        <v>172490</v>
      </c>
      <c r="J52338" s="1" t="s">
        <v>176547</v>
      </c>
    </row>
    <row r="52339" spans="1:10" x14ac:dyDescent="0.35">
      <c r="A52339" s="1" t="s">
        <v>4007</v>
      </c>
      <c r="B52339" s="1" t="s">
        <v>172484</v>
      </c>
      <c r="C52339" s="1" t="s">
        <v>170</v>
      </c>
      <c r="D52339" s="1" t="s">
        <v>18135</v>
      </c>
      <c r="E52339" s="1" t="s">
        <v>176548</v>
      </c>
      <c r="F52339" s="1" t="s">
        <v>176549</v>
      </c>
      <c r="G52339" s="1" t="s">
        <v>176443</v>
      </c>
      <c r="H52339" s="1" t="s">
        <v>176444</v>
      </c>
      <c r="I52339" s="1" t="s">
        <v>172490</v>
      </c>
      <c r="J52339" s="1" t="s">
        <v>176550</v>
      </c>
    </row>
    <row r="52340" spans="1:10" x14ac:dyDescent="0.35">
      <c r="A52340" s="1" t="s">
        <v>10288</v>
      </c>
      <c r="B52340" s="1" t="s">
        <v>172484</v>
      </c>
      <c r="C52340" s="1" t="s">
        <v>8</v>
      </c>
      <c r="D52340" s="1" t="s">
        <v>161300</v>
      </c>
      <c r="E52340" s="1" t="s">
        <v>176551</v>
      </c>
      <c r="F52340" s="1" t="s">
        <v>176552</v>
      </c>
      <c r="G52340" s="1" t="s">
        <v>176553</v>
      </c>
      <c r="H52340" s="1" t="s">
        <v>176554</v>
      </c>
      <c r="I52340" s="1" t="s">
        <v>172490</v>
      </c>
      <c r="J52340" s="1" t="s">
        <v>13</v>
      </c>
    </row>
    <row r="52341" spans="1:10" x14ac:dyDescent="0.35">
      <c r="A52341" s="1" t="s">
        <v>10288</v>
      </c>
      <c r="B52341" s="1" t="s">
        <v>172484</v>
      </c>
      <c r="C52341" s="1" t="s">
        <v>15</v>
      </c>
      <c r="D52341" s="1" t="s">
        <v>35560</v>
      </c>
      <c r="E52341" s="1" t="s">
        <v>176555</v>
      </c>
      <c r="F52341" s="1" t="s">
        <v>176556</v>
      </c>
      <c r="G52341" s="1" t="s">
        <v>176553</v>
      </c>
      <c r="H52341" s="1" t="s">
        <v>176554</v>
      </c>
      <c r="I52341" s="1" t="s">
        <v>172490</v>
      </c>
      <c r="J52341" s="1" t="s">
        <v>176557</v>
      </c>
    </row>
    <row r="52342" spans="1:10" x14ac:dyDescent="0.35">
      <c r="A52342" s="1" t="s">
        <v>10288</v>
      </c>
      <c r="B52342" s="1" t="s">
        <v>172484</v>
      </c>
      <c r="C52342" s="1" t="s">
        <v>20</v>
      </c>
      <c r="D52342" s="1" t="s">
        <v>176558</v>
      </c>
      <c r="E52342" s="1" t="s">
        <v>176559</v>
      </c>
      <c r="F52342" s="1" t="s">
        <v>176560</v>
      </c>
      <c r="G52342" s="1" t="s">
        <v>176553</v>
      </c>
      <c r="H52342" s="1" t="s">
        <v>176554</v>
      </c>
      <c r="I52342" s="1" t="s">
        <v>172490</v>
      </c>
      <c r="J52342" s="1" t="s">
        <v>176561</v>
      </c>
    </row>
    <row r="52343" spans="1:10" x14ac:dyDescent="0.35">
      <c r="A52343" s="1" t="s">
        <v>10288</v>
      </c>
      <c r="B52343" s="1" t="s">
        <v>172484</v>
      </c>
      <c r="C52343" s="1" t="s">
        <v>25</v>
      </c>
      <c r="D52343" s="1" t="s">
        <v>176562</v>
      </c>
      <c r="E52343" s="1" t="s">
        <v>176563</v>
      </c>
      <c r="F52343" s="1" t="s">
        <v>176564</v>
      </c>
      <c r="G52343" s="1" t="s">
        <v>176553</v>
      </c>
      <c r="H52343" s="1" t="s">
        <v>176554</v>
      </c>
      <c r="I52343" s="1" t="s">
        <v>172490</v>
      </c>
      <c r="J52343" s="1" t="s">
        <v>176565</v>
      </c>
    </row>
    <row r="52344" spans="1:10" x14ac:dyDescent="0.35">
      <c r="A52344" s="1" t="s">
        <v>10288</v>
      </c>
      <c r="B52344" s="1" t="s">
        <v>172484</v>
      </c>
      <c r="C52344" s="1" t="s">
        <v>30</v>
      </c>
      <c r="D52344" s="1" t="s">
        <v>601</v>
      </c>
      <c r="E52344" s="1" t="s">
        <v>176566</v>
      </c>
      <c r="F52344" s="1" t="s">
        <v>176567</v>
      </c>
      <c r="G52344" s="1" t="s">
        <v>176553</v>
      </c>
      <c r="H52344" s="1" t="s">
        <v>176554</v>
      </c>
      <c r="I52344" s="1" t="s">
        <v>172490</v>
      </c>
      <c r="J52344" s="1" t="s">
        <v>176568</v>
      </c>
    </row>
    <row r="52345" spans="1:10" x14ac:dyDescent="0.35">
      <c r="A52345" s="1" t="s">
        <v>10288</v>
      </c>
      <c r="B52345" s="1" t="s">
        <v>172484</v>
      </c>
      <c r="C52345" s="1" t="s">
        <v>35</v>
      </c>
      <c r="D52345" s="1" t="s">
        <v>31983</v>
      </c>
      <c r="E52345" s="1" t="s">
        <v>176569</v>
      </c>
      <c r="F52345" s="1" t="s">
        <v>176570</v>
      </c>
      <c r="G52345" s="1" t="s">
        <v>176553</v>
      </c>
      <c r="H52345" s="1" t="s">
        <v>176554</v>
      </c>
      <c r="I52345" s="1" t="s">
        <v>172490</v>
      </c>
      <c r="J52345" s="1" t="s">
        <v>176571</v>
      </c>
    </row>
    <row r="52346" spans="1:10" x14ac:dyDescent="0.35">
      <c r="A52346" s="1" t="s">
        <v>10288</v>
      </c>
      <c r="B52346" s="1" t="s">
        <v>172484</v>
      </c>
      <c r="C52346" s="1" t="s">
        <v>40</v>
      </c>
      <c r="D52346" s="1" t="s">
        <v>45519</v>
      </c>
      <c r="E52346" s="1" t="s">
        <v>176572</v>
      </c>
      <c r="F52346" s="1" t="s">
        <v>176573</v>
      </c>
      <c r="G52346" s="1" t="s">
        <v>176553</v>
      </c>
      <c r="H52346" s="1" t="s">
        <v>176554</v>
      </c>
      <c r="I52346" s="1" t="s">
        <v>172490</v>
      </c>
      <c r="J52346" s="1" t="s">
        <v>176574</v>
      </c>
    </row>
    <row r="52347" spans="1:10" x14ac:dyDescent="0.35">
      <c r="A52347" s="1" t="s">
        <v>10288</v>
      </c>
      <c r="B52347" s="1" t="s">
        <v>172484</v>
      </c>
      <c r="C52347" s="1" t="s">
        <v>45</v>
      </c>
      <c r="D52347" s="1" t="s">
        <v>110461</v>
      </c>
      <c r="E52347" s="1" t="s">
        <v>176575</v>
      </c>
      <c r="F52347" s="1" t="s">
        <v>176576</v>
      </c>
      <c r="G52347" s="1" t="s">
        <v>176553</v>
      </c>
      <c r="H52347" s="1" t="s">
        <v>176554</v>
      </c>
      <c r="I52347" s="1" t="s">
        <v>172490</v>
      </c>
      <c r="J52347" s="1" t="s">
        <v>176577</v>
      </c>
    </row>
    <row r="52348" spans="1:10" x14ac:dyDescent="0.35">
      <c r="A52348" s="1" t="s">
        <v>10288</v>
      </c>
      <c r="B52348" s="1" t="s">
        <v>172484</v>
      </c>
      <c r="C52348" s="1" t="s">
        <v>50</v>
      </c>
      <c r="D52348" s="1" t="s">
        <v>71191</v>
      </c>
      <c r="E52348" s="1" t="s">
        <v>176578</v>
      </c>
      <c r="F52348" s="1" t="s">
        <v>176579</v>
      </c>
      <c r="G52348" s="1" t="s">
        <v>176553</v>
      </c>
      <c r="H52348" s="1" t="s">
        <v>176554</v>
      </c>
      <c r="I52348" s="1" t="s">
        <v>172490</v>
      </c>
      <c r="J52348" s="1" t="s">
        <v>176580</v>
      </c>
    </row>
    <row r="52349" spans="1:10" x14ac:dyDescent="0.35">
      <c r="A52349" s="1" t="s">
        <v>10288</v>
      </c>
      <c r="B52349" s="1" t="s">
        <v>172484</v>
      </c>
      <c r="C52349" s="1" t="s">
        <v>55</v>
      </c>
      <c r="D52349" s="1" t="s">
        <v>30867</v>
      </c>
      <c r="E52349" s="1" t="s">
        <v>176559</v>
      </c>
      <c r="F52349" s="1" t="s">
        <v>176581</v>
      </c>
      <c r="G52349" s="1" t="s">
        <v>176553</v>
      </c>
      <c r="H52349" s="1" t="s">
        <v>176554</v>
      </c>
      <c r="I52349" s="1" t="s">
        <v>172490</v>
      </c>
      <c r="J52349" s="1" t="s">
        <v>176582</v>
      </c>
    </row>
    <row r="52350" spans="1:10" x14ac:dyDescent="0.35">
      <c r="A52350" s="1" t="s">
        <v>10288</v>
      </c>
      <c r="B52350" s="1" t="s">
        <v>172484</v>
      </c>
      <c r="C52350" s="1" t="s">
        <v>60</v>
      </c>
      <c r="D52350" s="1" t="s">
        <v>176583</v>
      </c>
      <c r="E52350" s="1" t="s">
        <v>176584</v>
      </c>
      <c r="F52350" s="1" t="s">
        <v>176585</v>
      </c>
      <c r="G52350" s="1" t="s">
        <v>176553</v>
      </c>
      <c r="H52350" s="1" t="s">
        <v>176554</v>
      </c>
      <c r="I52350" s="1" t="s">
        <v>172490</v>
      </c>
      <c r="J52350" s="1" t="s">
        <v>176586</v>
      </c>
    </row>
    <row r="52351" spans="1:10" x14ac:dyDescent="0.35">
      <c r="A52351" s="1" t="s">
        <v>10288</v>
      </c>
      <c r="B52351" s="1" t="s">
        <v>172484</v>
      </c>
      <c r="C52351" s="1" t="s">
        <v>65</v>
      </c>
      <c r="D52351" s="1" t="s">
        <v>8831</v>
      </c>
      <c r="E52351" s="1" t="s">
        <v>176587</v>
      </c>
      <c r="F52351" s="1" t="s">
        <v>176588</v>
      </c>
      <c r="G52351" s="1" t="s">
        <v>176553</v>
      </c>
      <c r="H52351" s="1" t="s">
        <v>176554</v>
      </c>
      <c r="I52351" s="1" t="s">
        <v>172490</v>
      </c>
      <c r="J52351" s="1" t="s">
        <v>176589</v>
      </c>
    </row>
    <row r="52352" spans="1:10" x14ac:dyDescent="0.35">
      <c r="A52352" s="1" t="s">
        <v>10288</v>
      </c>
      <c r="B52352" s="1" t="s">
        <v>172484</v>
      </c>
      <c r="C52352" s="1" t="s">
        <v>70</v>
      </c>
      <c r="D52352" s="1" t="s">
        <v>176590</v>
      </c>
      <c r="E52352" s="1" t="s">
        <v>176591</v>
      </c>
      <c r="F52352" s="1" t="s">
        <v>176592</v>
      </c>
      <c r="G52352" s="1" t="s">
        <v>176553</v>
      </c>
      <c r="H52352" s="1" t="s">
        <v>176554</v>
      </c>
      <c r="I52352" s="1" t="s">
        <v>172490</v>
      </c>
      <c r="J52352" s="1" t="s">
        <v>176593</v>
      </c>
    </row>
    <row r="52353" spans="1:10" x14ac:dyDescent="0.35">
      <c r="A52353" s="1" t="s">
        <v>10288</v>
      </c>
      <c r="B52353" s="1" t="s">
        <v>172484</v>
      </c>
      <c r="C52353" s="1" t="s">
        <v>75</v>
      </c>
      <c r="D52353" s="1" t="s">
        <v>176594</v>
      </c>
      <c r="E52353" s="1" t="s">
        <v>176595</v>
      </c>
      <c r="F52353" s="1" t="s">
        <v>176596</v>
      </c>
      <c r="G52353" s="1" t="s">
        <v>176553</v>
      </c>
      <c r="H52353" s="1" t="s">
        <v>176554</v>
      </c>
      <c r="I52353" s="1" t="s">
        <v>172490</v>
      </c>
      <c r="J52353" s="1" t="s">
        <v>176597</v>
      </c>
    </row>
    <row r="52354" spans="1:10" x14ac:dyDescent="0.35">
      <c r="A52354" s="1" t="s">
        <v>10288</v>
      </c>
      <c r="B52354" s="1" t="s">
        <v>172484</v>
      </c>
      <c r="C52354" s="1" t="s">
        <v>80</v>
      </c>
      <c r="D52354" s="1" t="s">
        <v>176598</v>
      </c>
      <c r="E52354" s="1" t="s">
        <v>176599</v>
      </c>
      <c r="F52354" s="1" t="s">
        <v>176600</v>
      </c>
      <c r="G52354" s="1" t="s">
        <v>176553</v>
      </c>
      <c r="H52354" s="1" t="s">
        <v>176554</v>
      </c>
      <c r="I52354" s="1" t="s">
        <v>172490</v>
      </c>
      <c r="J52354" s="1" t="s">
        <v>176601</v>
      </c>
    </row>
    <row r="52355" spans="1:10" x14ac:dyDescent="0.35">
      <c r="A52355" s="1" t="s">
        <v>10288</v>
      </c>
      <c r="B52355" s="1" t="s">
        <v>172484</v>
      </c>
      <c r="C52355" s="1" t="s">
        <v>85</v>
      </c>
      <c r="D52355" s="1" t="s">
        <v>3048</v>
      </c>
      <c r="E52355" s="1" t="s">
        <v>176602</v>
      </c>
      <c r="F52355" s="1" t="s">
        <v>176603</v>
      </c>
      <c r="G52355" s="1" t="s">
        <v>176553</v>
      </c>
      <c r="H52355" s="1" t="s">
        <v>176554</v>
      </c>
      <c r="I52355" s="1" t="s">
        <v>172490</v>
      </c>
      <c r="J52355" s="1" t="s">
        <v>176604</v>
      </c>
    </row>
    <row r="52356" spans="1:10" x14ac:dyDescent="0.35">
      <c r="A52356" s="1" t="s">
        <v>10288</v>
      </c>
      <c r="B52356" s="1" t="s">
        <v>172484</v>
      </c>
      <c r="C52356" s="1" t="s">
        <v>90</v>
      </c>
      <c r="D52356" s="1" t="s">
        <v>176605</v>
      </c>
      <c r="E52356" s="1" t="s">
        <v>176606</v>
      </c>
      <c r="F52356" s="1" t="s">
        <v>176607</v>
      </c>
      <c r="G52356" s="1" t="s">
        <v>176553</v>
      </c>
      <c r="H52356" s="1" t="s">
        <v>176554</v>
      </c>
      <c r="I52356" s="1" t="s">
        <v>172490</v>
      </c>
      <c r="J52356" s="1" t="s">
        <v>176608</v>
      </c>
    </row>
    <row r="52357" spans="1:10" x14ac:dyDescent="0.35">
      <c r="A52357" s="1" t="s">
        <v>10288</v>
      </c>
      <c r="B52357" s="1" t="s">
        <v>172484</v>
      </c>
      <c r="C52357" s="1" t="s">
        <v>95</v>
      </c>
      <c r="D52357" s="1" t="s">
        <v>176609</v>
      </c>
      <c r="E52357" s="1" t="s">
        <v>176610</v>
      </c>
      <c r="F52357" s="1" t="s">
        <v>176611</v>
      </c>
      <c r="G52357" s="1" t="s">
        <v>176553</v>
      </c>
      <c r="H52357" s="1" t="s">
        <v>176554</v>
      </c>
      <c r="I52357" s="1" t="s">
        <v>172490</v>
      </c>
      <c r="J52357" s="1" t="s">
        <v>176612</v>
      </c>
    </row>
    <row r="52358" spans="1:10" x14ac:dyDescent="0.35">
      <c r="A52358" s="1" t="s">
        <v>10288</v>
      </c>
      <c r="B52358" s="1" t="s">
        <v>172484</v>
      </c>
      <c r="C52358" s="1" t="s">
        <v>100</v>
      </c>
      <c r="D52358" s="1" t="s">
        <v>176613</v>
      </c>
      <c r="E52358" s="1" t="s">
        <v>176614</v>
      </c>
      <c r="F52358" s="1" t="s">
        <v>176615</v>
      </c>
      <c r="G52358" s="1" t="s">
        <v>176553</v>
      </c>
      <c r="H52358" s="1" t="s">
        <v>176554</v>
      </c>
      <c r="I52358" s="1" t="s">
        <v>172490</v>
      </c>
      <c r="J52358" s="1" t="s">
        <v>176616</v>
      </c>
    </row>
    <row r="52359" spans="1:10" x14ac:dyDescent="0.35">
      <c r="A52359" s="1" t="s">
        <v>10288</v>
      </c>
      <c r="B52359" s="1" t="s">
        <v>172484</v>
      </c>
      <c r="C52359" s="1" t="s">
        <v>105</v>
      </c>
      <c r="D52359" s="1" t="s">
        <v>43394</v>
      </c>
      <c r="E52359" s="1" t="s">
        <v>176617</v>
      </c>
      <c r="F52359" s="1" t="s">
        <v>176618</v>
      </c>
      <c r="G52359" s="1" t="s">
        <v>176553</v>
      </c>
      <c r="H52359" s="1" t="s">
        <v>176554</v>
      </c>
      <c r="I52359" s="1" t="s">
        <v>172490</v>
      </c>
      <c r="J52359" s="1" t="s">
        <v>176619</v>
      </c>
    </row>
    <row r="52360" spans="1:10" x14ac:dyDescent="0.35">
      <c r="A52360" s="1" t="s">
        <v>10288</v>
      </c>
      <c r="B52360" s="1" t="s">
        <v>172484</v>
      </c>
      <c r="C52360" s="1" t="s">
        <v>110</v>
      </c>
      <c r="D52360" s="1" t="s">
        <v>153904</v>
      </c>
      <c r="E52360" s="1" t="s">
        <v>176620</v>
      </c>
      <c r="F52360" s="1" t="s">
        <v>176621</v>
      </c>
      <c r="G52360" s="1" t="s">
        <v>176553</v>
      </c>
      <c r="H52360" s="1" t="s">
        <v>176554</v>
      </c>
      <c r="I52360" s="1" t="s">
        <v>172490</v>
      </c>
      <c r="J52360" s="1" t="s">
        <v>176622</v>
      </c>
    </row>
    <row r="52361" spans="1:10" x14ac:dyDescent="0.35">
      <c r="A52361" s="1" t="s">
        <v>10288</v>
      </c>
      <c r="B52361" s="1" t="s">
        <v>172484</v>
      </c>
      <c r="C52361" s="1" t="s">
        <v>115</v>
      </c>
      <c r="D52361" s="1" t="s">
        <v>153766</v>
      </c>
      <c r="E52361" s="1" t="s">
        <v>176623</v>
      </c>
      <c r="F52361" s="1" t="s">
        <v>176624</v>
      </c>
      <c r="G52361" s="1" t="s">
        <v>176553</v>
      </c>
      <c r="H52361" s="1" t="s">
        <v>176554</v>
      </c>
      <c r="I52361" s="1" t="s">
        <v>172490</v>
      </c>
      <c r="J52361" s="1" t="s">
        <v>176625</v>
      </c>
    </row>
    <row r="52362" spans="1:10" x14ac:dyDescent="0.35">
      <c r="A52362" s="1" t="s">
        <v>10288</v>
      </c>
      <c r="B52362" s="1" t="s">
        <v>172484</v>
      </c>
      <c r="C52362" s="1" t="s">
        <v>120</v>
      </c>
      <c r="D52362" s="1" t="s">
        <v>115059</v>
      </c>
      <c r="E52362" s="1" t="s">
        <v>176626</v>
      </c>
      <c r="F52362" s="1" t="s">
        <v>176627</v>
      </c>
      <c r="G52362" s="1" t="s">
        <v>176553</v>
      </c>
      <c r="H52362" s="1" t="s">
        <v>176554</v>
      </c>
      <c r="I52362" s="1" t="s">
        <v>172490</v>
      </c>
      <c r="J52362" s="1" t="s">
        <v>176628</v>
      </c>
    </row>
    <row r="52363" spans="1:10" x14ac:dyDescent="0.35">
      <c r="A52363" s="1" t="s">
        <v>10288</v>
      </c>
      <c r="B52363" s="1" t="s">
        <v>172484</v>
      </c>
      <c r="C52363" s="1" t="s">
        <v>125</v>
      </c>
      <c r="D52363" s="1" t="s">
        <v>176629</v>
      </c>
      <c r="E52363" s="1" t="s">
        <v>176630</v>
      </c>
      <c r="F52363" s="1" t="s">
        <v>176631</v>
      </c>
      <c r="G52363" s="1" t="s">
        <v>176553</v>
      </c>
      <c r="H52363" s="1" t="s">
        <v>176554</v>
      </c>
      <c r="I52363" s="1" t="s">
        <v>172490</v>
      </c>
      <c r="J52363" s="1" t="s">
        <v>176632</v>
      </c>
    </row>
    <row r="52364" spans="1:10" x14ac:dyDescent="0.35">
      <c r="A52364" s="1" t="s">
        <v>10288</v>
      </c>
      <c r="B52364" s="1" t="s">
        <v>172484</v>
      </c>
      <c r="C52364" s="1" t="s">
        <v>130</v>
      </c>
      <c r="D52364" s="1" t="s">
        <v>176633</v>
      </c>
      <c r="E52364" s="1" t="s">
        <v>176634</v>
      </c>
      <c r="F52364" s="1" t="s">
        <v>176635</v>
      </c>
      <c r="G52364" s="1" t="s">
        <v>176553</v>
      </c>
      <c r="H52364" s="1" t="s">
        <v>176554</v>
      </c>
      <c r="I52364" s="1" t="s">
        <v>172490</v>
      </c>
      <c r="J52364" s="1" t="s">
        <v>176636</v>
      </c>
    </row>
    <row r="52365" spans="1:10" x14ac:dyDescent="0.35">
      <c r="A52365" s="1" t="s">
        <v>10288</v>
      </c>
      <c r="B52365" s="1" t="s">
        <v>172484</v>
      </c>
      <c r="C52365" s="1" t="s">
        <v>135</v>
      </c>
      <c r="D52365" s="1" t="s">
        <v>19035</v>
      </c>
      <c r="E52365" s="1" t="s">
        <v>176637</v>
      </c>
      <c r="F52365" s="1" t="s">
        <v>176638</v>
      </c>
      <c r="G52365" s="1" t="s">
        <v>176553</v>
      </c>
      <c r="H52365" s="1" t="s">
        <v>176554</v>
      </c>
      <c r="I52365" s="1" t="s">
        <v>172490</v>
      </c>
      <c r="J52365" s="1" t="s">
        <v>176639</v>
      </c>
    </row>
    <row r="52366" spans="1:10" x14ac:dyDescent="0.35">
      <c r="A52366" s="1" t="s">
        <v>10288</v>
      </c>
      <c r="B52366" s="1" t="s">
        <v>172484</v>
      </c>
      <c r="C52366" s="1" t="s">
        <v>140</v>
      </c>
      <c r="D52366" s="1" t="s">
        <v>176640</v>
      </c>
      <c r="E52366" s="1" t="s">
        <v>176641</v>
      </c>
      <c r="F52366" s="1" t="s">
        <v>176642</v>
      </c>
      <c r="G52366" s="1" t="s">
        <v>176553</v>
      </c>
      <c r="H52366" s="1" t="s">
        <v>176554</v>
      </c>
      <c r="I52366" s="1" t="s">
        <v>172490</v>
      </c>
      <c r="J52366" s="1" t="s">
        <v>176643</v>
      </c>
    </row>
    <row r="52367" spans="1:10" x14ac:dyDescent="0.35">
      <c r="A52367" s="1" t="s">
        <v>10288</v>
      </c>
      <c r="B52367" s="1" t="s">
        <v>172484</v>
      </c>
      <c r="C52367" s="1" t="s">
        <v>145</v>
      </c>
      <c r="D52367" s="1" t="s">
        <v>176644</v>
      </c>
      <c r="E52367" s="1" t="s">
        <v>176645</v>
      </c>
      <c r="F52367" s="1" t="s">
        <v>176646</v>
      </c>
      <c r="G52367" s="1" t="s">
        <v>176553</v>
      </c>
      <c r="H52367" s="1" t="s">
        <v>176554</v>
      </c>
      <c r="I52367" s="1" t="s">
        <v>172490</v>
      </c>
      <c r="J52367" s="1" t="s">
        <v>176647</v>
      </c>
    </row>
    <row r="52368" spans="1:10" x14ac:dyDescent="0.35">
      <c r="A52368" s="1" t="s">
        <v>10288</v>
      </c>
      <c r="B52368" s="1" t="s">
        <v>172484</v>
      </c>
      <c r="C52368" s="1" t="s">
        <v>150</v>
      </c>
      <c r="D52368" s="1" t="s">
        <v>176648</v>
      </c>
      <c r="E52368" s="1" t="s">
        <v>176649</v>
      </c>
      <c r="F52368" s="1" t="s">
        <v>176650</v>
      </c>
      <c r="G52368" s="1" t="s">
        <v>176553</v>
      </c>
      <c r="H52368" s="1" t="s">
        <v>176554</v>
      </c>
      <c r="I52368" s="1" t="s">
        <v>172490</v>
      </c>
      <c r="J52368" s="1" t="s">
        <v>176651</v>
      </c>
    </row>
    <row r="52369" spans="1:10" x14ac:dyDescent="0.35">
      <c r="A52369" s="1" t="s">
        <v>10288</v>
      </c>
      <c r="B52369" s="1" t="s">
        <v>172484</v>
      </c>
      <c r="C52369" s="1" t="s">
        <v>155</v>
      </c>
      <c r="D52369" s="1" t="s">
        <v>176652</v>
      </c>
      <c r="E52369" s="1" t="s">
        <v>176653</v>
      </c>
      <c r="F52369" s="1" t="s">
        <v>176654</v>
      </c>
      <c r="G52369" s="1" t="s">
        <v>176553</v>
      </c>
      <c r="H52369" s="1" t="s">
        <v>176554</v>
      </c>
      <c r="I52369" s="1" t="s">
        <v>172490</v>
      </c>
      <c r="J52369" s="1" t="s">
        <v>176655</v>
      </c>
    </row>
    <row r="52370" spans="1:10" x14ac:dyDescent="0.35">
      <c r="A52370" s="1" t="s">
        <v>10288</v>
      </c>
      <c r="B52370" s="1" t="s">
        <v>172484</v>
      </c>
      <c r="C52370" s="1" t="s">
        <v>160</v>
      </c>
      <c r="D52370" s="1" t="s">
        <v>176656</v>
      </c>
      <c r="E52370" s="1" t="s">
        <v>176657</v>
      </c>
      <c r="F52370" s="1" t="s">
        <v>176658</v>
      </c>
      <c r="G52370" s="1" t="s">
        <v>176553</v>
      </c>
      <c r="H52370" s="1" t="s">
        <v>176554</v>
      </c>
      <c r="I52370" s="1" t="s">
        <v>172490</v>
      </c>
      <c r="J52370" s="1" t="s">
        <v>176659</v>
      </c>
    </row>
    <row r="52371" spans="1:10" x14ac:dyDescent="0.35">
      <c r="A52371" s="1" t="s">
        <v>10288</v>
      </c>
      <c r="B52371" s="1" t="s">
        <v>172484</v>
      </c>
      <c r="C52371" s="1" t="s">
        <v>165</v>
      </c>
      <c r="D52371" s="1" t="s">
        <v>176660</v>
      </c>
      <c r="E52371" s="1" t="s">
        <v>176661</v>
      </c>
      <c r="F52371" s="1" t="s">
        <v>176662</v>
      </c>
      <c r="G52371" s="1" t="s">
        <v>176553</v>
      </c>
      <c r="H52371" s="1" t="s">
        <v>176554</v>
      </c>
      <c r="I52371" s="1" t="s">
        <v>172490</v>
      </c>
      <c r="J52371" s="1" t="s">
        <v>176663</v>
      </c>
    </row>
    <row r="52372" spans="1:10" x14ac:dyDescent="0.35">
      <c r="A52372" s="1" t="s">
        <v>10288</v>
      </c>
      <c r="B52372" s="1" t="s">
        <v>172484</v>
      </c>
      <c r="C52372" s="1" t="s">
        <v>170</v>
      </c>
      <c r="D52372" s="1" t="s">
        <v>176664</v>
      </c>
      <c r="E52372" s="1" t="s">
        <v>176665</v>
      </c>
      <c r="F52372" s="1" t="s">
        <v>176666</v>
      </c>
      <c r="G52372" s="1" t="s">
        <v>176553</v>
      </c>
      <c r="H52372" s="1" t="s">
        <v>176554</v>
      </c>
      <c r="I52372" s="1" t="s">
        <v>172490</v>
      </c>
      <c r="J52372" s="1" t="s">
        <v>176667</v>
      </c>
    </row>
    <row r="52373" spans="1:10" x14ac:dyDescent="0.35">
      <c r="A52373" s="1" t="s">
        <v>3957</v>
      </c>
      <c r="B52373" s="1" t="s">
        <v>172484</v>
      </c>
      <c r="C52373" s="1" t="s">
        <v>8</v>
      </c>
      <c r="D52373" s="1" t="s">
        <v>152433</v>
      </c>
      <c r="E52373" s="1" t="s">
        <v>176668</v>
      </c>
      <c r="F52373" s="1" t="s">
        <v>176669</v>
      </c>
      <c r="G52373" s="1" t="s">
        <v>176670</v>
      </c>
      <c r="H52373" s="1" t="s">
        <v>176671</v>
      </c>
      <c r="I52373" s="1" t="s">
        <v>172490</v>
      </c>
      <c r="J52373" s="1" t="s">
        <v>13</v>
      </c>
    </row>
    <row r="52374" spans="1:10" x14ac:dyDescent="0.35">
      <c r="A52374" s="1" t="s">
        <v>3957</v>
      </c>
      <c r="B52374" s="1" t="s">
        <v>172484</v>
      </c>
      <c r="C52374" s="1" t="s">
        <v>15</v>
      </c>
      <c r="D52374" s="1" t="s">
        <v>121678</v>
      </c>
      <c r="E52374" s="1" t="s">
        <v>176672</v>
      </c>
      <c r="F52374" s="1" t="s">
        <v>176673</v>
      </c>
      <c r="G52374" s="1" t="s">
        <v>176670</v>
      </c>
      <c r="H52374" s="1" t="s">
        <v>176671</v>
      </c>
      <c r="I52374" s="1" t="s">
        <v>172490</v>
      </c>
      <c r="J52374" s="1" t="s">
        <v>176674</v>
      </c>
    </row>
    <row r="52375" spans="1:10" x14ac:dyDescent="0.35">
      <c r="A52375" s="1" t="s">
        <v>3957</v>
      </c>
      <c r="B52375" s="1" t="s">
        <v>172484</v>
      </c>
      <c r="C52375" s="1" t="s">
        <v>20</v>
      </c>
      <c r="D52375" s="1" t="s">
        <v>9582</v>
      </c>
      <c r="E52375" s="1" t="s">
        <v>176675</v>
      </c>
      <c r="F52375" s="1" t="s">
        <v>176676</v>
      </c>
      <c r="G52375" s="1" t="s">
        <v>176670</v>
      </c>
      <c r="H52375" s="1" t="s">
        <v>176671</v>
      </c>
      <c r="I52375" s="1" t="s">
        <v>172490</v>
      </c>
      <c r="J52375" s="1" t="s">
        <v>176677</v>
      </c>
    </row>
    <row r="52376" spans="1:10" x14ac:dyDescent="0.35">
      <c r="A52376" s="1" t="s">
        <v>3957</v>
      </c>
      <c r="B52376" s="1" t="s">
        <v>172484</v>
      </c>
      <c r="C52376" s="1" t="s">
        <v>25</v>
      </c>
      <c r="D52376" s="1" t="s">
        <v>174670</v>
      </c>
      <c r="E52376" s="1" t="s">
        <v>176678</v>
      </c>
      <c r="F52376" s="1" t="s">
        <v>176679</v>
      </c>
      <c r="G52376" s="1" t="s">
        <v>176670</v>
      </c>
      <c r="H52376" s="1" t="s">
        <v>176671</v>
      </c>
      <c r="I52376" s="1" t="s">
        <v>172490</v>
      </c>
      <c r="J52376" s="1" t="s">
        <v>176680</v>
      </c>
    </row>
    <row r="52377" spans="1:10" x14ac:dyDescent="0.35">
      <c r="A52377" s="1" t="s">
        <v>3957</v>
      </c>
      <c r="B52377" s="1" t="s">
        <v>172484</v>
      </c>
      <c r="C52377" s="1" t="s">
        <v>30</v>
      </c>
      <c r="D52377" s="1" t="s">
        <v>176681</v>
      </c>
      <c r="E52377" s="1" t="s">
        <v>176682</v>
      </c>
      <c r="F52377" s="1" t="s">
        <v>176683</v>
      </c>
      <c r="G52377" s="1" t="s">
        <v>176670</v>
      </c>
      <c r="H52377" s="1" t="s">
        <v>176671</v>
      </c>
      <c r="I52377" s="1" t="s">
        <v>172490</v>
      </c>
      <c r="J52377" s="1" t="s">
        <v>176684</v>
      </c>
    </row>
    <row r="52378" spans="1:10" x14ac:dyDescent="0.35">
      <c r="A52378" s="1" t="s">
        <v>3957</v>
      </c>
      <c r="B52378" s="1" t="s">
        <v>172484</v>
      </c>
      <c r="C52378" s="1" t="s">
        <v>35</v>
      </c>
      <c r="D52378" s="1" t="s">
        <v>17875</v>
      </c>
      <c r="E52378" s="1" t="s">
        <v>176685</v>
      </c>
      <c r="F52378" s="1" t="s">
        <v>176686</v>
      </c>
      <c r="G52378" s="1" t="s">
        <v>176670</v>
      </c>
      <c r="H52378" s="1" t="s">
        <v>176671</v>
      </c>
      <c r="I52378" s="1" t="s">
        <v>172490</v>
      </c>
      <c r="J52378" s="1" t="s">
        <v>176687</v>
      </c>
    </row>
    <row r="52379" spans="1:10" x14ac:dyDescent="0.35">
      <c r="A52379" s="1" t="s">
        <v>3957</v>
      </c>
      <c r="B52379" s="1" t="s">
        <v>172484</v>
      </c>
      <c r="C52379" s="1" t="s">
        <v>40</v>
      </c>
      <c r="D52379" s="1" t="s">
        <v>176688</v>
      </c>
      <c r="E52379" s="1" t="s">
        <v>176689</v>
      </c>
      <c r="F52379" s="1" t="s">
        <v>176690</v>
      </c>
      <c r="G52379" s="1" t="s">
        <v>176670</v>
      </c>
      <c r="H52379" s="1" t="s">
        <v>176671</v>
      </c>
      <c r="I52379" s="1" t="s">
        <v>172490</v>
      </c>
      <c r="J52379" s="1" t="s">
        <v>176691</v>
      </c>
    </row>
    <row r="52380" spans="1:10" x14ac:dyDescent="0.35">
      <c r="A52380" s="1" t="s">
        <v>3957</v>
      </c>
      <c r="B52380" s="1" t="s">
        <v>172484</v>
      </c>
      <c r="C52380" s="1" t="s">
        <v>45</v>
      </c>
      <c r="D52380" s="1" t="s">
        <v>176692</v>
      </c>
      <c r="E52380" s="1" t="s">
        <v>176693</v>
      </c>
      <c r="F52380" s="1" t="s">
        <v>176694</v>
      </c>
      <c r="G52380" s="1" t="s">
        <v>176670</v>
      </c>
      <c r="H52380" s="1" t="s">
        <v>176671</v>
      </c>
      <c r="I52380" s="1" t="s">
        <v>172490</v>
      </c>
      <c r="J52380" s="1" t="s">
        <v>176695</v>
      </c>
    </row>
    <row r="52381" spans="1:10" x14ac:dyDescent="0.35">
      <c r="A52381" s="1" t="s">
        <v>3957</v>
      </c>
      <c r="B52381" s="1" t="s">
        <v>172484</v>
      </c>
      <c r="C52381" s="1" t="s">
        <v>50</v>
      </c>
      <c r="D52381" s="1" t="s">
        <v>19592</v>
      </c>
      <c r="E52381" s="1" t="s">
        <v>176696</v>
      </c>
      <c r="F52381" s="1" t="s">
        <v>176697</v>
      </c>
      <c r="G52381" s="1" t="s">
        <v>176670</v>
      </c>
      <c r="H52381" s="1" t="s">
        <v>176671</v>
      </c>
      <c r="I52381" s="1" t="s">
        <v>172490</v>
      </c>
      <c r="J52381" s="1" t="s">
        <v>176698</v>
      </c>
    </row>
    <row r="52382" spans="1:10" x14ac:dyDescent="0.35">
      <c r="A52382" s="1" t="s">
        <v>3957</v>
      </c>
      <c r="B52382" s="1" t="s">
        <v>172484</v>
      </c>
      <c r="C52382" s="1" t="s">
        <v>55</v>
      </c>
      <c r="D52382" s="1" t="s">
        <v>33477</v>
      </c>
      <c r="E52382" s="1" t="s">
        <v>176699</v>
      </c>
      <c r="F52382" s="1" t="s">
        <v>176700</v>
      </c>
      <c r="G52382" s="1" t="s">
        <v>176670</v>
      </c>
      <c r="H52382" s="1" t="s">
        <v>176671</v>
      </c>
      <c r="I52382" s="1" t="s">
        <v>172490</v>
      </c>
      <c r="J52382" s="1" t="s">
        <v>176701</v>
      </c>
    </row>
    <row r="52383" spans="1:10" x14ac:dyDescent="0.35">
      <c r="A52383" s="1" t="s">
        <v>3957</v>
      </c>
      <c r="B52383" s="1" t="s">
        <v>172484</v>
      </c>
      <c r="C52383" s="1" t="s">
        <v>60</v>
      </c>
      <c r="D52383" s="1" t="s">
        <v>71717</v>
      </c>
      <c r="E52383" s="1" t="s">
        <v>176702</v>
      </c>
      <c r="F52383" s="1" t="s">
        <v>176703</v>
      </c>
      <c r="G52383" s="1" t="s">
        <v>176670</v>
      </c>
      <c r="H52383" s="1" t="s">
        <v>176671</v>
      </c>
      <c r="I52383" s="1" t="s">
        <v>172490</v>
      </c>
      <c r="J52383" s="1" t="s">
        <v>176704</v>
      </c>
    </row>
    <row r="52384" spans="1:10" x14ac:dyDescent="0.35">
      <c r="A52384" s="1" t="s">
        <v>3957</v>
      </c>
      <c r="B52384" s="1" t="s">
        <v>172484</v>
      </c>
      <c r="C52384" s="1" t="s">
        <v>65</v>
      </c>
      <c r="D52384" s="1" t="s">
        <v>176705</v>
      </c>
      <c r="E52384" s="1" t="s">
        <v>176706</v>
      </c>
      <c r="F52384" s="1" t="s">
        <v>176707</v>
      </c>
      <c r="G52384" s="1" t="s">
        <v>176670</v>
      </c>
      <c r="H52384" s="1" t="s">
        <v>176671</v>
      </c>
      <c r="I52384" s="1" t="s">
        <v>172490</v>
      </c>
      <c r="J52384" s="1" t="s">
        <v>176708</v>
      </c>
    </row>
    <row r="52385" spans="1:10" x14ac:dyDescent="0.35">
      <c r="A52385" s="1" t="s">
        <v>3957</v>
      </c>
      <c r="B52385" s="1" t="s">
        <v>172484</v>
      </c>
      <c r="C52385" s="1" t="s">
        <v>70</v>
      </c>
      <c r="D52385" s="1" t="s">
        <v>154550</v>
      </c>
      <c r="E52385" s="1" t="s">
        <v>176709</v>
      </c>
      <c r="F52385" s="1" t="s">
        <v>176710</v>
      </c>
      <c r="G52385" s="1" t="s">
        <v>176670</v>
      </c>
      <c r="H52385" s="1" t="s">
        <v>176671</v>
      </c>
      <c r="I52385" s="1" t="s">
        <v>172490</v>
      </c>
      <c r="J52385" s="1" t="s">
        <v>176711</v>
      </c>
    </row>
    <row r="52386" spans="1:10" x14ac:dyDescent="0.35">
      <c r="A52386" s="1" t="s">
        <v>3957</v>
      </c>
      <c r="B52386" s="1" t="s">
        <v>172484</v>
      </c>
      <c r="C52386" s="1" t="s">
        <v>75</v>
      </c>
      <c r="D52386" s="1" t="s">
        <v>172962</v>
      </c>
      <c r="E52386" s="1" t="s">
        <v>176712</v>
      </c>
      <c r="F52386" s="1" t="s">
        <v>176713</v>
      </c>
      <c r="G52386" s="1" t="s">
        <v>176670</v>
      </c>
      <c r="H52386" s="1" t="s">
        <v>176671</v>
      </c>
      <c r="I52386" s="1" t="s">
        <v>172490</v>
      </c>
      <c r="J52386" s="1" t="s">
        <v>176714</v>
      </c>
    </row>
    <row r="52387" spans="1:10" x14ac:dyDescent="0.35">
      <c r="A52387" s="1" t="s">
        <v>3957</v>
      </c>
      <c r="B52387" s="1" t="s">
        <v>172484</v>
      </c>
      <c r="C52387" s="1" t="s">
        <v>80</v>
      </c>
      <c r="D52387" s="1" t="s">
        <v>10799</v>
      </c>
      <c r="E52387" s="1" t="s">
        <v>176715</v>
      </c>
      <c r="F52387" s="1" t="s">
        <v>176716</v>
      </c>
      <c r="G52387" s="1" t="s">
        <v>176670</v>
      </c>
      <c r="H52387" s="1" t="s">
        <v>176671</v>
      </c>
      <c r="I52387" s="1" t="s">
        <v>172490</v>
      </c>
      <c r="J52387" s="1" t="s">
        <v>176717</v>
      </c>
    </row>
    <row r="52388" spans="1:10" x14ac:dyDescent="0.35">
      <c r="A52388" s="1" t="s">
        <v>3957</v>
      </c>
      <c r="B52388" s="1" t="s">
        <v>172484</v>
      </c>
      <c r="C52388" s="1" t="s">
        <v>85</v>
      </c>
      <c r="D52388" s="1" t="s">
        <v>176718</v>
      </c>
      <c r="E52388" s="1" t="s">
        <v>176719</v>
      </c>
      <c r="F52388" s="1" t="s">
        <v>176720</v>
      </c>
      <c r="G52388" s="1" t="s">
        <v>176670</v>
      </c>
      <c r="H52388" s="1" t="s">
        <v>176671</v>
      </c>
      <c r="I52388" s="1" t="s">
        <v>172490</v>
      </c>
      <c r="J52388" s="1" t="s">
        <v>176721</v>
      </c>
    </row>
    <row r="52389" spans="1:10" x14ac:dyDescent="0.35">
      <c r="A52389" s="1" t="s">
        <v>3957</v>
      </c>
      <c r="B52389" s="1" t="s">
        <v>172484</v>
      </c>
      <c r="C52389" s="1" t="s">
        <v>90</v>
      </c>
      <c r="D52389" s="1" t="s">
        <v>176722</v>
      </c>
      <c r="E52389" s="1" t="s">
        <v>176723</v>
      </c>
      <c r="F52389" s="1" t="s">
        <v>176724</v>
      </c>
      <c r="G52389" s="1" t="s">
        <v>176670</v>
      </c>
      <c r="H52389" s="1" t="s">
        <v>176671</v>
      </c>
      <c r="I52389" s="1" t="s">
        <v>172490</v>
      </c>
      <c r="J52389" s="1" t="s">
        <v>176725</v>
      </c>
    </row>
    <row r="52390" spans="1:10" x14ac:dyDescent="0.35">
      <c r="A52390" s="1" t="s">
        <v>3957</v>
      </c>
      <c r="B52390" s="1" t="s">
        <v>172484</v>
      </c>
      <c r="C52390" s="1" t="s">
        <v>95</v>
      </c>
      <c r="D52390" s="1" t="s">
        <v>125932</v>
      </c>
      <c r="E52390" s="1" t="s">
        <v>176726</v>
      </c>
      <c r="F52390" s="1" t="s">
        <v>176727</v>
      </c>
      <c r="G52390" s="1" t="s">
        <v>176670</v>
      </c>
      <c r="H52390" s="1" t="s">
        <v>176671</v>
      </c>
      <c r="I52390" s="1" t="s">
        <v>172490</v>
      </c>
      <c r="J52390" s="1" t="s">
        <v>176728</v>
      </c>
    </row>
    <row r="52391" spans="1:10" x14ac:dyDescent="0.35">
      <c r="A52391" s="1" t="s">
        <v>3957</v>
      </c>
      <c r="B52391" s="1" t="s">
        <v>172484</v>
      </c>
      <c r="C52391" s="1" t="s">
        <v>100</v>
      </c>
      <c r="D52391" s="1" t="s">
        <v>17558</v>
      </c>
      <c r="E52391" s="1" t="s">
        <v>176729</v>
      </c>
      <c r="F52391" s="1" t="s">
        <v>176730</v>
      </c>
      <c r="G52391" s="1" t="s">
        <v>176670</v>
      </c>
      <c r="H52391" s="1" t="s">
        <v>176671</v>
      </c>
      <c r="I52391" s="1" t="s">
        <v>172490</v>
      </c>
      <c r="J52391" s="1" t="s">
        <v>176731</v>
      </c>
    </row>
    <row r="52392" spans="1:10" x14ac:dyDescent="0.35">
      <c r="A52392" s="1" t="s">
        <v>3957</v>
      </c>
      <c r="B52392" s="1" t="s">
        <v>172484</v>
      </c>
      <c r="C52392" s="1" t="s">
        <v>105</v>
      </c>
      <c r="D52392" s="1" t="s">
        <v>176732</v>
      </c>
      <c r="E52392" s="1" t="s">
        <v>176733</v>
      </c>
      <c r="F52392" s="1" t="s">
        <v>176734</v>
      </c>
      <c r="G52392" s="1" t="s">
        <v>176670</v>
      </c>
      <c r="H52392" s="1" t="s">
        <v>176671</v>
      </c>
      <c r="I52392" s="1" t="s">
        <v>172490</v>
      </c>
      <c r="J52392" s="1" t="s">
        <v>176735</v>
      </c>
    </row>
    <row r="52393" spans="1:10" x14ac:dyDescent="0.35">
      <c r="A52393" s="1" t="s">
        <v>3957</v>
      </c>
      <c r="B52393" s="1" t="s">
        <v>172484</v>
      </c>
      <c r="C52393" s="1" t="s">
        <v>110</v>
      </c>
      <c r="D52393" s="1" t="s">
        <v>176736</v>
      </c>
      <c r="E52393" s="1" t="s">
        <v>176737</v>
      </c>
      <c r="F52393" s="1" t="s">
        <v>176738</v>
      </c>
      <c r="G52393" s="1" t="s">
        <v>176670</v>
      </c>
      <c r="H52393" s="1" t="s">
        <v>176671</v>
      </c>
      <c r="I52393" s="1" t="s">
        <v>172490</v>
      </c>
      <c r="J52393" s="1" t="s">
        <v>176739</v>
      </c>
    </row>
    <row r="52394" spans="1:10" x14ac:dyDescent="0.35">
      <c r="A52394" s="1" t="s">
        <v>3957</v>
      </c>
      <c r="B52394" s="1" t="s">
        <v>172484</v>
      </c>
      <c r="C52394" s="1" t="s">
        <v>115</v>
      </c>
      <c r="D52394" s="1" t="s">
        <v>176740</v>
      </c>
      <c r="E52394" s="1" t="s">
        <v>176741</v>
      </c>
      <c r="F52394" s="1" t="s">
        <v>176742</v>
      </c>
      <c r="G52394" s="1" t="s">
        <v>176670</v>
      </c>
      <c r="H52394" s="1" t="s">
        <v>176671</v>
      </c>
      <c r="I52394" s="1" t="s">
        <v>172490</v>
      </c>
      <c r="J52394" s="1" t="s">
        <v>176743</v>
      </c>
    </row>
    <row r="52395" spans="1:10" x14ac:dyDescent="0.35">
      <c r="A52395" s="1" t="s">
        <v>3957</v>
      </c>
      <c r="B52395" s="1" t="s">
        <v>172484</v>
      </c>
      <c r="C52395" s="1" t="s">
        <v>120</v>
      </c>
      <c r="D52395" s="1" t="s">
        <v>150799</v>
      </c>
      <c r="E52395" s="1" t="s">
        <v>176744</v>
      </c>
      <c r="F52395" s="1" t="s">
        <v>176745</v>
      </c>
      <c r="G52395" s="1" t="s">
        <v>176670</v>
      </c>
      <c r="H52395" s="1" t="s">
        <v>176671</v>
      </c>
      <c r="I52395" s="1" t="s">
        <v>172490</v>
      </c>
      <c r="J52395" s="1" t="s">
        <v>176746</v>
      </c>
    </row>
    <row r="52396" spans="1:10" x14ac:dyDescent="0.35">
      <c r="A52396" s="1" t="s">
        <v>3957</v>
      </c>
      <c r="B52396" s="1" t="s">
        <v>172484</v>
      </c>
      <c r="C52396" s="1" t="s">
        <v>125</v>
      </c>
      <c r="D52396" s="1" t="s">
        <v>176747</v>
      </c>
      <c r="E52396" s="1" t="s">
        <v>176748</v>
      </c>
      <c r="F52396" s="1" t="s">
        <v>176749</v>
      </c>
      <c r="G52396" s="1" t="s">
        <v>176670</v>
      </c>
      <c r="H52396" s="1" t="s">
        <v>176671</v>
      </c>
      <c r="I52396" s="1" t="s">
        <v>172490</v>
      </c>
      <c r="J52396" s="1" t="s">
        <v>176750</v>
      </c>
    </row>
    <row r="52397" spans="1:10" x14ac:dyDescent="0.35">
      <c r="A52397" s="1" t="s">
        <v>3957</v>
      </c>
      <c r="B52397" s="1" t="s">
        <v>172484</v>
      </c>
      <c r="C52397" s="1" t="s">
        <v>130</v>
      </c>
      <c r="D52397" s="1" t="s">
        <v>32260</v>
      </c>
      <c r="E52397" s="1" t="s">
        <v>176751</v>
      </c>
      <c r="F52397" s="1" t="s">
        <v>176752</v>
      </c>
      <c r="G52397" s="1" t="s">
        <v>176670</v>
      </c>
      <c r="H52397" s="1" t="s">
        <v>176671</v>
      </c>
      <c r="I52397" s="1" t="s">
        <v>172490</v>
      </c>
      <c r="J52397" s="1" t="s">
        <v>176753</v>
      </c>
    </row>
    <row r="52398" spans="1:10" x14ac:dyDescent="0.35">
      <c r="A52398" s="1" t="s">
        <v>3957</v>
      </c>
      <c r="B52398" s="1" t="s">
        <v>172484</v>
      </c>
      <c r="C52398" s="1" t="s">
        <v>135</v>
      </c>
      <c r="D52398" s="1" t="s">
        <v>176754</v>
      </c>
      <c r="E52398" s="1" t="s">
        <v>176755</v>
      </c>
      <c r="F52398" s="1" t="s">
        <v>176756</v>
      </c>
      <c r="G52398" s="1" t="s">
        <v>176670</v>
      </c>
      <c r="H52398" s="1" t="s">
        <v>176671</v>
      </c>
      <c r="I52398" s="1" t="s">
        <v>172490</v>
      </c>
      <c r="J52398" s="1" t="s">
        <v>176757</v>
      </c>
    </row>
    <row r="52399" spans="1:10" x14ac:dyDescent="0.35">
      <c r="A52399" s="1" t="s">
        <v>3957</v>
      </c>
      <c r="B52399" s="1" t="s">
        <v>172484</v>
      </c>
      <c r="C52399" s="1" t="s">
        <v>140</v>
      </c>
      <c r="D52399" s="1" t="s">
        <v>176758</v>
      </c>
      <c r="E52399" s="1" t="s">
        <v>176759</v>
      </c>
      <c r="F52399" s="1" t="s">
        <v>176760</v>
      </c>
      <c r="G52399" s="1" t="s">
        <v>176670</v>
      </c>
      <c r="H52399" s="1" t="s">
        <v>176671</v>
      </c>
      <c r="I52399" s="1" t="s">
        <v>172490</v>
      </c>
      <c r="J52399" s="1" t="s">
        <v>176761</v>
      </c>
    </row>
    <row r="52400" spans="1:10" x14ac:dyDescent="0.35">
      <c r="A52400" s="1" t="s">
        <v>3957</v>
      </c>
      <c r="B52400" s="1" t="s">
        <v>172484</v>
      </c>
      <c r="C52400" s="1" t="s">
        <v>145</v>
      </c>
      <c r="D52400" s="1" t="s">
        <v>176762</v>
      </c>
      <c r="E52400" s="1" t="s">
        <v>176763</v>
      </c>
      <c r="F52400" s="1" t="s">
        <v>176764</v>
      </c>
      <c r="G52400" s="1" t="s">
        <v>176670</v>
      </c>
      <c r="H52400" s="1" t="s">
        <v>176671</v>
      </c>
      <c r="I52400" s="1" t="s">
        <v>172490</v>
      </c>
      <c r="J52400" s="1" t="s">
        <v>176765</v>
      </c>
    </row>
    <row r="52401" spans="1:10" x14ac:dyDescent="0.35">
      <c r="A52401" s="1" t="s">
        <v>3957</v>
      </c>
      <c r="B52401" s="1" t="s">
        <v>172484</v>
      </c>
      <c r="C52401" s="1" t="s">
        <v>150</v>
      </c>
      <c r="D52401" s="1" t="s">
        <v>176766</v>
      </c>
      <c r="E52401" s="1" t="s">
        <v>176767</v>
      </c>
      <c r="F52401" s="1" t="s">
        <v>176768</v>
      </c>
      <c r="G52401" s="1" t="s">
        <v>176670</v>
      </c>
      <c r="H52401" s="1" t="s">
        <v>176671</v>
      </c>
      <c r="I52401" s="1" t="s">
        <v>172490</v>
      </c>
      <c r="J52401" s="1" t="s">
        <v>176769</v>
      </c>
    </row>
    <row r="52402" spans="1:10" x14ac:dyDescent="0.35">
      <c r="A52402" s="1" t="s">
        <v>3957</v>
      </c>
      <c r="B52402" s="1" t="s">
        <v>172484</v>
      </c>
      <c r="C52402" s="1" t="s">
        <v>155</v>
      </c>
      <c r="D52402" s="1" t="s">
        <v>176770</v>
      </c>
      <c r="E52402" s="1" t="s">
        <v>176771</v>
      </c>
      <c r="F52402" s="1" t="s">
        <v>176772</v>
      </c>
      <c r="G52402" s="1" t="s">
        <v>176670</v>
      </c>
      <c r="H52402" s="1" t="s">
        <v>176671</v>
      </c>
      <c r="I52402" s="1" t="s">
        <v>172490</v>
      </c>
      <c r="J52402" s="1" t="s">
        <v>176773</v>
      </c>
    </row>
    <row r="52403" spans="1:10" x14ac:dyDescent="0.35">
      <c r="A52403" s="1" t="s">
        <v>3957</v>
      </c>
      <c r="B52403" s="1" t="s">
        <v>172484</v>
      </c>
      <c r="C52403" s="1" t="s">
        <v>160</v>
      </c>
      <c r="D52403" s="1" t="s">
        <v>67387</v>
      </c>
      <c r="E52403" s="1" t="s">
        <v>176774</v>
      </c>
      <c r="F52403" s="1" t="s">
        <v>176775</v>
      </c>
      <c r="G52403" s="1" t="s">
        <v>176670</v>
      </c>
      <c r="H52403" s="1" t="s">
        <v>176671</v>
      </c>
      <c r="I52403" s="1" t="s">
        <v>172490</v>
      </c>
      <c r="J52403" s="1" t="s">
        <v>176776</v>
      </c>
    </row>
    <row r="52404" spans="1:10" x14ac:dyDescent="0.35">
      <c r="A52404" s="1" t="s">
        <v>3957</v>
      </c>
      <c r="B52404" s="1" t="s">
        <v>172484</v>
      </c>
      <c r="C52404" s="1" t="s">
        <v>165</v>
      </c>
      <c r="D52404" s="1" t="s">
        <v>69618</v>
      </c>
      <c r="E52404" s="1" t="s">
        <v>176777</v>
      </c>
      <c r="F52404" s="1" t="s">
        <v>176778</v>
      </c>
      <c r="G52404" s="1" t="s">
        <v>176670</v>
      </c>
      <c r="H52404" s="1" t="s">
        <v>176671</v>
      </c>
      <c r="I52404" s="1" t="s">
        <v>172490</v>
      </c>
      <c r="J52404" s="1" t="s">
        <v>176779</v>
      </c>
    </row>
    <row r="52405" spans="1:10" x14ac:dyDescent="0.35">
      <c r="A52405" s="1" t="s">
        <v>3957</v>
      </c>
      <c r="B52405" s="1" t="s">
        <v>172484</v>
      </c>
      <c r="C52405" s="1" t="s">
        <v>170</v>
      </c>
      <c r="D52405" s="1" t="s">
        <v>17084</v>
      </c>
      <c r="E52405" s="1" t="s">
        <v>176780</v>
      </c>
      <c r="F52405" s="1" t="s">
        <v>176781</v>
      </c>
      <c r="G52405" s="1" t="s">
        <v>176670</v>
      </c>
      <c r="H52405" s="1" t="s">
        <v>176671</v>
      </c>
      <c r="I52405" s="1" t="s">
        <v>172490</v>
      </c>
      <c r="J52405" s="1" t="s">
        <v>176782</v>
      </c>
    </row>
    <row r="52406" spans="1:10" x14ac:dyDescent="0.35">
      <c r="A52406" s="1" t="s">
        <v>29886</v>
      </c>
      <c r="B52406" s="1" t="s">
        <v>172484</v>
      </c>
      <c r="C52406" s="1" t="s">
        <v>8</v>
      </c>
      <c r="D52406" s="1" t="s">
        <v>36793</v>
      </c>
      <c r="E52406" s="1" t="s">
        <v>176783</v>
      </c>
      <c r="F52406" s="1" t="s">
        <v>176784</v>
      </c>
      <c r="G52406" s="1" t="s">
        <v>176785</v>
      </c>
      <c r="H52406" s="1" t="s">
        <v>176786</v>
      </c>
      <c r="I52406" s="1" t="s">
        <v>172490</v>
      </c>
      <c r="J52406" s="1" t="s">
        <v>13</v>
      </c>
    </row>
    <row r="52407" spans="1:10" x14ac:dyDescent="0.35">
      <c r="A52407" s="1" t="s">
        <v>29886</v>
      </c>
      <c r="B52407" s="1" t="s">
        <v>172484</v>
      </c>
      <c r="C52407" s="1" t="s">
        <v>15</v>
      </c>
      <c r="D52407" s="1" t="s">
        <v>74549</v>
      </c>
      <c r="E52407" s="1" t="s">
        <v>176787</v>
      </c>
      <c r="F52407" s="1" t="s">
        <v>176788</v>
      </c>
      <c r="G52407" s="1" t="s">
        <v>176785</v>
      </c>
      <c r="H52407" s="1" t="s">
        <v>176786</v>
      </c>
      <c r="I52407" s="1" t="s">
        <v>172490</v>
      </c>
      <c r="J52407" s="1" t="s">
        <v>176789</v>
      </c>
    </row>
    <row r="52408" spans="1:10" x14ac:dyDescent="0.35">
      <c r="A52408" s="1" t="s">
        <v>29886</v>
      </c>
      <c r="B52408" s="1" t="s">
        <v>172484</v>
      </c>
      <c r="C52408" s="1" t="s">
        <v>20</v>
      </c>
      <c r="D52408" s="1" t="s">
        <v>37493</v>
      </c>
      <c r="E52408" s="1" t="s">
        <v>176790</v>
      </c>
      <c r="F52408" s="1" t="s">
        <v>176791</v>
      </c>
      <c r="G52408" s="1" t="s">
        <v>176785</v>
      </c>
      <c r="H52408" s="1" t="s">
        <v>176786</v>
      </c>
      <c r="I52408" s="1" t="s">
        <v>172490</v>
      </c>
      <c r="J52408" s="1" t="s">
        <v>176792</v>
      </c>
    </row>
    <row r="52409" spans="1:10" x14ac:dyDescent="0.35">
      <c r="A52409" s="1" t="s">
        <v>29886</v>
      </c>
      <c r="B52409" s="1" t="s">
        <v>172484</v>
      </c>
      <c r="C52409" s="1" t="s">
        <v>25</v>
      </c>
      <c r="D52409" s="1" t="s">
        <v>17153</v>
      </c>
      <c r="E52409" s="1" t="s">
        <v>176793</v>
      </c>
      <c r="F52409" s="1" t="s">
        <v>176794</v>
      </c>
      <c r="G52409" s="1" t="s">
        <v>176785</v>
      </c>
      <c r="H52409" s="1" t="s">
        <v>176786</v>
      </c>
      <c r="I52409" s="1" t="s">
        <v>172490</v>
      </c>
      <c r="J52409" s="1" t="s">
        <v>176795</v>
      </c>
    </row>
    <row r="52410" spans="1:10" x14ac:dyDescent="0.35">
      <c r="A52410" s="1" t="s">
        <v>29886</v>
      </c>
      <c r="B52410" s="1" t="s">
        <v>172484</v>
      </c>
      <c r="C52410" s="1" t="s">
        <v>30</v>
      </c>
      <c r="D52410" s="1" t="s">
        <v>16181</v>
      </c>
      <c r="E52410" s="1" t="s">
        <v>176796</v>
      </c>
      <c r="F52410" s="1" t="s">
        <v>176797</v>
      </c>
      <c r="G52410" s="1" t="s">
        <v>176785</v>
      </c>
      <c r="H52410" s="1" t="s">
        <v>176786</v>
      </c>
      <c r="I52410" s="1" t="s">
        <v>172490</v>
      </c>
      <c r="J52410" s="1" t="s">
        <v>176798</v>
      </c>
    </row>
    <row r="52411" spans="1:10" x14ac:dyDescent="0.35">
      <c r="A52411" s="1" t="s">
        <v>29886</v>
      </c>
      <c r="B52411" s="1" t="s">
        <v>172484</v>
      </c>
      <c r="C52411" s="1" t="s">
        <v>35</v>
      </c>
      <c r="D52411" s="1" t="s">
        <v>173678</v>
      </c>
      <c r="E52411" s="1" t="s">
        <v>176799</v>
      </c>
      <c r="F52411" s="1" t="s">
        <v>176800</v>
      </c>
      <c r="G52411" s="1" t="s">
        <v>176785</v>
      </c>
      <c r="H52411" s="1" t="s">
        <v>176786</v>
      </c>
      <c r="I52411" s="1" t="s">
        <v>172490</v>
      </c>
      <c r="J52411" s="1" t="s">
        <v>175561</v>
      </c>
    </row>
    <row r="52412" spans="1:10" x14ac:dyDescent="0.35">
      <c r="A52412" s="1" t="s">
        <v>29886</v>
      </c>
      <c r="B52412" s="1" t="s">
        <v>172484</v>
      </c>
      <c r="C52412" s="1" t="s">
        <v>40</v>
      </c>
      <c r="D52412" s="1" t="s">
        <v>19766</v>
      </c>
      <c r="E52412" s="1" t="s">
        <v>176801</v>
      </c>
      <c r="F52412" s="1" t="s">
        <v>176802</v>
      </c>
      <c r="G52412" s="1" t="s">
        <v>176785</v>
      </c>
      <c r="H52412" s="1" t="s">
        <v>176786</v>
      </c>
      <c r="I52412" s="1" t="s">
        <v>172490</v>
      </c>
      <c r="J52412" s="1" t="s">
        <v>176803</v>
      </c>
    </row>
    <row r="52413" spans="1:10" x14ac:dyDescent="0.35">
      <c r="A52413" s="1" t="s">
        <v>29886</v>
      </c>
      <c r="B52413" s="1" t="s">
        <v>172484</v>
      </c>
      <c r="C52413" s="1" t="s">
        <v>45</v>
      </c>
      <c r="D52413" s="1" t="s">
        <v>47864</v>
      </c>
      <c r="E52413" s="1" t="s">
        <v>176804</v>
      </c>
      <c r="F52413" s="1" t="s">
        <v>176805</v>
      </c>
      <c r="G52413" s="1" t="s">
        <v>176785</v>
      </c>
      <c r="H52413" s="1" t="s">
        <v>176786</v>
      </c>
      <c r="I52413" s="1" t="s">
        <v>172490</v>
      </c>
      <c r="J52413" s="1" t="s">
        <v>176806</v>
      </c>
    </row>
    <row r="52414" spans="1:10" x14ac:dyDescent="0.35">
      <c r="A52414" s="1" t="s">
        <v>29886</v>
      </c>
      <c r="B52414" s="1" t="s">
        <v>172484</v>
      </c>
      <c r="C52414" s="1" t="s">
        <v>50</v>
      </c>
      <c r="D52414" s="1" t="s">
        <v>176807</v>
      </c>
      <c r="E52414" s="1" t="s">
        <v>176808</v>
      </c>
      <c r="F52414" s="1" t="s">
        <v>176809</v>
      </c>
      <c r="G52414" s="1" t="s">
        <v>176785</v>
      </c>
      <c r="H52414" s="1" t="s">
        <v>176786</v>
      </c>
      <c r="I52414" s="1" t="s">
        <v>172490</v>
      </c>
      <c r="J52414" s="1" t="s">
        <v>176810</v>
      </c>
    </row>
    <row r="52415" spans="1:10" x14ac:dyDescent="0.35">
      <c r="A52415" s="1" t="s">
        <v>29886</v>
      </c>
      <c r="B52415" s="1" t="s">
        <v>172484</v>
      </c>
      <c r="C52415" s="1" t="s">
        <v>55</v>
      </c>
      <c r="D52415" s="1" t="s">
        <v>176811</v>
      </c>
      <c r="E52415" s="1" t="s">
        <v>176812</v>
      </c>
      <c r="F52415" s="1" t="s">
        <v>176813</v>
      </c>
      <c r="G52415" s="1" t="s">
        <v>176785</v>
      </c>
      <c r="H52415" s="1" t="s">
        <v>176786</v>
      </c>
      <c r="I52415" s="1" t="s">
        <v>172490</v>
      </c>
      <c r="J52415" s="1" t="s">
        <v>176814</v>
      </c>
    </row>
    <row r="52416" spans="1:10" x14ac:dyDescent="0.35">
      <c r="A52416" s="1" t="s">
        <v>29886</v>
      </c>
      <c r="B52416" s="1" t="s">
        <v>172484</v>
      </c>
      <c r="C52416" s="1" t="s">
        <v>60</v>
      </c>
      <c r="D52416" s="1" t="s">
        <v>176815</v>
      </c>
      <c r="E52416" s="1" t="s">
        <v>176816</v>
      </c>
      <c r="F52416" s="1" t="s">
        <v>176817</v>
      </c>
      <c r="G52416" s="1" t="s">
        <v>176785</v>
      </c>
      <c r="H52416" s="1" t="s">
        <v>176786</v>
      </c>
      <c r="I52416" s="1" t="s">
        <v>172490</v>
      </c>
      <c r="J52416" s="1" t="s">
        <v>176818</v>
      </c>
    </row>
    <row r="52417" spans="1:10" x14ac:dyDescent="0.35">
      <c r="A52417" s="1" t="s">
        <v>29886</v>
      </c>
      <c r="B52417" s="1" t="s">
        <v>172484</v>
      </c>
      <c r="C52417" s="1" t="s">
        <v>65</v>
      </c>
      <c r="D52417" s="1" t="s">
        <v>174793</v>
      </c>
      <c r="E52417" s="1" t="s">
        <v>176819</v>
      </c>
      <c r="F52417" s="1" t="s">
        <v>176820</v>
      </c>
      <c r="G52417" s="1" t="s">
        <v>176785</v>
      </c>
      <c r="H52417" s="1" t="s">
        <v>176786</v>
      </c>
      <c r="I52417" s="1" t="s">
        <v>172490</v>
      </c>
      <c r="J52417" s="1" t="s">
        <v>176821</v>
      </c>
    </row>
    <row r="52418" spans="1:10" x14ac:dyDescent="0.35">
      <c r="A52418" s="1" t="s">
        <v>29886</v>
      </c>
      <c r="B52418" s="1" t="s">
        <v>172484</v>
      </c>
      <c r="C52418" s="1" t="s">
        <v>70</v>
      </c>
      <c r="D52418" s="1" t="s">
        <v>176822</v>
      </c>
      <c r="E52418" s="1" t="s">
        <v>61324</v>
      </c>
      <c r="F52418" s="1" t="s">
        <v>176823</v>
      </c>
      <c r="G52418" s="1" t="s">
        <v>176785</v>
      </c>
      <c r="H52418" s="1" t="s">
        <v>176786</v>
      </c>
      <c r="I52418" s="1" t="s">
        <v>172490</v>
      </c>
      <c r="J52418" s="1" t="s">
        <v>176824</v>
      </c>
    </row>
    <row r="52419" spans="1:10" x14ac:dyDescent="0.35">
      <c r="A52419" s="1" t="s">
        <v>29886</v>
      </c>
      <c r="B52419" s="1" t="s">
        <v>172484</v>
      </c>
      <c r="C52419" s="1" t="s">
        <v>75</v>
      </c>
      <c r="D52419" s="1" t="s">
        <v>176825</v>
      </c>
      <c r="E52419" s="1" t="s">
        <v>176826</v>
      </c>
      <c r="F52419" s="1" t="s">
        <v>176827</v>
      </c>
      <c r="G52419" s="1" t="s">
        <v>176785</v>
      </c>
      <c r="H52419" s="1" t="s">
        <v>176786</v>
      </c>
      <c r="I52419" s="1" t="s">
        <v>172490</v>
      </c>
      <c r="J52419" s="1" t="s">
        <v>176828</v>
      </c>
    </row>
    <row r="52420" spans="1:10" x14ac:dyDescent="0.35">
      <c r="A52420" s="1" t="s">
        <v>29886</v>
      </c>
      <c r="B52420" s="1" t="s">
        <v>172484</v>
      </c>
      <c r="C52420" s="1" t="s">
        <v>80</v>
      </c>
      <c r="D52420" s="1" t="s">
        <v>6787</v>
      </c>
      <c r="E52420" s="1" t="s">
        <v>176829</v>
      </c>
      <c r="F52420" s="1" t="s">
        <v>176830</v>
      </c>
      <c r="G52420" s="1" t="s">
        <v>176785</v>
      </c>
      <c r="H52420" s="1" t="s">
        <v>176786</v>
      </c>
      <c r="I52420" s="1" t="s">
        <v>172490</v>
      </c>
      <c r="J52420" s="1" t="s">
        <v>176831</v>
      </c>
    </row>
    <row r="52421" spans="1:10" x14ac:dyDescent="0.35">
      <c r="A52421" s="1" t="s">
        <v>29886</v>
      </c>
      <c r="B52421" s="1" t="s">
        <v>172484</v>
      </c>
      <c r="C52421" s="1" t="s">
        <v>85</v>
      </c>
      <c r="D52421" s="1" t="s">
        <v>153111</v>
      </c>
      <c r="E52421" s="1" t="s">
        <v>176832</v>
      </c>
      <c r="F52421" s="1" t="s">
        <v>176833</v>
      </c>
      <c r="G52421" s="1" t="s">
        <v>176785</v>
      </c>
      <c r="H52421" s="1" t="s">
        <v>176786</v>
      </c>
      <c r="I52421" s="1" t="s">
        <v>172490</v>
      </c>
      <c r="J52421" s="1" t="s">
        <v>176834</v>
      </c>
    </row>
    <row r="52422" spans="1:10" x14ac:dyDescent="0.35">
      <c r="A52422" s="1" t="s">
        <v>29886</v>
      </c>
      <c r="B52422" s="1" t="s">
        <v>172484</v>
      </c>
      <c r="C52422" s="1" t="s">
        <v>90</v>
      </c>
      <c r="D52422" s="1" t="s">
        <v>176835</v>
      </c>
      <c r="E52422" s="1" t="s">
        <v>176836</v>
      </c>
      <c r="F52422" s="1" t="s">
        <v>176837</v>
      </c>
      <c r="G52422" s="1" t="s">
        <v>176785</v>
      </c>
      <c r="H52422" s="1" t="s">
        <v>176786</v>
      </c>
      <c r="I52422" s="1" t="s">
        <v>172490</v>
      </c>
      <c r="J52422" s="1" t="s">
        <v>176838</v>
      </c>
    </row>
    <row r="52423" spans="1:10" x14ac:dyDescent="0.35">
      <c r="A52423" s="1" t="s">
        <v>29886</v>
      </c>
      <c r="B52423" s="1" t="s">
        <v>172484</v>
      </c>
      <c r="C52423" s="1" t="s">
        <v>95</v>
      </c>
      <c r="D52423" s="1" t="s">
        <v>176839</v>
      </c>
      <c r="E52423" s="1" t="s">
        <v>176840</v>
      </c>
      <c r="F52423" s="1" t="s">
        <v>176841</v>
      </c>
      <c r="G52423" s="1" t="s">
        <v>176785</v>
      </c>
      <c r="H52423" s="1" t="s">
        <v>176786</v>
      </c>
      <c r="I52423" s="1" t="s">
        <v>172490</v>
      </c>
      <c r="J52423" s="1" t="s">
        <v>176842</v>
      </c>
    </row>
    <row r="52424" spans="1:10" x14ac:dyDescent="0.35">
      <c r="A52424" s="1" t="s">
        <v>29886</v>
      </c>
      <c r="B52424" s="1" t="s">
        <v>172484</v>
      </c>
      <c r="C52424" s="1" t="s">
        <v>100</v>
      </c>
      <c r="D52424" s="1" t="s">
        <v>176843</v>
      </c>
      <c r="E52424" s="1" t="s">
        <v>176844</v>
      </c>
      <c r="F52424" s="1" t="s">
        <v>176845</v>
      </c>
      <c r="G52424" s="1" t="s">
        <v>176785</v>
      </c>
      <c r="H52424" s="1" t="s">
        <v>176786</v>
      </c>
      <c r="I52424" s="1" t="s">
        <v>172490</v>
      </c>
      <c r="J52424" s="1" t="s">
        <v>176846</v>
      </c>
    </row>
    <row r="52425" spans="1:10" x14ac:dyDescent="0.35">
      <c r="A52425" s="1" t="s">
        <v>29886</v>
      </c>
      <c r="B52425" s="1" t="s">
        <v>172484</v>
      </c>
      <c r="C52425" s="1" t="s">
        <v>105</v>
      </c>
      <c r="D52425" s="1" t="s">
        <v>11079</v>
      </c>
      <c r="E52425" s="1" t="s">
        <v>176847</v>
      </c>
      <c r="F52425" s="1" t="s">
        <v>176848</v>
      </c>
      <c r="G52425" s="1" t="s">
        <v>176785</v>
      </c>
      <c r="H52425" s="1" t="s">
        <v>176786</v>
      </c>
      <c r="I52425" s="1" t="s">
        <v>172490</v>
      </c>
      <c r="J52425" s="1" t="s">
        <v>176849</v>
      </c>
    </row>
    <row r="52426" spans="1:10" x14ac:dyDescent="0.35">
      <c r="A52426" s="1" t="s">
        <v>29886</v>
      </c>
      <c r="B52426" s="1" t="s">
        <v>172484</v>
      </c>
      <c r="C52426" s="1" t="s">
        <v>110</v>
      </c>
      <c r="D52426" s="1" t="s">
        <v>64838</v>
      </c>
      <c r="E52426" s="1" t="s">
        <v>176850</v>
      </c>
      <c r="F52426" s="1" t="s">
        <v>176851</v>
      </c>
      <c r="G52426" s="1" t="s">
        <v>176785</v>
      </c>
      <c r="H52426" s="1" t="s">
        <v>176786</v>
      </c>
      <c r="I52426" s="1" t="s">
        <v>172490</v>
      </c>
      <c r="J52426" s="1" t="s">
        <v>176852</v>
      </c>
    </row>
    <row r="52427" spans="1:10" x14ac:dyDescent="0.35">
      <c r="A52427" s="1" t="s">
        <v>29886</v>
      </c>
      <c r="B52427" s="1" t="s">
        <v>172484</v>
      </c>
      <c r="C52427" s="1" t="s">
        <v>115</v>
      </c>
      <c r="D52427" s="1" t="s">
        <v>78655</v>
      </c>
      <c r="E52427" s="1" t="s">
        <v>176853</v>
      </c>
      <c r="F52427" s="1" t="s">
        <v>176854</v>
      </c>
      <c r="G52427" s="1" t="s">
        <v>176785</v>
      </c>
      <c r="H52427" s="1" t="s">
        <v>176786</v>
      </c>
      <c r="I52427" s="1" t="s">
        <v>172490</v>
      </c>
      <c r="J52427" s="1" t="s">
        <v>176855</v>
      </c>
    </row>
    <row r="52428" spans="1:10" x14ac:dyDescent="0.35">
      <c r="A52428" s="1" t="s">
        <v>29886</v>
      </c>
      <c r="B52428" s="1" t="s">
        <v>172484</v>
      </c>
      <c r="C52428" s="1" t="s">
        <v>120</v>
      </c>
      <c r="D52428" s="1" t="s">
        <v>176856</v>
      </c>
      <c r="E52428" s="1" t="s">
        <v>176857</v>
      </c>
      <c r="F52428" s="1" t="s">
        <v>176858</v>
      </c>
      <c r="G52428" s="1" t="s">
        <v>176785</v>
      </c>
      <c r="H52428" s="1" t="s">
        <v>176786</v>
      </c>
      <c r="I52428" s="1" t="s">
        <v>172490</v>
      </c>
      <c r="J52428" s="1" t="s">
        <v>176859</v>
      </c>
    </row>
    <row r="52429" spans="1:10" x14ac:dyDescent="0.35">
      <c r="A52429" s="1" t="s">
        <v>29886</v>
      </c>
      <c r="B52429" s="1" t="s">
        <v>172484</v>
      </c>
      <c r="C52429" s="1" t="s">
        <v>125</v>
      </c>
      <c r="D52429" s="1" t="s">
        <v>176860</v>
      </c>
      <c r="E52429" s="1" t="s">
        <v>176861</v>
      </c>
      <c r="F52429" s="1" t="s">
        <v>176862</v>
      </c>
      <c r="G52429" s="1" t="s">
        <v>176785</v>
      </c>
      <c r="H52429" s="1" t="s">
        <v>176786</v>
      </c>
      <c r="I52429" s="1" t="s">
        <v>172490</v>
      </c>
      <c r="J52429" s="1" t="s">
        <v>176863</v>
      </c>
    </row>
    <row r="52430" spans="1:10" x14ac:dyDescent="0.35">
      <c r="A52430" s="1" t="s">
        <v>29886</v>
      </c>
      <c r="B52430" s="1" t="s">
        <v>172484</v>
      </c>
      <c r="C52430" s="1" t="s">
        <v>130</v>
      </c>
      <c r="D52430" s="1" t="s">
        <v>176864</v>
      </c>
      <c r="E52430" s="1" t="s">
        <v>176865</v>
      </c>
      <c r="F52430" s="1" t="s">
        <v>176866</v>
      </c>
      <c r="G52430" s="1" t="s">
        <v>176785</v>
      </c>
      <c r="H52430" s="1" t="s">
        <v>176786</v>
      </c>
      <c r="I52430" s="1" t="s">
        <v>172490</v>
      </c>
      <c r="J52430" s="1" t="s">
        <v>176867</v>
      </c>
    </row>
    <row r="52431" spans="1:10" x14ac:dyDescent="0.35">
      <c r="A52431" s="1" t="s">
        <v>29886</v>
      </c>
      <c r="B52431" s="1" t="s">
        <v>172484</v>
      </c>
      <c r="C52431" s="1" t="s">
        <v>135</v>
      </c>
      <c r="D52431" s="1" t="s">
        <v>176868</v>
      </c>
      <c r="E52431" s="1" t="s">
        <v>176869</v>
      </c>
      <c r="F52431" s="1" t="s">
        <v>176870</v>
      </c>
      <c r="G52431" s="1" t="s">
        <v>176785</v>
      </c>
      <c r="H52431" s="1" t="s">
        <v>176786</v>
      </c>
      <c r="I52431" s="1" t="s">
        <v>172490</v>
      </c>
      <c r="J52431" s="1" t="s">
        <v>176871</v>
      </c>
    </row>
    <row r="52432" spans="1:10" x14ac:dyDescent="0.35">
      <c r="A52432" s="1" t="s">
        <v>29886</v>
      </c>
      <c r="B52432" s="1" t="s">
        <v>172484</v>
      </c>
      <c r="C52432" s="1" t="s">
        <v>140</v>
      </c>
      <c r="D52432" s="1" t="s">
        <v>88498</v>
      </c>
      <c r="E52432" s="1" t="s">
        <v>176872</v>
      </c>
      <c r="F52432" s="1" t="s">
        <v>176873</v>
      </c>
      <c r="G52432" s="1" t="s">
        <v>176785</v>
      </c>
      <c r="H52432" s="1" t="s">
        <v>176786</v>
      </c>
      <c r="I52432" s="1" t="s">
        <v>172490</v>
      </c>
      <c r="J52432" s="1" t="s">
        <v>176874</v>
      </c>
    </row>
    <row r="52433" spans="1:10" x14ac:dyDescent="0.35">
      <c r="A52433" s="1" t="s">
        <v>29886</v>
      </c>
      <c r="B52433" s="1" t="s">
        <v>172484</v>
      </c>
      <c r="C52433" s="1" t="s">
        <v>145</v>
      </c>
      <c r="D52433" s="1" t="s">
        <v>176875</v>
      </c>
      <c r="E52433" s="1" t="s">
        <v>176876</v>
      </c>
      <c r="F52433" s="1" t="s">
        <v>176877</v>
      </c>
      <c r="G52433" s="1" t="s">
        <v>176785</v>
      </c>
      <c r="H52433" s="1" t="s">
        <v>176786</v>
      </c>
      <c r="I52433" s="1" t="s">
        <v>172490</v>
      </c>
      <c r="J52433" s="1" t="s">
        <v>176878</v>
      </c>
    </row>
    <row r="52434" spans="1:10" x14ac:dyDescent="0.35">
      <c r="A52434" s="1" t="s">
        <v>29886</v>
      </c>
      <c r="B52434" s="1" t="s">
        <v>172484</v>
      </c>
      <c r="C52434" s="1" t="s">
        <v>150</v>
      </c>
      <c r="D52434" s="1" t="s">
        <v>176879</v>
      </c>
      <c r="E52434" s="1" t="s">
        <v>176880</v>
      </c>
      <c r="F52434" s="1" t="s">
        <v>176881</v>
      </c>
      <c r="G52434" s="1" t="s">
        <v>176785</v>
      </c>
      <c r="H52434" s="1" t="s">
        <v>176786</v>
      </c>
      <c r="I52434" s="1" t="s">
        <v>172490</v>
      </c>
      <c r="J52434" s="1" t="s">
        <v>176882</v>
      </c>
    </row>
    <row r="52435" spans="1:10" x14ac:dyDescent="0.35">
      <c r="A52435" s="1" t="s">
        <v>29886</v>
      </c>
      <c r="B52435" s="1" t="s">
        <v>172484</v>
      </c>
      <c r="C52435" s="1" t="s">
        <v>155</v>
      </c>
      <c r="D52435" s="1" t="s">
        <v>3296</v>
      </c>
      <c r="E52435" s="1" t="s">
        <v>176883</v>
      </c>
      <c r="F52435" s="1" t="s">
        <v>176884</v>
      </c>
      <c r="G52435" s="1" t="s">
        <v>176785</v>
      </c>
      <c r="H52435" s="1" t="s">
        <v>176786</v>
      </c>
      <c r="I52435" s="1" t="s">
        <v>172490</v>
      </c>
      <c r="J52435" s="1" t="s">
        <v>176885</v>
      </c>
    </row>
    <row r="52436" spans="1:10" x14ac:dyDescent="0.35">
      <c r="A52436" s="1" t="s">
        <v>29886</v>
      </c>
      <c r="B52436" s="1" t="s">
        <v>172484</v>
      </c>
      <c r="C52436" s="1" t="s">
        <v>160</v>
      </c>
      <c r="D52436" s="1" t="s">
        <v>139672</v>
      </c>
      <c r="E52436" s="1" t="s">
        <v>176886</v>
      </c>
      <c r="F52436" s="1" t="s">
        <v>176887</v>
      </c>
      <c r="G52436" s="1" t="s">
        <v>176785</v>
      </c>
      <c r="H52436" s="1" t="s">
        <v>176786</v>
      </c>
      <c r="I52436" s="1" t="s">
        <v>172490</v>
      </c>
      <c r="J52436" s="1" t="s">
        <v>176888</v>
      </c>
    </row>
    <row r="52437" spans="1:10" x14ac:dyDescent="0.35">
      <c r="A52437" s="1" t="s">
        <v>29886</v>
      </c>
      <c r="B52437" s="1" t="s">
        <v>172484</v>
      </c>
      <c r="C52437" s="1" t="s">
        <v>165</v>
      </c>
      <c r="D52437" s="1" t="s">
        <v>176889</v>
      </c>
      <c r="E52437" s="1" t="s">
        <v>176890</v>
      </c>
      <c r="F52437" s="1" t="s">
        <v>176891</v>
      </c>
      <c r="G52437" s="1" t="s">
        <v>176785</v>
      </c>
      <c r="H52437" s="1" t="s">
        <v>176786</v>
      </c>
      <c r="I52437" s="1" t="s">
        <v>172490</v>
      </c>
      <c r="J52437" s="1" t="s">
        <v>176892</v>
      </c>
    </row>
    <row r="52438" spans="1:10" x14ac:dyDescent="0.35">
      <c r="A52438" s="1" t="s">
        <v>29886</v>
      </c>
      <c r="B52438" s="1" t="s">
        <v>172484</v>
      </c>
      <c r="C52438" s="1" t="s">
        <v>170</v>
      </c>
      <c r="D52438" s="1" t="s">
        <v>90090</v>
      </c>
      <c r="E52438" s="1" t="s">
        <v>176893</v>
      </c>
      <c r="F52438" s="1" t="s">
        <v>176894</v>
      </c>
      <c r="G52438" s="1" t="s">
        <v>176785</v>
      </c>
      <c r="H52438" s="1" t="s">
        <v>176786</v>
      </c>
      <c r="I52438" s="1" t="s">
        <v>172490</v>
      </c>
      <c r="J52438" s="1" t="s">
        <v>176895</v>
      </c>
    </row>
    <row r="52439" spans="1:10" x14ac:dyDescent="0.35">
      <c r="A52439" s="1" t="s">
        <v>121735</v>
      </c>
      <c r="B52439" s="1" t="s">
        <v>172484</v>
      </c>
      <c r="C52439" s="1" t="s">
        <v>8</v>
      </c>
      <c r="D52439" s="1" t="s">
        <v>49752</v>
      </c>
      <c r="E52439" s="1" t="s">
        <v>176896</v>
      </c>
      <c r="F52439" s="1" t="s">
        <v>176897</v>
      </c>
      <c r="G52439" s="1" t="s">
        <v>176898</v>
      </c>
      <c r="H52439" s="1" t="s">
        <v>176899</v>
      </c>
      <c r="I52439" s="1" t="s">
        <v>172490</v>
      </c>
      <c r="J52439" s="1" t="s">
        <v>13</v>
      </c>
    </row>
    <row r="52440" spans="1:10" x14ac:dyDescent="0.35">
      <c r="A52440" s="1" t="s">
        <v>121735</v>
      </c>
      <c r="B52440" s="1" t="s">
        <v>172484</v>
      </c>
      <c r="C52440" s="1" t="s">
        <v>15</v>
      </c>
      <c r="D52440" s="1" t="s">
        <v>34884</v>
      </c>
      <c r="E52440" s="1" t="s">
        <v>176900</v>
      </c>
      <c r="F52440" s="1" t="s">
        <v>176901</v>
      </c>
      <c r="G52440" s="1" t="s">
        <v>176898</v>
      </c>
      <c r="H52440" s="1" t="s">
        <v>176899</v>
      </c>
      <c r="I52440" s="1" t="s">
        <v>172490</v>
      </c>
      <c r="J52440" s="1" t="s">
        <v>173959</v>
      </c>
    </row>
    <row r="52441" spans="1:10" x14ac:dyDescent="0.35">
      <c r="A52441" s="1" t="s">
        <v>121735</v>
      </c>
      <c r="B52441" s="1" t="s">
        <v>172484</v>
      </c>
      <c r="C52441" s="1" t="s">
        <v>20</v>
      </c>
      <c r="D52441" s="1" t="s">
        <v>173960</v>
      </c>
      <c r="E52441" s="1" t="s">
        <v>176902</v>
      </c>
      <c r="F52441" s="1" t="s">
        <v>176903</v>
      </c>
      <c r="G52441" s="1" t="s">
        <v>176898</v>
      </c>
      <c r="H52441" s="1" t="s">
        <v>176899</v>
      </c>
      <c r="I52441" s="1" t="s">
        <v>172490</v>
      </c>
      <c r="J52441" s="1" t="s">
        <v>173961</v>
      </c>
    </row>
    <row r="52442" spans="1:10" x14ac:dyDescent="0.35">
      <c r="A52442" s="1" t="s">
        <v>121735</v>
      </c>
      <c r="B52442" s="1" t="s">
        <v>172484</v>
      </c>
      <c r="C52442" s="1" t="s">
        <v>25</v>
      </c>
      <c r="D52442" s="1" t="s">
        <v>19798</v>
      </c>
      <c r="E52442" s="1" t="s">
        <v>176904</v>
      </c>
      <c r="F52442" s="1" t="s">
        <v>176905</v>
      </c>
      <c r="G52442" s="1" t="s">
        <v>176898</v>
      </c>
      <c r="H52442" s="1" t="s">
        <v>176899</v>
      </c>
      <c r="I52442" s="1" t="s">
        <v>172490</v>
      </c>
      <c r="J52442" s="1" t="s">
        <v>173962</v>
      </c>
    </row>
    <row r="52443" spans="1:10" x14ac:dyDescent="0.35">
      <c r="A52443" s="1" t="s">
        <v>121735</v>
      </c>
      <c r="B52443" s="1" t="s">
        <v>172484</v>
      </c>
      <c r="C52443" s="1" t="s">
        <v>30</v>
      </c>
      <c r="D52443" s="1" t="s">
        <v>135282</v>
      </c>
      <c r="E52443" s="1" t="s">
        <v>176906</v>
      </c>
      <c r="F52443" s="1" t="s">
        <v>176907</v>
      </c>
      <c r="G52443" s="1" t="s">
        <v>176898</v>
      </c>
      <c r="H52443" s="1" t="s">
        <v>176899</v>
      </c>
      <c r="I52443" s="1" t="s">
        <v>172490</v>
      </c>
      <c r="J52443" s="1" t="s">
        <v>173964</v>
      </c>
    </row>
    <row r="52444" spans="1:10" x14ac:dyDescent="0.35">
      <c r="A52444" s="1" t="s">
        <v>121735</v>
      </c>
      <c r="B52444" s="1" t="s">
        <v>172484</v>
      </c>
      <c r="C52444" s="1" t="s">
        <v>35</v>
      </c>
      <c r="D52444" s="1" t="s">
        <v>171257</v>
      </c>
      <c r="E52444" s="1" t="s">
        <v>176908</v>
      </c>
      <c r="F52444" s="1" t="s">
        <v>176909</v>
      </c>
      <c r="G52444" s="1" t="s">
        <v>176898</v>
      </c>
      <c r="H52444" s="1" t="s">
        <v>176899</v>
      </c>
      <c r="I52444" s="1" t="s">
        <v>172490</v>
      </c>
      <c r="J52444" s="1" t="s">
        <v>173966</v>
      </c>
    </row>
    <row r="52445" spans="1:10" x14ac:dyDescent="0.35">
      <c r="A52445" s="1" t="s">
        <v>121735</v>
      </c>
      <c r="B52445" s="1" t="s">
        <v>172484</v>
      </c>
      <c r="C52445" s="1" t="s">
        <v>40</v>
      </c>
      <c r="D52445" s="1" t="s">
        <v>173967</v>
      </c>
      <c r="E52445" s="1" t="s">
        <v>176910</v>
      </c>
      <c r="F52445" s="1" t="s">
        <v>176911</v>
      </c>
      <c r="G52445" s="1" t="s">
        <v>176898</v>
      </c>
      <c r="H52445" s="1" t="s">
        <v>176899</v>
      </c>
      <c r="I52445" s="1" t="s">
        <v>172490</v>
      </c>
      <c r="J52445" s="1" t="s">
        <v>173970</v>
      </c>
    </row>
    <row r="52446" spans="1:10" x14ac:dyDescent="0.35">
      <c r="A52446" s="1" t="s">
        <v>121735</v>
      </c>
      <c r="B52446" s="1" t="s">
        <v>172484</v>
      </c>
      <c r="C52446" s="1" t="s">
        <v>45</v>
      </c>
      <c r="D52446" s="1" t="s">
        <v>5421</v>
      </c>
      <c r="E52446" s="1" t="s">
        <v>176912</v>
      </c>
      <c r="F52446" s="1" t="s">
        <v>176913</v>
      </c>
      <c r="G52446" s="1" t="s">
        <v>176898</v>
      </c>
      <c r="H52446" s="1" t="s">
        <v>176899</v>
      </c>
      <c r="I52446" s="1" t="s">
        <v>172490</v>
      </c>
      <c r="J52446" s="1" t="s">
        <v>173972</v>
      </c>
    </row>
    <row r="52447" spans="1:10" x14ac:dyDescent="0.35">
      <c r="A52447" s="1" t="s">
        <v>121735</v>
      </c>
      <c r="B52447" s="1" t="s">
        <v>172484</v>
      </c>
      <c r="C52447" s="1" t="s">
        <v>50</v>
      </c>
      <c r="D52447" s="1" t="s">
        <v>115550</v>
      </c>
      <c r="E52447" s="1" t="s">
        <v>176914</v>
      </c>
      <c r="F52447" s="1" t="s">
        <v>176915</v>
      </c>
      <c r="G52447" s="1" t="s">
        <v>176898</v>
      </c>
      <c r="H52447" s="1" t="s">
        <v>176899</v>
      </c>
      <c r="I52447" s="1" t="s">
        <v>172490</v>
      </c>
      <c r="J52447" s="1" t="s">
        <v>173973</v>
      </c>
    </row>
    <row r="52448" spans="1:10" x14ac:dyDescent="0.35">
      <c r="A52448" s="1" t="s">
        <v>121735</v>
      </c>
      <c r="B52448" s="1" t="s">
        <v>172484</v>
      </c>
      <c r="C52448" s="1" t="s">
        <v>55</v>
      </c>
      <c r="D52448" s="1" t="s">
        <v>73707</v>
      </c>
      <c r="E52448" s="1" t="s">
        <v>176916</v>
      </c>
      <c r="F52448" s="1" t="s">
        <v>176917</v>
      </c>
      <c r="G52448" s="1" t="s">
        <v>176898</v>
      </c>
      <c r="H52448" s="1" t="s">
        <v>176899</v>
      </c>
      <c r="I52448" s="1" t="s">
        <v>172490</v>
      </c>
      <c r="J52448" s="1" t="s">
        <v>173974</v>
      </c>
    </row>
    <row r="52449" spans="1:10" x14ac:dyDescent="0.35">
      <c r="A52449" s="1" t="s">
        <v>121735</v>
      </c>
      <c r="B52449" s="1" t="s">
        <v>172484</v>
      </c>
      <c r="C52449" s="1" t="s">
        <v>60</v>
      </c>
      <c r="D52449" s="1" t="s">
        <v>173975</v>
      </c>
      <c r="E52449" s="1" t="s">
        <v>176918</v>
      </c>
      <c r="F52449" s="1" t="s">
        <v>176919</v>
      </c>
      <c r="G52449" s="1" t="s">
        <v>176898</v>
      </c>
      <c r="H52449" s="1" t="s">
        <v>176899</v>
      </c>
      <c r="I52449" s="1" t="s">
        <v>172490</v>
      </c>
      <c r="J52449" s="1" t="s">
        <v>173976</v>
      </c>
    </row>
    <row r="52450" spans="1:10" x14ac:dyDescent="0.35">
      <c r="A52450" s="1" t="s">
        <v>121735</v>
      </c>
      <c r="B52450" s="1" t="s">
        <v>172484</v>
      </c>
      <c r="C52450" s="1" t="s">
        <v>65</v>
      </c>
      <c r="D52450" s="1" t="s">
        <v>176920</v>
      </c>
      <c r="E52450" s="1" t="s">
        <v>176921</v>
      </c>
      <c r="F52450" s="1" t="s">
        <v>176922</v>
      </c>
      <c r="G52450" s="1" t="s">
        <v>176898</v>
      </c>
      <c r="H52450" s="1" t="s">
        <v>176899</v>
      </c>
      <c r="I52450" s="1" t="s">
        <v>172490</v>
      </c>
      <c r="J52450" s="1" t="s">
        <v>176923</v>
      </c>
    </row>
    <row r="52451" spans="1:10" x14ac:dyDescent="0.35">
      <c r="A52451" s="1" t="s">
        <v>121735</v>
      </c>
      <c r="B52451" s="1" t="s">
        <v>172484</v>
      </c>
      <c r="C52451" s="1" t="s">
        <v>70</v>
      </c>
      <c r="D52451" s="1" t="s">
        <v>176924</v>
      </c>
      <c r="E52451" s="1" t="s">
        <v>176925</v>
      </c>
      <c r="F52451" s="1" t="s">
        <v>176926</v>
      </c>
      <c r="G52451" s="1" t="s">
        <v>176898</v>
      </c>
      <c r="H52451" s="1" t="s">
        <v>176899</v>
      </c>
      <c r="I52451" s="1" t="s">
        <v>172490</v>
      </c>
      <c r="J52451" s="1" t="s">
        <v>176927</v>
      </c>
    </row>
    <row r="52452" spans="1:10" x14ac:dyDescent="0.35">
      <c r="A52452" s="1" t="s">
        <v>121735</v>
      </c>
      <c r="B52452" s="1" t="s">
        <v>172484</v>
      </c>
      <c r="C52452" s="1" t="s">
        <v>75</v>
      </c>
      <c r="D52452" s="1" t="s">
        <v>176928</v>
      </c>
      <c r="E52452" s="1" t="s">
        <v>176929</v>
      </c>
      <c r="F52452" s="1" t="s">
        <v>176930</v>
      </c>
      <c r="G52452" s="1" t="s">
        <v>176898</v>
      </c>
      <c r="H52452" s="1" t="s">
        <v>176899</v>
      </c>
      <c r="I52452" s="1" t="s">
        <v>172490</v>
      </c>
      <c r="J52452" s="1" t="s">
        <v>176931</v>
      </c>
    </row>
    <row r="52453" spans="1:10" x14ac:dyDescent="0.35">
      <c r="A52453" s="1" t="s">
        <v>121735</v>
      </c>
      <c r="B52453" s="1" t="s">
        <v>172484</v>
      </c>
      <c r="C52453" s="1" t="s">
        <v>80</v>
      </c>
      <c r="D52453" s="1" t="s">
        <v>9043</v>
      </c>
      <c r="E52453" s="1" t="s">
        <v>176932</v>
      </c>
      <c r="F52453" s="1" t="s">
        <v>176933</v>
      </c>
      <c r="G52453" s="1" t="s">
        <v>176898</v>
      </c>
      <c r="H52453" s="1" t="s">
        <v>176899</v>
      </c>
      <c r="I52453" s="1" t="s">
        <v>172490</v>
      </c>
      <c r="J52453" s="1" t="s">
        <v>176934</v>
      </c>
    </row>
    <row r="52454" spans="1:10" x14ac:dyDescent="0.35">
      <c r="A52454" s="1" t="s">
        <v>121735</v>
      </c>
      <c r="B52454" s="1" t="s">
        <v>172484</v>
      </c>
      <c r="C52454" s="1" t="s">
        <v>85</v>
      </c>
      <c r="D52454" s="1" t="s">
        <v>176935</v>
      </c>
      <c r="E52454" s="1" t="s">
        <v>176936</v>
      </c>
      <c r="F52454" s="1" t="s">
        <v>176937</v>
      </c>
      <c r="G52454" s="1" t="s">
        <v>176898</v>
      </c>
      <c r="H52454" s="1" t="s">
        <v>176899</v>
      </c>
      <c r="I52454" s="1" t="s">
        <v>172490</v>
      </c>
      <c r="J52454" s="1" t="s">
        <v>176938</v>
      </c>
    </row>
    <row r="52455" spans="1:10" x14ac:dyDescent="0.35">
      <c r="A52455" s="1" t="s">
        <v>121735</v>
      </c>
      <c r="B52455" s="1" t="s">
        <v>172484</v>
      </c>
      <c r="C52455" s="1" t="s">
        <v>90</v>
      </c>
      <c r="D52455" s="1" t="s">
        <v>42397</v>
      </c>
      <c r="E52455" s="1" t="s">
        <v>176939</v>
      </c>
      <c r="F52455" s="1" t="s">
        <v>176940</v>
      </c>
      <c r="G52455" s="1" t="s">
        <v>176898</v>
      </c>
      <c r="H52455" s="1" t="s">
        <v>176899</v>
      </c>
      <c r="I52455" s="1" t="s">
        <v>172490</v>
      </c>
      <c r="J52455" s="1" t="s">
        <v>176941</v>
      </c>
    </row>
    <row r="52456" spans="1:10" x14ac:dyDescent="0.35">
      <c r="A52456" s="1" t="s">
        <v>121735</v>
      </c>
      <c r="B52456" s="1" t="s">
        <v>172484</v>
      </c>
      <c r="C52456" s="1" t="s">
        <v>95</v>
      </c>
      <c r="D52456" s="1" t="s">
        <v>176942</v>
      </c>
      <c r="E52456" s="1" t="s">
        <v>176943</v>
      </c>
      <c r="F52456" s="1" t="s">
        <v>176944</v>
      </c>
      <c r="G52456" s="1" t="s">
        <v>176898</v>
      </c>
      <c r="H52456" s="1" t="s">
        <v>176899</v>
      </c>
      <c r="I52456" s="1" t="s">
        <v>172490</v>
      </c>
      <c r="J52456" s="1" t="s">
        <v>176945</v>
      </c>
    </row>
    <row r="52457" spans="1:10" x14ac:dyDescent="0.35">
      <c r="A52457" s="1" t="s">
        <v>121735</v>
      </c>
      <c r="B52457" s="1" t="s">
        <v>172484</v>
      </c>
      <c r="C52457" s="1" t="s">
        <v>100</v>
      </c>
      <c r="D52457" s="1" t="s">
        <v>176946</v>
      </c>
      <c r="E52457" s="1" t="s">
        <v>176947</v>
      </c>
      <c r="F52457" s="1" t="s">
        <v>176948</v>
      </c>
      <c r="G52457" s="1" t="s">
        <v>176898</v>
      </c>
      <c r="H52457" s="1" t="s">
        <v>176899</v>
      </c>
      <c r="I52457" s="1" t="s">
        <v>172490</v>
      </c>
      <c r="J52457" s="1" t="s">
        <v>176949</v>
      </c>
    </row>
    <row r="52458" spans="1:10" x14ac:dyDescent="0.35">
      <c r="A52458" s="1" t="s">
        <v>121735</v>
      </c>
      <c r="B52458" s="1" t="s">
        <v>172484</v>
      </c>
      <c r="C52458" s="1" t="s">
        <v>105</v>
      </c>
      <c r="D52458" s="1" t="s">
        <v>176950</v>
      </c>
      <c r="E52458" s="1" t="s">
        <v>176951</v>
      </c>
      <c r="F52458" s="1" t="s">
        <v>176952</v>
      </c>
      <c r="G52458" s="1" t="s">
        <v>176898</v>
      </c>
      <c r="H52458" s="1" t="s">
        <v>176899</v>
      </c>
      <c r="I52458" s="1" t="s">
        <v>172490</v>
      </c>
      <c r="J52458" s="1" t="s">
        <v>176953</v>
      </c>
    </row>
    <row r="52459" spans="1:10" x14ac:dyDescent="0.35">
      <c r="A52459" s="1" t="s">
        <v>121735</v>
      </c>
      <c r="B52459" s="1" t="s">
        <v>172484</v>
      </c>
      <c r="C52459" s="1" t="s">
        <v>110</v>
      </c>
      <c r="D52459" s="1" t="s">
        <v>82140</v>
      </c>
      <c r="E52459" s="1" t="s">
        <v>176954</v>
      </c>
      <c r="F52459" s="1" t="s">
        <v>176955</v>
      </c>
      <c r="G52459" s="1" t="s">
        <v>176898</v>
      </c>
      <c r="H52459" s="1" t="s">
        <v>176899</v>
      </c>
      <c r="I52459" s="1" t="s">
        <v>172490</v>
      </c>
      <c r="J52459" s="1" t="s">
        <v>176956</v>
      </c>
    </row>
    <row r="52460" spans="1:10" x14ac:dyDescent="0.35">
      <c r="A52460" s="1" t="s">
        <v>121735</v>
      </c>
      <c r="B52460" s="1" t="s">
        <v>172484</v>
      </c>
      <c r="C52460" s="1" t="s">
        <v>115</v>
      </c>
      <c r="D52460" s="1" t="s">
        <v>176957</v>
      </c>
      <c r="E52460" s="1" t="s">
        <v>176958</v>
      </c>
      <c r="F52460" s="1" t="s">
        <v>176959</v>
      </c>
      <c r="G52460" s="1" t="s">
        <v>176898</v>
      </c>
      <c r="H52460" s="1" t="s">
        <v>176899</v>
      </c>
      <c r="I52460" s="1" t="s">
        <v>172490</v>
      </c>
      <c r="J52460" s="1" t="s">
        <v>176960</v>
      </c>
    </row>
    <row r="52461" spans="1:10" x14ac:dyDescent="0.35">
      <c r="A52461" s="1" t="s">
        <v>121735</v>
      </c>
      <c r="B52461" s="1" t="s">
        <v>172484</v>
      </c>
      <c r="C52461" s="1" t="s">
        <v>120</v>
      </c>
      <c r="D52461" s="1" t="s">
        <v>36868</v>
      </c>
      <c r="E52461" s="1" t="s">
        <v>176961</v>
      </c>
      <c r="F52461" s="1" t="s">
        <v>176962</v>
      </c>
      <c r="G52461" s="1" t="s">
        <v>176898</v>
      </c>
      <c r="H52461" s="1" t="s">
        <v>176899</v>
      </c>
      <c r="I52461" s="1" t="s">
        <v>172490</v>
      </c>
      <c r="J52461" s="1" t="s">
        <v>176963</v>
      </c>
    </row>
    <row r="52462" spans="1:10" x14ac:dyDescent="0.35">
      <c r="A52462" s="1" t="s">
        <v>121735</v>
      </c>
      <c r="B52462" s="1" t="s">
        <v>172484</v>
      </c>
      <c r="C52462" s="1" t="s">
        <v>125</v>
      </c>
      <c r="D52462" s="1" t="s">
        <v>176964</v>
      </c>
      <c r="E52462" s="1" t="s">
        <v>176965</v>
      </c>
      <c r="F52462" s="1" t="s">
        <v>176966</v>
      </c>
      <c r="G52462" s="1" t="s">
        <v>176898</v>
      </c>
      <c r="H52462" s="1" t="s">
        <v>176899</v>
      </c>
      <c r="I52462" s="1" t="s">
        <v>172490</v>
      </c>
      <c r="J52462" s="1" t="s">
        <v>176967</v>
      </c>
    </row>
    <row r="52463" spans="1:10" x14ac:dyDescent="0.35">
      <c r="A52463" s="1" t="s">
        <v>121735</v>
      </c>
      <c r="B52463" s="1" t="s">
        <v>172484</v>
      </c>
      <c r="C52463" s="1" t="s">
        <v>130</v>
      </c>
      <c r="D52463" s="1" t="s">
        <v>53425</v>
      </c>
      <c r="E52463" s="1" t="s">
        <v>176968</v>
      </c>
      <c r="F52463" s="1" t="s">
        <v>176969</v>
      </c>
      <c r="G52463" s="1" t="s">
        <v>176898</v>
      </c>
      <c r="H52463" s="1" t="s">
        <v>176899</v>
      </c>
      <c r="I52463" s="1" t="s">
        <v>172490</v>
      </c>
      <c r="J52463" s="1" t="s">
        <v>176970</v>
      </c>
    </row>
    <row r="52464" spans="1:10" x14ac:dyDescent="0.35">
      <c r="A52464" s="1" t="s">
        <v>121735</v>
      </c>
      <c r="B52464" s="1" t="s">
        <v>172484</v>
      </c>
      <c r="C52464" s="1" t="s">
        <v>135</v>
      </c>
      <c r="D52464" s="1" t="s">
        <v>173495</v>
      </c>
      <c r="E52464" s="1" t="s">
        <v>176971</v>
      </c>
      <c r="F52464" s="1" t="s">
        <v>176972</v>
      </c>
      <c r="G52464" s="1" t="s">
        <v>176898</v>
      </c>
      <c r="H52464" s="1" t="s">
        <v>176899</v>
      </c>
      <c r="I52464" s="1" t="s">
        <v>172490</v>
      </c>
      <c r="J52464" s="1" t="s">
        <v>176973</v>
      </c>
    </row>
    <row r="52465" spans="1:10" x14ac:dyDescent="0.35">
      <c r="A52465" s="1" t="s">
        <v>121735</v>
      </c>
      <c r="B52465" s="1" t="s">
        <v>172484</v>
      </c>
      <c r="C52465" s="1" t="s">
        <v>140</v>
      </c>
      <c r="D52465" s="1" t="s">
        <v>176974</v>
      </c>
      <c r="E52465" s="1" t="s">
        <v>176975</v>
      </c>
      <c r="F52465" s="1" t="s">
        <v>176976</v>
      </c>
      <c r="G52465" s="1" t="s">
        <v>176898</v>
      </c>
      <c r="H52465" s="1" t="s">
        <v>176899</v>
      </c>
      <c r="I52465" s="1" t="s">
        <v>172490</v>
      </c>
      <c r="J52465" s="1" t="s">
        <v>176977</v>
      </c>
    </row>
    <row r="52466" spans="1:10" x14ac:dyDescent="0.35">
      <c r="A52466" s="1" t="s">
        <v>121735</v>
      </c>
      <c r="B52466" s="1" t="s">
        <v>172484</v>
      </c>
      <c r="C52466" s="1" t="s">
        <v>145</v>
      </c>
      <c r="D52466" s="1" t="s">
        <v>67742</v>
      </c>
      <c r="E52466" s="1" t="s">
        <v>176978</v>
      </c>
      <c r="F52466" s="1" t="s">
        <v>176979</v>
      </c>
      <c r="G52466" s="1" t="s">
        <v>176898</v>
      </c>
      <c r="H52466" s="1" t="s">
        <v>176899</v>
      </c>
      <c r="I52466" s="1" t="s">
        <v>172490</v>
      </c>
      <c r="J52466" s="1" t="s">
        <v>176980</v>
      </c>
    </row>
    <row r="52467" spans="1:10" x14ac:dyDescent="0.35">
      <c r="A52467" s="1" t="s">
        <v>121735</v>
      </c>
      <c r="B52467" s="1" t="s">
        <v>172484</v>
      </c>
      <c r="C52467" s="1" t="s">
        <v>150</v>
      </c>
      <c r="D52467" s="1" t="s">
        <v>42439</v>
      </c>
      <c r="E52467" s="1" t="s">
        <v>176981</v>
      </c>
      <c r="F52467" s="1" t="s">
        <v>176982</v>
      </c>
      <c r="G52467" s="1" t="s">
        <v>176898</v>
      </c>
      <c r="H52467" s="1" t="s">
        <v>176899</v>
      </c>
      <c r="I52467" s="1" t="s">
        <v>172490</v>
      </c>
      <c r="J52467" s="1" t="s">
        <v>176983</v>
      </c>
    </row>
    <row r="52468" spans="1:10" x14ac:dyDescent="0.35">
      <c r="A52468" s="1" t="s">
        <v>121735</v>
      </c>
      <c r="B52468" s="1" t="s">
        <v>172484</v>
      </c>
      <c r="C52468" s="1" t="s">
        <v>155</v>
      </c>
      <c r="D52468" s="1" t="s">
        <v>79129</v>
      </c>
      <c r="E52468" s="1" t="s">
        <v>176984</v>
      </c>
      <c r="F52468" s="1" t="s">
        <v>176985</v>
      </c>
      <c r="G52468" s="1" t="s">
        <v>176898</v>
      </c>
      <c r="H52468" s="1" t="s">
        <v>176899</v>
      </c>
      <c r="I52468" s="1" t="s">
        <v>172490</v>
      </c>
      <c r="J52468" s="1" t="s">
        <v>176986</v>
      </c>
    </row>
    <row r="52469" spans="1:10" x14ac:dyDescent="0.35">
      <c r="A52469" s="1" t="s">
        <v>121735</v>
      </c>
      <c r="B52469" s="1" t="s">
        <v>172484</v>
      </c>
      <c r="C52469" s="1" t="s">
        <v>160</v>
      </c>
      <c r="D52469" s="1" t="s">
        <v>176987</v>
      </c>
      <c r="E52469" s="1" t="s">
        <v>176988</v>
      </c>
      <c r="F52469" s="1" t="s">
        <v>176989</v>
      </c>
      <c r="G52469" s="1" t="s">
        <v>176898</v>
      </c>
      <c r="H52469" s="1" t="s">
        <v>176899</v>
      </c>
      <c r="I52469" s="1" t="s">
        <v>172490</v>
      </c>
      <c r="J52469" s="1" t="s">
        <v>176990</v>
      </c>
    </row>
    <row r="52470" spans="1:10" x14ac:dyDescent="0.35">
      <c r="A52470" s="1" t="s">
        <v>121735</v>
      </c>
      <c r="B52470" s="1" t="s">
        <v>172484</v>
      </c>
      <c r="C52470" s="1" t="s">
        <v>165</v>
      </c>
      <c r="D52470" s="1" t="s">
        <v>12440</v>
      </c>
      <c r="E52470" s="1" t="s">
        <v>176991</v>
      </c>
      <c r="F52470" s="1" t="s">
        <v>176992</v>
      </c>
      <c r="G52470" s="1" t="s">
        <v>176898</v>
      </c>
      <c r="H52470" s="1" t="s">
        <v>176899</v>
      </c>
      <c r="I52470" s="1" t="s">
        <v>172490</v>
      </c>
      <c r="J52470" s="1" t="s">
        <v>176993</v>
      </c>
    </row>
    <row r="52471" spans="1:10" x14ac:dyDescent="0.35">
      <c r="A52471" s="1" t="s">
        <v>121735</v>
      </c>
      <c r="B52471" s="1" t="s">
        <v>172484</v>
      </c>
      <c r="C52471" s="1" t="s">
        <v>170</v>
      </c>
      <c r="D52471" s="1" t="s">
        <v>176994</v>
      </c>
      <c r="E52471" s="1" t="s">
        <v>176995</v>
      </c>
      <c r="F52471" s="1" t="s">
        <v>176996</v>
      </c>
      <c r="G52471" s="1" t="s">
        <v>176898</v>
      </c>
      <c r="H52471" s="1" t="s">
        <v>176899</v>
      </c>
      <c r="I52471" s="1" t="s">
        <v>172490</v>
      </c>
      <c r="J52471" s="1" t="s">
        <v>176997</v>
      </c>
    </row>
    <row r="52472" spans="1:10" x14ac:dyDescent="0.35">
      <c r="A52472" s="1" t="s">
        <v>29650</v>
      </c>
      <c r="B52472" s="1" t="s">
        <v>172484</v>
      </c>
      <c r="C52472" s="1" t="s">
        <v>8</v>
      </c>
      <c r="D52472" s="1" t="s">
        <v>13067</v>
      </c>
      <c r="E52472" s="1" t="s">
        <v>176998</v>
      </c>
      <c r="F52472" s="1" t="s">
        <v>176999</v>
      </c>
      <c r="G52472" s="1" t="s">
        <v>177000</v>
      </c>
      <c r="H52472" s="1" t="s">
        <v>177001</v>
      </c>
      <c r="I52472" s="1" t="s">
        <v>172490</v>
      </c>
      <c r="J52472" s="1" t="s">
        <v>13</v>
      </c>
    </row>
    <row r="52473" spans="1:10" x14ac:dyDescent="0.35">
      <c r="A52473" s="1" t="s">
        <v>29650</v>
      </c>
      <c r="B52473" s="1" t="s">
        <v>172484</v>
      </c>
      <c r="C52473" s="1" t="s">
        <v>15</v>
      </c>
      <c r="D52473" s="1" t="s">
        <v>177002</v>
      </c>
      <c r="E52473" s="1" t="s">
        <v>177003</v>
      </c>
      <c r="F52473" s="1" t="s">
        <v>177004</v>
      </c>
      <c r="G52473" s="1" t="s">
        <v>177000</v>
      </c>
      <c r="H52473" s="1" t="s">
        <v>177001</v>
      </c>
      <c r="I52473" s="1" t="s">
        <v>172490</v>
      </c>
      <c r="J52473" s="1" t="s">
        <v>177005</v>
      </c>
    </row>
    <row r="52474" spans="1:10" x14ac:dyDescent="0.35">
      <c r="A52474" s="1" t="s">
        <v>29650</v>
      </c>
      <c r="B52474" s="1" t="s">
        <v>172484</v>
      </c>
      <c r="C52474" s="1" t="s">
        <v>20</v>
      </c>
      <c r="D52474" s="1" t="s">
        <v>3429</v>
      </c>
      <c r="E52474" s="1" t="s">
        <v>177006</v>
      </c>
      <c r="F52474" s="1" t="s">
        <v>177007</v>
      </c>
      <c r="G52474" s="1" t="s">
        <v>177000</v>
      </c>
      <c r="H52474" s="1" t="s">
        <v>177001</v>
      </c>
      <c r="I52474" s="1" t="s">
        <v>172490</v>
      </c>
      <c r="J52474" s="1" t="s">
        <v>177008</v>
      </c>
    </row>
    <row r="52475" spans="1:10" x14ac:dyDescent="0.35">
      <c r="A52475" s="1" t="s">
        <v>29650</v>
      </c>
      <c r="B52475" s="1" t="s">
        <v>172484</v>
      </c>
      <c r="C52475" s="1" t="s">
        <v>25</v>
      </c>
      <c r="D52475" s="1" t="s">
        <v>177009</v>
      </c>
      <c r="E52475" s="1" t="s">
        <v>177010</v>
      </c>
      <c r="F52475" s="1" t="s">
        <v>177011</v>
      </c>
      <c r="G52475" s="1" t="s">
        <v>177000</v>
      </c>
      <c r="H52475" s="1" t="s">
        <v>177001</v>
      </c>
      <c r="I52475" s="1" t="s">
        <v>172490</v>
      </c>
      <c r="J52475" s="1" t="s">
        <v>177012</v>
      </c>
    </row>
    <row r="52476" spans="1:10" x14ac:dyDescent="0.35">
      <c r="A52476" s="1" t="s">
        <v>29650</v>
      </c>
      <c r="B52476" s="1" t="s">
        <v>172484</v>
      </c>
      <c r="C52476" s="1" t="s">
        <v>30</v>
      </c>
      <c r="D52476" s="1" t="s">
        <v>31724</v>
      </c>
      <c r="E52476" s="1" t="s">
        <v>177013</v>
      </c>
      <c r="F52476" s="1" t="s">
        <v>177014</v>
      </c>
      <c r="G52476" s="1" t="s">
        <v>177000</v>
      </c>
      <c r="H52476" s="1" t="s">
        <v>177001</v>
      </c>
      <c r="I52476" s="1" t="s">
        <v>172490</v>
      </c>
      <c r="J52476" s="1" t="s">
        <v>177015</v>
      </c>
    </row>
    <row r="52477" spans="1:10" x14ac:dyDescent="0.35">
      <c r="A52477" s="1" t="s">
        <v>29650</v>
      </c>
      <c r="B52477" s="1" t="s">
        <v>172484</v>
      </c>
      <c r="C52477" s="1" t="s">
        <v>35</v>
      </c>
      <c r="D52477" s="1" t="s">
        <v>172163</v>
      </c>
      <c r="E52477" s="1" t="s">
        <v>177016</v>
      </c>
      <c r="F52477" s="1" t="s">
        <v>177017</v>
      </c>
      <c r="G52477" s="1" t="s">
        <v>177000</v>
      </c>
      <c r="H52477" s="1" t="s">
        <v>177001</v>
      </c>
      <c r="I52477" s="1" t="s">
        <v>172490</v>
      </c>
      <c r="J52477" s="1" t="s">
        <v>175561</v>
      </c>
    </row>
    <row r="52478" spans="1:10" x14ac:dyDescent="0.35">
      <c r="A52478" s="1" t="s">
        <v>29650</v>
      </c>
      <c r="B52478" s="1" t="s">
        <v>172484</v>
      </c>
      <c r="C52478" s="1" t="s">
        <v>40</v>
      </c>
      <c r="D52478" s="1" t="s">
        <v>177018</v>
      </c>
      <c r="E52478" s="1" t="s">
        <v>177019</v>
      </c>
      <c r="F52478" s="1" t="s">
        <v>177020</v>
      </c>
      <c r="G52478" s="1" t="s">
        <v>177000</v>
      </c>
      <c r="H52478" s="1" t="s">
        <v>177001</v>
      </c>
      <c r="I52478" s="1" t="s">
        <v>172490</v>
      </c>
      <c r="J52478" s="1" t="s">
        <v>177021</v>
      </c>
    </row>
    <row r="52479" spans="1:10" x14ac:dyDescent="0.35">
      <c r="A52479" s="1" t="s">
        <v>29650</v>
      </c>
      <c r="B52479" s="1" t="s">
        <v>172484</v>
      </c>
      <c r="C52479" s="1" t="s">
        <v>45</v>
      </c>
      <c r="D52479" s="1" t="s">
        <v>144858</v>
      </c>
      <c r="E52479" s="1" t="s">
        <v>177022</v>
      </c>
      <c r="F52479" s="1" t="s">
        <v>177023</v>
      </c>
      <c r="G52479" s="1" t="s">
        <v>177000</v>
      </c>
      <c r="H52479" s="1" t="s">
        <v>177001</v>
      </c>
      <c r="I52479" s="1" t="s">
        <v>172490</v>
      </c>
      <c r="J52479" s="1" t="s">
        <v>177024</v>
      </c>
    </row>
    <row r="52480" spans="1:10" x14ac:dyDescent="0.35">
      <c r="A52480" s="1" t="s">
        <v>29650</v>
      </c>
      <c r="B52480" s="1" t="s">
        <v>172484</v>
      </c>
      <c r="C52480" s="1" t="s">
        <v>50</v>
      </c>
      <c r="D52480" s="1" t="s">
        <v>5449</v>
      </c>
      <c r="E52480" s="1" t="s">
        <v>177025</v>
      </c>
      <c r="F52480" s="1" t="s">
        <v>177026</v>
      </c>
      <c r="G52480" s="1" t="s">
        <v>177000</v>
      </c>
      <c r="H52480" s="1" t="s">
        <v>177001</v>
      </c>
      <c r="I52480" s="1" t="s">
        <v>172490</v>
      </c>
      <c r="J52480" s="1" t="s">
        <v>177027</v>
      </c>
    </row>
    <row r="52481" spans="1:10" x14ac:dyDescent="0.35">
      <c r="A52481" s="1" t="s">
        <v>29650</v>
      </c>
      <c r="B52481" s="1" t="s">
        <v>172484</v>
      </c>
      <c r="C52481" s="1" t="s">
        <v>55</v>
      </c>
      <c r="D52481" s="1" t="s">
        <v>30909</v>
      </c>
      <c r="E52481" s="1" t="s">
        <v>177028</v>
      </c>
      <c r="F52481" s="1" t="s">
        <v>177029</v>
      </c>
      <c r="G52481" s="1" t="s">
        <v>177000</v>
      </c>
      <c r="H52481" s="1" t="s">
        <v>177001</v>
      </c>
      <c r="I52481" s="1" t="s">
        <v>172490</v>
      </c>
      <c r="J52481" s="1" t="s">
        <v>177030</v>
      </c>
    </row>
    <row r="52482" spans="1:10" x14ac:dyDescent="0.35">
      <c r="A52482" s="1" t="s">
        <v>29650</v>
      </c>
      <c r="B52482" s="1" t="s">
        <v>172484</v>
      </c>
      <c r="C52482" s="1" t="s">
        <v>60</v>
      </c>
      <c r="D52482" s="1" t="s">
        <v>177031</v>
      </c>
      <c r="E52482" s="1" t="s">
        <v>177032</v>
      </c>
      <c r="F52482" s="1" t="s">
        <v>177033</v>
      </c>
      <c r="G52482" s="1" t="s">
        <v>177000</v>
      </c>
      <c r="H52482" s="1" t="s">
        <v>177001</v>
      </c>
      <c r="I52482" s="1" t="s">
        <v>172490</v>
      </c>
      <c r="J52482" s="1" t="s">
        <v>177034</v>
      </c>
    </row>
    <row r="52483" spans="1:10" x14ac:dyDescent="0.35">
      <c r="A52483" s="1" t="s">
        <v>29650</v>
      </c>
      <c r="B52483" s="1" t="s">
        <v>172484</v>
      </c>
      <c r="C52483" s="1" t="s">
        <v>65</v>
      </c>
      <c r="D52483" s="1" t="s">
        <v>177035</v>
      </c>
      <c r="E52483" s="1" t="s">
        <v>177036</v>
      </c>
      <c r="F52483" s="1" t="s">
        <v>177037</v>
      </c>
      <c r="G52483" s="1" t="s">
        <v>177000</v>
      </c>
      <c r="H52483" s="1" t="s">
        <v>177001</v>
      </c>
      <c r="I52483" s="1" t="s">
        <v>172490</v>
      </c>
      <c r="J52483" s="1" t="s">
        <v>177038</v>
      </c>
    </row>
    <row r="52484" spans="1:10" x14ac:dyDescent="0.35">
      <c r="A52484" s="1" t="s">
        <v>29650</v>
      </c>
      <c r="B52484" s="1" t="s">
        <v>172484</v>
      </c>
      <c r="C52484" s="1" t="s">
        <v>70</v>
      </c>
      <c r="D52484" s="1" t="s">
        <v>31022</v>
      </c>
      <c r="E52484" s="1" t="s">
        <v>177039</v>
      </c>
      <c r="F52484" s="1" t="s">
        <v>177040</v>
      </c>
      <c r="G52484" s="1" t="s">
        <v>177000</v>
      </c>
      <c r="H52484" s="1" t="s">
        <v>177001</v>
      </c>
      <c r="I52484" s="1" t="s">
        <v>172490</v>
      </c>
      <c r="J52484" s="1" t="s">
        <v>177041</v>
      </c>
    </row>
    <row r="52485" spans="1:10" x14ac:dyDescent="0.35">
      <c r="A52485" s="1" t="s">
        <v>29650</v>
      </c>
      <c r="B52485" s="1" t="s">
        <v>172484</v>
      </c>
      <c r="C52485" s="1" t="s">
        <v>75</v>
      </c>
      <c r="D52485" s="1" t="s">
        <v>177042</v>
      </c>
      <c r="E52485" s="1" t="s">
        <v>177043</v>
      </c>
      <c r="F52485" s="1" t="s">
        <v>177044</v>
      </c>
      <c r="G52485" s="1" t="s">
        <v>177000</v>
      </c>
      <c r="H52485" s="1" t="s">
        <v>177001</v>
      </c>
      <c r="I52485" s="1" t="s">
        <v>172490</v>
      </c>
      <c r="J52485" s="1" t="s">
        <v>177045</v>
      </c>
    </row>
    <row r="52486" spans="1:10" x14ac:dyDescent="0.35">
      <c r="A52486" s="1" t="s">
        <v>29650</v>
      </c>
      <c r="B52486" s="1" t="s">
        <v>172484</v>
      </c>
      <c r="C52486" s="1" t="s">
        <v>80</v>
      </c>
      <c r="D52486" s="1" t="s">
        <v>177046</v>
      </c>
      <c r="E52486" s="1" t="s">
        <v>177047</v>
      </c>
      <c r="F52486" s="1" t="s">
        <v>177048</v>
      </c>
      <c r="G52486" s="1" t="s">
        <v>177000</v>
      </c>
      <c r="H52486" s="1" t="s">
        <v>177001</v>
      </c>
      <c r="I52486" s="1" t="s">
        <v>172490</v>
      </c>
      <c r="J52486" s="1" t="s">
        <v>177049</v>
      </c>
    </row>
    <row r="52487" spans="1:10" x14ac:dyDescent="0.35">
      <c r="A52487" s="1" t="s">
        <v>29650</v>
      </c>
      <c r="B52487" s="1" t="s">
        <v>172484</v>
      </c>
      <c r="C52487" s="1" t="s">
        <v>85</v>
      </c>
      <c r="D52487" s="1" t="s">
        <v>177050</v>
      </c>
      <c r="E52487" s="1" t="s">
        <v>177051</v>
      </c>
      <c r="F52487" s="1" t="s">
        <v>177052</v>
      </c>
      <c r="G52487" s="1" t="s">
        <v>177000</v>
      </c>
      <c r="H52487" s="1" t="s">
        <v>177001</v>
      </c>
      <c r="I52487" s="1" t="s">
        <v>172490</v>
      </c>
      <c r="J52487" s="1" t="s">
        <v>177053</v>
      </c>
    </row>
    <row r="52488" spans="1:10" x14ac:dyDescent="0.35">
      <c r="A52488" s="1" t="s">
        <v>29650</v>
      </c>
      <c r="B52488" s="1" t="s">
        <v>172484</v>
      </c>
      <c r="C52488" s="1" t="s">
        <v>90</v>
      </c>
      <c r="D52488" s="1" t="s">
        <v>177054</v>
      </c>
      <c r="E52488" s="1" t="s">
        <v>177055</v>
      </c>
      <c r="F52488" s="1" t="s">
        <v>177056</v>
      </c>
      <c r="G52488" s="1" t="s">
        <v>177000</v>
      </c>
      <c r="H52488" s="1" t="s">
        <v>177001</v>
      </c>
      <c r="I52488" s="1" t="s">
        <v>172490</v>
      </c>
      <c r="J52488" s="1" t="s">
        <v>177057</v>
      </c>
    </row>
    <row r="52489" spans="1:10" x14ac:dyDescent="0.35">
      <c r="A52489" s="1" t="s">
        <v>29650</v>
      </c>
      <c r="B52489" s="1" t="s">
        <v>172484</v>
      </c>
      <c r="C52489" s="1" t="s">
        <v>95</v>
      </c>
      <c r="D52489" s="1" t="s">
        <v>177058</v>
      </c>
      <c r="E52489" s="1" t="s">
        <v>177059</v>
      </c>
      <c r="F52489" s="1" t="s">
        <v>177060</v>
      </c>
      <c r="G52489" s="1" t="s">
        <v>177000</v>
      </c>
      <c r="H52489" s="1" t="s">
        <v>177001</v>
      </c>
      <c r="I52489" s="1" t="s">
        <v>172490</v>
      </c>
      <c r="J52489" s="1" t="s">
        <v>177061</v>
      </c>
    </row>
    <row r="52490" spans="1:10" x14ac:dyDescent="0.35">
      <c r="A52490" s="1" t="s">
        <v>29650</v>
      </c>
      <c r="B52490" s="1" t="s">
        <v>172484</v>
      </c>
      <c r="C52490" s="1" t="s">
        <v>100</v>
      </c>
      <c r="D52490" s="1" t="s">
        <v>177062</v>
      </c>
      <c r="E52490" s="1" t="s">
        <v>177063</v>
      </c>
      <c r="F52490" s="1" t="s">
        <v>177064</v>
      </c>
      <c r="G52490" s="1" t="s">
        <v>177000</v>
      </c>
      <c r="H52490" s="1" t="s">
        <v>177001</v>
      </c>
      <c r="I52490" s="1" t="s">
        <v>172490</v>
      </c>
      <c r="J52490" s="1" t="s">
        <v>177065</v>
      </c>
    </row>
    <row r="52491" spans="1:10" x14ac:dyDescent="0.35">
      <c r="A52491" s="1" t="s">
        <v>29650</v>
      </c>
      <c r="B52491" s="1" t="s">
        <v>172484</v>
      </c>
      <c r="C52491" s="1" t="s">
        <v>105</v>
      </c>
      <c r="D52491" s="1" t="s">
        <v>125258</v>
      </c>
      <c r="E52491" s="1" t="s">
        <v>177066</v>
      </c>
      <c r="F52491" s="1" t="s">
        <v>177067</v>
      </c>
      <c r="G52491" s="1" t="s">
        <v>177000</v>
      </c>
      <c r="H52491" s="1" t="s">
        <v>177001</v>
      </c>
      <c r="I52491" s="1" t="s">
        <v>172490</v>
      </c>
      <c r="J52491" s="1" t="s">
        <v>177068</v>
      </c>
    </row>
    <row r="52492" spans="1:10" x14ac:dyDescent="0.35">
      <c r="A52492" s="1" t="s">
        <v>29650</v>
      </c>
      <c r="B52492" s="1" t="s">
        <v>172484</v>
      </c>
      <c r="C52492" s="1" t="s">
        <v>110</v>
      </c>
      <c r="D52492" s="1" t="s">
        <v>82235</v>
      </c>
      <c r="E52492" s="1" t="s">
        <v>177069</v>
      </c>
      <c r="F52492" s="1" t="s">
        <v>177070</v>
      </c>
      <c r="G52492" s="1" t="s">
        <v>177000</v>
      </c>
      <c r="H52492" s="1" t="s">
        <v>177001</v>
      </c>
      <c r="I52492" s="1" t="s">
        <v>172490</v>
      </c>
      <c r="J52492" s="1" t="s">
        <v>177071</v>
      </c>
    </row>
    <row r="52493" spans="1:10" x14ac:dyDescent="0.35">
      <c r="A52493" s="1" t="s">
        <v>29650</v>
      </c>
      <c r="B52493" s="1" t="s">
        <v>172484</v>
      </c>
      <c r="C52493" s="1" t="s">
        <v>115</v>
      </c>
      <c r="D52493" s="1" t="s">
        <v>177072</v>
      </c>
      <c r="E52493" s="1" t="s">
        <v>177073</v>
      </c>
      <c r="F52493" s="1" t="s">
        <v>177074</v>
      </c>
      <c r="G52493" s="1" t="s">
        <v>177000</v>
      </c>
      <c r="H52493" s="1" t="s">
        <v>177001</v>
      </c>
      <c r="I52493" s="1" t="s">
        <v>172490</v>
      </c>
      <c r="J52493" s="1" t="s">
        <v>177075</v>
      </c>
    </row>
    <row r="52494" spans="1:10" x14ac:dyDescent="0.35">
      <c r="A52494" s="1" t="s">
        <v>29650</v>
      </c>
      <c r="B52494" s="1" t="s">
        <v>172484</v>
      </c>
      <c r="C52494" s="1" t="s">
        <v>120</v>
      </c>
      <c r="D52494" s="1" t="s">
        <v>110256</v>
      </c>
      <c r="E52494" s="1" t="s">
        <v>177076</v>
      </c>
      <c r="F52494" s="1" t="s">
        <v>177077</v>
      </c>
      <c r="G52494" s="1" t="s">
        <v>177000</v>
      </c>
      <c r="H52494" s="1" t="s">
        <v>177001</v>
      </c>
      <c r="I52494" s="1" t="s">
        <v>172490</v>
      </c>
      <c r="J52494" s="1" t="s">
        <v>177078</v>
      </c>
    </row>
    <row r="52495" spans="1:10" x14ac:dyDescent="0.35">
      <c r="A52495" s="1" t="s">
        <v>29650</v>
      </c>
      <c r="B52495" s="1" t="s">
        <v>172484</v>
      </c>
      <c r="C52495" s="1" t="s">
        <v>125</v>
      </c>
      <c r="D52495" s="1" t="s">
        <v>177079</v>
      </c>
      <c r="E52495" s="1" t="s">
        <v>177080</v>
      </c>
      <c r="F52495" s="1" t="s">
        <v>177081</v>
      </c>
      <c r="G52495" s="1" t="s">
        <v>177000</v>
      </c>
      <c r="H52495" s="1" t="s">
        <v>177001</v>
      </c>
      <c r="I52495" s="1" t="s">
        <v>172490</v>
      </c>
      <c r="J52495" s="1" t="s">
        <v>177082</v>
      </c>
    </row>
    <row r="52496" spans="1:10" x14ac:dyDescent="0.35">
      <c r="A52496" s="1" t="s">
        <v>29650</v>
      </c>
      <c r="B52496" s="1" t="s">
        <v>172484</v>
      </c>
      <c r="C52496" s="1" t="s">
        <v>130</v>
      </c>
      <c r="D52496" s="1" t="s">
        <v>105249</v>
      </c>
      <c r="E52496" s="1" t="s">
        <v>177083</v>
      </c>
      <c r="F52496" s="1" t="s">
        <v>177084</v>
      </c>
      <c r="G52496" s="1" t="s">
        <v>177000</v>
      </c>
      <c r="H52496" s="1" t="s">
        <v>177001</v>
      </c>
      <c r="I52496" s="1" t="s">
        <v>172490</v>
      </c>
      <c r="J52496" s="1" t="s">
        <v>177085</v>
      </c>
    </row>
    <row r="52497" spans="1:10" x14ac:dyDescent="0.35">
      <c r="A52497" s="1" t="s">
        <v>29650</v>
      </c>
      <c r="B52497" s="1" t="s">
        <v>172484</v>
      </c>
      <c r="C52497" s="1" t="s">
        <v>135</v>
      </c>
      <c r="D52497" s="1" t="s">
        <v>174368</v>
      </c>
      <c r="E52497" s="1" t="s">
        <v>177086</v>
      </c>
      <c r="F52497" s="1" t="s">
        <v>177087</v>
      </c>
      <c r="G52497" s="1" t="s">
        <v>177000</v>
      </c>
      <c r="H52497" s="1" t="s">
        <v>177001</v>
      </c>
      <c r="I52497" s="1" t="s">
        <v>172490</v>
      </c>
      <c r="J52497" s="1" t="s">
        <v>177088</v>
      </c>
    </row>
    <row r="52498" spans="1:10" x14ac:dyDescent="0.35">
      <c r="A52498" s="1" t="s">
        <v>29650</v>
      </c>
      <c r="B52498" s="1" t="s">
        <v>172484</v>
      </c>
      <c r="C52498" s="1" t="s">
        <v>140</v>
      </c>
      <c r="D52498" s="1" t="s">
        <v>177089</v>
      </c>
      <c r="E52498" s="1" t="s">
        <v>177090</v>
      </c>
      <c r="F52498" s="1" t="s">
        <v>177091</v>
      </c>
      <c r="G52498" s="1" t="s">
        <v>177000</v>
      </c>
      <c r="H52498" s="1" t="s">
        <v>177001</v>
      </c>
      <c r="I52498" s="1" t="s">
        <v>172490</v>
      </c>
      <c r="J52498" s="1" t="s">
        <v>177092</v>
      </c>
    </row>
    <row r="52499" spans="1:10" x14ac:dyDescent="0.35">
      <c r="A52499" s="1" t="s">
        <v>29650</v>
      </c>
      <c r="B52499" s="1" t="s">
        <v>172484</v>
      </c>
      <c r="C52499" s="1" t="s">
        <v>145</v>
      </c>
      <c r="D52499" s="1" t="s">
        <v>94340</v>
      </c>
      <c r="E52499" s="1" t="s">
        <v>177093</v>
      </c>
      <c r="F52499" s="1" t="s">
        <v>177094</v>
      </c>
      <c r="G52499" s="1" t="s">
        <v>177000</v>
      </c>
      <c r="H52499" s="1" t="s">
        <v>177001</v>
      </c>
      <c r="I52499" s="1" t="s">
        <v>172490</v>
      </c>
      <c r="J52499" s="1" t="s">
        <v>177095</v>
      </c>
    </row>
    <row r="52500" spans="1:10" x14ac:dyDescent="0.35">
      <c r="A52500" s="1" t="s">
        <v>29650</v>
      </c>
      <c r="B52500" s="1" t="s">
        <v>172484</v>
      </c>
      <c r="C52500" s="1" t="s">
        <v>150</v>
      </c>
      <c r="D52500" s="1" t="s">
        <v>107388</v>
      </c>
      <c r="E52500" s="1" t="s">
        <v>177096</v>
      </c>
      <c r="F52500" s="1" t="s">
        <v>177097</v>
      </c>
      <c r="G52500" s="1" t="s">
        <v>177000</v>
      </c>
      <c r="H52500" s="1" t="s">
        <v>177001</v>
      </c>
      <c r="I52500" s="1" t="s">
        <v>172490</v>
      </c>
      <c r="J52500" s="1" t="s">
        <v>177098</v>
      </c>
    </row>
    <row r="52501" spans="1:10" x14ac:dyDescent="0.35">
      <c r="A52501" s="1" t="s">
        <v>29650</v>
      </c>
      <c r="B52501" s="1" t="s">
        <v>172484</v>
      </c>
      <c r="C52501" s="1" t="s">
        <v>155</v>
      </c>
      <c r="D52501" s="1" t="s">
        <v>98139</v>
      </c>
      <c r="E52501" s="1" t="s">
        <v>177099</v>
      </c>
      <c r="F52501" s="1" t="s">
        <v>177100</v>
      </c>
      <c r="G52501" s="1" t="s">
        <v>177000</v>
      </c>
      <c r="H52501" s="1" t="s">
        <v>177001</v>
      </c>
      <c r="I52501" s="1" t="s">
        <v>172490</v>
      </c>
      <c r="J52501" s="1" t="s">
        <v>177101</v>
      </c>
    </row>
    <row r="52502" spans="1:10" x14ac:dyDescent="0.35">
      <c r="A52502" s="1" t="s">
        <v>29650</v>
      </c>
      <c r="B52502" s="1" t="s">
        <v>172484</v>
      </c>
      <c r="C52502" s="1" t="s">
        <v>160</v>
      </c>
      <c r="D52502" s="1" t="s">
        <v>80130</v>
      </c>
      <c r="E52502" s="1" t="s">
        <v>177102</v>
      </c>
      <c r="F52502" s="1" t="s">
        <v>177103</v>
      </c>
      <c r="G52502" s="1" t="s">
        <v>177000</v>
      </c>
      <c r="H52502" s="1" t="s">
        <v>177001</v>
      </c>
      <c r="I52502" s="1" t="s">
        <v>172490</v>
      </c>
      <c r="J52502" s="1" t="s">
        <v>177104</v>
      </c>
    </row>
    <row r="52503" spans="1:10" x14ac:dyDescent="0.35">
      <c r="A52503" s="1" t="s">
        <v>29650</v>
      </c>
      <c r="B52503" s="1" t="s">
        <v>172484</v>
      </c>
      <c r="C52503" s="1" t="s">
        <v>165</v>
      </c>
      <c r="D52503" s="1" t="s">
        <v>66188</v>
      </c>
      <c r="E52503" s="1" t="s">
        <v>177105</v>
      </c>
      <c r="F52503" s="1" t="s">
        <v>177106</v>
      </c>
      <c r="G52503" s="1" t="s">
        <v>177000</v>
      </c>
      <c r="H52503" s="1" t="s">
        <v>177001</v>
      </c>
      <c r="I52503" s="1" t="s">
        <v>172490</v>
      </c>
      <c r="J52503" s="1" t="s">
        <v>177107</v>
      </c>
    </row>
    <row r="52504" spans="1:10" x14ac:dyDescent="0.35">
      <c r="A52504" s="1" t="s">
        <v>29650</v>
      </c>
      <c r="B52504" s="1" t="s">
        <v>172484</v>
      </c>
      <c r="C52504" s="1" t="s">
        <v>170</v>
      </c>
      <c r="D52504" s="1" t="s">
        <v>130911</v>
      </c>
      <c r="E52504" s="1" t="s">
        <v>177108</v>
      </c>
      <c r="F52504" s="1" t="s">
        <v>177109</v>
      </c>
      <c r="G52504" s="1" t="s">
        <v>177000</v>
      </c>
      <c r="H52504" s="1" t="s">
        <v>177001</v>
      </c>
      <c r="I52504" s="1" t="s">
        <v>172490</v>
      </c>
      <c r="J52504" s="1" t="s">
        <v>177110</v>
      </c>
    </row>
    <row r="52505" spans="1:10" x14ac:dyDescent="0.35">
      <c r="A52505" s="1" t="s">
        <v>6451</v>
      </c>
      <c r="B52505" s="1" t="s">
        <v>172484</v>
      </c>
      <c r="C52505" s="1" t="s">
        <v>8</v>
      </c>
      <c r="D52505" s="1" t="s">
        <v>177111</v>
      </c>
      <c r="E52505" s="1" t="s">
        <v>177112</v>
      </c>
      <c r="F52505" s="1" t="s">
        <v>177113</v>
      </c>
      <c r="G52505" s="1" t="s">
        <v>177114</v>
      </c>
      <c r="H52505" s="1" t="s">
        <v>177115</v>
      </c>
      <c r="I52505" s="1" t="s">
        <v>172490</v>
      </c>
      <c r="J52505" s="1" t="s">
        <v>13</v>
      </c>
    </row>
    <row r="52506" spans="1:10" x14ac:dyDescent="0.35">
      <c r="A52506" s="1" t="s">
        <v>6451</v>
      </c>
      <c r="B52506" s="1" t="s">
        <v>172484</v>
      </c>
      <c r="C52506" s="1" t="s">
        <v>15</v>
      </c>
      <c r="D52506" s="1" t="s">
        <v>177116</v>
      </c>
      <c r="E52506" s="1" t="s">
        <v>177117</v>
      </c>
      <c r="F52506" s="1" t="s">
        <v>177118</v>
      </c>
      <c r="G52506" s="1" t="s">
        <v>177114</v>
      </c>
      <c r="H52506" s="1" t="s">
        <v>177115</v>
      </c>
      <c r="I52506" s="1" t="s">
        <v>172490</v>
      </c>
      <c r="J52506" s="1" t="s">
        <v>177119</v>
      </c>
    </row>
    <row r="52507" spans="1:10" x14ac:dyDescent="0.35">
      <c r="A52507" s="1" t="s">
        <v>6451</v>
      </c>
      <c r="B52507" s="1" t="s">
        <v>172484</v>
      </c>
      <c r="C52507" s="1" t="s">
        <v>20</v>
      </c>
      <c r="D52507" s="1" t="s">
        <v>34749</v>
      </c>
      <c r="E52507" s="1" t="s">
        <v>177120</v>
      </c>
      <c r="F52507" s="1" t="s">
        <v>177121</v>
      </c>
      <c r="G52507" s="1" t="s">
        <v>177114</v>
      </c>
      <c r="H52507" s="1" t="s">
        <v>177115</v>
      </c>
      <c r="I52507" s="1" t="s">
        <v>172490</v>
      </c>
      <c r="J52507" s="1" t="s">
        <v>177122</v>
      </c>
    </row>
    <row r="52508" spans="1:10" x14ac:dyDescent="0.35">
      <c r="A52508" s="1" t="s">
        <v>6451</v>
      </c>
      <c r="B52508" s="1" t="s">
        <v>172484</v>
      </c>
      <c r="C52508" s="1" t="s">
        <v>25</v>
      </c>
      <c r="D52508" s="1" t="s">
        <v>72927</v>
      </c>
      <c r="E52508" s="1" t="s">
        <v>177123</v>
      </c>
      <c r="F52508" s="1" t="s">
        <v>177124</v>
      </c>
      <c r="G52508" s="1" t="s">
        <v>177114</v>
      </c>
      <c r="H52508" s="1" t="s">
        <v>177115</v>
      </c>
      <c r="I52508" s="1" t="s">
        <v>172490</v>
      </c>
      <c r="J52508" s="1" t="s">
        <v>177125</v>
      </c>
    </row>
    <row r="52509" spans="1:10" x14ac:dyDescent="0.35">
      <c r="A52509" s="1" t="s">
        <v>6451</v>
      </c>
      <c r="B52509" s="1" t="s">
        <v>172484</v>
      </c>
      <c r="C52509" s="1" t="s">
        <v>30</v>
      </c>
      <c r="D52509" s="1" t="s">
        <v>83627</v>
      </c>
      <c r="E52509" s="1" t="s">
        <v>177126</v>
      </c>
      <c r="F52509" s="1" t="s">
        <v>177127</v>
      </c>
      <c r="G52509" s="1" t="s">
        <v>177114</v>
      </c>
      <c r="H52509" s="1" t="s">
        <v>177115</v>
      </c>
      <c r="I52509" s="1" t="s">
        <v>172490</v>
      </c>
      <c r="J52509" s="1" t="s">
        <v>177128</v>
      </c>
    </row>
    <row r="52510" spans="1:10" x14ac:dyDescent="0.35">
      <c r="A52510" s="1" t="s">
        <v>6451</v>
      </c>
      <c r="B52510" s="1" t="s">
        <v>172484</v>
      </c>
      <c r="C52510" s="1" t="s">
        <v>35</v>
      </c>
      <c r="D52510" s="1" t="s">
        <v>104985</v>
      </c>
      <c r="E52510" s="1" t="s">
        <v>177129</v>
      </c>
      <c r="F52510" s="1" t="s">
        <v>177130</v>
      </c>
      <c r="G52510" s="1" t="s">
        <v>177114</v>
      </c>
      <c r="H52510" s="1" t="s">
        <v>177115</v>
      </c>
      <c r="I52510" s="1" t="s">
        <v>172490</v>
      </c>
      <c r="J52510" s="1" t="s">
        <v>177131</v>
      </c>
    </row>
    <row r="52511" spans="1:10" x14ac:dyDescent="0.35">
      <c r="A52511" s="1" t="s">
        <v>6451</v>
      </c>
      <c r="B52511" s="1" t="s">
        <v>172484</v>
      </c>
      <c r="C52511" s="1" t="s">
        <v>40</v>
      </c>
      <c r="D52511" s="1" t="s">
        <v>31429</v>
      </c>
      <c r="E52511" s="1" t="s">
        <v>177132</v>
      </c>
      <c r="F52511" s="1" t="s">
        <v>177133</v>
      </c>
      <c r="G52511" s="1" t="s">
        <v>177114</v>
      </c>
      <c r="H52511" s="1" t="s">
        <v>177115</v>
      </c>
      <c r="I52511" s="1" t="s">
        <v>172490</v>
      </c>
      <c r="J52511" s="1" t="s">
        <v>177134</v>
      </c>
    </row>
    <row r="52512" spans="1:10" x14ac:dyDescent="0.35">
      <c r="A52512" s="1" t="s">
        <v>6451</v>
      </c>
      <c r="B52512" s="1" t="s">
        <v>172484</v>
      </c>
      <c r="C52512" s="1" t="s">
        <v>45</v>
      </c>
      <c r="D52512" s="1" t="s">
        <v>42146</v>
      </c>
      <c r="E52512" s="1" t="s">
        <v>177135</v>
      </c>
      <c r="F52512" s="1" t="s">
        <v>177136</v>
      </c>
      <c r="G52512" s="1" t="s">
        <v>177114</v>
      </c>
      <c r="H52512" s="1" t="s">
        <v>177115</v>
      </c>
      <c r="I52512" s="1" t="s">
        <v>172490</v>
      </c>
      <c r="J52512" s="1" t="s">
        <v>177137</v>
      </c>
    </row>
    <row r="52513" spans="1:10" x14ac:dyDescent="0.35">
      <c r="A52513" s="1" t="s">
        <v>6451</v>
      </c>
      <c r="B52513" s="1" t="s">
        <v>172484</v>
      </c>
      <c r="C52513" s="1" t="s">
        <v>50</v>
      </c>
      <c r="D52513" s="1" t="s">
        <v>177138</v>
      </c>
      <c r="E52513" s="1" t="s">
        <v>177139</v>
      </c>
      <c r="F52513" s="1" t="s">
        <v>177140</v>
      </c>
      <c r="G52513" s="1" t="s">
        <v>177114</v>
      </c>
      <c r="H52513" s="1" t="s">
        <v>177115</v>
      </c>
      <c r="I52513" s="1" t="s">
        <v>172490</v>
      </c>
      <c r="J52513" s="1" t="s">
        <v>177141</v>
      </c>
    </row>
    <row r="52514" spans="1:10" x14ac:dyDescent="0.35">
      <c r="A52514" s="1" t="s">
        <v>6451</v>
      </c>
      <c r="B52514" s="1" t="s">
        <v>172484</v>
      </c>
      <c r="C52514" s="1" t="s">
        <v>55</v>
      </c>
      <c r="D52514" s="1" t="s">
        <v>121815</v>
      </c>
      <c r="E52514" s="1" t="s">
        <v>177142</v>
      </c>
      <c r="F52514" s="1" t="s">
        <v>177143</v>
      </c>
      <c r="G52514" s="1" t="s">
        <v>177114</v>
      </c>
      <c r="H52514" s="1" t="s">
        <v>177115</v>
      </c>
      <c r="I52514" s="1" t="s">
        <v>172490</v>
      </c>
      <c r="J52514" s="1" t="s">
        <v>177144</v>
      </c>
    </row>
    <row r="52515" spans="1:10" x14ac:dyDescent="0.35">
      <c r="A52515" s="1" t="s">
        <v>6451</v>
      </c>
      <c r="B52515" s="1" t="s">
        <v>172484</v>
      </c>
      <c r="C52515" s="1" t="s">
        <v>60</v>
      </c>
      <c r="D52515" s="1" t="s">
        <v>117649</v>
      </c>
      <c r="E52515" s="1" t="s">
        <v>177145</v>
      </c>
      <c r="F52515" s="1" t="s">
        <v>177146</v>
      </c>
      <c r="G52515" s="1" t="s">
        <v>177114</v>
      </c>
      <c r="H52515" s="1" t="s">
        <v>177115</v>
      </c>
      <c r="I52515" s="1" t="s">
        <v>172490</v>
      </c>
      <c r="J52515" s="1" t="s">
        <v>177147</v>
      </c>
    </row>
    <row r="52516" spans="1:10" x14ac:dyDescent="0.35">
      <c r="A52516" s="1" t="s">
        <v>6451</v>
      </c>
      <c r="B52516" s="1" t="s">
        <v>172484</v>
      </c>
      <c r="C52516" s="1" t="s">
        <v>65</v>
      </c>
      <c r="D52516" s="1" t="s">
        <v>38405</v>
      </c>
      <c r="E52516" s="1" t="s">
        <v>177148</v>
      </c>
      <c r="F52516" s="1" t="s">
        <v>177149</v>
      </c>
      <c r="G52516" s="1" t="s">
        <v>177114</v>
      </c>
      <c r="H52516" s="1" t="s">
        <v>177115</v>
      </c>
      <c r="I52516" s="1" t="s">
        <v>172490</v>
      </c>
      <c r="J52516" s="1" t="s">
        <v>177150</v>
      </c>
    </row>
    <row r="52517" spans="1:10" x14ac:dyDescent="0.35">
      <c r="A52517" s="1" t="s">
        <v>6451</v>
      </c>
      <c r="B52517" s="1" t="s">
        <v>172484</v>
      </c>
      <c r="C52517" s="1" t="s">
        <v>70</v>
      </c>
      <c r="D52517" s="1" t="s">
        <v>177151</v>
      </c>
      <c r="E52517" s="1" t="s">
        <v>177152</v>
      </c>
      <c r="F52517" s="1" t="s">
        <v>177153</v>
      </c>
      <c r="G52517" s="1" t="s">
        <v>177114</v>
      </c>
      <c r="H52517" s="1" t="s">
        <v>177115</v>
      </c>
      <c r="I52517" s="1" t="s">
        <v>172490</v>
      </c>
      <c r="J52517" s="1" t="s">
        <v>177154</v>
      </c>
    </row>
    <row r="52518" spans="1:10" x14ac:dyDescent="0.35">
      <c r="A52518" s="1" t="s">
        <v>6451</v>
      </c>
      <c r="B52518" s="1" t="s">
        <v>172484</v>
      </c>
      <c r="C52518" s="1" t="s">
        <v>75</v>
      </c>
      <c r="D52518" s="1" t="s">
        <v>177155</v>
      </c>
      <c r="E52518" s="1" t="s">
        <v>177156</v>
      </c>
      <c r="F52518" s="1" t="s">
        <v>177157</v>
      </c>
      <c r="G52518" s="1" t="s">
        <v>177114</v>
      </c>
      <c r="H52518" s="1" t="s">
        <v>177115</v>
      </c>
      <c r="I52518" s="1" t="s">
        <v>172490</v>
      </c>
      <c r="J52518" s="1" t="s">
        <v>177158</v>
      </c>
    </row>
    <row r="52519" spans="1:10" x14ac:dyDescent="0.35">
      <c r="A52519" s="1" t="s">
        <v>6451</v>
      </c>
      <c r="B52519" s="1" t="s">
        <v>172484</v>
      </c>
      <c r="C52519" s="1" t="s">
        <v>80</v>
      </c>
      <c r="D52519" s="1" t="s">
        <v>18414</v>
      </c>
      <c r="E52519" s="1" t="s">
        <v>177159</v>
      </c>
      <c r="F52519" s="1" t="s">
        <v>177160</v>
      </c>
      <c r="G52519" s="1" t="s">
        <v>177114</v>
      </c>
      <c r="H52519" s="1" t="s">
        <v>177115</v>
      </c>
      <c r="I52519" s="1" t="s">
        <v>172490</v>
      </c>
      <c r="J52519" s="1" t="s">
        <v>177161</v>
      </c>
    </row>
    <row r="52520" spans="1:10" x14ac:dyDescent="0.35">
      <c r="A52520" s="1" t="s">
        <v>6451</v>
      </c>
      <c r="B52520" s="1" t="s">
        <v>172484</v>
      </c>
      <c r="C52520" s="1" t="s">
        <v>85</v>
      </c>
      <c r="D52520" s="1" t="s">
        <v>8885</v>
      </c>
      <c r="E52520" s="1" t="s">
        <v>177162</v>
      </c>
      <c r="F52520" s="1" t="s">
        <v>177163</v>
      </c>
      <c r="G52520" s="1" t="s">
        <v>177114</v>
      </c>
      <c r="H52520" s="1" t="s">
        <v>177115</v>
      </c>
      <c r="I52520" s="1" t="s">
        <v>172490</v>
      </c>
      <c r="J52520" s="1" t="s">
        <v>177164</v>
      </c>
    </row>
    <row r="52521" spans="1:10" x14ac:dyDescent="0.35">
      <c r="A52521" s="1" t="s">
        <v>6451</v>
      </c>
      <c r="B52521" s="1" t="s">
        <v>172484</v>
      </c>
      <c r="C52521" s="1" t="s">
        <v>90</v>
      </c>
      <c r="D52521" s="1" t="s">
        <v>177165</v>
      </c>
      <c r="E52521" s="1" t="s">
        <v>177166</v>
      </c>
      <c r="F52521" s="1" t="s">
        <v>177167</v>
      </c>
      <c r="G52521" s="1" t="s">
        <v>177114</v>
      </c>
      <c r="H52521" s="1" t="s">
        <v>177115</v>
      </c>
      <c r="I52521" s="1" t="s">
        <v>172490</v>
      </c>
      <c r="J52521" s="1" t="s">
        <v>177168</v>
      </c>
    </row>
    <row r="52522" spans="1:10" x14ac:dyDescent="0.35">
      <c r="A52522" s="1" t="s">
        <v>6451</v>
      </c>
      <c r="B52522" s="1" t="s">
        <v>172484</v>
      </c>
      <c r="C52522" s="1" t="s">
        <v>95</v>
      </c>
      <c r="D52522" s="1" t="s">
        <v>46057</v>
      </c>
      <c r="E52522" s="1" t="s">
        <v>177169</v>
      </c>
      <c r="F52522" s="1" t="s">
        <v>177170</v>
      </c>
      <c r="G52522" s="1" t="s">
        <v>177114</v>
      </c>
      <c r="H52522" s="1" t="s">
        <v>177115</v>
      </c>
      <c r="I52522" s="1" t="s">
        <v>172490</v>
      </c>
      <c r="J52522" s="1" t="s">
        <v>177171</v>
      </c>
    </row>
    <row r="52523" spans="1:10" x14ac:dyDescent="0.35">
      <c r="A52523" s="1" t="s">
        <v>6451</v>
      </c>
      <c r="B52523" s="1" t="s">
        <v>172484</v>
      </c>
      <c r="C52523" s="1" t="s">
        <v>100</v>
      </c>
      <c r="D52523" s="1" t="s">
        <v>177172</v>
      </c>
      <c r="E52523" s="1" t="s">
        <v>177173</v>
      </c>
      <c r="F52523" s="1" t="s">
        <v>177174</v>
      </c>
      <c r="G52523" s="1" t="s">
        <v>177114</v>
      </c>
      <c r="H52523" s="1" t="s">
        <v>177115</v>
      </c>
      <c r="I52523" s="1" t="s">
        <v>172490</v>
      </c>
      <c r="J52523" s="1" t="s">
        <v>177175</v>
      </c>
    </row>
    <row r="52524" spans="1:10" x14ac:dyDescent="0.35">
      <c r="A52524" s="1" t="s">
        <v>6451</v>
      </c>
      <c r="B52524" s="1" t="s">
        <v>172484</v>
      </c>
      <c r="C52524" s="1" t="s">
        <v>105</v>
      </c>
      <c r="D52524" s="1" t="s">
        <v>177176</v>
      </c>
      <c r="E52524" s="1" t="s">
        <v>177177</v>
      </c>
      <c r="F52524" s="1" t="s">
        <v>177178</v>
      </c>
      <c r="G52524" s="1" t="s">
        <v>177114</v>
      </c>
      <c r="H52524" s="1" t="s">
        <v>177115</v>
      </c>
      <c r="I52524" s="1" t="s">
        <v>172490</v>
      </c>
      <c r="J52524" s="1" t="s">
        <v>177179</v>
      </c>
    </row>
    <row r="52525" spans="1:10" x14ac:dyDescent="0.35">
      <c r="A52525" s="1" t="s">
        <v>6451</v>
      </c>
      <c r="B52525" s="1" t="s">
        <v>172484</v>
      </c>
      <c r="C52525" s="1" t="s">
        <v>110</v>
      </c>
      <c r="D52525" s="1" t="s">
        <v>174746</v>
      </c>
      <c r="E52525" s="1" t="s">
        <v>177180</v>
      </c>
      <c r="F52525" s="1" t="s">
        <v>177181</v>
      </c>
      <c r="G52525" s="1" t="s">
        <v>177114</v>
      </c>
      <c r="H52525" s="1" t="s">
        <v>177115</v>
      </c>
      <c r="I52525" s="1" t="s">
        <v>172490</v>
      </c>
      <c r="J52525" s="1" t="s">
        <v>177182</v>
      </c>
    </row>
    <row r="52526" spans="1:10" x14ac:dyDescent="0.35">
      <c r="A52526" s="1" t="s">
        <v>6451</v>
      </c>
      <c r="B52526" s="1" t="s">
        <v>172484</v>
      </c>
      <c r="C52526" s="1" t="s">
        <v>115</v>
      </c>
      <c r="D52526" s="1" t="s">
        <v>177183</v>
      </c>
      <c r="E52526" s="1" t="s">
        <v>177184</v>
      </c>
      <c r="F52526" s="1" t="s">
        <v>177185</v>
      </c>
      <c r="G52526" s="1" t="s">
        <v>177114</v>
      </c>
      <c r="H52526" s="1" t="s">
        <v>177115</v>
      </c>
      <c r="I52526" s="1" t="s">
        <v>172490</v>
      </c>
      <c r="J52526" s="1" t="s">
        <v>177186</v>
      </c>
    </row>
    <row r="52527" spans="1:10" x14ac:dyDescent="0.35">
      <c r="A52527" s="1" t="s">
        <v>6451</v>
      </c>
      <c r="B52527" s="1" t="s">
        <v>172484</v>
      </c>
      <c r="C52527" s="1" t="s">
        <v>120</v>
      </c>
      <c r="D52527" s="1" t="s">
        <v>177187</v>
      </c>
      <c r="E52527" s="1" t="s">
        <v>177188</v>
      </c>
      <c r="F52527" s="1" t="s">
        <v>177189</v>
      </c>
      <c r="G52527" s="1" t="s">
        <v>177114</v>
      </c>
      <c r="H52527" s="1" t="s">
        <v>177115</v>
      </c>
      <c r="I52527" s="1" t="s">
        <v>172490</v>
      </c>
      <c r="J52527" s="1" t="s">
        <v>177190</v>
      </c>
    </row>
    <row r="52528" spans="1:10" x14ac:dyDescent="0.35">
      <c r="A52528" s="1" t="s">
        <v>6451</v>
      </c>
      <c r="B52528" s="1" t="s">
        <v>172484</v>
      </c>
      <c r="C52528" s="1" t="s">
        <v>125</v>
      </c>
      <c r="D52528" s="1" t="s">
        <v>18717</v>
      </c>
      <c r="E52528" s="1" t="s">
        <v>177191</v>
      </c>
      <c r="F52528" s="1" t="s">
        <v>177192</v>
      </c>
      <c r="G52528" s="1" t="s">
        <v>177114</v>
      </c>
      <c r="H52528" s="1" t="s">
        <v>177115</v>
      </c>
      <c r="I52528" s="1" t="s">
        <v>172490</v>
      </c>
      <c r="J52528" s="1" t="s">
        <v>177193</v>
      </c>
    </row>
    <row r="52529" spans="1:10" x14ac:dyDescent="0.35">
      <c r="A52529" s="1" t="s">
        <v>6451</v>
      </c>
      <c r="B52529" s="1" t="s">
        <v>172484</v>
      </c>
      <c r="C52529" s="1" t="s">
        <v>130</v>
      </c>
      <c r="D52529" s="1" t="s">
        <v>149841</v>
      </c>
      <c r="E52529" s="1" t="s">
        <v>177194</v>
      </c>
      <c r="F52529" s="1" t="s">
        <v>177195</v>
      </c>
      <c r="G52529" s="1" t="s">
        <v>177114</v>
      </c>
      <c r="H52529" s="1" t="s">
        <v>177115</v>
      </c>
      <c r="I52529" s="1" t="s">
        <v>172490</v>
      </c>
      <c r="J52529" s="1" t="s">
        <v>177196</v>
      </c>
    </row>
    <row r="52530" spans="1:10" x14ac:dyDescent="0.35">
      <c r="A52530" s="1" t="s">
        <v>6451</v>
      </c>
      <c r="B52530" s="1" t="s">
        <v>172484</v>
      </c>
      <c r="C52530" s="1" t="s">
        <v>135</v>
      </c>
      <c r="D52530" s="1" t="s">
        <v>105192</v>
      </c>
      <c r="E52530" s="1" t="s">
        <v>177197</v>
      </c>
      <c r="F52530" s="1" t="s">
        <v>177198</v>
      </c>
      <c r="G52530" s="1" t="s">
        <v>177114</v>
      </c>
      <c r="H52530" s="1" t="s">
        <v>177115</v>
      </c>
      <c r="I52530" s="1" t="s">
        <v>172490</v>
      </c>
      <c r="J52530" s="1" t="s">
        <v>177199</v>
      </c>
    </row>
    <row r="52531" spans="1:10" x14ac:dyDescent="0.35">
      <c r="A52531" s="1" t="s">
        <v>6451</v>
      </c>
      <c r="B52531" s="1" t="s">
        <v>172484</v>
      </c>
      <c r="C52531" s="1" t="s">
        <v>140</v>
      </c>
      <c r="D52531" s="1" t="s">
        <v>59869</v>
      </c>
      <c r="E52531" s="1" t="s">
        <v>177200</v>
      </c>
      <c r="F52531" s="1" t="s">
        <v>177201</v>
      </c>
      <c r="G52531" s="1" t="s">
        <v>177114</v>
      </c>
      <c r="H52531" s="1" t="s">
        <v>177115</v>
      </c>
      <c r="I52531" s="1" t="s">
        <v>172490</v>
      </c>
      <c r="J52531" s="1" t="s">
        <v>177202</v>
      </c>
    </row>
    <row r="52532" spans="1:10" x14ac:dyDescent="0.35">
      <c r="A52532" s="1" t="s">
        <v>6451</v>
      </c>
      <c r="B52532" s="1" t="s">
        <v>172484</v>
      </c>
      <c r="C52532" s="1" t="s">
        <v>145</v>
      </c>
      <c r="D52532" s="1" t="s">
        <v>107332</v>
      </c>
      <c r="E52532" s="1" t="s">
        <v>177203</v>
      </c>
      <c r="F52532" s="1" t="s">
        <v>177204</v>
      </c>
      <c r="G52532" s="1" t="s">
        <v>177114</v>
      </c>
      <c r="H52532" s="1" t="s">
        <v>177115</v>
      </c>
      <c r="I52532" s="1" t="s">
        <v>172490</v>
      </c>
      <c r="J52532" s="1" t="s">
        <v>177205</v>
      </c>
    </row>
    <row r="52533" spans="1:10" x14ac:dyDescent="0.35">
      <c r="A52533" s="1" t="s">
        <v>6451</v>
      </c>
      <c r="B52533" s="1" t="s">
        <v>172484</v>
      </c>
      <c r="C52533" s="1" t="s">
        <v>150</v>
      </c>
      <c r="D52533" s="1" t="s">
        <v>150540</v>
      </c>
      <c r="E52533" s="1" t="s">
        <v>177206</v>
      </c>
      <c r="F52533" s="1" t="s">
        <v>177207</v>
      </c>
      <c r="G52533" s="1" t="s">
        <v>177114</v>
      </c>
      <c r="H52533" s="1" t="s">
        <v>177115</v>
      </c>
      <c r="I52533" s="1" t="s">
        <v>172490</v>
      </c>
      <c r="J52533" s="1" t="s">
        <v>177208</v>
      </c>
    </row>
    <row r="52534" spans="1:10" x14ac:dyDescent="0.35">
      <c r="A52534" s="1" t="s">
        <v>6451</v>
      </c>
      <c r="B52534" s="1" t="s">
        <v>172484</v>
      </c>
      <c r="C52534" s="1" t="s">
        <v>155</v>
      </c>
      <c r="D52534" s="1" t="s">
        <v>108638</v>
      </c>
      <c r="E52534" s="1" t="s">
        <v>177209</v>
      </c>
      <c r="F52534" s="1" t="s">
        <v>177210</v>
      </c>
      <c r="G52534" s="1" t="s">
        <v>177114</v>
      </c>
      <c r="H52534" s="1" t="s">
        <v>177115</v>
      </c>
      <c r="I52534" s="1" t="s">
        <v>172490</v>
      </c>
      <c r="J52534" s="1" t="s">
        <v>177211</v>
      </c>
    </row>
    <row r="52535" spans="1:10" x14ac:dyDescent="0.35">
      <c r="A52535" s="1" t="s">
        <v>6451</v>
      </c>
      <c r="B52535" s="1" t="s">
        <v>172484</v>
      </c>
      <c r="C52535" s="1" t="s">
        <v>160</v>
      </c>
      <c r="D52535" s="1" t="s">
        <v>177212</v>
      </c>
      <c r="E52535" s="1" t="s">
        <v>177213</v>
      </c>
      <c r="F52535" s="1" t="s">
        <v>177214</v>
      </c>
      <c r="G52535" s="1" t="s">
        <v>177114</v>
      </c>
      <c r="H52535" s="1" t="s">
        <v>177115</v>
      </c>
      <c r="I52535" s="1" t="s">
        <v>172490</v>
      </c>
      <c r="J52535" s="1" t="s">
        <v>177215</v>
      </c>
    </row>
    <row r="52536" spans="1:10" x14ac:dyDescent="0.35">
      <c r="A52536" s="1" t="s">
        <v>6451</v>
      </c>
      <c r="B52536" s="1" t="s">
        <v>172484</v>
      </c>
      <c r="C52536" s="1" t="s">
        <v>165</v>
      </c>
      <c r="D52536" s="1" t="s">
        <v>101205</v>
      </c>
      <c r="E52536" s="1" t="s">
        <v>177216</v>
      </c>
      <c r="F52536" s="1" t="s">
        <v>177217</v>
      </c>
      <c r="G52536" s="1" t="s">
        <v>177114</v>
      </c>
      <c r="H52536" s="1" t="s">
        <v>177115</v>
      </c>
      <c r="I52536" s="1" t="s">
        <v>172490</v>
      </c>
      <c r="J52536" s="1" t="s">
        <v>177218</v>
      </c>
    </row>
    <row r="52537" spans="1:10" x14ac:dyDescent="0.35">
      <c r="A52537" s="1" t="s">
        <v>6451</v>
      </c>
      <c r="B52537" s="1" t="s">
        <v>172484</v>
      </c>
      <c r="C52537" s="1" t="s">
        <v>170</v>
      </c>
      <c r="D52537" s="1" t="s">
        <v>177219</v>
      </c>
      <c r="E52537" s="1" t="s">
        <v>177220</v>
      </c>
      <c r="F52537" s="1" t="s">
        <v>177221</v>
      </c>
      <c r="G52537" s="1" t="s">
        <v>177114</v>
      </c>
      <c r="H52537" s="1" t="s">
        <v>177115</v>
      </c>
      <c r="I52537" s="1" t="s">
        <v>172490</v>
      </c>
      <c r="J52537" s="1" t="s">
        <v>177222</v>
      </c>
    </row>
    <row r="52538" spans="1:10" x14ac:dyDescent="0.35">
      <c r="A52538" s="1" t="s">
        <v>177223</v>
      </c>
      <c r="B52538" s="1" t="s">
        <v>172484</v>
      </c>
      <c r="C52538" s="1" t="s">
        <v>8</v>
      </c>
      <c r="D52538" s="1" t="s">
        <v>31983</v>
      </c>
      <c r="E52538" s="1" t="s">
        <v>177224</v>
      </c>
      <c r="F52538" s="1" t="s">
        <v>177225</v>
      </c>
      <c r="G52538" s="1" t="s">
        <v>177226</v>
      </c>
      <c r="H52538" s="1" t="s">
        <v>177227</v>
      </c>
      <c r="I52538" s="1" t="s">
        <v>172490</v>
      </c>
      <c r="J52538" s="1" t="s">
        <v>13</v>
      </c>
    </row>
    <row r="52539" spans="1:10" x14ac:dyDescent="0.35">
      <c r="A52539" s="1" t="s">
        <v>177223</v>
      </c>
      <c r="B52539" s="1" t="s">
        <v>172484</v>
      </c>
      <c r="C52539" s="1" t="s">
        <v>15</v>
      </c>
      <c r="D52539" s="1" t="s">
        <v>32068</v>
      </c>
      <c r="E52539" s="1" t="s">
        <v>177228</v>
      </c>
      <c r="F52539" s="1" t="s">
        <v>177229</v>
      </c>
      <c r="G52539" s="1" t="s">
        <v>177226</v>
      </c>
      <c r="H52539" s="1" t="s">
        <v>177227</v>
      </c>
      <c r="I52539" s="1" t="s">
        <v>172490</v>
      </c>
      <c r="J52539" s="1" t="s">
        <v>177230</v>
      </c>
    </row>
    <row r="52540" spans="1:10" x14ac:dyDescent="0.35">
      <c r="A52540" s="1" t="s">
        <v>177223</v>
      </c>
      <c r="B52540" s="1" t="s">
        <v>172484</v>
      </c>
      <c r="C52540" s="1" t="s">
        <v>20</v>
      </c>
      <c r="D52540" s="1" t="s">
        <v>32566</v>
      </c>
      <c r="E52540" s="1" t="s">
        <v>177231</v>
      </c>
      <c r="F52540" s="1" t="s">
        <v>177232</v>
      </c>
      <c r="G52540" s="1" t="s">
        <v>177226</v>
      </c>
      <c r="H52540" s="1" t="s">
        <v>177227</v>
      </c>
      <c r="I52540" s="1" t="s">
        <v>172490</v>
      </c>
      <c r="J52540" s="1" t="s">
        <v>177233</v>
      </c>
    </row>
    <row r="52541" spans="1:10" x14ac:dyDescent="0.35">
      <c r="A52541" s="1" t="s">
        <v>177223</v>
      </c>
      <c r="B52541" s="1" t="s">
        <v>172484</v>
      </c>
      <c r="C52541" s="1" t="s">
        <v>25</v>
      </c>
      <c r="D52541" s="1" t="s">
        <v>49752</v>
      </c>
      <c r="E52541" s="1" t="s">
        <v>177234</v>
      </c>
      <c r="F52541" s="1" t="s">
        <v>177235</v>
      </c>
      <c r="G52541" s="1" t="s">
        <v>177226</v>
      </c>
      <c r="H52541" s="1" t="s">
        <v>177227</v>
      </c>
      <c r="I52541" s="1" t="s">
        <v>172490</v>
      </c>
      <c r="J52541" s="1" t="s">
        <v>177236</v>
      </c>
    </row>
    <row r="52542" spans="1:10" x14ac:dyDescent="0.35">
      <c r="A52542" s="1" t="s">
        <v>177223</v>
      </c>
      <c r="B52542" s="1" t="s">
        <v>172484</v>
      </c>
      <c r="C52542" s="1" t="s">
        <v>30</v>
      </c>
      <c r="D52542" s="1" t="s">
        <v>38285</v>
      </c>
      <c r="E52542" s="1" t="s">
        <v>177237</v>
      </c>
      <c r="F52542" s="1" t="s">
        <v>177238</v>
      </c>
      <c r="G52542" s="1" t="s">
        <v>177226</v>
      </c>
      <c r="H52542" s="1" t="s">
        <v>177227</v>
      </c>
      <c r="I52542" s="1" t="s">
        <v>172490</v>
      </c>
      <c r="J52542" s="1" t="s">
        <v>177239</v>
      </c>
    </row>
    <row r="52543" spans="1:10" x14ac:dyDescent="0.35">
      <c r="A52543" s="1" t="s">
        <v>177223</v>
      </c>
      <c r="B52543" s="1" t="s">
        <v>172484</v>
      </c>
      <c r="C52543" s="1" t="s">
        <v>35</v>
      </c>
      <c r="D52543" s="1" t="s">
        <v>177240</v>
      </c>
      <c r="E52543" s="1" t="s">
        <v>177241</v>
      </c>
      <c r="F52543" s="1" t="s">
        <v>177242</v>
      </c>
      <c r="G52543" s="1" t="s">
        <v>177226</v>
      </c>
      <c r="H52543" s="1" t="s">
        <v>177227</v>
      </c>
      <c r="I52543" s="1" t="s">
        <v>172490</v>
      </c>
      <c r="J52543" s="1" t="s">
        <v>177243</v>
      </c>
    </row>
    <row r="52544" spans="1:10" x14ac:dyDescent="0.35">
      <c r="A52544" s="1" t="s">
        <v>177223</v>
      </c>
      <c r="B52544" s="1" t="s">
        <v>172484</v>
      </c>
      <c r="C52544" s="1" t="s">
        <v>40</v>
      </c>
      <c r="D52544" s="1" t="s">
        <v>177244</v>
      </c>
      <c r="E52544" s="1" t="s">
        <v>177245</v>
      </c>
      <c r="F52544" s="1" t="s">
        <v>177246</v>
      </c>
      <c r="G52544" s="1" t="s">
        <v>177226</v>
      </c>
      <c r="H52544" s="1" t="s">
        <v>177227</v>
      </c>
      <c r="I52544" s="1" t="s">
        <v>172490</v>
      </c>
      <c r="J52544" s="1" t="s">
        <v>177247</v>
      </c>
    </row>
    <row r="52545" spans="1:10" x14ac:dyDescent="0.35">
      <c r="A52545" s="1" t="s">
        <v>177223</v>
      </c>
      <c r="B52545" s="1" t="s">
        <v>172484</v>
      </c>
      <c r="C52545" s="1" t="s">
        <v>45</v>
      </c>
      <c r="D52545" s="1" t="s">
        <v>177248</v>
      </c>
      <c r="E52545" s="1" t="s">
        <v>177249</v>
      </c>
      <c r="F52545" s="1" t="s">
        <v>177250</v>
      </c>
      <c r="G52545" s="1" t="s">
        <v>177226</v>
      </c>
      <c r="H52545" s="1" t="s">
        <v>177227</v>
      </c>
      <c r="I52545" s="1" t="s">
        <v>172490</v>
      </c>
      <c r="J52545" s="1" t="s">
        <v>177251</v>
      </c>
    </row>
    <row r="52546" spans="1:10" x14ac:dyDescent="0.35">
      <c r="A52546" s="1" t="s">
        <v>177223</v>
      </c>
      <c r="B52546" s="1" t="s">
        <v>172484</v>
      </c>
      <c r="C52546" s="1" t="s">
        <v>50</v>
      </c>
      <c r="D52546" s="1" t="s">
        <v>135645</v>
      </c>
      <c r="E52546" s="1" t="s">
        <v>177252</v>
      </c>
      <c r="F52546" s="1" t="s">
        <v>177253</v>
      </c>
      <c r="G52546" s="1" t="s">
        <v>177226</v>
      </c>
      <c r="H52546" s="1" t="s">
        <v>177227</v>
      </c>
      <c r="I52546" s="1" t="s">
        <v>172490</v>
      </c>
      <c r="J52546" s="1" t="s">
        <v>177254</v>
      </c>
    </row>
    <row r="52547" spans="1:10" x14ac:dyDescent="0.35">
      <c r="A52547" s="1" t="s">
        <v>177223</v>
      </c>
      <c r="B52547" s="1" t="s">
        <v>172484</v>
      </c>
      <c r="C52547" s="1" t="s">
        <v>55</v>
      </c>
      <c r="D52547" s="1" t="s">
        <v>177255</v>
      </c>
      <c r="E52547" s="1" t="s">
        <v>177256</v>
      </c>
      <c r="F52547" s="1" t="s">
        <v>177257</v>
      </c>
      <c r="G52547" s="1" t="s">
        <v>177226</v>
      </c>
      <c r="H52547" s="1" t="s">
        <v>177227</v>
      </c>
      <c r="I52547" s="1" t="s">
        <v>172490</v>
      </c>
      <c r="J52547" s="1" t="s">
        <v>177258</v>
      </c>
    </row>
    <row r="52548" spans="1:10" x14ac:dyDescent="0.35">
      <c r="A52548" s="1" t="s">
        <v>177223</v>
      </c>
      <c r="B52548" s="1" t="s">
        <v>172484</v>
      </c>
      <c r="C52548" s="1" t="s">
        <v>60</v>
      </c>
      <c r="D52548" s="1" t="s">
        <v>177259</v>
      </c>
      <c r="E52548" s="1" t="s">
        <v>177260</v>
      </c>
      <c r="F52548" s="1" t="s">
        <v>177261</v>
      </c>
      <c r="G52548" s="1" t="s">
        <v>177226</v>
      </c>
      <c r="H52548" s="1" t="s">
        <v>177227</v>
      </c>
      <c r="I52548" s="1" t="s">
        <v>172490</v>
      </c>
      <c r="J52548" s="1" t="s">
        <v>177262</v>
      </c>
    </row>
    <row r="52549" spans="1:10" x14ac:dyDescent="0.35">
      <c r="A52549" s="1" t="s">
        <v>177223</v>
      </c>
      <c r="B52549" s="1" t="s">
        <v>172484</v>
      </c>
      <c r="C52549" s="1" t="s">
        <v>65</v>
      </c>
      <c r="D52549" s="1" t="s">
        <v>18239</v>
      </c>
      <c r="E52549" s="1" t="s">
        <v>177263</v>
      </c>
      <c r="F52549" s="1" t="s">
        <v>177264</v>
      </c>
      <c r="G52549" s="1" t="s">
        <v>177226</v>
      </c>
      <c r="H52549" s="1" t="s">
        <v>177227</v>
      </c>
      <c r="I52549" s="1" t="s">
        <v>172490</v>
      </c>
      <c r="J52549" s="1" t="s">
        <v>177265</v>
      </c>
    </row>
    <row r="52550" spans="1:10" x14ac:dyDescent="0.35">
      <c r="A52550" s="1" t="s">
        <v>177223</v>
      </c>
      <c r="B52550" s="1" t="s">
        <v>172484</v>
      </c>
      <c r="C52550" s="1" t="s">
        <v>70</v>
      </c>
      <c r="D52550" s="1" t="s">
        <v>25669</v>
      </c>
      <c r="E52550" s="1" t="s">
        <v>177266</v>
      </c>
      <c r="F52550" s="1" t="s">
        <v>177267</v>
      </c>
      <c r="G52550" s="1" t="s">
        <v>177226</v>
      </c>
      <c r="H52550" s="1" t="s">
        <v>177227</v>
      </c>
      <c r="I52550" s="1" t="s">
        <v>172490</v>
      </c>
      <c r="J52550" s="1" t="s">
        <v>177268</v>
      </c>
    </row>
    <row r="52551" spans="1:10" x14ac:dyDescent="0.35">
      <c r="A52551" s="1" t="s">
        <v>177223</v>
      </c>
      <c r="B52551" s="1" t="s">
        <v>172484</v>
      </c>
      <c r="C52551" s="1" t="s">
        <v>75</v>
      </c>
      <c r="D52551" s="1" t="s">
        <v>177269</v>
      </c>
      <c r="E52551" s="1" t="s">
        <v>177270</v>
      </c>
      <c r="F52551" s="1" t="s">
        <v>177271</v>
      </c>
      <c r="G52551" s="1" t="s">
        <v>177226</v>
      </c>
      <c r="H52551" s="1" t="s">
        <v>177227</v>
      </c>
      <c r="I52551" s="1" t="s">
        <v>172490</v>
      </c>
      <c r="J52551" s="1" t="s">
        <v>177272</v>
      </c>
    </row>
    <row r="52552" spans="1:10" x14ac:dyDescent="0.35">
      <c r="A52552" s="1" t="s">
        <v>177223</v>
      </c>
      <c r="B52552" s="1" t="s">
        <v>172484</v>
      </c>
      <c r="C52552" s="1" t="s">
        <v>80</v>
      </c>
      <c r="D52552" s="1" t="s">
        <v>177273</v>
      </c>
      <c r="E52552" s="1" t="s">
        <v>177274</v>
      </c>
      <c r="F52552" s="1" t="s">
        <v>177275</v>
      </c>
      <c r="G52552" s="1" t="s">
        <v>177226</v>
      </c>
      <c r="H52552" s="1" t="s">
        <v>177227</v>
      </c>
      <c r="I52552" s="1" t="s">
        <v>172490</v>
      </c>
      <c r="J52552" s="1" t="s">
        <v>177276</v>
      </c>
    </row>
    <row r="52553" spans="1:10" x14ac:dyDescent="0.35">
      <c r="A52553" s="1" t="s">
        <v>177223</v>
      </c>
      <c r="B52553" s="1" t="s">
        <v>172484</v>
      </c>
      <c r="C52553" s="1" t="s">
        <v>85</v>
      </c>
      <c r="D52553" s="1" t="s">
        <v>34149</v>
      </c>
      <c r="E52553" s="1" t="s">
        <v>177277</v>
      </c>
      <c r="F52553" s="1" t="s">
        <v>177278</v>
      </c>
      <c r="G52553" s="1" t="s">
        <v>177226</v>
      </c>
      <c r="H52553" s="1" t="s">
        <v>177227</v>
      </c>
      <c r="I52553" s="1" t="s">
        <v>172490</v>
      </c>
      <c r="J52553" s="1" t="s">
        <v>177279</v>
      </c>
    </row>
    <row r="52554" spans="1:10" x14ac:dyDescent="0.35">
      <c r="A52554" s="1" t="s">
        <v>177223</v>
      </c>
      <c r="B52554" s="1" t="s">
        <v>172484</v>
      </c>
      <c r="C52554" s="1" t="s">
        <v>90</v>
      </c>
      <c r="D52554" s="1" t="s">
        <v>173788</v>
      </c>
      <c r="E52554" s="1" t="s">
        <v>177280</v>
      </c>
      <c r="F52554" s="1" t="s">
        <v>177281</v>
      </c>
      <c r="G52554" s="1" t="s">
        <v>177226</v>
      </c>
      <c r="H52554" s="1" t="s">
        <v>177227</v>
      </c>
      <c r="I52554" s="1" t="s">
        <v>172490</v>
      </c>
      <c r="J52554" s="1" t="s">
        <v>177282</v>
      </c>
    </row>
    <row r="52555" spans="1:10" x14ac:dyDescent="0.35">
      <c r="A52555" s="1" t="s">
        <v>177223</v>
      </c>
      <c r="B52555" s="1" t="s">
        <v>172484</v>
      </c>
      <c r="C52555" s="1" t="s">
        <v>95</v>
      </c>
      <c r="D52555" s="1" t="s">
        <v>177283</v>
      </c>
      <c r="E52555" s="1" t="s">
        <v>177284</v>
      </c>
      <c r="F52555" s="1" t="s">
        <v>177285</v>
      </c>
      <c r="G52555" s="1" t="s">
        <v>177226</v>
      </c>
      <c r="H52555" s="1" t="s">
        <v>177227</v>
      </c>
      <c r="I52555" s="1" t="s">
        <v>172490</v>
      </c>
      <c r="J52555" s="1" t="s">
        <v>177286</v>
      </c>
    </row>
    <row r="52556" spans="1:10" x14ac:dyDescent="0.35">
      <c r="A52556" s="1" t="s">
        <v>177223</v>
      </c>
      <c r="B52556" s="1" t="s">
        <v>172484</v>
      </c>
      <c r="C52556" s="1" t="s">
        <v>100</v>
      </c>
      <c r="D52556" s="1" t="s">
        <v>177287</v>
      </c>
      <c r="E52556" s="1" t="s">
        <v>177288</v>
      </c>
      <c r="F52556" s="1" t="s">
        <v>177289</v>
      </c>
      <c r="G52556" s="1" t="s">
        <v>177226</v>
      </c>
      <c r="H52556" s="1" t="s">
        <v>177227</v>
      </c>
      <c r="I52556" s="1" t="s">
        <v>172490</v>
      </c>
      <c r="J52556" s="1" t="s">
        <v>177290</v>
      </c>
    </row>
    <row r="52557" spans="1:10" x14ac:dyDescent="0.35">
      <c r="A52557" s="1" t="s">
        <v>177223</v>
      </c>
      <c r="B52557" s="1" t="s">
        <v>172484</v>
      </c>
      <c r="C52557" s="1" t="s">
        <v>105</v>
      </c>
      <c r="D52557" s="1" t="s">
        <v>173208</v>
      </c>
      <c r="E52557" s="1" t="s">
        <v>177291</v>
      </c>
      <c r="F52557" s="1" t="s">
        <v>177292</v>
      </c>
      <c r="G52557" s="1" t="s">
        <v>177226</v>
      </c>
      <c r="H52557" s="1" t="s">
        <v>177227</v>
      </c>
      <c r="I52557" s="1" t="s">
        <v>172490</v>
      </c>
      <c r="J52557" s="1" t="s">
        <v>177293</v>
      </c>
    </row>
    <row r="52558" spans="1:10" x14ac:dyDescent="0.35">
      <c r="A52558" s="1" t="s">
        <v>177223</v>
      </c>
      <c r="B52558" s="1" t="s">
        <v>172484</v>
      </c>
      <c r="C52558" s="1" t="s">
        <v>110</v>
      </c>
      <c r="D52558" s="1" t="s">
        <v>177294</v>
      </c>
      <c r="E52558" s="1" t="s">
        <v>177295</v>
      </c>
      <c r="F52558" s="1" t="s">
        <v>177296</v>
      </c>
      <c r="G52558" s="1" t="s">
        <v>177226</v>
      </c>
      <c r="H52558" s="1" t="s">
        <v>177227</v>
      </c>
      <c r="I52558" s="1" t="s">
        <v>172490</v>
      </c>
      <c r="J52558" s="1" t="s">
        <v>177297</v>
      </c>
    </row>
    <row r="52559" spans="1:10" x14ac:dyDescent="0.35">
      <c r="A52559" s="1" t="s">
        <v>177223</v>
      </c>
      <c r="B52559" s="1" t="s">
        <v>172484</v>
      </c>
      <c r="C52559" s="1" t="s">
        <v>115</v>
      </c>
      <c r="D52559" s="1" t="s">
        <v>78401</v>
      </c>
      <c r="E52559" s="1" t="s">
        <v>177298</v>
      </c>
      <c r="F52559" s="1" t="s">
        <v>177299</v>
      </c>
      <c r="G52559" s="1" t="s">
        <v>177226</v>
      </c>
      <c r="H52559" s="1" t="s">
        <v>177227</v>
      </c>
      <c r="I52559" s="1" t="s">
        <v>172490</v>
      </c>
      <c r="J52559" s="1" t="s">
        <v>177300</v>
      </c>
    </row>
    <row r="52560" spans="1:10" x14ac:dyDescent="0.35">
      <c r="A52560" s="1" t="s">
        <v>177223</v>
      </c>
      <c r="B52560" s="1" t="s">
        <v>172484</v>
      </c>
      <c r="C52560" s="1" t="s">
        <v>120</v>
      </c>
      <c r="D52560" s="1" t="s">
        <v>113739</v>
      </c>
      <c r="E52560" s="1" t="s">
        <v>177301</v>
      </c>
      <c r="F52560" s="1" t="s">
        <v>177302</v>
      </c>
      <c r="G52560" s="1" t="s">
        <v>177226</v>
      </c>
      <c r="H52560" s="1" t="s">
        <v>177227</v>
      </c>
      <c r="I52560" s="1" t="s">
        <v>172490</v>
      </c>
      <c r="J52560" s="1" t="s">
        <v>177303</v>
      </c>
    </row>
    <row r="52561" spans="1:10" x14ac:dyDescent="0.35">
      <c r="A52561" s="1" t="s">
        <v>177223</v>
      </c>
      <c r="B52561" s="1" t="s">
        <v>172484</v>
      </c>
      <c r="C52561" s="1" t="s">
        <v>125</v>
      </c>
      <c r="D52561" s="1" t="s">
        <v>177304</v>
      </c>
      <c r="E52561" s="1" t="s">
        <v>177305</v>
      </c>
      <c r="F52561" s="1" t="s">
        <v>177306</v>
      </c>
      <c r="G52561" s="1" t="s">
        <v>177226</v>
      </c>
      <c r="H52561" s="1" t="s">
        <v>177227</v>
      </c>
      <c r="I52561" s="1" t="s">
        <v>172490</v>
      </c>
      <c r="J52561" s="1" t="s">
        <v>177307</v>
      </c>
    </row>
    <row r="52562" spans="1:10" x14ac:dyDescent="0.35">
      <c r="A52562" s="1" t="s">
        <v>177223</v>
      </c>
      <c r="B52562" s="1" t="s">
        <v>172484</v>
      </c>
      <c r="C52562" s="1" t="s">
        <v>130</v>
      </c>
      <c r="D52562" s="1" t="s">
        <v>5907</v>
      </c>
      <c r="E52562" s="1" t="s">
        <v>177308</v>
      </c>
      <c r="F52562" s="1" t="s">
        <v>177309</v>
      </c>
      <c r="G52562" s="1" t="s">
        <v>177226</v>
      </c>
      <c r="H52562" s="1" t="s">
        <v>177227</v>
      </c>
      <c r="I52562" s="1" t="s">
        <v>172490</v>
      </c>
      <c r="J52562" s="1" t="s">
        <v>177310</v>
      </c>
    </row>
    <row r="52563" spans="1:10" x14ac:dyDescent="0.35">
      <c r="A52563" s="1" t="s">
        <v>177223</v>
      </c>
      <c r="B52563" s="1" t="s">
        <v>172484</v>
      </c>
      <c r="C52563" s="1" t="s">
        <v>135</v>
      </c>
      <c r="D52563" s="1" t="s">
        <v>177311</v>
      </c>
      <c r="E52563" s="1" t="s">
        <v>177312</v>
      </c>
      <c r="F52563" s="1" t="s">
        <v>177313</v>
      </c>
      <c r="G52563" s="1" t="s">
        <v>177226</v>
      </c>
      <c r="H52563" s="1" t="s">
        <v>177227</v>
      </c>
      <c r="I52563" s="1" t="s">
        <v>172490</v>
      </c>
      <c r="J52563" s="1" t="s">
        <v>177314</v>
      </c>
    </row>
    <row r="52564" spans="1:10" x14ac:dyDescent="0.35">
      <c r="A52564" s="1" t="s">
        <v>177223</v>
      </c>
      <c r="B52564" s="1" t="s">
        <v>172484</v>
      </c>
      <c r="C52564" s="1" t="s">
        <v>140</v>
      </c>
      <c r="D52564" s="1" t="s">
        <v>126633</v>
      </c>
      <c r="E52564" s="1" t="s">
        <v>177315</v>
      </c>
      <c r="F52564" s="1" t="s">
        <v>177316</v>
      </c>
      <c r="G52564" s="1" t="s">
        <v>177226</v>
      </c>
      <c r="H52564" s="1" t="s">
        <v>177227</v>
      </c>
      <c r="I52564" s="1" t="s">
        <v>172490</v>
      </c>
      <c r="J52564" s="1" t="s">
        <v>177317</v>
      </c>
    </row>
    <row r="52565" spans="1:10" x14ac:dyDescent="0.35">
      <c r="A52565" s="1" t="s">
        <v>177223</v>
      </c>
      <c r="B52565" s="1" t="s">
        <v>172484</v>
      </c>
      <c r="C52565" s="1" t="s">
        <v>145</v>
      </c>
      <c r="D52565" s="1" t="s">
        <v>177318</v>
      </c>
      <c r="E52565" s="1" t="s">
        <v>177319</v>
      </c>
      <c r="F52565" s="1" t="s">
        <v>177320</v>
      </c>
      <c r="G52565" s="1" t="s">
        <v>177226</v>
      </c>
      <c r="H52565" s="1" t="s">
        <v>177227</v>
      </c>
      <c r="I52565" s="1" t="s">
        <v>172490</v>
      </c>
      <c r="J52565" s="1" t="s">
        <v>177321</v>
      </c>
    </row>
    <row r="52566" spans="1:10" x14ac:dyDescent="0.35">
      <c r="A52566" s="1" t="s">
        <v>177223</v>
      </c>
      <c r="B52566" s="1" t="s">
        <v>172484</v>
      </c>
      <c r="C52566" s="1" t="s">
        <v>150</v>
      </c>
      <c r="D52566" s="1" t="s">
        <v>108569</v>
      </c>
      <c r="E52566" s="1" t="s">
        <v>177322</v>
      </c>
      <c r="F52566" s="1" t="s">
        <v>177323</v>
      </c>
      <c r="G52566" s="1" t="s">
        <v>177226</v>
      </c>
      <c r="H52566" s="1" t="s">
        <v>177227</v>
      </c>
      <c r="I52566" s="1" t="s">
        <v>172490</v>
      </c>
      <c r="J52566" s="1" t="s">
        <v>177324</v>
      </c>
    </row>
    <row r="52567" spans="1:10" x14ac:dyDescent="0.35">
      <c r="A52567" s="1" t="s">
        <v>177223</v>
      </c>
      <c r="B52567" s="1" t="s">
        <v>172484</v>
      </c>
      <c r="C52567" s="1" t="s">
        <v>155</v>
      </c>
      <c r="D52567" s="1" t="s">
        <v>177325</v>
      </c>
      <c r="E52567" s="1" t="s">
        <v>177326</v>
      </c>
      <c r="F52567" s="1" t="s">
        <v>177327</v>
      </c>
      <c r="G52567" s="1" t="s">
        <v>177226</v>
      </c>
      <c r="H52567" s="1" t="s">
        <v>177227</v>
      </c>
      <c r="I52567" s="1" t="s">
        <v>172490</v>
      </c>
      <c r="J52567" s="1" t="s">
        <v>177328</v>
      </c>
    </row>
    <row r="52568" spans="1:10" x14ac:dyDescent="0.35">
      <c r="A52568" s="1" t="s">
        <v>177223</v>
      </c>
      <c r="B52568" s="1" t="s">
        <v>172484</v>
      </c>
      <c r="C52568" s="1" t="s">
        <v>160</v>
      </c>
      <c r="D52568" s="1" t="s">
        <v>18764</v>
      </c>
      <c r="E52568" s="1" t="s">
        <v>177329</v>
      </c>
      <c r="F52568" s="1" t="s">
        <v>177330</v>
      </c>
      <c r="G52568" s="1" t="s">
        <v>177226</v>
      </c>
      <c r="H52568" s="1" t="s">
        <v>177227</v>
      </c>
      <c r="I52568" s="1" t="s">
        <v>172490</v>
      </c>
      <c r="J52568" s="1" t="s">
        <v>177331</v>
      </c>
    </row>
    <row r="52569" spans="1:10" x14ac:dyDescent="0.35">
      <c r="A52569" s="1" t="s">
        <v>177223</v>
      </c>
      <c r="B52569" s="1" t="s">
        <v>172484</v>
      </c>
      <c r="C52569" s="1" t="s">
        <v>165</v>
      </c>
      <c r="D52569" s="1" t="s">
        <v>56388</v>
      </c>
      <c r="E52569" s="1" t="s">
        <v>177332</v>
      </c>
      <c r="F52569" s="1" t="s">
        <v>177333</v>
      </c>
      <c r="G52569" s="1" t="s">
        <v>177226</v>
      </c>
      <c r="H52569" s="1" t="s">
        <v>177227</v>
      </c>
      <c r="I52569" s="1" t="s">
        <v>172490</v>
      </c>
      <c r="J52569" s="1" t="s">
        <v>177334</v>
      </c>
    </row>
    <row r="52570" spans="1:10" x14ac:dyDescent="0.35">
      <c r="A52570" s="1" t="s">
        <v>177223</v>
      </c>
      <c r="B52570" s="1" t="s">
        <v>172484</v>
      </c>
      <c r="C52570" s="1" t="s">
        <v>170</v>
      </c>
      <c r="D52570" s="1" t="s">
        <v>177335</v>
      </c>
      <c r="E52570" s="1" t="s">
        <v>177336</v>
      </c>
      <c r="F52570" s="1" t="s">
        <v>177337</v>
      </c>
      <c r="G52570" s="1" t="s">
        <v>177226</v>
      </c>
      <c r="H52570" s="1" t="s">
        <v>177227</v>
      </c>
      <c r="I52570" s="1" t="s">
        <v>172490</v>
      </c>
      <c r="J52570" s="1" t="s">
        <v>177338</v>
      </c>
    </row>
    <row r="52571" spans="1:10" x14ac:dyDescent="0.35">
      <c r="A52571" s="1" t="s">
        <v>7033</v>
      </c>
      <c r="B52571" s="1" t="s">
        <v>172484</v>
      </c>
      <c r="C52571" s="1" t="s">
        <v>8</v>
      </c>
      <c r="D52571" s="1" t="s">
        <v>177339</v>
      </c>
      <c r="E52571" s="1" t="s">
        <v>177340</v>
      </c>
      <c r="F52571" s="1" t="s">
        <v>177341</v>
      </c>
      <c r="G52571" s="1" t="s">
        <v>177342</v>
      </c>
      <c r="H52571" s="1" t="s">
        <v>177343</v>
      </c>
      <c r="I52571" s="1" t="s">
        <v>172490</v>
      </c>
      <c r="J52571" s="1" t="s">
        <v>13</v>
      </c>
    </row>
    <row r="52572" spans="1:10" x14ac:dyDescent="0.35">
      <c r="A52572" s="1" t="s">
        <v>7033</v>
      </c>
      <c r="B52572" s="1" t="s">
        <v>172484</v>
      </c>
      <c r="C52572" s="1" t="s">
        <v>15</v>
      </c>
      <c r="D52572" s="1" t="s">
        <v>49042</v>
      </c>
      <c r="E52572" s="1" t="s">
        <v>177344</v>
      </c>
      <c r="F52572" s="1" t="s">
        <v>177345</v>
      </c>
      <c r="G52572" s="1" t="s">
        <v>177342</v>
      </c>
      <c r="H52572" s="1" t="s">
        <v>177343</v>
      </c>
      <c r="I52572" s="1" t="s">
        <v>172490</v>
      </c>
      <c r="J52572" s="1" t="s">
        <v>177346</v>
      </c>
    </row>
    <row r="52573" spans="1:10" x14ac:dyDescent="0.35">
      <c r="A52573" s="1" t="s">
        <v>7033</v>
      </c>
      <c r="B52573" s="1" t="s">
        <v>172484</v>
      </c>
      <c r="C52573" s="1" t="s">
        <v>20</v>
      </c>
      <c r="D52573" s="1" t="s">
        <v>175039</v>
      </c>
      <c r="E52573" s="1" t="s">
        <v>177347</v>
      </c>
      <c r="F52573" s="1" t="s">
        <v>177348</v>
      </c>
      <c r="G52573" s="1" t="s">
        <v>177342</v>
      </c>
      <c r="H52573" s="1" t="s">
        <v>177343</v>
      </c>
      <c r="I52573" s="1" t="s">
        <v>172490</v>
      </c>
      <c r="J52573" s="1" t="s">
        <v>177349</v>
      </c>
    </row>
    <row r="52574" spans="1:10" x14ac:dyDescent="0.35">
      <c r="A52574" s="1" t="s">
        <v>7033</v>
      </c>
      <c r="B52574" s="1" t="s">
        <v>172484</v>
      </c>
      <c r="C52574" s="1" t="s">
        <v>25</v>
      </c>
      <c r="D52574" s="1" t="s">
        <v>74873</v>
      </c>
      <c r="E52574" s="1" t="s">
        <v>177350</v>
      </c>
      <c r="F52574" s="1" t="s">
        <v>177351</v>
      </c>
      <c r="G52574" s="1" t="s">
        <v>177342</v>
      </c>
      <c r="H52574" s="1" t="s">
        <v>177343</v>
      </c>
      <c r="I52574" s="1" t="s">
        <v>172490</v>
      </c>
      <c r="J52574" s="1" t="s">
        <v>177352</v>
      </c>
    </row>
    <row r="52575" spans="1:10" x14ac:dyDescent="0.35">
      <c r="A52575" s="1" t="s">
        <v>7033</v>
      </c>
      <c r="B52575" s="1" t="s">
        <v>172484</v>
      </c>
      <c r="C52575" s="1" t="s">
        <v>30</v>
      </c>
      <c r="D52575" s="1" t="s">
        <v>74680</v>
      </c>
      <c r="E52575" s="1" t="s">
        <v>177353</v>
      </c>
      <c r="F52575" s="1" t="s">
        <v>177354</v>
      </c>
      <c r="G52575" s="1" t="s">
        <v>177342</v>
      </c>
      <c r="H52575" s="1" t="s">
        <v>177343</v>
      </c>
      <c r="I52575" s="1" t="s">
        <v>172490</v>
      </c>
      <c r="J52575" s="1" t="s">
        <v>177355</v>
      </c>
    </row>
    <row r="52576" spans="1:10" x14ac:dyDescent="0.35">
      <c r="A52576" s="1" t="s">
        <v>7033</v>
      </c>
      <c r="B52576" s="1" t="s">
        <v>172484</v>
      </c>
      <c r="C52576" s="1" t="s">
        <v>35</v>
      </c>
      <c r="D52576" s="1" t="s">
        <v>177356</v>
      </c>
      <c r="E52576" s="1" t="s">
        <v>177357</v>
      </c>
      <c r="F52576" s="1" t="s">
        <v>177358</v>
      </c>
      <c r="G52576" s="1" t="s">
        <v>177342</v>
      </c>
      <c r="H52576" s="1" t="s">
        <v>177343</v>
      </c>
      <c r="I52576" s="1" t="s">
        <v>172490</v>
      </c>
      <c r="J52576" s="1" t="s">
        <v>177359</v>
      </c>
    </row>
    <row r="52577" spans="1:10" x14ac:dyDescent="0.35">
      <c r="A52577" s="1" t="s">
        <v>7033</v>
      </c>
      <c r="B52577" s="1" t="s">
        <v>172484</v>
      </c>
      <c r="C52577" s="1" t="s">
        <v>40</v>
      </c>
      <c r="D52577" s="1" t="s">
        <v>125826</v>
      </c>
      <c r="E52577" s="1" t="s">
        <v>177360</v>
      </c>
      <c r="F52577" s="1" t="s">
        <v>177361</v>
      </c>
      <c r="G52577" s="1" t="s">
        <v>177342</v>
      </c>
      <c r="H52577" s="1" t="s">
        <v>177343</v>
      </c>
      <c r="I52577" s="1" t="s">
        <v>172490</v>
      </c>
      <c r="J52577" s="1" t="s">
        <v>177362</v>
      </c>
    </row>
    <row r="52578" spans="1:10" x14ac:dyDescent="0.35">
      <c r="A52578" s="1" t="s">
        <v>7033</v>
      </c>
      <c r="B52578" s="1" t="s">
        <v>172484</v>
      </c>
      <c r="C52578" s="1" t="s">
        <v>45</v>
      </c>
      <c r="D52578" s="1" t="s">
        <v>74719</v>
      </c>
      <c r="E52578" s="1" t="s">
        <v>177363</v>
      </c>
      <c r="F52578" s="1" t="s">
        <v>177364</v>
      </c>
      <c r="G52578" s="1" t="s">
        <v>177342</v>
      </c>
      <c r="H52578" s="1" t="s">
        <v>177343</v>
      </c>
      <c r="I52578" s="1" t="s">
        <v>172490</v>
      </c>
      <c r="J52578" s="1" t="s">
        <v>177365</v>
      </c>
    </row>
    <row r="52579" spans="1:10" x14ac:dyDescent="0.35">
      <c r="A52579" s="1" t="s">
        <v>7033</v>
      </c>
      <c r="B52579" s="1" t="s">
        <v>172484</v>
      </c>
      <c r="C52579" s="1" t="s">
        <v>50</v>
      </c>
      <c r="D52579" s="1" t="s">
        <v>177366</v>
      </c>
      <c r="E52579" s="1" t="s">
        <v>177367</v>
      </c>
      <c r="F52579" s="1" t="s">
        <v>177368</v>
      </c>
      <c r="G52579" s="1" t="s">
        <v>177342</v>
      </c>
      <c r="H52579" s="1" t="s">
        <v>177343</v>
      </c>
      <c r="I52579" s="1" t="s">
        <v>172490</v>
      </c>
      <c r="J52579" s="1" t="s">
        <v>177369</v>
      </c>
    </row>
    <row r="52580" spans="1:10" x14ac:dyDescent="0.35">
      <c r="A52580" s="1" t="s">
        <v>7033</v>
      </c>
      <c r="B52580" s="1" t="s">
        <v>172484</v>
      </c>
      <c r="C52580" s="1" t="s">
        <v>55</v>
      </c>
      <c r="D52580" s="1" t="s">
        <v>18985</v>
      </c>
      <c r="E52580" s="1" t="s">
        <v>177370</v>
      </c>
      <c r="F52580" s="1" t="s">
        <v>177371</v>
      </c>
      <c r="G52580" s="1" t="s">
        <v>177342</v>
      </c>
      <c r="H52580" s="1" t="s">
        <v>177343</v>
      </c>
      <c r="I52580" s="1" t="s">
        <v>172490</v>
      </c>
      <c r="J52580" s="1" t="s">
        <v>177372</v>
      </c>
    </row>
    <row r="52581" spans="1:10" x14ac:dyDescent="0.35">
      <c r="A52581" s="1" t="s">
        <v>7033</v>
      </c>
      <c r="B52581" s="1" t="s">
        <v>172484</v>
      </c>
      <c r="C52581" s="1" t="s">
        <v>60</v>
      </c>
      <c r="D52581" s="1" t="s">
        <v>159678</v>
      </c>
      <c r="E52581" s="1" t="s">
        <v>177373</v>
      </c>
      <c r="F52581" s="1" t="s">
        <v>177374</v>
      </c>
      <c r="G52581" s="1" t="s">
        <v>177342</v>
      </c>
      <c r="H52581" s="1" t="s">
        <v>177343</v>
      </c>
      <c r="I52581" s="1" t="s">
        <v>172490</v>
      </c>
      <c r="J52581" s="1" t="s">
        <v>177375</v>
      </c>
    </row>
    <row r="52582" spans="1:10" x14ac:dyDescent="0.35">
      <c r="A52582" s="1" t="s">
        <v>7033</v>
      </c>
      <c r="B52582" s="1" t="s">
        <v>172484</v>
      </c>
      <c r="C52582" s="1" t="s">
        <v>65</v>
      </c>
      <c r="D52582" s="1" t="s">
        <v>125361</v>
      </c>
      <c r="E52582" s="1" t="s">
        <v>177376</v>
      </c>
      <c r="F52582" s="1" t="s">
        <v>177377</v>
      </c>
      <c r="G52582" s="1" t="s">
        <v>177342</v>
      </c>
      <c r="H52582" s="1" t="s">
        <v>177343</v>
      </c>
      <c r="I52582" s="1" t="s">
        <v>172490</v>
      </c>
      <c r="J52582" s="1" t="s">
        <v>177378</v>
      </c>
    </row>
    <row r="52583" spans="1:10" x14ac:dyDescent="0.35">
      <c r="A52583" s="1" t="s">
        <v>7033</v>
      </c>
      <c r="B52583" s="1" t="s">
        <v>172484</v>
      </c>
      <c r="C52583" s="1" t="s">
        <v>70</v>
      </c>
      <c r="D52583" s="1" t="s">
        <v>114179</v>
      </c>
      <c r="E52583" s="1" t="s">
        <v>177379</v>
      </c>
      <c r="F52583" s="1" t="s">
        <v>177380</v>
      </c>
      <c r="G52583" s="1" t="s">
        <v>177342</v>
      </c>
      <c r="H52583" s="1" t="s">
        <v>177343</v>
      </c>
      <c r="I52583" s="1" t="s">
        <v>172490</v>
      </c>
      <c r="J52583" s="1" t="s">
        <v>177381</v>
      </c>
    </row>
    <row r="52584" spans="1:10" x14ac:dyDescent="0.35">
      <c r="A52584" s="1" t="s">
        <v>7033</v>
      </c>
      <c r="B52584" s="1" t="s">
        <v>172484</v>
      </c>
      <c r="C52584" s="1" t="s">
        <v>75</v>
      </c>
      <c r="D52584" s="1" t="s">
        <v>141912</v>
      </c>
      <c r="E52584" s="1" t="s">
        <v>177382</v>
      </c>
      <c r="F52584" s="1" t="s">
        <v>177383</v>
      </c>
      <c r="G52584" s="1" t="s">
        <v>177342</v>
      </c>
      <c r="H52584" s="1" t="s">
        <v>177343</v>
      </c>
      <c r="I52584" s="1" t="s">
        <v>172490</v>
      </c>
      <c r="J52584" s="1" t="s">
        <v>177384</v>
      </c>
    </row>
    <row r="52585" spans="1:10" x14ac:dyDescent="0.35">
      <c r="A52585" s="1" t="s">
        <v>7033</v>
      </c>
      <c r="B52585" s="1" t="s">
        <v>172484</v>
      </c>
      <c r="C52585" s="1" t="s">
        <v>80</v>
      </c>
      <c r="D52585" s="1" t="s">
        <v>177385</v>
      </c>
      <c r="E52585" s="1" t="s">
        <v>177386</v>
      </c>
      <c r="F52585" s="1" t="s">
        <v>177387</v>
      </c>
      <c r="G52585" s="1" t="s">
        <v>177342</v>
      </c>
      <c r="H52585" s="1" t="s">
        <v>177343</v>
      </c>
      <c r="I52585" s="1" t="s">
        <v>172490</v>
      </c>
      <c r="J52585" s="1" t="s">
        <v>177388</v>
      </c>
    </row>
    <row r="52586" spans="1:10" x14ac:dyDescent="0.35">
      <c r="A52586" s="1" t="s">
        <v>7033</v>
      </c>
      <c r="B52586" s="1" t="s">
        <v>172484</v>
      </c>
      <c r="C52586" s="1" t="s">
        <v>85</v>
      </c>
      <c r="D52586" s="1" t="s">
        <v>176522</v>
      </c>
      <c r="E52586" s="1" t="s">
        <v>177389</v>
      </c>
      <c r="F52586" s="1" t="s">
        <v>177390</v>
      </c>
      <c r="G52586" s="1" t="s">
        <v>177342</v>
      </c>
      <c r="H52586" s="1" t="s">
        <v>177343</v>
      </c>
      <c r="I52586" s="1" t="s">
        <v>172490</v>
      </c>
      <c r="J52586" s="1" t="s">
        <v>177391</v>
      </c>
    </row>
    <row r="52587" spans="1:10" x14ac:dyDescent="0.35">
      <c r="A52587" s="1" t="s">
        <v>7033</v>
      </c>
      <c r="B52587" s="1" t="s">
        <v>172484</v>
      </c>
      <c r="C52587" s="1" t="s">
        <v>90</v>
      </c>
      <c r="D52587" s="1" t="s">
        <v>177392</v>
      </c>
      <c r="E52587" s="1" t="s">
        <v>177393</v>
      </c>
      <c r="F52587" s="1" t="s">
        <v>177394</v>
      </c>
      <c r="G52587" s="1" t="s">
        <v>177342</v>
      </c>
      <c r="H52587" s="1" t="s">
        <v>177343</v>
      </c>
      <c r="I52587" s="1" t="s">
        <v>172490</v>
      </c>
      <c r="J52587" s="1" t="s">
        <v>177395</v>
      </c>
    </row>
    <row r="52588" spans="1:10" x14ac:dyDescent="0.35">
      <c r="A52588" s="1" t="s">
        <v>7033</v>
      </c>
      <c r="B52588" s="1" t="s">
        <v>172484</v>
      </c>
      <c r="C52588" s="1" t="s">
        <v>95</v>
      </c>
      <c r="D52588" s="1" t="s">
        <v>177396</v>
      </c>
      <c r="E52588" s="1" t="s">
        <v>177397</v>
      </c>
      <c r="F52588" s="1" t="s">
        <v>177398</v>
      </c>
      <c r="G52588" s="1" t="s">
        <v>177342</v>
      </c>
      <c r="H52588" s="1" t="s">
        <v>177343</v>
      </c>
      <c r="I52588" s="1" t="s">
        <v>172490</v>
      </c>
      <c r="J52588" s="1" t="s">
        <v>177399</v>
      </c>
    </row>
    <row r="52589" spans="1:10" x14ac:dyDescent="0.35">
      <c r="A52589" s="1" t="s">
        <v>7033</v>
      </c>
      <c r="B52589" s="1" t="s">
        <v>172484</v>
      </c>
      <c r="C52589" s="1" t="s">
        <v>100</v>
      </c>
      <c r="D52589" s="1" t="s">
        <v>177400</v>
      </c>
      <c r="E52589" s="1" t="s">
        <v>177401</v>
      </c>
      <c r="F52589" s="1" t="s">
        <v>177402</v>
      </c>
      <c r="G52589" s="1" t="s">
        <v>177342</v>
      </c>
      <c r="H52589" s="1" t="s">
        <v>177343</v>
      </c>
      <c r="I52589" s="1" t="s">
        <v>172490</v>
      </c>
      <c r="J52589" s="1" t="s">
        <v>177403</v>
      </c>
    </row>
    <row r="52590" spans="1:10" x14ac:dyDescent="0.35">
      <c r="A52590" s="1" t="s">
        <v>7033</v>
      </c>
      <c r="B52590" s="1" t="s">
        <v>172484</v>
      </c>
      <c r="C52590" s="1" t="s">
        <v>105</v>
      </c>
      <c r="D52590" s="1" t="s">
        <v>177404</v>
      </c>
      <c r="E52590" s="1" t="s">
        <v>177405</v>
      </c>
      <c r="F52590" s="1" t="s">
        <v>177406</v>
      </c>
      <c r="G52590" s="1" t="s">
        <v>177342</v>
      </c>
      <c r="H52590" s="1" t="s">
        <v>177343</v>
      </c>
      <c r="I52590" s="1" t="s">
        <v>172490</v>
      </c>
      <c r="J52590" s="1" t="s">
        <v>177407</v>
      </c>
    </row>
    <row r="52591" spans="1:10" x14ac:dyDescent="0.35">
      <c r="A52591" s="1" t="s">
        <v>7033</v>
      </c>
      <c r="B52591" s="1" t="s">
        <v>172484</v>
      </c>
      <c r="C52591" s="1" t="s">
        <v>110</v>
      </c>
      <c r="D52591" s="1" t="s">
        <v>177408</v>
      </c>
      <c r="E52591" s="1" t="s">
        <v>177409</v>
      </c>
      <c r="F52591" s="1" t="s">
        <v>177410</v>
      </c>
      <c r="G52591" s="1" t="s">
        <v>177342</v>
      </c>
      <c r="H52591" s="1" t="s">
        <v>177343</v>
      </c>
      <c r="I52591" s="1" t="s">
        <v>172490</v>
      </c>
      <c r="J52591" s="1" t="s">
        <v>177411</v>
      </c>
    </row>
    <row r="52592" spans="1:10" x14ac:dyDescent="0.35">
      <c r="A52592" s="1" t="s">
        <v>7033</v>
      </c>
      <c r="B52592" s="1" t="s">
        <v>172484</v>
      </c>
      <c r="C52592" s="1" t="s">
        <v>115</v>
      </c>
      <c r="D52592" s="1" t="s">
        <v>177412</v>
      </c>
      <c r="E52592" s="1" t="s">
        <v>177413</v>
      </c>
      <c r="F52592" s="1" t="s">
        <v>177414</v>
      </c>
      <c r="G52592" s="1" t="s">
        <v>177342</v>
      </c>
      <c r="H52592" s="1" t="s">
        <v>177343</v>
      </c>
      <c r="I52592" s="1" t="s">
        <v>172490</v>
      </c>
      <c r="J52592" s="1" t="s">
        <v>177415</v>
      </c>
    </row>
    <row r="52593" spans="1:10" x14ac:dyDescent="0.35">
      <c r="A52593" s="1" t="s">
        <v>7033</v>
      </c>
      <c r="B52593" s="1" t="s">
        <v>172484</v>
      </c>
      <c r="C52593" s="1" t="s">
        <v>120</v>
      </c>
      <c r="D52593" s="1" t="s">
        <v>177416</v>
      </c>
      <c r="E52593" s="1" t="s">
        <v>177417</v>
      </c>
      <c r="F52593" s="1" t="s">
        <v>177418</v>
      </c>
      <c r="G52593" s="1" t="s">
        <v>177342</v>
      </c>
      <c r="H52593" s="1" t="s">
        <v>177343</v>
      </c>
      <c r="I52593" s="1" t="s">
        <v>172490</v>
      </c>
      <c r="J52593" s="1" t="s">
        <v>177419</v>
      </c>
    </row>
    <row r="52594" spans="1:10" x14ac:dyDescent="0.35">
      <c r="A52594" s="1" t="s">
        <v>7033</v>
      </c>
      <c r="B52594" s="1" t="s">
        <v>172484</v>
      </c>
      <c r="C52594" s="1" t="s">
        <v>125</v>
      </c>
      <c r="D52594" s="1" t="s">
        <v>11695</v>
      </c>
      <c r="E52594" s="1" t="s">
        <v>177420</v>
      </c>
      <c r="F52594" s="1" t="s">
        <v>177421</v>
      </c>
      <c r="G52594" s="1" t="s">
        <v>177342</v>
      </c>
      <c r="H52594" s="1" t="s">
        <v>177343</v>
      </c>
      <c r="I52594" s="1" t="s">
        <v>172490</v>
      </c>
      <c r="J52594" s="1" t="s">
        <v>177422</v>
      </c>
    </row>
    <row r="52595" spans="1:10" x14ac:dyDescent="0.35">
      <c r="A52595" s="1" t="s">
        <v>7033</v>
      </c>
      <c r="B52595" s="1" t="s">
        <v>172484</v>
      </c>
      <c r="C52595" s="1" t="s">
        <v>130</v>
      </c>
      <c r="D52595" s="1" t="s">
        <v>175797</v>
      </c>
      <c r="E52595" s="1" t="s">
        <v>177423</v>
      </c>
      <c r="F52595" s="1" t="s">
        <v>177424</v>
      </c>
      <c r="G52595" s="1" t="s">
        <v>177342</v>
      </c>
      <c r="H52595" s="1" t="s">
        <v>177343</v>
      </c>
      <c r="I52595" s="1" t="s">
        <v>172490</v>
      </c>
      <c r="J52595" s="1" t="s">
        <v>177425</v>
      </c>
    </row>
    <row r="52596" spans="1:10" x14ac:dyDescent="0.35">
      <c r="A52596" s="1" t="s">
        <v>7033</v>
      </c>
      <c r="B52596" s="1" t="s">
        <v>172484</v>
      </c>
      <c r="C52596" s="1" t="s">
        <v>135</v>
      </c>
      <c r="D52596" s="1" t="s">
        <v>177426</v>
      </c>
      <c r="E52596" s="1" t="s">
        <v>177427</v>
      </c>
      <c r="F52596" s="1" t="s">
        <v>177428</v>
      </c>
      <c r="G52596" s="1" t="s">
        <v>177342</v>
      </c>
      <c r="H52596" s="1" t="s">
        <v>177343</v>
      </c>
      <c r="I52596" s="1" t="s">
        <v>172490</v>
      </c>
      <c r="J52596" s="1" t="s">
        <v>177429</v>
      </c>
    </row>
    <row r="52597" spans="1:10" x14ac:dyDescent="0.35">
      <c r="A52597" s="1" t="s">
        <v>7033</v>
      </c>
      <c r="B52597" s="1" t="s">
        <v>172484</v>
      </c>
      <c r="C52597" s="1" t="s">
        <v>140</v>
      </c>
      <c r="D52597" s="1" t="s">
        <v>177430</v>
      </c>
      <c r="E52597" s="1" t="s">
        <v>177431</v>
      </c>
      <c r="F52597" s="1" t="s">
        <v>177432</v>
      </c>
      <c r="G52597" s="1" t="s">
        <v>177342</v>
      </c>
      <c r="H52597" s="1" t="s">
        <v>177343</v>
      </c>
      <c r="I52597" s="1" t="s">
        <v>172490</v>
      </c>
      <c r="J52597" s="1" t="s">
        <v>177433</v>
      </c>
    </row>
    <row r="52598" spans="1:10" x14ac:dyDescent="0.35">
      <c r="A52598" s="1" t="s">
        <v>7033</v>
      </c>
      <c r="B52598" s="1" t="s">
        <v>172484</v>
      </c>
      <c r="C52598" s="1" t="s">
        <v>145</v>
      </c>
      <c r="D52598" s="1" t="s">
        <v>177434</v>
      </c>
      <c r="E52598" s="1" t="s">
        <v>177435</v>
      </c>
      <c r="F52598" s="1" t="s">
        <v>177436</v>
      </c>
      <c r="G52598" s="1" t="s">
        <v>177342</v>
      </c>
      <c r="H52598" s="1" t="s">
        <v>177343</v>
      </c>
      <c r="I52598" s="1" t="s">
        <v>172490</v>
      </c>
      <c r="J52598" s="1" t="s">
        <v>177437</v>
      </c>
    </row>
    <row r="52599" spans="1:10" x14ac:dyDescent="0.35">
      <c r="A52599" s="1" t="s">
        <v>7033</v>
      </c>
      <c r="B52599" s="1" t="s">
        <v>172484</v>
      </c>
      <c r="C52599" s="1" t="s">
        <v>150</v>
      </c>
      <c r="D52599" s="1" t="s">
        <v>177438</v>
      </c>
      <c r="E52599" s="1" t="s">
        <v>177439</v>
      </c>
      <c r="F52599" s="1" t="s">
        <v>177440</v>
      </c>
      <c r="G52599" s="1" t="s">
        <v>177342</v>
      </c>
      <c r="H52599" s="1" t="s">
        <v>177343</v>
      </c>
      <c r="I52599" s="1" t="s">
        <v>172490</v>
      </c>
      <c r="J52599" s="1" t="s">
        <v>177441</v>
      </c>
    </row>
    <row r="52600" spans="1:10" x14ac:dyDescent="0.35">
      <c r="A52600" s="1" t="s">
        <v>7033</v>
      </c>
      <c r="B52600" s="1" t="s">
        <v>172484</v>
      </c>
      <c r="C52600" s="1" t="s">
        <v>155</v>
      </c>
      <c r="D52600" s="1" t="s">
        <v>93488</v>
      </c>
      <c r="E52600" s="1" t="s">
        <v>177442</v>
      </c>
      <c r="F52600" s="1" t="s">
        <v>177443</v>
      </c>
      <c r="G52600" s="1" t="s">
        <v>177342</v>
      </c>
      <c r="H52600" s="1" t="s">
        <v>177343</v>
      </c>
      <c r="I52600" s="1" t="s">
        <v>172490</v>
      </c>
      <c r="J52600" s="1" t="s">
        <v>177444</v>
      </c>
    </row>
    <row r="52601" spans="1:10" x14ac:dyDescent="0.35">
      <c r="A52601" s="1" t="s">
        <v>7033</v>
      </c>
      <c r="B52601" s="1" t="s">
        <v>172484</v>
      </c>
      <c r="C52601" s="1" t="s">
        <v>160</v>
      </c>
      <c r="D52601" s="1" t="s">
        <v>177445</v>
      </c>
      <c r="E52601" s="1" t="s">
        <v>177446</v>
      </c>
      <c r="F52601" s="1" t="s">
        <v>177447</v>
      </c>
      <c r="G52601" s="1" t="s">
        <v>177342</v>
      </c>
      <c r="H52601" s="1" t="s">
        <v>177343</v>
      </c>
      <c r="I52601" s="1" t="s">
        <v>172490</v>
      </c>
      <c r="J52601" s="1" t="s">
        <v>177448</v>
      </c>
    </row>
    <row r="52602" spans="1:10" x14ac:dyDescent="0.35">
      <c r="A52602" s="1" t="s">
        <v>7033</v>
      </c>
      <c r="B52602" s="1" t="s">
        <v>172484</v>
      </c>
      <c r="C52602" s="1" t="s">
        <v>165</v>
      </c>
      <c r="D52602" s="1" t="s">
        <v>61707</v>
      </c>
      <c r="E52602" s="1" t="s">
        <v>177401</v>
      </c>
      <c r="F52602" s="1" t="s">
        <v>177449</v>
      </c>
      <c r="G52602" s="1" t="s">
        <v>177342</v>
      </c>
      <c r="H52602" s="1" t="s">
        <v>177343</v>
      </c>
      <c r="I52602" s="1" t="s">
        <v>172490</v>
      </c>
      <c r="J52602" s="1" t="s">
        <v>177450</v>
      </c>
    </row>
    <row r="52603" spans="1:10" x14ac:dyDescent="0.35">
      <c r="A52603" s="1" t="s">
        <v>7033</v>
      </c>
      <c r="B52603" s="1" t="s">
        <v>172484</v>
      </c>
      <c r="C52603" s="1" t="s">
        <v>170</v>
      </c>
      <c r="D52603" s="1" t="s">
        <v>78819</v>
      </c>
      <c r="E52603" s="1" t="s">
        <v>177451</v>
      </c>
      <c r="F52603" s="1" t="s">
        <v>177452</v>
      </c>
      <c r="G52603" s="1" t="s">
        <v>177342</v>
      </c>
      <c r="H52603" s="1" t="s">
        <v>177343</v>
      </c>
      <c r="I52603" s="1" t="s">
        <v>172490</v>
      </c>
      <c r="J52603" s="1" t="s">
        <v>177453</v>
      </c>
    </row>
    <row r="52604" spans="1:10" x14ac:dyDescent="0.35">
      <c r="A52604" s="1" t="s">
        <v>6447</v>
      </c>
      <c r="B52604" s="1" t="s">
        <v>172484</v>
      </c>
      <c r="C52604" s="1" t="s">
        <v>8</v>
      </c>
      <c r="D52604" s="1" t="s">
        <v>153050</v>
      </c>
      <c r="E52604" s="1" t="s">
        <v>21807</v>
      </c>
      <c r="F52604" s="1" t="s">
        <v>177454</v>
      </c>
      <c r="G52604" s="1" t="s">
        <v>177455</v>
      </c>
      <c r="H52604" s="1" t="s">
        <v>177456</v>
      </c>
      <c r="I52604" s="1" t="s">
        <v>172490</v>
      </c>
      <c r="J52604" s="1" t="s">
        <v>13</v>
      </c>
    </row>
    <row r="52605" spans="1:10" x14ac:dyDescent="0.35">
      <c r="A52605" s="1" t="s">
        <v>6447</v>
      </c>
      <c r="B52605" s="1" t="s">
        <v>172484</v>
      </c>
      <c r="C52605" s="1" t="s">
        <v>15</v>
      </c>
      <c r="D52605" s="1" t="s">
        <v>177457</v>
      </c>
      <c r="E52605" s="1" t="s">
        <v>59897</v>
      </c>
      <c r="F52605" s="1" t="s">
        <v>59127</v>
      </c>
      <c r="G52605" s="1" t="s">
        <v>177455</v>
      </c>
      <c r="H52605" s="1" t="s">
        <v>177456</v>
      </c>
      <c r="I52605" s="1" t="s">
        <v>172490</v>
      </c>
      <c r="J52605" s="1" t="s">
        <v>177458</v>
      </c>
    </row>
    <row r="52606" spans="1:10" x14ac:dyDescent="0.35">
      <c r="A52606" s="1" t="s">
        <v>6447</v>
      </c>
      <c r="B52606" s="1" t="s">
        <v>172484</v>
      </c>
      <c r="C52606" s="1" t="s">
        <v>20</v>
      </c>
      <c r="D52606" s="1" t="s">
        <v>50318</v>
      </c>
      <c r="E52606" s="1" t="s">
        <v>177459</v>
      </c>
      <c r="F52606" s="1" t="s">
        <v>177460</v>
      </c>
      <c r="G52606" s="1" t="s">
        <v>177455</v>
      </c>
      <c r="H52606" s="1" t="s">
        <v>177456</v>
      </c>
      <c r="I52606" s="1" t="s">
        <v>172490</v>
      </c>
      <c r="J52606" s="1" t="s">
        <v>177461</v>
      </c>
    </row>
    <row r="52607" spans="1:10" x14ac:dyDescent="0.35">
      <c r="A52607" s="1" t="s">
        <v>6447</v>
      </c>
      <c r="B52607" s="1" t="s">
        <v>172484</v>
      </c>
      <c r="C52607" s="1" t="s">
        <v>25</v>
      </c>
      <c r="D52607" s="1" t="s">
        <v>177462</v>
      </c>
      <c r="E52607" s="1" t="s">
        <v>40644</v>
      </c>
      <c r="F52607" s="1" t="s">
        <v>67127</v>
      </c>
      <c r="G52607" s="1" t="s">
        <v>177455</v>
      </c>
      <c r="H52607" s="1" t="s">
        <v>177456</v>
      </c>
      <c r="I52607" s="1" t="s">
        <v>172490</v>
      </c>
      <c r="J52607" s="1" t="s">
        <v>177463</v>
      </c>
    </row>
    <row r="52608" spans="1:10" x14ac:dyDescent="0.35">
      <c r="A52608" s="1" t="s">
        <v>6447</v>
      </c>
      <c r="B52608" s="1" t="s">
        <v>172484</v>
      </c>
      <c r="C52608" s="1" t="s">
        <v>30</v>
      </c>
      <c r="D52608" s="1" t="s">
        <v>177464</v>
      </c>
      <c r="E52608" s="1" t="s">
        <v>56311</v>
      </c>
      <c r="F52608" s="1" t="s">
        <v>177465</v>
      </c>
      <c r="G52608" s="1" t="s">
        <v>177455</v>
      </c>
      <c r="H52608" s="1" t="s">
        <v>177456</v>
      </c>
      <c r="I52608" s="1" t="s">
        <v>172490</v>
      </c>
      <c r="J52608" s="1" t="s">
        <v>177466</v>
      </c>
    </row>
    <row r="52609" spans="1:10" x14ac:dyDescent="0.35">
      <c r="A52609" s="1" t="s">
        <v>6447</v>
      </c>
      <c r="B52609" s="1" t="s">
        <v>172484</v>
      </c>
      <c r="C52609" s="1" t="s">
        <v>35</v>
      </c>
      <c r="D52609" s="1" t="s">
        <v>177467</v>
      </c>
      <c r="E52609" s="1" t="s">
        <v>54985</v>
      </c>
      <c r="F52609" s="1" t="s">
        <v>56494</v>
      </c>
      <c r="G52609" s="1" t="s">
        <v>177455</v>
      </c>
      <c r="H52609" s="1" t="s">
        <v>177456</v>
      </c>
      <c r="I52609" s="1" t="s">
        <v>172490</v>
      </c>
      <c r="J52609" s="1" t="s">
        <v>177468</v>
      </c>
    </row>
    <row r="52610" spans="1:10" x14ac:dyDescent="0.35">
      <c r="A52610" s="1" t="s">
        <v>6447</v>
      </c>
      <c r="B52610" s="1" t="s">
        <v>172484</v>
      </c>
      <c r="C52610" s="1" t="s">
        <v>40</v>
      </c>
      <c r="D52610" s="1" t="s">
        <v>3826</v>
      </c>
      <c r="E52610" s="1" t="s">
        <v>21580</v>
      </c>
      <c r="F52610" s="1" t="s">
        <v>55189</v>
      </c>
      <c r="G52610" s="1" t="s">
        <v>177455</v>
      </c>
      <c r="H52610" s="1" t="s">
        <v>177456</v>
      </c>
      <c r="I52610" s="1" t="s">
        <v>172490</v>
      </c>
      <c r="J52610" s="1" t="s">
        <v>177469</v>
      </c>
    </row>
    <row r="52611" spans="1:10" x14ac:dyDescent="0.35">
      <c r="A52611" s="1" t="s">
        <v>6447</v>
      </c>
      <c r="B52611" s="1" t="s">
        <v>172484</v>
      </c>
      <c r="C52611" s="1" t="s">
        <v>45</v>
      </c>
      <c r="D52611" s="1" t="s">
        <v>34395</v>
      </c>
      <c r="E52611" s="1" t="s">
        <v>56889</v>
      </c>
      <c r="F52611" s="1" t="s">
        <v>177470</v>
      </c>
      <c r="G52611" s="1" t="s">
        <v>177455</v>
      </c>
      <c r="H52611" s="1" t="s">
        <v>177456</v>
      </c>
      <c r="I52611" s="1" t="s">
        <v>172490</v>
      </c>
      <c r="J52611" s="1" t="s">
        <v>177471</v>
      </c>
    </row>
    <row r="52612" spans="1:10" x14ac:dyDescent="0.35">
      <c r="A52612" s="1" t="s">
        <v>6447</v>
      </c>
      <c r="B52612" s="1" t="s">
        <v>172484</v>
      </c>
      <c r="C52612" s="1" t="s">
        <v>50</v>
      </c>
      <c r="D52612" s="1" t="s">
        <v>177472</v>
      </c>
      <c r="E52612" s="1" t="s">
        <v>177473</v>
      </c>
      <c r="F52612" s="1" t="s">
        <v>162138</v>
      </c>
      <c r="G52612" s="1" t="s">
        <v>177455</v>
      </c>
      <c r="H52612" s="1" t="s">
        <v>177456</v>
      </c>
      <c r="I52612" s="1" t="s">
        <v>172490</v>
      </c>
      <c r="J52612" s="1" t="s">
        <v>177474</v>
      </c>
    </row>
    <row r="52613" spans="1:10" x14ac:dyDescent="0.35">
      <c r="A52613" s="1" t="s">
        <v>6447</v>
      </c>
      <c r="B52613" s="1" t="s">
        <v>172484</v>
      </c>
      <c r="C52613" s="1" t="s">
        <v>55</v>
      </c>
      <c r="D52613" s="1" t="s">
        <v>177475</v>
      </c>
      <c r="E52613" s="1" t="s">
        <v>56321</v>
      </c>
      <c r="F52613" s="1" t="s">
        <v>99798</v>
      </c>
      <c r="G52613" s="1" t="s">
        <v>177455</v>
      </c>
      <c r="H52613" s="1" t="s">
        <v>177456</v>
      </c>
      <c r="I52613" s="1" t="s">
        <v>172490</v>
      </c>
      <c r="J52613" s="1" t="s">
        <v>177476</v>
      </c>
    </row>
    <row r="52614" spans="1:10" x14ac:dyDescent="0.35">
      <c r="A52614" s="1" t="s">
        <v>6447</v>
      </c>
      <c r="B52614" s="1" t="s">
        <v>172484</v>
      </c>
      <c r="C52614" s="1" t="s">
        <v>60</v>
      </c>
      <c r="D52614" s="1" t="s">
        <v>177477</v>
      </c>
      <c r="E52614" s="1" t="s">
        <v>55377</v>
      </c>
      <c r="F52614" s="1" t="s">
        <v>177478</v>
      </c>
      <c r="G52614" s="1" t="s">
        <v>177455</v>
      </c>
      <c r="H52614" s="1" t="s">
        <v>177456</v>
      </c>
      <c r="I52614" s="1" t="s">
        <v>172490</v>
      </c>
      <c r="J52614" s="1" t="s">
        <v>177479</v>
      </c>
    </row>
    <row r="52615" spans="1:10" x14ac:dyDescent="0.35">
      <c r="A52615" s="1" t="s">
        <v>6447</v>
      </c>
      <c r="B52615" s="1" t="s">
        <v>172484</v>
      </c>
      <c r="C52615" s="1" t="s">
        <v>65</v>
      </c>
      <c r="D52615" s="1" t="s">
        <v>159812</v>
      </c>
      <c r="E52615" s="1" t="s">
        <v>177480</v>
      </c>
      <c r="F52615" s="1" t="s">
        <v>59054</v>
      </c>
      <c r="G52615" s="1" t="s">
        <v>177455</v>
      </c>
      <c r="H52615" s="1" t="s">
        <v>177456</v>
      </c>
      <c r="I52615" s="1" t="s">
        <v>172490</v>
      </c>
      <c r="J52615" s="1" t="s">
        <v>177481</v>
      </c>
    </row>
    <row r="52616" spans="1:10" x14ac:dyDescent="0.35">
      <c r="A52616" s="1" t="s">
        <v>6447</v>
      </c>
      <c r="B52616" s="1" t="s">
        <v>172484</v>
      </c>
      <c r="C52616" s="1" t="s">
        <v>70</v>
      </c>
      <c r="D52616" s="1" t="s">
        <v>3192</v>
      </c>
      <c r="E52616" s="1" t="s">
        <v>16094</v>
      </c>
      <c r="F52616" s="1" t="s">
        <v>177482</v>
      </c>
      <c r="G52616" s="1" t="s">
        <v>177455</v>
      </c>
      <c r="H52616" s="1" t="s">
        <v>177456</v>
      </c>
      <c r="I52616" s="1" t="s">
        <v>172490</v>
      </c>
      <c r="J52616" s="1" t="s">
        <v>177483</v>
      </c>
    </row>
    <row r="52617" spans="1:10" x14ac:dyDescent="0.35">
      <c r="A52617" s="1" t="s">
        <v>6447</v>
      </c>
      <c r="B52617" s="1" t="s">
        <v>172484</v>
      </c>
      <c r="C52617" s="1" t="s">
        <v>75</v>
      </c>
      <c r="D52617" s="1" t="s">
        <v>142000</v>
      </c>
      <c r="E52617" s="1" t="s">
        <v>41590</v>
      </c>
      <c r="F52617" s="1" t="s">
        <v>177484</v>
      </c>
      <c r="G52617" s="1" t="s">
        <v>177455</v>
      </c>
      <c r="H52617" s="1" t="s">
        <v>177456</v>
      </c>
      <c r="I52617" s="1" t="s">
        <v>172490</v>
      </c>
      <c r="J52617" s="1" t="s">
        <v>177485</v>
      </c>
    </row>
    <row r="52618" spans="1:10" x14ac:dyDescent="0.35">
      <c r="A52618" s="1" t="s">
        <v>6447</v>
      </c>
      <c r="B52618" s="1" t="s">
        <v>172484</v>
      </c>
      <c r="C52618" s="1" t="s">
        <v>80</v>
      </c>
      <c r="D52618" s="1" t="s">
        <v>38774</v>
      </c>
      <c r="E52618" s="1" t="s">
        <v>22087</v>
      </c>
      <c r="F52618" s="1" t="s">
        <v>57687</v>
      </c>
      <c r="G52618" s="1" t="s">
        <v>177455</v>
      </c>
      <c r="H52618" s="1" t="s">
        <v>177456</v>
      </c>
      <c r="I52618" s="1" t="s">
        <v>172490</v>
      </c>
      <c r="J52618" s="1" t="s">
        <v>177486</v>
      </c>
    </row>
    <row r="52619" spans="1:10" x14ac:dyDescent="0.35">
      <c r="A52619" s="1" t="s">
        <v>6447</v>
      </c>
      <c r="B52619" s="1" t="s">
        <v>172484</v>
      </c>
      <c r="C52619" s="1" t="s">
        <v>85</v>
      </c>
      <c r="D52619" s="1" t="s">
        <v>177487</v>
      </c>
      <c r="E52619" s="1" t="s">
        <v>177488</v>
      </c>
      <c r="F52619" s="1" t="s">
        <v>64767</v>
      </c>
      <c r="G52619" s="1" t="s">
        <v>177455</v>
      </c>
      <c r="H52619" s="1" t="s">
        <v>177456</v>
      </c>
      <c r="I52619" s="1" t="s">
        <v>172490</v>
      </c>
      <c r="J52619" s="1" t="s">
        <v>177489</v>
      </c>
    </row>
    <row r="52620" spans="1:10" x14ac:dyDescent="0.35">
      <c r="A52620" s="1" t="s">
        <v>6447</v>
      </c>
      <c r="B52620" s="1" t="s">
        <v>172484</v>
      </c>
      <c r="C52620" s="1" t="s">
        <v>90</v>
      </c>
      <c r="D52620" s="1" t="s">
        <v>177490</v>
      </c>
      <c r="E52620" s="1" t="s">
        <v>56233</v>
      </c>
      <c r="F52620" s="1" t="s">
        <v>65887</v>
      </c>
      <c r="G52620" s="1" t="s">
        <v>177455</v>
      </c>
      <c r="H52620" s="1" t="s">
        <v>177456</v>
      </c>
      <c r="I52620" s="1" t="s">
        <v>172490</v>
      </c>
      <c r="J52620" s="1" t="s">
        <v>177491</v>
      </c>
    </row>
    <row r="52621" spans="1:10" x14ac:dyDescent="0.35">
      <c r="A52621" s="1" t="s">
        <v>6447</v>
      </c>
      <c r="B52621" s="1" t="s">
        <v>172484</v>
      </c>
      <c r="C52621" s="1" t="s">
        <v>95</v>
      </c>
      <c r="D52621" s="1" t="s">
        <v>57431</v>
      </c>
      <c r="E52621" s="1" t="s">
        <v>54448</v>
      </c>
      <c r="F52621" s="1" t="s">
        <v>62855</v>
      </c>
      <c r="G52621" s="1" t="s">
        <v>177455</v>
      </c>
      <c r="H52621" s="1" t="s">
        <v>177456</v>
      </c>
      <c r="I52621" s="1" t="s">
        <v>172490</v>
      </c>
      <c r="J52621" s="1" t="s">
        <v>177492</v>
      </c>
    </row>
    <row r="52622" spans="1:10" x14ac:dyDescent="0.35">
      <c r="A52622" s="1" t="s">
        <v>6447</v>
      </c>
      <c r="B52622" s="1" t="s">
        <v>172484</v>
      </c>
      <c r="C52622" s="1" t="s">
        <v>100</v>
      </c>
      <c r="D52622" s="1" t="s">
        <v>66799</v>
      </c>
      <c r="E52622" s="1" t="s">
        <v>177493</v>
      </c>
      <c r="F52622" s="1" t="s">
        <v>177494</v>
      </c>
      <c r="G52622" s="1" t="s">
        <v>177455</v>
      </c>
      <c r="H52622" s="1" t="s">
        <v>177456</v>
      </c>
      <c r="I52622" s="1" t="s">
        <v>172490</v>
      </c>
      <c r="J52622" s="1" t="s">
        <v>177495</v>
      </c>
    </row>
    <row r="52623" spans="1:10" x14ac:dyDescent="0.35">
      <c r="A52623" s="1" t="s">
        <v>6447</v>
      </c>
      <c r="B52623" s="1" t="s">
        <v>172484</v>
      </c>
      <c r="C52623" s="1" t="s">
        <v>105</v>
      </c>
      <c r="D52623" s="1" t="s">
        <v>128319</v>
      </c>
      <c r="E52623" s="1" t="s">
        <v>56304</v>
      </c>
      <c r="F52623" s="1" t="s">
        <v>128765</v>
      </c>
      <c r="G52623" s="1" t="s">
        <v>177455</v>
      </c>
      <c r="H52623" s="1" t="s">
        <v>177456</v>
      </c>
      <c r="I52623" s="1" t="s">
        <v>172490</v>
      </c>
      <c r="J52623" s="1" t="s">
        <v>177496</v>
      </c>
    </row>
    <row r="52624" spans="1:10" x14ac:dyDescent="0.35">
      <c r="A52624" s="1" t="s">
        <v>6447</v>
      </c>
      <c r="B52624" s="1" t="s">
        <v>172484</v>
      </c>
      <c r="C52624" s="1" t="s">
        <v>110</v>
      </c>
      <c r="D52624" s="1" t="s">
        <v>177497</v>
      </c>
      <c r="E52624" s="1" t="s">
        <v>177498</v>
      </c>
      <c r="F52624" s="1" t="s">
        <v>54029</v>
      </c>
      <c r="G52624" s="1" t="s">
        <v>177455</v>
      </c>
      <c r="H52624" s="1" t="s">
        <v>177456</v>
      </c>
      <c r="I52624" s="1" t="s">
        <v>172490</v>
      </c>
      <c r="J52624" s="1" t="s">
        <v>177499</v>
      </c>
    </row>
    <row r="52625" spans="1:10" x14ac:dyDescent="0.35">
      <c r="A52625" s="1" t="s">
        <v>6447</v>
      </c>
      <c r="B52625" s="1" t="s">
        <v>172484</v>
      </c>
      <c r="C52625" s="1" t="s">
        <v>115</v>
      </c>
      <c r="D52625" s="1" t="s">
        <v>160099</v>
      </c>
      <c r="E52625" s="1" t="s">
        <v>56221</v>
      </c>
      <c r="F52625" s="1" t="s">
        <v>66376</v>
      </c>
      <c r="G52625" s="1" t="s">
        <v>177455</v>
      </c>
      <c r="H52625" s="1" t="s">
        <v>177456</v>
      </c>
      <c r="I52625" s="1" t="s">
        <v>172490</v>
      </c>
      <c r="J52625" s="1" t="s">
        <v>177500</v>
      </c>
    </row>
    <row r="52626" spans="1:10" x14ac:dyDescent="0.35">
      <c r="A52626" s="1" t="s">
        <v>6447</v>
      </c>
      <c r="B52626" s="1" t="s">
        <v>172484</v>
      </c>
      <c r="C52626" s="1" t="s">
        <v>120</v>
      </c>
      <c r="D52626" s="1" t="s">
        <v>177501</v>
      </c>
      <c r="E52626" s="1" t="s">
        <v>41395</v>
      </c>
      <c r="F52626" s="1" t="s">
        <v>177502</v>
      </c>
      <c r="G52626" s="1" t="s">
        <v>177455</v>
      </c>
      <c r="H52626" s="1" t="s">
        <v>177456</v>
      </c>
      <c r="I52626" s="1" t="s">
        <v>172490</v>
      </c>
      <c r="J52626" s="1" t="s">
        <v>177503</v>
      </c>
    </row>
    <row r="52627" spans="1:10" x14ac:dyDescent="0.35">
      <c r="A52627" s="1" t="s">
        <v>6447</v>
      </c>
      <c r="B52627" s="1" t="s">
        <v>172484</v>
      </c>
      <c r="C52627" s="1" t="s">
        <v>125</v>
      </c>
      <c r="D52627" s="1" t="s">
        <v>100229</v>
      </c>
      <c r="E52627" s="1" t="s">
        <v>64791</v>
      </c>
      <c r="F52627" s="1" t="s">
        <v>177504</v>
      </c>
      <c r="G52627" s="1" t="s">
        <v>177455</v>
      </c>
      <c r="H52627" s="1" t="s">
        <v>177456</v>
      </c>
      <c r="I52627" s="1" t="s">
        <v>172490</v>
      </c>
      <c r="J52627" s="1" t="s">
        <v>177505</v>
      </c>
    </row>
    <row r="52628" spans="1:10" x14ac:dyDescent="0.35">
      <c r="A52628" s="1" t="s">
        <v>6447</v>
      </c>
      <c r="B52628" s="1" t="s">
        <v>172484</v>
      </c>
      <c r="C52628" s="1" t="s">
        <v>130</v>
      </c>
      <c r="D52628" s="1" t="s">
        <v>177506</v>
      </c>
      <c r="E52628" s="1" t="s">
        <v>21985</v>
      </c>
      <c r="F52628" s="1" t="s">
        <v>177507</v>
      </c>
      <c r="G52628" s="1" t="s">
        <v>177455</v>
      </c>
      <c r="H52628" s="1" t="s">
        <v>177456</v>
      </c>
      <c r="I52628" s="1" t="s">
        <v>172490</v>
      </c>
      <c r="J52628" s="1" t="s">
        <v>177508</v>
      </c>
    </row>
    <row r="52629" spans="1:10" x14ac:dyDescent="0.35">
      <c r="A52629" s="1" t="s">
        <v>6447</v>
      </c>
      <c r="B52629" s="1" t="s">
        <v>172484</v>
      </c>
      <c r="C52629" s="1" t="s">
        <v>135</v>
      </c>
      <c r="D52629" s="1" t="s">
        <v>154482</v>
      </c>
      <c r="E52629" s="1" t="s">
        <v>12790</v>
      </c>
      <c r="F52629" s="1" t="s">
        <v>177509</v>
      </c>
      <c r="G52629" s="1" t="s">
        <v>177455</v>
      </c>
      <c r="H52629" s="1" t="s">
        <v>177456</v>
      </c>
      <c r="I52629" s="1" t="s">
        <v>172490</v>
      </c>
      <c r="J52629" s="1" t="s">
        <v>177510</v>
      </c>
    </row>
    <row r="52630" spans="1:10" x14ac:dyDescent="0.35">
      <c r="A52630" s="1" t="s">
        <v>6447</v>
      </c>
      <c r="B52630" s="1" t="s">
        <v>172484</v>
      </c>
      <c r="C52630" s="1" t="s">
        <v>140</v>
      </c>
      <c r="D52630" s="1" t="s">
        <v>93567</v>
      </c>
      <c r="E52630" s="1" t="s">
        <v>54448</v>
      </c>
      <c r="F52630" s="1" t="s">
        <v>177511</v>
      </c>
      <c r="G52630" s="1" t="s">
        <v>177455</v>
      </c>
      <c r="H52630" s="1" t="s">
        <v>177456</v>
      </c>
      <c r="I52630" s="1" t="s">
        <v>172490</v>
      </c>
      <c r="J52630" s="1" t="s">
        <v>177512</v>
      </c>
    </row>
    <row r="52631" spans="1:10" x14ac:dyDescent="0.35">
      <c r="A52631" s="1" t="s">
        <v>6447</v>
      </c>
      <c r="B52631" s="1" t="s">
        <v>172484</v>
      </c>
      <c r="C52631" s="1" t="s">
        <v>145</v>
      </c>
      <c r="D52631" s="1" t="s">
        <v>61893</v>
      </c>
      <c r="E52631" s="1" t="s">
        <v>12841</v>
      </c>
      <c r="F52631" s="1" t="s">
        <v>177513</v>
      </c>
      <c r="G52631" s="1" t="s">
        <v>177455</v>
      </c>
      <c r="H52631" s="1" t="s">
        <v>177456</v>
      </c>
      <c r="I52631" s="1" t="s">
        <v>172490</v>
      </c>
      <c r="J52631" s="1" t="s">
        <v>177514</v>
      </c>
    </row>
    <row r="52632" spans="1:10" x14ac:dyDescent="0.35">
      <c r="A52632" s="1" t="s">
        <v>6447</v>
      </c>
      <c r="B52632" s="1" t="s">
        <v>172484</v>
      </c>
      <c r="C52632" s="1" t="s">
        <v>150</v>
      </c>
      <c r="D52632" s="1" t="s">
        <v>56253</v>
      </c>
      <c r="E52632" s="1" t="s">
        <v>24213</v>
      </c>
      <c r="F52632" s="1" t="s">
        <v>177515</v>
      </c>
      <c r="G52632" s="1" t="s">
        <v>177455</v>
      </c>
      <c r="H52632" s="1" t="s">
        <v>177456</v>
      </c>
      <c r="I52632" s="1" t="s">
        <v>172490</v>
      </c>
      <c r="J52632" s="1" t="s">
        <v>177516</v>
      </c>
    </row>
    <row r="52633" spans="1:10" x14ac:dyDescent="0.35">
      <c r="A52633" s="1" t="s">
        <v>6447</v>
      </c>
      <c r="B52633" s="1" t="s">
        <v>172484</v>
      </c>
      <c r="C52633" s="1" t="s">
        <v>155</v>
      </c>
      <c r="D52633" s="1" t="s">
        <v>86577</v>
      </c>
      <c r="E52633" s="1" t="s">
        <v>24217</v>
      </c>
      <c r="F52633" s="1" t="s">
        <v>177517</v>
      </c>
      <c r="G52633" s="1" t="s">
        <v>177455</v>
      </c>
      <c r="H52633" s="1" t="s">
        <v>177456</v>
      </c>
      <c r="I52633" s="1" t="s">
        <v>172490</v>
      </c>
      <c r="J52633" s="1" t="s">
        <v>177518</v>
      </c>
    </row>
    <row r="52634" spans="1:10" x14ac:dyDescent="0.35">
      <c r="A52634" s="1" t="s">
        <v>6447</v>
      </c>
      <c r="B52634" s="1" t="s">
        <v>172484</v>
      </c>
      <c r="C52634" s="1" t="s">
        <v>160</v>
      </c>
      <c r="D52634" s="1" t="s">
        <v>108512</v>
      </c>
      <c r="E52634" s="1" t="s">
        <v>58415</v>
      </c>
      <c r="F52634" s="1" t="s">
        <v>177519</v>
      </c>
      <c r="G52634" s="1" t="s">
        <v>177455</v>
      </c>
      <c r="H52634" s="1" t="s">
        <v>177456</v>
      </c>
      <c r="I52634" s="1" t="s">
        <v>172490</v>
      </c>
      <c r="J52634" s="1" t="s">
        <v>177520</v>
      </c>
    </row>
    <row r="52635" spans="1:10" x14ac:dyDescent="0.35">
      <c r="A52635" s="1" t="s">
        <v>6447</v>
      </c>
      <c r="B52635" s="1" t="s">
        <v>172484</v>
      </c>
      <c r="C52635" s="1" t="s">
        <v>165</v>
      </c>
      <c r="D52635" s="1" t="s">
        <v>177521</v>
      </c>
      <c r="E52635" s="1" t="s">
        <v>67716</v>
      </c>
      <c r="F52635" s="1" t="s">
        <v>58023</v>
      </c>
      <c r="G52635" s="1" t="s">
        <v>177455</v>
      </c>
      <c r="H52635" s="1" t="s">
        <v>177456</v>
      </c>
      <c r="I52635" s="1" t="s">
        <v>172490</v>
      </c>
      <c r="J52635" s="1" t="s">
        <v>177522</v>
      </c>
    </row>
    <row r="52636" spans="1:10" x14ac:dyDescent="0.35">
      <c r="A52636" s="1" t="s">
        <v>6447</v>
      </c>
      <c r="B52636" s="1" t="s">
        <v>172484</v>
      </c>
      <c r="C52636" s="1" t="s">
        <v>170</v>
      </c>
      <c r="D52636" s="1" t="s">
        <v>95547</v>
      </c>
      <c r="E52636" s="1" t="s">
        <v>32359</v>
      </c>
      <c r="F52636" s="1" t="s">
        <v>56625</v>
      </c>
      <c r="G52636" s="1" t="s">
        <v>177455</v>
      </c>
      <c r="H52636" s="1" t="s">
        <v>177456</v>
      </c>
      <c r="I52636" s="1" t="s">
        <v>172490</v>
      </c>
      <c r="J52636" s="1" t="s">
        <v>177523</v>
      </c>
    </row>
    <row r="52637" spans="1:10" x14ac:dyDescent="0.35">
      <c r="A52637" s="1" t="s">
        <v>1552</v>
      </c>
      <c r="B52637" s="1" t="s">
        <v>172484</v>
      </c>
      <c r="C52637" s="1" t="s">
        <v>8</v>
      </c>
      <c r="D52637" s="1" t="s">
        <v>19604</v>
      </c>
      <c r="E52637" s="1" t="s">
        <v>177524</v>
      </c>
      <c r="F52637" s="1" t="s">
        <v>177525</v>
      </c>
      <c r="G52637" s="1" t="s">
        <v>177526</v>
      </c>
      <c r="H52637" s="1" t="s">
        <v>177527</v>
      </c>
      <c r="I52637" s="1" t="s">
        <v>172490</v>
      </c>
      <c r="J52637" s="1" t="s">
        <v>13</v>
      </c>
    </row>
    <row r="52638" spans="1:10" x14ac:dyDescent="0.35">
      <c r="A52638" s="1" t="s">
        <v>1552</v>
      </c>
      <c r="B52638" s="1" t="s">
        <v>172484</v>
      </c>
      <c r="C52638" s="1" t="s">
        <v>15</v>
      </c>
      <c r="D52638" s="1" t="s">
        <v>38334</v>
      </c>
      <c r="E52638" s="1" t="s">
        <v>177528</v>
      </c>
      <c r="F52638" s="1" t="s">
        <v>177529</v>
      </c>
      <c r="G52638" s="1" t="s">
        <v>177526</v>
      </c>
      <c r="H52638" s="1" t="s">
        <v>177527</v>
      </c>
      <c r="I52638" s="1" t="s">
        <v>172490</v>
      </c>
      <c r="J52638" s="1" t="s">
        <v>177530</v>
      </c>
    </row>
    <row r="52639" spans="1:10" x14ac:dyDescent="0.35">
      <c r="A52639" s="1" t="s">
        <v>1552</v>
      </c>
      <c r="B52639" s="1" t="s">
        <v>172484</v>
      </c>
      <c r="C52639" s="1" t="s">
        <v>20</v>
      </c>
      <c r="D52639" s="1" t="s">
        <v>110135</v>
      </c>
      <c r="E52639" s="1" t="s">
        <v>177531</v>
      </c>
      <c r="F52639" s="1" t="s">
        <v>177532</v>
      </c>
      <c r="G52639" s="1" t="s">
        <v>177526</v>
      </c>
      <c r="H52639" s="1" t="s">
        <v>177527</v>
      </c>
      <c r="I52639" s="1" t="s">
        <v>172490</v>
      </c>
      <c r="J52639" s="1" t="s">
        <v>177533</v>
      </c>
    </row>
    <row r="52640" spans="1:10" x14ac:dyDescent="0.35">
      <c r="A52640" s="1" t="s">
        <v>1552</v>
      </c>
      <c r="B52640" s="1" t="s">
        <v>172484</v>
      </c>
      <c r="C52640" s="1" t="s">
        <v>25</v>
      </c>
      <c r="D52640" s="1" t="s">
        <v>124180</v>
      </c>
      <c r="E52640" s="1" t="s">
        <v>177534</v>
      </c>
      <c r="F52640" s="1" t="s">
        <v>177535</v>
      </c>
      <c r="G52640" s="1" t="s">
        <v>177526</v>
      </c>
      <c r="H52640" s="1" t="s">
        <v>177527</v>
      </c>
      <c r="I52640" s="1" t="s">
        <v>172490</v>
      </c>
      <c r="J52640" s="1" t="s">
        <v>177536</v>
      </c>
    </row>
    <row r="52641" spans="1:10" x14ac:dyDescent="0.35">
      <c r="A52641" s="1" t="s">
        <v>1552</v>
      </c>
      <c r="B52641" s="1" t="s">
        <v>172484</v>
      </c>
      <c r="C52641" s="1" t="s">
        <v>30</v>
      </c>
      <c r="D52641" s="1" t="s">
        <v>177537</v>
      </c>
      <c r="E52641" s="1" t="s">
        <v>177538</v>
      </c>
      <c r="F52641" s="1" t="s">
        <v>177539</v>
      </c>
      <c r="G52641" s="1" t="s">
        <v>177526</v>
      </c>
      <c r="H52641" s="1" t="s">
        <v>177527</v>
      </c>
      <c r="I52641" s="1" t="s">
        <v>172490</v>
      </c>
      <c r="J52641" s="1" t="s">
        <v>177540</v>
      </c>
    </row>
    <row r="52642" spans="1:10" x14ac:dyDescent="0.35">
      <c r="A52642" s="1" t="s">
        <v>1552</v>
      </c>
      <c r="B52642" s="1" t="s">
        <v>172484</v>
      </c>
      <c r="C52642" s="1" t="s">
        <v>35</v>
      </c>
      <c r="D52642" s="1" t="s">
        <v>177541</v>
      </c>
      <c r="E52642" s="1" t="s">
        <v>177542</v>
      </c>
      <c r="F52642" s="1" t="s">
        <v>177543</v>
      </c>
      <c r="G52642" s="1" t="s">
        <v>177526</v>
      </c>
      <c r="H52642" s="1" t="s">
        <v>177527</v>
      </c>
      <c r="I52642" s="1" t="s">
        <v>172490</v>
      </c>
      <c r="J52642" s="1" t="s">
        <v>177544</v>
      </c>
    </row>
    <row r="52643" spans="1:10" x14ac:dyDescent="0.35">
      <c r="A52643" s="1" t="s">
        <v>1552</v>
      </c>
      <c r="B52643" s="1" t="s">
        <v>172484</v>
      </c>
      <c r="C52643" s="1" t="s">
        <v>40</v>
      </c>
      <c r="D52643" s="1" t="s">
        <v>73357</v>
      </c>
      <c r="E52643" s="1" t="s">
        <v>177545</v>
      </c>
      <c r="F52643" s="1" t="s">
        <v>177546</v>
      </c>
      <c r="G52643" s="1" t="s">
        <v>177526</v>
      </c>
      <c r="H52643" s="1" t="s">
        <v>177527</v>
      </c>
      <c r="I52643" s="1" t="s">
        <v>172490</v>
      </c>
      <c r="J52643" s="1" t="s">
        <v>177547</v>
      </c>
    </row>
    <row r="52644" spans="1:10" x14ac:dyDescent="0.35">
      <c r="A52644" s="1" t="s">
        <v>1552</v>
      </c>
      <c r="B52644" s="1" t="s">
        <v>172484</v>
      </c>
      <c r="C52644" s="1" t="s">
        <v>45</v>
      </c>
      <c r="D52644" s="1" t="s">
        <v>70675</v>
      </c>
      <c r="E52644" s="1" t="s">
        <v>177548</v>
      </c>
      <c r="F52644" s="1" t="s">
        <v>177549</v>
      </c>
      <c r="G52644" s="1" t="s">
        <v>177526</v>
      </c>
      <c r="H52644" s="1" t="s">
        <v>177527</v>
      </c>
      <c r="I52644" s="1" t="s">
        <v>172490</v>
      </c>
      <c r="J52644" s="1" t="s">
        <v>177550</v>
      </c>
    </row>
    <row r="52645" spans="1:10" x14ac:dyDescent="0.35">
      <c r="A52645" s="1" t="s">
        <v>1552</v>
      </c>
      <c r="B52645" s="1" t="s">
        <v>172484</v>
      </c>
      <c r="C52645" s="1" t="s">
        <v>50</v>
      </c>
      <c r="D52645" s="1" t="s">
        <v>177551</v>
      </c>
      <c r="E52645" s="1" t="s">
        <v>177552</v>
      </c>
      <c r="F52645" s="1" t="s">
        <v>177553</v>
      </c>
      <c r="G52645" s="1" t="s">
        <v>177526</v>
      </c>
      <c r="H52645" s="1" t="s">
        <v>177527</v>
      </c>
      <c r="I52645" s="1" t="s">
        <v>172490</v>
      </c>
      <c r="J52645" s="1" t="s">
        <v>177554</v>
      </c>
    </row>
    <row r="52646" spans="1:10" x14ac:dyDescent="0.35">
      <c r="A52646" s="1" t="s">
        <v>1552</v>
      </c>
      <c r="B52646" s="1" t="s">
        <v>172484</v>
      </c>
      <c r="C52646" s="1" t="s">
        <v>55</v>
      </c>
      <c r="D52646" s="1" t="s">
        <v>31284</v>
      </c>
      <c r="E52646" s="1" t="s">
        <v>177555</v>
      </c>
      <c r="F52646" s="1" t="s">
        <v>177556</v>
      </c>
      <c r="G52646" s="1" t="s">
        <v>177526</v>
      </c>
      <c r="H52646" s="1" t="s">
        <v>177527</v>
      </c>
      <c r="I52646" s="1" t="s">
        <v>172490</v>
      </c>
      <c r="J52646" s="1" t="s">
        <v>177557</v>
      </c>
    </row>
    <row r="52647" spans="1:10" x14ac:dyDescent="0.35">
      <c r="A52647" s="1" t="s">
        <v>1552</v>
      </c>
      <c r="B52647" s="1" t="s">
        <v>172484</v>
      </c>
      <c r="C52647" s="1" t="s">
        <v>60</v>
      </c>
      <c r="D52647" s="1" t="s">
        <v>177558</v>
      </c>
      <c r="E52647" s="1" t="s">
        <v>177559</v>
      </c>
      <c r="F52647" s="1" t="s">
        <v>177560</v>
      </c>
      <c r="G52647" s="1" t="s">
        <v>177526</v>
      </c>
      <c r="H52647" s="1" t="s">
        <v>177527</v>
      </c>
      <c r="I52647" s="1" t="s">
        <v>172490</v>
      </c>
      <c r="J52647" s="1" t="s">
        <v>177561</v>
      </c>
    </row>
    <row r="52648" spans="1:10" x14ac:dyDescent="0.35">
      <c r="A52648" s="1" t="s">
        <v>1552</v>
      </c>
      <c r="B52648" s="1" t="s">
        <v>172484</v>
      </c>
      <c r="C52648" s="1" t="s">
        <v>65</v>
      </c>
      <c r="D52648" s="1" t="s">
        <v>30384</v>
      </c>
      <c r="E52648" s="1" t="s">
        <v>177562</v>
      </c>
      <c r="F52648" s="1" t="s">
        <v>177563</v>
      </c>
      <c r="G52648" s="1" t="s">
        <v>177526</v>
      </c>
      <c r="H52648" s="1" t="s">
        <v>177527</v>
      </c>
      <c r="I52648" s="1" t="s">
        <v>172490</v>
      </c>
      <c r="J52648" s="1" t="s">
        <v>177564</v>
      </c>
    </row>
    <row r="52649" spans="1:10" x14ac:dyDescent="0.35">
      <c r="A52649" s="1" t="s">
        <v>1552</v>
      </c>
      <c r="B52649" s="1" t="s">
        <v>172484</v>
      </c>
      <c r="C52649" s="1" t="s">
        <v>70</v>
      </c>
      <c r="D52649" s="1" t="s">
        <v>3818</v>
      </c>
      <c r="E52649" s="1" t="s">
        <v>177565</v>
      </c>
      <c r="F52649" s="1" t="s">
        <v>177566</v>
      </c>
      <c r="G52649" s="1" t="s">
        <v>177526</v>
      </c>
      <c r="H52649" s="1" t="s">
        <v>177527</v>
      </c>
      <c r="I52649" s="1" t="s">
        <v>172490</v>
      </c>
      <c r="J52649" s="1" t="s">
        <v>177567</v>
      </c>
    </row>
    <row r="52650" spans="1:10" x14ac:dyDescent="0.35">
      <c r="A52650" s="1" t="s">
        <v>1552</v>
      </c>
      <c r="B52650" s="1" t="s">
        <v>172484</v>
      </c>
      <c r="C52650" s="1" t="s">
        <v>75</v>
      </c>
      <c r="D52650" s="1" t="s">
        <v>117730</v>
      </c>
      <c r="E52650" s="1" t="s">
        <v>177568</v>
      </c>
      <c r="F52650" s="1" t="s">
        <v>177569</v>
      </c>
      <c r="G52650" s="1" t="s">
        <v>177526</v>
      </c>
      <c r="H52650" s="1" t="s">
        <v>177527</v>
      </c>
      <c r="I52650" s="1" t="s">
        <v>172490</v>
      </c>
      <c r="J52650" s="1" t="s">
        <v>177570</v>
      </c>
    </row>
    <row r="52651" spans="1:10" x14ac:dyDescent="0.35">
      <c r="A52651" s="1" t="s">
        <v>1552</v>
      </c>
      <c r="B52651" s="1" t="s">
        <v>172484</v>
      </c>
      <c r="C52651" s="1" t="s">
        <v>80</v>
      </c>
      <c r="D52651" s="1" t="s">
        <v>19079</v>
      </c>
      <c r="E52651" s="1" t="s">
        <v>177571</v>
      </c>
      <c r="F52651" s="1" t="s">
        <v>177572</v>
      </c>
      <c r="G52651" s="1" t="s">
        <v>177526</v>
      </c>
      <c r="H52651" s="1" t="s">
        <v>177527</v>
      </c>
      <c r="I52651" s="1" t="s">
        <v>172490</v>
      </c>
      <c r="J52651" s="1" t="s">
        <v>177573</v>
      </c>
    </row>
    <row r="52652" spans="1:10" x14ac:dyDescent="0.35">
      <c r="A52652" s="1" t="s">
        <v>1552</v>
      </c>
      <c r="B52652" s="1" t="s">
        <v>172484</v>
      </c>
      <c r="C52652" s="1" t="s">
        <v>85</v>
      </c>
      <c r="D52652" s="1" t="s">
        <v>126172</v>
      </c>
      <c r="E52652" s="1" t="s">
        <v>177574</v>
      </c>
      <c r="F52652" s="1" t="s">
        <v>177575</v>
      </c>
      <c r="G52652" s="1" t="s">
        <v>177526</v>
      </c>
      <c r="H52652" s="1" t="s">
        <v>177527</v>
      </c>
      <c r="I52652" s="1" t="s">
        <v>172490</v>
      </c>
      <c r="J52652" s="1" t="s">
        <v>177576</v>
      </c>
    </row>
    <row r="52653" spans="1:10" x14ac:dyDescent="0.35">
      <c r="A52653" s="1" t="s">
        <v>1552</v>
      </c>
      <c r="B52653" s="1" t="s">
        <v>172484</v>
      </c>
      <c r="C52653" s="1" t="s">
        <v>90</v>
      </c>
      <c r="D52653" s="1" t="s">
        <v>177577</v>
      </c>
      <c r="E52653" s="1" t="s">
        <v>177578</v>
      </c>
      <c r="F52653" s="1" t="s">
        <v>177579</v>
      </c>
      <c r="G52653" s="1" t="s">
        <v>177526</v>
      </c>
      <c r="H52653" s="1" t="s">
        <v>177527</v>
      </c>
      <c r="I52653" s="1" t="s">
        <v>172490</v>
      </c>
      <c r="J52653" s="1" t="s">
        <v>177580</v>
      </c>
    </row>
    <row r="52654" spans="1:10" x14ac:dyDescent="0.35">
      <c r="A52654" s="1" t="s">
        <v>1552</v>
      </c>
      <c r="B52654" s="1" t="s">
        <v>172484</v>
      </c>
      <c r="C52654" s="1" t="s">
        <v>95</v>
      </c>
      <c r="D52654" s="1" t="s">
        <v>113715</v>
      </c>
      <c r="E52654" s="1" t="s">
        <v>177581</v>
      </c>
      <c r="F52654" s="1" t="s">
        <v>177582</v>
      </c>
      <c r="G52654" s="1" t="s">
        <v>177526</v>
      </c>
      <c r="H52654" s="1" t="s">
        <v>177527</v>
      </c>
      <c r="I52654" s="1" t="s">
        <v>172490</v>
      </c>
      <c r="J52654" s="1" t="s">
        <v>177583</v>
      </c>
    </row>
    <row r="52655" spans="1:10" x14ac:dyDescent="0.35">
      <c r="A52655" s="1" t="s">
        <v>1552</v>
      </c>
      <c r="B52655" s="1" t="s">
        <v>172484</v>
      </c>
      <c r="C52655" s="1" t="s">
        <v>100</v>
      </c>
      <c r="D52655" s="1" t="s">
        <v>50077</v>
      </c>
      <c r="E52655" s="1" t="s">
        <v>177584</v>
      </c>
      <c r="F52655" s="1" t="s">
        <v>177585</v>
      </c>
      <c r="G52655" s="1" t="s">
        <v>177526</v>
      </c>
      <c r="H52655" s="1" t="s">
        <v>177527</v>
      </c>
      <c r="I52655" s="1" t="s">
        <v>172490</v>
      </c>
      <c r="J52655" s="1" t="s">
        <v>177586</v>
      </c>
    </row>
    <row r="52656" spans="1:10" x14ac:dyDescent="0.35">
      <c r="A52656" s="1" t="s">
        <v>1552</v>
      </c>
      <c r="B52656" s="1" t="s">
        <v>172484</v>
      </c>
      <c r="C52656" s="1" t="s">
        <v>105</v>
      </c>
      <c r="D52656" s="1" t="s">
        <v>177587</v>
      </c>
      <c r="E52656" s="1" t="s">
        <v>177588</v>
      </c>
      <c r="F52656" s="1" t="s">
        <v>177589</v>
      </c>
      <c r="G52656" s="1" t="s">
        <v>177526</v>
      </c>
      <c r="H52656" s="1" t="s">
        <v>177527</v>
      </c>
      <c r="I52656" s="1" t="s">
        <v>172490</v>
      </c>
      <c r="J52656" s="1" t="s">
        <v>177590</v>
      </c>
    </row>
    <row r="52657" spans="1:10" x14ac:dyDescent="0.35">
      <c r="A52657" s="1" t="s">
        <v>1552</v>
      </c>
      <c r="B52657" s="1" t="s">
        <v>172484</v>
      </c>
      <c r="C52657" s="1" t="s">
        <v>110</v>
      </c>
      <c r="D52657" s="1" t="s">
        <v>42266</v>
      </c>
      <c r="E52657" s="1" t="s">
        <v>177591</v>
      </c>
      <c r="F52657" s="1" t="s">
        <v>177592</v>
      </c>
      <c r="G52657" s="1" t="s">
        <v>177526</v>
      </c>
      <c r="H52657" s="1" t="s">
        <v>177527</v>
      </c>
      <c r="I52657" s="1" t="s">
        <v>172490</v>
      </c>
      <c r="J52657" s="1" t="s">
        <v>177593</v>
      </c>
    </row>
    <row r="52658" spans="1:10" x14ac:dyDescent="0.35">
      <c r="A52658" s="1" t="s">
        <v>1552</v>
      </c>
      <c r="B52658" s="1" t="s">
        <v>172484</v>
      </c>
      <c r="C52658" s="1" t="s">
        <v>115</v>
      </c>
      <c r="D52658" s="1" t="s">
        <v>177594</v>
      </c>
      <c r="E52658" s="1" t="s">
        <v>177595</v>
      </c>
      <c r="F52658" s="1" t="s">
        <v>177596</v>
      </c>
      <c r="G52658" s="1" t="s">
        <v>177526</v>
      </c>
      <c r="H52658" s="1" t="s">
        <v>177527</v>
      </c>
      <c r="I52658" s="1" t="s">
        <v>172490</v>
      </c>
      <c r="J52658" s="1" t="s">
        <v>177597</v>
      </c>
    </row>
    <row r="52659" spans="1:10" x14ac:dyDescent="0.35">
      <c r="A52659" s="1" t="s">
        <v>1552</v>
      </c>
      <c r="B52659" s="1" t="s">
        <v>172484</v>
      </c>
      <c r="C52659" s="1" t="s">
        <v>120</v>
      </c>
      <c r="D52659" s="1" t="s">
        <v>177598</v>
      </c>
      <c r="E52659" s="1" t="s">
        <v>177599</v>
      </c>
      <c r="F52659" s="1" t="s">
        <v>177600</v>
      </c>
      <c r="G52659" s="1" t="s">
        <v>177526</v>
      </c>
      <c r="H52659" s="1" t="s">
        <v>177527</v>
      </c>
      <c r="I52659" s="1" t="s">
        <v>172490</v>
      </c>
      <c r="J52659" s="1" t="s">
        <v>177601</v>
      </c>
    </row>
    <row r="52660" spans="1:10" x14ac:dyDescent="0.35">
      <c r="A52660" s="1" t="s">
        <v>1552</v>
      </c>
      <c r="B52660" s="1" t="s">
        <v>172484</v>
      </c>
      <c r="C52660" s="1" t="s">
        <v>125</v>
      </c>
      <c r="D52660" s="1" t="s">
        <v>96878</v>
      </c>
      <c r="E52660" s="1" t="s">
        <v>177602</v>
      </c>
      <c r="F52660" s="1" t="s">
        <v>177603</v>
      </c>
      <c r="G52660" s="1" t="s">
        <v>177526</v>
      </c>
      <c r="H52660" s="1" t="s">
        <v>177527</v>
      </c>
      <c r="I52660" s="1" t="s">
        <v>172490</v>
      </c>
      <c r="J52660" s="1" t="s">
        <v>177604</v>
      </c>
    </row>
    <row r="52661" spans="1:10" x14ac:dyDescent="0.35">
      <c r="A52661" s="1" t="s">
        <v>1552</v>
      </c>
      <c r="B52661" s="1" t="s">
        <v>172484</v>
      </c>
      <c r="C52661" s="1" t="s">
        <v>130</v>
      </c>
      <c r="D52661" s="1" t="s">
        <v>67778</v>
      </c>
      <c r="E52661" s="1" t="s">
        <v>177605</v>
      </c>
      <c r="F52661" s="1" t="s">
        <v>177606</v>
      </c>
      <c r="G52661" s="1" t="s">
        <v>177526</v>
      </c>
      <c r="H52661" s="1" t="s">
        <v>177527</v>
      </c>
      <c r="I52661" s="1" t="s">
        <v>172490</v>
      </c>
      <c r="J52661" s="1" t="s">
        <v>177607</v>
      </c>
    </row>
    <row r="52662" spans="1:10" x14ac:dyDescent="0.35">
      <c r="A52662" s="1" t="s">
        <v>1552</v>
      </c>
      <c r="B52662" s="1" t="s">
        <v>172484</v>
      </c>
      <c r="C52662" s="1" t="s">
        <v>135</v>
      </c>
      <c r="D52662" s="1" t="s">
        <v>122741</v>
      </c>
      <c r="E52662" s="1" t="s">
        <v>177608</v>
      </c>
      <c r="F52662" s="1" t="s">
        <v>177609</v>
      </c>
      <c r="G52662" s="1" t="s">
        <v>177526</v>
      </c>
      <c r="H52662" s="1" t="s">
        <v>177527</v>
      </c>
      <c r="I52662" s="1" t="s">
        <v>172490</v>
      </c>
      <c r="J52662" s="1" t="s">
        <v>177610</v>
      </c>
    </row>
    <row r="52663" spans="1:10" x14ac:dyDescent="0.35">
      <c r="A52663" s="1" t="s">
        <v>1552</v>
      </c>
      <c r="B52663" s="1" t="s">
        <v>172484</v>
      </c>
      <c r="C52663" s="1" t="s">
        <v>140</v>
      </c>
      <c r="D52663" s="1" t="s">
        <v>177611</v>
      </c>
      <c r="E52663" s="1" t="s">
        <v>177612</v>
      </c>
      <c r="F52663" s="1" t="s">
        <v>177613</v>
      </c>
      <c r="G52663" s="1" t="s">
        <v>177526</v>
      </c>
      <c r="H52663" s="1" t="s">
        <v>177527</v>
      </c>
      <c r="I52663" s="1" t="s">
        <v>172490</v>
      </c>
      <c r="J52663" s="1" t="s">
        <v>177614</v>
      </c>
    </row>
    <row r="52664" spans="1:10" x14ac:dyDescent="0.35">
      <c r="A52664" s="1" t="s">
        <v>1552</v>
      </c>
      <c r="B52664" s="1" t="s">
        <v>172484</v>
      </c>
      <c r="C52664" s="1" t="s">
        <v>145</v>
      </c>
      <c r="D52664" s="1" t="s">
        <v>128347</v>
      </c>
      <c r="E52664" s="1" t="s">
        <v>177615</v>
      </c>
      <c r="F52664" s="1" t="s">
        <v>177616</v>
      </c>
      <c r="G52664" s="1" t="s">
        <v>177526</v>
      </c>
      <c r="H52664" s="1" t="s">
        <v>177527</v>
      </c>
      <c r="I52664" s="1" t="s">
        <v>172490</v>
      </c>
      <c r="J52664" s="1" t="s">
        <v>177617</v>
      </c>
    </row>
    <row r="52665" spans="1:10" x14ac:dyDescent="0.35">
      <c r="A52665" s="1" t="s">
        <v>1552</v>
      </c>
      <c r="B52665" s="1" t="s">
        <v>172484</v>
      </c>
      <c r="C52665" s="1" t="s">
        <v>150</v>
      </c>
      <c r="D52665" s="1" t="s">
        <v>177618</v>
      </c>
      <c r="E52665" s="1" t="s">
        <v>177619</v>
      </c>
      <c r="F52665" s="1" t="s">
        <v>177620</v>
      </c>
      <c r="G52665" s="1" t="s">
        <v>177526</v>
      </c>
      <c r="H52665" s="1" t="s">
        <v>177527</v>
      </c>
      <c r="I52665" s="1" t="s">
        <v>172490</v>
      </c>
      <c r="J52665" s="1" t="s">
        <v>177621</v>
      </c>
    </row>
    <row r="52666" spans="1:10" x14ac:dyDescent="0.35">
      <c r="A52666" s="1" t="s">
        <v>1552</v>
      </c>
      <c r="B52666" s="1" t="s">
        <v>172484</v>
      </c>
      <c r="C52666" s="1" t="s">
        <v>155</v>
      </c>
      <c r="D52666" s="1" t="s">
        <v>152237</v>
      </c>
      <c r="E52666" s="1" t="s">
        <v>177622</v>
      </c>
      <c r="F52666" s="1" t="s">
        <v>177623</v>
      </c>
      <c r="G52666" s="1" t="s">
        <v>177526</v>
      </c>
      <c r="H52666" s="1" t="s">
        <v>177527</v>
      </c>
      <c r="I52666" s="1" t="s">
        <v>172490</v>
      </c>
      <c r="J52666" s="1" t="s">
        <v>177624</v>
      </c>
    </row>
    <row r="52667" spans="1:10" x14ac:dyDescent="0.35">
      <c r="A52667" s="1" t="s">
        <v>1552</v>
      </c>
      <c r="B52667" s="1" t="s">
        <v>172484</v>
      </c>
      <c r="C52667" s="1" t="s">
        <v>160</v>
      </c>
      <c r="D52667" s="1" t="s">
        <v>177625</v>
      </c>
      <c r="E52667" s="1" t="s">
        <v>177626</v>
      </c>
      <c r="F52667" s="1" t="s">
        <v>177627</v>
      </c>
      <c r="G52667" s="1" t="s">
        <v>177526</v>
      </c>
      <c r="H52667" s="1" t="s">
        <v>177527</v>
      </c>
      <c r="I52667" s="1" t="s">
        <v>172490</v>
      </c>
      <c r="J52667" s="1" t="s">
        <v>177628</v>
      </c>
    </row>
    <row r="52668" spans="1:10" x14ac:dyDescent="0.35">
      <c r="A52668" s="1" t="s">
        <v>1552</v>
      </c>
      <c r="B52668" s="1" t="s">
        <v>172484</v>
      </c>
      <c r="C52668" s="1" t="s">
        <v>165</v>
      </c>
      <c r="D52668" s="1" t="s">
        <v>177629</v>
      </c>
      <c r="E52668" s="1" t="s">
        <v>177630</v>
      </c>
      <c r="F52668" s="1" t="s">
        <v>177631</v>
      </c>
      <c r="G52668" s="1" t="s">
        <v>177526</v>
      </c>
      <c r="H52668" s="1" t="s">
        <v>177527</v>
      </c>
      <c r="I52668" s="1" t="s">
        <v>172490</v>
      </c>
      <c r="J52668" s="1" t="s">
        <v>177632</v>
      </c>
    </row>
    <row r="52669" spans="1:10" x14ac:dyDescent="0.35">
      <c r="A52669" s="1" t="s">
        <v>1552</v>
      </c>
      <c r="B52669" s="1" t="s">
        <v>172484</v>
      </c>
      <c r="C52669" s="1" t="s">
        <v>170</v>
      </c>
      <c r="D52669" s="1" t="s">
        <v>89489</v>
      </c>
      <c r="E52669" s="1" t="s">
        <v>177633</v>
      </c>
      <c r="F52669" s="1" t="s">
        <v>177634</v>
      </c>
      <c r="G52669" s="1" t="s">
        <v>177526</v>
      </c>
      <c r="H52669" s="1" t="s">
        <v>177527</v>
      </c>
      <c r="I52669" s="1" t="s">
        <v>172490</v>
      </c>
      <c r="J52669" s="1" t="s">
        <v>177635</v>
      </c>
    </row>
    <row r="52670" spans="1:10" x14ac:dyDescent="0.35">
      <c r="A52670" s="1" t="s">
        <v>8706</v>
      </c>
      <c r="B52670" s="1" t="s">
        <v>172484</v>
      </c>
      <c r="C52670" s="1" t="s">
        <v>8</v>
      </c>
      <c r="D52670" s="1" t="s">
        <v>49022</v>
      </c>
      <c r="E52670" s="1" t="s">
        <v>62713</v>
      </c>
      <c r="F52670" s="1" t="s">
        <v>62627</v>
      </c>
      <c r="G52670" s="1" t="s">
        <v>177636</v>
      </c>
      <c r="H52670" s="1" t="s">
        <v>177637</v>
      </c>
      <c r="I52670" s="1" t="s">
        <v>172490</v>
      </c>
      <c r="J52670" s="1" t="s">
        <v>13</v>
      </c>
    </row>
    <row r="52671" spans="1:10" x14ac:dyDescent="0.35">
      <c r="A52671" s="1" t="s">
        <v>8706</v>
      </c>
      <c r="B52671" s="1" t="s">
        <v>172484</v>
      </c>
      <c r="C52671" s="1" t="s">
        <v>15</v>
      </c>
      <c r="D52671" s="1" t="s">
        <v>15495</v>
      </c>
      <c r="E52671" s="1" t="s">
        <v>22926</v>
      </c>
      <c r="F52671" s="1" t="s">
        <v>100988</v>
      </c>
      <c r="G52671" s="1" t="s">
        <v>177636</v>
      </c>
      <c r="H52671" s="1" t="s">
        <v>177637</v>
      </c>
      <c r="I52671" s="1" t="s">
        <v>172490</v>
      </c>
      <c r="J52671" s="1" t="s">
        <v>177638</v>
      </c>
    </row>
    <row r="52672" spans="1:10" x14ac:dyDescent="0.35">
      <c r="A52672" s="1" t="s">
        <v>8706</v>
      </c>
      <c r="B52672" s="1" t="s">
        <v>172484</v>
      </c>
      <c r="C52672" s="1" t="s">
        <v>20</v>
      </c>
      <c r="D52672" s="1" t="s">
        <v>177639</v>
      </c>
      <c r="E52672" s="1" t="s">
        <v>41516</v>
      </c>
      <c r="F52672" s="1" t="s">
        <v>60512</v>
      </c>
      <c r="G52672" s="1" t="s">
        <v>177636</v>
      </c>
      <c r="H52672" s="1" t="s">
        <v>177637</v>
      </c>
      <c r="I52672" s="1" t="s">
        <v>172490</v>
      </c>
      <c r="J52672" s="1" t="s">
        <v>177640</v>
      </c>
    </row>
    <row r="52673" spans="1:10" x14ac:dyDescent="0.35">
      <c r="A52673" s="1" t="s">
        <v>8706</v>
      </c>
      <c r="B52673" s="1" t="s">
        <v>172484</v>
      </c>
      <c r="C52673" s="1" t="s">
        <v>25</v>
      </c>
      <c r="D52673" s="1" t="s">
        <v>50525</v>
      </c>
      <c r="E52673" s="1" t="s">
        <v>177641</v>
      </c>
      <c r="F52673" s="1" t="s">
        <v>177642</v>
      </c>
      <c r="G52673" s="1" t="s">
        <v>177636</v>
      </c>
      <c r="H52673" s="1" t="s">
        <v>177637</v>
      </c>
      <c r="I52673" s="1" t="s">
        <v>172490</v>
      </c>
      <c r="J52673" s="1" t="s">
        <v>177643</v>
      </c>
    </row>
    <row r="52674" spans="1:10" x14ac:dyDescent="0.35">
      <c r="A52674" s="1" t="s">
        <v>8706</v>
      </c>
      <c r="B52674" s="1" t="s">
        <v>172484</v>
      </c>
      <c r="C52674" s="1" t="s">
        <v>30</v>
      </c>
      <c r="D52674" s="1" t="s">
        <v>30614</v>
      </c>
      <c r="E52674" s="1" t="s">
        <v>177644</v>
      </c>
      <c r="F52674" s="1" t="s">
        <v>177645</v>
      </c>
      <c r="G52674" s="1" t="s">
        <v>177636</v>
      </c>
      <c r="H52674" s="1" t="s">
        <v>177637</v>
      </c>
      <c r="I52674" s="1" t="s">
        <v>172490</v>
      </c>
      <c r="J52674" s="1" t="s">
        <v>177646</v>
      </c>
    </row>
    <row r="52675" spans="1:10" x14ac:dyDescent="0.35">
      <c r="A52675" s="1" t="s">
        <v>8706</v>
      </c>
      <c r="B52675" s="1" t="s">
        <v>172484</v>
      </c>
      <c r="C52675" s="1" t="s">
        <v>35</v>
      </c>
      <c r="D52675" s="1" t="s">
        <v>159794</v>
      </c>
      <c r="E52675" s="1" t="s">
        <v>177647</v>
      </c>
      <c r="F52675" s="1" t="s">
        <v>177648</v>
      </c>
      <c r="G52675" s="1" t="s">
        <v>177636</v>
      </c>
      <c r="H52675" s="1" t="s">
        <v>177637</v>
      </c>
      <c r="I52675" s="1" t="s">
        <v>172490</v>
      </c>
      <c r="J52675" s="1" t="s">
        <v>177649</v>
      </c>
    </row>
    <row r="52676" spans="1:10" x14ac:dyDescent="0.35">
      <c r="A52676" s="1" t="s">
        <v>8706</v>
      </c>
      <c r="B52676" s="1" t="s">
        <v>172484</v>
      </c>
      <c r="C52676" s="1" t="s">
        <v>40</v>
      </c>
      <c r="D52676" s="1" t="s">
        <v>119976</v>
      </c>
      <c r="E52676" s="1" t="s">
        <v>177650</v>
      </c>
      <c r="F52676" s="1" t="s">
        <v>177651</v>
      </c>
      <c r="G52676" s="1" t="s">
        <v>177636</v>
      </c>
      <c r="H52676" s="1" t="s">
        <v>177637</v>
      </c>
      <c r="I52676" s="1" t="s">
        <v>172490</v>
      </c>
      <c r="J52676" s="1" t="s">
        <v>177652</v>
      </c>
    </row>
    <row r="52677" spans="1:10" x14ac:dyDescent="0.35">
      <c r="A52677" s="1" t="s">
        <v>8706</v>
      </c>
      <c r="B52677" s="1" t="s">
        <v>172484</v>
      </c>
      <c r="C52677" s="1" t="s">
        <v>45</v>
      </c>
      <c r="D52677" s="1" t="s">
        <v>73473</v>
      </c>
      <c r="E52677" s="1" t="s">
        <v>177653</v>
      </c>
      <c r="F52677" s="1" t="s">
        <v>108866</v>
      </c>
      <c r="G52677" s="1" t="s">
        <v>177636</v>
      </c>
      <c r="H52677" s="1" t="s">
        <v>177637</v>
      </c>
      <c r="I52677" s="1" t="s">
        <v>172490</v>
      </c>
      <c r="J52677" s="1" t="s">
        <v>177654</v>
      </c>
    </row>
    <row r="52678" spans="1:10" x14ac:dyDescent="0.35">
      <c r="A52678" s="1" t="s">
        <v>8706</v>
      </c>
      <c r="B52678" s="1" t="s">
        <v>172484</v>
      </c>
      <c r="C52678" s="1" t="s">
        <v>50</v>
      </c>
      <c r="D52678" s="1" t="s">
        <v>36549</v>
      </c>
      <c r="E52678" s="1" t="s">
        <v>177655</v>
      </c>
      <c r="F52678" s="1" t="s">
        <v>53868</v>
      </c>
      <c r="G52678" s="1" t="s">
        <v>177636</v>
      </c>
      <c r="H52678" s="1" t="s">
        <v>177637</v>
      </c>
      <c r="I52678" s="1" t="s">
        <v>172490</v>
      </c>
      <c r="J52678" s="1" t="s">
        <v>177656</v>
      </c>
    </row>
    <row r="52679" spans="1:10" x14ac:dyDescent="0.35">
      <c r="A52679" s="1" t="s">
        <v>8706</v>
      </c>
      <c r="B52679" s="1" t="s">
        <v>172484</v>
      </c>
      <c r="C52679" s="1" t="s">
        <v>55</v>
      </c>
      <c r="D52679" s="1" t="s">
        <v>177657</v>
      </c>
      <c r="E52679" s="1" t="s">
        <v>22942</v>
      </c>
      <c r="F52679" s="1" t="s">
        <v>177658</v>
      </c>
      <c r="G52679" s="1" t="s">
        <v>177636</v>
      </c>
      <c r="H52679" s="1" t="s">
        <v>177637</v>
      </c>
      <c r="I52679" s="1" t="s">
        <v>172490</v>
      </c>
      <c r="J52679" s="1" t="s">
        <v>177659</v>
      </c>
    </row>
    <row r="52680" spans="1:10" x14ac:dyDescent="0.35">
      <c r="A52680" s="1" t="s">
        <v>8706</v>
      </c>
      <c r="B52680" s="1" t="s">
        <v>172484</v>
      </c>
      <c r="C52680" s="1" t="s">
        <v>60</v>
      </c>
      <c r="D52680" s="1" t="s">
        <v>177660</v>
      </c>
      <c r="E52680" s="1" t="s">
        <v>41418</v>
      </c>
      <c r="F52680" s="1" t="s">
        <v>177661</v>
      </c>
      <c r="G52680" s="1" t="s">
        <v>177636</v>
      </c>
      <c r="H52680" s="1" t="s">
        <v>177637</v>
      </c>
      <c r="I52680" s="1" t="s">
        <v>172490</v>
      </c>
      <c r="J52680" s="1" t="s">
        <v>177662</v>
      </c>
    </row>
    <row r="52681" spans="1:10" x14ac:dyDescent="0.35">
      <c r="A52681" s="1" t="s">
        <v>8706</v>
      </c>
      <c r="B52681" s="1" t="s">
        <v>172484</v>
      </c>
      <c r="C52681" s="1" t="s">
        <v>65</v>
      </c>
      <c r="D52681" s="1" t="s">
        <v>38263</v>
      </c>
      <c r="E52681" s="1" t="s">
        <v>177663</v>
      </c>
      <c r="F52681" s="1" t="s">
        <v>67035</v>
      </c>
      <c r="G52681" s="1" t="s">
        <v>177636</v>
      </c>
      <c r="H52681" s="1" t="s">
        <v>177637</v>
      </c>
      <c r="I52681" s="1" t="s">
        <v>172490</v>
      </c>
      <c r="J52681" s="1" t="s">
        <v>177664</v>
      </c>
    </row>
    <row r="52682" spans="1:10" x14ac:dyDescent="0.35">
      <c r="A52682" s="1" t="s">
        <v>8706</v>
      </c>
      <c r="B52682" s="1" t="s">
        <v>172484</v>
      </c>
      <c r="C52682" s="1" t="s">
        <v>70</v>
      </c>
      <c r="D52682" s="1" t="s">
        <v>42821</v>
      </c>
      <c r="E52682" s="1" t="s">
        <v>24351</v>
      </c>
      <c r="F52682" s="1" t="s">
        <v>54774</v>
      </c>
      <c r="G52682" s="1" t="s">
        <v>177636</v>
      </c>
      <c r="H52682" s="1" t="s">
        <v>177637</v>
      </c>
      <c r="I52682" s="1" t="s">
        <v>172490</v>
      </c>
      <c r="J52682" s="1" t="s">
        <v>177665</v>
      </c>
    </row>
    <row r="52683" spans="1:10" x14ac:dyDescent="0.35">
      <c r="A52683" s="1" t="s">
        <v>8706</v>
      </c>
      <c r="B52683" s="1" t="s">
        <v>172484</v>
      </c>
      <c r="C52683" s="1" t="s">
        <v>75</v>
      </c>
      <c r="D52683" s="1" t="s">
        <v>177666</v>
      </c>
      <c r="E52683" s="1" t="s">
        <v>177667</v>
      </c>
      <c r="F52683" s="1" t="s">
        <v>98764</v>
      </c>
      <c r="G52683" s="1" t="s">
        <v>177636</v>
      </c>
      <c r="H52683" s="1" t="s">
        <v>177637</v>
      </c>
      <c r="I52683" s="1" t="s">
        <v>172490</v>
      </c>
      <c r="J52683" s="1" t="s">
        <v>177668</v>
      </c>
    </row>
    <row r="52684" spans="1:10" x14ac:dyDescent="0.35">
      <c r="A52684" s="1" t="s">
        <v>8706</v>
      </c>
      <c r="B52684" s="1" t="s">
        <v>172484</v>
      </c>
      <c r="C52684" s="1" t="s">
        <v>80</v>
      </c>
      <c r="D52684" s="1" t="s">
        <v>113544</v>
      </c>
      <c r="E52684" s="1" t="s">
        <v>68648</v>
      </c>
      <c r="F52684" s="1" t="s">
        <v>31773</v>
      </c>
      <c r="G52684" s="1" t="s">
        <v>177636</v>
      </c>
      <c r="H52684" s="1" t="s">
        <v>177637</v>
      </c>
      <c r="I52684" s="1" t="s">
        <v>172490</v>
      </c>
      <c r="J52684" s="1" t="s">
        <v>177669</v>
      </c>
    </row>
    <row r="52685" spans="1:10" x14ac:dyDescent="0.35">
      <c r="A52685" s="1" t="s">
        <v>8706</v>
      </c>
      <c r="B52685" s="1" t="s">
        <v>172484</v>
      </c>
      <c r="C52685" s="1" t="s">
        <v>85</v>
      </c>
      <c r="D52685" s="1" t="s">
        <v>177670</v>
      </c>
      <c r="E52685" s="1" t="s">
        <v>177671</v>
      </c>
      <c r="F52685" s="1" t="s">
        <v>63965</v>
      </c>
      <c r="G52685" s="1" t="s">
        <v>177636</v>
      </c>
      <c r="H52685" s="1" t="s">
        <v>177637</v>
      </c>
      <c r="I52685" s="1" t="s">
        <v>172490</v>
      </c>
      <c r="J52685" s="1" t="s">
        <v>177672</v>
      </c>
    </row>
    <row r="52686" spans="1:10" x14ac:dyDescent="0.35">
      <c r="A52686" s="1" t="s">
        <v>8706</v>
      </c>
      <c r="B52686" s="1" t="s">
        <v>172484</v>
      </c>
      <c r="C52686" s="1" t="s">
        <v>90</v>
      </c>
      <c r="D52686" s="1" t="s">
        <v>172842</v>
      </c>
      <c r="E52686" s="1" t="s">
        <v>60105</v>
      </c>
      <c r="F52686" s="1" t="s">
        <v>177673</v>
      </c>
      <c r="G52686" s="1" t="s">
        <v>177636</v>
      </c>
      <c r="H52686" s="1" t="s">
        <v>177637</v>
      </c>
      <c r="I52686" s="1" t="s">
        <v>172490</v>
      </c>
      <c r="J52686" s="1" t="s">
        <v>177674</v>
      </c>
    </row>
    <row r="52687" spans="1:10" x14ac:dyDescent="0.35">
      <c r="A52687" s="1" t="s">
        <v>8706</v>
      </c>
      <c r="B52687" s="1" t="s">
        <v>172484</v>
      </c>
      <c r="C52687" s="1" t="s">
        <v>95</v>
      </c>
      <c r="D52687" s="1" t="s">
        <v>177675</v>
      </c>
      <c r="E52687" s="1" t="s">
        <v>52468</v>
      </c>
      <c r="F52687" s="1" t="s">
        <v>177676</v>
      </c>
      <c r="G52687" s="1" t="s">
        <v>177636</v>
      </c>
      <c r="H52687" s="1" t="s">
        <v>177637</v>
      </c>
      <c r="I52687" s="1" t="s">
        <v>172490</v>
      </c>
      <c r="J52687" s="1" t="s">
        <v>177677</v>
      </c>
    </row>
    <row r="52688" spans="1:10" x14ac:dyDescent="0.35">
      <c r="A52688" s="1" t="s">
        <v>8706</v>
      </c>
      <c r="B52688" s="1" t="s">
        <v>172484</v>
      </c>
      <c r="C52688" s="1" t="s">
        <v>100</v>
      </c>
      <c r="D52688" s="1" t="s">
        <v>177678</v>
      </c>
      <c r="E52688" s="1" t="s">
        <v>60315</v>
      </c>
      <c r="F52688" s="1" t="s">
        <v>173776</v>
      </c>
      <c r="G52688" s="1" t="s">
        <v>177636</v>
      </c>
      <c r="H52688" s="1" t="s">
        <v>177637</v>
      </c>
      <c r="I52688" s="1" t="s">
        <v>172490</v>
      </c>
      <c r="J52688" s="1" t="s">
        <v>177679</v>
      </c>
    </row>
    <row r="52689" spans="1:10" x14ac:dyDescent="0.35">
      <c r="A52689" s="1" t="s">
        <v>8706</v>
      </c>
      <c r="B52689" s="1" t="s">
        <v>172484</v>
      </c>
      <c r="C52689" s="1" t="s">
        <v>105</v>
      </c>
      <c r="D52689" s="1" t="s">
        <v>13729</v>
      </c>
      <c r="E52689" s="1" t="s">
        <v>177680</v>
      </c>
      <c r="F52689" s="1" t="s">
        <v>115165</v>
      </c>
      <c r="G52689" s="1" t="s">
        <v>177636</v>
      </c>
      <c r="H52689" s="1" t="s">
        <v>177637</v>
      </c>
      <c r="I52689" s="1" t="s">
        <v>172490</v>
      </c>
      <c r="J52689" s="1" t="s">
        <v>177681</v>
      </c>
    </row>
    <row r="52690" spans="1:10" x14ac:dyDescent="0.35">
      <c r="A52690" s="1" t="s">
        <v>8706</v>
      </c>
      <c r="B52690" s="1" t="s">
        <v>172484</v>
      </c>
      <c r="C52690" s="1" t="s">
        <v>110</v>
      </c>
      <c r="D52690" s="1" t="s">
        <v>177682</v>
      </c>
      <c r="E52690" s="1" t="s">
        <v>177683</v>
      </c>
      <c r="F52690" s="1" t="s">
        <v>177684</v>
      </c>
      <c r="G52690" s="1" t="s">
        <v>177636</v>
      </c>
      <c r="H52690" s="1" t="s">
        <v>177637</v>
      </c>
      <c r="I52690" s="1" t="s">
        <v>172490</v>
      </c>
      <c r="J52690" s="1" t="s">
        <v>177685</v>
      </c>
    </row>
    <row r="52691" spans="1:10" x14ac:dyDescent="0.35">
      <c r="A52691" s="1" t="s">
        <v>8706</v>
      </c>
      <c r="B52691" s="1" t="s">
        <v>172484</v>
      </c>
      <c r="C52691" s="1" t="s">
        <v>115</v>
      </c>
      <c r="D52691" s="1" t="s">
        <v>177686</v>
      </c>
      <c r="E52691" s="1" t="s">
        <v>60959</v>
      </c>
      <c r="F52691" s="1" t="s">
        <v>177687</v>
      </c>
      <c r="G52691" s="1" t="s">
        <v>177636</v>
      </c>
      <c r="H52691" s="1" t="s">
        <v>177637</v>
      </c>
      <c r="I52691" s="1" t="s">
        <v>172490</v>
      </c>
      <c r="J52691" s="1" t="s">
        <v>177688</v>
      </c>
    </row>
    <row r="52692" spans="1:10" x14ac:dyDescent="0.35">
      <c r="A52692" s="1" t="s">
        <v>8706</v>
      </c>
      <c r="B52692" s="1" t="s">
        <v>172484</v>
      </c>
      <c r="C52692" s="1" t="s">
        <v>120</v>
      </c>
      <c r="D52692" s="1" t="s">
        <v>177689</v>
      </c>
      <c r="E52692" s="1" t="s">
        <v>177690</v>
      </c>
      <c r="F52692" s="1" t="s">
        <v>177691</v>
      </c>
      <c r="G52692" s="1" t="s">
        <v>177636</v>
      </c>
      <c r="H52692" s="1" t="s">
        <v>177637</v>
      </c>
      <c r="I52692" s="1" t="s">
        <v>172490</v>
      </c>
      <c r="J52692" s="1" t="s">
        <v>177692</v>
      </c>
    </row>
    <row r="52693" spans="1:10" x14ac:dyDescent="0.35">
      <c r="A52693" s="1" t="s">
        <v>8706</v>
      </c>
      <c r="B52693" s="1" t="s">
        <v>172484</v>
      </c>
      <c r="C52693" s="1" t="s">
        <v>125</v>
      </c>
      <c r="D52693" s="1" t="s">
        <v>114872</v>
      </c>
      <c r="E52693" s="1" t="s">
        <v>177693</v>
      </c>
      <c r="F52693" s="1" t="s">
        <v>177694</v>
      </c>
      <c r="G52693" s="1" t="s">
        <v>177636</v>
      </c>
      <c r="H52693" s="1" t="s">
        <v>177637</v>
      </c>
      <c r="I52693" s="1" t="s">
        <v>172490</v>
      </c>
      <c r="J52693" s="1" t="s">
        <v>177695</v>
      </c>
    </row>
    <row r="52694" spans="1:10" x14ac:dyDescent="0.35">
      <c r="A52694" s="1" t="s">
        <v>8706</v>
      </c>
      <c r="B52694" s="1" t="s">
        <v>172484</v>
      </c>
      <c r="C52694" s="1" t="s">
        <v>130</v>
      </c>
      <c r="D52694" s="1" t="s">
        <v>12536</v>
      </c>
      <c r="E52694" s="1" t="s">
        <v>21941</v>
      </c>
      <c r="F52694" s="1" t="s">
        <v>177696</v>
      </c>
      <c r="G52694" s="1" t="s">
        <v>177636</v>
      </c>
      <c r="H52694" s="1" t="s">
        <v>177637</v>
      </c>
      <c r="I52694" s="1" t="s">
        <v>172490</v>
      </c>
      <c r="J52694" s="1" t="s">
        <v>177697</v>
      </c>
    </row>
    <row r="52695" spans="1:10" x14ac:dyDescent="0.35">
      <c r="A52695" s="1" t="s">
        <v>8706</v>
      </c>
      <c r="B52695" s="1" t="s">
        <v>172484</v>
      </c>
      <c r="C52695" s="1" t="s">
        <v>135</v>
      </c>
      <c r="D52695" s="1" t="s">
        <v>77193</v>
      </c>
      <c r="E52695" s="1" t="s">
        <v>54985</v>
      </c>
      <c r="F52695" s="1" t="s">
        <v>68376</v>
      </c>
      <c r="G52695" s="1" t="s">
        <v>177636</v>
      </c>
      <c r="H52695" s="1" t="s">
        <v>177637</v>
      </c>
      <c r="I52695" s="1" t="s">
        <v>172490</v>
      </c>
      <c r="J52695" s="1" t="s">
        <v>177698</v>
      </c>
    </row>
    <row r="52696" spans="1:10" x14ac:dyDescent="0.35">
      <c r="A52696" s="1" t="s">
        <v>8706</v>
      </c>
      <c r="B52696" s="1" t="s">
        <v>172484</v>
      </c>
      <c r="C52696" s="1" t="s">
        <v>140</v>
      </c>
      <c r="D52696" s="1" t="s">
        <v>177699</v>
      </c>
      <c r="E52696" s="1" t="s">
        <v>21124</v>
      </c>
      <c r="F52696" s="1" t="s">
        <v>114982</v>
      </c>
      <c r="G52696" s="1" t="s">
        <v>177636</v>
      </c>
      <c r="H52696" s="1" t="s">
        <v>177637</v>
      </c>
      <c r="I52696" s="1" t="s">
        <v>172490</v>
      </c>
      <c r="J52696" s="1" t="s">
        <v>177700</v>
      </c>
    </row>
    <row r="52697" spans="1:10" x14ac:dyDescent="0.35">
      <c r="A52697" s="1" t="s">
        <v>8706</v>
      </c>
      <c r="B52697" s="1" t="s">
        <v>172484</v>
      </c>
      <c r="C52697" s="1" t="s">
        <v>145</v>
      </c>
      <c r="D52697" s="1" t="s">
        <v>174968</v>
      </c>
      <c r="E52697" s="1" t="s">
        <v>62713</v>
      </c>
      <c r="F52697" s="1" t="s">
        <v>31732</v>
      </c>
      <c r="G52697" s="1" t="s">
        <v>177636</v>
      </c>
      <c r="H52697" s="1" t="s">
        <v>177637</v>
      </c>
      <c r="I52697" s="1" t="s">
        <v>172490</v>
      </c>
      <c r="J52697" s="1" t="s">
        <v>177701</v>
      </c>
    </row>
    <row r="52698" spans="1:10" x14ac:dyDescent="0.35">
      <c r="A52698" s="1" t="s">
        <v>8706</v>
      </c>
      <c r="B52698" s="1" t="s">
        <v>172484</v>
      </c>
      <c r="C52698" s="1" t="s">
        <v>150</v>
      </c>
      <c r="D52698" s="1" t="s">
        <v>177702</v>
      </c>
      <c r="E52698" s="1" t="s">
        <v>62839</v>
      </c>
      <c r="F52698" s="1" t="s">
        <v>174370</v>
      </c>
      <c r="G52698" s="1" t="s">
        <v>177636</v>
      </c>
      <c r="H52698" s="1" t="s">
        <v>177637</v>
      </c>
      <c r="I52698" s="1" t="s">
        <v>172490</v>
      </c>
      <c r="J52698" s="1" t="s">
        <v>177703</v>
      </c>
    </row>
    <row r="52699" spans="1:10" x14ac:dyDescent="0.35">
      <c r="A52699" s="1" t="s">
        <v>8706</v>
      </c>
      <c r="B52699" s="1" t="s">
        <v>172484</v>
      </c>
      <c r="C52699" s="1" t="s">
        <v>155</v>
      </c>
      <c r="D52699" s="1" t="s">
        <v>61815</v>
      </c>
      <c r="E52699" s="1" t="s">
        <v>21807</v>
      </c>
      <c r="F52699" s="1" t="s">
        <v>177704</v>
      </c>
      <c r="G52699" s="1" t="s">
        <v>177636</v>
      </c>
      <c r="H52699" s="1" t="s">
        <v>177637</v>
      </c>
      <c r="I52699" s="1" t="s">
        <v>172490</v>
      </c>
      <c r="J52699" s="1" t="s">
        <v>177705</v>
      </c>
    </row>
    <row r="52700" spans="1:10" x14ac:dyDescent="0.35">
      <c r="A52700" s="1" t="s">
        <v>8706</v>
      </c>
      <c r="B52700" s="1" t="s">
        <v>172484</v>
      </c>
      <c r="C52700" s="1" t="s">
        <v>160</v>
      </c>
      <c r="D52700" s="1" t="s">
        <v>177706</v>
      </c>
      <c r="E52700" s="1" t="s">
        <v>32307</v>
      </c>
      <c r="F52700" s="1" t="s">
        <v>55220</v>
      </c>
      <c r="G52700" s="1" t="s">
        <v>177636</v>
      </c>
      <c r="H52700" s="1" t="s">
        <v>177637</v>
      </c>
      <c r="I52700" s="1" t="s">
        <v>172490</v>
      </c>
      <c r="J52700" s="1" t="s">
        <v>177707</v>
      </c>
    </row>
    <row r="52701" spans="1:10" x14ac:dyDescent="0.35">
      <c r="A52701" s="1" t="s">
        <v>8706</v>
      </c>
      <c r="B52701" s="1" t="s">
        <v>172484</v>
      </c>
      <c r="C52701" s="1" t="s">
        <v>165</v>
      </c>
      <c r="D52701" s="1" t="s">
        <v>177708</v>
      </c>
      <c r="E52701" s="1" t="s">
        <v>177709</v>
      </c>
      <c r="F52701" s="1" t="s">
        <v>128983</v>
      </c>
      <c r="G52701" s="1" t="s">
        <v>177636</v>
      </c>
      <c r="H52701" s="1" t="s">
        <v>177637</v>
      </c>
      <c r="I52701" s="1" t="s">
        <v>172490</v>
      </c>
      <c r="J52701" s="1" t="s">
        <v>177710</v>
      </c>
    </row>
    <row r="52702" spans="1:10" x14ac:dyDescent="0.35">
      <c r="A52702" s="1" t="s">
        <v>8706</v>
      </c>
      <c r="B52702" s="1" t="s">
        <v>172484</v>
      </c>
      <c r="C52702" s="1" t="s">
        <v>170</v>
      </c>
      <c r="D52702" s="1" t="s">
        <v>177711</v>
      </c>
      <c r="E52702" s="1" t="s">
        <v>101755</v>
      </c>
      <c r="F52702" s="1" t="s">
        <v>177712</v>
      </c>
      <c r="G52702" s="1" t="s">
        <v>177636</v>
      </c>
      <c r="H52702" s="1" t="s">
        <v>177637</v>
      </c>
      <c r="I52702" s="1" t="s">
        <v>172490</v>
      </c>
      <c r="J52702" s="1" t="s">
        <v>177713</v>
      </c>
    </row>
    <row r="52703" spans="1:10" x14ac:dyDescent="0.35">
      <c r="A52703" s="1" t="s">
        <v>9905</v>
      </c>
      <c r="B52703" s="1" t="s">
        <v>172484</v>
      </c>
      <c r="C52703" s="1" t="s">
        <v>8</v>
      </c>
      <c r="D52703" s="1" t="s">
        <v>11811</v>
      </c>
      <c r="E52703" s="1" t="s">
        <v>177714</v>
      </c>
      <c r="F52703" s="1" t="s">
        <v>177715</v>
      </c>
      <c r="G52703" s="1" t="s">
        <v>177716</v>
      </c>
      <c r="H52703" s="1" t="s">
        <v>177717</v>
      </c>
      <c r="I52703" s="1" t="s">
        <v>172490</v>
      </c>
      <c r="J52703" s="1" t="s">
        <v>13</v>
      </c>
    </row>
    <row r="52704" spans="1:10" x14ac:dyDescent="0.35">
      <c r="A52704" s="1" t="s">
        <v>9905</v>
      </c>
      <c r="B52704" s="1" t="s">
        <v>172484</v>
      </c>
      <c r="C52704" s="1" t="s">
        <v>15</v>
      </c>
      <c r="D52704" s="1" t="s">
        <v>50540</v>
      </c>
      <c r="E52704" s="1" t="s">
        <v>177718</v>
      </c>
      <c r="F52704" s="1" t="s">
        <v>177719</v>
      </c>
      <c r="G52704" s="1" t="s">
        <v>177716</v>
      </c>
      <c r="H52704" s="1" t="s">
        <v>177717</v>
      </c>
      <c r="I52704" s="1" t="s">
        <v>172490</v>
      </c>
      <c r="J52704" s="1" t="s">
        <v>177720</v>
      </c>
    </row>
    <row r="52705" spans="1:10" x14ac:dyDescent="0.35">
      <c r="A52705" s="1" t="s">
        <v>9905</v>
      </c>
      <c r="B52705" s="1" t="s">
        <v>172484</v>
      </c>
      <c r="C52705" s="1" t="s">
        <v>20</v>
      </c>
      <c r="D52705" s="1" t="s">
        <v>73134</v>
      </c>
      <c r="E52705" s="1" t="s">
        <v>177721</v>
      </c>
      <c r="F52705" s="1" t="s">
        <v>177722</v>
      </c>
      <c r="G52705" s="1" t="s">
        <v>177716</v>
      </c>
      <c r="H52705" s="1" t="s">
        <v>177717</v>
      </c>
      <c r="I52705" s="1" t="s">
        <v>172490</v>
      </c>
      <c r="J52705" s="1" t="s">
        <v>177723</v>
      </c>
    </row>
    <row r="52706" spans="1:10" x14ac:dyDescent="0.35">
      <c r="A52706" s="1" t="s">
        <v>9905</v>
      </c>
      <c r="B52706" s="1" t="s">
        <v>172484</v>
      </c>
      <c r="C52706" s="1" t="s">
        <v>25</v>
      </c>
      <c r="D52706" s="1" t="s">
        <v>61</v>
      </c>
      <c r="E52706" s="1" t="s">
        <v>177724</v>
      </c>
      <c r="F52706" s="1" t="s">
        <v>177725</v>
      </c>
      <c r="G52706" s="1" t="s">
        <v>177716</v>
      </c>
      <c r="H52706" s="1" t="s">
        <v>177717</v>
      </c>
      <c r="I52706" s="1" t="s">
        <v>172490</v>
      </c>
      <c r="J52706" s="1" t="s">
        <v>177726</v>
      </c>
    </row>
    <row r="52707" spans="1:10" x14ac:dyDescent="0.35">
      <c r="A52707" s="1" t="s">
        <v>9905</v>
      </c>
      <c r="B52707" s="1" t="s">
        <v>172484</v>
      </c>
      <c r="C52707" s="1" t="s">
        <v>30</v>
      </c>
      <c r="D52707" s="1" t="s">
        <v>47850</v>
      </c>
      <c r="E52707" s="1" t="s">
        <v>177727</v>
      </c>
      <c r="F52707" s="1" t="s">
        <v>177728</v>
      </c>
      <c r="G52707" s="1" t="s">
        <v>177716</v>
      </c>
      <c r="H52707" s="1" t="s">
        <v>177717</v>
      </c>
      <c r="I52707" s="1" t="s">
        <v>172490</v>
      </c>
      <c r="J52707" s="1" t="s">
        <v>177729</v>
      </c>
    </row>
    <row r="52708" spans="1:10" x14ac:dyDescent="0.35">
      <c r="A52708" s="1" t="s">
        <v>9905</v>
      </c>
      <c r="B52708" s="1" t="s">
        <v>172484</v>
      </c>
      <c r="C52708" s="1" t="s">
        <v>35</v>
      </c>
      <c r="D52708" s="1" t="s">
        <v>73564</v>
      </c>
      <c r="E52708" s="1" t="s">
        <v>177730</v>
      </c>
      <c r="F52708" s="1" t="s">
        <v>177731</v>
      </c>
      <c r="G52708" s="1" t="s">
        <v>177716</v>
      </c>
      <c r="H52708" s="1" t="s">
        <v>177717</v>
      </c>
      <c r="I52708" s="1" t="s">
        <v>172490</v>
      </c>
      <c r="J52708" s="1" t="s">
        <v>177732</v>
      </c>
    </row>
    <row r="52709" spans="1:10" x14ac:dyDescent="0.35">
      <c r="A52709" s="1" t="s">
        <v>9905</v>
      </c>
      <c r="B52709" s="1" t="s">
        <v>172484</v>
      </c>
      <c r="C52709" s="1" t="s">
        <v>40</v>
      </c>
      <c r="D52709" s="1" t="s">
        <v>105173</v>
      </c>
      <c r="E52709" s="1" t="s">
        <v>177733</v>
      </c>
      <c r="F52709" s="1" t="s">
        <v>177734</v>
      </c>
      <c r="G52709" s="1" t="s">
        <v>177716</v>
      </c>
      <c r="H52709" s="1" t="s">
        <v>177717</v>
      </c>
      <c r="I52709" s="1" t="s">
        <v>172490</v>
      </c>
      <c r="J52709" s="1" t="s">
        <v>177735</v>
      </c>
    </row>
    <row r="52710" spans="1:10" x14ac:dyDescent="0.35">
      <c r="A52710" s="1" t="s">
        <v>9905</v>
      </c>
      <c r="B52710" s="1" t="s">
        <v>172484</v>
      </c>
      <c r="C52710" s="1" t="s">
        <v>45</v>
      </c>
      <c r="D52710" s="1" t="s">
        <v>142419</v>
      </c>
      <c r="E52710" s="1" t="s">
        <v>177736</v>
      </c>
      <c r="F52710" s="1" t="s">
        <v>177737</v>
      </c>
      <c r="G52710" s="1" t="s">
        <v>177716</v>
      </c>
      <c r="H52710" s="1" t="s">
        <v>177717</v>
      </c>
      <c r="I52710" s="1" t="s">
        <v>172490</v>
      </c>
      <c r="J52710" s="1" t="s">
        <v>177738</v>
      </c>
    </row>
    <row r="52711" spans="1:10" x14ac:dyDescent="0.35">
      <c r="A52711" s="1" t="s">
        <v>9905</v>
      </c>
      <c r="B52711" s="1" t="s">
        <v>172484</v>
      </c>
      <c r="C52711" s="1" t="s">
        <v>50</v>
      </c>
      <c r="D52711" s="1" t="s">
        <v>116002</v>
      </c>
      <c r="E52711" s="1" t="s">
        <v>177739</v>
      </c>
      <c r="F52711" s="1" t="s">
        <v>177740</v>
      </c>
      <c r="G52711" s="1" t="s">
        <v>177716</v>
      </c>
      <c r="H52711" s="1" t="s">
        <v>177717</v>
      </c>
      <c r="I52711" s="1" t="s">
        <v>172490</v>
      </c>
      <c r="J52711" s="1" t="s">
        <v>177741</v>
      </c>
    </row>
    <row r="52712" spans="1:10" x14ac:dyDescent="0.35">
      <c r="A52712" s="1" t="s">
        <v>9905</v>
      </c>
      <c r="B52712" s="1" t="s">
        <v>172484</v>
      </c>
      <c r="C52712" s="1" t="s">
        <v>55</v>
      </c>
      <c r="D52712" s="1" t="s">
        <v>4646</v>
      </c>
      <c r="E52712" s="1" t="s">
        <v>177742</v>
      </c>
      <c r="F52712" s="1" t="s">
        <v>177743</v>
      </c>
      <c r="G52712" s="1" t="s">
        <v>177716</v>
      </c>
      <c r="H52712" s="1" t="s">
        <v>177717</v>
      </c>
      <c r="I52712" s="1" t="s">
        <v>172490</v>
      </c>
      <c r="J52712" s="1" t="s">
        <v>177744</v>
      </c>
    </row>
    <row r="52713" spans="1:10" x14ac:dyDescent="0.35">
      <c r="A52713" s="1" t="s">
        <v>9905</v>
      </c>
      <c r="B52713" s="1" t="s">
        <v>172484</v>
      </c>
      <c r="C52713" s="1" t="s">
        <v>60</v>
      </c>
      <c r="D52713" s="1" t="s">
        <v>177745</v>
      </c>
      <c r="E52713" s="1" t="s">
        <v>177746</v>
      </c>
      <c r="F52713" s="1" t="s">
        <v>177747</v>
      </c>
      <c r="G52713" s="1" t="s">
        <v>177716</v>
      </c>
      <c r="H52713" s="1" t="s">
        <v>177717</v>
      </c>
      <c r="I52713" s="1" t="s">
        <v>172490</v>
      </c>
      <c r="J52713" s="1" t="s">
        <v>177748</v>
      </c>
    </row>
    <row r="52714" spans="1:10" x14ac:dyDescent="0.35">
      <c r="A52714" s="1" t="s">
        <v>9905</v>
      </c>
      <c r="B52714" s="1" t="s">
        <v>172484</v>
      </c>
      <c r="C52714" s="1" t="s">
        <v>65</v>
      </c>
      <c r="D52714" s="1" t="s">
        <v>177151</v>
      </c>
      <c r="E52714" s="1" t="s">
        <v>177749</v>
      </c>
      <c r="F52714" s="1" t="s">
        <v>177750</v>
      </c>
      <c r="G52714" s="1" t="s">
        <v>177716</v>
      </c>
      <c r="H52714" s="1" t="s">
        <v>177717</v>
      </c>
      <c r="I52714" s="1" t="s">
        <v>172490</v>
      </c>
      <c r="J52714" s="1" t="s">
        <v>177751</v>
      </c>
    </row>
    <row r="52715" spans="1:10" x14ac:dyDescent="0.35">
      <c r="A52715" s="1" t="s">
        <v>9905</v>
      </c>
      <c r="B52715" s="1" t="s">
        <v>172484</v>
      </c>
      <c r="C52715" s="1" t="s">
        <v>70</v>
      </c>
      <c r="D52715" s="1" t="s">
        <v>46172</v>
      </c>
      <c r="E52715" s="1" t="s">
        <v>177752</v>
      </c>
      <c r="F52715" s="1" t="s">
        <v>177753</v>
      </c>
      <c r="G52715" s="1" t="s">
        <v>177716</v>
      </c>
      <c r="H52715" s="1" t="s">
        <v>177717</v>
      </c>
      <c r="I52715" s="1" t="s">
        <v>172490</v>
      </c>
      <c r="J52715" s="1" t="s">
        <v>177754</v>
      </c>
    </row>
    <row r="52716" spans="1:10" x14ac:dyDescent="0.35">
      <c r="A52716" s="1" t="s">
        <v>9905</v>
      </c>
      <c r="B52716" s="1" t="s">
        <v>172484</v>
      </c>
      <c r="C52716" s="1" t="s">
        <v>75</v>
      </c>
      <c r="D52716" s="1" t="s">
        <v>45814</v>
      </c>
      <c r="E52716" s="1" t="s">
        <v>177755</v>
      </c>
      <c r="F52716" s="1" t="s">
        <v>177756</v>
      </c>
      <c r="G52716" s="1" t="s">
        <v>177716</v>
      </c>
      <c r="H52716" s="1" t="s">
        <v>177717</v>
      </c>
      <c r="I52716" s="1" t="s">
        <v>172490</v>
      </c>
      <c r="J52716" s="1" t="s">
        <v>177757</v>
      </c>
    </row>
    <row r="52717" spans="1:10" x14ac:dyDescent="0.35">
      <c r="A52717" s="1" t="s">
        <v>9905</v>
      </c>
      <c r="B52717" s="1" t="s">
        <v>172484</v>
      </c>
      <c r="C52717" s="1" t="s">
        <v>80</v>
      </c>
      <c r="D52717" s="1" t="s">
        <v>177758</v>
      </c>
      <c r="E52717" s="1" t="s">
        <v>177759</v>
      </c>
      <c r="F52717" s="1" t="s">
        <v>177760</v>
      </c>
      <c r="G52717" s="1" t="s">
        <v>177716</v>
      </c>
      <c r="H52717" s="1" t="s">
        <v>177717</v>
      </c>
      <c r="I52717" s="1" t="s">
        <v>172490</v>
      </c>
      <c r="J52717" s="1" t="s">
        <v>177761</v>
      </c>
    </row>
    <row r="52718" spans="1:10" x14ac:dyDescent="0.35">
      <c r="A52718" s="1" t="s">
        <v>9905</v>
      </c>
      <c r="B52718" s="1" t="s">
        <v>172484</v>
      </c>
      <c r="C52718" s="1" t="s">
        <v>85</v>
      </c>
      <c r="D52718" s="1" t="s">
        <v>47599</v>
      </c>
      <c r="E52718" s="1" t="s">
        <v>177762</v>
      </c>
      <c r="F52718" s="1" t="s">
        <v>177763</v>
      </c>
      <c r="G52718" s="1" t="s">
        <v>177716</v>
      </c>
      <c r="H52718" s="1" t="s">
        <v>177717</v>
      </c>
      <c r="I52718" s="1" t="s">
        <v>172490</v>
      </c>
      <c r="J52718" s="1" t="s">
        <v>177764</v>
      </c>
    </row>
    <row r="52719" spans="1:10" x14ac:dyDescent="0.35">
      <c r="A52719" s="1" t="s">
        <v>9905</v>
      </c>
      <c r="B52719" s="1" t="s">
        <v>172484</v>
      </c>
      <c r="C52719" s="1" t="s">
        <v>90</v>
      </c>
      <c r="D52719" s="1" t="s">
        <v>114839</v>
      </c>
      <c r="E52719" s="1" t="s">
        <v>177765</v>
      </c>
      <c r="F52719" s="1" t="s">
        <v>177766</v>
      </c>
      <c r="G52719" s="1" t="s">
        <v>177716</v>
      </c>
      <c r="H52719" s="1" t="s">
        <v>177717</v>
      </c>
      <c r="I52719" s="1" t="s">
        <v>172490</v>
      </c>
      <c r="J52719" s="1" t="s">
        <v>177767</v>
      </c>
    </row>
    <row r="52720" spans="1:10" x14ac:dyDescent="0.35">
      <c r="A52720" s="1" t="s">
        <v>9905</v>
      </c>
      <c r="B52720" s="1" t="s">
        <v>172484</v>
      </c>
      <c r="C52720" s="1" t="s">
        <v>95</v>
      </c>
      <c r="D52720" s="1" t="s">
        <v>177768</v>
      </c>
      <c r="E52720" s="1" t="s">
        <v>177769</v>
      </c>
      <c r="F52720" s="1" t="s">
        <v>177770</v>
      </c>
      <c r="G52720" s="1" t="s">
        <v>177716</v>
      </c>
      <c r="H52720" s="1" t="s">
        <v>177717</v>
      </c>
      <c r="I52720" s="1" t="s">
        <v>172490</v>
      </c>
      <c r="J52720" s="1" t="s">
        <v>177771</v>
      </c>
    </row>
    <row r="52721" spans="1:10" x14ac:dyDescent="0.35">
      <c r="A52721" s="1" t="s">
        <v>9905</v>
      </c>
      <c r="B52721" s="1" t="s">
        <v>172484</v>
      </c>
      <c r="C52721" s="1" t="s">
        <v>100</v>
      </c>
      <c r="D52721" s="1" t="s">
        <v>177772</v>
      </c>
      <c r="E52721" s="1" t="s">
        <v>177773</v>
      </c>
      <c r="F52721" s="1" t="s">
        <v>177774</v>
      </c>
      <c r="G52721" s="1" t="s">
        <v>177716</v>
      </c>
      <c r="H52721" s="1" t="s">
        <v>177717</v>
      </c>
      <c r="I52721" s="1" t="s">
        <v>172490</v>
      </c>
      <c r="J52721" s="1" t="s">
        <v>177775</v>
      </c>
    </row>
    <row r="52722" spans="1:10" x14ac:dyDescent="0.35">
      <c r="A52722" s="1" t="s">
        <v>9905</v>
      </c>
      <c r="B52722" s="1" t="s">
        <v>172484</v>
      </c>
      <c r="C52722" s="1" t="s">
        <v>105</v>
      </c>
      <c r="D52722" s="1" t="s">
        <v>34364</v>
      </c>
      <c r="E52722" s="1" t="s">
        <v>177776</v>
      </c>
      <c r="F52722" s="1" t="s">
        <v>177777</v>
      </c>
      <c r="G52722" s="1" t="s">
        <v>177716</v>
      </c>
      <c r="H52722" s="1" t="s">
        <v>177717</v>
      </c>
      <c r="I52722" s="1" t="s">
        <v>172490</v>
      </c>
      <c r="J52722" s="1" t="s">
        <v>177778</v>
      </c>
    </row>
    <row r="52723" spans="1:10" x14ac:dyDescent="0.35">
      <c r="A52723" s="1" t="s">
        <v>9905</v>
      </c>
      <c r="B52723" s="1" t="s">
        <v>172484</v>
      </c>
      <c r="C52723" s="1" t="s">
        <v>110</v>
      </c>
      <c r="D52723" s="1" t="s">
        <v>177779</v>
      </c>
      <c r="E52723" s="1" t="s">
        <v>177780</v>
      </c>
      <c r="F52723" s="1" t="s">
        <v>177781</v>
      </c>
      <c r="G52723" s="1" t="s">
        <v>177716</v>
      </c>
      <c r="H52723" s="1" t="s">
        <v>177717</v>
      </c>
      <c r="I52723" s="1" t="s">
        <v>172490</v>
      </c>
      <c r="J52723" s="1" t="s">
        <v>177782</v>
      </c>
    </row>
    <row r="52724" spans="1:10" x14ac:dyDescent="0.35">
      <c r="A52724" s="1" t="s">
        <v>9905</v>
      </c>
      <c r="B52724" s="1" t="s">
        <v>172484</v>
      </c>
      <c r="C52724" s="1" t="s">
        <v>115</v>
      </c>
      <c r="D52724" s="1" t="s">
        <v>175590</v>
      </c>
      <c r="E52724" s="1" t="s">
        <v>177783</v>
      </c>
      <c r="F52724" s="1" t="s">
        <v>177784</v>
      </c>
      <c r="G52724" s="1" t="s">
        <v>177716</v>
      </c>
      <c r="H52724" s="1" t="s">
        <v>177717</v>
      </c>
      <c r="I52724" s="1" t="s">
        <v>172490</v>
      </c>
      <c r="J52724" s="1" t="s">
        <v>177785</v>
      </c>
    </row>
    <row r="52725" spans="1:10" x14ac:dyDescent="0.35">
      <c r="A52725" s="1" t="s">
        <v>9905</v>
      </c>
      <c r="B52725" s="1" t="s">
        <v>172484</v>
      </c>
      <c r="C52725" s="1" t="s">
        <v>120</v>
      </c>
      <c r="D52725" s="1" t="s">
        <v>177786</v>
      </c>
      <c r="E52725" s="1" t="s">
        <v>177787</v>
      </c>
      <c r="F52725" s="1" t="s">
        <v>177788</v>
      </c>
      <c r="G52725" s="1" t="s">
        <v>177716</v>
      </c>
      <c r="H52725" s="1" t="s">
        <v>177717</v>
      </c>
      <c r="I52725" s="1" t="s">
        <v>172490</v>
      </c>
      <c r="J52725" s="1" t="s">
        <v>177789</v>
      </c>
    </row>
    <row r="52726" spans="1:10" x14ac:dyDescent="0.35">
      <c r="A52726" s="1" t="s">
        <v>9905</v>
      </c>
      <c r="B52726" s="1" t="s">
        <v>172484</v>
      </c>
      <c r="C52726" s="1" t="s">
        <v>125</v>
      </c>
      <c r="D52726" s="1" t="s">
        <v>177790</v>
      </c>
      <c r="E52726" s="1" t="s">
        <v>177791</v>
      </c>
      <c r="F52726" s="1" t="s">
        <v>177792</v>
      </c>
      <c r="G52726" s="1" t="s">
        <v>177716</v>
      </c>
      <c r="H52726" s="1" t="s">
        <v>177717</v>
      </c>
      <c r="I52726" s="1" t="s">
        <v>172490</v>
      </c>
      <c r="J52726" s="1" t="s">
        <v>177793</v>
      </c>
    </row>
    <row r="52727" spans="1:10" x14ac:dyDescent="0.35">
      <c r="A52727" s="1" t="s">
        <v>9905</v>
      </c>
      <c r="B52727" s="1" t="s">
        <v>172484</v>
      </c>
      <c r="C52727" s="1" t="s">
        <v>130</v>
      </c>
      <c r="D52727" s="1" t="s">
        <v>177794</v>
      </c>
      <c r="E52727" s="1" t="s">
        <v>177795</v>
      </c>
      <c r="F52727" s="1" t="s">
        <v>177796</v>
      </c>
      <c r="G52727" s="1" t="s">
        <v>177716</v>
      </c>
      <c r="H52727" s="1" t="s">
        <v>177717</v>
      </c>
      <c r="I52727" s="1" t="s">
        <v>172490</v>
      </c>
      <c r="J52727" s="1" t="s">
        <v>2928</v>
      </c>
    </row>
    <row r="52728" spans="1:10" x14ac:dyDescent="0.35">
      <c r="A52728" s="1" t="s">
        <v>9905</v>
      </c>
      <c r="B52728" s="1" t="s">
        <v>172484</v>
      </c>
      <c r="C52728" s="1" t="s">
        <v>135</v>
      </c>
      <c r="D52728" s="1" t="s">
        <v>113477</v>
      </c>
      <c r="E52728" s="1" t="s">
        <v>177797</v>
      </c>
      <c r="F52728" s="1" t="s">
        <v>177798</v>
      </c>
      <c r="G52728" s="1" t="s">
        <v>177716</v>
      </c>
      <c r="H52728" s="1" t="s">
        <v>177717</v>
      </c>
      <c r="I52728" s="1" t="s">
        <v>172490</v>
      </c>
      <c r="J52728" s="1" t="s">
        <v>177799</v>
      </c>
    </row>
    <row r="52729" spans="1:10" x14ac:dyDescent="0.35">
      <c r="A52729" s="1" t="s">
        <v>9905</v>
      </c>
      <c r="B52729" s="1" t="s">
        <v>172484</v>
      </c>
      <c r="C52729" s="1" t="s">
        <v>140</v>
      </c>
      <c r="D52729" s="1" t="s">
        <v>175440</v>
      </c>
      <c r="E52729" s="1" t="s">
        <v>177800</v>
      </c>
      <c r="F52729" s="1" t="s">
        <v>177801</v>
      </c>
      <c r="G52729" s="1" t="s">
        <v>177716</v>
      </c>
      <c r="H52729" s="1" t="s">
        <v>177717</v>
      </c>
      <c r="I52729" s="1" t="s">
        <v>172490</v>
      </c>
      <c r="J52729" s="1" t="s">
        <v>177802</v>
      </c>
    </row>
    <row r="52730" spans="1:10" x14ac:dyDescent="0.35">
      <c r="A52730" s="1" t="s">
        <v>9905</v>
      </c>
      <c r="B52730" s="1" t="s">
        <v>172484</v>
      </c>
      <c r="C52730" s="1" t="s">
        <v>145</v>
      </c>
      <c r="D52730" s="1" t="s">
        <v>43717</v>
      </c>
      <c r="E52730" s="1" t="s">
        <v>177803</v>
      </c>
      <c r="F52730" s="1" t="s">
        <v>177804</v>
      </c>
      <c r="G52730" s="1" t="s">
        <v>177716</v>
      </c>
      <c r="H52730" s="1" t="s">
        <v>177717</v>
      </c>
      <c r="I52730" s="1" t="s">
        <v>172490</v>
      </c>
      <c r="J52730" s="1" t="s">
        <v>177805</v>
      </c>
    </row>
    <row r="52731" spans="1:10" x14ac:dyDescent="0.35">
      <c r="A52731" s="1" t="s">
        <v>9905</v>
      </c>
      <c r="B52731" s="1" t="s">
        <v>172484</v>
      </c>
      <c r="C52731" s="1" t="s">
        <v>150</v>
      </c>
      <c r="D52731" s="1" t="s">
        <v>115088</v>
      </c>
      <c r="E52731" s="1" t="s">
        <v>177806</v>
      </c>
      <c r="F52731" s="1" t="s">
        <v>177807</v>
      </c>
      <c r="G52731" s="1" t="s">
        <v>177716</v>
      </c>
      <c r="H52731" s="1" t="s">
        <v>177717</v>
      </c>
      <c r="I52731" s="1" t="s">
        <v>172490</v>
      </c>
      <c r="J52731" s="1" t="s">
        <v>177808</v>
      </c>
    </row>
    <row r="52732" spans="1:10" x14ac:dyDescent="0.35">
      <c r="A52732" s="1" t="s">
        <v>9905</v>
      </c>
      <c r="B52732" s="1" t="s">
        <v>172484</v>
      </c>
      <c r="C52732" s="1" t="s">
        <v>155</v>
      </c>
      <c r="D52732" s="1" t="s">
        <v>177809</v>
      </c>
      <c r="E52732" s="1" t="s">
        <v>177810</v>
      </c>
      <c r="F52732" s="1" t="s">
        <v>177811</v>
      </c>
      <c r="G52732" s="1" t="s">
        <v>177716</v>
      </c>
      <c r="H52732" s="1" t="s">
        <v>177717</v>
      </c>
      <c r="I52732" s="1" t="s">
        <v>172490</v>
      </c>
      <c r="J52732" s="1" t="s">
        <v>177812</v>
      </c>
    </row>
    <row r="52733" spans="1:10" x14ac:dyDescent="0.35">
      <c r="A52733" s="1" t="s">
        <v>9905</v>
      </c>
      <c r="B52733" s="1" t="s">
        <v>172484</v>
      </c>
      <c r="C52733" s="1" t="s">
        <v>160</v>
      </c>
      <c r="D52733" s="1" t="s">
        <v>177813</v>
      </c>
      <c r="E52733" s="1" t="s">
        <v>177814</v>
      </c>
      <c r="F52733" s="1" t="s">
        <v>177815</v>
      </c>
      <c r="G52733" s="1" t="s">
        <v>177716</v>
      </c>
      <c r="H52733" s="1" t="s">
        <v>177717</v>
      </c>
      <c r="I52733" s="1" t="s">
        <v>172490</v>
      </c>
      <c r="J52733" s="1" t="s">
        <v>177816</v>
      </c>
    </row>
    <row r="52734" spans="1:10" x14ac:dyDescent="0.35">
      <c r="A52734" s="1" t="s">
        <v>9905</v>
      </c>
      <c r="B52734" s="1" t="s">
        <v>172484</v>
      </c>
      <c r="C52734" s="1" t="s">
        <v>165</v>
      </c>
      <c r="D52734" s="1" t="s">
        <v>177817</v>
      </c>
      <c r="E52734" s="1" t="s">
        <v>177818</v>
      </c>
      <c r="F52734" s="1" t="s">
        <v>177819</v>
      </c>
      <c r="G52734" s="1" t="s">
        <v>177716</v>
      </c>
      <c r="H52734" s="1" t="s">
        <v>177717</v>
      </c>
      <c r="I52734" s="1" t="s">
        <v>172490</v>
      </c>
      <c r="J52734" s="1" t="s">
        <v>177820</v>
      </c>
    </row>
    <row r="52735" spans="1:10" x14ac:dyDescent="0.35">
      <c r="A52735" s="1" t="s">
        <v>9905</v>
      </c>
      <c r="B52735" s="1" t="s">
        <v>172484</v>
      </c>
      <c r="C52735" s="1" t="s">
        <v>170</v>
      </c>
      <c r="D52735" s="1" t="s">
        <v>177821</v>
      </c>
      <c r="E52735" s="1" t="s">
        <v>177822</v>
      </c>
      <c r="F52735" s="1" t="s">
        <v>177823</v>
      </c>
      <c r="G52735" s="1" t="s">
        <v>177716</v>
      </c>
      <c r="H52735" s="1" t="s">
        <v>177717</v>
      </c>
      <c r="I52735" s="1" t="s">
        <v>172490</v>
      </c>
      <c r="J52735" s="1" t="s">
        <v>177824</v>
      </c>
    </row>
    <row r="52736" spans="1:10" x14ac:dyDescent="0.35">
      <c r="A52736" s="1" t="s">
        <v>177825</v>
      </c>
      <c r="B52736" s="1" t="s">
        <v>172484</v>
      </c>
      <c r="C52736" s="1" t="s">
        <v>8</v>
      </c>
      <c r="D52736" s="1" t="s">
        <v>49845</v>
      </c>
      <c r="E52736" s="1" t="s">
        <v>177826</v>
      </c>
      <c r="F52736" s="1" t="s">
        <v>177827</v>
      </c>
      <c r="G52736" s="1" t="s">
        <v>177828</v>
      </c>
      <c r="H52736" s="1" t="s">
        <v>177829</v>
      </c>
      <c r="I52736" s="1" t="s">
        <v>172490</v>
      </c>
      <c r="J52736" s="1" t="s">
        <v>13</v>
      </c>
    </row>
    <row r="52737" spans="1:10" x14ac:dyDescent="0.35">
      <c r="A52737" s="1" t="s">
        <v>177825</v>
      </c>
      <c r="B52737" s="1" t="s">
        <v>172484</v>
      </c>
      <c r="C52737" s="1" t="s">
        <v>15</v>
      </c>
      <c r="D52737" s="1" t="s">
        <v>148760</v>
      </c>
      <c r="E52737" s="1" t="s">
        <v>177830</v>
      </c>
      <c r="F52737" s="1" t="s">
        <v>177831</v>
      </c>
      <c r="G52737" s="1" t="s">
        <v>177828</v>
      </c>
      <c r="H52737" s="1" t="s">
        <v>177829</v>
      </c>
      <c r="I52737" s="1" t="s">
        <v>172490</v>
      </c>
      <c r="J52737" s="1" t="s">
        <v>177832</v>
      </c>
    </row>
    <row r="52738" spans="1:10" x14ac:dyDescent="0.35">
      <c r="A52738" s="1" t="s">
        <v>177825</v>
      </c>
      <c r="B52738" s="1" t="s">
        <v>172484</v>
      </c>
      <c r="C52738" s="1" t="s">
        <v>20</v>
      </c>
      <c r="D52738" s="1" t="s">
        <v>32579</v>
      </c>
      <c r="E52738" s="1" t="s">
        <v>177833</v>
      </c>
      <c r="F52738" s="1" t="s">
        <v>177834</v>
      </c>
      <c r="G52738" s="1" t="s">
        <v>177828</v>
      </c>
      <c r="H52738" s="1" t="s">
        <v>177829</v>
      </c>
      <c r="I52738" s="1" t="s">
        <v>172490</v>
      </c>
      <c r="J52738" s="1" t="s">
        <v>177835</v>
      </c>
    </row>
    <row r="52739" spans="1:10" x14ac:dyDescent="0.35">
      <c r="A52739" s="1" t="s">
        <v>177825</v>
      </c>
      <c r="B52739" s="1" t="s">
        <v>172484</v>
      </c>
      <c r="C52739" s="1" t="s">
        <v>25</v>
      </c>
      <c r="D52739" s="1" t="s">
        <v>17944</v>
      </c>
      <c r="E52739" s="1" t="s">
        <v>177836</v>
      </c>
      <c r="F52739" s="1" t="s">
        <v>177837</v>
      </c>
      <c r="G52739" s="1" t="s">
        <v>177828</v>
      </c>
      <c r="H52739" s="1" t="s">
        <v>177829</v>
      </c>
      <c r="I52739" s="1" t="s">
        <v>172490</v>
      </c>
      <c r="J52739" s="1" t="s">
        <v>177838</v>
      </c>
    </row>
    <row r="52740" spans="1:10" x14ac:dyDescent="0.35">
      <c r="A52740" s="1" t="s">
        <v>177825</v>
      </c>
      <c r="B52740" s="1" t="s">
        <v>172484</v>
      </c>
      <c r="C52740" s="1" t="s">
        <v>30</v>
      </c>
      <c r="D52740" s="1" t="s">
        <v>177839</v>
      </c>
      <c r="E52740" s="1" t="s">
        <v>177840</v>
      </c>
      <c r="F52740" s="1" t="s">
        <v>177841</v>
      </c>
      <c r="G52740" s="1" t="s">
        <v>177828</v>
      </c>
      <c r="H52740" s="1" t="s">
        <v>177829</v>
      </c>
      <c r="I52740" s="1" t="s">
        <v>172490</v>
      </c>
      <c r="J52740" s="1" t="s">
        <v>177842</v>
      </c>
    </row>
    <row r="52741" spans="1:10" x14ac:dyDescent="0.35">
      <c r="A52741" s="1" t="s">
        <v>177825</v>
      </c>
      <c r="B52741" s="1" t="s">
        <v>172484</v>
      </c>
      <c r="C52741" s="1" t="s">
        <v>35</v>
      </c>
      <c r="D52741" s="1" t="s">
        <v>126568</v>
      </c>
      <c r="E52741" s="1" t="s">
        <v>177843</v>
      </c>
      <c r="F52741" s="1" t="s">
        <v>177844</v>
      </c>
      <c r="G52741" s="1" t="s">
        <v>177828</v>
      </c>
      <c r="H52741" s="1" t="s">
        <v>177829</v>
      </c>
      <c r="I52741" s="1" t="s">
        <v>172490</v>
      </c>
      <c r="J52741" s="1" t="s">
        <v>177845</v>
      </c>
    </row>
    <row r="52742" spans="1:10" x14ac:dyDescent="0.35">
      <c r="A52742" s="1" t="s">
        <v>177825</v>
      </c>
      <c r="B52742" s="1" t="s">
        <v>172484</v>
      </c>
      <c r="C52742" s="1" t="s">
        <v>40</v>
      </c>
      <c r="D52742" s="1" t="s">
        <v>408</v>
      </c>
      <c r="E52742" s="1" t="s">
        <v>177846</v>
      </c>
      <c r="F52742" s="1" t="s">
        <v>177847</v>
      </c>
      <c r="G52742" s="1" t="s">
        <v>177828</v>
      </c>
      <c r="H52742" s="1" t="s">
        <v>177829</v>
      </c>
      <c r="I52742" s="1" t="s">
        <v>172490</v>
      </c>
      <c r="J52742" s="1" t="s">
        <v>177848</v>
      </c>
    </row>
    <row r="52743" spans="1:10" x14ac:dyDescent="0.35">
      <c r="A52743" s="1" t="s">
        <v>177825</v>
      </c>
      <c r="B52743" s="1" t="s">
        <v>172484</v>
      </c>
      <c r="C52743" s="1" t="s">
        <v>45</v>
      </c>
      <c r="D52743" s="1" t="s">
        <v>177849</v>
      </c>
      <c r="E52743" s="1" t="s">
        <v>177850</v>
      </c>
      <c r="F52743" s="1" t="s">
        <v>177851</v>
      </c>
      <c r="G52743" s="1" t="s">
        <v>177828</v>
      </c>
      <c r="H52743" s="1" t="s">
        <v>177829</v>
      </c>
      <c r="I52743" s="1" t="s">
        <v>172490</v>
      </c>
      <c r="J52743" s="1" t="s">
        <v>177852</v>
      </c>
    </row>
    <row r="52744" spans="1:10" x14ac:dyDescent="0.35">
      <c r="A52744" s="1" t="s">
        <v>177825</v>
      </c>
      <c r="B52744" s="1" t="s">
        <v>172484</v>
      </c>
      <c r="C52744" s="1" t="s">
        <v>50</v>
      </c>
      <c r="D52744" s="1" t="s">
        <v>45822</v>
      </c>
      <c r="E52744" s="1" t="s">
        <v>177853</v>
      </c>
      <c r="F52744" s="1" t="s">
        <v>177854</v>
      </c>
      <c r="G52744" s="1" t="s">
        <v>177828</v>
      </c>
      <c r="H52744" s="1" t="s">
        <v>177829</v>
      </c>
      <c r="I52744" s="1" t="s">
        <v>172490</v>
      </c>
      <c r="J52744" s="1" t="s">
        <v>177855</v>
      </c>
    </row>
    <row r="52745" spans="1:10" x14ac:dyDescent="0.35">
      <c r="A52745" s="1" t="s">
        <v>177825</v>
      </c>
      <c r="B52745" s="1" t="s">
        <v>172484</v>
      </c>
      <c r="C52745" s="1" t="s">
        <v>55</v>
      </c>
      <c r="D52745" s="1" t="s">
        <v>177856</v>
      </c>
      <c r="E52745" s="1" t="s">
        <v>177857</v>
      </c>
      <c r="F52745" s="1" t="s">
        <v>177858</v>
      </c>
      <c r="G52745" s="1" t="s">
        <v>177828</v>
      </c>
      <c r="H52745" s="1" t="s">
        <v>177829</v>
      </c>
      <c r="I52745" s="1" t="s">
        <v>172490</v>
      </c>
      <c r="J52745" s="1" t="s">
        <v>177859</v>
      </c>
    </row>
    <row r="52746" spans="1:10" x14ac:dyDescent="0.35">
      <c r="A52746" s="1" t="s">
        <v>177825</v>
      </c>
      <c r="B52746" s="1" t="s">
        <v>172484</v>
      </c>
      <c r="C52746" s="1" t="s">
        <v>60</v>
      </c>
      <c r="D52746" s="1" t="s">
        <v>177860</v>
      </c>
      <c r="E52746" s="1" t="s">
        <v>177861</v>
      </c>
      <c r="F52746" s="1" t="s">
        <v>177862</v>
      </c>
      <c r="G52746" s="1" t="s">
        <v>177828</v>
      </c>
      <c r="H52746" s="1" t="s">
        <v>177829</v>
      </c>
      <c r="I52746" s="1" t="s">
        <v>172490</v>
      </c>
      <c r="J52746" s="1" t="s">
        <v>177863</v>
      </c>
    </row>
    <row r="52747" spans="1:10" x14ac:dyDescent="0.35">
      <c r="A52747" s="1" t="s">
        <v>177825</v>
      </c>
      <c r="B52747" s="1" t="s">
        <v>172484</v>
      </c>
      <c r="C52747" s="1" t="s">
        <v>65</v>
      </c>
      <c r="D52747" s="1" t="s">
        <v>174793</v>
      </c>
      <c r="E52747" s="1" t="s">
        <v>177864</v>
      </c>
      <c r="F52747" s="1" t="s">
        <v>177865</v>
      </c>
      <c r="G52747" s="1" t="s">
        <v>177828</v>
      </c>
      <c r="H52747" s="1" t="s">
        <v>177829</v>
      </c>
      <c r="I52747" s="1" t="s">
        <v>172490</v>
      </c>
      <c r="J52747" s="1" t="s">
        <v>177866</v>
      </c>
    </row>
    <row r="52748" spans="1:10" x14ac:dyDescent="0.35">
      <c r="A52748" s="1" t="s">
        <v>177825</v>
      </c>
      <c r="B52748" s="1" t="s">
        <v>172484</v>
      </c>
      <c r="C52748" s="1" t="s">
        <v>70</v>
      </c>
      <c r="D52748" s="1" t="s">
        <v>17675</v>
      </c>
      <c r="E52748" s="1" t="s">
        <v>177867</v>
      </c>
      <c r="F52748" s="1" t="s">
        <v>177868</v>
      </c>
      <c r="G52748" s="1" t="s">
        <v>177828</v>
      </c>
      <c r="H52748" s="1" t="s">
        <v>177829</v>
      </c>
      <c r="I52748" s="1" t="s">
        <v>172490</v>
      </c>
      <c r="J52748" s="1" t="s">
        <v>177869</v>
      </c>
    </row>
    <row r="52749" spans="1:10" x14ac:dyDescent="0.35">
      <c r="A52749" s="1" t="s">
        <v>177825</v>
      </c>
      <c r="B52749" s="1" t="s">
        <v>172484</v>
      </c>
      <c r="C52749" s="1" t="s">
        <v>75</v>
      </c>
      <c r="D52749" s="1" t="s">
        <v>177870</v>
      </c>
      <c r="E52749" s="1" t="s">
        <v>177871</v>
      </c>
      <c r="F52749" s="1" t="s">
        <v>177872</v>
      </c>
      <c r="G52749" s="1" t="s">
        <v>177828</v>
      </c>
      <c r="H52749" s="1" t="s">
        <v>177829</v>
      </c>
      <c r="I52749" s="1" t="s">
        <v>172490</v>
      </c>
      <c r="J52749" s="1" t="s">
        <v>177873</v>
      </c>
    </row>
    <row r="52750" spans="1:10" x14ac:dyDescent="0.35">
      <c r="A52750" s="1" t="s">
        <v>177825</v>
      </c>
      <c r="B52750" s="1" t="s">
        <v>172484</v>
      </c>
      <c r="C52750" s="1" t="s">
        <v>80</v>
      </c>
      <c r="D52750" s="1" t="s">
        <v>177874</v>
      </c>
      <c r="E52750" s="1" t="s">
        <v>177875</v>
      </c>
      <c r="F52750" s="1" t="s">
        <v>177876</v>
      </c>
      <c r="G52750" s="1" t="s">
        <v>177828</v>
      </c>
      <c r="H52750" s="1" t="s">
        <v>177829</v>
      </c>
      <c r="I52750" s="1" t="s">
        <v>172490</v>
      </c>
      <c r="J52750" s="1" t="s">
        <v>177877</v>
      </c>
    </row>
    <row r="52751" spans="1:10" x14ac:dyDescent="0.35">
      <c r="A52751" s="1" t="s">
        <v>177825</v>
      </c>
      <c r="B52751" s="1" t="s">
        <v>172484</v>
      </c>
      <c r="C52751" s="1" t="s">
        <v>85</v>
      </c>
      <c r="D52751" s="1" t="s">
        <v>177878</v>
      </c>
      <c r="E52751" s="1" t="s">
        <v>177879</v>
      </c>
      <c r="F52751" s="1" t="s">
        <v>177880</v>
      </c>
      <c r="G52751" s="1" t="s">
        <v>177828</v>
      </c>
      <c r="H52751" s="1" t="s">
        <v>177829</v>
      </c>
      <c r="I52751" s="1" t="s">
        <v>172490</v>
      </c>
      <c r="J52751" s="1" t="s">
        <v>177881</v>
      </c>
    </row>
    <row r="52752" spans="1:10" x14ac:dyDescent="0.35">
      <c r="A52752" s="1" t="s">
        <v>177825</v>
      </c>
      <c r="B52752" s="1" t="s">
        <v>172484</v>
      </c>
      <c r="C52752" s="1" t="s">
        <v>90</v>
      </c>
      <c r="D52752" s="1" t="s">
        <v>155650</v>
      </c>
      <c r="E52752" s="1" t="s">
        <v>177882</v>
      </c>
      <c r="F52752" s="1" t="s">
        <v>177883</v>
      </c>
      <c r="G52752" s="1" t="s">
        <v>177828</v>
      </c>
      <c r="H52752" s="1" t="s">
        <v>177829</v>
      </c>
      <c r="I52752" s="1" t="s">
        <v>172490</v>
      </c>
      <c r="J52752" s="1" t="s">
        <v>177884</v>
      </c>
    </row>
    <row r="52753" spans="1:10" x14ac:dyDescent="0.35">
      <c r="A52753" s="1" t="s">
        <v>177825</v>
      </c>
      <c r="B52753" s="1" t="s">
        <v>172484</v>
      </c>
      <c r="C52753" s="1" t="s">
        <v>95</v>
      </c>
      <c r="D52753" s="1" t="s">
        <v>177885</v>
      </c>
      <c r="E52753" s="1" t="s">
        <v>177886</v>
      </c>
      <c r="F52753" s="1" t="s">
        <v>177887</v>
      </c>
      <c r="G52753" s="1" t="s">
        <v>177828</v>
      </c>
      <c r="H52753" s="1" t="s">
        <v>177829</v>
      </c>
      <c r="I52753" s="1" t="s">
        <v>172490</v>
      </c>
      <c r="J52753" s="1" t="s">
        <v>177888</v>
      </c>
    </row>
    <row r="52754" spans="1:10" x14ac:dyDescent="0.35">
      <c r="A52754" s="1" t="s">
        <v>177825</v>
      </c>
      <c r="B52754" s="1" t="s">
        <v>172484</v>
      </c>
      <c r="C52754" s="1" t="s">
        <v>100</v>
      </c>
      <c r="D52754" s="1" t="s">
        <v>177889</v>
      </c>
      <c r="E52754" s="1" t="s">
        <v>177890</v>
      </c>
      <c r="F52754" s="1" t="s">
        <v>177891</v>
      </c>
      <c r="G52754" s="1" t="s">
        <v>177828</v>
      </c>
      <c r="H52754" s="1" t="s">
        <v>177829</v>
      </c>
      <c r="I52754" s="1" t="s">
        <v>172490</v>
      </c>
      <c r="J52754" s="1" t="s">
        <v>177892</v>
      </c>
    </row>
    <row r="52755" spans="1:10" x14ac:dyDescent="0.35">
      <c r="A52755" s="1" t="s">
        <v>177825</v>
      </c>
      <c r="B52755" s="1" t="s">
        <v>172484</v>
      </c>
      <c r="C52755" s="1" t="s">
        <v>105</v>
      </c>
      <c r="D52755" s="1" t="s">
        <v>153148</v>
      </c>
      <c r="E52755" s="1" t="s">
        <v>177893</v>
      </c>
      <c r="F52755" s="1" t="s">
        <v>177894</v>
      </c>
      <c r="G52755" s="1" t="s">
        <v>177828</v>
      </c>
      <c r="H52755" s="1" t="s">
        <v>177829</v>
      </c>
      <c r="I52755" s="1" t="s">
        <v>172490</v>
      </c>
      <c r="J52755" s="1" t="s">
        <v>177895</v>
      </c>
    </row>
    <row r="52756" spans="1:10" x14ac:dyDescent="0.35">
      <c r="A52756" s="1" t="s">
        <v>177825</v>
      </c>
      <c r="B52756" s="1" t="s">
        <v>172484</v>
      </c>
      <c r="C52756" s="1" t="s">
        <v>110</v>
      </c>
      <c r="D52756" s="1" t="s">
        <v>113792</v>
      </c>
      <c r="E52756" s="1" t="s">
        <v>177896</v>
      </c>
      <c r="F52756" s="1" t="s">
        <v>177897</v>
      </c>
      <c r="G52756" s="1" t="s">
        <v>177828</v>
      </c>
      <c r="H52756" s="1" t="s">
        <v>177829</v>
      </c>
      <c r="I52756" s="1" t="s">
        <v>172490</v>
      </c>
      <c r="J52756" s="1" t="s">
        <v>177898</v>
      </c>
    </row>
    <row r="52757" spans="1:10" x14ac:dyDescent="0.35">
      <c r="A52757" s="1" t="s">
        <v>177825</v>
      </c>
      <c r="B52757" s="1" t="s">
        <v>172484</v>
      </c>
      <c r="C52757" s="1" t="s">
        <v>115</v>
      </c>
      <c r="D52757" s="1" t="s">
        <v>177899</v>
      </c>
      <c r="E52757" s="1" t="s">
        <v>177900</v>
      </c>
      <c r="F52757" s="1" t="s">
        <v>177901</v>
      </c>
      <c r="G52757" s="1" t="s">
        <v>177828</v>
      </c>
      <c r="H52757" s="1" t="s">
        <v>177829</v>
      </c>
      <c r="I52757" s="1" t="s">
        <v>172490</v>
      </c>
      <c r="J52757" s="1" t="s">
        <v>177902</v>
      </c>
    </row>
    <row r="52758" spans="1:10" x14ac:dyDescent="0.35">
      <c r="A52758" s="1" t="s">
        <v>177825</v>
      </c>
      <c r="B52758" s="1" t="s">
        <v>172484</v>
      </c>
      <c r="C52758" s="1" t="s">
        <v>120</v>
      </c>
      <c r="D52758" s="1" t="s">
        <v>177903</v>
      </c>
      <c r="E52758" s="1" t="s">
        <v>177904</v>
      </c>
      <c r="F52758" s="1" t="s">
        <v>177905</v>
      </c>
      <c r="G52758" s="1" t="s">
        <v>177828</v>
      </c>
      <c r="H52758" s="1" t="s">
        <v>177829</v>
      </c>
      <c r="I52758" s="1" t="s">
        <v>172490</v>
      </c>
      <c r="J52758" s="1" t="s">
        <v>177906</v>
      </c>
    </row>
    <row r="52759" spans="1:10" x14ac:dyDescent="0.35">
      <c r="A52759" s="1" t="s">
        <v>177825</v>
      </c>
      <c r="B52759" s="1" t="s">
        <v>172484</v>
      </c>
      <c r="C52759" s="1" t="s">
        <v>125</v>
      </c>
      <c r="D52759" s="1" t="s">
        <v>177907</v>
      </c>
      <c r="E52759" s="1" t="s">
        <v>177908</v>
      </c>
      <c r="F52759" s="1" t="s">
        <v>177909</v>
      </c>
      <c r="G52759" s="1" t="s">
        <v>177828</v>
      </c>
      <c r="H52759" s="1" t="s">
        <v>177829</v>
      </c>
      <c r="I52759" s="1" t="s">
        <v>172490</v>
      </c>
      <c r="J52759" s="1" t="s">
        <v>177910</v>
      </c>
    </row>
    <row r="52760" spans="1:10" x14ac:dyDescent="0.35">
      <c r="A52760" s="1" t="s">
        <v>177825</v>
      </c>
      <c r="B52760" s="1" t="s">
        <v>172484</v>
      </c>
      <c r="C52760" s="1" t="s">
        <v>130</v>
      </c>
      <c r="D52760" s="1" t="s">
        <v>77067</v>
      </c>
      <c r="E52760" s="1" t="s">
        <v>177911</v>
      </c>
      <c r="F52760" s="1" t="s">
        <v>177912</v>
      </c>
      <c r="G52760" s="1" t="s">
        <v>177828</v>
      </c>
      <c r="H52760" s="1" t="s">
        <v>177829</v>
      </c>
      <c r="I52760" s="1" t="s">
        <v>172490</v>
      </c>
      <c r="J52760" s="1" t="s">
        <v>177913</v>
      </c>
    </row>
    <row r="52761" spans="1:10" x14ac:dyDescent="0.35">
      <c r="A52761" s="1" t="s">
        <v>177825</v>
      </c>
      <c r="B52761" s="1" t="s">
        <v>172484</v>
      </c>
      <c r="C52761" s="1" t="s">
        <v>135</v>
      </c>
      <c r="D52761" s="1" t="s">
        <v>177914</v>
      </c>
      <c r="E52761" s="1" t="s">
        <v>177915</v>
      </c>
      <c r="F52761" s="1" t="s">
        <v>177916</v>
      </c>
      <c r="G52761" s="1" t="s">
        <v>177828</v>
      </c>
      <c r="H52761" s="1" t="s">
        <v>177829</v>
      </c>
      <c r="I52761" s="1" t="s">
        <v>172490</v>
      </c>
      <c r="J52761" s="1" t="s">
        <v>177917</v>
      </c>
    </row>
    <row r="52762" spans="1:10" x14ac:dyDescent="0.35">
      <c r="A52762" s="1" t="s">
        <v>177825</v>
      </c>
      <c r="B52762" s="1" t="s">
        <v>172484</v>
      </c>
      <c r="C52762" s="1" t="s">
        <v>140</v>
      </c>
      <c r="D52762" s="1" t="s">
        <v>43358</v>
      </c>
      <c r="E52762" s="1" t="s">
        <v>177918</v>
      </c>
      <c r="F52762" s="1" t="s">
        <v>177919</v>
      </c>
      <c r="G52762" s="1" t="s">
        <v>177828</v>
      </c>
      <c r="H52762" s="1" t="s">
        <v>177829</v>
      </c>
      <c r="I52762" s="1" t="s">
        <v>172490</v>
      </c>
      <c r="J52762" s="1" t="s">
        <v>177920</v>
      </c>
    </row>
    <row r="52763" spans="1:10" x14ac:dyDescent="0.35">
      <c r="A52763" s="1" t="s">
        <v>177825</v>
      </c>
      <c r="B52763" s="1" t="s">
        <v>172484</v>
      </c>
      <c r="C52763" s="1" t="s">
        <v>145</v>
      </c>
      <c r="D52763" s="1" t="s">
        <v>177921</v>
      </c>
      <c r="E52763" s="1" t="s">
        <v>177922</v>
      </c>
      <c r="F52763" s="1" t="s">
        <v>177923</v>
      </c>
      <c r="G52763" s="1" t="s">
        <v>177828</v>
      </c>
      <c r="H52763" s="1" t="s">
        <v>177829</v>
      </c>
      <c r="I52763" s="1" t="s">
        <v>172490</v>
      </c>
      <c r="J52763" s="1" t="s">
        <v>177924</v>
      </c>
    </row>
    <row r="52764" spans="1:10" x14ac:dyDescent="0.35">
      <c r="A52764" s="1" t="s">
        <v>177825</v>
      </c>
      <c r="B52764" s="1" t="s">
        <v>172484</v>
      </c>
      <c r="C52764" s="1" t="s">
        <v>150</v>
      </c>
      <c r="D52764" s="1" t="s">
        <v>177925</v>
      </c>
      <c r="E52764" s="1" t="s">
        <v>177926</v>
      </c>
      <c r="F52764" s="1" t="s">
        <v>177927</v>
      </c>
      <c r="G52764" s="1" t="s">
        <v>177828</v>
      </c>
      <c r="H52764" s="1" t="s">
        <v>177829</v>
      </c>
      <c r="I52764" s="1" t="s">
        <v>172490</v>
      </c>
      <c r="J52764" s="1" t="s">
        <v>177928</v>
      </c>
    </row>
    <row r="52765" spans="1:10" x14ac:dyDescent="0.35">
      <c r="A52765" s="1" t="s">
        <v>177825</v>
      </c>
      <c r="B52765" s="1" t="s">
        <v>172484</v>
      </c>
      <c r="C52765" s="1" t="s">
        <v>155</v>
      </c>
      <c r="D52765" s="1" t="s">
        <v>177929</v>
      </c>
      <c r="E52765" s="1" t="s">
        <v>177930</v>
      </c>
      <c r="F52765" s="1" t="s">
        <v>177931</v>
      </c>
      <c r="G52765" s="1" t="s">
        <v>177828</v>
      </c>
      <c r="H52765" s="1" t="s">
        <v>177829</v>
      </c>
      <c r="I52765" s="1" t="s">
        <v>172490</v>
      </c>
      <c r="J52765" s="1" t="s">
        <v>177932</v>
      </c>
    </row>
    <row r="52766" spans="1:10" x14ac:dyDescent="0.35">
      <c r="A52766" s="1" t="s">
        <v>177825</v>
      </c>
      <c r="B52766" s="1" t="s">
        <v>172484</v>
      </c>
      <c r="C52766" s="1" t="s">
        <v>160</v>
      </c>
      <c r="D52766" s="1" t="s">
        <v>105215</v>
      </c>
      <c r="E52766" s="1" t="s">
        <v>177933</v>
      </c>
      <c r="F52766" s="1" t="s">
        <v>177934</v>
      </c>
      <c r="G52766" s="1" t="s">
        <v>177828</v>
      </c>
      <c r="H52766" s="1" t="s">
        <v>177829</v>
      </c>
      <c r="I52766" s="1" t="s">
        <v>172490</v>
      </c>
      <c r="J52766" s="1" t="s">
        <v>177935</v>
      </c>
    </row>
    <row r="52767" spans="1:10" x14ac:dyDescent="0.35">
      <c r="A52767" s="1" t="s">
        <v>177825</v>
      </c>
      <c r="B52767" s="1" t="s">
        <v>172484</v>
      </c>
      <c r="C52767" s="1" t="s">
        <v>165</v>
      </c>
      <c r="D52767" s="1" t="s">
        <v>66688</v>
      </c>
      <c r="E52767" s="1" t="s">
        <v>177936</v>
      </c>
      <c r="F52767" s="1" t="s">
        <v>177937</v>
      </c>
      <c r="G52767" s="1" t="s">
        <v>177828</v>
      </c>
      <c r="H52767" s="1" t="s">
        <v>177829</v>
      </c>
      <c r="I52767" s="1" t="s">
        <v>172490</v>
      </c>
      <c r="J52767" s="1" t="s">
        <v>177938</v>
      </c>
    </row>
    <row r="52768" spans="1:10" x14ac:dyDescent="0.35">
      <c r="A52768" s="1" t="s">
        <v>177825</v>
      </c>
      <c r="B52768" s="1" t="s">
        <v>172484</v>
      </c>
      <c r="C52768" s="1" t="s">
        <v>170</v>
      </c>
      <c r="D52768" s="1" t="s">
        <v>89153</v>
      </c>
      <c r="E52768" s="1" t="s">
        <v>177939</v>
      </c>
      <c r="F52768" s="1" t="s">
        <v>177940</v>
      </c>
      <c r="G52768" s="1" t="s">
        <v>177828</v>
      </c>
      <c r="H52768" s="1" t="s">
        <v>177829</v>
      </c>
      <c r="I52768" s="1" t="s">
        <v>172490</v>
      </c>
      <c r="J52768" s="1" t="s">
        <v>177941</v>
      </c>
    </row>
    <row r="52769" spans="1:10" x14ac:dyDescent="0.35">
      <c r="A52769" s="1" t="s">
        <v>143661</v>
      </c>
      <c r="B52769" s="1" t="s">
        <v>172484</v>
      </c>
      <c r="C52769" s="1" t="s">
        <v>8</v>
      </c>
      <c r="D52769" s="1" t="s">
        <v>46772</v>
      </c>
      <c r="E52769" s="1" t="s">
        <v>54059</v>
      </c>
      <c r="F52769" s="1" t="s">
        <v>177942</v>
      </c>
      <c r="G52769" s="1" t="s">
        <v>177943</v>
      </c>
      <c r="H52769" s="1" t="s">
        <v>177944</v>
      </c>
      <c r="I52769" s="1" t="s">
        <v>172490</v>
      </c>
      <c r="J52769" s="1" t="s">
        <v>13</v>
      </c>
    </row>
    <row r="52770" spans="1:10" x14ac:dyDescent="0.35">
      <c r="A52770" s="1" t="s">
        <v>143661</v>
      </c>
      <c r="B52770" s="1" t="s">
        <v>172484</v>
      </c>
      <c r="C52770" s="1" t="s">
        <v>15</v>
      </c>
      <c r="D52770" s="1" t="s">
        <v>32554</v>
      </c>
      <c r="E52770" s="1" t="s">
        <v>177945</v>
      </c>
      <c r="F52770" s="1" t="s">
        <v>177946</v>
      </c>
      <c r="G52770" s="1" t="s">
        <v>177943</v>
      </c>
      <c r="H52770" s="1" t="s">
        <v>177944</v>
      </c>
      <c r="I52770" s="1" t="s">
        <v>172490</v>
      </c>
      <c r="J52770" s="1" t="s">
        <v>177947</v>
      </c>
    </row>
    <row r="52771" spans="1:10" x14ac:dyDescent="0.35">
      <c r="A52771" s="1" t="s">
        <v>143661</v>
      </c>
      <c r="B52771" s="1" t="s">
        <v>172484</v>
      </c>
      <c r="C52771" s="1" t="s">
        <v>20</v>
      </c>
      <c r="D52771" s="1" t="s">
        <v>177948</v>
      </c>
      <c r="E52771" s="1" t="s">
        <v>56901</v>
      </c>
      <c r="F52771" s="1" t="s">
        <v>177949</v>
      </c>
      <c r="G52771" s="1" t="s">
        <v>177943</v>
      </c>
      <c r="H52771" s="1" t="s">
        <v>177944</v>
      </c>
      <c r="I52771" s="1" t="s">
        <v>172490</v>
      </c>
      <c r="J52771" s="1" t="s">
        <v>177950</v>
      </c>
    </row>
    <row r="52772" spans="1:10" x14ac:dyDescent="0.35">
      <c r="A52772" s="1" t="s">
        <v>143661</v>
      </c>
      <c r="B52772" s="1" t="s">
        <v>172484</v>
      </c>
      <c r="C52772" s="1" t="s">
        <v>25</v>
      </c>
      <c r="D52772" s="1" t="s">
        <v>126353</v>
      </c>
      <c r="E52772" s="1" t="s">
        <v>21749</v>
      </c>
      <c r="F52772" s="1" t="s">
        <v>177951</v>
      </c>
      <c r="G52772" s="1" t="s">
        <v>177943</v>
      </c>
      <c r="H52772" s="1" t="s">
        <v>177944</v>
      </c>
      <c r="I52772" s="1" t="s">
        <v>172490</v>
      </c>
      <c r="J52772" s="1" t="s">
        <v>177952</v>
      </c>
    </row>
    <row r="52773" spans="1:10" x14ac:dyDescent="0.35">
      <c r="A52773" s="1" t="s">
        <v>143661</v>
      </c>
      <c r="B52773" s="1" t="s">
        <v>172484</v>
      </c>
      <c r="C52773" s="1" t="s">
        <v>30</v>
      </c>
      <c r="D52773" s="1" t="s">
        <v>37518</v>
      </c>
      <c r="E52773" s="1" t="s">
        <v>12829</v>
      </c>
      <c r="F52773" s="1" t="s">
        <v>89318</v>
      </c>
      <c r="G52773" s="1" t="s">
        <v>177943</v>
      </c>
      <c r="H52773" s="1" t="s">
        <v>177944</v>
      </c>
      <c r="I52773" s="1" t="s">
        <v>172490</v>
      </c>
      <c r="J52773" s="1" t="s">
        <v>177953</v>
      </c>
    </row>
    <row r="52774" spans="1:10" x14ac:dyDescent="0.35">
      <c r="A52774" s="1" t="s">
        <v>143661</v>
      </c>
      <c r="B52774" s="1" t="s">
        <v>172484</v>
      </c>
      <c r="C52774" s="1" t="s">
        <v>35</v>
      </c>
      <c r="D52774" s="1" t="s">
        <v>6735</v>
      </c>
      <c r="E52774" s="1" t="s">
        <v>177954</v>
      </c>
      <c r="F52774" s="1" t="s">
        <v>177955</v>
      </c>
      <c r="G52774" s="1" t="s">
        <v>177943</v>
      </c>
      <c r="H52774" s="1" t="s">
        <v>177944</v>
      </c>
      <c r="I52774" s="1" t="s">
        <v>172490</v>
      </c>
      <c r="J52774" s="1" t="s">
        <v>177956</v>
      </c>
    </row>
    <row r="52775" spans="1:10" x14ac:dyDescent="0.35">
      <c r="A52775" s="1" t="s">
        <v>143661</v>
      </c>
      <c r="B52775" s="1" t="s">
        <v>172484</v>
      </c>
      <c r="C52775" s="1" t="s">
        <v>40</v>
      </c>
      <c r="D52775" s="1" t="s">
        <v>17210</v>
      </c>
      <c r="E52775" s="1" t="s">
        <v>177957</v>
      </c>
      <c r="F52775" s="1" t="s">
        <v>69652</v>
      </c>
      <c r="G52775" s="1" t="s">
        <v>177943</v>
      </c>
      <c r="H52775" s="1" t="s">
        <v>177944</v>
      </c>
      <c r="I52775" s="1" t="s">
        <v>172490</v>
      </c>
      <c r="J52775" s="1" t="s">
        <v>177958</v>
      </c>
    </row>
    <row r="52776" spans="1:10" x14ac:dyDescent="0.35">
      <c r="A52776" s="1" t="s">
        <v>143661</v>
      </c>
      <c r="B52776" s="1" t="s">
        <v>172484</v>
      </c>
      <c r="C52776" s="1" t="s">
        <v>45</v>
      </c>
      <c r="D52776" s="1" t="s">
        <v>75303</v>
      </c>
      <c r="E52776" s="1" t="s">
        <v>58349</v>
      </c>
      <c r="F52776" s="1" t="s">
        <v>177959</v>
      </c>
      <c r="G52776" s="1" t="s">
        <v>177943</v>
      </c>
      <c r="H52776" s="1" t="s">
        <v>177944</v>
      </c>
      <c r="I52776" s="1" t="s">
        <v>172490</v>
      </c>
      <c r="J52776" s="1" t="s">
        <v>177960</v>
      </c>
    </row>
    <row r="52777" spans="1:10" x14ac:dyDescent="0.35">
      <c r="A52777" s="1" t="s">
        <v>143661</v>
      </c>
      <c r="B52777" s="1" t="s">
        <v>172484</v>
      </c>
      <c r="C52777" s="1" t="s">
        <v>50</v>
      </c>
      <c r="D52777" s="1" t="s">
        <v>177961</v>
      </c>
      <c r="E52777" s="1" t="s">
        <v>54391</v>
      </c>
      <c r="F52777" s="1" t="s">
        <v>177962</v>
      </c>
      <c r="G52777" s="1" t="s">
        <v>177943</v>
      </c>
      <c r="H52777" s="1" t="s">
        <v>177944</v>
      </c>
      <c r="I52777" s="1" t="s">
        <v>172490</v>
      </c>
      <c r="J52777" s="1" t="s">
        <v>177963</v>
      </c>
    </row>
    <row r="52778" spans="1:10" x14ac:dyDescent="0.35">
      <c r="A52778" s="1" t="s">
        <v>143661</v>
      </c>
      <c r="B52778" s="1" t="s">
        <v>172484</v>
      </c>
      <c r="C52778" s="1" t="s">
        <v>55</v>
      </c>
      <c r="D52778" s="1" t="s">
        <v>177964</v>
      </c>
      <c r="E52778" s="1" t="s">
        <v>55968</v>
      </c>
      <c r="F52778" s="1" t="s">
        <v>32318</v>
      </c>
      <c r="G52778" s="1" t="s">
        <v>177943</v>
      </c>
      <c r="H52778" s="1" t="s">
        <v>177944</v>
      </c>
      <c r="I52778" s="1" t="s">
        <v>172490</v>
      </c>
      <c r="J52778" s="1" t="s">
        <v>177965</v>
      </c>
    </row>
    <row r="52779" spans="1:10" x14ac:dyDescent="0.35">
      <c r="A52779" s="1" t="s">
        <v>143661</v>
      </c>
      <c r="B52779" s="1" t="s">
        <v>172484</v>
      </c>
      <c r="C52779" s="1" t="s">
        <v>60</v>
      </c>
      <c r="D52779" s="1" t="s">
        <v>49947</v>
      </c>
      <c r="E52779" s="1" t="s">
        <v>32584</v>
      </c>
      <c r="F52779" s="1" t="s">
        <v>32596</v>
      </c>
      <c r="G52779" s="1" t="s">
        <v>177943</v>
      </c>
      <c r="H52779" s="1" t="s">
        <v>177944</v>
      </c>
      <c r="I52779" s="1" t="s">
        <v>172490</v>
      </c>
      <c r="J52779" s="1" t="s">
        <v>177966</v>
      </c>
    </row>
    <row r="52780" spans="1:10" x14ac:dyDescent="0.35">
      <c r="A52780" s="1" t="s">
        <v>143661</v>
      </c>
      <c r="B52780" s="1" t="s">
        <v>172484</v>
      </c>
      <c r="C52780" s="1" t="s">
        <v>65</v>
      </c>
      <c r="D52780" s="1" t="s">
        <v>177967</v>
      </c>
      <c r="E52780" s="1" t="s">
        <v>98372</v>
      </c>
      <c r="F52780" s="1" t="s">
        <v>177968</v>
      </c>
      <c r="G52780" s="1" t="s">
        <v>177943</v>
      </c>
      <c r="H52780" s="1" t="s">
        <v>177944</v>
      </c>
      <c r="I52780" s="1" t="s">
        <v>172490</v>
      </c>
      <c r="J52780" s="1" t="s">
        <v>177969</v>
      </c>
    </row>
    <row r="52781" spans="1:10" x14ac:dyDescent="0.35">
      <c r="A52781" s="1" t="s">
        <v>143661</v>
      </c>
      <c r="B52781" s="1" t="s">
        <v>172484</v>
      </c>
      <c r="C52781" s="1" t="s">
        <v>70</v>
      </c>
      <c r="D52781" s="1" t="s">
        <v>169688</v>
      </c>
      <c r="E52781" s="1" t="s">
        <v>31361</v>
      </c>
      <c r="F52781" s="1" t="s">
        <v>23161</v>
      </c>
      <c r="G52781" s="1" t="s">
        <v>177943</v>
      </c>
      <c r="H52781" s="1" t="s">
        <v>177944</v>
      </c>
      <c r="I52781" s="1" t="s">
        <v>172490</v>
      </c>
      <c r="J52781" s="1" t="s">
        <v>177970</v>
      </c>
    </row>
    <row r="52782" spans="1:10" x14ac:dyDescent="0.35">
      <c r="A52782" s="1" t="s">
        <v>143661</v>
      </c>
      <c r="B52782" s="1" t="s">
        <v>172484</v>
      </c>
      <c r="C52782" s="1" t="s">
        <v>75</v>
      </c>
      <c r="D52782" s="1" t="s">
        <v>177971</v>
      </c>
      <c r="E52782" s="1" t="s">
        <v>21768</v>
      </c>
      <c r="F52782" s="1" t="s">
        <v>31473</v>
      </c>
      <c r="G52782" s="1" t="s">
        <v>177943</v>
      </c>
      <c r="H52782" s="1" t="s">
        <v>177944</v>
      </c>
      <c r="I52782" s="1" t="s">
        <v>172490</v>
      </c>
      <c r="J52782" s="1" t="s">
        <v>177972</v>
      </c>
    </row>
    <row r="52783" spans="1:10" x14ac:dyDescent="0.35">
      <c r="A52783" s="1" t="s">
        <v>143661</v>
      </c>
      <c r="B52783" s="1" t="s">
        <v>172484</v>
      </c>
      <c r="C52783" s="1" t="s">
        <v>80</v>
      </c>
      <c r="D52783" s="1" t="s">
        <v>18740</v>
      </c>
      <c r="E52783" s="1" t="s">
        <v>61076</v>
      </c>
      <c r="F52783" s="1" t="s">
        <v>66360</v>
      </c>
      <c r="G52783" s="1" t="s">
        <v>177943</v>
      </c>
      <c r="H52783" s="1" t="s">
        <v>177944</v>
      </c>
      <c r="I52783" s="1" t="s">
        <v>172490</v>
      </c>
      <c r="J52783" s="1" t="s">
        <v>177973</v>
      </c>
    </row>
    <row r="52784" spans="1:10" x14ac:dyDescent="0.35">
      <c r="A52784" s="1" t="s">
        <v>143661</v>
      </c>
      <c r="B52784" s="1" t="s">
        <v>172484</v>
      </c>
      <c r="C52784" s="1" t="s">
        <v>85</v>
      </c>
      <c r="D52784" s="1" t="s">
        <v>115161</v>
      </c>
      <c r="E52784" s="1" t="s">
        <v>177974</v>
      </c>
      <c r="F52784" s="1" t="s">
        <v>173360</v>
      </c>
      <c r="G52784" s="1" t="s">
        <v>177943</v>
      </c>
      <c r="H52784" s="1" t="s">
        <v>177944</v>
      </c>
      <c r="I52784" s="1" t="s">
        <v>172490</v>
      </c>
      <c r="J52784" s="1" t="s">
        <v>177975</v>
      </c>
    </row>
    <row r="52785" spans="1:10" x14ac:dyDescent="0.35">
      <c r="A52785" s="1" t="s">
        <v>143661</v>
      </c>
      <c r="B52785" s="1" t="s">
        <v>172484</v>
      </c>
      <c r="C52785" s="1" t="s">
        <v>90</v>
      </c>
      <c r="D52785" s="1" t="s">
        <v>42250</v>
      </c>
      <c r="E52785" s="1" t="s">
        <v>98582</v>
      </c>
      <c r="F52785" s="1" t="s">
        <v>32137</v>
      </c>
      <c r="G52785" s="1" t="s">
        <v>177943</v>
      </c>
      <c r="H52785" s="1" t="s">
        <v>177944</v>
      </c>
      <c r="I52785" s="1" t="s">
        <v>172490</v>
      </c>
      <c r="J52785" s="1" t="s">
        <v>177976</v>
      </c>
    </row>
    <row r="52786" spans="1:10" x14ac:dyDescent="0.35">
      <c r="A52786" s="1" t="s">
        <v>143661</v>
      </c>
      <c r="B52786" s="1" t="s">
        <v>172484</v>
      </c>
      <c r="C52786" s="1" t="s">
        <v>95</v>
      </c>
      <c r="D52786" s="1" t="s">
        <v>177977</v>
      </c>
      <c r="E52786" s="1" t="s">
        <v>12805</v>
      </c>
      <c r="F52786" s="1" t="s">
        <v>62861</v>
      </c>
      <c r="G52786" s="1" t="s">
        <v>177943</v>
      </c>
      <c r="H52786" s="1" t="s">
        <v>177944</v>
      </c>
      <c r="I52786" s="1" t="s">
        <v>172490</v>
      </c>
      <c r="J52786" s="1" t="s">
        <v>177978</v>
      </c>
    </row>
    <row r="52787" spans="1:10" x14ac:dyDescent="0.35">
      <c r="A52787" s="1" t="s">
        <v>143661</v>
      </c>
      <c r="B52787" s="1" t="s">
        <v>172484</v>
      </c>
      <c r="C52787" s="1" t="s">
        <v>100</v>
      </c>
      <c r="D52787" s="1" t="s">
        <v>117756</v>
      </c>
      <c r="E52787" s="1" t="s">
        <v>32376</v>
      </c>
      <c r="F52787" s="1" t="s">
        <v>177979</v>
      </c>
      <c r="G52787" s="1" t="s">
        <v>177943</v>
      </c>
      <c r="H52787" s="1" t="s">
        <v>177944</v>
      </c>
      <c r="I52787" s="1" t="s">
        <v>172490</v>
      </c>
      <c r="J52787" s="1" t="s">
        <v>177980</v>
      </c>
    </row>
    <row r="52788" spans="1:10" x14ac:dyDescent="0.35">
      <c r="A52788" s="1" t="s">
        <v>143661</v>
      </c>
      <c r="B52788" s="1" t="s">
        <v>172484</v>
      </c>
      <c r="C52788" s="1" t="s">
        <v>105</v>
      </c>
      <c r="D52788" s="1" t="s">
        <v>177981</v>
      </c>
      <c r="E52788" s="1" t="s">
        <v>57060</v>
      </c>
      <c r="F52788" s="1" t="s">
        <v>177982</v>
      </c>
      <c r="G52788" s="1" t="s">
        <v>177943</v>
      </c>
      <c r="H52788" s="1" t="s">
        <v>177944</v>
      </c>
      <c r="I52788" s="1" t="s">
        <v>172490</v>
      </c>
      <c r="J52788" s="1" t="s">
        <v>177983</v>
      </c>
    </row>
    <row r="52789" spans="1:10" x14ac:dyDescent="0.35">
      <c r="A52789" s="1" t="s">
        <v>143661</v>
      </c>
      <c r="B52789" s="1" t="s">
        <v>172484</v>
      </c>
      <c r="C52789" s="1" t="s">
        <v>110</v>
      </c>
      <c r="D52789" s="1" t="s">
        <v>177984</v>
      </c>
      <c r="E52789" s="1" t="s">
        <v>41273</v>
      </c>
      <c r="F52789" s="1" t="s">
        <v>177985</v>
      </c>
      <c r="G52789" s="1" t="s">
        <v>177943</v>
      </c>
      <c r="H52789" s="1" t="s">
        <v>177944</v>
      </c>
      <c r="I52789" s="1" t="s">
        <v>172490</v>
      </c>
      <c r="J52789" s="1" t="s">
        <v>177986</v>
      </c>
    </row>
    <row r="52790" spans="1:10" x14ac:dyDescent="0.35">
      <c r="A52790" s="1" t="s">
        <v>143661</v>
      </c>
      <c r="B52790" s="1" t="s">
        <v>172484</v>
      </c>
      <c r="C52790" s="1" t="s">
        <v>115</v>
      </c>
      <c r="D52790" s="1" t="s">
        <v>177987</v>
      </c>
      <c r="E52790" s="1" t="s">
        <v>55182</v>
      </c>
      <c r="F52790" s="1" t="s">
        <v>177988</v>
      </c>
      <c r="G52790" s="1" t="s">
        <v>177943</v>
      </c>
      <c r="H52790" s="1" t="s">
        <v>177944</v>
      </c>
      <c r="I52790" s="1" t="s">
        <v>172490</v>
      </c>
      <c r="J52790" s="1" t="s">
        <v>177989</v>
      </c>
    </row>
    <row r="52791" spans="1:10" x14ac:dyDescent="0.35">
      <c r="A52791" s="1" t="s">
        <v>143661</v>
      </c>
      <c r="B52791" s="1" t="s">
        <v>172484</v>
      </c>
      <c r="C52791" s="1" t="s">
        <v>120</v>
      </c>
      <c r="D52791" s="1" t="s">
        <v>18111</v>
      </c>
      <c r="E52791" s="1" t="s">
        <v>58862</v>
      </c>
      <c r="F52791" s="1" t="s">
        <v>60258</v>
      </c>
      <c r="G52791" s="1" t="s">
        <v>177943</v>
      </c>
      <c r="H52791" s="1" t="s">
        <v>177944</v>
      </c>
      <c r="I52791" s="1" t="s">
        <v>172490</v>
      </c>
      <c r="J52791" s="1" t="s">
        <v>177990</v>
      </c>
    </row>
    <row r="52792" spans="1:10" x14ac:dyDescent="0.35">
      <c r="A52792" s="1" t="s">
        <v>143661</v>
      </c>
      <c r="B52792" s="1" t="s">
        <v>172484</v>
      </c>
      <c r="C52792" s="1" t="s">
        <v>125</v>
      </c>
      <c r="D52792" s="1" t="s">
        <v>177991</v>
      </c>
      <c r="E52792" s="1" t="s">
        <v>55234</v>
      </c>
      <c r="F52792" s="1" t="s">
        <v>59050</v>
      </c>
      <c r="G52792" s="1" t="s">
        <v>177943</v>
      </c>
      <c r="H52792" s="1" t="s">
        <v>177944</v>
      </c>
      <c r="I52792" s="1" t="s">
        <v>172490</v>
      </c>
      <c r="J52792" s="1" t="s">
        <v>177992</v>
      </c>
    </row>
    <row r="52793" spans="1:10" x14ac:dyDescent="0.35">
      <c r="A52793" s="1" t="s">
        <v>143661</v>
      </c>
      <c r="B52793" s="1" t="s">
        <v>172484</v>
      </c>
      <c r="C52793" s="1" t="s">
        <v>130</v>
      </c>
      <c r="D52793" s="1" t="s">
        <v>142101</v>
      </c>
      <c r="E52793" s="1" t="s">
        <v>31480</v>
      </c>
      <c r="F52793" s="1" t="s">
        <v>177993</v>
      </c>
      <c r="G52793" s="1" t="s">
        <v>177943</v>
      </c>
      <c r="H52793" s="1" t="s">
        <v>177944</v>
      </c>
      <c r="I52793" s="1" t="s">
        <v>172490</v>
      </c>
      <c r="J52793" s="1" t="s">
        <v>177994</v>
      </c>
    </row>
    <row r="52794" spans="1:10" x14ac:dyDescent="0.35">
      <c r="A52794" s="1" t="s">
        <v>143661</v>
      </c>
      <c r="B52794" s="1" t="s">
        <v>172484</v>
      </c>
      <c r="C52794" s="1" t="s">
        <v>135</v>
      </c>
      <c r="D52794" s="1" t="s">
        <v>152020</v>
      </c>
      <c r="E52794" s="1" t="s">
        <v>23248</v>
      </c>
      <c r="F52794" s="1" t="s">
        <v>177995</v>
      </c>
      <c r="G52794" s="1" t="s">
        <v>177943</v>
      </c>
      <c r="H52794" s="1" t="s">
        <v>177944</v>
      </c>
      <c r="I52794" s="1" t="s">
        <v>172490</v>
      </c>
      <c r="J52794" s="1" t="s">
        <v>177996</v>
      </c>
    </row>
    <row r="52795" spans="1:10" x14ac:dyDescent="0.35">
      <c r="A52795" s="1" t="s">
        <v>143661</v>
      </c>
      <c r="B52795" s="1" t="s">
        <v>172484</v>
      </c>
      <c r="C52795" s="1" t="s">
        <v>140</v>
      </c>
      <c r="D52795" s="1" t="s">
        <v>83067</v>
      </c>
      <c r="E52795" s="1" t="s">
        <v>54764</v>
      </c>
      <c r="F52795" s="1" t="s">
        <v>96966</v>
      </c>
      <c r="G52795" s="1" t="s">
        <v>177943</v>
      </c>
      <c r="H52795" s="1" t="s">
        <v>177944</v>
      </c>
      <c r="I52795" s="1" t="s">
        <v>172490</v>
      </c>
      <c r="J52795" s="1" t="s">
        <v>177997</v>
      </c>
    </row>
    <row r="52796" spans="1:10" x14ac:dyDescent="0.35">
      <c r="A52796" s="1" t="s">
        <v>143661</v>
      </c>
      <c r="B52796" s="1" t="s">
        <v>172484</v>
      </c>
      <c r="C52796" s="1" t="s">
        <v>145</v>
      </c>
      <c r="D52796" s="1" t="s">
        <v>81838</v>
      </c>
      <c r="E52796" s="1" t="s">
        <v>15311</v>
      </c>
      <c r="F52796" s="1" t="s">
        <v>82572</v>
      </c>
      <c r="G52796" s="1" t="s">
        <v>177943</v>
      </c>
      <c r="H52796" s="1" t="s">
        <v>177944</v>
      </c>
      <c r="I52796" s="1" t="s">
        <v>172490</v>
      </c>
      <c r="J52796" s="1" t="s">
        <v>177998</v>
      </c>
    </row>
    <row r="52797" spans="1:10" x14ac:dyDescent="0.35">
      <c r="A52797" s="1" t="s">
        <v>143661</v>
      </c>
      <c r="B52797" s="1" t="s">
        <v>172484</v>
      </c>
      <c r="C52797" s="1" t="s">
        <v>150</v>
      </c>
      <c r="D52797" s="1" t="s">
        <v>177999</v>
      </c>
      <c r="E52797" s="1" t="s">
        <v>60257</v>
      </c>
      <c r="F52797" s="1" t="s">
        <v>69306</v>
      </c>
      <c r="G52797" s="1" t="s">
        <v>177943</v>
      </c>
      <c r="H52797" s="1" t="s">
        <v>177944</v>
      </c>
      <c r="I52797" s="1" t="s">
        <v>172490</v>
      </c>
      <c r="J52797" s="1" t="s">
        <v>178000</v>
      </c>
    </row>
    <row r="52798" spans="1:10" x14ac:dyDescent="0.35">
      <c r="A52798" s="1" t="s">
        <v>143661</v>
      </c>
      <c r="B52798" s="1" t="s">
        <v>172484</v>
      </c>
      <c r="C52798" s="1" t="s">
        <v>155</v>
      </c>
      <c r="D52798" s="1" t="s">
        <v>12303</v>
      </c>
      <c r="E52798" s="1" t="s">
        <v>15829</v>
      </c>
      <c r="F52798" s="1" t="s">
        <v>56974</v>
      </c>
      <c r="G52798" s="1" t="s">
        <v>177943</v>
      </c>
      <c r="H52798" s="1" t="s">
        <v>177944</v>
      </c>
      <c r="I52798" s="1" t="s">
        <v>172490</v>
      </c>
      <c r="J52798" s="1" t="s">
        <v>178001</v>
      </c>
    </row>
    <row r="52799" spans="1:10" x14ac:dyDescent="0.35">
      <c r="A52799" s="1" t="s">
        <v>143661</v>
      </c>
      <c r="B52799" s="1" t="s">
        <v>172484</v>
      </c>
      <c r="C52799" s="1" t="s">
        <v>160</v>
      </c>
      <c r="D52799" s="1" t="s">
        <v>82603</v>
      </c>
      <c r="E52799" s="1" t="s">
        <v>58768</v>
      </c>
      <c r="F52799" s="1" t="s">
        <v>178002</v>
      </c>
      <c r="G52799" s="1" t="s">
        <v>177943</v>
      </c>
      <c r="H52799" s="1" t="s">
        <v>177944</v>
      </c>
      <c r="I52799" s="1" t="s">
        <v>172490</v>
      </c>
      <c r="J52799" s="1" t="s">
        <v>178003</v>
      </c>
    </row>
    <row r="52800" spans="1:10" x14ac:dyDescent="0.35">
      <c r="A52800" s="1" t="s">
        <v>143661</v>
      </c>
      <c r="B52800" s="1" t="s">
        <v>172484</v>
      </c>
      <c r="C52800" s="1" t="s">
        <v>165</v>
      </c>
      <c r="D52800" s="1" t="s">
        <v>178004</v>
      </c>
      <c r="E52800" s="1" t="s">
        <v>55083</v>
      </c>
      <c r="F52800" s="1" t="s">
        <v>178005</v>
      </c>
      <c r="G52800" s="1" t="s">
        <v>177943</v>
      </c>
      <c r="H52800" s="1" t="s">
        <v>177944</v>
      </c>
      <c r="I52800" s="1" t="s">
        <v>172490</v>
      </c>
      <c r="J52800" s="1" t="s">
        <v>178006</v>
      </c>
    </row>
    <row r="52801" spans="1:10" x14ac:dyDescent="0.35">
      <c r="A52801" s="1" t="s">
        <v>143661</v>
      </c>
      <c r="B52801" s="1" t="s">
        <v>172484</v>
      </c>
      <c r="C52801" s="1" t="s">
        <v>170</v>
      </c>
      <c r="D52801" s="1" t="s">
        <v>178007</v>
      </c>
      <c r="E52801" s="1" t="s">
        <v>62090</v>
      </c>
      <c r="F52801" s="1" t="s">
        <v>22336</v>
      </c>
      <c r="G52801" s="1" t="s">
        <v>177943</v>
      </c>
      <c r="H52801" s="1" t="s">
        <v>177944</v>
      </c>
      <c r="I52801" s="1" t="s">
        <v>172490</v>
      </c>
      <c r="J52801" s="1" t="s">
        <v>178008</v>
      </c>
    </row>
    <row r="52802" spans="1:10" x14ac:dyDescent="0.35">
      <c r="A52802" s="1" t="s">
        <v>9399</v>
      </c>
      <c r="B52802" s="1" t="s">
        <v>172484</v>
      </c>
      <c r="C52802" s="1" t="s">
        <v>8</v>
      </c>
      <c r="D52802" s="1" t="s">
        <v>38203</v>
      </c>
      <c r="E52802" s="1" t="s">
        <v>178009</v>
      </c>
      <c r="F52802" s="1" t="s">
        <v>178010</v>
      </c>
      <c r="G52802" s="1" t="s">
        <v>178011</v>
      </c>
      <c r="H52802" s="1" t="s">
        <v>178012</v>
      </c>
      <c r="I52802" s="1" t="s">
        <v>172490</v>
      </c>
      <c r="J52802" s="1" t="s">
        <v>13</v>
      </c>
    </row>
    <row r="52803" spans="1:10" x14ac:dyDescent="0.35">
      <c r="A52803" s="1" t="s">
        <v>9399</v>
      </c>
      <c r="B52803" s="1" t="s">
        <v>172484</v>
      </c>
      <c r="C52803" s="1" t="s">
        <v>15</v>
      </c>
      <c r="D52803" s="1" t="s">
        <v>178013</v>
      </c>
      <c r="E52803" s="1" t="s">
        <v>178014</v>
      </c>
      <c r="F52803" s="1" t="s">
        <v>178015</v>
      </c>
      <c r="G52803" s="1" t="s">
        <v>178011</v>
      </c>
      <c r="H52803" s="1" t="s">
        <v>178012</v>
      </c>
      <c r="I52803" s="1" t="s">
        <v>172490</v>
      </c>
      <c r="J52803" s="1" t="s">
        <v>178016</v>
      </c>
    </row>
    <row r="52804" spans="1:10" x14ac:dyDescent="0.35">
      <c r="A52804" s="1" t="s">
        <v>9399</v>
      </c>
      <c r="B52804" s="1" t="s">
        <v>172484</v>
      </c>
      <c r="C52804" s="1" t="s">
        <v>20</v>
      </c>
      <c r="D52804" s="1" t="s">
        <v>16227</v>
      </c>
      <c r="E52804" s="1" t="s">
        <v>178017</v>
      </c>
      <c r="F52804" s="1" t="s">
        <v>178018</v>
      </c>
      <c r="G52804" s="1" t="s">
        <v>178011</v>
      </c>
      <c r="H52804" s="1" t="s">
        <v>178012</v>
      </c>
      <c r="I52804" s="1" t="s">
        <v>172490</v>
      </c>
      <c r="J52804" s="1" t="s">
        <v>178019</v>
      </c>
    </row>
    <row r="52805" spans="1:10" x14ac:dyDescent="0.35">
      <c r="A52805" s="1" t="s">
        <v>9399</v>
      </c>
      <c r="B52805" s="1" t="s">
        <v>172484</v>
      </c>
      <c r="C52805" s="1" t="s">
        <v>25</v>
      </c>
      <c r="D52805" s="1" t="s">
        <v>32916</v>
      </c>
      <c r="E52805" s="1" t="s">
        <v>178020</v>
      </c>
      <c r="F52805" s="1" t="s">
        <v>178021</v>
      </c>
      <c r="G52805" s="1" t="s">
        <v>178011</v>
      </c>
      <c r="H52805" s="1" t="s">
        <v>178012</v>
      </c>
      <c r="I52805" s="1" t="s">
        <v>172490</v>
      </c>
      <c r="J52805" s="1" t="s">
        <v>178022</v>
      </c>
    </row>
    <row r="52806" spans="1:10" x14ac:dyDescent="0.35">
      <c r="A52806" s="1" t="s">
        <v>9399</v>
      </c>
      <c r="B52806" s="1" t="s">
        <v>172484</v>
      </c>
      <c r="C52806" s="1" t="s">
        <v>30</v>
      </c>
      <c r="D52806" s="1" t="s">
        <v>38634</v>
      </c>
      <c r="E52806" s="1" t="s">
        <v>178023</v>
      </c>
      <c r="F52806" s="1" t="s">
        <v>178024</v>
      </c>
      <c r="G52806" s="1" t="s">
        <v>178011</v>
      </c>
      <c r="H52806" s="1" t="s">
        <v>178012</v>
      </c>
      <c r="I52806" s="1" t="s">
        <v>172490</v>
      </c>
      <c r="J52806" s="1" t="s">
        <v>178025</v>
      </c>
    </row>
    <row r="52807" spans="1:10" x14ac:dyDescent="0.35">
      <c r="A52807" s="1" t="s">
        <v>9399</v>
      </c>
      <c r="B52807" s="1" t="s">
        <v>172484</v>
      </c>
      <c r="C52807" s="1" t="s">
        <v>35</v>
      </c>
      <c r="D52807" s="1" t="s">
        <v>178026</v>
      </c>
      <c r="E52807" s="1" t="s">
        <v>178027</v>
      </c>
      <c r="F52807" s="1" t="s">
        <v>178028</v>
      </c>
      <c r="G52807" s="1" t="s">
        <v>178011</v>
      </c>
      <c r="H52807" s="1" t="s">
        <v>178012</v>
      </c>
      <c r="I52807" s="1" t="s">
        <v>172490</v>
      </c>
      <c r="J52807" s="1" t="s">
        <v>178029</v>
      </c>
    </row>
    <row r="52808" spans="1:10" x14ac:dyDescent="0.35">
      <c r="A52808" s="1" t="s">
        <v>9399</v>
      </c>
      <c r="B52808" s="1" t="s">
        <v>172484</v>
      </c>
      <c r="C52808" s="1" t="s">
        <v>40</v>
      </c>
      <c r="D52808" s="1" t="s">
        <v>178030</v>
      </c>
      <c r="E52808" s="1" t="s">
        <v>178031</v>
      </c>
      <c r="F52808" s="1" t="s">
        <v>178032</v>
      </c>
      <c r="G52808" s="1" t="s">
        <v>178011</v>
      </c>
      <c r="H52808" s="1" t="s">
        <v>178012</v>
      </c>
      <c r="I52808" s="1" t="s">
        <v>172490</v>
      </c>
      <c r="J52808" s="1" t="s">
        <v>178033</v>
      </c>
    </row>
    <row r="52809" spans="1:10" x14ac:dyDescent="0.35">
      <c r="A52809" s="1" t="s">
        <v>9399</v>
      </c>
      <c r="B52809" s="1" t="s">
        <v>172484</v>
      </c>
      <c r="C52809" s="1" t="s">
        <v>45</v>
      </c>
      <c r="D52809" s="1" t="s">
        <v>32949</v>
      </c>
      <c r="E52809" s="1" t="s">
        <v>178034</v>
      </c>
      <c r="F52809" s="1" t="s">
        <v>178035</v>
      </c>
      <c r="G52809" s="1" t="s">
        <v>178011</v>
      </c>
      <c r="H52809" s="1" t="s">
        <v>178012</v>
      </c>
      <c r="I52809" s="1" t="s">
        <v>172490</v>
      </c>
      <c r="J52809" s="1" t="s">
        <v>178036</v>
      </c>
    </row>
    <row r="52810" spans="1:10" x14ac:dyDescent="0.35">
      <c r="A52810" s="1" t="s">
        <v>9399</v>
      </c>
      <c r="B52810" s="1" t="s">
        <v>172484</v>
      </c>
      <c r="C52810" s="1" t="s">
        <v>50</v>
      </c>
      <c r="D52810" s="1" t="s">
        <v>178037</v>
      </c>
      <c r="E52810" s="1" t="s">
        <v>178038</v>
      </c>
      <c r="F52810" s="1" t="s">
        <v>178039</v>
      </c>
      <c r="G52810" s="1" t="s">
        <v>178011</v>
      </c>
      <c r="H52810" s="1" t="s">
        <v>178012</v>
      </c>
      <c r="I52810" s="1" t="s">
        <v>172490</v>
      </c>
      <c r="J52810" s="1" t="s">
        <v>178040</v>
      </c>
    </row>
    <row r="52811" spans="1:10" x14ac:dyDescent="0.35">
      <c r="A52811" s="1" t="s">
        <v>9399</v>
      </c>
      <c r="B52811" s="1" t="s">
        <v>172484</v>
      </c>
      <c r="C52811" s="1" t="s">
        <v>55</v>
      </c>
      <c r="D52811" s="1" t="s">
        <v>123665</v>
      </c>
      <c r="E52811" s="1" t="s">
        <v>178041</v>
      </c>
      <c r="F52811" s="1" t="s">
        <v>178042</v>
      </c>
      <c r="G52811" s="1" t="s">
        <v>178011</v>
      </c>
      <c r="H52811" s="1" t="s">
        <v>178012</v>
      </c>
      <c r="I52811" s="1" t="s">
        <v>172490</v>
      </c>
      <c r="J52811" s="1" t="s">
        <v>178043</v>
      </c>
    </row>
    <row r="52812" spans="1:10" x14ac:dyDescent="0.35">
      <c r="A52812" s="1" t="s">
        <v>9399</v>
      </c>
      <c r="B52812" s="1" t="s">
        <v>172484</v>
      </c>
      <c r="C52812" s="1" t="s">
        <v>60</v>
      </c>
      <c r="D52812" s="1" t="s">
        <v>178044</v>
      </c>
      <c r="E52812" s="1" t="s">
        <v>178045</v>
      </c>
      <c r="F52812" s="1" t="s">
        <v>178046</v>
      </c>
      <c r="G52812" s="1" t="s">
        <v>178011</v>
      </c>
      <c r="H52812" s="1" t="s">
        <v>178012</v>
      </c>
      <c r="I52812" s="1" t="s">
        <v>172490</v>
      </c>
      <c r="J52812" s="1" t="s">
        <v>178047</v>
      </c>
    </row>
    <row r="52813" spans="1:10" x14ac:dyDescent="0.35">
      <c r="A52813" s="1" t="s">
        <v>9399</v>
      </c>
      <c r="B52813" s="1" t="s">
        <v>172484</v>
      </c>
      <c r="C52813" s="1" t="s">
        <v>65</v>
      </c>
      <c r="D52813" s="1" t="s">
        <v>35391</v>
      </c>
      <c r="E52813" s="1" t="s">
        <v>178048</v>
      </c>
      <c r="F52813" s="1" t="s">
        <v>178049</v>
      </c>
      <c r="G52813" s="1" t="s">
        <v>178011</v>
      </c>
      <c r="H52813" s="1" t="s">
        <v>178012</v>
      </c>
      <c r="I52813" s="1" t="s">
        <v>172490</v>
      </c>
      <c r="J52813" s="1" t="s">
        <v>178050</v>
      </c>
    </row>
    <row r="52814" spans="1:10" x14ac:dyDescent="0.35">
      <c r="A52814" s="1" t="s">
        <v>9399</v>
      </c>
      <c r="B52814" s="1" t="s">
        <v>172484</v>
      </c>
      <c r="C52814" s="1" t="s">
        <v>70</v>
      </c>
      <c r="D52814" s="1" t="s">
        <v>178051</v>
      </c>
      <c r="E52814" s="1" t="s">
        <v>178052</v>
      </c>
      <c r="F52814" s="1" t="s">
        <v>178053</v>
      </c>
      <c r="G52814" s="1" t="s">
        <v>178011</v>
      </c>
      <c r="H52814" s="1" t="s">
        <v>178012</v>
      </c>
      <c r="I52814" s="1" t="s">
        <v>172490</v>
      </c>
      <c r="J52814" s="1" t="s">
        <v>178054</v>
      </c>
    </row>
    <row r="52815" spans="1:10" x14ac:dyDescent="0.35">
      <c r="A52815" s="1" t="s">
        <v>9399</v>
      </c>
      <c r="B52815" s="1" t="s">
        <v>172484</v>
      </c>
      <c r="C52815" s="1" t="s">
        <v>75</v>
      </c>
      <c r="D52815" s="1" t="s">
        <v>178055</v>
      </c>
      <c r="E52815" s="1" t="s">
        <v>178056</v>
      </c>
      <c r="F52815" s="1" t="s">
        <v>178057</v>
      </c>
      <c r="G52815" s="1" t="s">
        <v>178011</v>
      </c>
      <c r="H52815" s="1" t="s">
        <v>178012</v>
      </c>
      <c r="I52815" s="1" t="s">
        <v>172490</v>
      </c>
      <c r="J52815" s="1" t="s">
        <v>178058</v>
      </c>
    </row>
    <row r="52816" spans="1:10" x14ac:dyDescent="0.35">
      <c r="A52816" s="1" t="s">
        <v>9399</v>
      </c>
      <c r="B52816" s="1" t="s">
        <v>172484</v>
      </c>
      <c r="C52816" s="1" t="s">
        <v>80</v>
      </c>
      <c r="D52816" s="1" t="s">
        <v>178059</v>
      </c>
      <c r="E52816" s="1" t="s">
        <v>178060</v>
      </c>
      <c r="F52816" s="1" t="s">
        <v>178061</v>
      </c>
      <c r="G52816" s="1" t="s">
        <v>178011</v>
      </c>
      <c r="H52816" s="1" t="s">
        <v>178012</v>
      </c>
      <c r="I52816" s="1" t="s">
        <v>172490</v>
      </c>
      <c r="J52816" s="1" t="s">
        <v>178062</v>
      </c>
    </row>
    <row r="52817" spans="1:10" x14ac:dyDescent="0.35">
      <c r="A52817" s="1" t="s">
        <v>9399</v>
      </c>
      <c r="B52817" s="1" t="s">
        <v>172484</v>
      </c>
      <c r="C52817" s="1" t="s">
        <v>85</v>
      </c>
      <c r="D52817" s="1" t="s">
        <v>32661</v>
      </c>
      <c r="E52817" s="1" t="s">
        <v>178063</v>
      </c>
      <c r="F52817" s="1" t="s">
        <v>178064</v>
      </c>
      <c r="G52817" s="1" t="s">
        <v>178011</v>
      </c>
      <c r="H52817" s="1" t="s">
        <v>178012</v>
      </c>
      <c r="I52817" s="1" t="s">
        <v>172490</v>
      </c>
      <c r="J52817" s="1" t="s">
        <v>178065</v>
      </c>
    </row>
    <row r="52818" spans="1:10" x14ac:dyDescent="0.35">
      <c r="A52818" s="1" t="s">
        <v>9399</v>
      </c>
      <c r="B52818" s="1" t="s">
        <v>172484</v>
      </c>
      <c r="C52818" s="1" t="s">
        <v>90</v>
      </c>
      <c r="D52818" s="1" t="s">
        <v>116909</v>
      </c>
      <c r="E52818" s="1" t="s">
        <v>178066</v>
      </c>
      <c r="F52818" s="1" t="s">
        <v>178067</v>
      </c>
      <c r="G52818" s="1" t="s">
        <v>178011</v>
      </c>
      <c r="H52818" s="1" t="s">
        <v>178012</v>
      </c>
      <c r="I52818" s="1" t="s">
        <v>172490</v>
      </c>
      <c r="J52818" s="1" t="s">
        <v>178068</v>
      </c>
    </row>
    <row r="52819" spans="1:10" x14ac:dyDescent="0.35">
      <c r="A52819" s="1" t="s">
        <v>9399</v>
      </c>
      <c r="B52819" s="1" t="s">
        <v>172484</v>
      </c>
      <c r="C52819" s="1" t="s">
        <v>95</v>
      </c>
      <c r="D52819" s="1" t="s">
        <v>75172</v>
      </c>
      <c r="E52819" s="1" t="s">
        <v>178069</v>
      </c>
      <c r="F52819" s="1" t="s">
        <v>178070</v>
      </c>
      <c r="G52819" s="1" t="s">
        <v>178011</v>
      </c>
      <c r="H52819" s="1" t="s">
        <v>178012</v>
      </c>
      <c r="I52819" s="1" t="s">
        <v>172490</v>
      </c>
      <c r="J52819" s="1" t="s">
        <v>178071</v>
      </c>
    </row>
    <row r="52820" spans="1:10" x14ac:dyDescent="0.35">
      <c r="A52820" s="1" t="s">
        <v>9399</v>
      </c>
      <c r="B52820" s="1" t="s">
        <v>172484</v>
      </c>
      <c r="C52820" s="1" t="s">
        <v>100</v>
      </c>
      <c r="D52820" s="1" t="s">
        <v>75179</v>
      </c>
      <c r="E52820" s="1" t="s">
        <v>178072</v>
      </c>
      <c r="F52820" s="1" t="s">
        <v>178073</v>
      </c>
      <c r="G52820" s="1" t="s">
        <v>178011</v>
      </c>
      <c r="H52820" s="1" t="s">
        <v>178012</v>
      </c>
      <c r="I52820" s="1" t="s">
        <v>172490</v>
      </c>
      <c r="J52820" s="1" t="s">
        <v>178074</v>
      </c>
    </row>
    <row r="52821" spans="1:10" x14ac:dyDescent="0.35">
      <c r="A52821" s="1" t="s">
        <v>9399</v>
      </c>
      <c r="B52821" s="1" t="s">
        <v>172484</v>
      </c>
      <c r="C52821" s="1" t="s">
        <v>105</v>
      </c>
      <c r="D52821" s="1" t="s">
        <v>114827</v>
      </c>
      <c r="E52821" s="1" t="s">
        <v>178075</v>
      </c>
      <c r="F52821" s="1" t="s">
        <v>178076</v>
      </c>
      <c r="G52821" s="1" t="s">
        <v>178011</v>
      </c>
      <c r="H52821" s="1" t="s">
        <v>178012</v>
      </c>
      <c r="I52821" s="1" t="s">
        <v>172490</v>
      </c>
      <c r="J52821" s="1" t="s">
        <v>178077</v>
      </c>
    </row>
    <row r="52822" spans="1:10" x14ac:dyDescent="0.35">
      <c r="A52822" s="1" t="s">
        <v>9399</v>
      </c>
      <c r="B52822" s="1" t="s">
        <v>172484</v>
      </c>
      <c r="C52822" s="1" t="s">
        <v>110</v>
      </c>
      <c r="D52822" s="1" t="s">
        <v>178078</v>
      </c>
      <c r="E52822" s="1" t="s">
        <v>178079</v>
      </c>
      <c r="F52822" s="1" t="s">
        <v>178080</v>
      </c>
      <c r="G52822" s="1" t="s">
        <v>178011</v>
      </c>
      <c r="H52822" s="1" t="s">
        <v>178012</v>
      </c>
      <c r="I52822" s="1" t="s">
        <v>172490</v>
      </c>
      <c r="J52822" s="1" t="s">
        <v>178081</v>
      </c>
    </row>
    <row r="52823" spans="1:10" x14ac:dyDescent="0.35">
      <c r="A52823" s="1" t="s">
        <v>9399</v>
      </c>
      <c r="B52823" s="1" t="s">
        <v>172484</v>
      </c>
      <c r="C52823" s="1" t="s">
        <v>115</v>
      </c>
      <c r="D52823" s="1" t="s">
        <v>176640</v>
      </c>
      <c r="E52823" s="1" t="s">
        <v>178082</v>
      </c>
      <c r="F52823" s="1" t="s">
        <v>178083</v>
      </c>
      <c r="G52823" s="1" t="s">
        <v>178011</v>
      </c>
      <c r="H52823" s="1" t="s">
        <v>178012</v>
      </c>
      <c r="I52823" s="1" t="s">
        <v>172490</v>
      </c>
      <c r="J52823" s="1" t="s">
        <v>178084</v>
      </c>
    </row>
    <row r="52824" spans="1:10" x14ac:dyDescent="0.35">
      <c r="A52824" s="1" t="s">
        <v>9399</v>
      </c>
      <c r="B52824" s="1" t="s">
        <v>172484</v>
      </c>
      <c r="C52824" s="1" t="s">
        <v>120</v>
      </c>
      <c r="D52824" s="1" t="s">
        <v>37023</v>
      </c>
      <c r="E52824" s="1" t="s">
        <v>178085</v>
      </c>
      <c r="F52824" s="1" t="s">
        <v>178086</v>
      </c>
      <c r="G52824" s="1" t="s">
        <v>178011</v>
      </c>
      <c r="H52824" s="1" t="s">
        <v>178012</v>
      </c>
      <c r="I52824" s="1" t="s">
        <v>172490</v>
      </c>
      <c r="J52824" s="1" t="s">
        <v>178087</v>
      </c>
    </row>
    <row r="52825" spans="1:10" x14ac:dyDescent="0.35">
      <c r="A52825" s="1" t="s">
        <v>9399</v>
      </c>
      <c r="B52825" s="1" t="s">
        <v>172484</v>
      </c>
      <c r="C52825" s="1" t="s">
        <v>125</v>
      </c>
      <c r="D52825" s="1" t="s">
        <v>178088</v>
      </c>
      <c r="E52825" s="1" t="s">
        <v>178089</v>
      </c>
      <c r="F52825" s="1" t="s">
        <v>178090</v>
      </c>
      <c r="G52825" s="1" t="s">
        <v>178011</v>
      </c>
      <c r="H52825" s="1" t="s">
        <v>178012</v>
      </c>
      <c r="I52825" s="1" t="s">
        <v>172490</v>
      </c>
      <c r="J52825" s="1" t="s">
        <v>178091</v>
      </c>
    </row>
    <row r="52826" spans="1:10" x14ac:dyDescent="0.35">
      <c r="A52826" s="1" t="s">
        <v>9399</v>
      </c>
      <c r="B52826" s="1" t="s">
        <v>172484</v>
      </c>
      <c r="C52826" s="1" t="s">
        <v>130</v>
      </c>
      <c r="D52826" s="1" t="s">
        <v>178092</v>
      </c>
      <c r="E52826" s="1" t="s">
        <v>178093</v>
      </c>
      <c r="F52826" s="1" t="s">
        <v>178094</v>
      </c>
      <c r="G52826" s="1" t="s">
        <v>178011</v>
      </c>
      <c r="H52826" s="1" t="s">
        <v>178012</v>
      </c>
      <c r="I52826" s="1" t="s">
        <v>172490</v>
      </c>
      <c r="J52826" s="1" t="s">
        <v>178095</v>
      </c>
    </row>
    <row r="52827" spans="1:10" x14ac:dyDescent="0.35">
      <c r="A52827" s="1" t="s">
        <v>9399</v>
      </c>
      <c r="B52827" s="1" t="s">
        <v>172484</v>
      </c>
      <c r="C52827" s="1" t="s">
        <v>135</v>
      </c>
      <c r="D52827" s="1" t="s">
        <v>178096</v>
      </c>
      <c r="E52827" s="1" t="s">
        <v>178097</v>
      </c>
      <c r="F52827" s="1" t="s">
        <v>178098</v>
      </c>
      <c r="G52827" s="1" t="s">
        <v>178011</v>
      </c>
      <c r="H52827" s="1" t="s">
        <v>178012</v>
      </c>
      <c r="I52827" s="1" t="s">
        <v>172490</v>
      </c>
      <c r="J52827" s="1" t="s">
        <v>178099</v>
      </c>
    </row>
    <row r="52828" spans="1:10" x14ac:dyDescent="0.35">
      <c r="A52828" s="1" t="s">
        <v>9399</v>
      </c>
      <c r="B52828" s="1" t="s">
        <v>172484</v>
      </c>
      <c r="C52828" s="1" t="s">
        <v>140</v>
      </c>
      <c r="D52828" s="1" t="s">
        <v>42860</v>
      </c>
      <c r="E52828" s="1" t="s">
        <v>178100</v>
      </c>
      <c r="F52828" s="1" t="s">
        <v>178101</v>
      </c>
      <c r="G52828" s="1" t="s">
        <v>178011</v>
      </c>
      <c r="H52828" s="1" t="s">
        <v>178012</v>
      </c>
      <c r="I52828" s="1" t="s">
        <v>172490</v>
      </c>
      <c r="J52828" s="1" t="s">
        <v>178102</v>
      </c>
    </row>
    <row r="52829" spans="1:10" x14ac:dyDescent="0.35">
      <c r="A52829" s="1" t="s">
        <v>9399</v>
      </c>
      <c r="B52829" s="1" t="s">
        <v>172484</v>
      </c>
      <c r="C52829" s="1" t="s">
        <v>145</v>
      </c>
      <c r="D52829" s="1" t="s">
        <v>178103</v>
      </c>
      <c r="E52829" s="1" t="s">
        <v>178104</v>
      </c>
      <c r="F52829" s="1" t="s">
        <v>178105</v>
      </c>
      <c r="G52829" s="1" t="s">
        <v>178011</v>
      </c>
      <c r="H52829" s="1" t="s">
        <v>178012</v>
      </c>
      <c r="I52829" s="1" t="s">
        <v>172490</v>
      </c>
      <c r="J52829" s="1" t="s">
        <v>178106</v>
      </c>
    </row>
    <row r="52830" spans="1:10" x14ac:dyDescent="0.35">
      <c r="A52830" s="1" t="s">
        <v>9399</v>
      </c>
      <c r="B52830" s="1" t="s">
        <v>172484</v>
      </c>
      <c r="C52830" s="1" t="s">
        <v>150</v>
      </c>
      <c r="D52830" s="1" t="s">
        <v>173513</v>
      </c>
      <c r="E52830" s="1" t="s">
        <v>178107</v>
      </c>
      <c r="F52830" s="1" t="s">
        <v>178108</v>
      </c>
      <c r="G52830" s="1" t="s">
        <v>178011</v>
      </c>
      <c r="H52830" s="1" t="s">
        <v>178012</v>
      </c>
      <c r="I52830" s="1" t="s">
        <v>172490</v>
      </c>
      <c r="J52830" s="1" t="s">
        <v>178109</v>
      </c>
    </row>
    <row r="52831" spans="1:10" x14ac:dyDescent="0.35">
      <c r="A52831" s="1" t="s">
        <v>9399</v>
      </c>
      <c r="B52831" s="1" t="s">
        <v>172484</v>
      </c>
      <c r="C52831" s="1" t="s">
        <v>155</v>
      </c>
      <c r="D52831" s="1" t="s">
        <v>178110</v>
      </c>
      <c r="E52831" s="1" t="s">
        <v>178111</v>
      </c>
      <c r="F52831" s="1" t="s">
        <v>178112</v>
      </c>
      <c r="G52831" s="1" t="s">
        <v>178011</v>
      </c>
      <c r="H52831" s="1" t="s">
        <v>178012</v>
      </c>
      <c r="I52831" s="1" t="s">
        <v>172490</v>
      </c>
      <c r="J52831" s="1" t="s">
        <v>178113</v>
      </c>
    </row>
    <row r="52832" spans="1:10" x14ac:dyDescent="0.35">
      <c r="A52832" s="1" t="s">
        <v>9399</v>
      </c>
      <c r="B52832" s="1" t="s">
        <v>172484</v>
      </c>
      <c r="C52832" s="1" t="s">
        <v>160</v>
      </c>
      <c r="D52832" s="1" t="s">
        <v>178114</v>
      </c>
      <c r="E52832" s="1" t="s">
        <v>178115</v>
      </c>
      <c r="F52832" s="1" t="s">
        <v>178116</v>
      </c>
      <c r="G52832" s="1" t="s">
        <v>178011</v>
      </c>
      <c r="H52832" s="1" t="s">
        <v>178012</v>
      </c>
      <c r="I52832" s="1" t="s">
        <v>172490</v>
      </c>
      <c r="J52832" s="1" t="s">
        <v>178117</v>
      </c>
    </row>
    <row r="52833" spans="1:10" x14ac:dyDescent="0.35">
      <c r="A52833" s="1" t="s">
        <v>9399</v>
      </c>
      <c r="B52833" s="1" t="s">
        <v>172484</v>
      </c>
      <c r="C52833" s="1" t="s">
        <v>165</v>
      </c>
      <c r="D52833" s="1" t="s">
        <v>106420</v>
      </c>
      <c r="E52833" s="1" t="s">
        <v>178118</v>
      </c>
      <c r="F52833" s="1" t="s">
        <v>178119</v>
      </c>
      <c r="G52833" s="1" t="s">
        <v>178011</v>
      </c>
      <c r="H52833" s="1" t="s">
        <v>178012</v>
      </c>
      <c r="I52833" s="1" t="s">
        <v>172490</v>
      </c>
      <c r="J52833" s="1" t="s">
        <v>178120</v>
      </c>
    </row>
    <row r="52834" spans="1:10" x14ac:dyDescent="0.35">
      <c r="A52834" s="1" t="s">
        <v>9399</v>
      </c>
      <c r="B52834" s="1" t="s">
        <v>172484</v>
      </c>
      <c r="C52834" s="1" t="s">
        <v>170</v>
      </c>
      <c r="D52834" s="1" t="s">
        <v>178121</v>
      </c>
      <c r="E52834" s="1" t="s">
        <v>178122</v>
      </c>
      <c r="F52834" s="1" t="s">
        <v>178123</v>
      </c>
      <c r="G52834" s="1" t="s">
        <v>178011</v>
      </c>
      <c r="H52834" s="1" t="s">
        <v>178012</v>
      </c>
      <c r="I52834" s="1" t="s">
        <v>172490</v>
      </c>
      <c r="J52834" s="1" t="s">
        <v>178124</v>
      </c>
    </row>
    <row r="52835" spans="1:10" x14ac:dyDescent="0.35">
      <c r="A52835" s="1" t="s">
        <v>119428</v>
      </c>
      <c r="B52835" s="1" t="s">
        <v>172484</v>
      </c>
      <c r="C52835" s="1" t="s">
        <v>8</v>
      </c>
      <c r="D52835" s="1" t="s">
        <v>178125</v>
      </c>
      <c r="E52835" s="1" t="s">
        <v>178126</v>
      </c>
      <c r="F52835" s="1" t="s">
        <v>178127</v>
      </c>
      <c r="G52835" s="1" t="s">
        <v>178128</v>
      </c>
      <c r="H52835" s="1" t="s">
        <v>178129</v>
      </c>
      <c r="I52835" s="1" t="s">
        <v>172490</v>
      </c>
      <c r="J52835" s="1" t="s">
        <v>13</v>
      </c>
    </row>
    <row r="52836" spans="1:10" x14ac:dyDescent="0.35">
      <c r="A52836" s="1" t="s">
        <v>119428</v>
      </c>
      <c r="B52836" s="1" t="s">
        <v>172484</v>
      </c>
      <c r="C52836" s="1" t="s">
        <v>15</v>
      </c>
      <c r="D52836" s="1" t="s">
        <v>73397</v>
      </c>
      <c r="E52836" s="1" t="s">
        <v>178130</v>
      </c>
      <c r="F52836" s="1" t="s">
        <v>178131</v>
      </c>
      <c r="G52836" s="1" t="s">
        <v>178128</v>
      </c>
      <c r="H52836" s="1" t="s">
        <v>178129</v>
      </c>
      <c r="I52836" s="1" t="s">
        <v>172490</v>
      </c>
      <c r="J52836" s="1" t="s">
        <v>178132</v>
      </c>
    </row>
    <row r="52837" spans="1:10" x14ac:dyDescent="0.35">
      <c r="A52837" s="1" t="s">
        <v>119428</v>
      </c>
      <c r="B52837" s="1" t="s">
        <v>172484</v>
      </c>
      <c r="C52837" s="1" t="s">
        <v>20</v>
      </c>
      <c r="D52837" s="1" t="s">
        <v>72404</v>
      </c>
      <c r="E52837" s="1" t="s">
        <v>178133</v>
      </c>
      <c r="F52837" s="1" t="s">
        <v>178134</v>
      </c>
      <c r="G52837" s="1" t="s">
        <v>178128</v>
      </c>
      <c r="H52837" s="1" t="s">
        <v>178129</v>
      </c>
      <c r="I52837" s="1" t="s">
        <v>172490</v>
      </c>
      <c r="J52837" s="1" t="s">
        <v>178135</v>
      </c>
    </row>
    <row r="52838" spans="1:10" x14ac:dyDescent="0.35">
      <c r="A52838" s="1" t="s">
        <v>119428</v>
      </c>
      <c r="B52838" s="1" t="s">
        <v>172484</v>
      </c>
      <c r="C52838" s="1" t="s">
        <v>25</v>
      </c>
      <c r="D52838" s="1" t="s">
        <v>2973</v>
      </c>
      <c r="E52838" s="1" t="s">
        <v>178136</v>
      </c>
      <c r="F52838" s="1" t="s">
        <v>178137</v>
      </c>
      <c r="G52838" s="1" t="s">
        <v>178128</v>
      </c>
      <c r="H52838" s="1" t="s">
        <v>178129</v>
      </c>
      <c r="I52838" s="1" t="s">
        <v>172490</v>
      </c>
      <c r="J52838" s="1" t="s">
        <v>178138</v>
      </c>
    </row>
    <row r="52839" spans="1:10" x14ac:dyDescent="0.35">
      <c r="A52839" s="1" t="s">
        <v>119428</v>
      </c>
      <c r="B52839" s="1" t="s">
        <v>172484</v>
      </c>
      <c r="C52839" s="1" t="s">
        <v>30</v>
      </c>
      <c r="D52839" s="1" t="s">
        <v>32792</v>
      </c>
      <c r="E52839" s="1" t="s">
        <v>178139</v>
      </c>
      <c r="F52839" s="1" t="s">
        <v>178140</v>
      </c>
      <c r="G52839" s="1" t="s">
        <v>178128</v>
      </c>
      <c r="H52839" s="1" t="s">
        <v>178129</v>
      </c>
      <c r="I52839" s="1" t="s">
        <v>172490</v>
      </c>
      <c r="J52839" s="1" t="s">
        <v>178141</v>
      </c>
    </row>
    <row r="52840" spans="1:10" x14ac:dyDescent="0.35">
      <c r="A52840" s="1" t="s">
        <v>119428</v>
      </c>
      <c r="B52840" s="1" t="s">
        <v>172484</v>
      </c>
      <c r="C52840" s="1" t="s">
        <v>35</v>
      </c>
      <c r="D52840" s="1" t="s">
        <v>640</v>
      </c>
      <c r="E52840" s="1" t="s">
        <v>178142</v>
      </c>
      <c r="F52840" s="1" t="s">
        <v>178143</v>
      </c>
      <c r="G52840" s="1" t="s">
        <v>178128</v>
      </c>
      <c r="H52840" s="1" t="s">
        <v>178129</v>
      </c>
      <c r="I52840" s="1" t="s">
        <v>172490</v>
      </c>
      <c r="J52840" s="1" t="s">
        <v>178144</v>
      </c>
    </row>
    <row r="52841" spans="1:10" x14ac:dyDescent="0.35">
      <c r="A52841" s="1" t="s">
        <v>119428</v>
      </c>
      <c r="B52841" s="1" t="s">
        <v>172484</v>
      </c>
      <c r="C52841" s="1" t="s">
        <v>40</v>
      </c>
      <c r="D52841" s="1" t="s">
        <v>148789</v>
      </c>
      <c r="E52841" s="1" t="s">
        <v>178145</v>
      </c>
      <c r="F52841" s="1" t="s">
        <v>178146</v>
      </c>
      <c r="G52841" s="1" t="s">
        <v>178128</v>
      </c>
      <c r="H52841" s="1" t="s">
        <v>178129</v>
      </c>
      <c r="I52841" s="1" t="s">
        <v>172490</v>
      </c>
      <c r="J52841" s="1" t="s">
        <v>178147</v>
      </c>
    </row>
    <row r="52842" spans="1:10" x14ac:dyDescent="0.35">
      <c r="A52842" s="1" t="s">
        <v>119428</v>
      </c>
      <c r="B52842" s="1" t="s">
        <v>172484</v>
      </c>
      <c r="C52842" s="1" t="s">
        <v>45</v>
      </c>
      <c r="D52842" s="1" t="s">
        <v>178148</v>
      </c>
      <c r="E52842" s="1" t="s">
        <v>178149</v>
      </c>
      <c r="F52842" s="1" t="s">
        <v>178150</v>
      </c>
      <c r="G52842" s="1" t="s">
        <v>178128</v>
      </c>
      <c r="H52842" s="1" t="s">
        <v>178129</v>
      </c>
      <c r="I52842" s="1" t="s">
        <v>172490</v>
      </c>
      <c r="J52842" s="1" t="s">
        <v>178151</v>
      </c>
    </row>
    <row r="52843" spans="1:10" x14ac:dyDescent="0.35">
      <c r="A52843" s="1" t="s">
        <v>119428</v>
      </c>
      <c r="B52843" s="1" t="s">
        <v>172484</v>
      </c>
      <c r="C52843" s="1" t="s">
        <v>50</v>
      </c>
      <c r="D52843" s="1" t="s">
        <v>47744</v>
      </c>
      <c r="E52843" s="1" t="s">
        <v>178152</v>
      </c>
      <c r="F52843" s="1" t="s">
        <v>178153</v>
      </c>
      <c r="G52843" s="1" t="s">
        <v>178128</v>
      </c>
      <c r="H52843" s="1" t="s">
        <v>178129</v>
      </c>
      <c r="I52843" s="1" t="s">
        <v>172490</v>
      </c>
      <c r="J52843" s="1" t="s">
        <v>178154</v>
      </c>
    </row>
    <row r="52844" spans="1:10" x14ac:dyDescent="0.35">
      <c r="A52844" s="1" t="s">
        <v>119428</v>
      </c>
      <c r="B52844" s="1" t="s">
        <v>172484</v>
      </c>
      <c r="C52844" s="1" t="s">
        <v>55</v>
      </c>
      <c r="D52844" s="1" t="s">
        <v>178155</v>
      </c>
      <c r="E52844" s="1" t="s">
        <v>178156</v>
      </c>
      <c r="F52844" s="1" t="s">
        <v>178157</v>
      </c>
      <c r="G52844" s="1" t="s">
        <v>178128</v>
      </c>
      <c r="H52844" s="1" t="s">
        <v>178129</v>
      </c>
      <c r="I52844" s="1" t="s">
        <v>172490</v>
      </c>
      <c r="J52844" s="1" t="s">
        <v>178158</v>
      </c>
    </row>
    <row r="52845" spans="1:10" x14ac:dyDescent="0.35">
      <c r="A52845" s="1" t="s">
        <v>119428</v>
      </c>
      <c r="B52845" s="1" t="s">
        <v>172484</v>
      </c>
      <c r="C52845" s="1" t="s">
        <v>60</v>
      </c>
      <c r="D52845" s="1" t="s">
        <v>32665</v>
      </c>
      <c r="E52845" s="1" t="s">
        <v>178159</v>
      </c>
      <c r="F52845" s="1" t="s">
        <v>178160</v>
      </c>
      <c r="G52845" s="1" t="s">
        <v>178128</v>
      </c>
      <c r="H52845" s="1" t="s">
        <v>178129</v>
      </c>
      <c r="I52845" s="1" t="s">
        <v>172490</v>
      </c>
      <c r="J52845" s="1" t="s">
        <v>178161</v>
      </c>
    </row>
    <row r="52846" spans="1:10" x14ac:dyDescent="0.35">
      <c r="A52846" s="1" t="s">
        <v>119428</v>
      </c>
      <c r="B52846" s="1" t="s">
        <v>172484</v>
      </c>
      <c r="C52846" s="1" t="s">
        <v>65</v>
      </c>
      <c r="D52846" s="1" t="s">
        <v>178162</v>
      </c>
      <c r="E52846" s="1" t="s">
        <v>178163</v>
      </c>
      <c r="F52846" s="1" t="s">
        <v>178164</v>
      </c>
      <c r="G52846" s="1" t="s">
        <v>178128</v>
      </c>
      <c r="H52846" s="1" t="s">
        <v>178129</v>
      </c>
      <c r="I52846" s="1" t="s">
        <v>172490</v>
      </c>
      <c r="J52846" s="1" t="s">
        <v>178165</v>
      </c>
    </row>
    <row r="52847" spans="1:10" x14ac:dyDescent="0.35">
      <c r="A52847" s="1" t="s">
        <v>119428</v>
      </c>
      <c r="B52847" s="1" t="s">
        <v>172484</v>
      </c>
      <c r="C52847" s="1" t="s">
        <v>70</v>
      </c>
      <c r="D52847" s="1" t="s">
        <v>178166</v>
      </c>
      <c r="E52847" s="1" t="s">
        <v>178167</v>
      </c>
      <c r="F52847" s="1" t="s">
        <v>178168</v>
      </c>
      <c r="G52847" s="1" t="s">
        <v>178128</v>
      </c>
      <c r="H52847" s="1" t="s">
        <v>178129</v>
      </c>
      <c r="I52847" s="1" t="s">
        <v>172490</v>
      </c>
      <c r="J52847" s="1" t="s">
        <v>178169</v>
      </c>
    </row>
    <row r="52848" spans="1:10" x14ac:dyDescent="0.35">
      <c r="A52848" s="1" t="s">
        <v>119428</v>
      </c>
      <c r="B52848" s="1" t="s">
        <v>172484</v>
      </c>
      <c r="C52848" s="1" t="s">
        <v>75</v>
      </c>
      <c r="D52848" s="1" t="s">
        <v>178170</v>
      </c>
      <c r="E52848" s="1" t="s">
        <v>178171</v>
      </c>
      <c r="F52848" s="1" t="s">
        <v>178172</v>
      </c>
      <c r="G52848" s="1" t="s">
        <v>178128</v>
      </c>
      <c r="H52848" s="1" t="s">
        <v>178129</v>
      </c>
      <c r="I52848" s="1" t="s">
        <v>172490</v>
      </c>
      <c r="J52848" s="1" t="s">
        <v>178173</v>
      </c>
    </row>
    <row r="52849" spans="1:10" x14ac:dyDescent="0.35">
      <c r="A52849" s="1" t="s">
        <v>119428</v>
      </c>
      <c r="B52849" s="1" t="s">
        <v>172484</v>
      </c>
      <c r="C52849" s="1" t="s">
        <v>80</v>
      </c>
      <c r="D52849" s="1" t="s">
        <v>178174</v>
      </c>
      <c r="E52849" s="1" t="s">
        <v>178175</v>
      </c>
      <c r="F52849" s="1" t="s">
        <v>178176</v>
      </c>
      <c r="G52849" s="1" t="s">
        <v>178128</v>
      </c>
      <c r="H52849" s="1" t="s">
        <v>178129</v>
      </c>
      <c r="I52849" s="1" t="s">
        <v>172490</v>
      </c>
      <c r="J52849" s="1" t="s">
        <v>178177</v>
      </c>
    </row>
    <row r="52850" spans="1:10" x14ac:dyDescent="0.35">
      <c r="A52850" s="1" t="s">
        <v>119428</v>
      </c>
      <c r="B52850" s="1" t="s">
        <v>172484</v>
      </c>
      <c r="C52850" s="1" t="s">
        <v>85</v>
      </c>
      <c r="D52850" s="1" t="s">
        <v>178178</v>
      </c>
      <c r="E52850" s="1" t="s">
        <v>178179</v>
      </c>
      <c r="F52850" s="1" t="s">
        <v>178180</v>
      </c>
      <c r="G52850" s="1" t="s">
        <v>178128</v>
      </c>
      <c r="H52850" s="1" t="s">
        <v>178129</v>
      </c>
      <c r="I52850" s="1" t="s">
        <v>172490</v>
      </c>
      <c r="J52850" s="1" t="s">
        <v>178181</v>
      </c>
    </row>
    <row r="52851" spans="1:10" x14ac:dyDescent="0.35">
      <c r="A52851" s="1" t="s">
        <v>119428</v>
      </c>
      <c r="B52851" s="1" t="s">
        <v>172484</v>
      </c>
      <c r="C52851" s="1" t="s">
        <v>90</v>
      </c>
      <c r="D52851" s="1" t="s">
        <v>178182</v>
      </c>
      <c r="E52851" s="1" t="s">
        <v>178183</v>
      </c>
      <c r="F52851" s="1" t="s">
        <v>178184</v>
      </c>
      <c r="G52851" s="1" t="s">
        <v>178128</v>
      </c>
      <c r="H52851" s="1" t="s">
        <v>178129</v>
      </c>
      <c r="I52851" s="1" t="s">
        <v>172490</v>
      </c>
      <c r="J52851" s="1" t="s">
        <v>178185</v>
      </c>
    </row>
    <row r="52852" spans="1:10" x14ac:dyDescent="0.35">
      <c r="A52852" s="1" t="s">
        <v>119428</v>
      </c>
      <c r="B52852" s="1" t="s">
        <v>172484</v>
      </c>
      <c r="C52852" s="1" t="s">
        <v>95</v>
      </c>
      <c r="D52852" s="1" t="s">
        <v>141423</v>
      </c>
      <c r="E52852" s="1" t="s">
        <v>178186</v>
      </c>
      <c r="F52852" s="1" t="s">
        <v>178187</v>
      </c>
      <c r="G52852" s="1" t="s">
        <v>178128</v>
      </c>
      <c r="H52852" s="1" t="s">
        <v>178129</v>
      </c>
      <c r="I52852" s="1" t="s">
        <v>172490</v>
      </c>
      <c r="J52852" s="1" t="s">
        <v>178188</v>
      </c>
    </row>
    <row r="52853" spans="1:10" x14ac:dyDescent="0.35">
      <c r="A52853" s="1" t="s">
        <v>119428</v>
      </c>
      <c r="B52853" s="1" t="s">
        <v>172484</v>
      </c>
      <c r="C52853" s="1" t="s">
        <v>100</v>
      </c>
      <c r="D52853" s="1" t="s">
        <v>178189</v>
      </c>
      <c r="E52853" s="1" t="s">
        <v>178190</v>
      </c>
      <c r="F52853" s="1" t="s">
        <v>178191</v>
      </c>
      <c r="G52853" s="1" t="s">
        <v>178128</v>
      </c>
      <c r="H52853" s="1" t="s">
        <v>178129</v>
      </c>
      <c r="I52853" s="1" t="s">
        <v>172490</v>
      </c>
      <c r="J52853" s="1" t="s">
        <v>178192</v>
      </c>
    </row>
    <row r="52854" spans="1:10" x14ac:dyDescent="0.35">
      <c r="A52854" s="1" t="s">
        <v>119428</v>
      </c>
      <c r="B52854" s="1" t="s">
        <v>172484</v>
      </c>
      <c r="C52854" s="1" t="s">
        <v>105</v>
      </c>
      <c r="D52854" s="1" t="s">
        <v>178193</v>
      </c>
      <c r="E52854" s="1" t="s">
        <v>178194</v>
      </c>
      <c r="F52854" s="1" t="s">
        <v>178195</v>
      </c>
      <c r="G52854" s="1" t="s">
        <v>178128</v>
      </c>
      <c r="H52854" s="1" t="s">
        <v>178129</v>
      </c>
      <c r="I52854" s="1" t="s">
        <v>172490</v>
      </c>
      <c r="J52854" s="1" t="s">
        <v>178196</v>
      </c>
    </row>
    <row r="52855" spans="1:10" x14ac:dyDescent="0.35">
      <c r="A52855" s="1" t="s">
        <v>119428</v>
      </c>
      <c r="B52855" s="1" t="s">
        <v>172484</v>
      </c>
      <c r="C52855" s="1" t="s">
        <v>110</v>
      </c>
      <c r="D52855" s="1" t="s">
        <v>178197</v>
      </c>
      <c r="E52855" s="1" t="s">
        <v>178198</v>
      </c>
      <c r="F52855" s="1" t="s">
        <v>178199</v>
      </c>
      <c r="G52855" s="1" t="s">
        <v>178128</v>
      </c>
      <c r="H52855" s="1" t="s">
        <v>178129</v>
      </c>
      <c r="I52855" s="1" t="s">
        <v>172490</v>
      </c>
      <c r="J52855" s="1" t="s">
        <v>178200</v>
      </c>
    </row>
    <row r="52856" spans="1:10" x14ac:dyDescent="0.35">
      <c r="A52856" s="1" t="s">
        <v>119428</v>
      </c>
      <c r="B52856" s="1" t="s">
        <v>172484</v>
      </c>
      <c r="C52856" s="1" t="s">
        <v>115</v>
      </c>
      <c r="D52856" s="1" t="s">
        <v>178201</v>
      </c>
      <c r="E52856" s="1" t="s">
        <v>178202</v>
      </c>
      <c r="F52856" s="1" t="s">
        <v>178203</v>
      </c>
      <c r="G52856" s="1" t="s">
        <v>178128</v>
      </c>
      <c r="H52856" s="1" t="s">
        <v>178129</v>
      </c>
      <c r="I52856" s="1" t="s">
        <v>172490</v>
      </c>
      <c r="J52856" s="1" t="s">
        <v>178204</v>
      </c>
    </row>
    <row r="52857" spans="1:10" x14ac:dyDescent="0.35">
      <c r="A52857" s="1" t="s">
        <v>119428</v>
      </c>
      <c r="B52857" s="1" t="s">
        <v>172484</v>
      </c>
      <c r="C52857" s="1" t="s">
        <v>120</v>
      </c>
      <c r="D52857" s="1" t="s">
        <v>159952</v>
      </c>
      <c r="E52857" s="1" t="s">
        <v>178205</v>
      </c>
      <c r="F52857" s="1" t="s">
        <v>178206</v>
      </c>
      <c r="G52857" s="1" t="s">
        <v>178128</v>
      </c>
      <c r="H52857" s="1" t="s">
        <v>178129</v>
      </c>
      <c r="I52857" s="1" t="s">
        <v>172490</v>
      </c>
      <c r="J52857" s="1" t="s">
        <v>178207</v>
      </c>
    </row>
    <row r="52858" spans="1:10" x14ac:dyDescent="0.35">
      <c r="A52858" s="1" t="s">
        <v>119428</v>
      </c>
      <c r="B52858" s="1" t="s">
        <v>172484</v>
      </c>
      <c r="C52858" s="1" t="s">
        <v>125</v>
      </c>
      <c r="D52858" s="1" t="s">
        <v>115175</v>
      </c>
      <c r="E52858" s="1" t="s">
        <v>178208</v>
      </c>
      <c r="F52858" s="1" t="s">
        <v>178209</v>
      </c>
      <c r="G52858" s="1" t="s">
        <v>178128</v>
      </c>
      <c r="H52858" s="1" t="s">
        <v>178129</v>
      </c>
      <c r="I52858" s="1" t="s">
        <v>172490</v>
      </c>
      <c r="J52858" s="1" t="s">
        <v>178210</v>
      </c>
    </row>
    <row r="52859" spans="1:10" x14ac:dyDescent="0.35">
      <c r="A52859" s="1" t="s">
        <v>119428</v>
      </c>
      <c r="B52859" s="1" t="s">
        <v>172484</v>
      </c>
      <c r="C52859" s="1" t="s">
        <v>130</v>
      </c>
      <c r="D52859" s="1" t="s">
        <v>178211</v>
      </c>
      <c r="E52859" s="1" t="s">
        <v>178212</v>
      </c>
      <c r="F52859" s="1" t="s">
        <v>178213</v>
      </c>
      <c r="G52859" s="1" t="s">
        <v>178128</v>
      </c>
      <c r="H52859" s="1" t="s">
        <v>178129</v>
      </c>
      <c r="I52859" s="1" t="s">
        <v>172490</v>
      </c>
      <c r="J52859" s="1" t="s">
        <v>178214</v>
      </c>
    </row>
    <row r="52860" spans="1:10" x14ac:dyDescent="0.35">
      <c r="A52860" s="1" t="s">
        <v>119428</v>
      </c>
      <c r="B52860" s="1" t="s">
        <v>172484</v>
      </c>
      <c r="C52860" s="1" t="s">
        <v>135</v>
      </c>
      <c r="D52860" s="1" t="s">
        <v>105410</v>
      </c>
      <c r="E52860" s="1" t="s">
        <v>178215</v>
      </c>
      <c r="F52860" s="1" t="s">
        <v>178216</v>
      </c>
      <c r="G52860" s="1" t="s">
        <v>178128</v>
      </c>
      <c r="H52860" s="1" t="s">
        <v>178129</v>
      </c>
      <c r="I52860" s="1" t="s">
        <v>172490</v>
      </c>
      <c r="J52860" s="1" t="s">
        <v>178217</v>
      </c>
    </row>
    <row r="52861" spans="1:10" x14ac:dyDescent="0.35">
      <c r="A52861" s="1" t="s">
        <v>119428</v>
      </c>
      <c r="B52861" s="1" t="s">
        <v>172484</v>
      </c>
      <c r="C52861" s="1" t="s">
        <v>140</v>
      </c>
      <c r="D52861" s="1" t="s">
        <v>75484</v>
      </c>
      <c r="E52861" s="1" t="s">
        <v>178218</v>
      </c>
      <c r="F52861" s="1" t="s">
        <v>178219</v>
      </c>
      <c r="G52861" s="1" t="s">
        <v>178128</v>
      </c>
      <c r="H52861" s="1" t="s">
        <v>178129</v>
      </c>
      <c r="I52861" s="1" t="s">
        <v>172490</v>
      </c>
      <c r="J52861" s="1" t="s">
        <v>178220</v>
      </c>
    </row>
    <row r="52862" spans="1:10" x14ac:dyDescent="0.35">
      <c r="A52862" s="1" t="s">
        <v>119428</v>
      </c>
      <c r="B52862" s="1" t="s">
        <v>172484</v>
      </c>
      <c r="C52862" s="1" t="s">
        <v>145</v>
      </c>
      <c r="D52862" s="1" t="s">
        <v>68651</v>
      </c>
      <c r="E52862" s="1" t="s">
        <v>178221</v>
      </c>
      <c r="F52862" s="1" t="s">
        <v>178222</v>
      </c>
      <c r="G52862" s="1" t="s">
        <v>178128</v>
      </c>
      <c r="H52862" s="1" t="s">
        <v>178129</v>
      </c>
      <c r="I52862" s="1" t="s">
        <v>172490</v>
      </c>
      <c r="J52862" s="1" t="s">
        <v>178223</v>
      </c>
    </row>
    <row r="52863" spans="1:10" x14ac:dyDescent="0.35">
      <c r="A52863" s="1" t="s">
        <v>119428</v>
      </c>
      <c r="B52863" s="1" t="s">
        <v>172484</v>
      </c>
      <c r="C52863" s="1" t="s">
        <v>150</v>
      </c>
      <c r="D52863" s="1" t="s">
        <v>98591</v>
      </c>
      <c r="E52863" s="1" t="s">
        <v>178224</v>
      </c>
      <c r="F52863" s="1" t="s">
        <v>178225</v>
      </c>
      <c r="G52863" s="1" t="s">
        <v>178128</v>
      </c>
      <c r="H52863" s="1" t="s">
        <v>178129</v>
      </c>
      <c r="I52863" s="1" t="s">
        <v>172490</v>
      </c>
      <c r="J52863" s="1" t="s">
        <v>178226</v>
      </c>
    </row>
    <row r="52864" spans="1:10" x14ac:dyDescent="0.35">
      <c r="A52864" s="1" t="s">
        <v>119428</v>
      </c>
      <c r="B52864" s="1" t="s">
        <v>172484</v>
      </c>
      <c r="C52864" s="1" t="s">
        <v>155</v>
      </c>
      <c r="D52864" s="1" t="s">
        <v>59373</v>
      </c>
      <c r="E52864" s="1" t="s">
        <v>178227</v>
      </c>
      <c r="F52864" s="1" t="s">
        <v>178228</v>
      </c>
      <c r="G52864" s="1" t="s">
        <v>178128</v>
      </c>
      <c r="H52864" s="1" t="s">
        <v>178129</v>
      </c>
      <c r="I52864" s="1" t="s">
        <v>172490</v>
      </c>
      <c r="J52864" s="1" t="s">
        <v>178229</v>
      </c>
    </row>
    <row r="52865" spans="1:10" x14ac:dyDescent="0.35">
      <c r="A52865" s="1" t="s">
        <v>119428</v>
      </c>
      <c r="B52865" s="1" t="s">
        <v>172484</v>
      </c>
      <c r="C52865" s="1" t="s">
        <v>160</v>
      </c>
      <c r="D52865" s="1" t="s">
        <v>117879</v>
      </c>
      <c r="E52865" s="1" t="s">
        <v>178230</v>
      </c>
      <c r="F52865" s="1" t="s">
        <v>178231</v>
      </c>
      <c r="G52865" s="1" t="s">
        <v>178128</v>
      </c>
      <c r="H52865" s="1" t="s">
        <v>178129</v>
      </c>
      <c r="I52865" s="1" t="s">
        <v>172490</v>
      </c>
      <c r="J52865" s="1" t="s">
        <v>178232</v>
      </c>
    </row>
    <row r="52866" spans="1:10" x14ac:dyDescent="0.35">
      <c r="A52866" s="1" t="s">
        <v>119428</v>
      </c>
      <c r="B52866" s="1" t="s">
        <v>172484</v>
      </c>
      <c r="C52866" s="1" t="s">
        <v>165</v>
      </c>
      <c r="D52866" s="1" t="s">
        <v>18362</v>
      </c>
      <c r="E52866" s="1" t="s">
        <v>178233</v>
      </c>
      <c r="F52866" s="1" t="s">
        <v>178234</v>
      </c>
      <c r="G52866" s="1" t="s">
        <v>178128</v>
      </c>
      <c r="H52866" s="1" t="s">
        <v>178129</v>
      </c>
      <c r="I52866" s="1" t="s">
        <v>172490</v>
      </c>
      <c r="J52866" s="1" t="s">
        <v>178235</v>
      </c>
    </row>
    <row r="52867" spans="1:10" x14ac:dyDescent="0.35">
      <c r="A52867" s="1" t="s">
        <v>119428</v>
      </c>
      <c r="B52867" s="1" t="s">
        <v>172484</v>
      </c>
      <c r="C52867" s="1" t="s">
        <v>170</v>
      </c>
      <c r="D52867" s="1" t="s">
        <v>140553</v>
      </c>
      <c r="E52867" s="1" t="s">
        <v>178236</v>
      </c>
      <c r="F52867" s="1" t="s">
        <v>178237</v>
      </c>
      <c r="G52867" s="1" t="s">
        <v>178128</v>
      </c>
      <c r="H52867" s="1" t="s">
        <v>178129</v>
      </c>
      <c r="I52867" s="1" t="s">
        <v>172490</v>
      </c>
      <c r="J52867" s="1" t="s">
        <v>178238</v>
      </c>
    </row>
    <row r="52868" spans="1:10" x14ac:dyDescent="0.35">
      <c r="A52868" s="1" t="s">
        <v>29760</v>
      </c>
      <c r="B52868" s="1" t="s">
        <v>172484</v>
      </c>
      <c r="C52868" s="1" t="s">
        <v>8</v>
      </c>
      <c r="D52868" s="1" t="s">
        <v>178239</v>
      </c>
      <c r="E52868" s="1" t="s">
        <v>178240</v>
      </c>
      <c r="F52868" s="1" t="s">
        <v>178241</v>
      </c>
      <c r="G52868" s="1" t="s">
        <v>178242</v>
      </c>
      <c r="H52868" s="1" t="s">
        <v>178243</v>
      </c>
      <c r="I52868" s="1" t="s">
        <v>172490</v>
      </c>
      <c r="J52868" s="1" t="s">
        <v>13</v>
      </c>
    </row>
    <row r="52869" spans="1:10" x14ac:dyDescent="0.35">
      <c r="A52869" s="1" t="s">
        <v>29760</v>
      </c>
      <c r="B52869" s="1" t="s">
        <v>172484</v>
      </c>
      <c r="C52869" s="1" t="s">
        <v>15</v>
      </c>
      <c r="D52869" s="1" t="s">
        <v>118765</v>
      </c>
      <c r="E52869" s="1" t="s">
        <v>178244</v>
      </c>
      <c r="F52869" s="1" t="s">
        <v>178245</v>
      </c>
      <c r="G52869" s="1" t="s">
        <v>178242</v>
      </c>
      <c r="H52869" s="1" t="s">
        <v>178243</v>
      </c>
      <c r="I52869" s="1" t="s">
        <v>172490</v>
      </c>
      <c r="J52869" s="1" t="s">
        <v>178246</v>
      </c>
    </row>
    <row r="52870" spans="1:10" x14ac:dyDescent="0.35">
      <c r="A52870" s="1" t="s">
        <v>29760</v>
      </c>
      <c r="B52870" s="1" t="s">
        <v>172484</v>
      </c>
      <c r="C52870" s="1" t="s">
        <v>20</v>
      </c>
      <c r="D52870" s="1" t="s">
        <v>45677</v>
      </c>
      <c r="E52870" s="1" t="s">
        <v>178247</v>
      </c>
      <c r="F52870" s="1" t="s">
        <v>178248</v>
      </c>
      <c r="G52870" s="1" t="s">
        <v>178242</v>
      </c>
      <c r="H52870" s="1" t="s">
        <v>178243</v>
      </c>
      <c r="I52870" s="1" t="s">
        <v>172490</v>
      </c>
      <c r="J52870" s="1" t="s">
        <v>178249</v>
      </c>
    </row>
    <row r="52871" spans="1:10" x14ac:dyDescent="0.35">
      <c r="A52871" s="1" t="s">
        <v>29760</v>
      </c>
      <c r="B52871" s="1" t="s">
        <v>172484</v>
      </c>
      <c r="C52871" s="1" t="s">
        <v>25</v>
      </c>
      <c r="D52871" s="1" t="s">
        <v>9609</v>
      </c>
      <c r="E52871" s="1" t="s">
        <v>178250</v>
      </c>
      <c r="F52871" s="1" t="s">
        <v>178251</v>
      </c>
      <c r="G52871" s="1" t="s">
        <v>178242</v>
      </c>
      <c r="H52871" s="1" t="s">
        <v>178243</v>
      </c>
      <c r="I52871" s="1" t="s">
        <v>172490</v>
      </c>
      <c r="J52871" s="1" t="s">
        <v>178252</v>
      </c>
    </row>
    <row r="52872" spans="1:10" x14ac:dyDescent="0.35">
      <c r="A52872" s="1" t="s">
        <v>29760</v>
      </c>
      <c r="B52872" s="1" t="s">
        <v>172484</v>
      </c>
      <c r="C52872" s="1" t="s">
        <v>30</v>
      </c>
      <c r="D52872" s="1" t="s">
        <v>36403</v>
      </c>
      <c r="E52872" s="1" t="s">
        <v>178253</v>
      </c>
      <c r="F52872" s="1" t="s">
        <v>178254</v>
      </c>
      <c r="G52872" s="1" t="s">
        <v>178242</v>
      </c>
      <c r="H52872" s="1" t="s">
        <v>178243</v>
      </c>
      <c r="I52872" s="1" t="s">
        <v>172490</v>
      </c>
      <c r="J52872" s="1" t="s">
        <v>178255</v>
      </c>
    </row>
    <row r="52873" spans="1:10" x14ac:dyDescent="0.35">
      <c r="A52873" s="1" t="s">
        <v>29760</v>
      </c>
      <c r="B52873" s="1" t="s">
        <v>172484</v>
      </c>
      <c r="C52873" s="1" t="s">
        <v>35</v>
      </c>
      <c r="D52873" s="1" t="s">
        <v>177961</v>
      </c>
      <c r="E52873" s="1" t="s">
        <v>178256</v>
      </c>
      <c r="F52873" s="1" t="s">
        <v>178257</v>
      </c>
      <c r="G52873" s="1" t="s">
        <v>178242</v>
      </c>
      <c r="H52873" s="1" t="s">
        <v>178243</v>
      </c>
      <c r="I52873" s="1" t="s">
        <v>172490</v>
      </c>
      <c r="J52873" s="1" t="s">
        <v>178258</v>
      </c>
    </row>
    <row r="52874" spans="1:10" x14ac:dyDescent="0.35">
      <c r="A52874" s="1" t="s">
        <v>29760</v>
      </c>
      <c r="B52874" s="1" t="s">
        <v>172484</v>
      </c>
      <c r="C52874" s="1" t="s">
        <v>40</v>
      </c>
      <c r="D52874" s="1" t="s">
        <v>114611</v>
      </c>
      <c r="E52874" s="1" t="s">
        <v>178259</v>
      </c>
      <c r="F52874" s="1" t="s">
        <v>178260</v>
      </c>
      <c r="G52874" s="1" t="s">
        <v>178242</v>
      </c>
      <c r="H52874" s="1" t="s">
        <v>178243</v>
      </c>
      <c r="I52874" s="1" t="s">
        <v>172490</v>
      </c>
      <c r="J52874" s="1" t="s">
        <v>178261</v>
      </c>
    </row>
    <row r="52875" spans="1:10" x14ac:dyDescent="0.35">
      <c r="A52875" s="1" t="s">
        <v>29760</v>
      </c>
      <c r="B52875" s="1" t="s">
        <v>172484</v>
      </c>
      <c r="C52875" s="1" t="s">
        <v>45</v>
      </c>
      <c r="D52875" s="1" t="s">
        <v>48478</v>
      </c>
      <c r="E52875" s="1" t="s">
        <v>178262</v>
      </c>
      <c r="F52875" s="1" t="s">
        <v>178263</v>
      </c>
      <c r="G52875" s="1" t="s">
        <v>178242</v>
      </c>
      <c r="H52875" s="1" t="s">
        <v>178243</v>
      </c>
      <c r="I52875" s="1" t="s">
        <v>172490</v>
      </c>
      <c r="J52875" s="1" t="s">
        <v>178264</v>
      </c>
    </row>
    <row r="52876" spans="1:10" x14ac:dyDescent="0.35">
      <c r="A52876" s="1" t="s">
        <v>29760</v>
      </c>
      <c r="B52876" s="1" t="s">
        <v>172484</v>
      </c>
      <c r="C52876" s="1" t="s">
        <v>50</v>
      </c>
      <c r="D52876" s="1" t="s">
        <v>160146</v>
      </c>
      <c r="E52876" s="1" t="s">
        <v>178265</v>
      </c>
      <c r="F52876" s="1" t="s">
        <v>178266</v>
      </c>
      <c r="G52876" s="1" t="s">
        <v>178242</v>
      </c>
      <c r="H52876" s="1" t="s">
        <v>178243</v>
      </c>
      <c r="I52876" s="1" t="s">
        <v>172490</v>
      </c>
      <c r="J52876" s="1" t="s">
        <v>178267</v>
      </c>
    </row>
    <row r="52877" spans="1:10" x14ac:dyDescent="0.35">
      <c r="A52877" s="1" t="s">
        <v>29760</v>
      </c>
      <c r="B52877" s="1" t="s">
        <v>172484</v>
      </c>
      <c r="C52877" s="1" t="s">
        <v>55</v>
      </c>
      <c r="D52877" s="1" t="s">
        <v>82674</v>
      </c>
      <c r="E52877" s="1" t="s">
        <v>178268</v>
      </c>
      <c r="F52877" s="1" t="s">
        <v>178269</v>
      </c>
      <c r="G52877" s="1" t="s">
        <v>178242</v>
      </c>
      <c r="H52877" s="1" t="s">
        <v>178243</v>
      </c>
      <c r="I52877" s="1" t="s">
        <v>172490</v>
      </c>
      <c r="J52877" s="1" t="s">
        <v>178270</v>
      </c>
    </row>
    <row r="52878" spans="1:10" x14ac:dyDescent="0.35">
      <c r="A52878" s="1" t="s">
        <v>29760</v>
      </c>
      <c r="B52878" s="1" t="s">
        <v>172484</v>
      </c>
      <c r="C52878" s="1" t="s">
        <v>60</v>
      </c>
      <c r="D52878" s="1" t="s">
        <v>178271</v>
      </c>
      <c r="E52878" s="1" t="s">
        <v>178272</v>
      </c>
      <c r="F52878" s="1" t="s">
        <v>178273</v>
      </c>
      <c r="G52878" s="1" t="s">
        <v>178242</v>
      </c>
      <c r="H52878" s="1" t="s">
        <v>178243</v>
      </c>
      <c r="I52878" s="1" t="s">
        <v>172490</v>
      </c>
      <c r="J52878" s="1" t="s">
        <v>178274</v>
      </c>
    </row>
    <row r="52879" spans="1:10" x14ac:dyDescent="0.35">
      <c r="A52879" s="1" t="s">
        <v>29760</v>
      </c>
      <c r="B52879" s="1" t="s">
        <v>172484</v>
      </c>
      <c r="C52879" s="1" t="s">
        <v>65</v>
      </c>
      <c r="D52879" s="1" t="s">
        <v>178275</v>
      </c>
      <c r="E52879" s="1" t="s">
        <v>178276</v>
      </c>
      <c r="F52879" s="1" t="s">
        <v>178277</v>
      </c>
      <c r="G52879" s="1" t="s">
        <v>178242</v>
      </c>
      <c r="H52879" s="1" t="s">
        <v>178243</v>
      </c>
      <c r="I52879" s="1" t="s">
        <v>172490</v>
      </c>
      <c r="J52879" s="1" t="s">
        <v>178278</v>
      </c>
    </row>
    <row r="52880" spans="1:10" x14ac:dyDescent="0.35">
      <c r="A52880" s="1" t="s">
        <v>29760</v>
      </c>
      <c r="B52880" s="1" t="s">
        <v>172484</v>
      </c>
      <c r="C52880" s="1" t="s">
        <v>70</v>
      </c>
      <c r="D52880" s="1" t="s">
        <v>178279</v>
      </c>
      <c r="E52880" s="1" t="s">
        <v>178280</v>
      </c>
      <c r="F52880" s="1" t="s">
        <v>178281</v>
      </c>
      <c r="G52880" s="1" t="s">
        <v>178242</v>
      </c>
      <c r="H52880" s="1" t="s">
        <v>178243</v>
      </c>
      <c r="I52880" s="1" t="s">
        <v>172490</v>
      </c>
      <c r="J52880" s="1" t="s">
        <v>178282</v>
      </c>
    </row>
    <row r="52881" spans="1:10" x14ac:dyDescent="0.35">
      <c r="A52881" s="1" t="s">
        <v>29760</v>
      </c>
      <c r="B52881" s="1" t="s">
        <v>172484</v>
      </c>
      <c r="C52881" s="1" t="s">
        <v>75</v>
      </c>
      <c r="D52881" s="1" t="s">
        <v>43015</v>
      </c>
      <c r="E52881" s="1" t="s">
        <v>178283</v>
      </c>
      <c r="F52881" s="1" t="s">
        <v>178284</v>
      </c>
      <c r="G52881" s="1" t="s">
        <v>178242</v>
      </c>
      <c r="H52881" s="1" t="s">
        <v>178243</v>
      </c>
      <c r="I52881" s="1" t="s">
        <v>172490</v>
      </c>
      <c r="J52881" s="1" t="s">
        <v>178285</v>
      </c>
    </row>
    <row r="52882" spans="1:10" x14ac:dyDescent="0.35">
      <c r="A52882" s="1" t="s">
        <v>29760</v>
      </c>
      <c r="B52882" s="1" t="s">
        <v>172484</v>
      </c>
      <c r="C52882" s="1" t="s">
        <v>80</v>
      </c>
      <c r="D52882" s="1" t="s">
        <v>178286</v>
      </c>
      <c r="E52882" s="1" t="s">
        <v>178287</v>
      </c>
      <c r="F52882" s="1" t="s">
        <v>178288</v>
      </c>
      <c r="G52882" s="1" t="s">
        <v>178242</v>
      </c>
      <c r="H52882" s="1" t="s">
        <v>178243</v>
      </c>
      <c r="I52882" s="1" t="s">
        <v>172490</v>
      </c>
      <c r="J52882" s="1" t="s">
        <v>178289</v>
      </c>
    </row>
    <row r="52883" spans="1:10" x14ac:dyDescent="0.35">
      <c r="A52883" s="1" t="s">
        <v>29760</v>
      </c>
      <c r="B52883" s="1" t="s">
        <v>172484</v>
      </c>
      <c r="C52883" s="1" t="s">
        <v>85</v>
      </c>
      <c r="D52883" s="1" t="s">
        <v>82269</v>
      </c>
      <c r="E52883" s="1" t="s">
        <v>178290</v>
      </c>
      <c r="F52883" s="1" t="s">
        <v>178291</v>
      </c>
      <c r="G52883" s="1" t="s">
        <v>178242</v>
      </c>
      <c r="H52883" s="1" t="s">
        <v>178243</v>
      </c>
      <c r="I52883" s="1" t="s">
        <v>172490</v>
      </c>
      <c r="J52883" s="1" t="s">
        <v>178292</v>
      </c>
    </row>
    <row r="52884" spans="1:10" x14ac:dyDescent="0.35">
      <c r="A52884" s="1" t="s">
        <v>29760</v>
      </c>
      <c r="B52884" s="1" t="s">
        <v>172484</v>
      </c>
      <c r="C52884" s="1" t="s">
        <v>90</v>
      </c>
      <c r="D52884" s="1" t="s">
        <v>141306</v>
      </c>
      <c r="E52884" s="1" t="s">
        <v>178293</v>
      </c>
      <c r="F52884" s="1" t="s">
        <v>178294</v>
      </c>
      <c r="G52884" s="1" t="s">
        <v>178242</v>
      </c>
      <c r="H52884" s="1" t="s">
        <v>178243</v>
      </c>
      <c r="I52884" s="1" t="s">
        <v>172490</v>
      </c>
      <c r="J52884" s="1" t="s">
        <v>178295</v>
      </c>
    </row>
    <row r="52885" spans="1:10" x14ac:dyDescent="0.35">
      <c r="A52885" s="1" t="s">
        <v>29760</v>
      </c>
      <c r="B52885" s="1" t="s">
        <v>172484</v>
      </c>
      <c r="C52885" s="1" t="s">
        <v>95</v>
      </c>
      <c r="D52885" s="1" t="s">
        <v>155654</v>
      </c>
      <c r="E52885" s="1" t="s">
        <v>178296</v>
      </c>
      <c r="F52885" s="1" t="s">
        <v>178297</v>
      </c>
      <c r="G52885" s="1" t="s">
        <v>178242</v>
      </c>
      <c r="H52885" s="1" t="s">
        <v>178243</v>
      </c>
      <c r="I52885" s="1" t="s">
        <v>172490</v>
      </c>
      <c r="J52885" s="1" t="s">
        <v>178298</v>
      </c>
    </row>
    <row r="52886" spans="1:10" x14ac:dyDescent="0.35">
      <c r="A52886" s="1" t="s">
        <v>29760</v>
      </c>
      <c r="B52886" s="1" t="s">
        <v>172484</v>
      </c>
      <c r="C52886" s="1" t="s">
        <v>100</v>
      </c>
      <c r="D52886" s="1" t="s">
        <v>178299</v>
      </c>
      <c r="E52886" s="1" t="s">
        <v>178300</v>
      </c>
      <c r="F52886" s="1" t="s">
        <v>178301</v>
      </c>
      <c r="G52886" s="1" t="s">
        <v>178242</v>
      </c>
      <c r="H52886" s="1" t="s">
        <v>178243</v>
      </c>
      <c r="I52886" s="1" t="s">
        <v>172490</v>
      </c>
      <c r="J52886" s="1" t="s">
        <v>178302</v>
      </c>
    </row>
    <row r="52887" spans="1:10" x14ac:dyDescent="0.35">
      <c r="A52887" s="1" t="s">
        <v>29760</v>
      </c>
      <c r="B52887" s="1" t="s">
        <v>172484</v>
      </c>
      <c r="C52887" s="1" t="s">
        <v>105</v>
      </c>
      <c r="D52887" s="1" t="s">
        <v>178303</v>
      </c>
      <c r="E52887" s="1" t="s">
        <v>178304</v>
      </c>
      <c r="F52887" s="1" t="s">
        <v>178305</v>
      </c>
      <c r="G52887" s="1" t="s">
        <v>178242</v>
      </c>
      <c r="H52887" s="1" t="s">
        <v>178243</v>
      </c>
      <c r="I52887" s="1" t="s">
        <v>172490</v>
      </c>
      <c r="J52887" s="1" t="s">
        <v>178306</v>
      </c>
    </row>
    <row r="52888" spans="1:10" x14ac:dyDescent="0.35">
      <c r="A52888" s="1" t="s">
        <v>29760</v>
      </c>
      <c r="B52888" s="1" t="s">
        <v>172484</v>
      </c>
      <c r="C52888" s="1" t="s">
        <v>110</v>
      </c>
      <c r="D52888" s="1" t="s">
        <v>108790</v>
      </c>
      <c r="E52888" s="1" t="s">
        <v>178307</v>
      </c>
      <c r="F52888" s="1" t="s">
        <v>162573</v>
      </c>
      <c r="G52888" s="1" t="s">
        <v>178242</v>
      </c>
      <c r="H52888" s="1" t="s">
        <v>178243</v>
      </c>
      <c r="I52888" s="1" t="s">
        <v>172490</v>
      </c>
      <c r="J52888" s="1" t="s">
        <v>178308</v>
      </c>
    </row>
    <row r="52889" spans="1:10" x14ac:dyDescent="0.35">
      <c r="A52889" s="1" t="s">
        <v>29760</v>
      </c>
      <c r="B52889" s="1" t="s">
        <v>172484</v>
      </c>
      <c r="C52889" s="1" t="s">
        <v>115</v>
      </c>
      <c r="D52889" s="1" t="s">
        <v>178309</v>
      </c>
      <c r="E52889" s="1" t="s">
        <v>178310</v>
      </c>
      <c r="F52889" s="1" t="s">
        <v>178311</v>
      </c>
      <c r="G52889" s="1" t="s">
        <v>178242</v>
      </c>
      <c r="H52889" s="1" t="s">
        <v>178243</v>
      </c>
      <c r="I52889" s="1" t="s">
        <v>172490</v>
      </c>
      <c r="J52889" s="1" t="s">
        <v>178312</v>
      </c>
    </row>
    <row r="52890" spans="1:10" x14ac:dyDescent="0.35">
      <c r="A52890" s="1" t="s">
        <v>29760</v>
      </c>
      <c r="B52890" s="1" t="s">
        <v>172484</v>
      </c>
      <c r="C52890" s="1" t="s">
        <v>120</v>
      </c>
      <c r="D52890" s="1" t="s">
        <v>174567</v>
      </c>
      <c r="E52890" s="1" t="s">
        <v>178313</v>
      </c>
      <c r="F52890" s="1" t="s">
        <v>178314</v>
      </c>
      <c r="G52890" s="1" t="s">
        <v>178242</v>
      </c>
      <c r="H52890" s="1" t="s">
        <v>178243</v>
      </c>
      <c r="I52890" s="1" t="s">
        <v>172490</v>
      </c>
      <c r="J52890" s="1" t="s">
        <v>178315</v>
      </c>
    </row>
    <row r="52891" spans="1:10" x14ac:dyDescent="0.35">
      <c r="A52891" s="1" t="s">
        <v>29760</v>
      </c>
      <c r="B52891" s="1" t="s">
        <v>172484</v>
      </c>
      <c r="C52891" s="1" t="s">
        <v>125</v>
      </c>
      <c r="D52891" s="1" t="s">
        <v>178316</v>
      </c>
      <c r="E52891" s="1" t="s">
        <v>178317</v>
      </c>
      <c r="F52891" s="1" t="s">
        <v>178318</v>
      </c>
      <c r="G52891" s="1" t="s">
        <v>178242</v>
      </c>
      <c r="H52891" s="1" t="s">
        <v>178243</v>
      </c>
      <c r="I52891" s="1" t="s">
        <v>172490</v>
      </c>
      <c r="J52891" s="1" t="s">
        <v>178319</v>
      </c>
    </row>
    <row r="52892" spans="1:10" x14ac:dyDescent="0.35">
      <c r="A52892" s="1" t="s">
        <v>29760</v>
      </c>
      <c r="B52892" s="1" t="s">
        <v>172484</v>
      </c>
      <c r="C52892" s="1" t="s">
        <v>130</v>
      </c>
      <c r="D52892" s="1" t="s">
        <v>154364</v>
      </c>
      <c r="E52892" s="1" t="s">
        <v>178320</v>
      </c>
      <c r="F52892" s="1" t="s">
        <v>178321</v>
      </c>
      <c r="G52892" s="1" t="s">
        <v>178242</v>
      </c>
      <c r="H52892" s="1" t="s">
        <v>178243</v>
      </c>
      <c r="I52892" s="1" t="s">
        <v>172490</v>
      </c>
      <c r="J52892" s="1" t="s">
        <v>178322</v>
      </c>
    </row>
    <row r="52893" spans="1:10" x14ac:dyDescent="0.35">
      <c r="A52893" s="1" t="s">
        <v>29760</v>
      </c>
      <c r="B52893" s="1" t="s">
        <v>172484</v>
      </c>
      <c r="C52893" s="1" t="s">
        <v>135</v>
      </c>
      <c r="D52893" s="1" t="s">
        <v>178323</v>
      </c>
      <c r="E52893" s="1" t="s">
        <v>178324</v>
      </c>
      <c r="F52893" s="1" t="s">
        <v>178325</v>
      </c>
      <c r="G52893" s="1" t="s">
        <v>178242</v>
      </c>
      <c r="H52893" s="1" t="s">
        <v>178243</v>
      </c>
      <c r="I52893" s="1" t="s">
        <v>172490</v>
      </c>
      <c r="J52893" s="1" t="s">
        <v>178326</v>
      </c>
    </row>
    <row r="52894" spans="1:10" x14ac:dyDescent="0.35">
      <c r="A52894" s="1" t="s">
        <v>29760</v>
      </c>
      <c r="B52894" s="1" t="s">
        <v>172484</v>
      </c>
      <c r="C52894" s="1" t="s">
        <v>140</v>
      </c>
      <c r="D52894" s="1" t="s">
        <v>17072</v>
      </c>
      <c r="E52894" s="1" t="s">
        <v>178327</v>
      </c>
      <c r="F52894" s="1" t="s">
        <v>178328</v>
      </c>
      <c r="G52894" s="1" t="s">
        <v>178242</v>
      </c>
      <c r="H52894" s="1" t="s">
        <v>178243</v>
      </c>
      <c r="I52894" s="1" t="s">
        <v>172490</v>
      </c>
      <c r="J52894" s="1" t="s">
        <v>178329</v>
      </c>
    </row>
    <row r="52895" spans="1:10" x14ac:dyDescent="0.35">
      <c r="A52895" s="1" t="s">
        <v>29760</v>
      </c>
      <c r="B52895" s="1" t="s">
        <v>172484</v>
      </c>
      <c r="C52895" s="1" t="s">
        <v>145</v>
      </c>
      <c r="D52895" s="1" t="s">
        <v>139020</v>
      </c>
      <c r="E52895" s="1" t="s">
        <v>178330</v>
      </c>
      <c r="F52895" s="1" t="s">
        <v>178331</v>
      </c>
      <c r="G52895" s="1" t="s">
        <v>178242</v>
      </c>
      <c r="H52895" s="1" t="s">
        <v>178243</v>
      </c>
      <c r="I52895" s="1" t="s">
        <v>172490</v>
      </c>
      <c r="J52895" s="1" t="s">
        <v>178332</v>
      </c>
    </row>
    <row r="52896" spans="1:10" x14ac:dyDescent="0.35">
      <c r="A52896" s="1" t="s">
        <v>29760</v>
      </c>
      <c r="B52896" s="1" t="s">
        <v>172484</v>
      </c>
      <c r="C52896" s="1" t="s">
        <v>150</v>
      </c>
      <c r="D52896" s="1" t="s">
        <v>92175</v>
      </c>
      <c r="E52896" s="1" t="s">
        <v>178333</v>
      </c>
      <c r="F52896" s="1" t="s">
        <v>178334</v>
      </c>
      <c r="G52896" s="1" t="s">
        <v>178242</v>
      </c>
      <c r="H52896" s="1" t="s">
        <v>178243</v>
      </c>
      <c r="I52896" s="1" t="s">
        <v>172490</v>
      </c>
      <c r="J52896" s="1" t="s">
        <v>178335</v>
      </c>
    </row>
    <row r="52897" spans="1:10" x14ac:dyDescent="0.35">
      <c r="A52897" s="1" t="s">
        <v>29760</v>
      </c>
      <c r="B52897" s="1" t="s">
        <v>172484</v>
      </c>
      <c r="C52897" s="1" t="s">
        <v>155</v>
      </c>
      <c r="D52897" s="1" t="s">
        <v>89751</v>
      </c>
      <c r="E52897" s="1" t="s">
        <v>178336</v>
      </c>
      <c r="F52897" s="1" t="s">
        <v>178337</v>
      </c>
      <c r="G52897" s="1" t="s">
        <v>178242</v>
      </c>
      <c r="H52897" s="1" t="s">
        <v>178243</v>
      </c>
      <c r="I52897" s="1" t="s">
        <v>172490</v>
      </c>
      <c r="J52897" s="1" t="s">
        <v>178338</v>
      </c>
    </row>
    <row r="52898" spans="1:10" x14ac:dyDescent="0.35">
      <c r="A52898" s="1" t="s">
        <v>29760</v>
      </c>
      <c r="B52898" s="1" t="s">
        <v>172484</v>
      </c>
      <c r="C52898" s="1" t="s">
        <v>160</v>
      </c>
      <c r="D52898" s="1" t="s">
        <v>78227</v>
      </c>
      <c r="E52898" s="1" t="s">
        <v>178339</v>
      </c>
      <c r="F52898" s="1" t="s">
        <v>178340</v>
      </c>
      <c r="G52898" s="1" t="s">
        <v>178242</v>
      </c>
      <c r="H52898" s="1" t="s">
        <v>178243</v>
      </c>
      <c r="I52898" s="1" t="s">
        <v>172490</v>
      </c>
      <c r="J52898" s="1" t="s">
        <v>178341</v>
      </c>
    </row>
    <row r="52899" spans="1:10" x14ac:dyDescent="0.35">
      <c r="A52899" s="1" t="s">
        <v>29760</v>
      </c>
      <c r="B52899" s="1" t="s">
        <v>172484</v>
      </c>
      <c r="C52899" s="1" t="s">
        <v>165</v>
      </c>
      <c r="D52899" s="1" t="s">
        <v>178342</v>
      </c>
      <c r="E52899" s="1" t="s">
        <v>178343</v>
      </c>
      <c r="F52899" s="1" t="s">
        <v>178344</v>
      </c>
      <c r="G52899" s="1" t="s">
        <v>178242</v>
      </c>
      <c r="H52899" s="1" t="s">
        <v>178243</v>
      </c>
      <c r="I52899" s="1" t="s">
        <v>172490</v>
      </c>
      <c r="J52899" s="1" t="s">
        <v>178345</v>
      </c>
    </row>
    <row r="52900" spans="1:10" x14ac:dyDescent="0.35">
      <c r="A52900" s="1" t="s">
        <v>29760</v>
      </c>
      <c r="B52900" s="1" t="s">
        <v>172484</v>
      </c>
      <c r="C52900" s="1" t="s">
        <v>170</v>
      </c>
      <c r="D52900" s="1" t="s">
        <v>57346</v>
      </c>
      <c r="E52900" s="1" t="s">
        <v>178346</v>
      </c>
      <c r="F52900" s="1" t="s">
        <v>178347</v>
      </c>
      <c r="G52900" s="1" t="s">
        <v>178242</v>
      </c>
      <c r="H52900" s="1" t="s">
        <v>178243</v>
      </c>
      <c r="I52900" s="1" t="s">
        <v>172490</v>
      </c>
      <c r="J52900" s="1" t="s">
        <v>178348</v>
      </c>
    </row>
    <row r="52901" spans="1:10" x14ac:dyDescent="0.35">
      <c r="A52901" s="1" t="s">
        <v>27973</v>
      </c>
      <c r="B52901" s="1" t="s">
        <v>172484</v>
      </c>
      <c r="C52901" s="1" t="s">
        <v>8</v>
      </c>
      <c r="D52901" s="1" t="s">
        <v>178349</v>
      </c>
      <c r="E52901" s="1" t="s">
        <v>56076</v>
      </c>
      <c r="F52901" s="1" t="s">
        <v>178350</v>
      </c>
      <c r="G52901" s="1" t="s">
        <v>178351</v>
      </c>
      <c r="H52901" s="1" t="s">
        <v>178352</v>
      </c>
      <c r="I52901" s="1" t="s">
        <v>172490</v>
      </c>
      <c r="J52901" s="1" t="s">
        <v>13</v>
      </c>
    </row>
    <row r="52902" spans="1:10" x14ac:dyDescent="0.35">
      <c r="A52902" s="1" t="s">
        <v>27973</v>
      </c>
      <c r="B52902" s="1" t="s">
        <v>172484</v>
      </c>
      <c r="C52902" s="1" t="s">
        <v>15</v>
      </c>
      <c r="D52902" s="1" t="s">
        <v>178353</v>
      </c>
      <c r="E52902" s="1" t="s">
        <v>31374</v>
      </c>
      <c r="F52902" s="1" t="s">
        <v>178354</v>
      </c>
      <c r="G52902" s="1" t="s">
        <v>178351</v>
      </c>
      <c r="H52902" s="1" t="s">
        <v>178352</v>
      </c>
      <c r="I52902" s="1" t="s">
        <v>172490</v>
      </c>
      <c r="J52902" s="1" t="s">
        <v>178355</v>
      </c>
    </row>
    <row r="52903" spans="1:10" x14ac:dyDescent="0.35">
      <c r="A52903" s="1" t="s">
        <v>27973</v>
      </c>
      <c r="B52903" s="1" t="s">
        <v>172484</v>
      </c>
      <c r="C52903" s="1" t="s">
        <v>20</v>
      </c>
      <c r="D52903" s="1" t="s">
        <v>155786</v>
      </c>
      <c r="E52903" s="1" t="s">
        <v>55069</v>
      </c>
      <c r="F52903" s="1" t="s">
        <v>177995</v>
      </c>
      <c r="G52903" s="1" t="s">
        <v>178351</v>
      </c>
      <c r="H52903" s="1" t="s">
        <v>178352</v>
      </c>
      <c r="I52903" s="1" t="s">
        <v>172490</v>
      </c>
      <c r="J52903" s="1" t="s">
        <v>178356</v>
      </c>
    </row>
    <row r="52904" spans="1:10" x14ac:dyDescent="0.35">
      <c r="A52904" s="1" t="s">
        <v>27973</v>
      </c>
      <c r="B52904" s="1" t="s">
        <v>172484</v>
      </c>
      <c r="C52904" s="1" t="s">
        <v>25</v>
      </c>
      <c r="D52904" s="1" t="s">
        <v>178357</v>
      </c>
      <c r="E52904" s="1" t="s">
        <v>23083</v>
      </c>
      <c r="F52904" s="1" t="s">
        <v>178358</v>
      </c>
      <c r="G52904" s="1" t="s">
        <v>178351</v>
      </c>
      <c r="H52904" s="1" t="s">
        <v>178352</v>
      </c>
      <c r="I52904" s="1" t="s">
        <v>172490</v>
      </c>
      <c r="J52904" s="1" t="s">
        <v>178359</v>
      </c>
    </row>
    <row r="52905" spans="1:10" x14ac:dyDescent="0.35">
      <c r="A52905" s="1" t="s">
        <v>27973</v>
      </c>
      <c r="B52905" s="1" t="s">
        <v>172484</v>
      </c>
      <c r="C52905" s="1" t="s">
        <v>30</v>
      </c>
      <c r="D52905" s="1" t="s">
        <v>150510</v>
      </c>
      <c r="E52905" s="1" t="s">
        <v>21190</v>
      </c>
      <c r="F52905" s="1" t="s">
        <v>105167</v>
      </c>
      <c r="G52905" s="1" t="s">
        <v>178351</v>
      </c>
      <c r="H52905" s="1" t="s">
        <v>178352</v>
      </c>
      <c r="I52905" s="1" t="s">
        <v>172490</v>
      </c>
      <c r="J52905" s="1" t="s">
        <v>178360</v>
      </c>
    </row>
    <row r="52906" spans="1:10" x14ac:dyDescent="0.35">
      <c r="A52906" s="1" t="s">
        <v>27973</v>
      </c>
      <c r="B52906" s="1" t="s">
        <v>172484</v>
      </c>
      <c r="C52906" s="1" t="s">
        <v>35</v>
      </c>
      <c r="D52906" s="1" t="s">
        <v>82265</v>
      </c>
      <c r="E52906" s="1" t="s">
        <v>60081</v>
      </c>
      <c r="F52906" s="1" t="s">
        <v>64946</v>
      </c>
      <c r="G52906" s="1" t="s">
        <v>178351</v>
      </c>
      <c r="H52906" s="1" t="s">
        <v>178352</v>
      </c>
      <c r="I52906" s="1" t="s">
        <v>172490</v>
      </c>
      <c r="J52906" s="1" t="s">
        <v>178361</v>
      </c>
    </row>
    <row r="52907" spans="1:10" x14ac:dyDescent="0.35">
      <c r="A52907" s="1" t="s">
        <v>27973</v>
      </c>
      <c r="B52907" s="1" t="s">
        <v>172484</v>
      </c>
      <c r="C52907" s="1" t="s">
        <v>40</v>
      </c>
      <c r="D52907" s="1" t="s">
        <v>142082</v>
      </c>
      <c r="E52907" s="1" t="s">
        <v>21557</v>
      </c>
      <c r="F52907" s="1" t="s">
        <v>178362</v>
      </c>
      <c r="G52907" s="1" t="s">
        <v>178351</v>
      </c>
      <c r="H52907" s="1" t="s">
        <v>178352</v>
      </c>
      <c r="I52907" s="1" t="s">
        <v>172490</v>
      </c>
      <c r="J52907" s="1" t="s">
        <v>178363</v>
      </c>
    </row>
    <row r="52908" spans="1:10" x14ac:dyDescent="0.35">
      <c r="A52908" s="1" t="s">
        <v>27973</v>
      </c>
      <c r="B52908" s="1" t="s">
        <v>172484</v>
      </c>
      <c r="C52908" s="1" t="s">
        <v>45</v>
      </c>
      <c r="D52908" s="1" t="s">
        <v>178364</v>
      </c>
      <c r="E52908" s="1" t="s">
        <v>22003</v>
      </c>
      <c r="F52908" s="1" t="s">
        <v>99867</v>
      </c>
      <c r="G52908" s="1" t="s">
        <v>178351</v>
      </c>
      <c r="H52908" s="1" t="s">
        <v>178352</v>
      </c>
      <c r="I52908" s="1" t="s">
        <v>172490</v>
      </c>
      <c r="J52908" s="1" t="s">
        <v>178365</v>
      </c>
    </row>
    <row r="52909" spans="1:10" x14ac:dyDescent="0.35">
      <c r="A52909" s="1" t="s">
        <v>27973</v>
      </c>
      <c r="B52909" s="1" t="s">
        <v>172484</v>
      </c>
      <c r="C52909" s="1" t="s">
        <v>50</v>
      </c>
      <c r="D52909" s="1" t="s">
        <v>178366</v>
      </c>
      <c r="E52909" s="1" t="s">
        <v>22026</v>
      </c>
      <c r="F52909" s="1" t="s">
        <v>178367</v>
      </c>
      <c r="G52909" s="1" t="s">
        <v>178351</v>
      </c>
      <c r="H52909" s="1" t="s">
        <v>178352</v>
      </c>
      <c r="I52909" s="1" t="s">
        <v>172490</v>
      </c>
      <c r="J52909" s="1" t="s">
        <v>178368</v>
      </c>
    </row>
    <row r="52910" spans="1:10" x14ac:dyDescent="0.35">
      <c r="A52910" s="1" t="s">
        <v>27973</v>
      </c>
      <c r="B52910" s="1" t="s">
        <v>172484</v>
      </c>
      <c r="C52910" s="1" t="s">
        <v>55</v>
      </c>
      <c r="D52910" s="1" t="s">
        <v>178369</v>
      </c>
      <c r="E52910" s="1" t="s">
        <v>97005</v>
      </c>
      <c r="F52910" s="1" t="s">
        <v>54010</v>
      </c>
      <c r="G52910" s="1" t="s">
        <v>178351</v>
      </c>
      <c r="H52910" s="1" t="s">
        <v>178352</v>
      </c>
      <c r="I52910" s="1" t="s">
        <v>172490</v>
      </c>
      <c r="J52910" s="1" t="s">
        <v>178370</v>
      </c>
    </row>
    <row r="52911" spans="1:10" x14ac:dyDescent="0.35">
      <c r="A52911" s="1" t="s">
        <v>27973</v>
      </c>
      <c r="B52911" s="1" t="s">
        <v>172484</v>
      </c>
      <c r="C52911" s="1" t="s">
        <v>60</v>
      </c>
      <c r="D52911" s="1" t="s">
        <v>178371</v>
      </c>
      <c r="E52911" s="1" t="s">
        <v>59335</v>
      </c>
      <c r="F52911" s="1" t="s">
        <v>178372</v>
      </c>
      <c r="G52911" s="1" t="s">
        <v>178351</v>
      </c>
      <c r="H52911" s="1" t="s">
        <v>178352</v>
      </c>
      <c r="I52911" s="1" t="s">
        <v>172490</v>
      </c>
      <c r="J52911" s="1" t="s">
        <v>178373</v>
      </c>
    </row>
    <row r="52912" spans="1:10" x14ac:dyDescent="0.35">
      <c r="A52912" s="1" t="s">
        <v>27973</v>
      </c>
      <c r="B52912" s="1" t="s">
        <v>172484</v>
      </c>
      <c r="C52912" s="1" t="s">
        <v>65</v>
      </c>
      <c r="D52912" s="1" t="s">
        <v>178374</v>
      </c>
      <c r="E52912" s="1" t="s">
        <v>41555</v>
      </c>
      <c r="F52912" s="1" t="s">
        <v>58464</v>
      </c>
      <c r="G52912" s="1" t="s">
        <v>178351</v>
      </c>
      <c r="H52912" s="1" t="s">
        <v>178352</v>
      </c>
      <c r="I52912" s="1" t="s">
        <v>172490</v>
      </c>
      <c r="J52912" s="1" t="s">
        <v>178375</v>
      </c>
    </row>
    <row r="52913" spans="1:10" x14ac:dyDescent="0.35">
      <c r="A52913" s="1" t="s">
        <v>27973</v>
      </c>
      <c r="B52913" s="1" t="s">
        <v>172484</v>
      </c>
      <c r="C52913" s="1" t="s">
        <v>70</v>
      </c>
      <c r="D52913" s="1" t="s">
        <v>178376</v>
      </c>
      <c r="E52913" s="1" t="s">
        <v>24373</v>
      </c>
      <c r="F52913" s="1" t="s">
        <v>178377</v>
      </c>
      <c r="G52913" s="1" t="s">
        <v>178351</v>
      </c>
      <c r="H52913" s="1" t="s">
        <v>178352</v>
      </c>
      <c r="I52913" s="1" t="s">
        <v>172490</v>
      </c>
      <c r="J52913" s="1" t="s">
        <v>178378</v>
      </c>
    </row>
    <row r="52914" spans="1:10" x14ac:dyDescent="0.35">
      <c r="A52914" s="1" t="s">
        <v>27973</v>
      </c>
      <c r="B52914" s="1" t="s">
        <v>172484</v>
      </c>
      <c r="C52914" s="1" t="s">
        <v>75</v>
      </c>
      <c r="D52914" s="1" t="s">
        <v>178379</v>
      </c>
      <c r="E52914" s="1" t="s">
        <v>24343</v>
      </c>
      <c r="F52914" s="1" t="s">
        <v>178380</v>
      </c>
      <c r="G52914" s="1" t="s">
        <v>178351</v>
      </c>
      <c r="H52914" s="1" t="s">
        <v>178352</v>
      </c>
      <c r="I52914" s="1" t="s">
        <v>172490</v>
      </c>
      <c r="J52914" s="1" t="s">
        <v>178381</v>
      </c>
    </row>
    <row r="52915" spans="1:10" x14ac:dyDescent="0.35">
      <c r="A52915" s="1" t="s">
        <v>27973</v>
      </c>
      <c r="B52915" s="1" t="s">
        <v>172484</v>
      </c>
      <c r="C52915" s="1" t="s">
        <v>80</v>
      </c>
      <c r="D52915" s="1" t="s">
        <v>127842</v>
      </c>
      <c r="E52915" s="1" t="s">
        <v>21170</v>
      </c>
      <c r="F52915" s="1" t="s">
        <v>174612</v>
      </c>
      <c r="G52915" s="1" t="s">
        <v>178351</v>
      </c>
      <c r="H52915" s="1" t="s">
        <v>178352</v>
      </c>
      <c r="I52915" s="1" t="s">
        <v>172490</v>
      </c>
      <c r="J52915" s="1" t="s">
        <v>178382</v>
      </c>
    </row>
    <row r="52916" spans="1:10" x14ac:dyDescent="0.35">
      <c r="A52916" s="1" t="s">
        <v>27973</v>
      </c>
      <c r="B52916" s="1" t="s">
        <v>172484</v>
      </c>
      <c r="C52916" s="1" t="s">
        <v>85</v>
      </c>
      <c r="D52916" s="1" t="s">
        <v>46640</v>
      </c>
      <c r="E52916" s="1" t="s">
        <v>23049</v>
      </c>
      <c r="F52916" s="1" t="s">
        <v>178383</v>
      </c>
      <c r="G52916" s="1" t="s">
        <v>178351</v>
      </c>
      <c r="H52916" s="1" t="s">
        <v>178352</v>
      </c>
      <c r="I52916" s="1" t="s">
        <v>172490</v>
      </c>
      <c r="J52916" s="1" t="s">
        <v>178384</v>
      </c>
    </row>
    <row r="52917" spans="1:10" x14ac:dyDescent="0.35">
      <c r="A52917" s="1" t="s">
        <v>27973</v>
      </c>
      <c r="B52917" s="1" t="s">
        <v>172484</v>
      </c>
      <c r="C52917" s="1" t="s">
        <v>90</v>
      </c>
      <c r="D52917" s="1" t="s">
        <v>57907</v>
      </c>
      <c r="E52917" s="1" t="s">
        <v>54059</v>
      </c>
      <c r="F52917" s="1" t="s">
        <v>178385</v>
      </c>
      <c r="G52917" s="1" t="s">
        <v>178351</v>
      </c>
      <c r="H52917" s="1" t="s">
        <v>178352</v>
      </c>
      <c r="I52917" s="1" t="s">
        <v>172490</v>
      </c>
      <c r="J52917" s="1" t="s">
        <v>178386</v>
      </c>
    </row>
    <row r="52918" spans="1:10" x14ac:dyDescent="0.35">
      <c r="A52918" s="1" t="s">
        <v>27973</v>
      </c>
      <c r="B52918" s="1" t="s">
        <v>172484</v>
      </c>
      <c r="C52918" s="1" t="s">
        <v>95</v>
      </c>
      <c r="D52918" s="1" t="s">
        <v>66198</v>
      </c>
      <c r="E52918" s="1" t="s">
        <v>54042</v>
      </c>
      <c r="F52918" s="1" t="s">
        <v>178387</v>
      </c>
      <c r="G52918" s="1" t="s">
        <v>178351</v>
      </c>
      <c r="H52918" s="1" t="s">
        <v>178352</v>
      </c>
      <c r="I52918" s="1" t="s">
        <v>172490</v>
      </c>
      <c r="J52918" s="1" t="s">
        <v>178388</v>
      </c>
    </row>
    <row r="52919" spans="1:10" x14ac:dyDescent="0.35">
      <c r="A52919" s="1" t="s">
        <v>27973</v>
      </c>
      <c r="B52919" s="1" t="s">
        <v>172484</v>
      </c>
      <c r="C52919" s="1" t="s">
        <v>100</v>
      </c>
      <c r="D52919" s="1" t="s">
        <v>22664</v>
      </c>
      <c r="E52919" s="1" t="s">
        <v>56901</v>
      </c>
      <c r="F52919" s="1" t="s">
        <v>178389</v>
      </c>
      <c r="G52919" s="1" t="s">
        <v>178351</v>
      </c>
      <c r="H52919" s="1" t="s">
        <v>178352</v>
      </c>
      <c r="I52919" s="1" t="s">
        <v>172490</v>
      </c>
      <c r="J52919" s="1" t="s">
        <v>178390</v>
      </c>
    </row>
    <row r="52920" spans="1:10" x14ac:dyDescent="0.35">
      <c r="A52920" s="1" t="s">
        <v>27973</v>
      </c>
      <c r="B52920" s="1" t="s">
        <v>172484</v>
      </c>
      <c r="C52920" s="1" t="s">
        <v>105</v>
      </c>
      <c r="D52920" s="1" t="s">
        <v>178391</v>
      </c>
      <c r="E52920" s="1" t="s">
        <v>41305</v>
      </c>
      <c r="F52920" s="1" t="s">
        <v>56440</v>
      </c>
      <c r="G52920" s="1" t="s">
        <v>178351</v>
      </c>
      <c r="H52920" s="1" t="s">
        <v>178352</v>
      </c>
      <c r="I52920" s="1" t="s">
        <v>172490</v>
      </c>
      <c r="J52920" s="1" t="s">
        <v>178392</v>
      </c>
    </row>
    <row r="52921" spans="1:10" x14ac:dyDescent="0.35">
      <c r="A52921" s="1" t="s">
        <v>27973</v>
      </c>
      <c r="B52921" s="1" t="s">
        <v>172484</v>
      </c>
      <c r="C52921" s="1" t="s">
        <v>110</v>
      </c>
      <c r="D52921" s="1" t="s">
        <v>178393</v>
      </c>
      <c r="E52921" s="1" t="s">
        <v>41555</v>
      </c>
      <c r="F52921" s="1" t="s">
        <v>178394</v>
      </c>
      <c r="G52921" s="1" t="s">
        <v>178351</v>
      </c>
      <c r="H52921" s="1" t="s">
        <v>178352</v>
      </c>
      <c r="I52921" s="1" t="s">
        <v>172490</v>
      </c>
      <c r="J52921" s="1" t="s">
        <v>178395</v>
      </c>
    </row>
    <row r="52922" spans="1:10" x14ac:dyDescent="0.35">
      <c r="A52922" s="1" t="s">
        <v>27973</v>
      </c>
      <c r="B52922" s="1" t="s">
        <v>172484</v>
      </c>
      <c r="C52922" s="1" t="s">
        <v>115</v>
      </c>
      <c r="D52922" s="1" t="s">
        <v>178396</v>
      </c>
      <c r="E52922" s="1" t="s">
        <v>57060</v>
      </c>
      <c r="F52922" s="1" t="s">
        <v>178397</v>
      </c>
      <c r="G52922" s="1" t="s">
        <v>178351</v>
      </c>
      <c r="H52922" s="1" t="s">
        <v>178352</v>
      </c>
      <c r="I52922" s="1" t="s">
        <v>172490</v>
      </c>
      <c r="J52922" s="1" t="s">
        <v>178398</v>
      </c>
    </row>
    <row r="52923" spans="1:10" x14ac:dyDescent="0.35">
      <c r="A52923" s="1" t="s">
        <v>27973</v>
      </c>
      <c r="B52923" s="1" t="s">
        <v>172484</v>
      </c>
      <c r="C52923" s="1" t="s">
        <v>120</v>
      </c>
      <c r="D52923" s="1" t="s">
        <v>66587</v>
      </c>
      <c r="E52923" s="1" t="s">
        <v>41283</v>
      </c>
      <c r="F52923" s="1" t="s">
        <v>66271</v>
      </c>
      <c r="G52923" s="1" t="s">
        <v>178351</v>
      </c>
      <c r="H52923" s="1" t="s">
        <v>178352</v>
      </c>
      <c r="I52923" s="1" t="s">
        <v>172490</v>
      </c>
      <c r="J52923" s="1" t="s">
        <v>178399</v>
      </c>
    </row>
    <row r="52924" spans="1:10" x14ac:dyDescent="0.35">
      <c r="A52924" s="1" t="s">
        <v>27973</v>
      </c>
      <c r="B52924" s="1" t="s">
        <v>172484</v>
      </c>
      <c r="C52924" s="1" t="s">
        <v>125</v>
      </c>
      <c r="D52924" s="1" t="s">
        <v>124779</v>
      </c>
      <c r="E52924" s="1" t="s">
        <v>22036</v>
      </c>
      <c r="F52924" s="1" t="s">
        <v>59763</v>
      </c>
      <c r="G52924" s="1" t="s">
        <v>178351</v>
      </c>
      <c r="H52924" s="1" t="s">
        <v>178352</v>
      </c>
      <c r="I52924" s="1" t="s">
        <v>172490</v>
      </c>
      <c r="J52924" s="1" t="s">
        <v>178400</v>
      </c>
    </row>
    <row r="52925" spans="1:10" x14ac:dyDescent="0.35">
      <c r="A52925" s="1" t="s">
        <v>27973</v>
      </c>
      <c r="B52925" s="1" t="s">
        <v>172484</v>
      </c>
      <c r="C52925" s="1" t="s">
        <v>130</v>
      </c>
      <c r="D52925" s="1" t="s">
        <v>91396</v>
      </c>
      <c r="E52925" s="1" t="s">
        <v>56079</v>
      </c>
      <c r="F52925" s="1" t="s">
        <v>178401</v>
      </c>
      <c r="G52925" s="1" t="s">
        <v>178351</v>
      </c>
      <c r="H52925" s="1" t="s">
        <v>178352</v>
      </c>
      <c r="I52925" s="1" t="s">
        <v>172490</v>
      </c>
      <c r="J52925" s="1" t="s">
        <v>178402</v>
      </c>
    </row>
    <row r="52926" spans="1:10" x14ac:dyDescent="0.35">
      <c r="A52926" s="1" t="s">
        <v>27973</v>
      </c>
      <c r="B52926" s="1" t="s">
        <v>172484</v>
      </c>
      <c r="C52926" s="1" t="s">
        <v>135</v>
      </c>
      <c r="D52926" s="1" t="s">
        <v>178403</v>
      </c>
      <c r="E52926" s="1" t="s">
        <v>24246</v>
      </c>
      <c r="F52926" s="1" t="s">
        <v>178404</v>
      </c>
      <c r="G52926" s="1" t="s">
        <v>178351</v>
      </c>
      <c r="H52926" s="1" t="s">
        <v>178352</v>
      </c>
      <c r="I52926" s="1" t="s">
        <v>172490</v>
      </c>
      <c r="J52926" s="1" t="s">
        <v>178405</v>
      </c>
    </row>
    <row r="52927" spans="1:10" x14ac:dyDescent="0.35">
      <c r="A52927" s="1" t="s">
        <v>27973</v>
      </c>
      <c r="B52927" s="1" t="s">
        <v>172484</v>
      </c>
      <c r="C52927" s="1" t="s">
        <v>140</v>
      </c>
      <c r="D52927" s="1" t="s">
        <v>76749</v>
      </c>
      <c r="E52927" s="1" t="s">
        <v>56345</v>
      </c>
      <c r="F52927" s="1" t="s">
        <v>178406</v>
      </c>
      <c r="G52927" s="1" t="s">
        <v>178351</v>
      </c>
      <c r="H52927" s="1" t="s">
        <v>178352</v>
      </c>
      <c r="I52927" s="1" t="s">
        <v>172490</v>
      </c>
      <c r="J52927" s="1" t="s">
        <v>178407</v>
      </c>
    </row>
    <row r="52928" spans="1:10" x14ac:dyDescent="0.35">
      <c r="A52928" s="1" t="s">
        <v>27973</v>
      </c>
      <c r="B52928" s="1" t="s">
        <v>172484</v>
      </c>
      <c r="C52928" s="1" t="s">
        <v>145</v>
      </c>
      <c r="D52928" s="1" t="s">
        <v>63003</v>
      </c>
      <c r="E52928" s="1" t="s">
        <v>32069</v>
      </c>
      <c r="F52928" s="1" t="s">
        <v>61217</v>
      </c>
      <c r="G52928" s="1" t="s">
        <v>178351</v>
      </c>
      <c r="H52928" s="1" t="s">
        <v>178352</v>
      </c>
      <c r="I52928" s="1" t="s">
        <v>172490</v>
      </c>
      <c r="J52928" s="1" t="s">
        <v>178408</v>
      </c>
    </row>
    <row r="52929" spans="1:10" x14ac:dyDescent="0.35">
      <c r="A52929" s="1" t="s">
        <v>27973</v>
      </c>
      <c r="B52929" s="1" t="s">
        <v>172484</v>
      </c>
      <c r="C52929" s="1" t="s">
        <v>150</v>
      </c>
      <c r="D52929" s="1" t="s">
        <v>178409</v>
      </c>
      <c r="E52929" s="1" t="s">
        <v>32317</v>
      </c>
      <c r="F52929" s="1" t="s">
        <v>64569</v>
      </c>
      <c r="G52929" s="1" t="s">
        <v>178351</v>
      </c>
      <c r="H52929" s="1" t="s">
        <v>178352</v>
      </c>
      <c r="I52929" s="1" t="s">
        <v>172490</v>
      </c>
      <c r="J52929" s="1" t="s">
        <v>178410</v>
      </c>
    </row>
    <row r="52930" spans="1:10" x14ac:dyDescent="0.35">
      <c r="A52930" s="1" t="s">
        <v>27973</v>
      </c>
      <c r="B52930" s="1" t="s">
        <v>172484</v>
      </c>
      <c r="C52930" s="1" t="s">
        <v>155</v>
      </c>
      <c r="D52930" s="1" t="s">
        <v>178411</v>
      </c>
      <c r="E52930" s="1" t="s">
        <v>54099</v>
      </c>
      <c r="F52930" s="1" t="s">
        <v>133281</v>
      </c>
      <c r="G52930" s="1" t="s">
        <v>178351</v>
      </c>
      <c r="H52930" s="1" t="s">
        <v>178352</v>
      </c>
      <c r="I52930" s="1" t="s">
        <v>172490</v>
      </c>
      <c r="J52930" s="1" t="s">
        <v>178412</v>
      </c>
    </row>
    <row r="52931" spans="1:10" x14ac:dyDescent="0.35">
      <c r="A52931" s="1" t="s">
        <v>27973</v>
      </c>
      <c r="B52931" s="1" t="s">
        <v>172484</v>
      </c>
      <c r="C52931" s="1" t="s">
        <v>160</v>
      </c>
      <c r="D52931" s="1" t="s">
        <v>178413</v>
      </c>
      <c r="E52931" s="1" t="s">
        <v>41198</v>
      </c>
      <c r="F52931" s="1" t="s">
        <v>178414</v>
      </c>
      <c r="G52931" s="1" t="s">
        <v>178351</v>
      </c>
      <c r="H52931" s="1" t="s">
        <v>178352</v>
      </c>
      <c r="I52931" s="1" t="s">
        <v>172490</v>
      </c>
      <c r="J52931" s="1" t="s">
        <v>178415</v>
      </c>
    </row>
    <row r="52932" spans="1:10" x14ac:dyDescent="0.35">
      <c r="A52932" s="1" t="s">
        <v>27973</v>
      </c>
      <c r="B52932" s="1" t="s">
        <v>172484</v>
      </c>
      <c r="C52932" s="1" t="s">
        <v>165</v>
      </c>
      <c r="D52932" s="1" t="s">
        <v>178416</v>
      </c>
      <c r="E52932" s="1" t="s">
        <v>21737</v>
      </c>
      <c r="F52932" s="1" t="s">
        <v>64685</v>
      </c>
      <c r="G52932" s="1" t="s">
        <v>178351</v>
      </c>
      <c r="H52932" s="1" t="s">
        <v>178352</v>
      </c>
      <c r="I52932" s="1" t="s">
        <v>172490</v>
      </c>
      <c r="J52932" s="1" t="s">
        <v>178417</v>
      </c>
    </row>
    <row r="52933" spans="1:10" x14ac:dyDescent="0.35">
      <c r="A52933" s="1" t="s">
        <v>27973</v>
      </c>
      <c r="B52933" s="1" t="s">
        <v>172484</v>
      </c>
      <c r="C52933" s="1" t="s">
        <v>170</v>
      </c>
      <c r="D52933" s="1" t="s">
        <v>41406</v>
      </c>
      <c r="E52933" s="1" t="s">
        <v>61432</v>
      </c>
      <c r="F52933" s="1" t="s">
        <v>178418</v>
      </c>
      <c r="G52933" s="1" t="s">
        <v>178351</v>
      </c>
      <c r="H52933" s="1" t="s">
        <v>178352</v>
      </c>
      <c r="I52933" s="1" t="s">
        <v>172490</v>
      </c>
      <c r="J52933" s="1" t="s">
        <v>178419</v>
      </c>
    </row>
    <row r="52934" spans="1:10" x14ac:dyDescent="0.35">
      <c r="A52934" s="1" t="s">
        <v>9901</v>
      </c>
      <c r="B52934" s="1" t="s">
        <v>172484</v>
      </c>
      <c r="C52934" s="1" t="s">
        <v>8</v>
      </c>
      <c r="D52934" s="1" t="s">
        <v>15787</v>
      </c>
      <c r="E52934" s="1" t="s">
        <v>178420</v>
      </c>
      <c r="F52934" s="1" t="s">
        <v>178421</v>
      </c>
      <c r="G52934" s="1" t="s">
        <v>178422</v>
      </c>
      <c r="H52934" s="1" t="s">
        <v>178423</v>
      </c>
      <c r="I52934" s="1" t="s">
        <v>172490</v>
      </c>
      <c r="J52934" s="1" t="s">
        <v>13</v>
      </c>
    </row>
    <row r="52935" spans="1:10" x14ac:dyDescent="0.35">
      <c r="A52935" s="1" t="s">
        <v>9901</v>
      </c>
      <c r="B52935" s="1" t="s">
        <v>172484</v>
      </c>
      <c r="C52935" s="1" t="s">
        <v>15</v>
      </c>
      <c r="D52935" s="1" t="s">
        <v>178424</v>
      </c>
      <c r="E52935" s="1" t="s">
        <v>178425</v>
      </c>
      <c r="F52935" s="1" t="s">
        <v>178426</v>
      </c>
      <c r="G52935" s="1" t="s">
        <v>178422</v>
      </c>
      <c r="H52935" s="1" t="s">
        <v>178423</v>
      </c>
      <c r="I52935" s="1" t="s">
        <v>172490</v>
      </c>
      <c r="J52935" s="1" t="s">
        <v>178427</v>
      </c>
    </row>
    <row r="52936" spans="1:10" x14ac:dyDescent="0.35">
      <c r="A52936" s="1" t="s">
        <v>9901</v>
      </c>
      <c r="B52936" s="1" t="s">
        <v>172484</v>
      </c>
      <c r="C52936" s="1" t="s">
        <v>20</v>
      </c>
      <c r="D52936" s="1" t="s">
        <v>45288</v>
      </c>
      <c r="E52936" s="1" t="s">
        <v>178428</v>
      </c>
      <c r="F52936" s="1" t="s">
        <v>178429</v>
      </c>
      <c r="G52936" s="1" t="s">
        <v>178422</v>
      </c>
      <c r="H52936" s="1" t="s">
        <v>178423</v>
      </c>
      <c r="I52936" s="1" t="s">
        <v>172490</v>
      </c>
      <c r="J52936" s="1" t="s">
        <v>178430</v>
      </c>
    </row>
    <row r="52937" spans="1:10" x14ac:dyDescent="0.35">
      <c r="A52937" s="1" t="s">
        <v>9901</v>
      </c>
      <c r="B52937" s="1" t="s">
        <v>172484</v>
      </c>
      <c r="C52937" s="1" t="s">
        <v>25</v>
      </c>
      <c r="D52937" s="1" t="s">
        <v>126122</v>
      </c>
      <c r="E52937" s="1" t="s">
        <v>178431</v>
      </c>
      <c r="F52937" s="1" t="s">
        <v>178432</v>
      </c>
      <c r="G52937" s="1" t="s">
        <v>178422</v>
      </c>
      <c r="H52937" s="1" t="s">
        <v>178423</v>
      </c>
      <c r="I52937" s="1" t="s">
        <v>172490</v>
      </c>
      <c r="J52937" s="1" t="s">
        <v>178433</v>
      </c>
    </row>
    <row r="52938" spans="1:10" x14ac:dyDescent="0.35">
      <c r="A52938" s="1" t="s">
        <v>9901</v>
      </c>
      <c r="B52938" s="1" t="s">
        <v>172484</v>
      </c>
      <c r="C52938" s="1" t="s">
        <v>30</v>
      </c>
      <c r="D52938" s="1" t="s">
        <v>5199</v>
      </c>
      <c r="E52938" s="1" t="s">
        <v>178434</v>
      </c>
      <c r="F52938" s="1" t="s">
        <v>178435</v>
      </c>
      <c r="G52938" s="1" t="s">
        <v>178422</v>
      </c>
      <c r="H52938" s="1" t="s">
        <v>178423</v>
      </c>
      <c r="I52938" s="1" t="s">
        <v>172490</v>
      </c>
      <c r="J52938" s="1" t="s">
        <v>178436</v>
      </c>
    </row>
    <row r="52939" spans="1:10" x14ac:dyDescent="0.35">
      <c r="A52939" s="1" t="s">
        <v>9901</v>
      </c>
      <c r="B52939" s="1" t="s">
        <v>172484</v>
      </c>
      <c r="C52939" s="1" t="s">
        <v>35</v>
      </c>
      <c r="D52939" s="1" t="s">
        <v>178437</v>
      </c>
      <c r="E52939" s="1" t="s">
        <v>178438</v>
      </c>
      <c r="F52939" s="1" t="s">
        <v>178439</v>
      </c>
      <c r="G52939" s="1" t="s">
        <v>178422</v>
      </c>
      <c r="H52939" s="1" t="s">
        <v>178423</v>
      </c>
      <c r="I52939" s="1" t="s">
        <v>172490</v>
      </c>
      <c r="J52939" s="1" t="s">
        <v>178440</v>
      </c>
    </row>
    <row r="52940" spans="1:10" x14ac:dyDescent="0.35">
      <c r="A52940" s="1" t="s">
        <v>9901</v>
      </c>
      <c r="B52940" s="1" t="s">
        <v>172484</v>
      </c>
      <c r="C52940" s="1" t="s">
        <v>40</v>
      </c>
      <c r="D52940" s="1" t="s">
        <v>75249</v>
      </c>
      <c r="E52940" s="1" t="s">
        <v>178441</v>
      </c>
      <c r="F52940" s="1" t="s">
        <v>178442</v>
      </c>
      <c r="G52940" s="1" t="s">
        <v>178422</v>
      </c>
      <c r="H52940" s="1" t="s">
        <v>178423</v>
      </c>
      <c r="I52940" s="1" t="s">
        <v>172490</v>
      </c>
      <c r="J52940" s="1" t="s">
        <v>178443</v>
      </c>
    </row>
    <row r="52941" spans="1:10" x14ac:dyDescent="0.35">
      <c r="A52941" s="1" t="s">
        <v>9901</v>
      </c>
      <c r="B52941" s="1" t="s">
        <v>172484</v>
      </c>
      <c r="C52941" s="1" t="s">
        <v>45</v>
      </c>
      <c r="D52941" s="1" t="s">
        <v>47740</v>
      </c>
      <c r="E52941" s="1" t="s">
        <v>178444</v>
      </c>
      <c r="F52941" s="1" t="s">
        <v>178445</v>
      </c>
      <c r="G52941" s="1" t="s">
        <v>178422</v>
      </c>
      <c r="H52941" s="1" t="s">
        <v>178423</v>
      </c>
      <c r="I52941" s="1" t="s">
        <v>172490</v>
      </c>
      <c r="J52941" s="1" t="s">
        <v>178446</v>
      </c>
    </row>
    <row r="52942" spans="1:10" x14ac:dyDescent="0.35">
      <c r="A52942" s="1" t="s">
        <v>9901</v>
      </c>
      <c r="B52942" s="1" t="s">
        <v>172484</v>
      </c>
      <c r="C52942" s="1" t="s">
        <v>50</v>
      </c>
      <c r="D52942" s="1" t="s">
        <v>178447</v>
      </c>
      <c r="E52942" s="1" t="s">
        <v>178448</v>
      </c>
      <c r="F52942" s="1" t="s">
        <v>178449</v>
      </c>
      <c r="G52942" s="1" t="s">
        <v>178422</v>
      </c>
      <c r="H52942" s="1" t="s">
        <v>178423</v>
      </c>
      <c r="I52942" s="1" t="s">
        <v>172490</v>
      </c>
      <c r="J52942" s="1" t="s">
        <v>178450</v>
      </c>
    </row>
    <row r="52943" spans="1:10" x14ac:dyDescent="0.35">
      <c r="A52943" s="1" t="s">
        <v>9901</v>
      </c>
      <c r="B52943" s="1" t="s">
        <v>172484</v>
      </c>
      <c r="C52943" s="1" t="s">
        <v>55</v>
      </c>
      <c r="D52943" s="1" t="s">
        <v>178451</v>
      </c>
      <c r="E52943" s="1" t="s">
        <v>178452</v>
      </c>
      <c r="F52943" s="1" t="s">
        <v>178453</v>
      </c>
      <c r="G52943" s="1" t="s">
        <v>178422</v>
      </c>
      <c r="H52943" s="1" t="s">
        <v>178423</v>
      </c>
      <c r="I52943" s="1" t="s">
        <v>172490</v>
      </c>
      <c r="J52943" s="1" t="s">
        <v>178454</v>
      </c>
    </row>
    <row r="52944" spans="1:10" x14ac:dyDescent="0.35">
      <c r="A52944" s="1" t="s">
        <v>9901</v>
      </c>
      <c r="B52944" s="1" t="s">
        <v>172484</v>
      </c>
      <c r="C52944" s="1" t="s">
        <v>60</v>
      </c>
      <c r="D52944" s="1" t="s">
        <v>178455</v>
      </c>
      <c r="E52944" s="1" t="s">
        <v>178456</v>
      </c>
      <c r="F52944" s="1" t="s">
        <v>178457</v>
      </c>
      <c r="G52944" s="1" t="s">
        <v>178422</v>
      </c>
      <c r="H52944" s="1" t="s">
        <v>178423</v>
      </c>
      <c r="I52944" s="1" t="s">
        <v>172490</v>
      </c>
      <c r="J52944" s="1" t="s">
        <v>178458</v>
      </c>
    </row>
    <row r="52945" spans="1:10" x14ac:dyDescent="0.35">
      <c r="A52945" s="1" t="s">
        <v>9901</v>
      </c>
      <c r="B52945" s="1" t="s">
        <v>172484</v>
      </c>
      <c r="C52945" s="1" t="s">
        <v>65</v>
      </c>
      <c r="D52945" s="1" t="s">
        <v>178459</v>
      </c>
      <c r="E52945" s="1" t="s">
        <v>178460</v>
      </c>
      <c r="F52945" s="1" t="s">
        <v>178461</v>
      </c>
      <c r="G52945" s="1" t="s">
        <v>178422</v>
      </c>
      <c r="H52945" s="1" t="s">
        <v>178423</v>
      </c>
      <c r="I52945" s="1" t="s">
        <v>172490</v>
      </c>
      <c r="J52945" s="1" t="s">
        <v>178462</v>
      </c>
    </row>
    <row r="52946" spans="1:10" x14ac:dyDescent="0.35">
      <c r="A52946" s="1" t="s">
        <v>9901</v>
      </c>
      <c r="B52946" s="1" t="s">
        <v>172484</v>
      </c>
      <c r="C52946" s="1" t="s">
        <v>70</v>
      </c>
      <c r="D52946" s="1" t="s">
        <v>142036</v>
      </c>
      <c r="E52946" s="1" t="s">
        <v>178463</v>
      </c>
      <c r="F52946" s="1" t="s">
        <v>178464</v>
      </c>
      <c r="G52946" s="1" t="s">
        <v>178422</v>
      </c>
      <c r="H52946" s="1" t="s">
        <v>178423</v>
      </c>
      <c r="I52946" s="1" t="s">
        <v>172490</v>
      </c>
      <c r="J52946" s="1" t="s">
        <v>178465</v>
      </c>
    </row>
    <row r="52947" spans="1:10" x14ac:dyDescent="0.35">
      <c r="A52947" s="1" t="s">
        <v>9901</v>
      </c>
      <c r="B52947" s="1" t="s">
        <v>172484</v>
      </c>
      <c r="C52947" s="1" t="s">
        <v>75</v>
      </c>
      <c r="D52947" s="1" t="s">
        <v>10598</v>
      </c>
      <c r="E52947" s="1" t="s">
        <v>178466</v>
      </c>
      <c r="F52947" s="1" t="s">
        <v>178467</v>
      </c>
      <c r="G52947" s="1" t="s">
        <v>178422</v>
      </c>
      <c r="H52947" s="1" t="s">
        <v>178423</v>
      </c>
      <c r="I52947" s="1" t="s">
        <v>172490</v>
      </c>
      <c r="J52947" s="1" t="s">
        <v>178468</v>
      </c>
    </row>
    <row r="52948" spans="1:10" x14ac:dyDescent="0.35">
      <c r="A52948" s="1" t="s">
        <v>9901</v>
      </c>
      <c r="B52948" s="1" t="s">
        <v>172484</v>
      </c>
      <c r="C52948" s="1" t="s">
        <v>80</v>
      </c>
      <c r="D52948" s="1" t="s">
        <v>10606</v>
      </c>
      <c r="E52948" s="1" t="s">
        <v>178469</v>
      </c>
      <c r="F52948" s="1" t="s">
        <v>178470</v>
      </c>
      <c r="G52948" s="1" t="s">
        <v>178422</v>
      </c>
      <c r="H52948" s="1" t="s">
        <v>178423</v>
      </c>
      <c r="I52948" s="1" t="s">
        <v>172490</v>
      </c>
      <c r="J52948" s="1" t="s">
        <v>178471</v>
      </c>
    </row>
    <row r="52949" spans="1:10" x14ac:dyDescent="0.35">
      <c r="A52949" s="1" t="s">
        <v>9901</v>
      </c>
      <c r="B52949" s="1" t="s">
        <v>172484</v>
      </c>
      <c r="C52949" s="1" t="s">
        <v>85</v>
      </c>
      <c r="D52949" s="1" t="s">
        <v>30822</v>
      </c>
      <c r="E52949" s="1" t="s">
        <v>178472</v>
      </c>
      <c r="F52949" s="1" t="s">
        <v>178473</v>
      </c>
      <c r="G52949" s="1" t="s">
        <v>178422</v>
      </c>
      <c r="H52949" s="1" t="s">
        <v>178423</v>
      </c>
      <c r="I52949" s="1" t="s">
        <v>172490</v>
      </c>
      <c r="J52949" s="1" t="s">
        <v>178474</v>
      </c>
    </row>
    <row r="52950" spans="1:10" x14ac:dyDescent="0.35">
      <c r="A52950" s="1" t="s">
        <v>9901</v>
      </c>
      <c r="B52950" s="1" t="s">
        <v>172484</v>
      </c>
      <c r="C52950" s="1" t="s">
        <v>90</v>
      </c>
      <c r="D52950" s="1" t="s">
        <v>173606</v>
      </c>
      <c r="E52950" s="1" t="s">
        <v>178475</v>
      </c>
      <c r="F52950" s="1" t="s">
        <v>178476</v>
      </c>
      <c r="G52950" s="1" t="s">
        <v>178422</v>
      </c>
      <c r="H52950" s="1" t="s">
        <v>178423</v>
      </c>
      <c r="I52950" s="1" t="s">
        <v>172490</v>
      </c>
      <c r="J52950" s="1" t="s">
        <v>46997</v>
      </c>
    </row>
    <row r="52951" spans="1:10" x14ac:dyDescent="0.35">
      <c r="A52951" s="1" t="s">
        <v>9901</v>
      </c>
      <c r="B52951" s="1" t="s">
        <v>172484</v>
      </c>
      <c r="C52951" s="1" t="s">
        <v>95</v>
      </c>
      <c r="D52951" s="1" t="s">
        <v>178477</v>
      </c>
      <c r="E52951" s="1" t="s">
        <v>178478</v>
      </c>
      <c r="F52951" s="1" t="s">
        <v>178479</v>
      </c>
      <c r="G52951" s="1" t="s">
        <v>178422</v>
      </c>
      <c r="H52951" s="1" t="s">
        <v>178423</v>
      </c>
      <c r="I52951" s="1" t="s">
        <v>172490</v>
      </c>
      <c r="J52951" s="1" t="s">
        <v>178480</v>
      </c>
    </row>
    <row r="52952" spans="1:10" x14ac:dyDescent="0.35">
      <c r="A52952" s="1" t="s">
        <v>9901</v>
      </c>
      <c r="B52952" s="1" t="s">
        <v>172484</v>
      </c>
      <c r="C52952" s="1" t="s">
        <v>100</v>
      </c>
      <c r="D52952" s="1" t="s">
        <v>178481</v>
      </c>
      <c r="E52952" s="1" t="s">
        <v>178482</v>
      </c>
      <c r="F52952" s="1" t="s">
        <v>178483</v>
      </c>
      <c r="G52952" s="1" t="s">
        <v>178422</v>
      </c>
      <c r="H52952" s="1" t="s">
        <v>178423</v>
      </c>
      <c r="I52952" s="1" t="s">
        <v>172490</v>
      </c>
      <c r="J52952" s="1" t="s">
        <v>178484</v>
      </c>
    </row>
    <row r="52953" spans="1:10" x14ac:dyDescent="0.35">
      <c r="A52953" s="1" t="s">
        <v>9901</v>
      </c>
      <c r="B52953" s="1" t="s">
        <v>172484</v>
      </c>
      <c r="C52953" s="1" t="s">
        <v>105</v>
      </c>
      <c r="D52953" s="1" t="s">
        <v>178485</v>
      </c>
      <c r="E52953" s="1" t="s">
        <v>178486</v>
      </c>
      <c r="F52953" s="1" t="s">
        <v>178487</v>
      </c>
      <c r="G52953" s="1" t="s">
        <v>178422</v>
      </c>
      <c r="H52953" s="1" t="s">
        <v>178423</v>
      </c>
      <c r="I52953" s="1" t="s">
        <v>172490</v>
      </c>
      <c r="J52953" s="1" t="s">
        <v>178488</v>
      </c>
    </row>
    <row r="52954" spans="1:10" x14ac:dyDescent="0.35">
      <c r="A52954" s="1" t="s">
        <v>9901</v>
      </c>
      <c r="B52954" s="1" t="s">
        <v>172484</v>
      </c>
      <c r="C52954" s="1" t="s">
        <v>110</v>
      </c>
      <c r="D52954" s="1" t="s">
        <v>178489</v>
      </c>
      <c r="E52954" s="1" t="s">
        <v>178490</v>
      </c>
      <c r="F52954" s="1" t="s">
        <v>178491</v>
      </c>
      <c r="G52954" s="1" t="s">
        <v>178422</v>
      </c>
      <c r="H52954" s="1" t="s">
        <v>178423</v>
      </c>
      <c r="I52954" s="1" t="s">
        <v>172490</v>
      </c>
      <c r="J52954" s="1" t="s">
        <v>178492</v>
      </c>
    </row>
    <row r="52955" spans="1:10" x14ac:dyDescent="0.35">
      <c r="A52955" s="1" t="s">
        <v>9901</v>
      </c>
      <c r="B52955" s="1" t="s">
        <v>172484</v>
      </c>
      <c r="C52955" s="1" t="s">
        <v>115</v>
      </c>
      <c r="D52955" s="1" t="s">
        <v>36888</v>
      </c>
      <c r="E52955" s="1" t="s">
        <v>178493</v>
      </c>
      <c r="F52955" s="1" t="s">
        <v>178494</v>
      </c>
      <c r="G52955" s="1" t="s">
        <v>178422</v>
      </c>
      <c r="H52955" s="1" t="s">
        <v>178423</v>
      </c>
      <c r="I52955" s="1" t="s">
        <v>172490</v>
      </c>
      <c r="J52955" s="1" t="s">
        <v>178495</v>
      </c>
    </row>
    <row r="52956" spans="1:10" x14ac:dyDescent="0.35">
      <c r="A52956" s="1" t="s">
        <v>9901</v>
      </c>
      <c r="B52956" s="1" t="s">
        <v>172484</v>
      </c>
      <c r="C52956" s="1" t="s">
        <v>120</v>
      </c>
      <c r="D52956" s="1" t="s">
        <v>178496</v>
      </c>
      <c r="E52956" s="1" t="s">
        <v>178497</v>
      </c>
      <c r="F52956" s="1" t="s">
        <v>178498</v>
      </c>
      <c r="G52956" s="1" t="s">
        <v>178422</v>
      </c>
      <c r="H52956" s="1" t="s">
        <v>178423</v>
      </c>
      <c r="I52956" s="1" t="s">
        <v>172490</v>
      </c>
      <c r="J52956" s="1" t="s">
        <v>178499</v>
      </c>
    </row>
    <row r="52957" spans="1:10" x14ac:dyDescent="0.35">
      <c r="A52957" s="1" t="s">
        <v>9901</v>
      </c>
      <c r="B52957" s="1" t="s">
        <v>172484</v>
      </c>
      <c r="C52957" s="1" t="s">
        <v>125</v>
      </c>
      <c r="D52957" s="1" t="s">
        <v>17566</v>
      </c>
      <c r="E52957" s="1" t="s">
        <v>178500</v>
      </c>
      <c r="F52957" s="1" t="s">
        <v>178501</v>
      </c>
      <c r="G52957" s="1" t="s">
        <v>178422</v>
      </c>
      <c r="H52957" s="1" t="s">
        <v>178423</v>
      </c>
      <c r="I52957" s="1" t="s">
        <v>172490</v>
      </c>
      <c r="J52957" s="1" t="s">
        <v>178502</v>
      </c>
    </row>
    <row r="52958" spans="1:10" x14ac:dyDescent="0.35">
      <c r="A52958" s="1" t="s">
        <v>9901</v>
      </c>
      <c r="B52958" s="1" t="s">
        <v>172484</v>
      </c>
      <c r="C52958" s="1" t="s">
        <v>130</v>
      </c>
      <c r="D52958" s="1" t="s">
        <v>178503</v>
      </c>
      <c r="E52958" s="1" t="s">
        <v>178504</v>
      </c>
      <c r="F52958" s="1" t="s">
        <v>178505</v>
      </c>
      <c r="G52958" s="1" t="s">
        <v>178422</v>
      </c>
      <c r="H52958" s="1" t="s">
        <v>178423</v>
      </c>
      <c r="I52958" s="1" t="s">
        <v>172490</v>
      </c>
      <c r="J52958" s="1" t="s">
        <v>178506</v>
      </c>
    </row>
    <row r="52959" spans="1:10" x14ac:dyDescent="0.35">
      <c r="A52959" s="1" t="s">
        <v>9901</v>
      </c>
      <c r="B52959" s="1" t="s">
        <v>172484</v>
      </c>
      <c r="C52959" s="1" t="s">
        <v>135</v>
      </c>
      <c r="D52959" s="1" t="s">
        <v>42714</v>
      </c>
      <c r="E52959" s="1" t="s">
        <v>178507</v>
      </c>
      <c r="F52959" s="1" t="s">
        <v>178508</v>
      </c>
      <c r="G52959" s="1" t="s">
        <v>178422</v>
      </c>
      <c r="H52959" s="1" t="s">
        <v>178423</v>
      </c>
      <c r="I52959" s="1" t="s">
        <v>172490</v>
      </c>
      <c r="J52959" s="1" t="s">
        <v>178509</v>
      </c>
    </row>
    <row r="52960" spans="1:10" x14ac:dyDescent="0.35">
      <c r="A52960" s="1" t="s">
        <v>9901</v>
      </c>
      <c r="B52960" s="1" t="s">
        <v>172484</v>
      </c>
      <c r="C52960" s="1" t="s">
        <v>140</v>
      </c>
      <c r="D52960" s="1" t="s">
        <v>52441</v>
      </c>
      <c r="E52960" s="1" t="s">
        <v>178510</v>
      </c>
      <c r="F52960" s="1" t="s">
        <v>178511</v>
      </c>
      <c r="G52960" s="1" t="s">
        <v>178422</v>
      </c>
      <c r="H52960" s="1" t="s">
        <v>178423</v>
      </c>
      <c r="I52960" s="1" t="s">
        <v>172490</v>
      </c>
      <c r="J52960" s="1" t="s">
        <v>178512</v>
      </c>
    </row>
    <row r="52961" spans="1:10" x14ac:dyDescent="0.35">
      <c r="A52961" s="1" t="s">
        <v>9901</v>
      </c>
      <c r="B52961" s="1" t="s">
        <v>172484</v>
      </c>
      <c r="C52961" s="1" t="s">
        <v>145</v>
      </c>
      <c r="D52961" s="1" t="s">
        <v>178513</v>
      </c>
      <c r="E52961" s="1" t="s">
        <v>178514</v>
      </c>
      <c r="F52961" s="1" t="s">
        <v>178515</v>
      </c>
      <c r="G52961" s="1" t="s">
        <v>178422</v>
      </c>
      <c r="H52961" s="1" t="s">
        <v>178423</v>
      </c>
      <c r="I52961" s="1" t="s">
        <v>172490</v>
      </c>
      <c r="J52961" s="1" t="s">
        <v>178516</v>
      </c>
    </row>
    <row r="52962" spans="1:10" x14ac:dyDescent="0.35">
      <c r="A52962" s="1" t="s">
        <v>9901</v>
      </c>
      <c r="B52962" s="1" t="s">
        <v>172484</v>
      </c>
      <c r="C52962" s="1" t="s">
        <v>150</v>
      </c>
      <c r="D52962" s="1" t="s">
        <v>108661</v>
      </c>
      <c r="E52962" s="1" t="s">
        <v>54478</v>
      </c>
      <c r="F52962" s="1" t="s">
        <v>178517</v>
      </c>
      <c r="G52962" s="1" t="s">
        <v>178422</v>
      </c>
      <c r="H52962" s="1" t="s">
        <v>178423</v>
      </c>
      <c r="I52962" s="1" t="s">
        <v>172490</v>
      </c>
      <c r="J52962" s="1" t="s">
        <v>178518</v>
      </c>
    </row>
    <row r="52963" spans="1:10" x14ac:dyDescent="0.35">
      <c r="A52963" s="1" t="s">
        <v>9901</v>
      </c>
      <c r="B52963" s="1" t="s">
        <v>172484</v>
      </c>
      <c r="C52963" s="1" t="s">
        <v>155</v>
      </c>
      <c r="D52963" s="1" t="s">
        <v>105374</v>
      </c>
      <c r="E52963" s="1" t="s">
        <v>178519</v>
      </c>
      <c r="F52963" s="1" t="s">
        <v>178520</v>
      </c>
      <c r="G52963" s="1" t="s">
        <v>178422</v>
      </c>
      <c r="H52963" s="1" t="s">
        <v>178423</v>
      </c>
      <c r="I52963" s="1" t="s">
        <v>172490</v>
      </c>
      <c r="J52963" s="1" t="s">
        <v>178521</v>
      </c>
    </row>
    <row r="52964" spans="1:10" x14ac:dyDescent="0.35">
      <c r="A52964" s="1" t="s">
        <v>9901</v>
      </c>
      <c r="B52964" s="1" t="s">
        <v>172484</v>
      </c>
      <c r="C52964" s="1" t="s">
        <v>160</v>
      </c>
      <c r="D52964" s="1" t="s">
        <v>108490</v>
      </c>
      <c r="E52964" s="1" t="s">
        <v>178522</v>
      </c>
      <c r="F52964" s="1" t="s">
        <v>178523</v>
      </c>
      <c r="G52964" s="1" t="s">
        <v>178422</v>
      </c>
      <c r="H52964" s="1" t="s">
        <v>178423</v>
      </c>
      <c r="I52964" s="1" t="s">
        <v>172490</v>
      </c>
      <c r="J52964" s="1" t="s">
        <v>178524</v>
      </c>
    </row>
    <row r="52965" spans="1:10" x14ac:dyDescent="0.35">
      <c r="A52965" s="1" t="s">
        <v>9901</v>
      </c>
      <c r="B52965" s="1" t="s">
        <v>172484</v>
      </c>
      <c r="C52965" s="1" t="s">
        <v>165</v>
      </c>
      <c r="D52965" s="1" t="s">
        <v>99216</v>
      </c>
      <c r="E52965" s="1" t="s">
        <v>178525</v>
      </c>
      <c r="F52965" s="1" t="s">
        <v>178526</v>
      </c>
      <c r="G52965" s="1" t="s">
        <v>178422</v>
      </c>
      <c r="H52965" s="1" t="s">
        <v>178423</v>
      </c>
      <c r="I52965" s="1" t="s">
        <v>172490</v>
      </c>
      <c r="J52965" s="1" t="s">
        <v>178527</v>
      </c>
    </row>
    <row r="52966" spans="1:10" x14ac:dyDescent="0.35">
      <c r="A52966" s="1" t="s">
        <v>9901</v>
      </c>
      <c r="B52966" s="1" t="s">
        <v>172484</v>
      </c>
      <c r="C52966" s="1" t="s">
        <v>170</v>
      </c>
      <c r="D52966" s="1" t="s">
        <v>77998</v>
      </c>
      <c r="E52966" s="1" t="s">
        <v>178528</v>
      </c>
      <c r="F52966" s="1" t="s">
        <v>178529</v>
      </c>
      <c r="G52966" s="1" t="s">
        <v>178422</v>
      </c>
      <c r="H52966" s="1" t="s">
        <v>178423</v>
      </c>
      <c r="I52966" s="1" t="s">
        <v>172490</v>
      </c>
      <c r="J52966" s="1" t="s">
        <v>178530</v>
      </c>
    </row>
    <row r="52967" spans="1:10" x14ac:dyDescent="0.35">
      <c r="A52967" s="1" t="s">
        <v>110635</v>
      </c>
      <c r="B52967" s="1" t="s">
        <v>172484</v>
      </c>
      <c r="C52967" s="1" t="s">
        <v>8</v>
      </c>
      <c r="D52967" s="1" t="s">
        <v>123341</v>
      </c>
      <c r="E52967" s="1" t="s">
        <v>178531</v>
      </c>
      <c r="F52967" s="1" t="s">
        <v>178532</v>
      </c>
      <c r="G52967" s="1" t="s">
        <v>178533</v>
      </c>
      <c r="H52967" s="1" t="s">
        <v>178534</v>
      </c>
      <c r="I52967" s="1" t="s">
        <v>172490</v>
      </c>
      <c r="J52967" s="1" t="s">
        <v>13</v>
      </c>
    </row>
    <row r="52968" spans="1:10" x14ac:dyDescent="0.35">
      <c r="A52968" s="1" t="s">
        <v>110635</v>
      </c>
      <c r="B52968" s="1" t="s">
        <v>172484</v>
      </c>
      <c r="C52968" s="1" t="s">
        <v>15</v>
      </c>
      <c r="D52968" s="1" t="s">
        <v>75409</v>
      </c>
      <c r="E52968" s="1" t="s">
        <v>178535</v>
      </c>
      <c r="F52968" s="1" t="s">
        <v>178536</v>
      </c>
      <c r="G52968" s="1" t="s">
        <v>178533</v>
      </c>
      <c r="H52968" s="1" t="s">
        <v>178534</v>
      </c>
      <c r="I52968" s="1" t="s">
        <v>172490</v>
      </c>
      <c r="J52968" s="1" t="s">
        <v>178537</v>
      </c>
    </row>
    <row r="52969" spans="1:10" x14ac:dyDescent="0.35">
      <c r="A52969" s="1" t="s">
        <v>110635</v>
      </c>
      <c r="B52969" s="1" t="s">
        <v>172484</v>
      </c>
      <c r="C52969" s="1" t="s">
        <v>20</v>
      </c>
      <c r="D52969" s="1" t="s">
        <v>51336</v>
      </c>
      <c r="E52969" s="1" t="s">
        <v>178538</v>
      </c>
      <c r="F52969" s="1" t="s">
        <v>178539</v>
      </c>
      <c r="G52969" s="1" t="s">
        <v>178533</v>
      </c>
      <c r="H52969" s="1" t="s">
        <v>178534</v>
      </c>
      <c r="I52969" s="1" t="s">
        <v>172490</v>
      </c>
      <c r="J52969" s="1" t="s">
        <v>178540</v>
      </c>
    </row>
    <row r="52970" spans="1:10" x14ac:dyDescent="0.35">
      <c r="A52970" s="1" t="s">
        <v>110635</v>
      </c>
      <c r="B52970" s="1" t="s">
        <v>172484</v>
      </c>
      <c r="C52970" s="1" t="s">
        <v>25</v>
      </c>
      <c r="D52970" s="1" t="s">
        <v>155556</v>
      </c>
      <c r="E52970" s="1" t="s">
        <v>178541</v>
      </c>
      <c r="F52970" s="1" t="s">
        <v>178542</v>
      </c>
      <c r="G52970" s="1" t="s">
        <v>178533</v>
      </c>
      <c r="H52970" s="1" t="s">
        <v>178534</v>
      </c>
      <c r="I52970" s="1" t="s">
        <v>172490</v>
      </c>
      <c r="J52970" s="1" t="s">
        <v>178543</v>
      </c>
    </row>
    <row r="52971" spans="1:10" x14ac:dyDescent="0.35">
      <c r="A52971" s="1" t="s">
        <v>110635</v>
      </c>
      <c r="B52971" s="1" t="s">
        <v>172484</v>
      </c>
      <c r="C52971" s="1" t="s">
        <v>30</v>
      </c>
      <c r="D52971" s="1" t="s">
        <v>169079</v>
      </c>
      <c r="E52971" s="1" t="s">
        <v>178544</v>
      </c>
      <c r="F52971" s="1" t="s">
        <v>178545</v>
      </c>
      <c r="G52971" s="1" t="s">
        <v>178533</v>
      </c>
      <c r="H52971" s="1" t="s">
        <v>178534</v>
      </c>
      <c r="I52971" s="1" t="s">
        <v>172490</v>
      </c>
      <c r="J52971" s="1" t="s">
        <v>178546</v>
      </c>
    </row>
    <row r="52972" spans="1:10" x14ac:dyDescent="0.35">
      <c r="A52972" s="1" t="s">
        <v>110635</v>
      </c>
      <c r="B52972" s="1" t="s">
        <v>172484</v>
      </c>
      <c r="C52972" s="1" t="s">
        <v>35</v>
      </c>
      <c r="D52972" s="1" t="s">
        <v>168487</v>
      </c>
      <c r="E52972" s="1" t="s">
        <v>178547</v>
      </c>
      <c r="F52972" s="1" t="s">
        <v>178548</v>
      </c>
      <c r="G52972" s="1" t="s">
        <v>178533</v>
      </c>
      <c r="H52972" s="1" t="s">
        <v>178534</v>
      </c>
      <c r="I52972" s="1" t="s">
        <v>172490</v>
      </c>
      <c r="J52972" s="1" t="s">
        <v>178549</v>
      </c>
    </row>
    <row r="52973" spans="1:10" x14ac:dyDescent="0.35">
      <c r="A52973" s="1" t="s">
        <v>110635</v>
      </c>
      <c r="B52973" s="1" t="s">
        <v>172484</v>
      </c>
      <c r="C52973" s="1" t="s">
        <v>40</v>
      </c>
      <c r="D52973" s="1" t="s">
        <v>75315</v>
      </c>
      <c r="E52973" s="1" t="s">
        <v>178550</v>
      </c>
      <c r="F52973" s="1" t="s">
        <v>178551</v>
      </c>
      <c r="G52973" s="1" t="s">
        <v>178533</v>
      </c>
      <c r="H52973" s="1" t="s">
        <v>178534</v>
      </c>
      <c r="I52973" s="1" t="s">
        <v>172490</v>
      </c>
      <c r="J52973" s="1" t="s">
        <v>178552</v>
      </c>
    </row>
    <row r="52974" spans="1:10" x14ac:dyDescent="0.35">
      <c r="A52974" s="1" t="s">
        <v>110635</v>
      </c>
      <c r="B52974" s="1" t="s">
        <v>172484</v>
      </c>
      <c r="C52974" s="1" t="s">
        <v>45</v>
      </c>
      <c r="D52974" s="1" t="s">
        <v>149002</v>
      </c>
      <c r="E52974" s="1" t="s">
        <v>178553</v>
      </c>
      <c r="F52974" s="1" t="s">
        <v>178554</v>
      </c>
      <c r="G52974" s="1" t="s">
        <v>178533</v>
      </c>
      <c r="H52974" s="1" t="s">
        <v>178534</v>
      </c>
      <c r="I52974" s="1" t="s">
        <v>172490</v>
      </c>
      <c r="J52974" s="1" t="s">
        <v>178555</v>
      </c>
    </row>
    <row r="52975" spans="1:10" x14ac:dyDescent="0.35">
      <c r="A52975" s="1" t="s">
        <v>110635</v>
      </c>
      <c r="B52975" s="1" t="s">
        <v>172484</v>
      </c>
      <c r="C52975" s="1" t="s">
        <v>50</v>
      </c>
      <c r="D52975" s="1" t="s">
        <v>70698</v>
      </c>
      <c r="E52975" s="1" t="s">
        <v>178556</v>
      </c>
      <c r="F52975" s="1" t="s">
        <v>178557</v>
      </c>
      <c r="G52975" s="1" t="s">
        <v>178533</v>
      </c>
      <c r="H52975" s="1" t="s">
        <v>178534</v>
      </c>
      <c r="I52975" s="1" t="s">
        <v>172490</v>
      </c>
      <c r="J52975" s="1" t="s">
        <v>178558</v>
      </c>
    </row>
    <row r="52976" spans="1:10" x14ac:dyDescent="0.35">
      <c r="A52976" s="1" t="s">
        <v>110635</v>
      </c>
      <c r="B52976" s="1" t="s">
        <v>172484</v>
      </c>
      <c r="C52976" s="1" t="s">
        <v>55</v>
      </c>
      <c r="D52976" s="1" t="s">
        <v>178559</v>
      </c>
      <c r="E52976" s="1" t="s">
        <v>178560</v>
      </c>
      <c r="F52976" s="1" t="s">
        <v>178561</v>
      </c>
      <c r="G52976" s="1" t="s">
        <v>178533</v>
      </c>
      <c r="H52976" s="1" t="s">
        <v>178534</v>
      </c>
      <c r="I52976" s="1" t="s">
        <v>172490</v>
      </c>
      <c r="J52976" s="1" t="s">
        <v>178562</v>
      </c>
    </row>
    <row r="52977" spans="1:10" x14ac:dyDescent="0.35">
      <c r="A52977" s="1" t="s">
        <v>110635</v>
      </c>
      <c r="B52977" s="1" t="s">
        <v>172484</v>
      </c>
      <c r="C52977" s="1" t="s">
        <v>60</v>
      </c>
      <c r="D52977" s="1" t="s">
        <v>177155</v>
      </c>
      <c r="E52977" s="1" t="s">
        <v>178563</v>
      </c>
      <c r="F52977" s="1" t="s">
        <v>178564</v>
      </c>
      <c r="G52977" s="1" t="s">
        <v>178533</v>
      </c>
      <c r="H52977" s="1" t="s">
        <v>178534</v>
      </c>
      <c r="I52977" s="1" t="s">
        <v>172490</v>
      </c>
      <c r="J52977" s="1" t="s">
        <v>178565</v>
      </c>
    </row>
    <row r="52978" spans="1:10" x14ac:dyDescent="0.35">
      <c r="A52978" s="1" t="s">
        <v>110635</v>
      </c>
      <c r="B52978" s="1" t="s">
        <v>172484</v>
      </c>
      <c r="C52978" s="1" t="s">
        <v>65</v>
      </c>
      <c r="D52978" s="1" t="s">
        <v>177269</v>
      </c>
      <c r="E52978" s="1" t="s">
        <v>178566</v>
      </c>
      <c r="F52978" s="1" t="s">
        <v>178567</v>
      </c>
      <c r="G52978" s="1" t="s">
        <v>178533</v>
      </c>
      <c r="H52978" s="1" t="s">
        <v>178534</v>
      </c>
      <c r="I52978" s="1" t="s">
        <v>172490</v>
      </c>
      <c r="J52978" s="1" t="s">
        <v>178568</v>
      </c>
    </row>
    <row r="52979" spans="1:10" x14ac:dyDescent="0.35">
      <c r="A52979" s="1" t="s">
        <v>110635</v>
      </c>
      <c r="B52979" s="1" t="s">
        <v>172484</v>
      </c>
      <c r="C52979" s="1" t="s">
        <v>70</v>
      </c>
      <c r="D52979" s="1" t="s">
        <v>178569</v>
      </c>
      <c r="E52979" s="1" t="s">
        <v>178570</v>
      </c>
      <c r="F52979" s="1" t="s">
        <v>178571</v>
      </c>
      <c r="G52979" s="1" t="s">
        <v>178533</v>
      </c>
      <c r="H52979" s="1" t="s">
        <v>178534</v>
      </c>
      <c r="I52979" s="1" t="s">
        <v>172490</v>
      </c>
      <c r="J52979" s="1" t="s">
        <v>178572</v>
      </c>
    </row>
    <row r="52980" spans="1:10" x14ac:dyDescent="0.35">
      <c r="A52980" s="1" t="s">
        <v>110635</v>
      </c>
      <c r="B52980" s="1" t="s">
        <v>172484</v>
      </c>
      <c r="C52980" s="1" t="s">
        <v>75</v>
      </c>
      <c r="D52980" s="1" t="s">
        <v>155309</v>
      </c>
      <c r="E52980" s="1" t="s">
        <v>178573</v>
      </c>
      <c r="F52980" s="1" t="s">
        <v>178574</v>
      </c>
      <c r="G52980" s="1" t="s">
        <v>178533</v>
      </c>
      <c r="H52980" s="1" t="s">
        <v>178534</v>
      </c>
      <c r="I52980" s="1" t="s">
        <v>172490</v>
      </c>
      <c r="J52980" s="1" t="s">
        <v>178575</v>
      </c>
    </row>
    <row r="52981" spans="1:10" x14ac:dyDescent="0.35">
      <c r="A52981" s="1" t="s">
        <v>110635</v>
      </c>
      <c r="B52981" s="1" t="s">
        <v>172484</v>
      </c>
      <c r="C52981" s="1" t="s">
        <v>80</v>
      </c>
      <c r="D52981" s="1" t="s">
        <v>82147</v>
      </c>
      <c r="E52981" s="1" t="s">
        <v>178576</v>
      </c>
      <c r="F52981" s="1" t="s">
        <v>178577</v>
      </c>
      <c r="G52981" s="1" t="s">
        <v>178533</v>
      </c>
      <c r="H52981" s="1" t="s">
        <v>178534</v>
      </c>
      <c r="I52981" s="1" t="s">
        <v>172490</v>
      </c>
      <c r="J52981" s="1" t="s">
        <v>178578</v>
      </c>
    </row>
    <row r="52982" spans="1:10" x14ac:dyDescent="0.35">
      <c r="A52982" s="1" t="s">
        <v>110635</v>
      </c>
      <c r="B52982" s="1" t="s">
        <v>172484</v>
      </c>
      <c r="C52982" s="1" t="s">
        <v>85</v>
      </c>
      <c r="D52982" s="1" t="s">
        <v>178579</v>
      </c>
      <c r="E52982" s="1" t="s">
        <v>178580</v>
      </c>
      <c r="F52982" s="1" t="s">
        <v>178581</v>
      </c>
      <c r="G52982" s="1" t="s">
        <v>178533</v>
      </c>
      <c r="H52982" s="1" t="s">
        <v>178534</v>
      </c>
      <c r="I52982" s="1" t="s">
        <v>172490</v>
      </c>
      <c r="J52982" s="1" t="s">
        <v>178582</v>
      </c>
    </row>
    <row r="52983" spans="1:10" x14ac:dyDescent="0.35">
      <c r="A52983" s="1" t="s">
        <v>110635</v>
      </c>
      <c r="B52983" s="1" t="s">
        <v>172484</v>
      </c>
      <c r="C52983" s="1" t="s">
        <v>90</v>
      </c>
      <c r="D52983" s="1" t="s">
        <v>178583</v>
      </c>
      <c r="E52983" s="1" t="s">
        <v>178584</v>
      </c>
      <c r="F52983" s="1" t="s">
        <v>178585</v>
      </c>
      <c r="G52983" s="1" t="s">
        <v>178533</v>
      </c>
      <c r="H52983" s="1" t="s">
        <v>178534</v>
      </c>
      <c r="I52983" s="1" t="s">
        <v>172490</v>
      </c>
      <c r="J52983" s="1" t="s">
        <v>178586</v>
      </c>
    </row>
    <row r="52984" spans="1:10" x14ac:dyDescent="0.35">
      <c r="A52984" s="1" t="s">
        <v>110635</v>
      </c>
      <c r="B52984" s="1" t="s">
        <v>172484</v>
      </c>
      <c r="C52984" s="1" t="s">
        <v>95</v>
      </c>
      <c r="D52984" s="1" t="s">
        <v>11671</v>
      </c>
      <c r="E52984" s="1" t="s">
        <v>178587</v>
      </c>
      <c r="F52984" s="1" t="s">
        <v>178588</v>
      </c>
      <c r="G52984" s="1" t="s">
        <v>178533</v>
      </c>
      <c r="H52984" s="1" t="s">
        <v>178534</v>
      </c>
      <c r="I52984" s="1" t="s">
        <v>172490</v>
      </c>
      <c r="J52984" s="1" t="s">
        <v>178589</v>
      </c>
    </row>
    <row r="52985" spans="1:10" x14ac:dyDescent="0.35">
      <c r="A52985" s="1" t="s">
        <v>110635</v>
      </c>
      <c r="B52985" s="1" t="s">
        <v>172484</v>
      </c>
      <c r="C52985" s="1" t="s">
        <v>100</v>
      </c>
      <c r="D52985" s="1" t="s">
        <v>12287</v>
      </c>
      <c r="E52985" s="1" t="s">
        <v>178590</v>
      </c>
      <c r="F52985" s="1" t="s">
        <v>178591</v>
      </c>
      <c r="G52985" s="1" t="s">
        <v>178533</v>
      </c>
      <c r="H52985" s="1" t="s">
        <v>178534</v>
      </c>
      <c r="I52985" s="1" t="s">
        <v>172490</v>
      </c>
      <c r="J52985" s="1" t="s">
        <v>178592</v>
      </c>
    </row>
    <row r="52986" spans="1:10" x14ac:dyDescent="0.35">
      <c r="A52986" s="1" t="s">
        <v>110635</v>
      </c>
      <c r="B52986" s="1" t="s">
        <v>172484</v>
      </c>
      <c r="C52986" s="1" t="s">
        <v>105</v>
      </c>
      <c r="D52986" s="1" t="s">
        <v>178593</v>
      </c>
      <c r="E52986" s="1" t="s">
        <v>178594</v>
      </c>
      <c r="F52986" s="1" t="s">
        <v>178595</v>
      </c>
      <c r="G52986" s="1" t="s">
        <v>178533</v>
      </c>
      <c r="H52986" s="1" t="s">
        <v>178534</v>
      </c>
      <c r="I52986" s="1" t="s">
        <v>172490</v>
      </c>
      <c r="J52986" s="1" t="s">
        <v>178596</v>
      </c>
    </row>
    <row r="52987" spans="1:10" x14ac:dyDescent="0.35">
      <c r="A52987" s="1" t="s">
        <v>110635</v>
      </c>
      <c r="B52987" s="1" t="s">
        <v>172484</v>
      </c>
      <c r="C52987" s="1" t="s">
        <v>110</v>
      </c>
      <c r="D52987" s="1" t="s">
        <v>178597</v>
      </c>
      <c r="E52987" s="1" t="s">
        <v>178598</v>
      </c>
      <c r="F52987" s="1" t="s">
        <v>178599</v>
      </c>
      <c r="G52987" s="1" t="s">
        <v>178533</v>
      </c>
      <c r="H52987" s="1" t="s">
        <v>178534</v>
      </c>
      <c r="I52987" s="1" t="s">
        <v>172490</v>
      </c>
      <c r="J52987" s="1" t="s">
        <v>178600</v>
      </c>
    </row>
    <row r="52988" spans="1:10" x14ac:dyDescent="0.35">
      <c r="A52988" s="1" t="s">
        <v>110635</v>
      </c>
      <c r="B52988" s="1" t="s">
        <v>172484</v>
      </c>
      <c r="C52988" s="1" t="s">
        <v>115</v>
      </c>
      <c r="D52988" s="1" t="s">
        <v>178601</v>
      </c>
      <c r="E52988" s="1" t="s">
        <v>178602</v>
      </c>
      <c r="F52988" s="1" t="s">
        <v>178603</v>
      </c>
      <c r="G52988" s="1" t="s">
        <v>178533</v>
      </c>
      <c r="H52988" s="1" t="s">
        <v>178534</v>
      </c>
      <c r="I52988" s="1" t="s">
        <v>172490</v>
      </c>
      <c r="J52988" s="1" t="s">
        <v>178604</v>
      </c>
    </row>
    <row r="52989" spans="1:10" x14ac:dyDescent="0.35">
      <c r="A52989" s="1" t="s">
        <v>110635</v>
      </c>
      <c r="B52989" s="1" t="s">
        <v>172484</v>
      </c>
      <c r="C52989" s="1" t="s">
        <v>120</v>
      </c>
      <c r="D52989" s="1" t="s">
        <v>178605</v>
      </c>
      <c r="E52989" s="1" t="s">
        <v>178606</v>
      </c>
      <c r="F52989" s="1" t="s">
        <v>178607</v>
      </c>
      <c r="G52989" s="1" t="s">
        <v>178533</v>
      </c>
      <c r="H52989" s="1" t="s">
        <v>178534</v>
      </c>
      <c r="I52989" s="1" t="s">
        <v>172490</v>
      </c>
      <c r="J52989" s="1" t="s">
        <v>178608</v>
      </c>
    </row>
    <row r="52990" spans="1:10" x14ac:dyDescent="0.35">
      <c r="A52990" s="1" t="s">
        <v>110635</v>
      </c>
      <c r="B52990" s="1" t="s">
        <v>172484</v>
      </c>
      <c r="C52990" s="1" t="s">
        <v>125</v>
      </c>
      <c r="D52990" s="1" t="s">
        <v>108038</v>
      </c>
      <c r="E52990" s="1" t="s">
        <v>178609</v>
      </c>
      <c r="F52990" s="1" t="s">
        <v>178610</v>
      </c>
      <c r="G52990" s="1" t="s">
        <v>178533</v>
      </c>
      <c r="H52990" s="1" t="s">
        <v>178534</v>
      </c>
      <c r="I52990" s="1" t="s">
        <v>172490</v>
      </c>
      <c r="J52990" s="1" t="s">
        <v>178611</v>
      </c>
    </row>
    <row r="52991" spans="1:10" x14ac:dyDescent="0.35">
      <c r="A52991" s="1" t="s">
        <v>110635</v>
      </c>
      <c r="B52991" s="1" t="s">
        <v>172484</v>
      </c>
      <c r="C52991" s="1" t="s">
        <v>130</v>
      </c>
      <c r="D52991" s="1" t="s">
        <v>81371</v>
      </c>
      <c r="E52991" s="1" t="s">
        <v>178612</v>
      </c>
      <c r="F52991" s="1" t="s">
        <v>178613</v>
      </c>
      <c r="G52991" s="1" t="s">
        <v>178533</v>
      </c>
      <c r="H52991" s="1" t="s">
        <v>178534</v>
      </c>
      <c r="I52991" s="1" t="s">
        <v>172490</v>
      </c>
      <c r="J52991" s="1" t="s">
        <v>178614</v>
      </c>
    </row>
    <row r="52992" spans="1:10" x14ac:dyDescent="0.35">
      <c r="A52992" s="1" t="s">
        <v>110635</v>
      </c>
      <c r="B52992" s="1" t="s">
        <v>172484</v>
      </c>
      <c r="C52992" s="1" t="s">
        <v>135</v>
      </c>
      <c r="D52992" s="1" t="s">
        <v>78855</v>
      </c>
      <c r="E52992" s="1" t="s">
        <v>178615</v>
      </c>
      <c r="F52992" s="1" t="s">
        <v>178616</v>
      </c>
      <c r="G52992" s="1" t="s">
        <v>178533</v>
      </c>
      <c r="H52992" s="1" t="s">
        <v>178534</v>
      </c>
      <c r="I52992" s="1" t="s">
        <v>172490</v>
      </c>
      <c r="J52992" s="1" t="s">
        <v>178617</v>
      </c>
    </row>
    <row r="52993" spans="1:10" x14ac:dyDescent="0.35">
      <c r="A52993" s="1" t="s">
        <v>110635</v>
      </c>
      <c r="B52993" s="1" t="s">
        <v>172484</v>
      </c>
      <c r="C52993" s="1" t="s">
        <v>140</v>
      </c>
      <c r="D52993" s="1" t="s">
        <v>26352</v>
      </c>
      <c r="E52993" s="1" t="s">
        <v>178618</v>
      </c>
      <c r="F52993" s="1" t="s">
        <v>178619</v>
      </c>
      <c r="G52993" s="1" t="s">
        <v>178533</v>
      </c>
      <c r="H52993" s="1" t="s">
        <v>178534</v>
      </c>
      <c r="I52993" s="1" t="s">
        <v>172490</v>
      </c>
      <c r="J52993" s="1" t="s">
        <v>178620</v>
      </c>
    </row>
    <row r="52994" spans="1:10" x14ac:dyDescent="0.35">
      <c r="A52994" s="1" t="s">
        <v>110635</v>
      </c>
      <c r="B52994" s="1" t="s">
        <v>172484</v>
      </c>
      <c r="C52994" s="1" t="s">
        <v>145</v>
      </c>
      <c r="D52994" s="1" t="s">
        <v>16755</v>
      </c>
      <c r="E52994" s="1" t="s">
        <v>178621</v>
      </c>
      <c r="F52994" s="1" t="s">
        <v>178622</v>
      </c>
      <c r="G52994" s="1" t="s">
        <v>178533</v>
      </c>
      <c r="H52994" s="1" t="s">
        <v>178534</v>
      </c>
      <c r="I52994" s="1" t="s">
        <v>172490</v>
      </c>
      <c r="J52994" s="1" t="s">
        <v>178623</v>
      </c>
    </row>
    <row r="52995" spans="1:10" x14ac:dyDescent="0.35">
      <c r="A52995" s="1" t="s">
        <v>110635</v>
      </c>
      <c r="B52995" s="1" t="s">
        <v>172484</v>
      </c>
      <c r="C52995" s="1" t="s">
        <v>150</v>
      </c>
      <c r="D52995" s="1" t="s">
        <v>92624</v>
      </c>
      <c r="E52995" s="1" t="s">
        <v>178624</v>
      </c>
      <c r="F52995" s="1" t="s">
        <v>178625</v>
      </c>
      <c r="G52995" s="1" t="s">
        <v>178533</v>
      </c>
      <c r="H52995" s="1" t="s">
        <v>178534</v>
      </c>
      <c r="I52995" s="1" t="s">
        <v>172490</v>
      </c>
      <c r="J52995" s="1" t="s">
        <v>178626</v>
      </c>
    </row>
    <row r="52996" spans="1:10" x14ac:dyDescent="0.35">
      <c r="A52996" s="1" t="s">
        <v>110635</v>
      </c>
      <c r="B52996" s="1" t="s">
        <v>172484</v>
      </c>
      <c r="C52996" s="1" t="s">
        <v>155</v>
      </c>
      <c r="D52996" s="1" t="s">
        <v>178627</v>
      </c>
      <c r="E52996" s="1" t="s">
        <v>178628</v>
      </c>
      <c r="F52996" s="1" t="s">
        <v>178629</v>
      </c>
      <c r="G52996" s="1" t="s">
        <v>178533</v>
      </c>
      <c r="H52996" s="1" t="s">
        <v>178534</v>
      </c>
      <c r="I52996" s="1" t="s">
        <v>172490</v>
      </c>
      <c r="J52996" s="1" t="s">
        <v>178630</v>
      </c>
    </row>
    <row r="52997" spans="1:10" x14ac:dyDescent="0.35">
      <c r="A52997" s="1" t="s">
        <v>110635</v>
      </c>
      <c r="B52997" s="1" t="s">
        <v>172484</v>
      </c>
      <c r="C52997" s="1" t="s">
        <v>160</v>
      </c>
      <c r="D52997" s="1" t="s">
        <v>178631</v>
      </c>
      <c r="E52997" s="1" t="s">
        <v>178632</v>
      </c>
      <c r="F52997" s="1" t="s">
        <v>178633</v>
      </c>
      <c r="G52997" s="1" t="s">
        <v>178533</v>
      </c>
      <c r="H52997" s="1" t="s">
        <v>178534</v>
      </c>
      <c r="I52997" s="1" t="s">
        <v>172490</v>
      </c>
      <c r="J52997" s="1" t="s">
        <v>178634</v>
      </c>
    </row>
    <row r="52998" spans="1:10" x14ac:dyDescent="0.35">
      <c r="A52998" s="1" t="s">
        <v>110635</v>
      </c>
      <c r="B52998" s="1" t="s">
        <v>172484</v>
      </c>
      <c r="C52998" s="1" t="s">
        <v>165</v>
      </c>
      <c r="D52998" s="1" t="s">
        <v>92431</v>
      </c>
      <c r="E52998" s="1" t="s">
        <v>178635</v>
      </c>
      <c r="F52998" s="1" t="s">
        <v>178636</v>
      </c>
      <c r="G52998" s="1" t="s">
        <v>178533</v>
      </c>
      <c r="H52998" s="1" t="s">
        <v>178534</v>
      </c>
      <c r="I52998" s="1" t="s">
        <v>172490</v>
      </c>
      <c r="J52998" s="1" t="s">
        <v>178637</v>
      </c>
    </row>
    <row r="52999" spans="1:10" x14ac:dyDescent="0.35">
      <c r="A52999" s="1" t="s">
        <v>110635</v>
      </c>
      <c r="B52999" s="1" t="s">
        <v>172484</v>
      </c>
      <c r="C52999" s="1" t="s">
        <v>170</v>
      </c>
      <c r="D52999" s="1" t="s">
        <v>66237</v>
      </c>
      <c r="E52999" s="1" t="s">
        <v>178638</v>
      </c>
      <c r="F52999" s="1" t="s">
        <v>178639</v>
      </c>
      <c r="G52999" s="1" t="s">
        <v>178533</v>
      </c>
      <c r="H52999" s="1" t="s">
        <v>178534</v>
      </c>
      <c r="I52999" s="1" t="s">
        <v>172490</v>
      </c>
      <c r="J52999" s="1" t="s">
        <v>178640</v>
      </c>
    </row>
    <row r="53000" spans="1:10" x14ac:dyDescent="0.35">
      <c r="A53000" s="1" t="s">
        <v>110527</v>
      </c>
      <c r="B53000" s="1" t="s">
        <v>172484</v>
      </c>
      <c r="C53000" s="1" t="s">
        <v>8</v>
      </c>
      <c r="D53000" s="1" t="s">
        <v>17963</v>
      </c>
      <c r="E53000" s="1" t="s">
        <v>178641</v>
      </c>
      <c r="F53000" s="1" t="s">
        <v>178642</v>
      </c>
      <c r="G53000" s="1" t="s">
        <v>178643</v>
      </c>
      <c r="H53000" s="1" t="s">
        <v>178644</v>
      </c>
      <c r="I53000" s="1" t="s">
        <v>172490</v>
      </c>
      <c r="J53000" s="1" t="s">
        <v>13</v>
      </c>
    </row>
    <row r="53001" spans="1:10" x14ac:dyDescent="0.35">
      <c r="A53001" s="1" t="s">
        <v>110527</v>
      </c>
      <c r="B53001" s="1" t="s">
        <v>172484</v>
      </c>
      <c r="C53001" s="1" t="s">
        <v>15</v>
      </c>
      <c r="D53001" s="1" t="s">
        <v>178645</v>
      </c>
      <c r="E53001" s="1" t="s">
        <v>178646</v>
      </c>
      <c r="F53001" s="1" t="s">
        <v>178647</v>
      </c>
      <c r="G53001" s="1" t="s">
        <v>178643</v>
      </c>
      <c r="H53001" s="1" t="s">
        <v>178644</v>
      </c>
      <c r="I53001" s="1" t="s">
        <v>172490</v>
      </c>
      <c r="J53001" s="1" t="s">
        <v>178648</v>
      </c>
    </row>
    <row r="53002" spans="1:10" x14ac:dyDescent="0.35">
      <c r="A53002" s="1" t="s">
        <v>110527</v>
      </c>
      <c r="B53002" s="1" t="s">
        <v>172484</v>
      </c>
      <c r="C53002" s="1" t="s">
        <v>20</v>
      </c>
      <c r="D53002" s="1" t="s">
        <v>8823</v>
      </c>
      <c r="E53002" s="1" t="s">
        <v>178649</v>
      </c>
      <c r="F53002" s="1" t="s">
        <v>178650</v>
      </c>
      <c r="G53002" s="1" t="s">
        <v>178643</v>
      </c>
      <c r="H53002" s="1" t="s">
        <v>178644</v>
      </c>
      <c r="I53002" s="1" t="s">
        <v>172490</v>
      </c>
      <c r="J53002" s="1" t="s">
        <v>178651</v>
      </c>
    </row>
    <row r="53003" spans="1:10" x14ac:dyDescent="0.35">
      <c r="A53003" s="1" t="s">
        <v>110527</v>
      </c>
      <c r="B53003" s="1" t="s">
        <v>172484</v>
      </c>
      <c r="C53003" s="1" t="s">
        <v>25</v>
      </c>
      <c r="D53003" s="1" t="s">
        <v>32125</v>
      </c>
      <c r="E53003" s="1" t="s">
        <v>178652</v>
      </c>
      <c r="F53003" s="1" t="s">
        <v>178653</v>
      </c>
      <c r="G53003" s="1" t="s">
        <v>178643</v>
      </c>
      <c r="H53003" s="1" t="s">
        <v>178644</v>
      </c>
      <c r="I53003" s="1" t="s">
        <v>172490</v>
      </c>
      <c r="J53003" s="1" t="s">
        <v>178654</v>
      </c>
    </row>
    <row r="53004" spans="1:10" x14ac:dyDescent="0.35">
      <c r="A53004" s="1" t="s">
        <v>110527</v>
      </c>
      <c r="B53004" s="1" t="s">
        <v>172484</v>
      </c>
      <c r="C53004" s="1" t="s">
        <v>30</v>
      </c>
      <c r="D53004" s="1" t="s">
        <v>11831</v>
      </c>
      <c r="E53004" s="1" t="s">
        <v>178655</v>
      </c>
      <c r="F53004" s="1" t="s">
        <v>178656</v>
      </c>
      <c r="G53004" s="1" t="s">
        <v>178643</v>
      </c>
      <c r="H53004" s="1" t="s">
        <v>178644</v>
      </c>
      <c r="I53004" s="1" t="s">
        <v>172490</v>
      </c>
      <c r="J53004" s="1" t="s">
        <v>178657</v>
      </c>
    </row>
    <row r="53005" spans="1:10" x14ac:dyDescent="0.35">
      <c r="A53005" s="1" t="s">
        <v>110527</v>
      </c>
      <c r="B53005" s="1" t="s">
        <v>172484</v>
      </c>
      <c r="C53005" s="1" t="s">
        <v>35</v>
      </c>
      <c r="D53005" s="1" t="s">
        <v>3016</v>
      </c>
      <c r="E53005" s="1" t="s">
        <v>178658</v>
      </c>
      <c r="F53005" s="1" t="s">
        <v>178659</v>
      </c>
      <c r="G53005" s="1" t="s">
        <v>178643</v>
      </c>
      <c r="H53005" s="1" t="s">
        <v>178644</v>
      </c>
      <c r="I53005" s="1" t="s">
        <v>172490</v>
      </c>
      <c r="J53005" s="1" t="s">
        <v>178660</v>
      </c>
    </row>
    <row r="53006" spans="1:10" x14ac:dyDescent="0.35">
      <c r="A53006" s="1" t="s">
        <v>110527</v>
      </c>
      <c r="B53006" s="1" t="s">
        <v>172484</v>
      </c>
      <c r="C53006" s="1" t="s">
        <v>40</v>
      </c>
      <c r="D53006" s="1" t="s">
        <v>168994</v>
      </c>
      <c r="E53006" s="1" t="s">
        <v>178661</v>
      </c>
      <c r="F53006" s="1" t="s">
        <v>178662</v>
      </c>
      <c r="G53006" s="1" t="s">
        <v>178643</v>
      </c>
      <c r="H53006" s="1" t="s">
        <v>178644</v>
      </c>
      <c r="I53006" s="1" t="s">
        <v>172490</v>
      </c>
      <c r="J53006" s="1" t="s">
        <v>178663</v>
      </c>
    </row>
    <row r="53007" spans="1:10" x14ac:dyDescent="0.35">
      <c r="A53007" s="1" t="s">
        <v>110527</v>
      </c>
      <c r="B53007" s="1" t="s">
        <v>172484</v>
      </c>
      <c r="C53007" s="1" t="s">
        <v>45</v>
      </c>
      <c r="D53007" s="1" t="s">
        <v>32445</v>
      </c>
      <c r="E53007" s="1" t="s">
        <v>178664</v>
      </c>
      <c r="F53007" s="1" t="s">
        <v>178665</v>
      </c>
      <c r="G53007" s="1" t="s">
        <v>178643</v>
      </c>
      <c r="H53007" s="1" t="s">
        <v>178644</v>
      </c>
      <c r="I53007" s="1" t="s">
        <v>172490</v>
      </c>
      <c r="J53007" s="1" t="s">
        <v>178666</v>
      </c>
    </row>
    <row r="53008" spans="1:10" x14ac:dyDescent="0.35">
      <c r="A53008" s="1" t="s">
        <v>110527</v>
      </c>
      <c r="B53008" s="1" t="s">
        <v>172484</v>
      </c>
      <c r="C53008" s="1" t="s">
        <v>50</v>
      </c>
      <c r="D53008" s="1" t="s">
        <v>178667</v>
      </c>
      <c r="E53008" s="1" t="s">
        <v>178668</v>
      </c>
      <c r="F53008" s="1" t="s">
        <v>178669</v>
      </c>
      <c r="G53008" s="1" t="s">
        <v>178643</v>
      </c>
      <c r="H53008" s="1" t="s">
        <v>178644</v>
      </c>
      <c r="I53008" s="1" t="s">
        <v>172490</v>
      </c>
      <c r="J53008" s="1" t="s">
        <v>178670</v>
      </c>
    </row>
    <row r="53009" spans="1:10" x14ac:dyDescent="0.35">
      <c r="A53009" s="1" t="s">
        <v>110527</v>
      </c>
      <c r="B53009" s="1" t="s">
        <v>172484</v>
      </c>
      <c r="C53009" s="1" t="s">
        <v>55</v>
      </c>
      <c r="D53009" s="1" t="s">
        <v>178671</v>
      </c>
      <c r="E53009" s="1" t="s">
        <v>178672</v>
      </c>
      <c r="F53009" s="1" t="s">
        <v>178673</v>
      </c>
      <c r="G53009" s="1" t="s">
        <v>178643</v>
      </c>
      <c r="H53009" s="1" t="s">
        <v>178644</v>
      </c>
      <c r="I53009" s="1" t="s">
        <v>172490</v>
      </c>
      <c r="J53009" s="1" t="s">
        <v>178674</v>
      </c>
    </row>
    <row r="53010" spans="1:10" x14ac:dyDescent="0.35">
      <c r="A53010" s="1" t="s">
        <v>110527</v>
      </c>
      <c r="B53010" s="1" t="s">
        <v>172484</v>
      </c>
      <c r="C53010" s="1" t="s">
        <v>60</v>
      </c>
      <c r="D53010" s="1" t="s">
        <v>178675</v>
      </c>
      <c r="E53010" s="1" t="s">
        <v>178676</v>
      </c>
      <c r="F53010" s="1" t="s">
        <v>178677</v>
      </c>
      <c r="G53010" s="1" t="s">
        <v>178643</v>
      </c>
      <c r="H53010" s="1" t="s">
        <v>178644</v>
      </c>
      <c r="I53010" s="1" t="s">
        <v>172490</v>
      </c>
      <c r="J53010" s="1" t="s">
        <v>178678</v>
      </c>
    </row>
    <row r="53011" spans="1:10" x14ac:dyDescent="0.35">
      <c r="A53011" s="1" t="s">
        <v>110527</v>
      </c>
      <c r="B53011" s="1" t="s">
        <v>172484</v>
      </c>
      <c r="C53011" s="1" t="s">
        <v>65</v>
      </c>
      <c r="D53011" s="1" t="s">
        <v>178679</v>
      </c>
      <c r="E53011" s="1" t="s">
        <v>178680</v>
      </c>
      <c r="F53011" s="1" t="s">
        <v>178681</v>
      </c>
      <c r="G53011" s="1" t="s">
        <v>178643</v>
      </c>
      <c r="H53011" s="1" t="s">
        <v>178644</v>
      </c>
      <c r="I53011" s="1" t="s">
        <v>172490</v>
      </c>
      <c r="J53011" s="1" t="s">
        <v>178682</v>
      </c>
    </row>
    <row r="53012" spans="1:10" x14ac:dyDescent="0.35">
      <c r="A53012" s="1" t="s">
        <v>110527</v>
      </c>
      <c r="B53012" s="1" t="s">
        <v>172484</v>
      </c>
      <c r="C53012" s="1" t="s">
        <v>70</v>
      </c>
      <c r="D53012" s="1" t="s">
        <v>178683</v>
      </c>
      <c r="E53012" s="1" t="s">
        <v>178684</v>
      </c>
      <c r="F53012" s="1" t="s">
        <v>178685</v>
      </c>
      <c r="G53012" s="1" t="s">
        <v>178643</v>
      </c>
      <c r="H53012" s="1" t="s">
        <v>178644</v>
      </c>
      <c r="I53012" s="1" t="s">
        <v>172490</v>
      </c>
      <c r="J53012" s="1" t="s">
        <v>178686</v>
      </c>
    </row>
    <row r="53013" spans="1:10" x14ac:dyDescent="0.35">
      <c r="A53013" s="1" t="s">
        <v>110527</v>
      </c>
      <c r="B53013" s="1" t="s">
        <v>172484</v>
      </c>
      <c r="C53013" s="1" t="s">
        <v>75</v>
      </c>
      <c r="D53013" s="1" t="s">
        <v>178687</v>
      </c>
      <c r="E53013" s="1" t="s">
        <v>178688</v>
      </c>
      <c r="F53013" s="1" t="s">
        <v>178689</v>
      </c>
      <c r="G53013" s="1" t="s">
        <v>178643</v>
      </c>
      <c r="H53013" s="1" t="s">
        <v>178644</v>
      </c>
      <c r="I53013" s="1" t="s">
        <v>172490</v>
      </c>
      <c r="J53013" s="1" t="s">
        <v>178690</v>
      </c>
    </row>
    <row r="53014" spans="1:10" x14ac:dyDescent="0.35">
      <c r="A53014" s="1" t="s">
        <v>110527</v>
      </c>
      <c r="B53014" s="1" t="s">
        <v>172484</v>
      </c>
      <c r="C53014" s="1" t="s">
        <v>80</v>
      </c>
      <c r="D53014" s="1" t="s">
        <v>177477</v>
      </c>
      <c r="E53014" s="1" t="s">
        <v>178691</v>
      </c>
      <c r="F53014" s="1" t="s">
        <v>178692</v>
      </c>
      <c r="G53014" s="1" t="s">
        <v>178643</v>
      </c>
      <c r="H53014" s="1" t="s">
        <v>178644</v>
      </c>
      <c r="I53014" s="1" t="s">
        <v>172490</v>
      </c>
      <c r="J53014" s="1" t="s">
        <v>178693</v>
      </c>
    </row>
    <row r="53015" spans="1:10" x14ac:dyDescent="0.35">
      <c r="A53015" s="1" t="s">
        <v>110527</v>
      </c>
      <c r="B53015" s="1" t="s">
        <v>172484</v>
      </c>
      <c r="C53015" s="1" t="s">
        <v>85</v>
      </c>
      <c r="D53015" s="1" t="s">
        <v>172543</v>
      </c>
      <c r="E53015" s="1" t="s">
        <v>178694</v>
      </c>
      <c r="F53015" s="1" t="s">
        <v>178695</v>
      </c>
      <c r="G53015" s="1" t="s">
        <v>178643</v>
      </c>
      <c r="H53015" s="1" t="s">
        <v>178644</v>
      </c>
      <c r="I53015" s="1" t="s">
        <v>172490</v>
      </c>
      <c r="J53015" s="1" t="s">
        <v>178696</v>
      </c>
    </row>
    <row r="53016" spans="1:10" x14ac:dyDescent="0.35">
      <c r="A53016" s="1" t="s">
        <v>110527</v>
      </c>
      <c r="B53016" s="1" t="s">
        <v>172484</v>
      </c>
      <c r="C53016" s="1" t="s">
        <v>90</v>
      </c>
      <c r="D53016" s="1" t="s">
        <v>9110</v>
      </c>
      <c r="E53016" s="1" t="s">
        <v>178697</v>
      </c>
      <c r="F53016" s="1" t="s">
        <v>178698</v>
      </c>
      <c r="G53016" s="1" t="s">
        <v>178643</v>
      </c>
      <c r="H53016" s="1" t="s">
        <v>178644</v>
      </c>
      <c r="I53016" s="1" t="s">
        <v>172490</v>
      </c>
      <c r="J53016" s="1" t="s">
        <v>178699</v>
      </c>
    </row>
    <row r="53017" spans="1:10" x14ac:dyDescent="0.35">
      <c r="A53017" s="1" t="s">
        <v>110527</v>
      </c>
      <c r="B53017" s="1" t="s">
        <v>172484</v>
      </c>
      <c r="C53017" s="1" t="s">
        <v>95</v>
      </c>
      <c r="D53017" s="1" t="s">
        <v>178700</v>
      </c>
      <c r="E53017" s="1" t="s">
        <v>178701</v>
      </c>
      <c r="F53017" s="1" t="s">
        <v>178702</v>
      </c>
      <c r="G53017" s="1" t="s">
        <v>178643</v>
      </c>
      <c r="H53017" s="1" t="s">
        <v>178644</v>
      </c>
      <c r="I53017" s="1" t="s">
        <v>172490</v>
      </c>
      <c r="J53017" s="1" t="s">
        <v>178703</v>
      </c>
    </row>
    <row r="53018" spans="1:10" x14ac:dyDescent="0.35">
      <c r="A53018" s="1" t="s">
        <v>110527</v>
      </c>
      <c r="B53018" s="1" t="s">
        <v>172484</v>
      </c>
      <c r="C53018" s="1" t="s">
        <v>100</v>
      </c>
      <c r="D53018" s="1" t="s">
        <v>108828</v>
      </c>
      <c r="E53018" s="1" t="s">
        <v>178704</v>
      </c>
      <c r="F53018" s="1" t="s">
        <v>178705</v>
      </c>
      <c r="G53018" s="1" t="s">
        <v>178643</v>
      </c>
      <c r="H53018" s="1" t="s">
        <v>178644</v>
      </c>
      <c r="I53018" s="1" t="s">
        <v>172490</v>
      </c>
      <c r="J53018" s="1" t="s">
        <v>178706</v>
      </c>
    </row>
    <row r="53019" spans="1:10" x14ac:dyDescent="0.35">
      <c r="A53019" s="1" t="s">
        <v>110527</v>
      </c>
      <c r="B53019" s="1" t="s">
        <v>172484</v>
      </c>
      <c r="C53019" s="1" t="s">
        <v>105</v>
      </c>
      <c r="D53019" s="1" t="s">
        <v>178707</v>
      </c>
      <c r="E53019" s="1" t="s">
        <v>178708</v>
      </c>
      <c r="F53019" s="1" t="s">
        <v>178709</v>
      </c>
      <c r="G53019" s="1" t="s">
        <v>178643</v>
      </c>
      <c r="H53019" s="1" t="s">
        <v>178644</v>
      </c>
      <c r="I53019" s="1" t="s">
        <v>172490</v>
      </c>
      <c r="J53019" s="1" t="s">
        <v>178710</v>
      </c>
    </row>
    <row r="53020" spans="1:10" x14ac:dyDescent="0.35">
      <c r="A53020" s="1" t="s">
        <v>110527</v>
      </c>
      <c r="B53020" s="1" t="s">
        <v>172484</v>
      </c>
      <c r="C53020" s="1" t="s">
        <v>110</v>
      </c>
      <c r="D53020" s="1" t="s">
        <v>67888</v>
      </c>
      <c r="E53020" s="1" t="s">
        <v>178711</v>
      </c>
      <c r="F53020" s="1" t="s">
        <v>178712</v>
      </c>
      <c r="G53020" s="1" t="s">
        <v>178643</v>
      </c>
      <c r="H53020" s="1" t="s">
        <v>178644</v>
      </c>
      <c r="I53020" s="1" t="s">
        <v>172490</v>
      </c>
      <c r="J53020" s="1" t="s">
        <v>178713</v>
      </c>
    </row>
    <row r="53021" spans="1:10" x14ac:dyDescent="0.35">
      <c r="A53021" s="1" t="s">
        <v>110527</v>
      </c>
      <c r="B53021" s="1" t="s">
        <v>172484</v>
      </c>
      <c r="C53021" s="1" t="s">
        <v>115</v>
      </c>
      <c r="D53021" s="1" t="s">
        <v>43761</v>
      </c>
      <c r="E53021" s="1" t="s">
        <v>178714</v>
      </c>
      <c r="F53021" s="1" t="s">
        <v>178715</v>
      </c>
      <c r="G53021" s="1" t="s">
        <v>178643</v>
      </c>
      <c r="H53021" s="1" t="s">
        <v>178644</v>
      </c>
      <c r="I53021" s="1" t="s">
        <v>172490</v>
      </c>
      <c r="J53021" s="1" t="s">
        <v>178716</v>
      </c>
    </row>
    <row r="53022" spans="1:10" x14ac:dyDescent="0.35">
      <c r="A53022" s="1" t="s">
        <v>110527</v>
      </c>
      <c r="B53022" s="1" t="s">
        <v>172484</v>
      </c>
      <c r="C53022" s="1" t="s">
        <v>120</v>
      </c>
      <c r="D53022" s="1" t="s">
        <v>100138</v>
      </c>
      <c r="E53022" s="1" t="s">
        <v>178717</v>
      </c>
      <c r="F53022" s="1" t="s">
        <v>178718</v>
      </c>
      <c r="G53022" s="1" t="s">
        <v>178643</v>
      </c>
      <c r="H53022" s="1" t="s">
        <v>178644</v>
      </c>
      <c r="I53022" s="1" t="s">
        <v>172490</v>
      </c>
      <c r="J53022" s="1" t="s">
        <v>178719</v>
      </c>
    </row>
    <row r="53023" spans="1:10" x14ac:dyDescent="0.35">
      <c r="A53023" s="1" t="s">
        <v>110527</v>
      </c>
      <c r="B53023" s="1" t="s">
        <v>172484</v>
      </c>
      <c r="C53023" s="1" t="s">
        <v>125</v>
      </c>
      <c r="D53023" s="1" t="s">
        <v>176660</v>
      </c>
      <c r="E53023" s="1" t="s">
        <v>178720</v>
      </c>
      <c r="F53023" s="1" t="s">
        <v>178721</v>
      </c>
      <c r="G53023" s="1" t="s">
        <v>178643</v>
      </c>
      <c r="H53023" s="1" t="s">
        <v>178644</v>
      </c>
      <c r="I53023" s="1" t="s">
        <v>172490</v>
      </c>
      <c r="J53023" s="1" t="s">
        <v>178722</v>
      </c>
    </row>
    <row r="53024" spans="1:10" x14ac:dyDescent="0.35">
      <c r="A53024" s="1" t="s">
        <v>110527</v>
      </c>
      <c r="B53024" s="1" t="s">
        <v>172484</v>
      </c>
      <c r="C53024" s="1" t="s">
        <v>130</v>
      </c>
      <c r="D53024" s="1" t="s">
        <v>178723</v>
      </c>
      <c r="E53024" s="1" t="s">
        <v>178724</v>
      </c>
      <c r="F53024" s="1" t="s">
        <v>178725</v>
      </c>
      <c r="G53024" s="1" t="s">
        <v>178643</v>
      </c>
      <c r="H53024" s="1" t="s">
        <v>178644</v>
      </c>
      <c r="I53024" s="1" t="s">
        <v>172490</v>
      </c>
      <c r="J53024" s="1" t="s">
        <v>178726</v>
      </c>
    </row>
    <row r="53025" spans="1:10" x14ac:dyDescent="0.35">
      <c r="A53025" s="1" t="s">
        <v>110527</v>
      </c>
      <c r="B53025" s="1" t="s">
        <v>172484</v>
      </c>
      <c r="C53025" s="1" t="s">
        <v>135</v>
      </c>
      <c r="D53025" s="1" t="s">
        <v>178727</v>
      </c>
      <c r="E53025" s="1" t="s">
        <v>178728</v>
      </c>
      <c r="F53025" s="1" t="s">
        <v>178729</v>
      </c>
      <c r="G53025" s="1" t="s">
        <v>178643</v>
      </c>
      <c r="H53025" s="1" t="s">
        <v>178644</v>
      </c>
      <c r="I53025" s="1" t="s">
        <v>172490</v>
      </c>
      <c r="J53025" s="1" t="s">
        <v>178730</v>
      </c>
    </row>
    <row r="53026" spans="1:10" x14ac:dyDescent="0.35">
      <c r="A53026" s="1" t="s">
        <v>110527</v>
      </c>
      <c r="B53026" s="1" t="s">
        <v>172484</v>
      </c>
      <c r="C53026" s="1" t="s">
        <v>140</v>
      </c>
      <c r="D53026" s="1" t="s">
        <v>109347</v>
      </c>
      <c r="E53026" s="1" t="s">
        <v>178731</v>
      </c>
      <c r="F53026" s="1" t="s">
        <v>178732</v>
      </c>
      <c r="G53026" s="1" t="s">
        <v>178643</v>
      </c>
      <c r="H53026" s="1" t="s">
        <v>178644</v>
      </c>
      <c r="I53026" s="1" t="s">
        <v>172490</v>
      </c>
      <c r="J53026" s="1" t="s">
        <v>178733</v>
      </c>
    </row>
    <row r="53027" spans="1:10" x14ac:dyDescent="0.35">
      <c r="A53027" s="1" t="s">
        <v>110527</v>
      </c>
      <c r="B53027" s="1" t="s">
        <v>172484</v>
      </c>
      <c r="C53027" s="1" t="s">
        <v>145</v>
      </c>
      <c r="D53027" s="1" t="s">
        <v>88490</v>
      </c>
      <c r="E53027" s="1" t="s">
        <v>178734</v>
      </c>
      <c r="F53027" s="1" t="s">
        <v>178735</v>
      </c>
      <c r="G53027" s="1" t="s">
        <v>178643</v>
      </c>
      <c r="H53027" s="1" t="s">
        <v>178644</v>
      </c>
      <c r="I53027" s="1" t="s">
        <v>172490</v>
      </c>
      <c r="J53027" s="1" t="s">
        <v>178736</v>
      </c>
    </row>
    <row r="53028" spans="1:10" x14ac:dyDescent="0.35">
      <c r="A53028" s="1" t="s">
        <v>110527</v>
      </c>
      <c r="B53028" s="1" t="s">
        <v>172484</v>
      </c>
      <c r="C53028" s="1" t="s">
        <v>150</v>
      </c>
      <c r="D53028" s="1" t="s">
        <v>100240</v>
      </c>
      <c r="E53028" s="1" t="s">
        <v>178737</v>
      </c>
      <c r="F53028" s="1" t="s">
        <v>178738</v>
      </c>
      <c r="G53028" s="1" t="s">
        <v>178643</v>
      </c>
      <c r="H53028" s="1" t="s">
        <v>178644</v>
      </c>
      <c r="I53028" s="1" t="s">
        <v>172490</v>
      </c>
      <c r="J53028" s="1" t="s">
        <v>178739</v>
      </c>
    </row>
    <row r="53029" spans="1:10" x14ac:dyDescent="0.35">
      <c r="A53029" s="1" t="s">
        <v>110527</v>
      </c>
      <c r="B53029" s="1" t="s">
        <v>172484</v>
      </c>
      <c r="C53029" s="1" t="s">
        <v>155</v>
      </c>
      <c r="D53029" s="1" t="s">
        <v>140340</v>
      </c>
      <c r="E53029" s="1" t="s">
        <v>178740</v>
      </c>
      <c r="F53029" s="1" t="s">
        <v>178741</v>
      </c>
      <c r="G53029" s="1" t="s">
        <v>178643</v>
      </c>
      <c r="H53029" s="1" t="s">
        <v>178644</v>
      </c>
      <c r="I53029" s="1" t="s">
        <v>172490</v>
      </c>
      <c r="J53029" s="1" t="s">
        <v>178742</v>
      </c>
    </row>
    <row r="53030" spans="1:10" x14ac:dyDescent="0.35">
      <c r="A53030" s="1" t="s">
        <v>110527</v>
      </c>
      <c r="B53030" s="1" t="s">
        <v>172484</v>
      </c>
      <c r="C53030" s="1" t="s">
        <v>160</v>
      </c>
      <c r="D53030" s="1" t="s">
        <v>178743</v>
      </c>
      <c r="E53030" s="1" t="s">
        <v>178744</v>
      </c>
      <c r="F53030" s="1" t="s">
        <v>178745</v>
      </c>
      <c r="G53030" s="1" t="s">
        <v>178643</v>
      </c>
      <c r="H53030" s="1" t="s">
        <v>178644</v>
      </c>
      <c r="I53030" s="1" t="s">
        <v>172490</v>
      </c>
      <c r="J53030" s="1" t="s">
        <v>178746</v>
      </c>
    </row>
    <row r="53031" spans="1:10" x14ac:dyDescent="0.35">
      <c r="A53031" s="1" t="s">
        <v>110527</v>
      </c>
      <c r="B53031" s="1" t="s">
        <v>172484</v>
      </c>
      <c r="C53031" s="1" t="s">
        <v>165</v>
      </c>
      <c r="D53031" s="1" t="s">
        <v>178747</v>
      </c>
      <c r="E53031" s="1" t="s">
        <v>178748</v>
      </c>
      <c r="F53031" s="1" t="s">
        <v>178749</v>
      </c>
      <c r="G53031" s="1" t="s">
        <v>178643</v>
      </c>
      <c r="H53031" s="1" t="s">
        <v>178644</v>
      </c>
      <c r="I53031" s="1" t="s">
        <v>172490</v>
      </c>
      <c r="J53031" s="1" t="s">
        <v>178750</v>
      </c>
    </row>
    <row r="53032" spans="1:10" x14ac:dyDescent="0.35">
      <c r="A53032" s="1" t="s">
        <v>110527</v>
      </c>
      <c r="B53032" s="1" t="s">
        <v>172484</v>
      </c>
      <c r="C53032" s="1" t="s">
        <v>170</v>
      </c>
      <c r="D53032" s="1" t="s">
        <v>53354</v>
      </c>
      <c r="E53032" s="1" t="s">
        <v>178751</v>
      </c>
      <c r="F53032" s="1" t="s">
        <v>178752</v>
      </c>
      <c r="G53032" s="1" t="s">
        <v>178643</v>
      </c>
      <c r="H53032" s="1" t="s">
        <v>178644</v>
      </c>
      <c r="I53032" s="1" t="s">
        <v>172490</v>
      </c>
      <c r="J53032" s="1" t="s">
        <v>178753</v>
      </c>
    </row>
    <row r="53033" spans="1:10" x14ac:dyDescent="0.35">
      <c r="A53033" s="1" t="s">
        <v>3928</v>
      </c>
      <c r="B53033" s="1" t="s">
        <v>172484</v>
      </c>
      <c r="C53033" s="1" t="s">
        <v>8</v>
      </c>
      <c r="D53033" s="1" t="s">
        <v>32116</v>
      </c>
      <c r="E53033" s="1" t="s">
        <v>178754</v>
      </c>
      <c r="F53033" s="1" t="s">
        <v>178755</v>
      </c>
      <c r="G53033" s="1" t="s">
        <v>178756</v>
      </c>
      <c r="H53033" s="1" t="s">
        <v>178757</v>
      </c>
      <c r="I53033" s="1" t="s">
        <v>172490</v>
      </c>
      <c r="J53033" s="1" t="s">
        <v>13</v>
      </c>
    </row>
    <row r="53034" spans="1:10" x14ac:dyDescent="0.35">
      <c r="A53034" s="1" t="s">
        <v>3928</v>
      </c>
      <c r="B53034" s="1" t="s">
        <v>172484</v>
      </c>
      <c r="C53034" s="1" t="s">
        <v>15</v>
      </c>
      <c r="D53034" s="1" t="s">
        <v>50544</v>
      </c>
      <c r="E53034" s="1" t="s">
        <v>178758</v>
      </c>
      <c r="F53034" s="1" t="s">
        <v>178759</v>
      </c>
      <c r="G53034" s="1" t="s">
        <v>178756</v>
      </c>
      <c r="H53034" s="1" t="s">
        <v>178757</v>
      </c>
      <c r="I53034" s="1" t="s">
        <v>172490</v>
      </c>
      <c r="J53034" s="1" t="s">
        <v>178760</v>
      </c>
    </row>
    <row r="53035" spans="1:10" x14ac:dyDescent="0.35">
      <c r="A53035" s="1" t="s">
        <v>3928</v>
      </c>
      <c r="B53035" s="1" t="s">
        <v>172484</v>
      </c>
      <c r="C53035" s="1" t="s">
        <v>20</v>
      </c>
      <c r="D53035" s="1" t="s">
        <v>17805</v>
      </c>
      <c r="E53035" s="1" t="s">
        <v>178761</v>
      </c>
      <c r="F53035" s="1" t="s">
        <v>178762</v>
      </c>
      <c r="G53035" s="1" t="s">
        <v>178756</v>
      </c>
      <c r="H53035" s="1" t="s">
        <v>178757</v>
      </c>
      <c r="I53035" s="1" t="s">
        <v>172490</v>
      </c>
      <c r="J53035" s="1" t="s">
        <v>178763</v>
      </c>
    </row>
    <row r="53036" spans="1:10" x14ac:dyDescent="0.35">
      <c r="A53036" s="1" t="s">
        <v>3928</v>
      </c>
      <c r="B53036" s="1" t="s">
        <v>172484</v>
      </c>
      <c r="C53036" s="1" t="s">
        <v>25</v>
      </c>
      <c r="D53036" s="1" t="s">
        <v>4610</v>
      </c>
      <c r="E53036" s="1" t="s">
        <v>178764</v>
      </c>
      <c r="F53036" s="1" t="s">
        <v>178765</v>
      </c>
      <c r="G53036" s="1" t="s">
        <v>178756</v>
      </c>
      <c r="H53036" s="1" t="s">
        <v>178757</v>
      </c>
      <c r="I53036" s="1" t="s">
        <v>172490</v>
      </c>
      <c r="J53036" s="1" t="s">
        <v>178766</v>
      </c>
    </row>
    <row r="53037" spans="1:10" x14ac:dyDescent="0.35">
      <c r="A53037" s="1" t="s">
        <v>3928</v>
      </c>
      <c r="B53037" s="1" t="s">
        <v>172484</v>
      </c>
      <c r="C53037" s="1" t="s">
        <v>30</v>
      </c>
      <c r="D53037" s="1" t="s">
        <v>178767</v>
      </c>
      <c r="E53037" s="1" t="s">
        <v>178768</v>
      </c>
      <c r="F53037" s="1" t="s">
        <v>178769</v>
      </c>
      <c r="G53037" s="1" t="s">
        <v>178756</v>
      </c>
      <c r="H53037" s="1" t="s">
        <v>178757</v>
      </c>
      <c r="I53037" s="1" t="s">
        <v>172490</v>
      </c>
      <c r="J53037" s="1" t="s">
        <v>178770</v>
      </c>
    </row>
    <row r="53038" spans="1:10" x14ac:dyDescent="0.35">
      <c r="A53038" s="1" t="s">
        <v>3928</v>
      </c>
      <c r="B53038" s="1" t="s">
        <v>172484</v>
      </c>
      <c r="C53038" s="1" t="s">
        <v>35</v>
      </c>
      <c r="D53038" s="1" t="s">
        <v>178771</v>
      </c>
      <c r="E53038" s="1" t="s">
        <v>178772</v>
      </c>
      <c r="F53038" s="1" t="s">
        <v>178773</v>
      </c>
      <c r="G53038" s="1" t="s">
        <v>178756</v>
      </c>
      <c r="H53038" s="1" t="s">
        <v>178757</v>
      </c>
      <c r="I53038" s="1" t="s">
        <v>172490</v>
      </c>
      <c r="J53038" s="1" t="s">
        <v>178774</v>
      </c>
    </row>
    <row r="53039" spans="1:10" x14ac:dyDescent="0.35">
      <c r="A53039" s="1" t="s">
        <v>3928</v>
      </c>
      <c r="B53039" s="1" t="s">
        <v>172484</v>
      </c>
      <c r="C53039" s="1" t="s">
        <v>40</v>
      </c>
      <c r="D53039" s="1" t="s">
        <v>9636</v>
      </c>
      <c r="E53039" s="1" t="s">
        <v>178775</v>
      </c>
      <c r="F53039" s="1" t="s">
        <v>178776</v>
      </c>
      <c r="G53039" s="1" t="s">
        <v>178756</v>
      </c>
      <c r="H53039" s="1" t="s">
        <v>178757</v>
      </c>
      <c r="I53039" s="1" t="s">
        <v>172490</v>
      </c>
      <c r="J53039" s="1" t="s">
        <v>178777</v>
      </c>
    </row>
    <row r="53040" spans="1:10" x14ac:dyDescent="0.35">
      <c r="A53040" s="1" t="s">
        <v>3928</v>
      </c>
      <c r="B53040" s="1" t="s">
        <v>172484</v>
      </c>
      <c r="C53040" s="1" t="s">
        <v>45</v>
      </c>
      <c r="D53040" s="1" t="s">
        <v>48457</v>
      </c>
      <c r="E53040" s="1" t="s">
        <v>178778</v>
      </c>
      <c r="F53040" s="1" t="s">
        <v>178779</v>
      </c>
      <c r="G53040" s="1" t="s">
        <v>178756</v>
      </c>
      <c r="H53040" s="1" t="s">
        <v>178757</v>
      </c>
      <c r="I53040" s="1" t="s">
        <v>172490</v>
      </c>
      <c r="J53040" s="1" t="s">
        <v>178780</v>
      </c>
    </row>
    <row r="53041" spans="1:10" x14ac:dyDescent="0.35">
      <c r="A53041" s="1" t="s">
        <v>3928</v>
      </c>
      <c r="B53041" s="1" t="s">
        <v>172484</v>
      </c>
      <c r="C53041" s="1" t="s">
        <v>50</v>
      </c>
      <c r="D53041" s="1" t="s">
        <v>134981</v>
      </c>
      <c r="E53041" s="1" t="s">
        <v>178781</v>
      </c>
      <c r="F53041" s="1" t="s">
        <v>178782</v>
      </c>
      <c r="G53041" s="1" t="s">
        <v>178756</v>
      </c>
      <c r="H53041" s="1" t="s">
        <v>178757</v>
      </c>
      <c r="I53041" s="1" t="s">
        <v>172490</v>
      </c>
      <c r="J53041" s="1" t="s">
        <v>178783</v>
      </c>
    </row>
    <row r="53042" spans="1:10" x14ac:dyDescent="0.35">
      <c r="A53042" s="1" t="s">
        <v>3928</v>
      </c>
      <c r="B53042" s="1" t="s">
        <v>172484</v>
      </c>
      <c r="C53042" s="1" t="s">
        <v>55</v>
      </c>
      <c r="D53042" s="1" t="s">
        <v>178784</v>
      </c>
      <c r="E53042" s="1" t="s">
        <v>178785</v>
      </c>
      <c r="F53042" s="1" t="s">
        <v>178786</v>
      </c>
      <c r="G53042" s="1" t="s">
        <v>178756</v>
      </c>
      <c r="H53042" s="1" t="s">
        <v>178757</v>
      </c>
      <c r="I53042" s="1" t="s">
        <v>172490</v>
      </c>
      <c r="J53042" s="1" t="s">
        <v>178787</v>
      </c>
    </row>
    <row r="53043" spans="1:10" x14ac:dyDescent="0.35">
      <c r="A53043" s="1" t="s">
        <v>3928</v>
      </c>
      <c r="B53043" s="1" t="s">
        <v>172484</v>
      </c>
      <c r="C53043" s="1" t="s">
        <v>60</v>
      </c>
      <c r="D53043" s="1" t="s">
        <v>43285</v>
      </c>
      <c r="E53043" s="1" t="s">
        <v>178788</v>
      </c>
      <c r="F53043" s="1" t="s">
        <v>178789</v>
      </c>
      <c r="G53043" s="1" t="s">
        <v>178756</v>
      </c>
      <c r="H53043" s="1" t="s">
        <v>178757</v>
      </c>
      <c r="I53043" s="1" t="s">
        <v>172490</v>
      </c>
      <c r="J53043" s="1" t="s">
        <v>178790</v>
      </c>
    </row>
    <row r="53044" spans="1:10" x14ac:dyDescent="0.35">
      <c r="A53044" s="1" t="s">
        <v>3928</v>
      </c>
      <c r="B53044" s="1" t="s">
        <v>172484</v>
      </c>
      <c r="C53044" s="1" t="s">
        <v>65</v>
      </c>
      <c r="D53044" s="1" t="s">
        <v>8885</v>
      </c>
      <c r="E53044" s="1" t="s">
        <v>178791</v>
      </c>
      <c r="F53044" s="1" t="s">
        <v>178792</v>
      </c>
      <c r="G53044" s="1" t="s">
        <v>178756</v>
      </c>
      <c r="H53044" s="1" t="s">
        <v>178757</v>
      </c>
      <c r="I53044" s="1" t="s">
        <v>172490</v>
      </c>
      <c r="J53044" s="1" t="s">
        <v>178793</v>
      </c>
    </row>
    <row r="53045" spans="1:10" x14ac:dyDescent="0.35">
      <c r="A53045" s="1" t="s">
        <v>3928</v>
      </c>
      <c r="B53045" s="1" t="s">
        <v>172484</v>
      </c>
      <c r="C53045" s="1" t="s">
        <v>70</v>
      </c>
      <c r="D53045" s="1" t="s">
        <v>178794</v>
      </c>
      <c r="E53045" s="1" t="s">
        <v>178795</v>
      </c>
      <c r="F53045" s="1" t="s">
        <v>178796</v>
      </c>
      <c r="G53045" s="1" t="s">
        <v>178756</v>
      </c>
      <c r="H53045" s="1" t="s">
        <v>178757</v>
      </c>
      <c r="I53045" s="1" t="s">
        <v>172490</v>
      </c>
      <c r="J53045" s="1" t="s">
        <v>178797</v>
      </c>
    </row>
    <row r="53046" spans="1:10" x14ac:dyDescent="0.35">
      <c r="A53046" s="1" t="s">
        <v>3928</v>
      </c>
      <c r="B53046" s="1" t="s">
        <v>172484</v>
      </c>
      <c r="C53046" s="1" t="s">
        <v>75</v>
      </c>
      <c r="D53046" s="1" t="s">
        <v>178798</v>
      </c>
      <c r="E53046" s="1" t="s">
        <v>178799</v>
      </c>
      <c r="F53046" s="1" t="s">
        <v>178800</v>
      </c>
      <c r="G53046" s="1" t="s">
        <v>178756</v>
      </c>
      <c r="H53046" s="1" t="s">
        <v>178757</v>
      </c>
      <c r="I53046" s="1" t="s">
        <v>172490</v>
      </c>
      <c r="J53046" s="1" t="s">
        <v>178801</v>
      </c>
    </row>
    <row r="53047" spans="1:10" x14ac:dyDescent="0.35">
      <c r="A53047" s="1" t="s">
        <v>3928</v>
      </c>
      <c r="B53047" s="1" t="s">
        <v>172484</v>
      </c>
      <c r="C53047" s="1" t="s">
        <v>80</v>
      </c>
      <c r="D53047" s="1" t="s">
        <v>43402</v>
      </c>
      <c r="E53047" s="1" t="s">
        <v>178802</v>
      </c>
      <c r="F53047" s="1" t="s">
        <v>178803</v>
      </c>
      <c r="G53047" s="1" t="s">
        <v>178756</v>
      </c>
      <c r="H53047" s="1" t="s">
        <v>178757</v>
      </c>
      <c r="I53047" s="1" t="s">
        <v>172490</v>
      </c>
      <c r="J53047" s="1" t="s">
        <v>178804</v>
      </c>
    </row>
    <row r="53048" spans="1:10" x14ac:dyDescent="0.35">
      <c r="A53048" s="1" t="s">
        <v>3928</v>
      </c>
      <c r="B53048" s="1" t="s">
        <v>172484</v>
      </c>
      <c r="C53048" s="1" t="s">
        <v>85</v>
      </c>
      <c r="D53048" s="1" t="s">
        <v>105189</v>
      </c>
      <c r="E53048" s="1" t="s">
        <v>178805</v>
      </c>
      <c r="F53048" s="1" t="s">
        <v>178806</v>
      </c>
      <c r="G53048" s="1" t="s">
        <v>178756</v>
      </c>
      <c r="H53048" s="1" t="s">
        <v>178757</v>
      </c>
      <c r="I53048" s="1" t="s">
        <v>172490</v>
      </c>
      <c r="J53048" s="1" t="s">
        <v>178807</v>
      </c>
    </row>
    <row r="53049" spans="1:10" x14ac:dyDescent="0.35">
      <c r="A53049" s="1" t="s">
        <v>3928</v>
      </c>
      <c r="B53049" s="1" t="s">
        <v>172484</v>
      </c>
      <c r="C53049" s="1" t="s">
        <v>90</v>
      </c>
      <c r="D53049" s="1" t="s">
        <v>36884</v>
      </c>
      <c r="E53049" s="1" t="s">
        <v>178808</v>
      </c>
      <c r="F53049" s="1" t="s">
        <v>178809</v>
      </c>
      <c r="G53049" s="1" t="s">
        <v>178756</v>
      </c>
      <c r="H53049" s="1" t="s">
        <v>178757</v>
      </c>
      <c r="I53049" s="1" t="s">
        <v>172490</v>
      </c>
      <c r="J53049" s="1" t="s">
        <v>178810</v>
      </c>
    </row>
    <row r="53050" spans="1:10" x14ac:dyDescent="0.35">
      <c r="A53050" s="1" t="s">
        <v>3928</v>
      </c>
      <c r="B53050" s="1" t="s">
        <v>172484</v>
      </c>
      <c r="C53050" s="1" t="s">
        <v>95</v>
      </c>
      <c r="D53050" s="1" t="s">
        <v>178811</v>
      </c>
      <c r="E53050" s="1" t="s">
        <v>178812</v>
      </c>
      <c r="F53050" s="1" t="s">
        <v>178813</v>
      </c>
      <c r="G53050" s="1" t="s">
        <v>178756</v>
      </c>
      <c r="H53050" s="1" t="s">
        <v>178757</v>
      </c>
      <c r="I53050" s="1" t="s">
        <v>172490</v>
      </c>
      <c r="J53050" s="1" t="s">
        <v>178814</v>
      </c>
    </row>
    <row r="53051" spans="1:10" x14ac:dyDescent="0.35">
      <c r="A53051" s="1" t="s">
        <v>3928</v>
      </c>
      <c r="B53051" s="1" t="s">
        <v>172484</v>
      </c>
      <c r="C53051" s="1" t="s">
        <v>100</v>
      </c>
      <c r="D53051" s="1" t="s">
        <v>175925</v>
      </c>
      <c r="E53051" s="1" t="s">
        <v>178815</v>
      </c>
      <c r="F53051" s="1" t="s">
        <v>178816</v>
      </c>
      <c r="G53051" s="1" t="s">
        <v>178756</v>
      </c>
      <c r="H53051" s="1" t="s">
        <v>178757</v>
      </c>
      <c r="I53051" s="1" t="s">
        <v>172490</v>
      </c>
      <c r="J53051" s="1" t="s">
        <v>178817</v>
      </c>
    </row>
    <row r="53052" spans="1:10" x14ac:dyDescent="0.35">
      <c r="A53052" s="1" t="s">
        <v>3928</v>
      </c>
      <c r="B53052" s="1" t="s">
        <v>172484</v>
      </c>
      <c r="C53052" s="1" t="s">
        <v>105</v>
      </c>
      <c r="D53052" s="1" t="s">
        <v>178818</v>
      </c>
      <c r="E53052" s="1" t="s">
        <v>178819</v>
      </c>
      <c r="F53052" s="1" t="s">
        <v>178820</v>
      </c>
      <c r="G53052" s="1" t="s">
        <v>178756</v>
      </c>
      <c r="H53052" s="1" t="s">
        <v>178757</v>
      </c>
      <c r="I53052" s="1" t="s">
        <v>172490</v>
      </c>
      <c r="J53052" s="1" t="s">
        <v>178821</v>
      </c>
    </row>
    <row r="53053" spans="1:10" x14ac:dyDescent="0.35">
      <c r="A53053" s="1" t="s">
        <v>3928</v>
      </c>
      <c r="B53053" s="1" t="s">
        <v>172484</v>
      </c>
      <c r="C53053" s="1" t="s">
        <v>110</v>
      </c>
      <c r="D53053" s="1" t="s">
        <v>38718</v>
      </c>
      <c r="E53053" s="1" t="s">
        <v>178791</v>
      </c>
      <c r="F53053" s="1" t="s">
        <v>178822</v>
      </c>
      <c r="G53053" s="1" t="s">
        <v>178756</v>
      </c>
      <c r="H53053" s="1" t="s">
        <v>178757</v>
      </c>
      <c r="I53053" s="1" t="s">
        <v>172490</v>
      </c>
      <c r="J53053" s="1" t="s">
        <v>178823</v>
      </c>
    </row>
    <row r="53054" spans="1:10" x14ac:dyDescent="0.35">
      <c r="A53054" s="1" t="s">
        <v>3928</v>
      </c>
      <c r="B53054" s="1" t="s">
        <v>172484</v>
      </c>
      <c r="C53054" s="1" t="s">
        <v>115</v>
      </c>
      <c r="D53054" s="1" t="s">
        <v>178824</v>
      </c>
      <c r="E53054" s="1" t="s">
        <v>178825</v>
      </c>
      <c r="F53054" s="1" t="s">
        <v>178826</v>
      </c>
      <c r="G53054" s="1" t="s">
        <v>178756</v>
      </c>
      <c r="H53054" s="1" t="s">
        <v>178757</v>
      </c>
      <c r="I53054" s="1" t="s">
        <v>172490</v>
      </c>
      <c r="J53054" s="1" t="s">
        <v>178827</v>
      </c>
    </row>
    <row r="53055" spans="1:10" x14ac:dyDescent="0.35">
      <c r="A53055" s="1" t="s">
        <v>3928</v>
      </c>
      <c r="B53055" s="1" t="s">
        <v>172484</v>
      </c>
      <c r="C53055" s="1" t="s">
        <v>120</v>
      </c>
      <c r="D53055" s="1" t="s">
        <v>107134</v>
      </c>
      <c r="E53055" s="1" t="s">
        <v>178828</v>
      </c>
      <c r="F53055" s="1" t="s">
        <v>178829</v>
      </c>
      <c r="G53055" s="1" t="s">
        <v>178756</v>
      </c>
      <c r="H53055" s="1" t="s">
        <v>178757</v>
      </c>
      <c r="I53055" s="1" t="s">
        <v>172490</v>
      </c>
      <c r="J53055" s="1" t="s">
        <v>178830</v>
      </c>
    </row>
    <row r="53056" spans="1:10" x14ac:dyDescent="0.35">
      <c r="A53056" s="1" t="s">
        <v>3928</v>
      </c>
      <c r="B53056" s="1" t="s">
        <v>172484</v>
      </c>
      <c r="C53056" s="1" t="s">
        <v>125</v>
      </c>
      <c r="D53056" s="1" t="s">
        <v>178831</v>
      </c>
      <c r="E53056" s="1" t="s">
        <v>178832</v>
      </c>
      <c r="F53056" s="1" t="s">
        <v>178833</v>
      </c>
      <c r="G53056" s="1" t="s">
        <v>178756</v>
      </c>
      <c r="H53056" s="1" t="s">
        <v>178757</v>
      </c>
      <c r="I53056" s="1" t="s">
        <v>172490</v>
      </c>
      <c r="J53056" s="1" t="s">
        <v>178834</v>
      </c>
    </row>
    <row r="53057" spans="1:10" x14ac:dyDescent="0.35">
      <c r="A53057" s="1" t="s">
        <v>3928</v>
      </c>
      <c r="B53057" s="1" t="s">
        <v>172484</v>
      </c>
      <c r="C53057" s="1" t="s">
        <v>130</v>
      </c>
      <c r="D53057" s="1" t="s">
        <v>54131</v>
      </c>
      <c r="E53057" s="1" t="s">
        <v>178835</v>
      </c>
      <c r="F53057" s="1" t="s">
        <v>178836</v>
      </c>
      <c r="G53057" s="1" t="s">
        <v>178756</v>
      </c>
      <c r="H53057" s="1" t="s">
        <v>178757</v>
      </c>
      <c r="I53057" s="1" t="s">
        <v>172490</v>
      </c>
      <c r="J53057" s="1" t="s">
        <v>178837</v>
      </c>
    </row>
    <row r="53058" spans="1:10" x14ac:dyDescent="0.35">
      <c r="A53058" s="1" t="s">
        <v>3928</v>
      </c>
      <c r="B53058" s="1" t="s">
        <v>172484</v>
      </c>
      <c r="C53058" s="1" t="s">
        <v>135</v>
      </c>
      <c r="D53058" s="1" t="s">
        <v>66822</v>
      </c>
      <c r="E53058" s="1" t="s">
        <v>178838</v>
      </c>
      <c r="F53058" s="1" t="s">
        <v>178839</v>
      </c>
      <c r="G53058" s="1" t="s">
        <v>178756</v>
      </c>
      <c r="H53058" s="1" t="s">
        <v>178757</v>
      </c>
      <c r="I53058" s="1" t="s">
        <v>172490</v>
      </c>
      <c r="J53058" s="1" t="s">
        <v>178840</v>
      </c>
    </row>
    <row r="53059" spans="1:10" x14ac:dyDescent="0.35">
      <c r="A53059" s="1" t="s">
        <v>3928</v>
      </c>
      <c r="B53059" s="1" t="s">
        <v>172484</v>
      </c>
      <c r="C53059" s="1" t="s">
        <v>140</v>
      </c>
      <c r="D53059" s="1" t="s">
        <v>94708</v>
      </c>
      <c r="E53059" s="1" t="s">
        <v>178841</v>
      </c>
      <c r="F53059" s="1" t="s">
        <v>178842</v>
      </c>
      <c r="G53059" s="1" t="s">
        <v>178756</v>
      </c>
      <c r="H53059" s="1" t="s">
        <v>178757</v>
      </c>
      <c r="I53059" s="1" t="s">
        <v>172490</v>
      </c>
      <c r="J53059" s="1" t="s">
        <v>178843</v>
      </c>
    </row>
    <row r="53060" spans="1:10" x14ac:dyDescent="0.35">
      <c r="A53060" s="1" t="s">
        <v>3928</v>
      </c>
      <c r="B53060" s="1" t="s">
        <v>172484</v>
      </c>
      <c r="C53060" s="1" t="s">
        <v>145</v>
      </c>
      <c r="D53060" s="1" t="s">
        <v>22640</v>
      </c>
      <c r="E53060" s="1" t="s">
        <v>178844</v>
      </c>
      <c r="F53060" s="1" t="s">
        <v>178845</v>
      </c>
      <c r="G53060" s="1" t="s">
        <v>178756</v>
      </c>
      <c r="H53060" s="1" t="s">
        <v>178757</v>
      </c>
      <c r="I53060" s="1" t="s">
        <v>172490</v>
      </c>
      <c r="J53060" s="1" t="s">
        <v>178846</v>
      </c>
    </row>
    <row r="53061" spans="1:10" x14ac:dyDescent="0.35">
      <c r="A53061" s="1" t="s">
        <v>3928</v>
      </c>
      <c r="B53061" s="1" t="s">
        <v>172484</v>
      </c>
      <c r="C53061" s="1" t="s">
        <v>150</v>
      </c>
      <c r="D53061" s="1" t="s">
        <v>141042</v>
      </c>
      <c r="E53061" s="1" t="s">
        <v>178847</v>
      </c>
      <c r="F53061" s="1" t="s">
        <v>178848</v>
      </c>
      <c r="G53061" s="1" t="s">
        <v>178756</v>
      </c>
      <c r="H53061" s="1" t="s">
        <v>178757</v>
      </c>
      <c r="I53061" s="1" t="s">
        <v>172490</v>
      </c>
      <c r="J53061" s="1" t="s">
        <v>178849</v>
      </c>
    </row>
    <row r="53062" spans="1:10" x14ac:dyDescent="0.35">
      <c r="A53062" s="1" t="s">
        <v>3928</v>
      </c>
      <c r="B53062" s="1" t="s">
        <v>172484</v>
      </c>
      <c r="C53062" s="1" t="s">
        <v>155</v>
      </c>
      <c r="D53062" s="1" t="s">
        <v>178850</v>
      </c>
      <c r="E53062" s="1" t="s">
        <v>178851</v>
      </c>
      <c r="F53062" s="1" t="s">
        <v>178852</v>
      </c>
      <c r="G53062" s="1" t="s">
        <v>178756</v>
      </c>
      <c r="H53062" s="1" t="s">
        <v>178757</v>
      </c>
      <c r="I53062" s="1" t="s">
        <v>172490</v>
      </c>
      <c r="J53062" s="1" t="s">
        <v>178853</v>
      </c>
    </row>
    <row r="53063" spans="1:10" x14ac:dyDescent="0.35">
      <c r="A53063" s="1" t="s">
        <v>3928</v>
      </c>
      <c r="B53063" s="1" t="s">
        <v>172484</v>
      </c>
      <c r="C53063" s="1" t="s">
        <v>160</v>
      </c>
      <c r="D53063" s="1" t="s">
        <v>178854</v>
      </c>
      <c r="E53063" s="1" t="s">
        <v>178855</v>
      </c>
      <c r="F53063" s="1" t="s">
        <v>178856</v>
      </c>
      <c r="G53063" s="1" t="s">
        <v>178756</v>
      </c>
      <c r="H53063" s="1" t="s">
        <v>178757</v>
      </c>
      <c r="I53063" s="1" t="s">
        <v>172490</v>
      </c>
      <c r="J53063" s="1" t="s">
        <v>178857</v>
      </c>
    </row>
    <row r="53064" spans="1:10" x14ac:dyDescent="0.35">
      <c r="A53064" s="1" t="s">
        <v>3928</v>
      </c>
      <c r="B53064" s="1" t="s">
        <v>172484</v>
      </c>
      <c r="C53064" s="1" t="s">
        <v>165</v>
      </c>
      <c r="D53064" s="1" t="s">
        <v>24688</v>
      </c>
      <c r="E53064" s="1" t="s">
        <v>178858</v>
      </c>
      <c r="F53064" s="1" t="s">
        <v>178859</v>
      </c>
      <c r="G53064" s="1" t="s">
        <v>178756</v>
      </c>
      <c r="H53064" s="1" t="s">
        <v>178757</v>
      </c>
      <c r="I53064" s="1" t="s">
        <v>172490</v>
      </c>
      <c r="J53064" s="1" t="s">
        <v>178860</v>
      </c>
    </row>
    <row r="53065" spans="1:10" x14ac:dyDescent="0.35">
      <c r="A53065" s="1" t="s">
        <v>3928</v>
      </c>
      <c r="B53065" s="1" t="s">
        <v>172484</v>
      </c>
      <c r="C53065" s="1" t="s">
        <v>170</v>
      </c>
      <c r="D53065" s="1" t="s">
        <v>140887</v>
      </c>
      <c r="E53065" s="1" t="s">
        <v>178861</v>
      </c>
      <c r="F53065" s="1" t="s">
        <v>178862</v>
      </c>
      <c r="G53065" s="1" t="s">
        <v>178756</v>
      </c>
      <c r="H53065" s="1" t="s">
        <v>178757</v>
      </c>
      <c r="I53065" s="1" t="s">
        <v>172490</v>
      </c>
      <c r="J53065" s="1" t="s">
        <v>178863</v>
      </c>
    </row>
    <row r="53066" spans="1:10" x14ac:dyDescent="0.35">
      <c r="A53066" s="1" t="s">
        <v>119893</v>
      </c>
      <c r="B53066" s="1" t="s">
        <v>178864</v>
      </c>
      <c r="C53066" s="1" t="s">
        <v>8</v>
      </c>
      <c r="D53066" s="1" t="s">
        <v>80266</v>
      </c>
      <c r="E53066" s="1" t="s">
        <v>178865</v>
      </c>
      <c r="F53066" s="1" t="s">
        <v>178866</v>
      </c>
      <c r="G53066" s="1" t="s">
        <v>178867</v>
      </c>
      <c r="H53066" s="1" t="s">
        <v>178868</v>
      </c>
      <c r="I53066" s="1" t="s">
        <v>178869</v>
      </c>
      <c r="J53066" s="1" t="s">
        <v>13</v>
      </c>
    </row>
    <row r="53067" spans="1:10" x14ac:dyDescent="0.35">
      <c r="A53067" s="1" t="s">
        <v>119893</v>
      </c>
      <c r="B53067" s="1" t="s">
        <v>178864</v>
      </c>
      <c r="C53067" s="1" t="s">
        <v>15</v>
      </c>
      <c r="D53067" s="1" t="s">
        <v>178870</v>
      </c>
      <c r="E53067" s="1" t="s">
        <v>178871</v>
      </c>
      <c r="F53067" s="1" t="s">
        <v>178872</v>
      </c>
      <c r="G53067" s="1" t="s">
        <v>178867</v>
      </c>
      <c r="H53067" s="1" t="s">
        <v>178868</v>
      </c>
      <c r="I53067" s="1" t="s">
        <v>178869</v>
      </c>
      <c r="J53067" s="1" t="s">
        <v>178873</v>
      </c>
    </row>
    <row r="53068" spans="1:10" x14ac:dyDescent="0.35">
      <c r="A53068" s="1" t="s">
        <v>119893</v>
      </c>
      <c r="B53068" s="1" t="s">
        <v>178864</v>
      </c>
      <c r="C53068" s="1" t="s">
        <v>20</v>
      </c>
      <c r="D53068" s="1" t="s">
        <v>60764</v>
      </c>
      <c r="E53068" s="1" t="s">
        <v>178874</v>
      </c>
      <c r="F53068" s="1" t="s">
        <v>178875</v>
      </c>
      <c r="G53068" s="1" t="s">
        <v>178867</v>
      </c>
      <c r="H53068" s="1" t="s">
        <v>178868</v>
      </c>
      <c r="I53068" s="1" t="s">
        <v>178869</v>
      </c>
      <c r="J53068" s="1" t="s">
        <v>178876</v>
      </c>
    </row>
    <row r="53069" spans="1:10" x14ac:dyDescent="0.35">
      <c r="A53069" s="1" t="s">
        <v>119893</v>
      </c>
      <c r="B53069" s="1" t="s">
        <v>178864</v>
      </c>
      <c r="C53069" s="1" t="s">
        <v>25</v>
      </c>
      <c r="D53069" s="1" t="s">
        <v>152638</v>
      </c>
      <c r="E53069" s="1" t="s">
        <v>178877</v>
      </c>
      <c r="F53069" s="1" t="s">
        <v>178878</v>
      </c>
      <c r="G53069" s="1" t="s">
        <v>178867</v>
      </c>
      <c r="H53069" s="1" t="s">
        <v>178868</v>
      </c>
      <c r="I53069" s="1" t="s">
        <v>178869</v>
      </c>
      <c r="J53069" s="1" t="s">
        <v>178879</v>
      </c>
    </row>
    <row r="53070" spans="1:10" x14ac:dyDescent="0.35">
      <c r="A53070" s="1" t="s">
        <v>119893</v>
      </c>
      <c r="B53070" s="1" t="s">
        <v>178864</v>
      </c>
      <c r="C53070" s="1" t="s">
        <v>30</v>
      </c>
      <c r="D53070" s="1" t="s">
        <v>178880</v>
      </c>
      <c r="E53070" s="1" t="s">
        <v>178881</v>
      </c>
      <c r="F53070" s="1" t="s">
        <v>178882</v>
      </c>
      <c r="G53070" s="1" t="s">
        <v>178867</v>
      </c>
      <c r="H53070" s="1" t="s">
        <v>178868</v>
      </c>
      <c r="I53070" s="1" t="s">
        <v>178869</v>
      </c>
      <c r="J53070" s="1" t="s">
        <v>178883</v>
      </c>
    </row>
    <row r="53071" spans="1:10" x14ac:dyDescent="0.35">
      <c r="A53071" s="1" t="s">
        <v>119893</v>
      </c>
      <c r="B53071" s="1" t="s">
        <v>178864</v>
      </c>
      <c r="C53071" s="1" t="s">
        <v>35</v>
      </c>
      <c r="D53071" s="1" t="s">
        <v>167458</v>
      </c>
      <c r="E53071" s="1" t="s">
        <v>178884</v>
      </c>
      <c r="F53071" s="1" t="s">
        <v>178885</v>
      </c>
      <c r="G53071" s="1" t="s">
        <v>178867</v>
      </c>
      <c r="H53071" s="1" t="s">
        <v>178868</v>
      </c>
      <c r="I53071" s="1" t="s">
        <v>178869</v>
      </c>
      <c r="J53071" s="1" t="s">
        <v>178886</v>
      </c>
    </row>
    <row r="53072" spans="1:10" x14ac:dyDescent="0.35">
      <c r="A53072" s="1" t="s">
        <v>119893</v>
      </c>
      <c r="B53072" s="1" t="s">
        <v>178864</v>
      </c>
      <c r="C53072" s="1" t="s">
        <v>40</v>
      </c>
      <c r="D53072" s="1" t="s">
        <v>178887</v>
      </c>
      <c r="E53072" s="1" t="s">
        <v>178888</v>
      </c>
      <c r="F53072" s="1" t="s">
        <v>178889</v>
      </c>
      <c r="G53072" s="1" t="s">
        <v>178867</v>
      </c>
      <c r="H53072" s="1" t="s">
        <v>178868</v>
      </c>
      <c r="I53072" s="1" t="s">
        <v>178869</v>
      </c>
      <c r="J53072" s="1" t="s">
        <v>178890</v>
      </c>
    </row>
    <row r="53073" spans="1:10" x14ac:dyDescent="0.35">
      <c r="A53073" s="1" t="s">
        <v>119893</v>
      </c>
      <c r="B53073" s="1" t="s">
        <v>178864</v>
      </c>
      <c r="C53073" s="1" t="s">
        <v>45</v>
      </c>
      <c r="D53073" s="1" t="s">
        <v>95802</v>
      </c>
      <c r="E53073" s="1" t="s">
        <v>178891</v>
      </c>
      <c r="F53073" s="1" t="s">
        <v>178892</v>
      </c>
      <c r="G53073" s="1" t="s">
        <v>178867</v>
      </c>
      <c r="H53073" s="1" t="s">
        <v>178868</v>
      </c>
      <c r="I53073" s="1" t="s">
        <v>178869</v>
      </c>
      <c r="J53073" s="1" t="s">
        <v>178893</v>
      </c>
    </row>
    <row r="53074" spans="1:10" x14ac:dyDescent="0.35">
      <c r="A53074" s="1" t="s">
        <v>119893</v>
      </c>
      <c r="B53074" s="1" t="s">
        <v>178864</v>
      </c>
      <c r="C53074" s="1" t="s">
        <v>50</v>
      </c>
      <c r="D53074" s="1" t="s">
        <v>90461</v>
      </c>
      <c r="E53074" s="1" t="s">
        <v>178894</v>
      </c>
      <c r="F53074" s="1" t="s">
        <v>178895</v>
      </c>
      <c r="G53074" s="1" t="s">
        <v>178867</v>
      </c>
      <c r="H53074" s="1" t="s">
        <v>178868</v>
      </c>
      <c r="I53074" s="1" t="s">
        <v>178869</v>
      </c>
      <c r="J53074" s="1" t="s">
        <v>124504</v>
      </c>
    </row>
    <row r="53075" spans="1:10" x14ac:dyDescent="0.35">
      <c r="A53075" s="1" t="s">
        <v>119893</v>
      </c>
      <c r="B53075" s="1" t="s">
        <v>178864</v>
      </c>
      <c r="C53075" s="1" t="s">
        <v>55</v>
      </c>
      <c r="D53075" s="1" t="s">
        <v>167023</v>
      </c>
      <c r="E53075" s="1" t="s">
        <v>178896</v>
      </c>
      <c r="F53075" s="1" t="s">
        <v>178897</v>
      </c>
      <c r="G53075" s="1" t="s">
        <v>178867</v>
      </c>
      <c r="H53075" s="1" t="s">
        <v>178868</v>
      </c>
      <c r="I53075" s="1" t="s">
        <v>178869</v>
      </c>
      <c r="J53075" s="1" t="s">
        <v>178898</v>
      </c>
    </row>
    <row r="53076" spans="1:10" x14ac:dyDescent="0.35">
      <c r="A53076" s="1" t="s">
        <v>119893</v>
      </c>
      <c r="B53076" s="1" t="s">
        <v>178864</v>
      </c>
      <c r="C53076" s="1" t="s">
        <v>60</v>
      </c>
      <c r="D53076" s="1" t="s">
        <v>93083</v>
      </c>
      <c r="E53076" s="1" t="s">
        <v>178899</v>
      </c>
      <c r="F53076" s="1" t="s">
        <v>178900</v>
      </c>
      <c r="G53076" s="1" t="s">
        <v>178867</v>
      </c>
      <c r="H53076" s="1" t="s">
        <v>178868</v>
      </c>
      <c r="I53076" s="1" t="s">
        <v>178869</v>
      </c>
      <c r="J53076" s="1" t="s">
        <v>178901</v>
      </c>
    </row>
    <row r="53077" spans="1:10" x14ac:dyDescent="0.35">
      <c r="A53077" s="1" t="s">
        <v>119893</v>
      </c>
      <c r="B53077" s="1" t="s">
        <v>178864</v>
      </c>
      <c r="C53077" s="1" t="s">
        <v>65</v>
      </c>
      <c r="D53077" s="1" t="s">
        <v>178902</v>
      </c>
      <c r="E53077" s="1" t="s">
        <v>178903</v>
      </c>
      <c r="F53077" s="1" t="s">
        <v>178904</v>
      </c>
      <c r="G53077" s="1" t="s">
        <v>178867</v>
      </c>
      <c r="H53077" s="1" t="s">
        <v>178868</v>
      </c>
      <c r="I53077" s="1" t="s">
        <v>178869</v>
      </c>
      <c r="J53077" s="1" t="s">
        <v>178905</v>
      </c>
    </row>
    <row r="53078" spans="1:10" x14ac:dyDescent="0.35">
      <c r="A53078" s="1" t="s">
        <v>119893</v>
      </c>
      <c r="B53078" s="1" t="s">
        <v>178864</v>
      </c>
      <c r="C53078" s="1" t="s">
        <v>70</v>
      </c>
      <c r="D53078" s="1" t="s">
        <v>178906</v>
      </c>
      <c r="E53078" s="1" t="s">
        <v>178907</v>
      </c>
      <c r="F53078" s="1" t="s">
        <v>178908</v>
      </c>
      <c r="G53078" s="1" t="s">
        <v>178867</v>
      </c>
      <c r="H53078" s="1" t="s">
        <v>178868</v>
      </c>
      <c r="I53078" s="1" t="s">
        <v>178869</v>
      </c>
      <c r="J53078" s="1" t="s">
        <v>178909</v>
      </c>
    </row>
    <row r="53079" spans="1:10" x14ac:dyDescent="0.35">
      <c r="A53079" s="1" t="s">
        <v>119893</v>
      </c>
      <c r="B53079" s="1" t="s">
        <v>178864</v>
      </c>
      <c r="C53079" s="1" t="s">
        <v>75</v>
      </c>
      <c r="D53079" s="1" t="s">
        <v>174843</v>
      </c>
      <c r="E53079" s="1" t="s">
        <v>178910</v>
      </c>
      <c r="F53079" s="1" t="s">
        <v>178911</v>
      </c>
      <c r="G53079" s="1" t="s">
        <v>178867</v>
      </c>
      <c r="H53079" s="1" t="s">
        <v>178868</v>
      </c>
      <c r="I53079" s="1" t="s">
        <v>178869</v>
      </c>
      <c r="J53079" s="1" t="s">
        <v>178912</v>
      </c>
    </row>
    <row r="53080" spans="1:10" x14ac:dyDescent="0.35">
      <c r="A53080" s="1" t="s">
        <v>119893</v>
      </c>
      <c r="B53080" s="1" t="s">
        <v>178864</v>
      </c>
      <c r="C53080" s="1" t="s">
        <v>80</v>
      </c>
      <c r="D53080" s="1" t="s">
        <v>67987</v>
      </c>
      <c r="E53080" s="1" t="s">
        <v>178913</v>
      </c>
      <c r="F53080" s="1" t="s">
        <v>178914</v>
      </c>
      <c r="G53080" s="1" t="s">
        <v>178867</v>
      </c>
      <c r="H53080" s="1" t="s">
        <v>178868</v>
      </c>
      <c r="I53080" s="1" t="s">
        <v>178869</v>
      </c>
      <c r="J53080" s="1" t="s">
        <v>178915</v>
      </c>
    </row>
    <row r="53081" spans="1:10" x14ac:dyDescent="0.35">
      <c r="A53081" s="1" t="s">
        <v>119893</v>
      </c>
      <c r="B53081" s="1" t="s">
        <v>178864</v>
      </c>
      <c r="C53081" s="1" t="s">
        <v>85</v>
      </c>
      <c r="D53081" s="1" t="s">
        <v>178916</v>
      </c>
      <c r="E53081" s="1" t="s">
        <v>178917</v>
      </c>
      <c r="F53081" s="1" t="s">
        <v>178918</v>
      </c>
      <c r="G53081" s="1" t="s">
        <v>178867</v>
      </c>
      <c r="H53081" s="1" t="s">
        <v>178868</v>
      </c>
      <c r="I53081" s="1" t="s">
        <v>178869</v>
      </c>
      <c r="J53081" s="1" t="s">
        <v>178919</v>
      </c>
    </row>
    <row r="53082" spans="1:10" x14ac:dyDescent="0.35">
      <c r="A53082" s="1" t="s">
        <v>119893</v>
      </c>
      <c r="B53082" s="1" t="s">
        <v>178864</v>
      </c>
      <c r="C53082" s="1" t="s">
        <v>90</v>
      </c>
      <c r="D53082" s="1" t="s">
        <v>52632</v>
      </c>
      <c r="E53082" s="1" t="s">
        <v>178920</v>
      </c>
      <c r="F53082" s="1" t="s">
        <v>178921</v>
      </c>
      <c r="G53082" s="1" t="s">
        <v>178867</v>
      </c>
      <c r="H53082" s="1" t="s">
        <v>178868</v>
      </c>
      <c r="I53082" s="1" t="s">
        <v>178869</v>
      </c>
      <c r="J53082" s="1" t="s">
        <v>178922</v>
      </c>
    </row>
    <row r="53083" spans="1:10" x14ac:dyDescent="0.35">
      <c r="A53083" s="1" t="s">
        <v>119893</v>
      </c>
      <c r="B53083" s="1" t="s">
        <v>178864</v>
      </c>
      <c r="C53083" s="1" t="s">
        <v>95</v>
      </c>
      <c r="D53083" s="1" t="s">
        <v>178923</v>
      </c>
      <c r="E53083" s="1" t="s">
        <v>178924</v>
      </c>
      <c r="F53083" s="1" t="s">
        <v>178925</v>
      </c>
      <c r="G53083" s="1" t="s">
        <v>178867</v>
      </c>
      <c r="H53083" s="1" t="s">
        <v>178868</v>
      </c>
      <c r="I53083" s="1" t="s">
        <v>178869</v>
      </c>
      <c r="J53083" s="1" t="s">
        <v>178926</v>
      </c>
    </row>
    <row r="53084" spans="1:10" x14ac:dyDescent="0.35">
      <c r="A53084" s="1" t="s">
        <v>119893</v>
      </c>
      <c r="B53084" s="1" t="s">
        <v>178864</v>
      </c>
      <c r="C53084" s="1" t="s">
        <v>100</v>
      </c>
      <c r="D53084" s="1" t="s">
        <v>138911</v>
      </c>
      <c r="E53084" s="1" t="s">
        <v>178927</v>
      </c>
      <c r="F53084" s="1" t="s">
        <v>178928</v>
      </c>
      <c r="G53084" s="1" t="s">
        <v>178867</v>
      </c>
      <c r="H53084" s="1" t="s">
        <v>178868</v>
      </c>
      <c r="I53084" s="1" t="s">
        <v>178869</v>
      </c>
      <c r="J53084" s="1" t="s">
        <v>178929</v>
      </c>
    </row>
    <row r="53085" spans="1:10" x14ac:dyDescent="0.35">
      <c r="A53085" s="1" t="s">
        <v>119893</v>
      </c>
      <c r="B53085" s="1" t="s">
        <v>178864</v>
      </c>
      <c r="C53085" s="1" t="s">
        <v>105</v>
      </c>
      <c r="D53085" s="1" t="s">
        <v>77039</v>
      </c>
      <c r="E53085" s="1" t="s">
        <v>178930</v>
      </c>
      <c r="F53085" s="1" t="s">
        <v>178931</v>
      </c>
      <c r="G53085" s="1" t="s">
        <v>178867</v>
      </c>
      <c r="H53085" s="1" t="s">
        <v>178868</v>
      </c>
      <c r="I53085" s="1" t="s">
        <v>178869</v>
      </c>
      <c r="J53085" s="1" t="s">
        <v>178932</v>
      </c>
    </row>
    <row r="53086" spans="1:10" x14ac:dyDescent="0.35">
      <c r="A53086" s="1" t="s">
        <v>119893</v>
      </c>
      <c r="B53086" s="1" t="s">
        <v>178864</v>
      </c>
      <c r="C53086" s="1" t="s">
        <v>110</v>
      </c>
      <c r="D53086" s="1" t="s">
        <v>93555</v>
      </c>
      <c r="E53086" s="1" t="s">
        <v>178933</v>
      </c>
      <c r="F53086" s="1" t="s">
        <v>178934</v>
      </c>
      <c r="G53086" s="1" t="s">
        <v>178867</v>
      </c>
      <c r="H53086" s="1" t="s">
        <v>178868</v>
      </c>
      <c r="I53086" s="1" t="s">
        <v>178869</v>
      </c>
      <c r="J53086" s="1" t="s">
        <v>178935</v>
      </c>
    </row>
    <row r="53087" spans="1:10" x14ac:dyDescent="0.35">
      <c r="A53087" s="1" t="s">
        <v>119893</v>
      </c>
      <c r="B53087" s="1" t="s">
        <v>178864</v>
      </c>
      <c r="C53087" s="1" t="s">
        <v>115</v>
      </c>
      <c r="D53087" s="1" t="s">
        <v>69316</v>
      </c>
      <c r="E53087" s="1" t="s">
        <v>178936</v>
      </c>
      <c r="F53087" s="1" t="s">
        <v>178937</v>
      </c>
      <c r="G53087" s="1" t="s">
        <v>178867</v>
      </c>
      <c r="H53087" s="1" t="s">
        <v>178868</v>
      </c>
      <c r="I53087" s="1" t="s">
        <v>178869</v>
      </c>
      <c r="J53087" s="1" t="s">
        <v>178938</v>
      </c>
    </row>
    <row r="53088" spans="1:10" x14ac:dyDescent="0.35">
      <c r="A53088" s="1" t="s">
        <v>119893</v>
      </c>
      <c r="B53088" s="1" t="s">
        <v>178864</v>
      </c>
      <c r="C53088" s="1" t="s">
        <v>120</v>
      </c>
      <c r="D53088" s="1" t="s">
        <v>59293</v>
      </c>
      <c r="E53088" s="1" t="s">
        <v>178939</v>
      </c>
      <c r="F53088" s="1" t="s">
        <v>178940</v>
      </c>
      <c r="G53088" s="1" t="s">
        <v>178867</v>
      </c>
      <c r="H53088" s="1" t="s">
        <v>178868</v>
      </c>
      <c r="I53088" s="1" t="s">
        <v>178869</v>
      </c>
      <c r="J53088" s="1" t="s">
        <v>178941</v>
      </c>
    </row>
    <row r="53089" spans="1:10" x14ac:dyDescent="0.35">
      <c r="A53089" s="1" t="s">
        <v>119893</v>
      </c>
      <c r="B53089" s="1" t="s">
        <v>178864</v>
      </c>
      <c r="C53089" s="1" t="s">
        <v>125</v>
      </c>
      <c r="D53089" s="1" t="s">
        <v>61278</v>
      </c>
      <c r="E53089" s="1" t="s">
        <v>178942</v>
      </c>
      <c r="F53089" s="1" t="s">
        <v>178943</v>
      </c>
      <c r="G53089" s="1" t="s">
        <v>178867</v>
      </c>
      <c r="H53089" s="1" t="s">
        <v>178868</v>
      </c>
      <c r="I53089" s="1" t="s">
        <v>178869</v>
      </c>
      <c r="J53089" s="1" t="s">
        <v>178944</v>
      </c>
    </row>
    <row r="53090" spans="1:10" x14ac:dyDescent="0.35">
      <c r="A53090" s="1" t="s">
        <v>119893</v>
      </c>
      <c r="B53090" s="1" t="s">
        <v>178864</v>
      </c>
      <c r="C53090" s="1" t="s">
        <v>130</v>
      </c>
      <c r="D53090" s="1" t="s">
        <v>178945</v>
      </c>
      <c r="E53090" s="1" t="s">
        <v>178946</v>
      </c>
      <c r="F53090" s="1" t="s">
        <v>178947</v>
      </c>
      <c r="G53090" s="1" t="s">
        <v>178867</v>
      </c>
      <c r="H53090" s="1" t="s">
        <v>178868</v>
      </c>
      <c r="I53090" s="1" t="s">
        <v>178869</v>
      </c>
      <c r="J53090" s="1" t="s">
        <v>178948</v>
      </c>
    </row>
    <row r="53091" spans="1:10" x14ac:dyDescent="0.35">
      <c r="A53091" s="1" t="s">
        <v>119893</v>
      </c>
      <c r="B53091" s="1" t="s">
        <v>178864</v>
      </c>
      <c r="C53091" s="1" t="s">
        <v>135</v>
      </c>
      <c r="D53091" s="1" t="s">
        <v>68681</v>
      </c>
      <c r="E53091" s="1" t="s">
        <v>178949</v>
      </c>
      <c r="F53091" s="1" t="s">
        <v>178950</v>
      </c>
      <c r="G53091" s="1" t="s">
        <v>178867</v>
      </c>
      <c r="H53091" s="1" t="s">
        <v>178868</v>
      </c>
      <c r="I53091" s="1" t="s">
        <v>178869</v>
      </c>
      <c r="J53091" s="1" t="s">
        <v>178951</v>
      </c>
    </row>
    <row r="53092" spans="1:10" x14ac:dyDescent="0.35">
      <c r="A53092" s="1" t="s">
        <v>119893</v>
      </c>
      <c r="B53092" s="1" t="s">
        <v>178864</v>
      </c>
      <c r="C53092" s="1" t="s">
        <v>140</v>
      </c>
      <c r="D53092" s="1" t="s">
        <v>67970</v>
      </c>
      <c r="E53092" s="1" t="s">
        <v>178952</v>
      </c>
      <c r="F53092" s="1" t="s">
        <v>178953</v>
      </c>
      <c r="G53092" s="1" t="s">
        <v>178867</v>
      </c>
      <c r="H53092" s="1" t="s">
        <v>178868</v>
      </c>
      <c r="I53092" s="1" t="s">
        <v>178869</v>
      </c>
      <c r="J53092" s="1" t="s">
        <v>178954</v>
      </c>
    </row>
    <row r="53093" spans="1:10" x14ac:dyDescent="0.35">
      <c r="A53093" s="1" t="s">
        <v>119893</v>
      </c>
      <c r="B53093" s="1" t="s">
        <v>178864</v>
      </c>
      <c r="C53093" s="1" t="s">
        <v>145</v>
      </c>
      <c r="D53093" s="1" t="s">
        <v>178955</v>
      </c>
      <c r="E53093" s="1" t="s">
        <v>178956</v>
      </c>
      <c r="F53093" s="1" t="s">
        <v>178957</v>
      </c>
      <c r="G53093" s="1" t="s">
        <v>178867</v>
      </c>
      <c r="H53093" s="1" t="s">
        <v>178868</v>
      </c>
      <c r="I53093" s="1" t="s">
        <v>178869</v>
      </c>
      <c r="J53093" s="1" t="s">
        <v>178958</v>
      </c>
    </row>
    <row r="53094" spans="1:10" x14ac:dyDescent="0.35">
      <c r="A53094" s="1" t="s">
        <v>119893</v>
      </c>
      <c r="B53094" s="1" t="s">
        <v>178864</v>
      </c>
      <c r="C53094" s="1" t="s">
        <v>150</v>
      </c>
      <c r="D53094" s="1" t="s">
        <v>92699</v>
      </c>
      <c r="E53094" s="1" t="s">
        <v>178959</v>
      </c>
      <c r="F53094" s="1" t="s">
        <v>178960</v>
      </c>
      <c r="G53094" s="1" t="s">
        <v>178867</v>
      </c>
      <c r="H53094" s="1" t="s">
        <v>178868</v>
      </c>
      <c r="I53094" s="1" t="s">
        <v>178869</v>
      </c>
      <c r="J53094" s="1" t="s">
        <v>178961</v>
      </c>
    </row>
    <row r="53095" spans="1:10" x14ac:dyDescent="0.35">
      <c r="A53095" s="1" t="s">
        <v>119893</v>
      </c>
      <c r="B53095" s="1" t="s">
        <v>178864</v>
      </c>
      <c r="C53095" s="1" t="s">
        <v>155</v>
      </c>
      <c r="D53095" s="1" t="s">
        <v>52912</v>
      </c>
      <c r="E53095" s="1" t="s">
        <v>178962</v>
      </c>
      <c r="F53095" s="1" t="s">
        <v>178963</v>
      </c>
      <c r="G53095" s="1" t="s">
        <v>178867</v>
      </c>
      <c r="H53095" s="1" t="s">
        <v>178868</v>
      </c>
      <c r="I53095" s="1" t="s">
        <v>178869</v>
      </c>
      <c r="J53095" s="1" t="s">
        <v>178964</v>
      </c>
    </row>
    <row r="53096" spans="1:10" x14ac:dyDescent="0.35">
      <c r="A53096" s="1" t="s">
        <v>119893</v>
      </c>
      <c r="B53096" s="1" t="s">
        <v>178864</v>
      </c>
      <c r="C53096" s="1" t="s">
        <v>160</v>
      </c>
      <c r="D53096" s="1" t="s">
        <v>178965</v>
      </c>
      <c r="E53096" s="1" t="s">
        <v>178966</v>
      </c>
      <c r="F53096" s="1" t="s">
        <v>178967</v>
      </c>
      <c r="G53096" s="1" t="s">
        <v>178867</v>
      </c>
      <c r="H53096" s="1" t="s">
        <v>178868</v>
      </c>
      <c r="I53096" s="1" t="s">
        <v>178869</v>
      </c>
      <c r="J53096" s="1" t="s">
        <v>178968</v>
      </c>
    </row>
    <row r="53097" spans="1:10" x14ac:dyDescent="0.35">
      <c r="A53097" s="1" t="s">
        <v>119893</v>
      </c>
      <c r="B53097" s="1" t="s">
        <v>178864</v>
      </c>
      <c r="C53097" s="1" t="s">
        <v>165</v>
      </c>
      <c r="D53097" s="1" t="s">
        <v>65756</v>
      </c>
      <c r="E53097" s="1" t="s">
        <v>178969</v>
      </c>
      <c r="F53097" s="1" t="s">
        <v>178970</v>
      </c>
      <c r="G53097" s="1" t="s">
        <v>178867</v>
      </c>
      <c r="H53097" s="1" t="s">
        <v>178868</v>
      </c>
      <c r="I53097" s="1" t="s">
        <v>178869</v>
      </c>
      <c r="J53097" s="1" t="s">
        <v>178971</v>
      </c>
    </row>
    <row r="53098" spans="1:10" x14ac:dyDescent="0.35">
      <c r="A53098" s="1" t="s">
        <v>119893</v>
      </c>
      <c r="B53098" s="1" t="s">
        <v>178864</v>
      </c>
      <c r="C53098" s="1" t="s">
        <v>170</v>
      </c>
      <c r="D53098" s="1" t="s">
        <v>178972</v>
      </c>
      <c r="E53098" s="1" t="s">
        <v>178973</v>
      </c>
      <c r="F53098" s="1" t="s">
        <v>178974</v>
      </c>
      <c r="G53098" s="1" t="s">
        <v>178867</v>
      </c>
      <c r="H53098" s="1" t="s">
        <v>178868</v>
      </c>
      <c r="I53098" s="1" t="s">
        <v>178869</v>
      </c>
      <c r="J53098" s="1" t="s">
        <v>178975</v>
      </c>
    </row>
    <row r="53099" spans="1:10" x14ac:dyDescent="0.35">
      <c r="A53099" s="1" t="s">
        <v>10057</v>
      </c>
      <c r="B53099" s="1" t="s">
        <v>178864</v>
      </c>
      <c r="C53099" s="1" t="s">
        <v>8</v>
      </c>
      <c r="D53099" s="1" t="s">
        <v>93750</v>
      </c>
      <c r="E53099" s="1" t="s">
        <v>178976</v>
      </c>
      <c r="F53099" s="1" t="s">
        <v>131698</v>
      </c>
      <c r="G53099" s="1" t="s">
        <v>178977</v>
      </c>
      <c r="H53099" s="1" t="s">
        <v>178978</v>
      </c>
      <c r="I53099" s="1" t="s">
        <v>178869</v>
      </c>
      <c r="J53099" s="1" t="s">
        <v>13</v>
      </c>
    </row>
    <row r="53100" spans="1:10" x14ac:dyDescent="0.35">
      <c r="A53100" s="1" t="s">
        <v>10057</v>
      </c>
      <c r="B53100" s="1" t="s">
        <v>178864</v>
      </c>
      <c r="C53100" s="1" t="s">
        <v>15</v>
      </c>
      <c r="D53100" s="1" t="s">
        <v>61856</v>
      </c>
      <c r="E53100" s="1" t="s">
        <v>178979</v>
      </c>
      <c r="F53100" s="1" t="s">
        <v>178980</v>
      </c>
      <c r="G53100" s="1" t="s">
        <v>178977</v>
      </c>
      <c r="H53100" s="1" t="s">
        <v>178978</v>
      </c>
      <c r="I53100" s="1" t="s">
        <v>178869</v>
      </c>
      <c r="J53100" s="1" t="s">
        <v>178981</v>
      </c>
    </row>
    <row r="53101" spans="1:10" x14ac:dyDescent="0.35">
      <c r="A53101" s="1" t="s">
        <v>10057</v>
      </c>
      <c r="B53101" s="1" t="s">
        <v>178864</v>
      </c>
      <c r="C53101" s="1" t="s">
        <v>20</v>
      </c>
      <c r="D53101" s="1" t="s">
        <v>100646</v>
      </c>
      <c r="E53101" s="1" t="s">
        <v>178982</v>
      </c>
      <c r="F53101" s="1" t="s">
        <v>178983</v>
      </c>
      <c r="G53101" s="1" t="s">
        <v>178977</v>
      </c>
      <c r="H53101" s="1" t="s">
        <v>178978</v>
      </c>
      <c r="I53101" s="1" t="s">
        <v>178869</v>
      </c>
      <c r="J53101" s="1" t="s">
        <v>178984</v>
      </c>
    </row>
    <row r="53102" spans="1:10" x14ac:dyDescent="0.35">
      <c r="A53102" s="1" t="s">
        <v>10057</v>
      </c>
      <c r="B53102" s="1" t="s">
        <v>178864</v>
      </c>
      <c r="C53102" s="1" t="s">
        <v>25</v>
      </c>
      <c r="D53102" s="1" t="s">
        <v>21611</v>
      </c>
      <c r="E53102" s="1" t="s">
        <v>178985</v>
      </c>
      <c r="F53102" s="1" t="s">
        <v>178986</v>
      </c>
      <c r="G53102" s="1" t="s">
        <v>178977</v>
      </c>
      <c r="H53102" s="1" t="s">
        <v>178978</v>
      </c>
      <c r="I53102" s="1" t="s">
        <v>178869</v>
      </c>
      <c r="J53102" s="1" t="s">
        <v>178987</v>
      </c>
    </row>
    <row r="53103" spans="1:10" x14ac:dyDescent="0.35">
      <c r="A53103" s="1" t="s">
        <v>10057</v>
      </c>
      <c r="B53103" s="1" t="s">
        <v>178864</v>
      </c>
      <c r="C53103" s="1" t="s">
        <v>30</v>
      </c>
      <c r="D53103" s="1" t="s">
        <v>92853</v>
      </c>
      <c r="E53103" s="1" t="s">
        <v>178988</v>
      </c>
      <c r="F53103" s="1" t="s">
        <v>178989</v>
      </c>
      <c r="G53103" s="1" t="s">
        <v>178977</v>
      </c>
      <c r="H53103" s="1" t="s">
        <v>178978</v>
      </c>
      <c r="I53103" s="1" t="s">
        <v>178869</v>
      </c>
      <c r="J53103" s="1" t="s">
        <v>178990</v>
      </c>
    </row>
    <row r="53104" spans="1:10" x14ac:dyDescent="0.35">
      <c r="A53104" s="1" t="s">
        <v>10057</v>
      </c>
      <c r="B53104" s="1" t="s">
        <v>178864</v>
      </c>
      <c r="C53104" s="1" t="s">
        <v>35</v>
      </c>
      <c r="D53104" s="1" t="s">
        <v>178991</v>
      </c>
      <c r="E53104" s="1" t="s">
        <v>178992</v>
      </c>
      <c r="F53104" s="1" t="s">
        <v>178993</v>
      </c>
      <c r="G53104" s="1" t="s">
        <v>178977</v>
      </c>
      <c r="H53104" s="1" t="s">
        <v>178978</v>
      </c>
      <c r="I53104" s="1" t="s">
        <v>178869</v>
      </c>
      <c r="J53104" s="1" t="s">
        <v>178994</v>
      </c>
    </row>
    <row r="53105" spans="1:10" x14ac:dyDescent="0.35">
      <c r="A53105" s="1" t="s">
        <v>10057</v>
      </c>
      <c r="B53105" s="1" t="s">
        <v>178864</v>
      </c>
      <c r="C53105" s="1" t="s">
        <v>40</v>
      </c>
      <c r="D53105" s="1" t="s">
        <v>54232</v>
      </c>
      <c r="E53105" s="1" t="s">
        <v>178995</v>
      </c>
      <c r="F53105" s="1" t="s">
        <v>178996</v>
      </c>
      <c r="G53105" s="1" t="s">
        <v>178977</v>
      </c>
      <c r="H53105" s="1" t="s">
        <v>178978</v>
      </c>
      <c r="I53105" s="1" t="s">
        <v>178869</v>
      </c>
      <c r="J53105" s="1" t="s">
        <v>178997</v>
      </c>
    </row>
    <row r="53106" spans="1:10" x14ac:dyDescent="0.35">
      <c r="A53106" s="1" t="s">
        <v>10057</v>
      </c>
      <c r="B53106" s="1" t="s">
        <v>178864</v>
      </c>
      <c r="C53106" s="1" t="s">
        <v>45</v>
      </c>
      <c r="D53106" s="1" t="s">
        <v>160786</v>
      </c>
      <c r="E53106" s="1" t="s">
        <v>178998</v>
      </c>
      <c r="F53106" s="1" t="s">
        <v>178999</v>
      </c>
      <c r="G53106" s="1" t="s">
        <v>178977</v>
      </c>
      <c r="H53106" s="1" t="s">
        <v>178978</v>
      </c>
      <c r="I53106" s="1" t="s">
        <v>178869</v>
      </c>
      <c r="J53106" s="1" t="s">
        <v>179000</v>
      </c>
    </row>
    <row r="53107" spans="1:10" x14ac:dyDescent="0.35">
      <c r="A53107" s="1" t="s">
        <v>10057</v>
      </c>
      <c r="B53107" s="1" t="s">
        <v>178864</v>
      </c>
      <c r="C53107" s="1" t="s">
        <v>50</v>
      </c>
      <c r="D53107" s="1" t="s">
        <v>76772</v>
      </c>
      <c r="E53107" s="1" t="s">
        <v>179001</v>
      </c>
      <c r="F53107" s="1" t="s">
        <v>179002</v>
      </c>
      <c r="G53107" s="1" t="s">
        <v>178977</v>
      </c>
      <c r="H53107" s="1" t="s">
        <v>178978</v>
      </c>
      <c r="I53107" s="1" t="s">
        <v>178869</v>
      </c>
      <c r="J53107" s="1" t="s">
        <v>179003</v>
      </c>
    </row>
    <row r="53108" spans="1:10" x14ac:dyDescent="0.35">
      <c r="A53108" s="1" t="s">
        <v>10057</v>
      </c>
      <c r="B53108" s="1" t="s">
        <v>178864</v>
      </c>
      <c r="C53108" s="1" t="s">
        <v>55</v>
      </c>
      <c r="D53108" s="1" t="s">
        <v>179004</v>
      </c>
      <c r="E53108" s="1" t="s">
        <v>179005</v>
      </c>
      <c r="F53108" s="1" t="s">
        <v>179006</v>
      </c>
      <c r="G53108" s="1" t="s">
        <v>178977</v>
      </c>
      <c r="H53108" s="1" t="s">
        <v>178978</v>
      </c>
      <c r="I53108" s="1" t="s">
        <v>178869</v>
      </c>
      <c r="J53108" s="1" t="s">
        <v>179007</v>
      </c>
    </row>
    <row r="53109" spans="1:10" x14ac:dyDescent="0.35">
      <c r="A53109" s="1" t="s">
        <v>10057</v>
      </c>
      <c r="B53109" s="1" t="s">
        <v>178864</v>
      </c>
      <c r="C53109" s="1" t="s">
        <v>60</v>
      </c>
      <c r="D53109" s="1" t="s">
        <v>93126</v>
      </c>
      <c r="E53109" s="1" t="s">
        <v>179008</v>
      </c>
      <c r="F53109" s="1" t="s">
        <v>179009</v>
      </c>
      <c r="G53109" s="1" t="s">
        <v>178977</v>
      </c>
      <c r="H53109" s="1" t="s">
        <v>178978</v>
      </c>
      <c r="I53109" s="1" t="s">
        <v>178869</v>
      </c>
      <c r="J53109" s="1" t="s">
        <v>179010</v>
      </c>
    </row>
    <row r="53110" spans="1:10" x14ac:dyDescent="0.35">
      <c r="A53110" s="1" t="s">
        <v>10057</v>
      </c>
      <c r="B53110" s="1" t="s">
        <v>178864</v>
      </c>
      <c r="C53110" s="1" t="s">
        <v>65</v>
      </c>
      <c r="D53110" s="1" t="s">
        <v>179011</v>
      </c>
      <c r="E53110" s="1" t="s">
        <v>179012</v>
      </c>
      <c r="F53110" s="1" t="s">
        <v>179013</v>
      </c>
      <c r="G53110" s="1" t="s">
        <v>178977</v>
      </c>
      <c r="H53110" s="1" t="s">
        <v>178978</v>
      </c>
      <c r="I53110" s="1" t="s">
        <v>178869</v>
      </c>
      <c r="J53110" s="1" t="s">
        <v>179014</v>
      </c>
    </row>
    <row r="53111" spans="1:10" x14ac:dyDescent="0.35">
      <c r="A53111" s="1" t="s">
        <v>10057</v>
      </c>
      <c r="B53111" s="1" t="s">
        <v>178864</v>
      </c>
      <c r="C53111" s="1" t="s">
        <v>70</v>
      </c>
      <c r="D53111" s="1" t="s">
        <v>55240</v>
      </c>
      <c r="E53111" s="1" t="s">
        <v>179015</v>
      </c>
      <c r="F53111" s="1" t="s">
        <v>179016</v>
      </c>
      <c r="G53111" s="1" t="s">
        <v>178977</v>
      </c>
      <c r="H53111" s="1" t="s">
        <v>178978</v>
      </c>
      <c r="I53111" s="1" t="s">
        <v>178869</v>
      </c>
      <c r="J53111" s="1" t="s">
        <v>179017</v>
      </c>
    </row>
    <row r="53112" spans="1:10" x14ac:dyDescent="0.35">
      <c r="A53112" s="1" t="s">
        <v>10057</v>
      </c>
      <c r="B53112" s="1" t="s">
        <v>178864</v>
      </c>
      <c r="C53112" s="1" t="s">
        <v>75</v>
      </c>
      <c r="D53112" s="1" t="s">
        <v>179018</v>
      </c>
      <c r="E53112" s="1" t="s">
        <v>179019</v>
      </c>
      <c r="F53112" s="1" t="s">
        <v>179020</v>
      </c>
      <c r="G53112" s="1" t="s">
        <v>178977</v>
      </c>
      <c r="H53112" s="1" t="s">
        <v>178978</v>
      </c>
      <c r="I53112" s="1" t="s">
        <v>178869</v>
      </c>
      <c r="J53112" s="1" t="s">
        <v>179021</v>
      </c>
    </row>
    <row r="53113" spans="1:10" x14ac:dyDescent="0.35">
      <c r="A53113" s="1" t="s">
        <v>10057</v>
      </c>
      <c r="B53113" s="1" t="s">
        <v>178864</v>
      </c>
      <c r="C53113" s="1" t="s">
        <v>80</v>
      </c>
      <c r="D53113" s="1" t="s">
        <v>93335</v>
      </c>
      <c r="E53113" s="1" t="s">
        <v>179022</v>
      </c>
      <c r="F53113" s="1" t="s">
        <v>179023</v>
      </c>
      <c r="G53113" s="1" t="s">
        <v>178977</v>
      </c>
      <c r="H53113" s="1" t="s">
        <v>178978</v>
      </c>
      <c r="I53113" s="1" t="s">
        <v>178869</v>
      </c>
      <c r="J53113" s="1" t="s">
        <v>179024</v>
      </c>
    </row>
    <row r="53114" spans="1:10" x14ac:dyDescent="0.35">
      <c r="A53114" s="1" t="s">
        <v>10057</v>
      </c>
      <c r="B53114" s="1" t="s">
        <v>178864</v>
      </c>
      <c r="C53114" s="1" t="s">
        <v>85</v>
      </c>
      <c r="D53114" s="1" t="s">
        <v>179025</v>
      </c>
      <c r="E53114" s="1" t="s">
        <v>179026</v>
      </c>
      <c r="F53114" s="1" t="s">
        <v>179027</v>
      </c>
      <c r="G53114" s="1" t="s">
        <v>178977</v>
      </c>
      <c r="H53114" s="1" t="s">
        <v>178978</v>
      </c>
      <c r="I53114" s="1" t="s">
        <v>178869</v>
      </c>
      <c r="J53114" s="1" t="s">
        <v>179028</v>
      </c>
    </row>
    <row r="53115" spans="1:10" x14ac:dyDescent="0.35">
      <c r="A53115" s="1" t="s">
        <v>10057</v>
      </c>
      <c r="B53115" s="1" t="s">
        <v>178864</v>
      </c>
      <c r="C53115" s="1" t="s">
        <v>90</v>
      </c>
      <c r="D53115" s="1" t="s">
        <v>179029</v>
      </c>
      <c r="E53115" s="1" t="s">
        <v>179030</v>
      </c>
      <c r="F53115" s="1" t="s">
        <v>179031</v>
      </c>
      <c r="G53115" s="1" t="s">
        <v>178977</v>
      </c>
      <c r="H53115" s="1" t="s">
        <v>178978</v>
      </c>
      <c r="I53115" s="1" t="s">
        <v>178869</v>
      </c>
      <c r="J53115" s="1" t="s">
        <v>179032</v>
      </c>
    </row>
    <row r="53116" spans="1:10" x14ac:dyDescent="0.35">
      <c r="A53116" s="1" t="s">
        <v>10057</v>
      </c>
      <c r="B53116" s="1" t="s">
        <v>178864</v>
      </c>
      <c r="C53116" s="1" t="s">
        <v>95</v>
      </c>
      <c r="D53116" s="1" t="s">
        <v>179033</v>
      </c>
      <c r="E53116" s="1" t="s">
        <v>179034</v>
      </c>
      <c r="F53116" s="1" t="s">
        <v>179035</v>
      </c>
      <c r="G53116" s="1" t="s">
        <v>178977</v>
      </c>
      <c r="H53116" s="1" t="s">
        <v>178978</v>
      </c>
      <c r="I53116" s="1" t="s">
        <v>178869</v>
      </c>
      <c r="J53116" s="1" t="s">
        <v>179036</v>
      </c>
    </row>
    <row r="53117" spans="1:10" x14ac:dyDescent="0.35">
      <c r="A53117" s="1" t="s">
        <v>10057</v>
      </c>
      <c r="B53117" s="1" t="s">
        <v>178864</v>
      </c>
      <c r="C53117" s="1" t="s">
        <v>100</v>
      </c>
      <c r="D53117" s="1" t="s">
        <v>166366</v>
      </c>
      <c r="E53117" s="1" t="s">
        <v>179037</v>
      </c>
      <c r="F53117" s="1" t="s">
        <v>179038</v>
      </c>
      <c r="G53117" s="1" t="s">
        <v>178977</v>
      </c>
      <c r="H53117" s="1" t="s">
        <v>178978</v>
      </c>
      <c r="I53117" s="1" t="s">
        <v>178869</v>
      </c>
      <c r="J53117" s="1" t="s">
        <v>179039</v>
      </c>
    </row>
    <row r="53118" spans="1:10" x14ac:dyDescent="0.35">
      <c r="A53118" s="1" t="s">
        <v>10057</v>
      </c>
      <c r="B53118" s="1" t="s">
        <v>178864</v>
      </c>
      <c r="C53118" s="1" t="s">
        <v>105</v>
      </c>
      <c r="D53118" s="1" t="s">
        <v>57671</v>
      </c>
      <c r="E53118" s="1" t="s">
        <v>179040</v>
      </c>
      <c r="F53118" s="1" t="s">
        <v>179041</v>
      </c>
      <c r="G53118" s="1" t="s">
        <v>178977</v>
      </c>
      <c r="H53118" s="1" t="s">
        <v>178978</v>
      </c>
      <c r="I53118" s="1" t="s">
        <v>178869</v>
      </c>
      <c r="J53118" s="1" t="s">
        <v>179042</v>
      </c>
    </row>
    <row r="53119" spans="1:10" x14ac:dyDescent="0.35">
      <c r="A53119" s="1" t="s">
        <v>10057</v>
      </c>
      <c r="B53119" s="1" t="s">
        <v>178864</v>
      </c>
      <c r="C53119" s="1" t="s">
        <v>110</v>
      </c>
      <c r="D53119" s="1" t="s">
        <v>179043</v>
      </c>
      <c r="E53119" s="1" t="s">
        <v>179044</v>
      </c>
      <c r="F53119" s="1" t="s">
        <v>179045</v>
      </c>
      <c r="G53119" s="1" t="s">
        <v>178977</v>
      </c>
      <c r="H53119" s="1" t="s">
        <v>178978</v>
      </c>
      <c r="I53119" s="1" t="s">
        <v>178869</v>
      </c>
      <c r="J53119" s="1" t="s">
        <v>179046</v>
      </c>
    </row>
    <row r="53120" spans="1:10" x14ac:dyDescent="0.35">
      <c r="A53120" s="1" t="s">
        <v>10057</v>
      </c>
      <c r="B53120" s="1" t="s">
        <v>178864</v>
      </c>
      <c r="C53120" s="1" t="s">
        <v>115</v>
      </c>
      <c r="D53120" s="1" t="s">
        <v>76530</v>
      </c>
      <c r="E53120" s="1" t="s">
        <v>179047</v>
      </c>
      <c r="F53120" s="1" t="s">
        <v>179048</v>
      </c>
      <c r="G53120" s="1" t="s">
        <v>178977</v>
      </c>
      <c r="H53120" s="1" t="s">
        <v>178978</v>
      </c>
      <c r="I53120" s="1" t="s">
        <v>178869</v>
      </c>
      <c r="J53120" s="1" t="s">
        <v>179049</v>
      </c>
    </row>
    <row r="53121" spans="1:10" x14ac:dyDescent="0.35">
      <c r="A53121" s="1" t="s">
        <v>10057</v>
      </c>
      <c r="B53121" s="1" t="s">
        <v>178864</v>
      </c>
      <c r="C53121" s="1" t="s">
        <v>120</v>
      </c>
      <c r="D53121" s="1" t="s">
        <v>179050</v>
      </c>
      <c r="E53121" s="1" t="s">
        <v>179051</v>
      </c>
      <c r="F53121" s="1" t="s">
        <v>179052</v>
      </c>
      <c r="G53121" s="1" t="s">
        <v>178977</v>
      </c>
      <c r="H53121" s="1" t="s">
        <v>178978</v>
      </c>
      <c r="I53121" s="1" t="s">
        <v>178869</v>
      </c>
      <c r="J53121" s="1" t="s">
        <v>179053</v>
      </c>
    </row>
    <row r="53122" spans="1:10" x14ac:dyDescent="0.35">
      <c r="A53122" s="1" t="s">
        <v>10057</v>
      </c>
      <c r="B53122" s="1" t="s">
        <v>178864</v>
      </c>
      <c r="C53122" s="1" t="s">
        <v>125</v>
      </c>
      <c r="D53122" s="1" t="s">
        <v>65676</v>
      </c>
      <c r="E53122" s="1" t="s">
        <v>179054</v>
      </c>
      <c r="F53122" s="1" t="s">
        <v>174517</v>
      </c>
      <c r="G53122" s="1" t="s">
        <v>178977</v>
      </c>
      <c r="H53122" s="1" t="s">
        <v>178978</v>
      </c>
      <c r="I53122" s="1" t="s">
        <v>178869</v>
      </c>
      <c r="J53122" s="1" t="s">
        <v>179055</v>
      </c>
    </row>
    <row r="53123" spans="1:10" x14ac:dyDescent="0.35">
      <c r="A53123" s="1" t="s">
        <v>10057</v>
      </c>
      <c r="B53123" s="1" t="s">
        <v>178864</v>
      </c>
      <c r="C53123" s="1" t="s">
        <v>130</v>
      </c>
      <c r="D53123" s="1" t="s">
        <v>20464</v>
      </c>
      <c r="E53123" s="1" t="s">
        <v>179056</v>
      </c>
      <c r="F53123" s="1" t="s">
        <v>179057</v>
      </c>
      <c r="G53123" s="1" t="s">
        <v>178977</v>
      </c>
      <c r="H53123" s="1" t="s">
        <v>178978</v>
      </c>
      <c r="I53123" s="1" t="s">
        <v>178869</v>
      </c>
      <c r="J53123" s="1" t="s">
        <v>179058</v>
      </c>
    </row>
    <row r="53124" spans="1:10" x14ac:dyDescent="0.35">
      <c r="A53124" s="1" t="s">
        <v>10057</v>
      </c>
      <c r="B53124" s="1" t="s">
        <v>178864</v>
      </c>
      <c r="C53124" s="1" t="s">
        <v>135</v>
      </c>
      <c r="D53124" s="1" t="s">
        <v>162732</v>
      </c>
      <c r="E53124" s="1" t="s">
        <v>179059</v>
      </c>
      <c r="F53124" s="1" t="s">
        <v>179060</v>
      </c>
      <c r="G53124" s="1" t="s">
        <v>178977</v>
      </c>
      <c r="H53124" s="1" t="s">
        <v>178978</v>
      </c>
      <c r="I53124" s="1" t="s">
        <v>178869</v>
      </c>
      <c r="J53124" s="1" t="s">
        <v>179061</v>
      </c>
    </row>
    <row r="53125" spans="1:10" x14ac:dyDescent="0.35">
      <c r="A53125" s="1" t="s">
        <v>10057</v>
      </c>
      <c r="B53125" s="1" t="s">
        <v>178864</v>
      </c>
      <c r="C53125" s="1" t="s">
        <v>140</v>
      </c>
      <c r="D53125" s="1" t="s">
        <v>179062</v>
      </c>
      <c r="E53125" s="1" t="s">
        <v>179063</v>
      </c>
      <c r="F53125" s="1" t="s">
        <v>179064</v>
      </c>
      <c r="G53125" s="1" t="s">
        <v>178977</v>
      </c>
      <c r="H53125" s="1" t="s">
        <v>178978</v>
      </c>
      <c r="I53125" s="1" t="s">
        <v>178869</v>
      </c>
      <c r="J53125" s="1" t="s">
        <v>179065</v>
      </c>
    </row>
    <row r="53126" spans="1:10" x14ac:dyDescent="0.35">
      <c r="A53126" s="1" t="s">
        <v>10057</v>
      </c>
      <c r="B53126" s="1" t="s">
        <v>178864</v>
      </c>
      <c r="C53126" s="1" t="s">
        <v>145</v>
      </c>
      <c r="D53126" s="1" t="s">
        <v>179066</v>
      </c>
      <c r="E53126" s="1" t="s">
        <v>179067</v>
      </c>
      <c r="F53126" s="1" t="s">
        <v>179068</v>
      </c>
      <c r="G53126" s="1" t="s">
        <v>178977</v>
      </c>
      <c r="H53126" s="1" t="s">
        <v>178978</v>
      </c>
      <c r="I53126" s="1" t="s">
        <v>178869</v>
      </c>
      <c r="J53126" s="1" t="s">
        <v>179069</v>
      </c>
    </row>
    <row r="53127" spans="1:10" x14ac:dyDescent="0.35">
      <c r="A53127" s="1" t="s">
        <v>10057</v>
      </c>
      <c r="B53127" s="1" t="s">
        <v>178864</v>
      </c>
      <c r="C53127" s="1" t="s">
        <v>150</v>
      </c>
      <c r="D53127" s="1" t="s">
        <v>20097</v>
      </c>
      <c r="E53127" s="1" t="s">
        <v>179070</v>
      </c>
      <c r="F53127" s="1" t="s">
        <v>179071</v>
      </c>
      <c r="G53127" s="1" t="s">
        <v>178977</v>
      </c>
      <c r="H53127" s="1" t="s">
        <v>178978</v>
      </c>
      <c r="I53127" s="1" t="s">
        <v>178869</v>
      </c>
      <c r="J53127" s="1" t="s">
        <v>179072</v>
      </c>
    </row>
    <row r="53128" spans="1:10" x14ac:dyDescent="0.35">
      <c r="A53128" s="1" t="s">
        <v>10057</v>
      </c>
      <c r="B53128" s="1" t="s">
        <v>178864</v>
      </c>
      <c r="C53128" s="1" t="s">
        <v>155</v>
      </c>
      <c r="D53128" s="1" t="s">
        <v>179073</v>
      </c>
      <c r="E53128" s="1" t="s">
        <v>179074</v>
      </c>
      <c r="F53128" s="1" t="s">
        <v>179075</v>
      </c>
      <c r="G53128" s="1" t="s">
        <v>178977</v>
      </c>
      <c r="H53128" s="1" t="s">
        <v>178978</v>
      </c>
      <c r="I53128" s="1" t="s">
        <v>178869</v>
      </c>
      <c r="J53128" s="1" t="s">
        <v>179076</v>
      </c>
    </row>
    <row r="53129" spans="1:10" x14ac:dyDescent="0.35">
      <c r="A53129" s="1" t="s">
        <v>10057</v>
      </c>
      <c r="B53129" s="1" t="s">
        <v>178864</v>
      </c>
      <c r="C53129" s="1" t="s">
        <v>160</v>
      </c>
      <c r="D53129" s="1" t="s">
        <v>179077</v>
      </c>
      <c r="E53129" s="1" t="s">
        <v>179078</v>
      </c>
      <c r="F53129" s="1" t="s">
        <v>179079</v>
      </c>
      <c r="G53129" s="1" t="s">
        <v>178977</v>
      </c>
      <c r="H53129" s="1" t="s">
        <v>178978</v>
      </c>
      <c r="I53129" s="1" t="s">
        <v>178869</v>
      </c>
      <c r="J53129" s="1" t="s">
        <v>179080</v>
      </c>
    </row>
    <row r="53130" spans="1:10" x14ac:dyDescent="0.35">
      <c r="A53130" s="1" t="s">
        <v>10057</v>
      </c>
      <c r="B53130" s="1" t="s">
        <v>178864</v>
      </c>
      <c r="C53130" s="1" t="s">
        <v>165</v>
      </c>
      <c r="D53130" s="1" t="s">
        <v>179081</v>
      </c>
      <c r="E53130" s="1" t="s">
        <v>179082</v>
      </c>
      <c r="F53130" s="1" t="s">
        <v>179083</v>
      </c>
      <c r="G53130" s="1" t="s">
        <v>178977</v>
      </c>
      <c r="H53130" s="1" t="s">
        <v>178978</v>
      </c>
      <c r="I53130" s="1" t="s">
        <v>178869</v>
      </c>
      <c r="J53130" s="1" t="s">
        <v>179084</v>
      </c>
    </row>
    <row r="53131" spans="1:10" x14ac:dyDescent="0.35">
      <c r="A53131" s="1" t="s">
        <v>10057</v>
      </c>
      <c r="B53131" s="1" t="s">
        <v>178864</v>
      </c>
      <c r="C53131" s="1" t="s">
        <v>170</v>
      </c>
      <c r="D53131" s="1" t="s">
        <v>163077</v>
      </c>
      <c r="E53131" s="1" t="s">
        <v>179085</v>
      </c>
      <c r="F53131" s="1" t="s">
        <v>179086</v>
      </c>
      <c r="G53131" s="1" t="s">
        <v>178977</v>
      </c>
      <c r="H53131" s="1" t="s">
        <v>178978</v>
      </c>
      <c r="I53131" s="1" t="s">
        <v>178869</v>
      </c>
      <c r="J53131" s="1" t="s">
        <v>179087</v>
      </c>
    </row>
    <row r="53132" spans="1:10" x14ac:dyDescent="0.35">
      <c r="A53132" s="1" t="s">
        <v>10087</v>
      </c>
      <c r="B53132" s="1" t="s">
        <v>178864</v>
      </c>
      <c r="C53132" s="1" t="s">
        <v>8</v>
      </c>
      <c r="D53132" s="1" t="s">
        <v>179088</v>
      </c>
      <c r="E53132" s="1" t="s">
        <v>179089</v>
      </c>
      <c r="F53132" s="1" t="s">
        <v>179090</v>
      </c>
      <c r="G53132" s="1" t="s">
        <v>179091</v>
      </c>
      <c r="H53132" s="1" t="s">
        <v>179092</v>
      </c>
      <c r="I53132" s="1" t="s">
        <v>178869</v>
      </c>
      <c r="J53132" s="1" t="s">
        <v>13</v>
      </c>
    </row>
    <row r="53133" spans="1:10" x14ac:dyDescent="0.35">
      <c r="A53133" s="1" t="s">
        <v>10087</v>
      </c>
      <c r="B53133" s="1" t="s">
        <v>178864</v>
      </c>
      <c r="C53133" s="1" t="s">
        <v>15</v>
      </c>
      <c r="D53133" s="1" t="s">
        <v>122654</v>
      </c>
      <c r="E53133" s="1" t="s">
        <v>179093</v>
      </c>
      <c r="F53133" s="1" t="s">
        <v>179094</v>
      </c>
      <c r="G53133" s="1" t="s">
        <v>179091</v>
      </c>
      <c r="H53133" s="1" t="s">
        <v>179092</v>
      </c>
      <c r="I53133" s="1" t="s">
        <v>178869</v>
      </c>
      <c r="J53133" s="1" t="s">
        <v>179095</v>
      </c>
    </row>
    <row r="53134" spans="1:10" x14ac:dyDescent="0.35">
      <c r="A53134" s="1" t="s">
        <v>10087</v>
      </c>
      <c r="B53134" s="1" t="s">
        <v>178864</v>
      </c>
      <c r="C53134" s="1" t="s">
        <v>20</v>
      </c>
      <c r="D53134" s="1" t="s">
        <v>179096</v>
      </c>
      <c r="E53134" s="1" t="s">
        <v>179097</v>
      </c>
      <c r="F53134" s="1" t="s">
        <v>179098</v>
      </c>
      <c r="G53134" s="1" t="s">
        <v>179091</v>
      </c>
      <c r="H53134" s="1" t="s">
        <v>179092</v>
      </c>
      <c r="I53134" s="1" t="s">
        <v>178869</v>
      </c>
      <c r="J53134" s="1" t="s">
        <v>179099</v>
      </c>
    </row>
    <row r="53135" spans="1:10" x14ac:dyDescent="0.35">
      <c r="A53135" s="1" t="s">
        <v>10087</v>
      </c>
      <c r="B53135" s="1" t="s">
        <v>178864</v>
      </c>
      <c r="C53135" s="1" t="s">
        <v>25</v>
      </c>
      <c r="D53135" s="1" t="s">
        <v>83881</v>
      </c>
      <c r="E53135" s="1" t="s">
        <v>179100</v>
      </c>
      <c r="F53135" s="1" t="s">
        <v>179101</v>
      </c>
      <c r="G53135" s="1" t="s">
        <v>179091</v>
      </c>
      <c r="H53135" s="1" t="s">
        <v>179092</v>
      </c>
      <c r="I53135" s="1" t="s">
        <v>178869</v>
      </c>
      <c r="J53135" s="1" t="s">
        <v>179102</v>
      </c>
    </row>
    <row r="53136" spans="1:10" x14ac:dyDescent="0.35">
      <c r="A53136" s="1" t="s">
        <v>10087</v>
      </c>
      <c r="B53136" s="1" t="s">
        <v>178864</v>
      </c>
      <c r="C53136" s="1" t="s">
        <v>30</v>
      </c>
      <c r="D53136" s="1" t="s">
        <v>179103</v>
      </c>
      <c r="E53136" s="1" t="s">
        <v>179104</v>
      </c>
      <c r="F53136" s="1" t="s">
        <v>179105</v>
      </c>
      <c r="G53136" s="1" t="s">
        <v>179091</v>
      </c>
      <c r="H53136" s="1" t="s">
        <v>179092</v>
      </c>
      <c r="I53136" s="1" t="s">
        <v>178869</v>
      </c>
      <c r="J53136" s="1" t="s">
        <v>179106</v>
      </c>
    </row>
    <row r="53137" spans="1:10" x14ac:dyDescent="0.35">
      <c r="A53137" s="1" t="s">
        <v>10087</v>
      </c>
      <c r="B53137" s="1" t="s">
        <v>178864</v>
      </c>
      <c r="C53137" s="1" t="s">
        <v>35</v>
      </c>
      <c r="D53137" s="1" t="s">
        <v>61477</v>
      </c>
      <c r="E53137" s="1" t="s">
        <v>179107</v>
      </c>
      <c r="F53137" s="1" t="s">
        <v>179108</v>
      </c>
      <c r="G53137" s="1" t="s">
        <v>179091</v>
      </c>
      <c r="H53137" s="1" t="s">
        <v>179092</v>
      </c>
      <c r="I53137" s="1" t="s">
        <v>178869</v>
      </c>
      <c r="J53137" s="1" t="s">
        <v>179109</v>
      </c>
    </row>
    <row r="53138" spans="1:10" x14ac:dyDescent="0.35">
      <c r="A53138" s="1" t="s">
        <v>10087</v>
      </c>
      <c r="B53138" s="1" t="s">
        <v>178864</v>
      </c>
      <c r="C53138" s="1" t="s">
        <v>40</v>
      </c>
      <c r="D53138" s="1" t="s">
        <v>179110</v>
      </c>
      <c r="E53138" s="1" t="s">
        <v>179111</v>
      </c>
      <c r="F53138" s="1" t="s">
        <v>179112</v>
      </c>
      <c r="G53138" s="1" t="s">
        <v>179091</v>
      </c>
      <c r="H53138" s="1" t="s">
        <v>179092</v>
      </c>
      <c r="I53138" s="1" t="s">
        <v>178869</v>
      </c>
      <c r="J53138" s="1" t="s">
        <v>179113</v>
      </c>
    </row>
    <row r="53139" spans="1:10" x14ac:dyDescent="0.35">
      <c r="A53139" s="1" t="s">
        <v>10087</v>
      </c>
      <c r="B53139" s="1" t="s">
        <v>178864</v>
      </c>
      <c r="C53139" s="1" t="s">
        <v>45</v>
      </c>
      <c r="D53139" s="1" t="s">
        <v>179114</v>
      </c>
      <c r="E53139" s="1" t="s">
        <v>179115</v>
      </c>
      <c r="F53139" s="1" t="s">
        <v>179116</v>
      </c>
      <c r="G53139" s="1" t="s">
        <v>179091</v>
      </c>
      <c r="H53139" s="1" t="s">
        <v>179092</v>
      </c>
      <c r="I53139" s="1" t="s">
        <v>178869</v>
      </c>
      <c r="J53139" s="1" t="s">
        <v>179117</v>
      </c>
    </row>
    <row r="53140" spans="1:10" x14ac:dyDescent="0.35">
      <c r="A53140" s="1" t="s">
        <v>10087</v>
      </c>
      <c r="B53140" s="1" t="s">
        <v>178864</v>
      </c>
      <c r="C53140" s="1" t="s">
        <v>50</v>
      </c>
      <c r="D53140" s="1" t="s">
        <v>7665</v>
      </c>
      <c r="E53140" s="1" t="s">
        <v>179118</v>
      </c>
      <c r="F53140" s="1" t="s">
        <v>179119</v>
      </c>
      <c r="G53140" s="1" t="s">
        <v>179091</v>
      </c>
      <c r="H53140" s="1" t="s">
        <v>179092</v>
      </c>
      <c r="I53140" s="1" t="s">
        <v>178869</v>
      </c>
      <c r="J53140" s="1" t="s">
        <v>179120</v>
      </c>
    </row>
    <row r="53141" spans="1:10" x14ac:dyDescent="0.35">
      <c r="A53141" s="1" t="s">
        <v>10087</v>
      </c>
      <c r="B53141" s="1" t="s">
        <v>178864</v>
      </c>
      <c r="C53141" s="1" t="s">
        <v>55</v>
      </c>
      <c r="D53141" s="1" t="s">
        <v>179121</v>
      </c>
      <c r="E53141" s="1" t="s">
        <v>179122</v>
      </c>
      <c r="F53141" s="1" t="s">
        <v>179123</v>
      </c>
      <c r="G53141" s="1" t="s">
        <v>179091</v>
      </c>
      <c r="H53141" s="1" t="s">
        <v>179092</v>
      </c>
      <c r="I53141" s="1" t="s">
        <v>178869</v>
      </c>
      <c r="J53141" s="1" t="s">
        <v>179124</v>
      </c>
    </row>
    <row r="53142" spans="1:10" x14ac:dyDescent="0.35">
      <c r="A53142" s="1" t="s">
        <v>10087</v>
      </c>
      <c r="B53142" s="1" t="s">
        <v>178864</v>
      </c>
      <c r="C53142" s="1" t="s">
        <v>60</v>
      </c>
      <c r="D53142" s="1" t="s">
        <v>162082</v>
      </c>
      <c r="E53142" s="1" t="s">
        <v>179125</v>
      </c>
      <c r="F53142" s="1" t="s">
        <v>179126</v>
      </c>
      <c r="G53142" s="1" t="s">
        <v>179091</v>
      </c>
      <c r="H53142" s="1" t="s">
        <v>179092</v>
      </c>
      <c r="I53142" s="1" t="s">
        <v>178869</v>
      </c>
      <c r="J53142" s="1" t="s">
        <v>179127</v>
      </c>
    </row>
    <row r="53143" spans="1:10" x14ac:dyDescent="0.35">
      <c r="A53143" s="1" t="s">
        <v>10087</v>
      </c>
      <c r="B53143" s="1" t="s">
        <v>178864</v>
      </c>
      <c r="C53143" s="1" t="s">
        <v>65</v>
      </c>
      <c r="D53143" s="1" t="s">
        <v>76461</v>
      </c>
      <c r="E53143" s="1" t="s">
        <v>179128</v>
      </c>
      <c r="F53143" s="1" t="s">
        <v>179129</v>
      </c>
      <c r="G53143" s="1" t="s">
        <v>179091</v>
      </c>
      <c r="H53143" s="1" t="s">
        <v>179092</v>
      </c>
      <c r="I53143" s="1" t="s">
        <v>178869</v>
      </c>
      <c r="J53143" s="1" t="s">
        <v>179130</v>
      </c>
    </row>
    <row r="53144" spans="1:10" x14ac:dyDescent="0.35">
      <c r="A53144" s="1" t="s">
        <v>10087</v>
      </c>
      <c r="B53144" s="1" t="s">
        <v>178864</v>
      </c>
      <c r="C53144" s="1" t="s">
        <v>70</v>
      </c>
      <c r="D53144" s="1" t="s">
        <v>179131</v>
      </c>
      <c r="E53144" s="1" t="s">
        <v>179132</v>
      </c>
      <c r="F53144" s="1" t="s">
        <v>179133</v>
      </c>
      <c r="G53144" s="1" t="s">
        <v>179091</v>
      </c>
      <c r="H53144" s="1" t="s">
        <v>179092</v>
      </c>
      <c r="I53144" s="1" t="s">
        <v>178869</v>
      </c>
      <c r="J53144" s="1" t="s">
        <v>179134</v>
      </c>
    </row>
    <row r="53145" spans="1:10" x14ac:dyDescent="0.35">
      <c r="A53145" s="1" t="s">
        <v>10087</v>
      </c>
      <c r="B53145" s="1" t="s">
        <v>178864</v>
      </c>
      <c r="C53145" s="1" t="s">
        <v>75</v>
      </c>
      <c r="D53145" s="1" t="s">
        <v>103237</v>
      </c>
      <c r="E53145" s="1" t="s">
        <v>179135</v>
      </c>
      <c r="F53145" s="1" t="s">
        <v>179136</v>
      </c>
      <c r="G53145" s="1" t="s">
        <v>179091</v>
      </c>
      <c r="H53145" s="1" t="s">
        <v>179092</v>
      </c>
      <c r="I53145" s="1" t="s">
        <v>178869</v>
      </c>
      <c r="J53145" s="1" t="s">
        <v>179137</v>
      </c>
    </row>
    <row r="53146" spans="1:10" x14ac:dyDescent="0.35">
      <c r="A53146" s="1" t="s">
        <v>10087</v>
      </c>
      <c r="B53146" s="1" t="s">
        <v>178864</v>
      </c>
      <c r="C53146" s="1" t="s">
        <v>80</v>
      </c>
      <c r="D53146" s="1" t="s">
        <v>103577</v>
      </c>
      <c r="E53146" s="1" t="s">
        <v>179138</v>
      </c>
      <c r="F53146" s="1" t="s">
        <v>179139</v>
      </c>
      <c r="G53146" s="1" t="s">
        <v>179091</v>
      </c>
      <c r="H53146" s="1" t="s">
        <v>179092</v>
      </c>
      <c r="I53146" s="1" t="s">
        <v>178869</v>
      </c>
      <c r="J53146" s="1" t="s">
        <v>179140</v>
      </c>
    </row>
    <row r="53147" spans="1:10" x14ac:dyDescent="0.35">
      <c r="A53147" s="1" t="s">
        <v>10087</v>
      </c>
      <c r="B53147" s="1" t="s">
        <v>178864</v>
      </c>
      <c r="C53147" s="1" t="s">
        <v>85</v>
      </c>
      <c r="D53147" s="1" t="s">
        <v>60619</v>
      </c>
      <c r="E53147" s="1" t="s">
        <v>179141</v>
      </c>
      <c r="F53147" s="1" t="s">
        <v>179142</v>
      </c>
      <c r="G53147" s="1" t="s">
        <v>179091</v>
      </c>
      <c r="H53147" s="1" t="s">
        <v>179092</v>
      </c>
      <c r="I53147" s="1" t="s">
        <v>178869</v>
      </c>
      <c r="J53147" s="1" t="s">
        <v>179143</v>
      </c>
    </row>
    <row r="53148" spans="1:10" x14ac:dyDescent="0.35">
      <c r="A53148" s="1" t="s">
        <v>10087</v>
      </c>
      <c r="B53148" s="1" t="s">
        <v>178864</v>
      </c>
      <c r="C53148" s="1" t="s">
        <v>90</v>
      </c>
      <c r="D53148" s="1" t="s">
        <v>69433</v>
      </c>
      <c r="E53148" s="1" t="s">
        <v>179144</v>
      </c>
      <c r="F53148" s="1" t="s">
        <v>179145</v>
      </c>
      <c r="G53148" s="1" t="s">
        <v>179091</v>
      </c>
      <c r="H53148" s="1" t="s">
        <v>179092</v>
      </c>
      <c r="I53148" s="1" t="s">
        <v>178869</v>
      </c>
      <c r="J53148" s="1" t="s">
        <v>179146</v>
      </c>
    </row>
    <row r="53149" spans="1:10" x14ac:dyDescent="0.35">
      <c r="A53149" s="1" t="s">
        <v>10087</v>
      </c>
      <c r="B53149" s="1" t="s">
        <v>178864</v>
      </c>
      <c r="C53149" s="1" t="s">
        <v>95</v>
      </c>
      <c r="D53149" s="1" t="s">
        <v>179147</v>
      </c>
      <c r="E53149" s="1" t="s">
        <v>179148</v>
      </c>
      <c r="F53149" s="1" t="s">
        <v>179149</v>
      </c>
      <c r="G53149" s="1" t="s">
        <v>179091</v>
      </c>
      <c r="H53149" s="1" t="s">
        <v>179092</v>
      </c>
      <c r="I53149" s="1" t="s">
        <v>178869</v>
      </c>
      <c r="J53149" s="1" t="s">
        <v>179150</v>
      </c>
    </row>
    <row r="53150" spans="1:10" x14ac:dyDescent="0.35">
      <c r="A53150" s="1" t="s">
        <v>10087</v>
      </c>
      <c r="B53150" s="1" t="s">
        <v>178864</v>
      </c>
      <c r="C53150" s="1" t="s">
        <v>100</v>
      </c>
      <c r="D53150" s="1" t="s">
        <v>103559</v>
      </c>
      <c r="E53150" s="1" t="s">
        <v>179151</v>
      </c>
      <c r="F53150" s="1" t="s">
        <v>179152</v>
      </c>
      <c r="G53150" s="1" t="s">
        <v>179091</v>
      </c>
      <c r="H53150" s="1" t="s">
        <v>179092</v>
      </c>
      <c r="I53150" s="1" t="s">
        <v>178869</v>
      </c>
      <c r="J53150" s="1" t="s">
        <v>179153</v>
      </c>
    </row>
    <row r="53151" spans="1:10" x14ac:dyDescent="0.35">
      <c r="A53151" s="1" t="s">
        <v>10087</v>
      </c>
      <c r="B53151" s="1" t="s">
        <v>178864</v>
      </c>
      <c r="C53151" s="1" t="s">
        <v>105</v>
      </c>
      <c r="D53151" s="1" t="s">
        <v>89426</v>
      </c>
      <c r="E53151" s="1" t="s">
        <v>179154</v>
      </c>
      <c r="F53151" s="1" t="s">
        <v>179155</v>
      </c>
      <c r="G53151" s="1" t="s">
        <v>179091</v>
      </c>
      <c r="H53151" s="1" t="s">
        <v>179092</v>
      </c>
      <c r="I53151" s="1" t="s">
        <v>178869</v>
      </c>
      <c r="J53151" s="1" t="s">
        <v>179156</v>
      </c>
    </row>
    <row r="53152" spans="1:10" x14ac:dyDescent="0.35">
      <c r="A53152" s="1" t="s">
        <v>10087</v>
      </c>
      <c r="B53152" s="1" t="s">
        <v>178864</v>
      </c>
      <c r="C53152" s="1" t="s">
        <v>110</v>
      </c>
      <c r="D53152" s="1" t="s">
        <v>90575</v>
      </c>
      <c r="E53152" s="1" t="s">
        <v>179157</v>
      </c>
      <c r="F53152" s="1" t="s">
        <v>179158</v>
      </c>
      <c r="G53152" s="1" t="s">
        <v>179091</v>
      </c>
      <c r="H53152" s="1" t="s">
        <v>179092</v>
      </c>
      <c r="I53152" s="1" t="s">
        <v>178869</v>
      </c>
      <c r="J53152" s="1" t="s">
        <v>179159</v>
      </c>
    </row>
    <row r="53153" spans="1:10" x14ac:dyDescent="0.35">
      <c r="A53153" s="1" t="s">
        <v>10087</v>
      </c>
      <c r="B53153" s="1" t="s">
        <v>178864</v>
      </c>
      <c r="C53153" s="1" t="s">
        <v>115</v>
      </c>
      <c r="D53153" s="1" t="s">
        <v>94118</v>
      </c>
      <c r="E53153" s="1" t="s">
        <v>179160</v>
      </c>
      <c r="F53153" s="1" t="s">
        <v>179161</v>
      </c>
      <c r="G53153" s="1" t="s">
        <v>179091</v>
      </c>
      <c r="H53153" s="1" t="s">
        <v>179092</v>
      </c>
      <c r="I53153" s="1" t="s">
        <v>178869</v>
      </c>
      <c r="J53153" s="1" t="s">
        <v>179162</v>
      </c>
    </row>
    <row r="53154" spans="1:10" x14ac:dyDescent="0.35">
      <c r="A53154" s="1" t="s">
        <v>10087</v>
      </c>
      <c r="B53154" s="1" t="s">
        <v>178864</v>
      </c>
      <c r="C53154" s="1" t="s">
        <v>120</v>
      </c>
      <c r="D53154" s="1" t="s">
        <v>81607</v>
      </c>
      <c r="E53154" s="1" t="s">
        <v>179163</v>
      </c>
      <c r="F53154" s="1" t="s">
        <v>179164</v>
      </c>
      <c r="G53154" s="1" t="s">
        <v>179091</v>
      </c>
      <c r="H53154" s="1" t="s">
        <v>179092</v>
      </c>
      <c r="I53154" s="1" t="s">
        <v>178869</v>
      </c>
      <c r="J53154" s="1" t="s">
        <v>179165</v>
      </c>
    </row>
    <row r="53155" spans="1:10" x14ac:dyDescent="0.35">
      <c r="A53155" s="1" t="s">
        <v>10087</v>
      </c>
      <c r="B53155" s="1" t="s">
        <v>178864</v>
      </c>
      <c r="C53155" s="1" t="s">
        <v>125</v>
      </c>
      <c r="D53155" s="1" t="s">
        <v>95669</v>
      </c>
      <c r="E53155" s="1" t="s">
        <v>179166</v>
      </c>
      <c r="F53155" s="1" t="s">
        <v>179167</v>
      </c>
      <c r="G53155" s="1" t="s">
        <v>179091</v>
      </c>
      <c r="H53155" s="1" t="s">
        <v>179092</v>
      </c>
      <c r="I53155" s="1" t="s">
        <v>178869</v>
      </c>
      <c r="J53155" s="1" t="s">
        <v>179168</v>
      </c>
    </row>
    <row r="53156" spans="1:10" x14ac:dyDescent="0.35">
      <c r="A53156" s="1" t="s">
        <v>10087</v>
      </c>
      <c r="B53156" s="1" t="s">
        <v>178864</v>
      </c>
      <c r="C53156" s="1" t="s">
        <v>130</v>
      </c>
      <c r="D53156" s="1" t="s">
        <v>56520</v>
      </c>
      <c r="E53156" s="1" t="s">
        <v>179169</v>
      </c>
      <c r="F53156" s="1" t="s">
        <v>179170</v>
      </c>
      <c r="G53156" s="1" t="s">
        <v>179091</v>
      </c>
      <c r="H53156" s="1" t="s">
        <v>179092</v>
      </c>
      <c r="I53156" s="1" t="s">
        <v>178869</v>
      </c>
      <c r="J53156" s="1" t="s">
        <v>179171</v>
      </c>
    </row>
    <row r="53157" spans="1:10" x14ac:dyDescent="0.35">
      <c r="A53157" s="1" t="s">
        <v>10087</v>
      </c>
      <c r="B53157" s="1" t="s">
        <v>178864</v>
      </c>
      <c r="C53157" s="1" t="s">
        <v>135</v>
      </c>
      <c r="D53157" s="1" t="s">
        <v>58775</v>
      </c>
      <c r="E53157" s="1" t="s">
        <v>179172</v>
      </c>
      <c r="F53157" s="1" t="s">
        <v>179173</v>
      </c>
      <c r="G53157" s="1" t="s">
        <v>179091</v>
      </c>
      <c r="H53157" s="1" t="s">
        <v>179092</v>
      </c>
      <c r="I53157" s="1" t="s">
        <v>178869</v>
      </c>
      <c r="J53157" s="1" t="s">
        <v>179174</v>
      </c>
    </row>
    <row r="53158" spans="1:10" x14ac:dyDescent="0.35">
      <c r="A53158" s="1" t="s">
        <v>10087</v>
      </c>
      <c r="B53158" s="1" t="s">
        <v>178864</v>
      </c>
      <c r="C53158" s="1" t="s">
        <v>140</v>
      </c>
      <c r="D53158" s="1" t="s">
        <v>179175</v>
      </c>
      <c r="E53158" s="1" t="s">
        <v>179176</v>
      </c>
      <c r="F53158" s="1" t="s">
        <v>179177</v>
      </c>
      <c r="G53158" s="1" t="s">
        <v>179091</v>
      </c>
      <c r="H53158" s="1" t="s">
        <v>179092</v>
      </c>
      <c r="I53158" s="1" t="s">
        <v>178869</v>
      </c>
      <c r="J53158" s="1" t="s">
        <v>179178</v>
      </c>
    </row>
    <row r="53159" spans="1:10" x14ac:dyDescent="0.35">
      <c r="A53159" s="1" t="s">
        <v>10087</v>
      </c>
      <c r="B53159" s="1" t="s">
        <v>178864</v>
      </c>
      <c r="C53159" s="1" t="s">
        <v>145</v>
      </c>
      <c r="D53159" s="1" t="s">
        <v>179179</v>
      </c>
      <c r="E53159" s="1" t="s">
        <v>179180</v>
      </c>
      <c r="F53159" s="1" t="s">
        <v>179181</v>
      </c>
      <c r="G53159" s="1" t="s">
        <v>179091</v>
      </c>
      <c r="H53159" s="1" t="s">
        <v>179092</v>
      </c>
      <c r="I53159" s="1" t="s">
        <v>178869</v>
      </c>
      <c r="J53159" s="1" t="s">
        <v>179182</v>
      </c>
    </row>
    <row r="53160" spans="1:10" x14ac:dyDescent="0.35">
      <c r="A53160" s="1" t="s">
        <v>10087</v>
      </c>
      <c r="B53160" s="1" t="s">
        <v>178864</v>
      </c>
      <c r="C53160" s="1" t="s">
        <v>150</v>
      </c>
      <c r="D53160" s="1" t="s">
        <v>87662</v>
      </c>
      <c r="E53160" s="1" t="s">
        <v>179183</v>
      </c>
      <c r="F53160" s="1" t="s">
        <v>179184</v>
      </c>
      <c r="G53160" s="1" t="s">
        <v>179091</v>
      </c>
      <c r="H53160" s="1" t="s">
        <v>179092</v>
      </c>
      <c r="I53160" s="1" t="s">
        <v>178869</v>
      </c>
      <c r="J53160" s="1" t="s">
        <v>179185</v>
      </c>
    </row>
    <row r="53161" spans="1:10" x14ac:dyDescent="0.35">
      <c r="A53161" s="1" t="s">
        <v>10087</v>
      </c>
      <c r="B53161" s="1" t="s">
        <v>178864</v>
      </c>
      <c r="C53161" s="1" t="s">
        <v>155</v>
      </c>
      <c r="D53161" s="1" t="s">
        <v>179186</v>
      </c>
      <c r="E53161" s="1" t="s">
        <v>179187</v>
      </c>
      <c r="F53161" s="1" t="s">
        <v>179188</v>
      </c>
      <c r="G53161" s="1" t="s">
        <v>179091</v>
      </c>
      <c r="H53161" s="1" t="s">
        <v>179092</v>
      </c>
      <c r="I53161" s="1" t="s">
        <v>178869</v>
      </c>
      <c r="J53161" s="1" t="s">
        <v>179189</v>
      </c>
    </row>
    <row r="53162" spans="1:10" x14ac:dyDescent="0.35">
      <c r="A53162" s="1" t="s">
        <v>10087</v>
      </c>
      <c r="B53162" s="1" t="s">
        <v>178864</v>
      </c>
      <c r="C53162" s="1" t="s">
        <v>160</v>
      </c>
      <c r="D53162" s="1" t="s">
        <v>179190</v>
      </c>
      <c r="E53162" s="1" t="s">
        <v>179191</v>
      </c>
      <c r="F53162" s="1" t="s">
        <v>179192</v>
      </c>
      <c r="G53162" s="1" t="s">
        <v>179091</v>
      </c>
      <c r="H53162" s="1" t="s">
        <v>179092</v>
      </c>
      <c r="I53162" s="1" t="s">
        <v>178869</v>
      </c>
      <c r="J53162" s="1" t="s">
        <v>179193</v>
      </c>
    </row>
    <row r="53163" spans="1:10" x14ac:dyDescent="0.35">
      <c r="A53163" s="1" t="s">
        <v>10087</v>
      </c>
      <c r="B53163" s="1" t="s">
        <v>178864</v>
      </c>
      <c r="C53163" s="1" t="s">
        <v>165</v>
      </c>
      <c r="D53163" s="1" t="s">
        <v>60961</v>
      </c>
      <c r="E53163" s="1" t="s">
        <v>179194</v>
      </c>
      <c r="F53163" s="1" t="s">
        <v>179195</v>
      </c>
      <c r="G53163" s="1" t="s">
        <v>179091</v>
      </c>
      <c r="H53163" s="1" t="s">
        <v>179092</v>
      </c>
      <c r="I53163" s="1" t="s">
        <v>178869</v>
      </c>
      <c r="J53163" s="1" t="s">
        <v>179196</v>
      </c>
    </row>
    <row r="53164" spans="1:10" x14ac:dyDescent="0.35">
      <c r="A53164" s="1" t="s">
        <v>10087</v>
      </c>
      <c r="B53164" s="1" t="s">
        <v>178864</v>
      </c>
      <c r="C53164" s="1" t="s">
        <v>170</v>
      </c>
      <c r="D53164" s="1" t="s">
        <v>130238</v>
      </c>
      <c r="E53164" s="1" t="s">
        <v>179197</v>
      </c>
      <c r="F53164" s="1" t="s">
        <v>179198</v>
      </c>
      <c r="G53164" s="1" t="s">
        <v>179091</v>
      </c>
      <c r="H53164" s="1" t="s">
        <v>179092</v>
      </c>
      <c r="I53164" s="1" t="s">
        <v>178869</v>
      </c>
      <c r="J53164" s="1" t="s">
        <v>179199</v>
      </c>
    </row>
    <row r="53165" spans="1:10" x14ac:dyDescent="0.35">
      <c r="A53165" s="1" t="s">
        <v>12088</v>
      </c>
      <c r="B53165" s="1" t="s">
        <v>178864</v>
      </c>
      <c r="C53165" s="1" t="s">
        <v>8</v>
      </c>
      <c r="D53165" s="1" t="s">
        <v>18721</v>
      </c>
      <c r="E53165" s="1" t="s">
        <v>81210</v>
      </c>
      <c r="F53165" s="1" t="s">
        <v>31504</v>
      </c>
      <c r="G53165" s="1" t="s">
        <v>179200</v>
      </c>
      <c r="H53165" s="1" t="s">
        <v>179201</v>
      </c>
      <c r="I53165" s="1" t="s">
        <v>178869</v>
      </c>
      <c r="J53165" s="1" t="s">
        <v>13</v>
      </c>
    </row>
    <row r="53166" spans="1:10" x14ac:dyDescent="0.35">
      <c r="A53166" s="1" t="s">
        <v>12088</v>
      </c>
      <c r="B53166" s="1" t="s">
        <v>178864</v>
      </c>
      <c r="C53166" s="1" t="s">
        <v>15</v>
      </c>
      <c r="D53166" s="1" t="s">
        <v>179202</v>
      </c>
      <c r="E53166" s="1" t="s">
        <v>108314</v>
      </c>
      <c r="F53166" s="1" t="s">
        <v>179203</v>
      </c>
      <c r="G53166" s="1" t="s">
        <v>179200</v>
      </c>
      <c r="H53166" s="1" t="s">
        <v>179201</v>
      </c>
      <c r="I53166" s="1" t="s">
        <v>178869</v>
      </c>
      <c r="J53166" s="1" t="s">
        <v>179204</v>
      </c>
    </row>
    <row r="53167" spans="1:10" x14ac:dyDescent="0.35">
      <c r="A53167" s="1" t="s">
        <v>12088</v>
      </c>
      <c r="B53167" s="1" t="s">
        <v>178864</v>
      </c>
      <c r="C53167" s="1" t="s">
        <v>20</v>
      </c>
      <c r="D53167" s="1" t="s">
        <v>179205</v>
      </c>
      <c r="E53167" s="1" t="s">
        <v>106203</v>
      </c>
      <c r="F53167" s="1" t="s">
        <v>179206</v>
      </c>
      <c r="G53167" s="1" t="s">
        <v>179200</v>
      </c>
      <c r="H53167" s="1" t="s">
        <v>179201</v>
      </c>
      <c r="I53167" s="1" t="s">
        <v>178869</v>
      </c>
      <c r="J53167" s="1" t="s">
        <v>179207</v>
      </c>
    </row>
    <row r="53168" spans="1:10" x14ac:dyDescent="0.35">
      <c r="A53168" s="1" t="s">
        <v>12088</v>
      </c>
      <c r="B53168" s="1" t="s">
        <v>178864</v>
      </c>
      <c r="C53168" s="1" t="s">
        <v>25</v>
      </c>
      <c r="D53168" s="1" t="s">
        <v>44127</v>
      </c>
      <c r="E53168" s="1" t="s">
        <v>179208</v>
      </c>
      <c r="F53168" s="1" t="s">
        <v>179209</v>
      </c>
      <c r="G53168" s="1" t="s">
        <v>179200</v>
      </c>
      <c r="H53168" s="1" t="s">
        <v>179201</v>
      </c>
      <c r="I53168" s="1" t="s">
        <v>178869</v>
      </c>
      <c r="J53168" s="1" t="s">
        <v>179210</v>
      </c>
    </row>
    <row r="53169" spans="1:10" x14ac:dyDescent="0.35">
      <c r="A53169" s="1" t="s">
        <v>12088</v>
      </c>
      <c r="B53169" s="1" t="s">
        <v>178864</v>
      </c>
      <c r="C53169" s="1" t="s">
        <v>30</v>
      </c>
      <c r="D53169" s="1" t="s">
        <v>134626</v>
      </c>
      <c r="E53169" s="1" t="s">
        <v>107407</v>
      </c>
      <c r="F53169" s="1" t="s">
        <v>179211</v>
      </c>
      <c r="G53169" s="1" t="s">
        <v>179200</v>
      </c>
      <c r="H53169" s="1" t="s">
        <v>179201</v>
      </c>
      <c r="I53169" s="1" t="s">
        <v>178869</v>
      </c>
      <c r="J53169" s="1" t="s">
        <v>179212</v>
      </c>
    </row>
    <row r="53170" spans="1:10" x14ac:dyDescent="0.35">
      <c r="A53170" s="1" t="s">
        <v>12088</v>
      </c>
      <c r="B53170" s="1" t="s">
        <v>178864</v>
      </c>
      <c r="C53170" s="1" t="s">
        <v>35</v>
      </c>
      <c r="D53170" s="1" t="s">
        <v>179213</v>
      </c>
      <c r="E53170" s="1" t="s">
        <v>133349</v>
      </c>
      <c r="F53170" s="1" t="s">
        <v>179214</v>
      </c>
      <c r="G53170" s="1" t="s">
        <v>179200</v>
      </c>
      <c r="H53170" s="1" t="s">
        <v>179201</v>
      </c>
      <c r="I53170" s="1" t="s">
        <v>178869</v>
      </c>
      <c r="J53170" s="1" t="s">
        <v>179215</v>
      </c>
    </row>
    <row r="53171" spans="1:10" x14ac:dyDescent="0.35">
      <c r="A53171" s="1" t="s">
        <v>12088</v>
      </c>
      <c r="B53171" s="1" t="s">
        <v>178864</v>
      </c>
      <c r="C53171" s="1" t="s">
        <v>40</v>
      </c>
      <c r="D53171" s="1" t="s">
        <v>43340</v>
      </c>
      <c r="E53171" s="1" t="s">
        <v>106203</v>
      </c>
      <c r="F53171" s="1" t="s">
        <v>179216</v>
      </c>
      <c r="G53171" s="1" t="s">
        <v>179200</v>
      </c>
      <c r="H53171" s="1" t="s">
        <v>179201</v>
      </c>
      <c r="I53171" s="1" t="s">
        <v>178869</v>
      </c>
      <c r="J53171" s="1" t="s">
        <v>179217</v>
      </c>
    </row>
    <row r="53172" spans="1:10" x14ac:dyDescent="0.35">
      <c r="A53172" s="1" t="s">
        <v>12088</v>
      </c>
      <c r="B53172" s="1" t="s">
        <v>178864</v>
      </c>
      <c r="C53172" s="1" t="s">
        <v>45</v>
      </c>
      <c r="D53172" s="1" t="s">
        <v>179218</v>
      </c>
      <c r="E53172" s="1" t="s">
        <v>127843</v>
      </c>
      <c r="F53172" s="1" t="s">
        <v>179219</v>
      </c>
      <c r="G53172" s="1" t="s">
        <v>179200</v>
      </c>
      <c r="H53172" s="1" t="s">
        <v>179201</v>
      </c>
      <c r="I53172" s="1" t="s">
        <v>178869</v>
      </c>
      <c r="J53172" s="1" t="s">
        <v>179220</v>
      </c>
    </row>
    <row r="53173" spans="1:10" x14ac:dyDescent="0.35">
      <c r="A53173" s="1" t="s">
        <v>12088</v>
      </c>
      <c r="B53173" s="1" t="s">
        <v>178864</v>
      </c>
      <c r="C53173" s="1" t="s">
        <v>50</v>
      </c>
      <c r="D53173" s="1" t="s">
        <v>179221</v>
      </c>
      <c r="E53173" s="1" t="s">
        <v>81143</v>
      </c>
      <c r="F53173" s="1" t="s">
        <v>58406</v>
      </c>
      <c r="G53173" s="1" t="s">
        <v>179200</v>
      </c>
      <c r="H53173" s="1" t="s">
        <v>179201</v>
      </c>
      <c r="I53173" s="1" t="s">
        <v>178869</v>
      </c>
      <c r="J53173" s="1" t="s">
        <v>179222</v>
      </c>
    </row>
    <row r="53174" spans="1:10" x14ac:dyDescent="0.35">
      <c r="A53174" s="1" t="s">
        <v>12088</v>
      </c>
      <c r="B53174" s="1" t="s">
        <v>178864</v>
      </c>
      <c r="C53174" s="1" t="s">
        <v>55</v>
      </c>
      <c r="D53174" s="1" t="s">
        <v>133596</v>
      </c>
      <c r="E53174" s="1" t="s">
        <v>81128</v>
      </c>
      <c r="F53174" s="1" t="s">
        <v>179223</v>
      </c>
      <c r="G53174" s="1" t="s">
        <v>179200</v>
      </c>
      <c r="H53174" s="1" t="s">
        <v>179201</v>
      </c>
      <c r="I53174" s="1" t="s">
        <v>178869</v>
      </c>
      <c r="J53174" s="1" t="s">
        <v>179224</v>
      </c>
    </row>
    <row r="53175" spans="1:10" x14ac:dyDescent="0.35">
      <c r="A53175" s="1" t="s">
        <v>12088</v>
      </c>
      <c r="B53175" s="1" t="s">
        <v>178864</v>
      </c>
      <c r="C53175" s="1" t="s">
        <v>60</v>
      </c>
      <c r="D53175" s="1" t="s">
        <v>179225</v>
      </c>
      <c r="E53175" s="1" t="s">
        <v>106519</v>
      </c>
      <c r="F53175" s="1" t="s">
        <v>179226</v>
      </c>
      <c r="G53175" s="1" t="s">
        <v>179200</v>
      </c>
      <c r="H53175" s="1" t="s">
        <v>179201</v>
      </c>
      <c r="I53175" s="1" t="s">
        <v>178869</v>
      </c>
      <c r="J53175" s="1" t="s">
        <v>179227</v>
      </c>
    </row>
    <row r="53176" spans="1:10" x14ac:dyDescent="0.35">
      <c r="A53176" s="1" t="s">
        <v>12088</v>
      </c>
      <c r="B53176" s="1" t="s">
        <v>178864</v>
      </c>
      <c r="C53176" s="1" t="s">
        <v>65</v>
      </c>
      <c r="D53176" s="1" t="s">
        <v>171111</v>
      </c>
      <c r="E53176" s="1" t="s">
        <v>105435</v>
      </c>
      <c r="F53176" s="1" t="s">
        <v>58594</v>
      </c>
      <c r="G53176" s="1" t="s">
        <v>179200</v>
      </c>
      <c r="H53176" s="1" t="s">
        <v>179201</v>
      </c>
      <c r="I53176" s="1" t="s">
        <v>178869</v>
      </c>
      <c r="J53176" s="1" t="s">
        <v>179228</v>
      </c>
    </row>
    <row r="53177" spans="1:10" x14ac:dyDescent="0.35">
      <c r="A53177" s="1" t="s">
        <v>12088</v>
      </c>
      <c r="B53177" s="1" t="s">
        <v>178864</v>
      </c>
      <c r="C53177" s="1" t="s">
        <v>70</v>
      </c>
      <c r="D53177" s="1" t="s">
        <v>99930</v>
      </c>
      <c r="E53177" s="1" t="s">
        <v>179229</v>
      </c>
      <c r="F53177" s="1" t="s">
        <v>179230</v>
      </c>
      <c r="G53177" s="1" t="s">
        <v>179200</v>
      </c>
      <c r="H53177" s="1" t="s">
        <v>179201</v>
      </c>
      <c r="I53177" s="1" t="s">
        <v>178869</v>
      </c>
      <c r="J53177" s="1" t="s">
        <v>179231</v>
      </c>
    </row>
    <row r="53178" spans="1:10" x14ac:dyDescent="0.35">
      <c r="A53178" s="1" t="s">
        <v>12088</v>
      </c>
      <c r="B53178" s="1" t="s">
        <v>178864</v>
      </c>
      <c r="C53178" s="1" t="s">
        <v>75</v>
      </c>
      <c r="D53178" s="1" t="s">
        <v>90789</v>
      </c>
      <c r="E53178" s="1" t="s">
        <v>106525</v>
      </c>
      <c r="F53178" s="1" t="s">
        <v>179232</v>
      </c>
      <c r="G53178" s="1" t="s">
        <v>179200</v>
      </c>
      <c r="H53178" s="1" t="s">
        <v>179201</v>
      </c>
      <c r="I53178" s="1" t="s">
        <v>178869</v>
      </c>
      <c r="J53178" s="1" t="s">
        <v>179233</v>
      </c>
    </row>
    <row r="53179" spans="1:10" x14ac:dyDescent="0.35">
      <c r="A53179" s="1" t="s">
        <v>12088</v>
      </c>
      <c r="B53179" s="1" t="s">
        <v>178864</v>
      </c>
      <c r="C53179" s="1" t="s">
        <v>80</v>
      </c>
      <c r="D53179" s="1" t="s">
        <v>20554</v>
      </c>
      <c r="E53179" s="1" t="s">
        <v>109468</v>
      </c>
      <c r="F53179" s="1" t="s">
        <v>179234</v>
      </c>
      <c r="G53179" s="1" t="s">
        <v>179200</v>
      </c>
      <c r="H53179" s="1" t="s">
        <v>179201</v>
      </c>
      <c r="I53179" s="1" t="s">
        <v>178869</v>
      </c>
      <c r="J53179" s="1" t="s">
        <v>179235</v>
      </c>
    </row>
    <row r="53180" spans="1:10" x14ac:dyDescent="0.35">
      <c r="A53180" s="1" t="s">
        <v>12088</v>
      </c>
      <c r="B53180" s="1" t="s">
        <v>178864</v>
      </c>
      <c r="C53180" s="1" t="s">
        <v>85</v>
      </c>
      <c r="D53180" s="1" t="s">
        <v>179236</v>
      </c>
      <c r="E53180" s="1" t="s">
        <v>132853</v>
      </c>
      <c r="F53180" s="1" t="s">
        <v>108684</v>
      </c>
      <c r="G53180" s="1" t="s">
        <v>179200</v>
      </c>
      <c r="H53180" s="1" t="s">
        <v>179201</v>
      </c>
      <c r="I53180" s="1" t="s">
        <v>178869</v>
      </c>
      <c r="J53180" s="1" t="s">
        <v>179237</v>
      </c>
    </row>
    <row r="53181" spans="1:10" x14ac:dyDescent="0.35">
      <c r="A53181" s="1" t="s">
        <v>12088</v>
      </c>
      <c r="B53181" s="1" t="s">
        <v>178864</v>
      </c>
      <c r="C53181" s="1" t="s">
        <v>90</v>
      </c>
      <c r="D53181" s="1" t="s">
        <v>101801</v>
      </c>
      <c r="E53181" s="1" t="s">
        <v>179238</v>
      </c>
      <c r="F53181" s="1" t="s">
        <v>179239</v>
      </c>
      <c r="G53181" s="1" t="s">
        <v>179200</v>
      </c>
      <c r="H53181" s="1" t="s">
        <v>179201</v>
      </c>
      <c r="I53181" s="1" t="s">
        <v>178869</v>
      </c>
      <c r="J53181" s="1" t="s">
        <v>179240</v>
      </c>
    </row>
    <row r="53182" spans="1:10" x14ac:dyDescent="0.35">
      <c r="A53182" s="1" t="s">
        <v>12088</v>
      </c>
      <c r="B53182" s="1" t="s">
        <v>178864</v>
      </c>
      <c r="C53182" s="1" t="s">
        <v>95</v>
      </c>
      <c r="D53182" s="1" t="s">
        <v>138052</v>
      </c>
      <c r="E53182" s="1" t="s">
        <v>106219</v>
      </c>
      <c r="F53182" s="1" t="s">
        <v>57036</v>
      </c>
      <c r="G53182" s="1" t="s">
        <v>179200</v>
      </c>
      <c r="H53182" s="1" t="s">
        <v>179201</v>
      </c>
      <c r="I53182" s="1" t="s">
        <v>178869</v>
      </c>
      <c r="J53182" s="1" t="s">
        <v>179241</v>
      </c>
    </row>
    <row r="53183" spans="1:10" x14ac:dyDescent="0.35">
      <c r="A53183" s="1" t="s">
        <v>12088</v>
      </c>
      <c r="B53183" s="1" t="s">
        <v>178864</v>
      </c>
      <c r="C53183" s="1" t="s">
        <v>100</v>
      </c>
      <c r="D53183" s="1" t="s">
        <v>61106</v>
      </c>
      <c r="E53183" s="1" t="s">
        <v>81182</v>
      </c>
      <c r="F53183" s="1" t="s">
        <v>57651</v>
      </c>
      <c r="G53183" s="1" t="s">
        <v>179200</v>
      </c>
      <c r="H53183" s="1" t="s">
        <v>179201</v>
      </c>
      <c r="I53183" s="1" t="s">
        <v>178869</v>
      </c>
      <c r="J53183" s="1" t="s">
        <v>179242</v>
      </c>
    </row>
    <row r="53184" spans="1:10" x14ac:dyDescent="0.35">
      <c r="A53184" s="1" t="s">
        <v>12088</v>
      </c>
      <c r="B53184" s="1" t="s">
        <v>178864</v>
      </c>
      <c r="C53184" s="1" t="s">
        <v>105</v>
      </c>
      <c r="D53184" s="1" t="s">
        <v>64884</v>
      </c>
      <c r="E53184" s="1" t="s">
        <v>108912</v>
      </c>
      <c r="F53184" s="1" t="s">
        <v>179243</v>
      </c>
      <c r="G53184" s="1" t="s">
        <v>179200</v>
      </c>
      <c r="H53184" s="1" t="s">
        <v>179201</v>
      </c>
      <c r="I53184" s="1" t="s">
        <v>178869</v>
      </c>
      <c r="J53184" s="1" t="s">
        <v>179244</v>
      </c>
    </row>
    <row r="53185" spans="1:10" x14ac:dyDescent="0.35">
      <c r="A53185" s="1" t="s">
        <v>12088</v>
      </c>
      <c r="B53185" s="1" t="s">
        <v>178864</v>
      </c>
      <c r="C53185" s="1" t="s">
        <v>110</v>
      </c>
      <c r="D53185" s="1" t="s">
        <v>68756</v>
      </c>
      <c r="E53185" s="1" t="s">
        <v>127800</v>
      </c>
      <c r="F53185" s="1" t="s">
        <v>179245</v>
      </c>
      <c r="G53185" s="1" t="s">
        <v>179200</v>
      </c>
      <c r="H53185" s="1" t="s">
        <v>179201</v>
      </c>
      <c r="I53185" s="1" t="s">
        <v>178869</v>
      </c>
      <c r="J53185" s="1" t="s">
        <v>179246</v>
      </c>
    </row>
    <row r="53186" spans="1:10" x14ac:dyDescent="0.35">
      <c r="A53186" s="1" t="s">
        <v>12088</v>
      </c>
      <c r="B53186" s="1" t="s">
        <v>178864</v>
      </c>
      <c r="C53186" s="1" t="s">
        <v>115</v>
      </c>
      <c r="D53186" s="1" t="s">
        <v>106699</v>
      </c>
      <c r="E53186" s="1" t="s">
        <v>106525</v>
      </c>
      <c r="F53186" s="1" t="s">
        <v>104006</v>
      </c>
      <c r="G53186" s="1" t="s">
        <v>179200</v>
      </c>
      <c r="H53186" s="1" t="s">
        <v>179201</v>
      </c>
      <c r="I53186" s="1" t="s">
        <v>178869</v>
      </c>
      <c r="J53186" s="1" t="s">
        <v>179247</v>
      </c>
    </row>
    <row r="53187" spans="1:10" x14ac:dyDescent="0.35">
      <c r="A53187" s="1" t="s">
        <v>12088</v>
      </c>
      <c r="B53187" s="1" t="s">
        <v>178864</v>
      </c>
      <c r="C53187" s="1" t="s">
        <v>120</v>
      </c>
      <c r="D53187" s="1" t="s">
        <v>179248</v>
      </c>
      <c r="E53187" s="1" t="s">
        <v>111178</v>
      </c>
      <c r="F53187" s="1" t="s">
        <v>179249</v>
      </c>
      <c r="G53187" s="1" t="s">
        <v>179200</v>
      </c>
      <c r="H53187" s="1" t="s">
        <v>179201</v>
      </c>
      <c r="I53187" s="1" t="s">
        <v>178869</v>
      </c>
      <c r="J53187" s="1" t="s">
        <v>179250</v>
      </c>
    </row>
    <row r="53188" spans="1:10" x14ac:dyDescent="0.35">
      <c r="A53188" s="1" t="s">
        <v>12088</v>
      </c>
      <c r="B53188" s="1" t="s">
        <v>178864</v>
      </c>
      <c r="C53188" s="1" t="s">
        <v>125</v>
      </c>
      <c r="D53188" s="1" t="s">
        <v>127087</v>
      </c>
      <c r="E53188" s="1" t="s">
        <v>179251</v>
      </c>
      <c r="F53188" s="1" t="s">
        <v>179252</v>
      </c>
      <c r="G53188" s="1" t="s">
        <v>179200</v>
      </c>
      <c r="H53188" s="1" t="s">
        <v>179201</v>
      </c>
      <c r="I53188" s="1" t="s">
        <v>178869</v>
      </c>
      <c r="J53188" s="1" t="s">
        <v>179253</v>
      </c>
    </row>
    <row r="53189" spans="1:10" x14ac:dyDescent="0.35">
      <c r="A53189" s="1" t="s">
        <v>12088</v>
      </c>
      <c r="B53189" s="1" t="s">
        <v>178864</v>
      </c>
      <c r="C53189" s="1" t="s">
        <v>130</v>
      </c>
      <c r="D53189" s="1" t="s">
        <v>86783</v>
      </c>
      <c r="E53189" s="1" t="s">
        <v>132861</v>
      </c>
      <c r="F53189" s="1" t="s">
        <v>149374</v>
      </c>
      <c r="G53189" s="1" t="s">
        <v>179200</v>
      </c>
      <c r="H53189" s="1" t="s">
        <v>179201</v>
      </c>
      <c r="I53189" s="1" t="s">
        <v>178869</v>
      </c>
      <c r="J53189" s="1" t="s">
        <v>179254</v>
      </c>
    </row>
    <row r="53190" spans="1:10" x14ac:dyDescent="0.35">
      <c r="A53190" s="1" t="s">
        <v>12088</v>
      </c>
      <c r="B53190" s="1" t="s">
        <v>178864</v>
      </c>
      <c r="C53190" s="1" t="s">
        <v>135</v>
      </c>
      <c r="D53190" s="1" t="s">
        <v>99574</v>
      </c>
      <c r="E53190" s="1" t="s">
        <v>179255</v>
      </c>
      <c r="F53190" s="1" t="s">
        <v>179256</v>
      </c>
      <c r="G53190" s="1" t="s">
        <v>179200</v>
      </c>
      <c r="H53190" s="1" t="s">
        <v>179201</v>
      </c>
      <c r="I53190" s="1" t="s">
        <v>178869</v>
      </c>
      <c r="J53190" s="1" t="s">
        <v>179257</v>
      </c>
    </row>
    <row r="53191" spans="1:10" x14ac:dyDescent="0.35">
      <c r="A53191" s="1" t="s">
        <v>12088</v>
      </c>
      <c r="B53191" s="1" t="s">
        <v>178864</v>
      </c>
      <c r="C53191" s="1" t="s">
        <v>140</v>
      </c>
      <c r="D53191" s="1" t="s">
        <v>59388</v>
      </c>
      <c r="E53191" s="1" t="s">
        <v>132805</v>
      </c>
      <c r="F53191" s="1" t="s">
        <v>128076</v>
      </c>
      <c r="G53191" s="1" t="s">
        <v>179200</v>
      </c>
      <c r="H53191" s="1" t="s">
        <v>179201</v>
      </c>
      <c r="I53191" s="1" t="s">
        <v>178869</v>
      </c>
      <c r="J53191" s="1" t="s">
        <v>179258</v>
      </c>
    </row>
    <row r="53192" spans="1:10" x14ac:dyDescent="0.35">
      <c r="A53192" s="1" t="s">
        <v>12088</v>
      </c>
      <c r="B53192" s="1" t="s">
        <v>178864</v>
      </c>
      <c r="C53192" s="1" t="s">
        <v>145</v>
      </c>
      <c r="D53192" s="1" t="s">
        <v>166521</v>
      </c>
      <c r="E53192" s="1" t="s">
        <v>133347</v>
      </c>
      <c r="F53192" s="1" t="s">
        <v>56706</v>
      </c>
      <c r="G53192" s="1" t="s">
        <v>179200</v>
      </c>
      <c r="H53192" s="1" t="s">
        <v>179201</v>
      </c>
      <c r="I53192" s="1" t="s">
        <v>178869</v>
      </c>
      <c r="J53192" s="1" t="s">
        <v>179259</v>
      </c>
    </row>
    <row r="53193" spans="1:10" x14ac:dyDescent="0.35">
      <c r="A53193" s="1" t="s">
        <v>12088</v>
      </c>
      <c r="B53193" s="1" t="s">
        <v>178864</v>
      </c>
      <c r="C53193" s="1" t="s">
        <v>150</v>
      </c>
      <c r="D53193" s="1" t="s">
        <v>107039</v>
      </c>
      <c r="E53193" s="1" t="s">
        <v>106543</v>
      </c>
      <c r="F53193" s="1" t="s">
        <v>32391</v>
      </c>
      <c r="G53193" s="1" t="s">
        <v>179200</v>
      </c>
      <c r="H53193" s="1" t="s">
        <v>179201</v>
      </c>
      <c r="I53193" s="1" t="s">
        <v>178869</v>
      </c>
      <c r="J53193" s="1" t="s">
        <v>179260</v>
      </c>
    </row>
    <row r="53194" spans="1:10" x14ac:dyDescent="0.35">
      <c r="A53194" s="1" t="s">
        <v>12088</v>
      </c>
      <c r="B53194" s="1" t="s">
        <v>178864</v>
      </c>
      <c r="C53194" s="1" t="s">
        <v>155</v>
      </c>
      <c r="D53194" s="1" t="s">
        <v>179261</v>
      </c>
      <c r="E53194" s="1" t="s">
        <v>111213</v>
      </c>
      <c r="F53194" s="1" t="s">
        <v>179262</v>
      </c>
      <c r="G53194" s="1" t="s">
        <v>179200</v>
      </c>
      <c r="H53194" s="1" t="s">
        <v>179201</v>
      </c>
      <c r="I53194" s="1" t="s">
        <v>178869</v>
      </c>
      <c r="J53194" s="1" t="s">
        <v>179263</v>
      </c>
    </row>
    <row r="53195" spans="1:10" x14ac:dyDescent="0.35">
      <c r="A53195" s="1" t="s">
        <v>12088</v>
      </c>
      <c r="B53195" s="1" t="s">
        <v>178864</v>
      </c>
      <c r="C53195" s="1" t="s">
        <v>160</v>
      </c>
      <c r="D53195" s="1" t="s">
        <v>57902</v>
      </c>
      <c r="E53195" s="1" t="s">
        <v>108936</v>
      </c>
      <c r="F53195" s="1" t="s">
        <v>179264</v>
      </c>
      <c r="G53195" s="1" t="s">
        <v>179200</v>
      </c>
      <c r="H53195" s="1" t="s">
        <v>179201</v>
      </c>
      <c r="I53195" s="1" t="s">
        <v>178869</v>
      </c>
      <c r="J53195" s="1" t="s">
        <v>179265</v>
      </c>
    </row>
    <row r="53196" spans="1:10" x14ac:dyDescent="0.35">
      <c r="A53196" s="1" t="s">
        <v>12088</v>
      </c>
      <c r="B53196" s="1" t="s">
        <v>178864</v>
      </c>
      <c r="C53196" s="1" t="s">
        <v>165</v>
      </c>
      <c r="D53196" s="1" t="s">
        <v>86560</v>
      </c>
      <c r="E53196" s="1" t="s">
        <v>179266</v>
      </c>
      <c r="F53196" s="1" t="s">
        <v>179267</v>
      </c>
      <c r="G53196" s="1" t="s">
        <v>179200</v>
      </c>
      <c r="H53196" s="1" t="s">
        <v>179201</v>
      </c>
      <c r="I53196" s="1" t="s">
        <v>178869</v>
      </c>
      <c r="J53196" s="1" t="s">
        <v>179268</v>
      </c>
    </row>
    <row r="53197" spans="1:10" x14ac:dyDescent="0.35">
      <c r="A53197" s="1" t="s">
        <v>12088</v>
      </c>
      <c r="B53197" s="1" t="s">
        <v>178864</v>
      </c>
      <c r="C53197" s="1" t="s">
        <v>170</v>
      </c>
      <c r="D53197" s="1" t="s">
        <v>93530</v>
      </c>
      <c r="E53197" s="1" t="s">
        <v>135761</v>
      </c>
      <c r="F53197" s="1" t="s">
        <v>32077</v>
      </c>
      <c r="G53197" s="1" t="s">
        <v>179200</v>
      </c>
      <c r="H53197" s="1" t="s">
        <v>179201</v>
      </c>
      <c r="I53197" s="1" t="s">
        <v>178869</v>
      </c>
      <c r="J53197" s="1" t="s">
        <v>179269</v>
      </c>
    </row>
    <row r="53198" spans="1:10" x14ac:dyDescent="0.35">
      <c r="A53198" s="1" t="s">
        <v>44871</v>
      </c>
      <c r="B53198" s="1" t="s">
        <v>178864</v>
      </c>
      <c r="C53198" s="1" t="s">
        <v>8</v>
      </c>
      <c r="D53198" s="1" t="s">
        <v>124428</v>
      </c>
      <c r="E53198" s="1" t="s">
        <v>130830</v>
      </c>
      <c r="F53198" s="1" t="s">
        <v>179270</v>
      </c>
      <c r="G53198" s="1" t="s">
        <v>179271</v>
      </c>
      <c r="H53198" s="1" t="s">
        <v>179272</v>
      </c>
      <c r="I53198" s="1" t="s">
        <v>178869</v>
      </c>
      <c r="J53198" s="1" t="s">
        <v>13</v>
      </c>
    </row>
    <row r="53199" spans="1:10" x14ac:dyDescent="0.35">
      <c r="A53199" s="1" t="s">
        <v>44871</v>
      </c>
      <c r="B53199" s="1" t="s">
        <v>178864</v>
      </c>
      <c r="C53199" s="1" t="s">
        <v>15</v>
      </c>
      <c r="D53199" s="1" t="s">
        <v>82686</v>
      </c>
      <c r="E53199" s="1" t="s">
        <v>140122</v>
      </c>
      <c r="F53199" s="1" t="s">
        <v>103055</v>
      </c>
      <c r="G53199" s="1" t="s">
        <v>179271</v>
      </c>
      <c r="H53199" s="1" t="s">
        <v>179272</v>
      </c>
      <c r="I53199" s="1" t="s">
        <v>178869</v>
      </c>
      <c r="J53199" s="1" t="s">
        <v>179273</v>
      </c>
    </row>
    <row r="53200" spans="1:10" x14ac:dyDescent="0.35">
      <c r="A53200" s="1" t="s">
        <v>44871</v>
      </c>
      <c r="B53200" s="1" t="s">
        <v>178864</v>
      </c>
      <c r="C53200" s="1" t="s">
        <v>20</v>
      </c>
      <c r="D53200" s="1" t="s">
        <v>11487</v>
      </c>
      <c r="E53200" s="1" t="s">
        <v>129357</v>
      </c>
      <c r="F53200" s="1" t="s">
        <v>133253</v>
      </c>
      <c r="G53200" s="1" t="s">
        <v>179271</v>
      </c>
      <c r="H53200" s="1" t="s">
        <v>179272</v>
      </c>
      <c r="I53200" s="1" t="s">
        <v>178869</v>
      </c>
      <c r="J53200" s="1" t="s">
        <v>179274</v>
      </c>
    </row>
    <row r="53201" spans="1:10" x14ac:dyDescent="0.35">
      <c r="A53201" s="1" t="s">
        <v>44871</v>
      </c>
      <c r="B53201" s="1" t="s">
        <v>178864</v>
      </c>
      <c r="C53201" s="1" t="s">
        <v>25</v>
      </c>
      <c r="D53201" s="1" t="s">
        <v>83707</v>
      </c>
      <c r="E53201" s="1" t="s">
        <v>179275</v>
      </c>
      <c r="F53201" s="1" t="s">
        <v>179276</v>
      </c>
      <c r="G53201" s="1" t="s">
        <v>179271</v>
      </c>
      <c r="H53201" s="1" t="s">
        <v>179272</v>
      </c>
      <c r="I53201" s="1" t="s">
        <v>178869</v>
      </c>
      <c r="J53201" s="1" t="s">
        <v>179277</v>
      </c>
    </row>
    <row r="53202" spans="1:10" x14ac:dyDescent="0.35">
      <c r="A53202" s="1" t="s">
        <v>44871</v>
      </c>
      <c r="B53202" s="1" t="s">
        <v>178864</v>
      </c>
      <c r="C53202" s="1" t="s">
        <v>30</v>
      </c>
      <c r="D53202" s="1" t="s">
        <v>179278</v>
      </c>
      <c r="E53202" s="1" t="s">
        <v>132097</v>
      </c>
      <c r="F53202" s="1" t="s">
        <v>179279</v>
      </c>
      <c r="G53202" s="1" t="s">
        <v>179271</v>
      </c>
      <c r="H53202" s="1" t="s">
        <v>179272</v>
      </c>
      <c r="I53202" s="1" t="s">
        <v>178869</v>
      </c>
      <c r="J53202" s="1" t="s">
        <v>179280</v>
      </c>
    </row>
    <row r="53203" spans="1:10" x14ac:dyDescent="0.35">
      <c r="A53203" s="1" t="s">
        <v>44871</v>
      </c>
      <c r="B53203" s="1" t="s">
        <v>178864</v>
      </c>
      <c r="C53203" s="1" t="s">
        <v>35</v>
      </c>
      <c r="D53203" s="1" t="s">
        <v>179281</v>
      </c>
      <c r="E53203" s="1" t="s">
        <v>48092</v>
      </c>
      <c r="F53203" s="1" t="s">
        <v>179282</v>
      </c>
      <c r="G53203" s="1" t="s">
        <v>179271</v>
      </c>
      <c r="H53203" s="1" t="s">
        <v>179272</v>
      </c>
      <c r="I53203" s="1" t="s">
        <v>178869</v>
      </c>
      <c r="J53203" s="1" t="s">
        <v>179283</v>
      </c>
    </row>
    <row r="53204" spans="1:10" x14ac:dyDescent="0.35">
      <c r="A53204" s="1" t="s">
        <v>44871</v>
      </c>
      <c r="B53204" s="1" t="s">
        <v>178864</v>
      </c>
      <c r="C53204" s="1" t="s">
        <v>40</v>
      </c>
      <c r="D53204" s="1" t="s">
        <v>160359</v>
      </c>
      <c r="E53204" s="1" t="s">
        <v>70935</v>
      </c>
      <c r="F53204" s="1" t="s">
        <v>99532</v>
      </c>
      <c r="G53204" s="1" t="s">
        <v>179271</v>
      </c>
      <c r="H53204" s="1" t="s">
        <v>179272</v>
      </c>
      <c r="I53204" s="1" t="s">
        <v>178869</v>
      </c>
      <c r="J53204" s="1" t="s">
        <v>179284</v>
      </c>
    </row>
    <row r="53205" spans="1:10" x14ac:dyDescent="0.35">
      <c r="A53205" s="1" t="s">
        <v>44871</v>
      </c>
      <c r="B53205" s="1" t="s">
        <v>178864</v>
      </c>
      <c r="C53205" s="1" t="s">
        <v>45</v>
      </c>
      <c r="D53205" s="1" t="s">
        <v>38129</v>
      </c>
      <c r="E53205" s="1" t="s">
        <v>147778</v>
      </c>
      <c r="F53205" s="1" t="s">
        <v>179285</v>
      </c>
      <c r="G53205" s="1" t="s">
        <v>179271</v>
      </c>
      <c r="H53205" s="1" t="s">
        <v>179272</v>
      </c>
      <c r="I53205" s="1" t="s">
        <v>178869</v>
      </c>
      <c r="J53205" s="1" t="s">
        <v>179286</v>
      </c>
    </row>
    <row r="53206" spans="1:10" x14ac:dyDescent="0.35">
      <c r="A53206" s="1" t="s">
        <v>44871</v>
      </c>
      <c r="B53206" s="1" t="s">
        <v>178864</v>
      </c>
      <c r="C53206" s="1" t="s">
        <v>50</v>
      </c>
      <c r="D53206" s="1" t="s">
        <v>52560</v>
      </c>
      <c r="E53206" s="1" t="s">
        <v>179287</v>
      </c>
      <c r="F53206" s="1" t="s">
        <v>179288</v>
      </c>
      <c r="G53206" s="1" t="s">
        <v>179271</v>
      </c>
      <c r="H53206" s="1" t="s">
        <v>179272</v>
      </c>
      <c r="I53206" s="1" t="s">
        <v>178869</v>
      </c>
      <c r="J53206" s="1" t="s">
        <v>179289</v>
      </c>
    </row>
    <row r="53207" spans="1:10" x14ac:dyDescent="0.35">
      <c r="A53207" s="1" t="s">
        <v>44871</v>
      </c>
      <c r="B53207" s="1" t="s">
        <v>178864</v>
      </c>
      <c r="C53207" s="1" t="s">
        <v>55</v>
      </c>
      <c r="D53207" s="1" t="s">
        <v>179290</v>
      </c>
      <c r="E53207" s="1" t="s">
        <v>139754</v>
      </c>
      <c r="F53207" s="1" t="s">
        <v>179291</v>
      </c>
      <c r="G53207" s="1" t="s">
        <v>179271</v>
      </c>
      <c r="H53207" s="1" t="s">
        <v>179272</v>
      </c>
      <c r="I53207" s="1" t="s">
        <v>178869</v>
      </c>
      <c r="J53207" s="1" t="s">
        <v>179292</v>
      </c>
    </row>
    <row r="53208" spans="1:10" x14ac:dyDescent="0.35">
      <c r="A53208" s="1" t="s">
        <v>44871</v>
      </c>
      <c r="B53208" s="1" t="s">
        <v>178864</v>
      </c>
      <c r="C53208" s="1" t="s">
        <v>60</v>
      </c>
      <c r="D53208" s="1" t="s">
        <v>179293</v>
      </c>
      <c r="E53208" s="1" t="s">
        <v>16066</v>
      </c>
      <c r="F53208" s="1" t="s">
        <v>179294</v>
      </c>
      <c r="G53208" s="1" t="s">
        <v>179271</v>
      </c>
      <c r="H53208" s="1" t="s">
        <v>179272</v>
      </c>
      <c r="I53208" s="1" t="s">
        <v>178869</v>
      </c>
      <c r="J53208" s="1" t="s">
        <v>179295</v>
      </c>
    </row>
    <row r="53209" spans="1:10" x14ac:dyDescent="0.35">
      <c r="A53209" s="1" t="s">
        <v>44871</v>
      </c>
      <c r="B53209" s="1" t="s">
        <v>178864</v>
      </c>
      <c r="C53209" s="1" t="s">
        <v>65</v>
      </c>
      <c r="D53209" s="1" t="s">
        <v>61097</v>
      </c>
      <c r="E53209" s="1" t="s">
        <v>108629</v>
      </c>
      <c r="F53209" s="1" t="s">
        <v>179296</v>
      </c>
      <c r="G53209" s="1" t="s">
        <v>179271</v>
      </c>
      <c r="H53209" s="1" t="s">
        <v>179272</v>
      </c>
      <c r="I53209" s="1" t="s">
        <v>178869</v>
      </c>
      <c r="J53209" s="1" t="s">
        <v>179297</v>
      </c>
    </row>
    <row r="53210" spans="1:10" x14ac:dyDescent="0.35">
      <c r="A53210" s="1" t="s">
        <v>44871</v>
      </c>
      <c r="B53210" s="1" t="s">
        <v>178864</v>
      </c>
      <c r="C53210" s="1" t="s">
        <v>70</v>
      </c>
      <c r="D53210" s="1" t="s">
        <v>179298</v>
      </c>
      <c r="E53210" s="1" t="s">
        <v>105247</v>
      </c>
      <c r="F53210" s="1" t="s">
        <v>179299</v>
      </c>
      <c r="G53210" s="1" t="s">
        <v>179271</v>
      </c>
      <c r="H53210" s="1" t="s">
        <v>179272</v>
      </c>
      <c r="I53210" s="1" t="s">
        <v>178869</v>
      </c>
      <c r="J53210" s="1" t="s">
        <v>179300</v>
      </c>
    </row>
    <row r="53211" spans="1:10" x14ac:dyDescent="0.35">
      <c r="A53211" s="1" t="s">
        <v>44871</v>
      </c>
      <c r="B53211" s="1" t="s">
        <v>178864</v>
      </c>
      <c r="C53211" s="1" t="s">
        <v>75</v>
      </c>
      <c r="D53211" s="1" t="s">
        <v>179301</v>
      </c>
      <c r="E53211" s="1" t="s">
        <v>107551</v>
      </c>
      <c r="F53211" s="1" t="s">
        <v>179302</v>
      </c>
      <c r="G53211" s="1" t="s">
        <v>179271</v>
      </c>
      <c r="H53211" s="1" t="s">
        <v>179272</v>
      </c>
      <c r="I53211" s="1" t="s">
        <v>178869</v>
      </c>
      <c r="J53211" s="1" t="s">
        <v>179303</v>
      </c>
    </row>
    <row r="53212" spans="1:10" x14ac:dyDescent="0.35">
      <c r="A53212" s="1" t="s">
        <v>44871</v>
      </c>
      <c r="B53212" s="1" t="s">
        <v>178864</v>
      </c>
      <c r="C53212" s="1" t="s">
        <v>80</v>
      </c>
      <c r="D53212" s="1" t="s">
        <v>179304</v>
      </c>
      <c r="E53212" s="1" t="s">
        <v>94756</v>
      </c>
      <c r="F53212" s="1" t="s">
        <v>21149</v>
      </c>
      <c r="G53212" s="1" t="s">
        <v>179271</v>
      </c>
      <c r="H53212" s="1" t="s">
        <v>179272</v>
      </c>
      <c r="I53212" s="1" t="s">
        <v>178869</v>
      </c>
      <c r="J53212" s="1" t="s">
        <v>179305</v>
      </c>
    </row>
    <row r="53213" spans="1:10" x14ac:dyDescent="0.35">
      <c r="A53213" s="1" t="s">
        <v>44871</v>
      </c>
      <c r="B53213" s="1" t="s">
        <v>178864</v>
      </c>
      <c r="C53213" s="1" t="s">
        <v>85</v>
      </c>
      <c r="D53213" s="1" t="s">
        <v>179306</v>
      </c>
      <c r="E53213" s="1" t="s">
        <v>105283</v>
      </c>
      <c r="F53213" s="1" t="s">
        <v>144645</v>
      </c>
      <c r="G53213" s="1" t="s">
        <v>179271</v>
      </c>
      <c r="H53213" s="1" t="s">
        <v>179272</v>
      </c>
      <c r="I53213" s="1" t="s">
        <v>178869</v>
      </c>
      <c r="J53213" s="1" t="s">
        <v>179307</v>
      </c>
    </row>
    <row r="53214" spans="1:10" x14ac:dyDescent="0.35">
      <c r="A53214" s="1" t="s">
        <v>44871</v>
      </c>
      <c r="B53214" s="1" t="s">
        <v>178864</v>
      </c>
      <c r="C53214" s="1" t="s">
        <v>90</v>
      </c>
      <c r="D53214" s="1" t="s">
        <v>109174</v>
      </c>
      <c r="E53214" s="1" t="s">
        <v>16054</v>
      </c>
      <c r="F53214" s="1" t="s">
        <v>179308</v>
      </c>
      <c r="G53214" s="1" t="s">
        <v>179271</v>
      </c>
      <c r="H53214" s="1" t="s">
        <v>179272</v>
      </c>
      <c r="I53214" s="1" t="s">
        <v>178869</v>
      </c>
      <c r="J53214" s="1" t="s">
        <v>179309</v>
      </c>
    </row>
    <row r="53215" spans="1:10" x14ac:dyDescent="0.35">
      <c r="A53215" s="1" t="s">
        <v>44871</v>
      </c>
      <c r="B53215" s="1" t="s">
        <v>178864</v>
      </c>
      <c r="C53215" s="1" t="s">
        <v>95</v>
      </c>
      <c r="D53215" s="1" t="s">
        <v>78655</v>
      </c>
      <c r="E53215" s="1" t="s">
        <v>94738</v>
      </c>
      <c r="F53215" s="1" t="s">
        <v>179310</v>
      </c>
      <c r="G53215" s="1" t="s">
        <v>179271</v>
      </c>
      <c r="H53215" s="1" t="s">
        <v>179272</v>
      </c>
      <c r="I53215" s="1" t="s">
        <v>178869</v>
      </c>
      <c r="J53215" s="1" t="s">
        <v>179311</v>
      </c>
    </row>
    <row r="53216" spans="1:10" x14ac:dyDescent="0.35">
      <c r="A53216" s="1" t="s">
        <v>44871</v>
      </c>
      <c r="B53216" s="1" t="s">
        <v>178864</v>
      </c>
      <c r="C53216" s="1" t="s">
        <v>100</v>
      </c>
      <c r="D53216" s="1" t="s">
        <v>128040</v>
      </c>
      <c r="E53216" s="1" t="s">
        <v>90274</v>
      </c>
      <c r="F53216" s="1" t="s">
        <v>179312</v>
      </c>
      <c r="G53216" s="1" t="s">
        <v>179271</v>
      </c>
      <c r="H53216" s="1" t="s">
        <v>179272</v>
      </c>
      <c r="I53216" s="1" t="s">
        <v>178869</v>
      </c>
      <c r="J53216" s="1" t="s">
        <v>179313</v>
      </c>
    </row>
    <row r="53217" spans="1:10" x14ac:dyDescent="0.35">
      <c r="A53217" s="1" t="s">
        <v>44871</v>
      </c>
      <c r="B53217" s="1" t="s">
        <v>178864</v>
      </c>
      <c r="C53217" s="1" t="s">
        <v>105</v>
      </c>
      <c r="D53217" s="1" t="s">
        <v>128045</v>
      </c>
      <c r="E53217" s="1" t="s">
        <v>179314</v>
      </c>
      <c r="F53217" s="1" t="s">
        <v>179315</v>
      </c>
      <c r="G53217" s="1" t="s">
        <v>179271</v>
      </c>
      <c r="H53217" s="1" t="s">
        <v>179272</v>
      </c>
      <c r="I53217" s="1" t="s">
        <v>178869</v>
      </c>
      <c r="J53217" s="1" t="s">
        <v>128047</v>
      </c>
    </row>
    <row r="53218" spans="1:10" x14ac:dyDescent="0.35">
      <c r="A53218" s="1" t="s">
        <v>44871</v>
      </c>
      <c r="B53218" s="1" t="s">
        <v>178864</v>
      </c>
      <c r="C53218" s="1" t="s">
        <v>110</v>
      </c>
      <c r="D53218" s="1" t="s">
        <v>179316</v>
      </c>
      <c r="E53218" s="1" t="s">
        <v>179287</v>
      </c>
      <c r="F53218" s="1" t="s">
        <v>179317</v>
      </c>
      <c r="G53218" s="1" t="s">
        <v>179271</v>
      </c>
      <c r="H53218" s="1" t="s">
        <v>179272</v>
      </c>
      <c r="I53218" s="1" t="s">
        <v>178869</v>
      </c>
      <c r="J53218" s="1" t="s">
        <v>179318</v>
      </c>
    </row>
    <row r="53219" spans="1:10" x14ac:dyDescent="0.35">
      <c r="A53219" s="1" t="s">
        <v>44871</v>
      </c>
      <c r="B53219" s="1" t="s">
        <v>178864</v>
      </c>
      <c r="C53219" s="1" t="s">
        <v>115</v>
      </c>
      <c r="D53219" s="1" t="s">
        <v>127770</v>
      </c>
      <c r="E53219" s="1" t="s">
        <v>179314</v>
      </c>
      <c r="F53219" s="1" t="s">
        <v>179319</v>
      </c>
      <c r="G53219" s="1" t="s">
        <v>179271</v>
      </c>
      <c r="H53219" s="1" t="s">
        <v>179272</v>
      </c>
      <c r="I53219" s="1" t="s">
        <v>178869</v>
      </c>
      <c r="J53219" s="1" t="s">
        <v>179320</v>
      </c>
    </row>
    <row r="53220" spans="1:10" x14ac:dyDescent="0.35">
      <c r="A53220" s="1" t="s">
        <v>44871</v>
      </c>
      <c r="B53220" s="1" t="s">
        <v>178864</v>
      </c>
      <c r="C53220" s="1" t="s">
        <v>120</v>
      </c>
      <c r="D53220" s="1" t="s">
        <v>179321</v>
      </c>
      <c r="E53220" s="1" t="s">
        <v>131051</v>
      </c>
      <c r="F53220" s="1" t="s">
        <v>179322</v>
      </c>
      <c r="G53220" s="1" t="s">
        <v>179271</v>
      </c>
      <c r="H53220" s="1" t="s">
        <v>179272</v>
      </c>
      <c r="I53220" s="1" t="s">
        <v>178869</v>
      </c>
      <c r="J53220" s="1" t="s">
        <v>179323</v>
      </c>
    </row>
    <row r="53221" spans="1:10" x14ac:dyDescent="0.35">
      <c r="A53221" s="1" t="s">
        <v>44871</v>
      </c>
      <c r="B53221" s="1" t="s">
        <v>178864</v>
      </c>
      <c r="C53221" s="1" t="s">
        <v>125</v>
      </c>
      <c r="D53221" s="1" t="s">
        <v>109226</v>
      </c>
      <c r="E53221" s="1" t="s">
        <v>179324</v>
      </c>
      <c r="F53221" s="1" t="s">
        <v>179325</v>
      </c>
      <c r="G53221" s="1" t="s">
        <v>179271</v>
      </c>
      <c r="H53221" s="1" t="s">
        <v>179272</v>
      </c>
      <c r="I53221" s="1" t="s">
        <v>178869</v>
      </c>
      <c r="J53221" s="1" t="s">
        <v>179326</v>
      </c>
    </row>
    <row r="53222" spans="1:10" x14ac:dyDescent="0.35">
      <c r="A53222" s="1" t="s">
        <v>44871</v>
      </c>
      <c r="B53222" s="1" t="s">
        <v>178864</v>
      </c>
      <c r="C53222" s="1" t="s">
        <v>130</v>
      </c>
      <c r="D53222" s="1" t="s">
        <v>113866</v>
      </c>
      <c r="E53222" s="1" t="s">
        <v>128006</v>
      </c>
      <c r="F53222" s="1" t="s">
        <v>179327</v>
      </c>
      <c r="G53222" s="1" t="s">
        <v>179271</v>
      </c>
      <c r="H53222" s="1" t="s">
        <v>179272</v>
      </c>
      <c r="I53222" s="1" t="s">
        <v>178869</v>
      </c>
      <c r="J53222" s="1" t="s">
        <v>179328</v>
      </c>
    </row>
    <row r="53223" spans="1:10" x14ac:dyDescent="0.35">
      <c r="A53223" s="1" t="s">
        <v>44871</v>
      </c>
      <c r="B53223" s="1" t="s">
        <v>178864</v>
      </c>
      <c r="C53223" s="1" t="s">
        <v>135</v>
      </c>
      <c r="D53223" s="1" t="s">
        <v>55629</v>
      </c>
      <c r="E53223" s="1" t="s">
        <v>147771</v>
      </c>
      <c r="F53223" s="1" t="s">
        <v>179329</v>
      </c>
      <c r="G53223" s="1" t="s">
        <v>179271</v>
      </c>
      <c r="H53223" s="1" t="s">
        <v>179272</v>
      </c>
      <c r="I53223" s="1" t="s">
        <v>178869</v>
      </c>
      <c r="J53223" s="1" t="s">
        <v>179330</v>
      </c>
    </row>
    <row r="53224" spans="1:10" x14ac:dyDescent="0.35">
      <c r="A53224" s="1" t="s">
        <v>44871</v>
      </c>
      <c r="B53224" s="1" t="s">
        <v>178864</v>
      </c>
      <c r="C53224" s="1" t="s">
        <v>140</v>
      </c>
      <c r="D53224" s="1" t="s">
        <v>49343</v>
      </c>
      <c r="E53224" s="1" t="s">
        <v>149028</v>
      </c>
      <c r="F53224" s="1" t="s">
        <v>179331</v>
      </c>
      <c r="G53224" s="1" t="s">
        <v>179271</v>
      </c>
      <c r="H53224" s="1" t="s">
        <v>179272</v>
      </c>
      <c r="I53224" s="1" t="s">
        <v>178869</v>
      </c>
      <c r="J53224" s="1" t="s">
        <v>179332</v>
      </c>
    </row>
    <row r="53225" spans="1:10" x14ac:dyDescent="0.35">
      <c r="A53225" s="1" t="s">
        <v>44871</v>
      </c>
      <c r="B53225" s="1" t="s">
        <v>178864</v>
      </c>
      <c r="C53225" s="1" t="s">
        <v>145</v>
      </c>
      <c r="D53225" s="1" t="s">
        <v>9524</v>
      </c>
      <c r="E53225" s="1" t="s">
        <v>106006</v>
      </c>
      <c r="F53225" s="1" t="s">
        <v>179333</v>
      </c>
      <c r="G53225" s="1" t="s">
        <v>179271</v>
      </c>
      <c r="H53225" s="1" t="s">
        <v>179272</v>
      </c>
      <c r="I53225" s="1" t="s">
        <v>178869</v>
      </c>
      <c r="J53225" s="1" t="s">
        <v>179334</v>
      </c>
    </row>
    <row r="53226" spans="1:10" x14ac:dyDescent="0.35">
      <c r="A53226" s="1" t="s">
        <v>44871</v>
      </c>
      <c r="B53226" s="1" t="s">
        <v>178864</v>
      </c>
      <c r="C53226" s="1" t="s">
        <v>150</v>
      </c>
      <c r="D53226" s="1" t="s">
        <v>179335</v>
      </c>
      <c r="E53226" s="1" t="s">
        <v>16024</v>
      </c>
      <c r="F53226" s="1" t="s">
        <v>179336</v>
      </c>
      <c r="G53226" s="1" t="s">
        <v>179271</v>
      </c>
      <c r="H53226" s="1" t="s">
        <v>179272</v>
      </c>
      <c r="I53226" s="1" t="s">
        <v>178869</v>
      </c>
      <c r="J53226" s="1" t="s">
        <v>179337</v>
      </c>
    </row>
    <row r="53227" spans="1:10" x14ac:dyDescent="0.35">
      <c r="A53227" s="1" t="s">
        <v>44871</v>
      </c>
      <c r="B53227" s="1" t="s">
        <v>178864</v>
      </c>
      <c r="C53227" s="1" t="s">
        <v>155</v>
      </c>
      <c r="D53227" s="1" t="s">
        <v>179338</v>
      </c>
      <c r="E53227" s="1" t="s">
        <v>107551</v>
      </c>
      <c r="F53227" s="1" t="s">
        <v>99585</v>
      </c>
      <c r="G53227" s="1" t="s">
        <v>179271</v>
      </c>
      <c r="H53227" s="1" t="s">
        <v>179272</v>
      </c>
      <c r="I53227" s="1" t="s">
        <v>178869</v>
      </c>
      <c r="J53227" s="1" t="s">
        <v>179339</v>
      </c>
    </row>
    <row r="53228" spans="1:10" x14ac:dyDescent="0.35">
      <c r="A53228" s="1" t="s">
        <v>44871</v>
      </c>
      <c r="B53228" s="1" t="s">
        <v>178864</v>
      </c>
      <c r="C53228" s="1" t="s">
        <v>160</v>
      </c>
      <c r="D53228" s="1" t="s">
        <v>179340</v>
      </c>
      <c r="E53228" s="1" t="s">
        <v>111003</v>
      </c>
      <c r="F53228" s="1" t="s">
        <v>179341</v>
      </c>
      <c r="G53228" s="1" t="s">
        <v>179271</v>
      </c>
      <c r="H53228" s="1" t="s">
        <v>179272</v>
      </c>
      <c r="I53228" s="1" t="s">
        <v>178869</v>
      </c>
      <c r="J53228" s="1" t="s">
        <v>179342</v>
      </c>
    </row>
    <row r="53229" spans="1:10" x14ac:dyDescent="0.35">
      <c r="A53229" s="1" t="s">
        <v>44871</v>
      </c>
      <c r="B53229" s="1" t="s">
        <v>178864</v>
      </c>
      <c r="C53229" s="1" t="s">
        <v>165</v>
      </c>
      <c r="D53229" s="1" t="s">
        <v>179343</v>
      </c>
      <c r="E53229" s="1" t="s">
        <v>128012</v>
      </c>
      <c r="F53229" s="1" t="s">
        <v>179344</v>
      </c>
      <c r="G53229" s="1" t="s">
        <v>179271</v>
      </c>
      <c r="H53229" s="1" t="s">
        <v>179272</v>
      </c>
      <c r="I53229" s="1" t="s">
        <v>178869</v>
      </c>
      <c r="J53229" s="1" t="s">
        <v>179345</v>
      </c>
    </row>
    <row r="53230" spans="1:10" x14ac:dyDescent="0.35">
      <c r="A53230" s="1" t="s">
        <v>44871</v>
      </c>
      <c r="B53230" s="1" t="s">
        <v>178864</v>
      </c>
      <c r="C53230" s="1" t="s">
        <v>170</v>
      </c>
      <c r="D53230" s="1" t="s">
        <v>54390</v>
      </c>
      <c r="E53230" s="1" t="s">
        <v>179346</v>
      </c>
      <c r="F53230" s="1" t="s">
        <v>179347</v>
      </c>
      <c r="G53230" s="1" t="s">
        <v>179271</v>
      </c>
      <c r="H53230" s="1" t="s">
        <v>179272</v>
      </c>
      <c r="I53230" s="1" t="s">
        <v>178869</v>
      </c>
      <c r="J53230" s="1" t="s">
        <v>179348</v>
      </c>
    </row>
    <row r="53231" spans="1:10" x14ac:dyDescent="0.35">
      <c r="A53231" s="1" t="s">
        <v>112315</v>
      </c>
      <c r="B53231" s="1" t="s">
        <v>178864</v>
      </c>
      <c r="C53231" s="1" t="s">
        <v>8</v>
      </c>
      <c r="D53231" s="1" t="s">
        <v>18255</v>
      </c>
      <c r="E53231" s="1" t="s">
        <v>179349</v>
      </c>
      <c r="F53231" s="1" t="s">
        <v>179350</v>
      </c>
      <c r="G53231" s="1" t="s">
        <v>179351</v>
      </c>
      <c r="H53231" s="1" t="s">
        <v>179352</v>
      </c>
      <c r="I53231" s="1" t="s">
        <v>178869</v>
      </c>
      <c r="J53231" s="1" t="s">
        <v>13</v>
      </c>
    </row>
    <row r="53232" spans="1:10" x14ac:dyDescent="0.35">
      <c r="A53232" s="1" t="s">
        <v>112315</v>
      </c>
      <c r="B53232" s="1" t="s">
        <v>178864</v>
      </c>
      <c r="C53232" s="1" t="s">
        <v>15</v>
      </c>
      <c r="D53232" s="1" t="s">
        <v>13275</v>
      </c>
      <c r="E53232" s="1" t="s">
        <v>179353</v>
      </c>
      <c r="F53232" s="1" t="s">
        <v>179354</v>
      </c>
      <c r="G53232" s="1" t="s">
        <v>179351</v>
      </c>
      <c r="H53232" s="1" t="s">
        <v>179352</v>
      </c>
      <c r="I53232" s="1" t="s">
        <v>178869</v>
      </c>
      <c r="J53232" s="1" t="s">
        <v>179355</v>
      </c>
    </row>
    <row r="53233" spans="1:10" x14ac:dyDescent="0.35">
      <c r="A53233" s="1" t="s">
        <v>112315</v>
      </c>
      <c r="B53233" s="1" t="s">
        <v>178864</v>
      </c>
      <c r="C53233" s="1" t="s">
        <v>20</v>
      </c>
      <c r="D53233" s="1" t="s">
        <v>171747</v>
      </c>
      <c r="E53233" s="1" t="s">
        <v>179356</v>
      </c>
      <c r="F53233" s="1" t="s">
        <v>179357</v>
      </c>
      <c r="G53233" s="1" t="s">
        <v>179351</v>
      </c>
      <c r="H53233" s="1" t="s">
        <v>179352</v>
      </c>
      <c r="I53233" s="1" t="s">
        <v>178869</v>
      </c>
      <c r="J53233" s="1" t="s">
        <v>179358</v>
      </c>
    </row>
    <row r="53234" spans="1:10" x14ac:dyDescent="0.35">
      <c r="A53234" s="1" t="s">
        <v>112315</v>
      </c>
      <c r="B53234" s="1" t="s">
        <v>178864</v>
      </c>
      <c r="C53234" s="1" t="s">
        <v>25</v>
      </c>
      <c r="D53234" s="1" t="s">
        <v>179359</v>
      </c>
      <c r="E53234" s="1" t="s">
        <v>179360</v>
      </c>
      <c r="F53234" s="1" t="s">
        <v>179361</v>
      </c>
      <c r="G53234" s="1" t="s">
        <v>179351</v>
      </c>
      <c r="H53234" s="1" t="s">
        <v>179352</v>
      </c>
      <c r="I53234" s="1" t="s">
        <v>178869</v>
      </c>
      <c r="J53234" s="1" t="s">
        <v>179362</v>
      </c>
    </row>
    <row r="53235" spans="1:10" x14ac:dyDescent="0.35">
      <c r="A53235" s="1" t="s">
        <v>112315</v>
      </c>
      <c r="B53235" s="1" t="s">
        <v>178864</v>
      </c>
      <c r="C53235" s="1" t="s">
        <v>30</v>
      </c>
      <c r="D53235" s="1" t="s">
        <v>179363</v>
      </c>
      <c r="E53235" s="1" t="s">
        <v>179364</v>
      </c>
      <c r="F53235" s="1" t="s">
        <v>179365</v>
      </c>
      <c r="G53235" s="1" t="s">
        <v>179351</v>
      </c>
      <c r="H53235" s="1" t="s">
        <v>179352</v>
      </c>
      <c r="I53235" s="1" t="s">
        <v>178869</v>
      </c>
      <c r="J53235" s="1" t="s">
        <v>179366</v>
      </c>
    </row>
    <row r="53236" spans="1:10" x14ac:dyDescent="0.35">
      <c r="A53236" s="1" t="s">
        <v>112315</v>
      </c>
      <c r="B53236" s="1" t="s">
        <v>178864</v>
      </c>
      <c r="C53236" s="1" t="s">
        <v>35</v>
      </c>
      <c r="D53236" s="1" t="s">
        <v>31062</v>
      </c>
      <c r="E53236" s="1" t="s">
        <v>179367</v>
      </c>
      <c r="F53236" s="1" t="s">
        <v>179368</v>
      </c>
      <c r="G53236" s="1" t="s">
        <v>179351</v>
      </c>
      <c r="H53236" s="1" t="s">
        <v>179352</v>
      </c>
      <c r="I53236" s="1" t="s">
        <v>178869</v>
      </c>
      <c r="J53236" s="1" t="s">
        <v>179369</v>
      </c>
    </row>
    <row r="53237" spans="1:10" x14ac:dyDescent="0.35">
      <c r="A53237" s="1" t="s">
        <v>112315</v>
      </c>
      <c r="B53237" s="1" t="s">
        <v>178864</v>
      </c>
      <c r="C53237" s="1" t="s">
        <v>40</v>
      </c>
      <c r="D53237" s="1" t="s">
        <v>168719</v>
      </c>
      <c r="E53237" s="1" t="s">
        <v>179370</v>
      </c>
      <c r="F53237" s="1" t="s">
        <v>179371</v>
      </c>
      <c r="G53237" s="1" t="s">
        <v>179351</v>
      </c>
      <c r="H53237" s="1" t="s">
        <v>179352</v>
      </c>
      <c r="I53237" s="1" t="s">
        <v>178869</v>
      </c>
      <c r="J53237" s="1" t="s">
        <v>179372</v>
      </c>
    </row>
    <row r="53238" spans="1:10" x14ac:dyDescent="0.35">
      <c r="A53238" s="1" t="s">
        <v>112315</v>
      </c>
      <c r="B53238" s="1" t="s">
        <v>178864</v>
      </c>
      <c r="C53238" s="1" t="s">
        <v>45</v>
      </c>
      <c r="D53238" s="1" t="s">
        <v>179373</v>
      </c>
      <c r="E53238" s="1" t="s">
        <v>179374</v>
      </c>
      <c r="F53238" s="1" t="s">
        <v>179375</v>
      </c>
      <c r="G53238" s="1" t="s">
        <v>179351</v>
      </c>
      <c r="H53238" s="1" t="s">
        <v>179352</v>
      </c>
      <c r="I53238" s="1" t="s">
        <v>178869</v>
      </c>
      <c r="J53238" s="1" t="s">
        <v>179376</v>
      </c>
    </row>
    <row r="53239" spans="1:10" x14ac:dyDescent="0.35">
      <c r="A53239" s="1" t="s">
        <v>112315</v>
      </c>
      <c r="B53239" s="1" t="s">
        <v>178864</v>
      </c>
      <c r="C53239" s="1" t="s">
        <v>50</v>
      </c>
      <c r="D53239" s="1" t="s">
        <v>179377</v>
      </c>
      <c r="E53239" s="1" t="s">
        <v>179378</v>
      </c>
      <c r="F53239" s="1" t="s">
        <v>179379</v>
      </c>
      <c r="G53239" s="1" t="s">
        <v>179351</v>
      </c>
      <c r="H53239" s="1" t="s">
        <v>179352</v>
      </c>
      <c r="I53239" s="1" t="s">
        <v>178869</v>
      </c>
      <c r="J53239" s="1" t="s">
        <v>179380</v>
      </c>
    </row>
    <row r="53240" spans="1:10" x14ac:dyDescent="0.35">
      <c r="A53240" s="1" t="s">
        <v>112315</v>
      </c>
      <c r="B53240" s="1" t="s">
        <v>178864</v>
      </c>
      <c r="C53240" s="1" t="s">
        <v>55</v>
      </c>
      <c r="D53240" s="1" t="s">
        <v>179381</v>
      </c>
      <c r="E53240" s="1" t="s">
        <v>179382</v>
      </c>
      <c r="F53240" s="1" t="s">
        <v>179383</v>
      </c>
      <c r="G53240" s="1" t="s">
        <v>179351</v>
      </c>
      <c r="H53240" s="1" t="s">
        <v>179352</v>
      </c>
      <c r="I53240" s="1" t="s">
        <v>178869</v>
      </c>
      <c r="J53240" s="1" t="s">
        <v>179384</v>
      </c>
    </row>
    <row r="53241" spans="1:10" x14ac:dyDescent="0.35">
      <c r="A53241" s="1" t="s">
        <v>112315</v>
      </c>
      <c r="B53241" s="1" t="s">
        <v>178864</v>
      </c>
      <c r="C53241" s="1" t="s">
        <v>60</v>
      </c>
      <c r="D53241" s="1" t="s">
        <v>179385</v>
      </c>
      <c r="E53241" s="1" t="s">
        <v>179386</v>
      </c>
      <c r="F53241" s="1" t="s">
        <v>179387</v>
      </c>
      <c r="G53241" s="1" t="s">
        <v>179351</v>
      </c>
      <c r="H53241" s="1" t="s">
        <v>179352</v>
      </c>
      <c r="I53241" s="1" t="s">
        <v>178869</v>
      </c>
      <c r="J53241" s="1" t="s">
        <v>179388</v>
      </c>
    </row>
    <row r="53242" spans="1:10" x14ac:dyDescent="0.35">
      <c r="A53242" s="1" t="s">
        <v>112315</v>
      </c>
      <c r="B53242" s="1" t="s">
        <v>178864</v>
      </c>
      <c r="C53242" s="1" t="s">
        <v>65</v>
      </c>
      <c r="D53242" s="1" t="s">
        <v>179389</v>
      </c>
      <c r="E53242" s="1" t="s">
        <v>179390</v>
      </c>
      <c r="F53242" s="1" t="s">
        <v>179391</v>
      </c>
      <c r="G53242" s="1" t="s">
        <v>179351</v>
      </c>
      <c r="H53242" s="1" t="s">
        <v>179352</v>
      </c>
      <c r="I53242" s="1" t="s">
        <v>178869</v>
      </c>
      <c r="J53242" s="1" t="s">
        <v>179392</v>
      </c>
    </row>
    <row r="53243" spans="1:10" x14ac:dyDescent="0.35">
      <c r="A53243" s="1" t="s">
        <v>112315</v>
      </c>
      <c r="B53243" s="1" t="s">
        <v>178864</v>
      </c>
      <c r="C53243" s="1" t="s">
        <v>70</v>
      </c>
      <c r="D53243" s="1" t="s">
        <v>179393</v>
      </c>
      <c r="E53243" s="1" t="s">
        <v>179394</v>
      </c>
      <c r="F53243" s="1" t="s">
        <v>179395</v>
      </c>
      <c r="G53243" s="1" t="s">
        <v>179351</v>
      </c>
      <c r="H53243" s="1" t="s">
        <v>179352</v>
      </c>
      <c r="I53243" s="1" t="s">
        <v>178869</v>
      </c>
      <c r="J53243" s="1" t="s">
        <v>179396</v>
      </c>
    </row>
    <row r="53244" spans="1:10" x14ac:dyDescent="0.35">
      <c r="A53244" s="1" t="s">
        <v>112315</v>
      </c>
      <c r="B53244" s="1" t="s">
        <v>178864</v>
      </c>
      <c r="C53244" s="1" t="s">
        <v>75</v>
      </c>
      <c r="D53244" s="1" t="s">
        <v>179397</v>
      </c>
      <c r="E53244" s="1" t="s">
        <v>179398</v>
      </c>
      <c r="F53244" s="1" t="s">
        <v>179399</v>
      </c>
      <c r="G53244" s="1" t="s">
        <v>179351</v>
      </c>
      <c r="H53244" s="1" t="s">
        <v>179352</v>
      </c>
      <c r="I53244" s="1" t="s">
        <v>178869</v>
      </c>
      <c r="J53244" s="1" t="s">
        <v>179400</v>
      </c>
    </row>
    <row r="53245" spans="1:10" x14ac:dyDescent="0.35">
      <c r="A53245" s="1" t="s">
        <v>112315</v>
      </c>
      <c r="B53245" s="1" t="s">
        <v>178864</v>
      </c>
      <c r="C53245" s="1" t="s">
        <v>80</v>
      </c>
      <c r="D53245" s="1" t="s">
        <v>12536</v>
      </c>
      <c r="E53245" s="1" t="s">
        <v>179401</v>
      </c>
      <c r="F53245" s="1" t="s">
        <v>179402</v>
      </c>
      <c r="G53245" s="1" t="s">
        <v>179351</v>
      </c>
      <c r="H53245" s="1" t="s">
        <v>179352</v>
      </c>
      <c r="I53245" s="1" t="s">
        <v>178869</v>
      </c>
      <c r="J53245" s="1" t="s">
        <v>179403</v>
      </c>
    </row>
    <row r="53246" spans="1:10" x14ac:dyDescent="0.35">
      <c r="A53246" s="1" t="s">
        <v>112315</v>
      </c>
      <c r="B53246" s="1" t="s">
        <v>178864</v>
      </c>
      <c r="C53246" s="1" t="s">
        <v>85</v>
      </c>
      <c r="D53246" s="1" t="s">
        <v>179404</v>
      </c>
      <c r="E53246" s="1" t="s">
        <v>179405</v>
      </c>
      <c r="F53246" s="1" t="s">
        <v>179406</v>
      </c>
      <c r="G53246" s="1" t="s">
        <v>179351</v>
      </c>
      <c r="H53246" s="1" t="s">
        <v>179352</v>
      </c>
      <c r="I53246" s="1" t="s">
        <v>178869</v>
      </c>
      <c r="J53246" s="1" t="s">
        <v>179407</v>
      </c>
    </row>
    <row r="53247" spans="1:10" x14ac:dyDescent="0.35">
      <c r="A53247" s="1" t="s">
        <v>112315</v>
      </c>
      <c r="B53247" s="1" t="s">
        <v>178864</v>
      </c>
      <c r="C53247" s="1" t="s">
        <v>90</v>
      </c>
      <c r="D53247" s="1" t="s">
        <v>100894</v>
      </c>
      <c r="E53247" s="1" t="s">
        <v>179408</v>
      </c>
      <c r="F53247" s="1" t="s">
        <v>179409</v>
      </c>
      <c r="G53247" s="1" t="s">
        <v>179351</v>
      </c>
      <c r="H53247" s="1" t="s">
        <v>179352</v>
      </c>
      <c r="I53247" s="1" t="s">
        <v>178869</v>
      </c>
      <c r="J53247" s="1" t="s">
        <v>179410</v>
      </c>
    </row>
    <row r="53248" spans="1:10" x14ac:dyDescent="0.35">
      <c r="A53248" s="1" t="s">
        <v>112315</v>
      </c>
      <c r="B53248" s="1" t="s">
        <v>178864</v>
      </c>
      <c r="C53248" s="1" t="s">
        <v>95</v>
      </c>
      <c r="D53248" s="1" t="s">
        <v>17741</v>
      </c>
      <c r="E53248" s="1" t="s">
        <v>179411</v>
      </c>
      <c r="F53248" s="1" t="s">
        <v>179412</v>
      </c>
      <c r="G53248" s="1" t="s">
        <v>179351</v>
      </c>
      <c r="H53248" s="1" t="s">
        <v>179352</v>
      </c>
      <c r="I53248" s="1" t="s">
        <v>178869</v>
      </c>
      <c r="J53248" s="1" t="s">
        <v>179413</v>
      </c>
    </row>
    <row r="53249" spans="1:10" x14ac:dyDescent="0.35">
      <c r="A53249" s="1" t="s">
        <v>112315</v>
      </c>
      <c r="B53249" s="1" t="s">
        <v>178864</v>
      </c>
      <c r="C53249" s="1" t="s">
        <v>100</v>
      </c>
      <c r="D53249" s="1" t="s">
        <v>114375</v>
      </c>
      <c r="E53249" s="1" t="s">
        <v>179414</v>
      </c>
      <c r="F53249" s="1" t="s">
        <v>179415</v>
      </c>
      <c r="G53249" s="1" t="s">
        <v>179351</v>
      </c>
      <c r="H53249" s="1" t="s">
        <v>179352</v>
      </c>
      <c r="I53249" s="1" t="s">
        <v>178869</v>
      </c>
      <c r="J53249" s="1" t="s">
        <v>179416</v>
      </c>
    </row>
    <row r="53250" spans="1:10" x14ac:dyDescent="0.35">
      <c r="A53250" s="1" t="s">
        <v>112315</v>
      </c>
      <c r="B53250" s="1" t="s">
        <v>178864</v>
      </c>
      <c r="C53250" s="1" t="s">
        <v>105</v>
      </c>
      <c r="D53250" s="1" t="s">
        <v>102173</v>
      </c>
      <c r="E53250" s="1" t="s">
        <v>179417</v>
      </c>
      <c r="F53250" s="1" t="s">
        <v>179418</v>
      </c>
      <c r="G53250" s="1" t="s">
        <v>179351</v>
      </c>
      <c r="H53250" s="1" t="s">
        <v>179352</v>
      </c>
      <c r="I53250" s="1" t="s">
        <v>178869</v>
      </c>
      <c r="J53250" s="1" t="s">
        <v>179419</v>
      </c>
    </row>
    <row r="53251" spans="1:10" x14ac:dyDescent="0.35">
      <c r="A53251" s="1" t="s">
        <v>112315</v>
      </c>
      <c r="B53251" s="1" t="s">
        <v>178864</v>
      </c>
      <c r="C53251" s="1" t="s">
        <v>110</v>
      </c>
      <c r="D53251" s="1" t="s">
        <v>106892</v>
      </c>
      <c r="E53251" s="1" t="s">
        <v>179420</v>
      </c>
      <c r="F53251" s="1" t="s">
        <v>179421</v>
      </c>
      <c r="G53251" s="1" t="s">
        <v>179351</v>
      </c>
      <c r="H53251" s="1" t="s">
        <v>179352</v>
      </c>
      <c r="I53251" s="1" t="s">
        <v>178869</v>
      </c>
      <c r="J53251" s="1" t="s">
        <v>179422</v>
      </c>
    </row>
    <row r="53252" spans="1:10" x14ac:dyDescent="0.35">
      <c r="A53252" s="1" t="s">
        <v>112315</v>
      </c>
      <c r="B53252" s="1" t="s">
        <v>178864</v>
      </c>
      <c r="C53252" s="1" t="s">
        <v>115</v>
      </c>
      <c r="D53252" s="1" t="s">
        <v>179423</v>
      </c>
      <c r="E53252" s="1" t="s">
        <v>179424</v>
      </c>
      <c r="F53252" s="1" t="s">
        <v>179425</v>
      </c>
      <c r="G53252" s="1" t="s">
        <v>179351</v>
      </c>
      <c r="H53252" s="1" t="s">
        <v>179352</v>
      </c>
      <c r="I53252" s="1" t="s">
        <v>178869</v>
      </c>
      <c r="J53252" s="1" t="s">
        <v>179426</v>
      </c>
    </row>
    <row r="53253" spans="1:10" x14ac:dyDescent="0.35">
      <c r="A53253" s="1" t="s">
        <v>112315</v>
      </c>
      <c r="B53253" s="1" t="s">
        <v>178864</v>
      </c>
      <c r="C53253" s="1" t="s">
        <v>120</v>
      </c>
      <c r="D53253" s="1" t="s">
        <v>114120</v>
      </c>
      <c r="E53253" s="1" t="s">
        <v>179427</v>
      </c>
      <c r="F53253" s="1" t="s">
        <v>179428</v>
      </c>
      <c r="G53253" s="1" t="s">
        <v>179351</v>
      </c>
      <c r="H53253" s="1" t="s">
        <v>179352</v>
      </c>
      <c r="I53253" s="1" t="s">
        <v>178869</v>
      </c>
      <c r="J53253" s="1" t="s">
        <v>179429</v>
      </c>
    </row>
    <row r="53254" spans="1:10" x14ac:dyDescent="0.35">
      <c r="A53254" s="1" t="s">
        <v>112315</v>
      </c>
      <c r="B53254" s="1" t="s">
        <v>178864</v>
      </c>
      <c r="C53254" s="1" t="s">
        <v>125</v>
      </c>
      <c r="D53254" s="1" t="s">
        <v>80735</v>
      </c>
      <c r="E53254" s="1" t="s">
        <v>179430</v>
      </c>
      <c r="F53254" s="1" t="s">
        <v>179431</v>
      </c>
      <c r="G53254" s="1" t="s">
        <v>179351</v>
      </c>
      <c r="H53254" s="1" t="s">
        <v>179352</v>
      </c>
      <c r="I53254" s="1" t="s">
        <v>178869</v>
      </c>
      <c r="J53254" s="1" t="s">
        <v>179432</v>
      </c>
    </row>
    <row r="53255" spans="1:10" x14ac:dyDescent="0.35">
      <c r="A53255" s="1" t="s">
        <v>112315</v>
      </c>
      <c r="B53255" s="1" t="s">
        <v>178864</v>
      </c>
      <c r="C53255" s="1" t="s">
        <v>130</v>
      </c>
      <c r="D53255" s="1" t="s">
        <v>179433</v>
      </c>
      <c r="E53255" s="1" t="s">
        <v>179434</v>
      </c>
      <c r="F53255" s="1" t="s">
        <v>179435</v>
      </c>
      <c r="G53255" s="1" t="s">
        <v>179351</v>
      </c>
      <c r="H53255" s="1" t="s">
        <v>179352</v>
      </c>
      <c r="I53255" s="1" t="s">
        <v>178869</v>
      </c>
      <c r="J53255" s="1" t="s">
        <v>179436</v>
      </c>
    </row>
    <row r="53256" spans="1:10" x14ac:dyDescent="0.35">
      <c r="A53256" s="1" t="s">
        <v>112315</v>
      </c>
      <c r="B53256" s="1" t="s">
        <v>178864</v>
      </c>
      <c r="C53256" s="1" t="s">
        <v>135</v>
      </c>
      <c r="D53256" s="1" t="s">
        <v>179437</v>
      </c>
      <c r="E53256" s="1" t="s">
        <v>179438</v>
      </c>
      <c r="F53256" s="1" t="s">
        <v>179439</v>
      </c>
      <c r="G53256" s="1" t="s">
        <v>179351</v>
      </c>
      <c r="H53256" s="1" t="s">
        <v>179352</v>
      </c>
      <c r="I53256" s="1" t="s">
        <v>178869</v>
      </c>
      <c r="J53256" s="1" t="s">
        <v>179440</v>
      </c>
    </row>
    <row r="53257" spans="1:10" x14ac:dyDescent="0.35">
      <c r="A53257" s="1" t="s">
        <v>112315</v>
      </c>
      <c r="B53257" s="1" t="s">
        <v>178864</v>
      </c>
      <c r="C53257" s="1" t="s">
        <v>140</v>
      </c>
      <c r="D53257" s="1" t="s">
        <v>179441</v>
      </c>
      <c r="E53257" s="1" t="s">
        <v>179442</v>
      </c>
      <c r="F53257" s="1" t="s">
        <v>179443</v>
      </c>
      <c r="G53257" s="1" t="s">
        <v>179351</v>
      </c>
      <c r="H53257" s="1" t="s">
        <v>179352</v>
      </c>
      <c r="I53257" s="1" t="s">
        <v>178869</v>
      </c>
      <c r="J53257" s="1" t="s">
        <v>179444</v>
      </c>
    </row>
    <row r="53258" spans="1:10" x14ac:dyDescent="0.35">
      <c r="A53258" s="1" t="s">
        <v>112315</v>
      </c>
      <c r="B53258" s="1" t="s">
        <v>178864</v>
      </c>
      <c r="C53258" s="1" t="s">
        <v>145</v>
      </c>
      <c r="D53258" s="1" t="s">
        <v>179445</v>
      </c>
      <c r="E53258" s="1" t="s">
        <v>179446</v>
      </c>
      <c r="F53258" s="1" t="s">
        <v>179447</v>
      </c>
      <c r="G53258" s="1" t="s">
        <v>179351</v>
      </c>
      <c r="H53258" s="1" t="s">
        <v>179352</v>
      </c>
      <c r="I53258" s="1" t="s">
        <v>178869</v>
      </c>
      <c r="J53258" s="1" t="s">
        <v>179448</v>
      </c>
    </row>
    <row r="53259" spans="1:10" x14ac:dyDescent="0.35">
      <c r="A53259" s="1" t="s">
        <v>112315</v>
      </c>
      <c r="B53259" s="1" t="s">
        <v>178864</v>
      </c>
      <c r="C53259" s="1" t="s">
        <v>150</v>
      </c>
      <c r="D53259" s="1" t="s">
        <v>68725</v>
      </c>
      <c r="E53259" s="1" t="s">
        <v>179449</v>
      </c>
      <c r="F53259" s="1" t="s">
        <v>179450</v>
      </c>
      <c r="G53259" s="1" t="s">
        <v>179351</v>
      </c>
      <c r="H53259" s="1" t="s">
        <v>179352</v>
      </c>
      <c r="I53259" s="1" t="s">
        <v>178869</v>
      </c>
      <c r="J53259" s="1" t="s">
        <v>179451</v>
      </c>
    </row>
    <row r="53260" spans="1:10" x14ac:dyDescent="0.35">
      <c r="A53260" s="1" t="s">
        <v>112315</v>
      </c>
      <c r="B53260" s="1" t="s">
        <v>178864</v>
      </c>
      <c r="C53260" s="1" t="s">
        <v>155</v>
      </c>
      <c r="D53260" s="1" t="s">
        <v>129056</v>
      </c>
      <c r="E53260" s="1" t="s">
        <v>179452</v>
      </c>
      <c r="F53260" s="1" t="s">
        <v>179453</v>
      </c>
      <c r="G53260" s="1" t="s">
        <v>179351</v>
      </c>
      <c r="H53260" s="1" t="s">
        <v>179352</v>
      </c>
      <c r="I53260" s="1" t="s">
        <v>178869</v>
      </c>
      <c r="J53260" s="1" t="s">
        <v>179454</v>
      </c>
    </row>
    <row r="53261" spans="1:10" x14ac:dyDescent="0.35">
      <c r="A53261" s="1" t="s">
        <v>112315</v>
      </c>
      <c r="B53261" s="1" t="s">
        <v>178864</v>
      </c>
      <c r="C53261" s="1" t="s">
        <v>160</v>
      </c>
      <c r="D53261" s="1" t="s">
        <v>179455</v>
      </c>
      <c r="E53261" s="1" t="s">
        <v>179456</v>
      </c>
      <c r="F53261" s="1" t="s">
        <v>179457</v>
      </c>
      <c r="G53261" s="1" t="s">
        <v>179351</v>
      </c>
      <c r="H53261" s="1" t="s">
        <v>179352</v>
      </c>
      <c r="I53261" s="1" t="s">
        <v>178869</v>
      </c>
      <c r="J53261" s="1" t="s">
        <v>179458</v>
      </c>
    </row>
    <row r="53262" spans="1:10" x14ac:dyDescent="0.35">
      <c r="A53262" s="1" t="s">
        <v>112315</v>
      </c>
      <c r="B53262" s="1" t="s">
        <v>178864</v>
      </c>
      <c r="C53262" s="1" t="s">
        <v>165</v>
      </c>
      <c r="D53262" s="1" t="s">
        <v>179459</v>
      </c>
      <c r="E53262" s="1" t="s">
        <v>179460</v>
      </c>
      <c r="F53262" s="1" t="s">
        <v>179461</v>
      </c>
      <c r="G53262" s="1" t="s">
        <v>179351</v>
      </c>
      <c r="H53262" s="1" t="s">
        <v>179352</v>
      </c>
      <c r="I53262" s="1" t="s">
        <v>178869</v>
      </c>
      <c r="J53262" s="1" t="s">
        <v>179462</v>
      </c>
    </row>
    <row r="53263" spans="1:10" x14ac:dyDescent="0.35">
      <c r="A53263" s="1" t="s">
        <v>112315</v>
      </c>
      <c r="B53263" s="1" t="s">
        <v>178864</v>
      </c>
      <c r="C53263" s="1" t="s">
        <v>170</v>
      </c>
      <c r="D53263" s="1" t="s">
        <v>68760</v>
      </c>
      <c r="E53263" s="1" t="s">
        <v>179463</v>
      </c>
      <c r="F53263" s="1" t="s">
        <v>179464</v>
      </c>
      <c r="G53263" s="1" t="s">
        <v>179351</v>
      </c>
      <c r="H53263" s="1" t="s">
        <v>179352</v>
      </c>
      <c r="I53263" s="1" t="s">
        <v>178869</v>
      </c>
      <c r="J53263" s="1" t="s">
        <v>179465</v>
      </c>
    </row>
    <row r="53264" spans="1:10" x14ac:dyDescent="0.35">
      <c r="A53264" s="1" t="s">
        <v>11746</v>
      </c>
      <c r="B53264" s="1" t="s">
        <v>178864</v>
      </c>
      <c r="C53264" s="1" t="s">
        <v>8</v>
      </c>
      <c r="D53264" s="1" t="s">
        <v>179466</v>
      </c>
      <c r="E53264" s="1" t="s">
        <v>133285</v>
      </c>
      <c r="F53264" s="1" t="s">
        <v>40684</v>
      </c>
      <c r="G53264" s="1" t="s">
        <v>179467</v>
      </c>
      <c r="H53264" s="1" t="s">
        <v>179468</v>
      </c>
      <c r="I53264" s="1" t="s">
        <v>178869</v>
      </c>
      <c r="J53264" s="1" t="s">
        <v>13</v>
      </c>
    </row>
    <row r="53265" spans="1:10" x14ac:dyDescent="0.35">
      <c r="A53265" s="1" t="s">
        <v>11746</v>
      </c>
      <c r="B53265" s="1" t="s">
        <v>178864</v>
      </c>
      <c r="C53265" s="1" t="s">
        <v>15</v>
      </c>
      <c r="D53265" s="1" t="s">
        <v>179469</v>
      </c>
      <c r="E53265" s="1" t="s">
        <v>105411</v>
      </c>
      <c r="F53265" s="1" t="s">
        <v>53904</v>
      </c>
      <c r="G53265" s="1" t="s">
        <v>179467</v>
      </c>
      <c r="H53265" s="1" t="s">
        <v>179468</v>
      </c>
      <c r="I53265" s="1" t="s">
        <v>178869</v>
      </c>
      <c r="J53265" s="1" t="s">
        <v>179470</v>
      </c>
    </row>
    <row r="53266" spans="1:10" x14ac:dyDescent="0.35">
      <c r="A53266" s="1" t="s">
        <v>11746</v>
      </c>
      <c r="B53266" s="1" t="s">
        <v>178864</v>
      </c>
      <c r="C53266" s="1" t="s">
        <v>20</v>
      </c>
      <c r="D53266" s="1" t="s">
        <v>179471</v>
      </c>
      <c r="E53266" s="1" t="s">
        <v>81206</v>
      </c>
      <c r="F53266" s="1" t="s">
        <v>179472</v>
      </c>
      <c r="G53266" s="1" t="s">
        <v>179467</v>
      </c>
      <c r="H53266" s="1" t="s">
        <v>179468</v>
      </c>
      <c r="I53266" s="1" t="s">
        <v>178869</v>
      </c>
      <c r="J53266" s="1" t="s">
        <v>179473</v>
      </c>
    </row>
    <row r="53267" spans="1:10" x14ac:dyDescent="0.35">
      <c r="A53267" s="1" t="s">
        <v>11746</v>
      </c>
      <c r="B53267" s="1" t="s">
        <v>178864</v>
      </c>
      <c r="C53267" s="1" t="s">
        <v>25</v>
      </c>
      <c r="D53267" s="1" t="s">
        <v>179474</v>
      </c>
      <c r="E53267" s="1" t="s">
        <v>49725</v>
      </c>
      <c r="F53267" s="1" t="s">
        <v>179475</v>
      </c>
      <c r="G53267" s="1" t="s">
        <v>179467</v>
      </c>
      <c r="H53267" s="1" t="s">
        <v>179468</v>
      </c>
      <c r="I53267" s="1" t="s">
        <v>178869</v>
      </c>
      <c r="J53267" s="1" t="s">
        <v>179476</v>
      </c>
    </row>
    <row r="53268" spans="1:10" x14ac:dyDescent="0.35">
      <c r="A53268" s="1" t="s">
        <v>11746</v>
      </c>
      <c r="B53268" s="1" t="s">
        <v>178864</v>
      </c>
      <c r="C53268" s="1" t="s">
        <v>30</v>
      </c>
      <c r="D53268" s="1" t="s">
        <v>15100</v>
      </c>
      <c r="E53268" s="1" t="s">
        <v>81170</v>
      </c>
      <c r="F53268" s="1" t="s">
        <v>179477</v>
      </c>
      <c r="G53268" s="1" t="s">
        <v>179467</v>
      </c>
      <c r="H53268" s="1" t="s">
        <v>179468</v>
      </c>
      <c r="I53268" s="1" t="s">
        <v>178869</v>
      </c>
      <c r="J53268" s="1" t="s">
        <v>179478</v>
      </c>
    </row>
    <row r="53269" spans="1:10" x14ac:dyDescent="0.35">
      <c r="A53269" s="1" t="s">
        <v>11746</v>
      </c>
      <c r="B53269" s="1" t="s">
        <v>178864</v>
      </c>
      <c r="C53269" s="1" t="s">
        <v>35</v>
      </c>
      <c r="D53269" s="1" t="s">
        <v>54861</v>
      </c>
      <c r="E53269" s="1" t="s">
        <v>179479</v>
      </c>
      <c r="F53269" s="1" t="s">
        <v>179480</v>
      </c>
      <c r="G53269" s="1" t="s">
        <v>179467</v>
      </c>
      <c r="H53269" s="1" t="s">
        <v>179468</v>
      </c>
      <c r="I53269" s="1" t="s">
        <v>178869</v>
      </c>
      <c r="J53269" s="1" t="s">
        <v>179481</v>
      </c>
    </row>
    <row r="53270" spans="1:10" x14ac:dyDescent="0.35">
      <c r="A53270" s="1" t="s">
        <v>11746</v>
      </c>
      <c r="B53270" s="1" t="s">
        <v>178864</v>
      </c>
      <c r="C53270" s="1" t="s">
        <v>40</v>
      </c>
      <c r="D53270" s="1" t="s">
        <v>160404</v>
      </c>
      <c r="E53270" s="1" t="s">
        <v>137978</v>
      </c>
      <c r="F53270" s="1" t="s">
        <v>179482</v>
      </c>
      <c r="G53270" s="1" t="s">
        <v>179467</v>
      </c>
      <c r="H53270" s="1" t="s">
        <v>179468</v>
      </c>
      <c r="I53270" s="1" t="s">
        <v>178869</v>
      </c>
      <c r="J53270" s="1" t="s">
        <v>179483</v>
      </c>
    </row>
    <row r="53271" spans="1:10" x14ac:dyDescent="0.35">
      <c r="A53271" s="1" t="s">
        <v>11746</v>
      </c>
      <c r="B53271" s="1" t="s">
        <v>178864</v>
      </c>
      <c r="C53271" s="1" t="s">
        <v>45</v>
      </c>
      <c r="D53271" s="1" t="s">
        <v>179484</v>
      </c>
      <c r="E53271" s="1" t="s">
        <v>111235</v>
      </c>
      <c r="F53271" s="1" t="s">
        <v>53856</v>
      </c>
      <c r="G53271" s="1" t="s">
        <v>179467</v>
      </c>
      <c r="H53271" s="1" t="s">
        <v>179468</v>
      </c>
      <c r="I53271" s="1" t="s">
        <v>178869</v>
      </c>
      <c r="J53271" s="1" t="s">
        <v>179485</v>
      </c>
    </row>
    <row r="53272" spans="1:10" x14ac:dyDescent="0.35">
      <c r="A53272" s="1" t="s">
        <v>11746</v>
      </c>
      <c r="B53272" s="1" t="s">
        <v>178864</v>
      </c>
      <c r="C53272" s="1" t="s">
        <v>50</v>
      </c>
      <c r="D53272" s="1" t="s">
        <v>108856</v>
      </c>
      <c r="E53272" s="1" t="s">
        <v>74224</v>
      </c>
      <c r="F53272" s="1" t="s">
        <v>67474</v>
      </c>
      <c r="G53272" s="1" t="s">
        <v>179467</v>
      </c>
      <c r="H53272" s="1" t="s">
        <v>179468</v>
      </c>
      <c r="I53272" s="1" t="s">
        <v>178869</v>
      </c>
      <c r="J53272" s="1" t="s">
        <v>179486</v>
      </c>
    </row>
    <row r="53273" spans="1:10" x14ac:dyDescent="0.35">
      <c r="A53273" s="1" t="s">
        <v>11746</v>
      </c>
      <c r="B53273" s="1" t="s">
        <v>178864</v>
      </c>
      <c r="C53273" s="1" t="s">
        <v>55</v>
      </c>
      <c r="D53273" s="1" t="s">
        <v>89373</v>
      </c>
      <c r="E53273" s="1" t="s">
        <v>137958</v>
      </c>
      <c r="F53273" s="1" t="s">
        <v>97614</v>
      </c>
      <c r="G53273" s="1" t="s">
        <v>179467</v>
      </c>
      <c r="H53273" s="1" t="s">
        <v>179468</v>
      </c>
      <c r="I53273" s="1" t="s">
        <v>178869</v>
      </c>
      <c r="J53273" s="1" t="s">
        <v>179487</v>
      </c>
    </row>
    <row r="53274" spans="1:10" x14ac:dyDescent="0.35">
      <c r="A53274" s="1" t="s">
        <v>11746</v>
      </c>
      <c r="B53274" s="1" t="s">
        <v>178864</v>
      </c>
      <c r="C53274" s="1" t="s">
        <v>60</v>
      </c>
      <c r="D53274" s="1" t="s">
        <v>179488</v>
      </c>
      <c r="E53274" s="1" t="s">
        <v>107273</v>
      </c>
      <c r="F53274" s="1" t="s">
        <v>179489</v>
      </c>
      <c r="G53274" s="1" t="s">
        <v>179467</v>
      </c>
      <c r="H53274" s="1" t="s">
        <v>179468</v>
      </c>
      <c r="I53274" s="1" t="s">
        <v>178869</v>
      </c>
      <c r="J53274" s="1" t="s">
        <v>179490</v>
      </c>
    </row>
    <row r="53275" spans="1:10" x14ac:dyDescent="0.35">
      <c r="A53275" s="1" t="s">
        <v>11746</v>
      </c>
      <c r="B53275" s="1" t="s">
        <v>178864</v>
      </c>
      <c r="C53275" s="1" t="s">
        <v>65</v>
      </c>
      <c r="D53275" s="1" t="s">
        <v>179491</v>
      </c>
      <c r="E53275" s="1" t="s">
        <v>109478</v>
      </c>
      <c r="F53275" s="1" t="s">
        <v>179492</v>
      </c>
      <c r="G53275" s="1" t="s">
        <v>179467</v>
      </c>
      <c r="H53275" s="1" t="s">
        <v>179468</v>
      </c>
      <c r="I53275" s="1" t="s">
        <v>178869</v>
      </c>
      <c r="J53275" s="1" t="s">
        <v>179493</v>
      </c>
    </row>
    <row r="53276" spans="1:10" x14ac:dyDescent="0.35">
      <c r="A53276" s="1" t="s">
        <v>11746</v>
      </c>
      <c r="B53276" s="1" t="s">
        <v>178864</v>
      </c>
      <c r="C53276" s="1" t="s">
        <v>70</v>
      </c>
      <c r="D53276" s="1" t="s">
        <v>179494</v>
      </c>
      <c r="E53276" s="1" t="s">
        <v>135744</v>
      </c>
      <c r="F53276" s="1" t="s">
        <v>63045</v>
      </c>
      <c r="G53276" s="1" t="s">
        <v>179467</v>
      </c>
      <c r="H53276" s="1" t="s">
        <v>179468</v>
      </c>
      <c r="I53276" s="1" t="s">
        <v>178869</v>
      </c>
      <c r="J53276" s="1" t="s">
        <v>179495</v>
      </c>
    </row>
    <row r="53277" spans="1:10" x14ac:dyDescent="0.35">
      <c r="A53277" s="1" t="s">
        <v>11746</v>
      </c>
      <c r="B53277" s="1" t="s">
        <v>178864</v>
      </c>
      <c r="C53277" s="1" t="s">
        <v>75</v>
      </c>
      <c r="D53277" s="1" t="s">
        <v>67580</v>
      </c>
      <c r="E53277" s="1" t="s">
        <v>109502</v>
      </c>
      <c r="F53277" s="1" t="s">
        <v>179496</v>
      </c>
      <c r="G53277" s="1" t="s">
        <v>179467</v>
      </c>
      <c r="H53277" s="1" t="s">
        <v>179468</v>
      </c>
      <c r="I53277" s="1" t="s">
        <v>178869</v>
      </c>
      <c r="J53277" s="1" t="s">
        <v>179497</v>
      </c>
    </row>
    <row r="53278" spans="1:10" x14ac:dyDescent="0.35">
      <c r="A53278" s="1" t="s">
        <v>11746</v>
      </c>
      <c r="B53278" s="1" t="s">
        <v>178864</v>
      </c>
      <c r="C53278" s="1" t="s">
        <v>80</v>
      </c>
      <c r="D53278" s="1" t="s">
        <v>68505</v>
      </c>
      <c r="E53278" s="1" t="s">
        <v>107313</v>
      </c>
      <c r="F53278" s="1" t="s">
        <v>179498</v>
      </c>
      <c r="G53278" s="1" t="s">
        <v>179467</v>
      </c>
      <c r="H53278" s="1" t="s">
        <v>179468</v>
      </c>
      <c r="I53278" s="1" t="s">
        <v>178869</v>
      </c>
      <c r="J53278" s="1" t="s">
        <v>179499</v>
      </c>
    </row>
    <row r="53279" spans="1:10" x14ac:dyDescent="0.35">
      <c r="A53279" s="1" t="s">
        <v>11746</v>
      </c>
      <c r="B53279" s="1" t="s">
        <v>178864</v>
      </c>
      <c r="C53279" s="1" t="s">
        <v>85</v>
      </c>
      <c r="D53279" s="1" t="s">
        <v>81826</v>
      </c>
      <c r="E53279" s="1" t="s">
        <v>78811</v>
      </c>
      <c r="F53279" s="1" t="s">
        <v>179500</v>
      </c>
      <c r="G53279" s="1" t="s">
        <v>179467</v>
      </c>
      <c r="H53279" s="1" t="s">
        <v>179468</v>
      </c>
      <c r="I53279" s="1" t="s">
        <v>178869</v>
      </c>
      <c r="J53279" s="1" t="s">
        <v>179501</v>
      </c>
    </row>
    <row r="53280" spans="1:10" x14ac:dyDescent="0.35">
      <c r="A53280" s="1" t="s">
        <v>11746</v>
      </c>
      <c r="B53280" s="1" t="s">
        <v>178864</v>
      </c>
      <c r="C53280" s="1" t="s">
        <v>90</v>
      </c>
      <c r="D53280" s="1" t="s">
        <v>129706</v>
      </c>
      <c r="E53280" s="1" t="s">
        <v>111186</v>
      </c>
      <c r="F53280" s="1" t="s">
        <v>179502</v>
      </c>
      <c r="G53280" s="1" t="s">
        <v>179467</v>
      </c>
      <c r="H53280" s="1" t="s">
        <v>179468</v>
      </c>
      <c r="I53280" s="1" t="s">
        <v>178869</v>
      </c>
      <c r="J53280" s="1" t="s">
        <v>179503</v>
      </c>
    </row>
    <row r="53281" spans="1:10" x14ac:dyDescent="0.35">
      <c r="A53281" s="1" t="s">
        <v>11746</v>
      </c>
      <c r="B53281" s="1" t="s">
        <v>178864</v>
      </c>
      <c r="C53281" s="1" t="s">
        <v>95</v>
      </c>
      <c r="D53281" s="1" t="s">
        <v>67164</v>
      </c>
      <c r="E53281" s="1" t="s">
        <v>106534</v>
      </c>
      <c r="F53281" s="1" t="s">
        <v>179504</v>
      </c>
      <c r="G53281" s="1" t="s">
        <v>179467</v>
      </c>
      <c r="H53281" s="1" t="s">
        <v>179468</v>
      </c>
      <c r="I53281" s="1" t="s">
        <v>178869</v>
      </c>
      <c r="J53281" s="1" t="s">
        <v>179505</v>
      </c>
    </row>
    <row r="53282" spans="1:10" x14ac:dyDescent="0.35">
      <c r="A53282" s="1" t="s">
        <v>11746</v>
      </c>
      <c r="B53282" s="1" t="s">
        <v>178864</v>
      </c>
      <c r="C53282" s="1" t="s">
        <v>100</v>
      </c>
      <c r="D53282" s="1" t="s">
        <v>60338</v>
      </c>
      <c r="E53282" s="1" t="s">
        <v>107428</v>
      </c>
      <c r="F53282" s="1" t="s">
        <v>101257</v>
      </c>
      <c r="G53282" s="1" t="s">
        <v>179467</v>
      </c>
      <c r="H53282" s="1" t="s">
        <v>179468</v>
      </c>
      <c r="I53282" s="1" t="s">
        <v>178869</v>
      </c>
      <c r="J53282" s="1" t="s">
        <v>179506</v>
      </c>
    </row>
    <row r="53283" spans="1:10" x14ac:dyDescent="0.35">
      <c r="A53283" s="1" t="s">
        <v>11746</v>
      </c>
      <c r="B53283" s="1" t="s">
        <v>178864</v>
      </c>
      <c r="C53283" s="1" t="s">
        <v>105</v>
      </c>
      <c r="D53283" s="1" t="s">
        <v>179507</v>
      </c>
      <c r="E53283" s="1" t="s">
        <v>179508</v>
      </c>
      <c r="F53283" s="1" t="s">
        <v>60847</v>
      </c>
      <c r="G53283" s="1" t="s">
        <v>179467</v>
      </c>
      <c r="H53283" s="1" t="s">
        <v>179468</v>
      </c>
      <c r="I53283" s="1" t="s">
        <v>178869</v>
      </c>
      <c r="J53283" s="1" t="s">
        <v>179509</v>
      </c>
    </row>
    <row r="53284" spans="1:10" x14ac:dyDescent="0.35">
      <c r="A53284" s="1" t="s">
        <v>11746</v>
      </c>
      <c r="B53284" s="1" t="s">
        <v>178864</v>
      </c>
      <c r="C53284" s="1" t="s">
        <v>110</v>
      </c>
      <c r="D53284" s="1" t="s">
        <v>103742</v>
      </c>
      <c r="E53284" s="1" t="s">
        <v>133094</v>
      </c>
      <c r="F53284" s="1" t="s">
        <v>179510</v>
      </c>
      <c r="G53284" s="1" t="s">
        <v>179467</v>
      </c>
      <c r="H53284" s="1" t="s">
        <v>179468</v>
      </c>
      <c r="I53284" s="1" t="s">
        <v>178869</v>
      </c>
      <c r="J53284" s="1" t="s">
        <v>179511</v>
      </c>
    </row>
    <row r="53285" spans="1:10" x14ac:dyDescent="0.35">
      <c r="A53285" s="1" t="s">
        <v>11746</v>
      </c>
      <c r="B53285" s="1" t="s">
        <v>178864</v>
      </c>
      <c r="C53285" s="1" t="s">
        <v>115</v>
      </c>
      <c r="D53285" s="1" t="s">
        <v>179512</v>
      </c>
      <c r="E53285" s="1" t="s">
        <v>106525</v>
      </c>
      <c r="F53285" s="1" t="s">
        <v>179513</v>
      </c>
      <c r="G53285" s="1" t="s">
        <v>179467</v>
      </c>
      <c r="H53285" s="1" t="s">
        <v>179468</v>
      </c>
      <c r="I53285" s="1" t="s">
        <v>178869</v>
      </c>
      <c r="J53285" s="1" t="s">
        <v>179514</v>
      </c>
    </row>
    <row r="53286" spans="1:10" x14ac:dyDescent="0.35">
      <c r="A53286" s="1" t="s">
        <v>11746</v>
      </c>
      <c r="B53286" s="1" t="s">
        <v>178864</v>
      </c>
      <c r="C53286" s="1" t="s">
        <v>120</v>
      </c>
      <c r="D53286" s="1" t="s">
        <v>21876</v>
      </c>
      <c r="E53286" s="1" t="s">
        <v>78832</v>
      </c>
      <c r="F53286" s="1" t="s">
        <v>58654</v>
      </c>
      <c r="G53286" s="1" t="s">
        <v>179467</v>
      </c>
      <c r="H53286" s="1" t="s">
        <v>179468</v>
      </c>
      <c r="I53286" s="1" t="s">
        <v>178869</v>
      </c>
      <c r="J53286" s="1" t="s">
        <v>179515</v>
      </c>
    </row>
    <row r="53287" spans="1:10" x14ac:dyDescent="0.35">
      <c r="A53287" s="1" t="s">
        <v>11746</v>
      </c>
      <c r="B53287" s="1" t="s">
        <v>178864</v>
      </c>
      <c r="C53287" s="1" t="s">
        <v>125</v>
      </c>
      <c r="D53287" s="1" t="s">
        <v>26713</v>
      </c>
      <c r="E53287" s="1" t="s">
        <v>109452</v>
      </c>
      <c r="F53287" s="1" t="s">
        <v>89277</v>
      </c>
      <c r="G53287" s="1" t="s">
        <v>179467</v>
      </c>
      <c r="H53287" s="1" t="s">
        <v>179468</v>
      </c>
      <c r="I53287" s="1" t="s">
        <v>178869</v>
      </c>
      <c r="J53287" s="1" t="s">
        <v>179516</v>
      </c>
    </row>
    <row r="53288" spans="1:10" x14ac:dyDescent="0.35">
      <c r="A53288" s="1" t="s">
        <v>11746</v>
      </c>
      <c r="B53288" s="1" t="s">
        <v>178864</v>
      </c>
      <c r="C53288" s="1" t="s">
        <v>130</v>
      </c>
      <c r="D53288" s="1" t="s">
        <v>108881</v>
      </c>
      <c r="E53288" s="1" t="s">
        <v>106525</v>
      </c>
      <c r="F53288" s="1" t="s">
        <v>102563</v>
      </c>
      <c r="G53288" s="1" t="s">
        <v>179467</v>
      </c>
      <c r="H53288" s="1" t="s">
        <v>179468</v>
      </c>
      <c r="I53288" s="1" t="s">
        <v>178869</v>
      </c>
      <c r="J53288" s="1" t="s">
        <v>179517</v>
      </c>
    </row>
    <row r="53289" spans="1:10" x14ac:dyDescent="0.35">
      <c r="A53289" s="1" t="s">
        <v>11746</v>
      </c>
      <c r="B53289" s="1" t="s">
        <v>178864</v>
      </c>
      <c r="C53289" s="1" t="s">
        <v>135</v>
      </c>
      <c r="D53289" s="1" t="s">
        <v>179518</v>
      </c>
      <c r="E53289" s="1" t="s">
        <v>109510</v>
      </c>
      <c r="F53289" s="1" t="s">
        <v>179519</v>
      </c>
      <c r="G53289" s="1" t="s">
        <v>179467</v>
      </c>
      <c r="H53289" s="1" t="s">
        <v>179468</v>
      </c>
      <c r="I53289" s="1" t="s">
        <v>178869</v>
      </c>
      <c r="J53289" s="1" t="s">
        <v>179520</v>
      </c>
    </row>
    <row r="53290" spans="1:10" x14ac:dyDescent="0.35">
      <c r="A53290" s="1" t="s">
        <v>11746</v>
      </c>
      <c r="B53290" s="1" t="s">
        <v>178864</v>
      </c>
      <c r="C53290" s="1" t="s">
        <v>140</v>
      </c>
      <c r="D53290" s="1" t="s">
        <v>179521</v>
      </c>
      <c r="E53290" s="1" t="s">
        <v>78832</v>
      </c>
      <c r="F53290" s="1" t="s">
        <v>179522</v>
      </c>
      <c r="G53290" s="1" t="s">
        <v>179467</v>
      </c>
      <c r="H53290" s="1" t="s">
        <v>179468</v>
      </c>
      <c r="I53290" s="1" t="s">
        <v>178869</v>
      </c>
      <c r="J53290" s="1" t="s">
        <v>179523</v>
      </c>
    </row>
    <row r="53291" spans="1:10" x14ac:dyDescent="0.35">
      <c r="A53291" s="1" t="s">
        <v>11746</v>
      </c>
      <c r="B53291" s="1" t="s">
        <v>178864</v>
      </c>
      <c r="C53291" s="1" t="s">
        <v>145</v>
      </c>
      <c r="D53291" s="1" t="s">
        <v>129918</v>
      </c>
      <c r="E53291" s="1" t="s">
        <v>130015</v>
      </c>
      <c r="F53291" s="1" t="s">
        <v>64682</v>
      </c>
      <c r="G53291" s="1" t="s">
        <v>179467</v>
      </c>
      <c r="H53291" s="1" t="s">
        <v>179468</v>
      </c>
      <c r="I53291" s="1" t="s">
        <v>178869</v>
      </c>
      <c r="J53291" s="1" t="s">
        <v>179524</v>
      </c>
    </row>
    <row r="53292" spans="1:10" x14ac:dyDescent="0.35">
      <c r="A53292" s="1" t="s">
        <v>11746</v>
      </c>
      <c r="B53292" s="1" t="s">
        <v>178864</v>
      </c>
      <c r="C53292" s="1" t="s">
        <v>150</v>
      </c>
      <c r="D53292" s="1" t="s">
        <v>179525</v>
      </c>
      <c r="E53292" s="1" t="s">
        <v>137978</v>
      </c>
      <c r="F53292" s="1" t="s">
        <v>64757</v>
      </c>
      <c r="G53292" s="1" t="s">
        <v>179467</v>
      </c>
      <c r="H53292" s="1" t="s">
        <v>179468</v>
      </c>
      <c r="I53292" s="1" t="s">
        <v>178869</v>
      </c>
      <c r="J53292" s="1" t="s">
        <v>179526</v>
      </c>
    </row>
    <row r="53293" spans="1:10" x14ac:dyDescent="0.35">
      <c r="A53293" s="1" t="s">
        <v>11746</v>
      </c>
      <c r="B53293" s="1" t="s">
        <v>178864</v>
      </c>
      <c r="C53293" s="1" t="s">
        <v>155</v>
      </c>
      <c r="D53293" s="1" t="s">
        <v>179527</v>
      </c>
      <c r="E53293" s="1" t="s">
        <v>179528</v>
      </c>
      <c r="F53293" s="1" t="s">
        <v>179529</v>
      </c>
      <c r="G53293" s="1" t="s">
        <v>179467</v>
      </c>
      <c r="H53293" s="1" t="s">
        <v>179468</v>
      </c>
      <c r="I53293" s="1" t="s">
        <v>178869</v>
      </c>
      <c r="J53293" s="1" t="s">
        <v>179530</v>
      </c>
    </row>
    <row r="53294" spans="1:10" x14ac:dyDescent="0.35">
      <c r="A53294" s="1" t="s">
        <v>11746</v>
      </c>
      <c r="B53294" s="1" t="s">
        <v>178864</v>
      </c>
      <c r="C53294" s="1" t="s">
        <v>160</v>
      </c>
      <c r="D53294" s="1" t="s">
        <v>84975</v>
      </c>
      <c r="E53294" s="1" t="s">
        <v>131784</v>
      </c>
      <c r="F53294" s="1" t="s">
        <v>56586</v>
      </c>
      <c r="G53294" s="1" t="s">
        <v>179467</v>
      </c>
      <c r="H53294" s="1" t="s">
        <v>179468</v>
      </c>
      <c r="I53294" s="1" t="s">
        <v>178869</v>
      </c>
      <c r="J53294" s="1" t="s">
        <v>179531</v>
      </c>
    </row>
    <row r="53295" spans="1:10" x14ac:dyDescent="0.35">
      <c r="A53295" s="1" t="s">
        <v>11746</v>
      </c>
      <c r="B53295" s="1" t="s">
        <v>178864</v>
      </c>
      <c r="C53295" s="1" t="s">
        <v>165</v>
      </c>
      <c r="D53295" s="1" t="s">
        <v>78734</v>
      </c>
      <c r="E53295" s="1" t="s">
        <v>179532</v>
      </c>
      <c r="F53295" s="1" t="s">
        <v>179533</v>
      </c>
      <c r="G53295" s="1" t="s">
        <v>179467</v>
      </c>
      <c r="H53295" s="1" t="s">
        <v>179468</v>
      </c>
      <c r="I53295" s="1" t="s">
        <v>178869</v>
      </c>
      <c r="J53295" s="1" t="s">
        <v>179534</v>
      </c>
    </row>
    <row r="53296" spans="1:10" x14ac:dyDescent="0.35">
      <c r="A53296" s="1" t="s">
        <v>11746</v>
      </c>
      <c r="B53296" s="1" t="s">
        <v>178864</v>
      </c>
      <c r="C53296" s="1" t="s">
        <v>170</v>
      </c>
      <c r="D53296" s="1" t="s">
        <v>94272</v>
      </c>
      <c r="E53296" s="1" t="s">
        <v>135722</v>
      </c>
      <c r="F53296" s="1" t="s">
        <v>179535</v>
      </c>
      <c r="G53296" s="1" t="s">
        <v>179467</v>
      </c>
      <c r="H53296" s="1" t="s">
        <v>179468</v>
      </c>
      <c r="I53296" s="1" t="s">
        <v>178869</v>
      </c>
      <c r="J53296" s="1" t="s">
        <v>179536</v>
      </c>
    </row>
    <row r="53297" spans="1:10" x14ac:dyDescent="0.35">
      <c r="A53297" s="1" t="s">
        <v>25235</v>
      </c>
      <c r="B53297" s="1" t="s">
        <v>178864</v>
      </c>
      <c r="C53297" s="1" t="s">
        <v>8</v>
      </c>
      <c r="D53297" s="1" t="s">
        <v>179537</v>
      </c>
      <c r="E53297" s="1" t="s">
        <v>179538</v>
      </c>
      <c r="F53297" s="1" t="s">
        <v>179539</v>
      </c>
      <c r="G53297" s="1" t="s">
        <v>179540</v>
      </c>
      <c r="H53297" s="1" t="s">
        <v>179541</v>
      </c>
      <c r="I53297" s="1" t="s">
        <v>178869</v>
      </c>
      <c r="J53297" s="1" t="s">
        <v>13</v>
      </c>
    </row>
    <row r="53298" spans="1:10" x14ac:dyDescent="0.35">
      <c r="A53298" s="1" t="s">
        <v>25235</v>
      </c>
      <c r="B53298" s="1" t="s">
        <v>178864</v>
      </c>
      <c r="C53298" s="1" t="s">
        <v>15</v>
      </c>
      <c r="D53298" s="1" t="s">
        <v>146958</v>
      </c>
      <c r="E53298" s="1" t="s">
        <v>179542</v>
      </c>
      <c r="F53298" s="1" t="s">
        <v>179543</v>
      </c>
      <c r="G53298" s="1" t="s">
        <v>179540</v>
      </c>
      <c r="H53298" s="1" t="s">
        <v>179541</v>
      </c>
      <c r="I53298" s="1" t="s">
        <v>178869</v>
      </c>
      <c r="J53298" s="1" t="s">
        <v>179544</v>
      </c>
    </row>
    <row r="53299" spans="1:10" x14ac:dyDescent="0.35">
      <c r="A53299" s="1" t="s">
        <v>25235</v>
      </c>
      <c r="B53299" s="1" t="s">
        <v>178864</v>
      </c>
      <c r="C53299" s="1" t="s">
        <v>20</v>
      </c>
      <c r="D53299" s="1" t="s">
        <v>179545</v>
      </c>
      <c r="E53299" s="1" t="s">
        <v>179546</v>
      </c>
      <c r="F53299" s="1" t="s">
        <v>95519</v>
      </c>
      <c r="G53299" s="1" t="s">
        <v>179540</v>
      </c>
      <c r="H53299" s="1" t="s">
        <v>179541</v>
      </c>
      <c r="I53299" s="1" t="s">
        <v>178869</v>
      </c>
      <c r="J53299" s="1" t="s">
        <v>179547</v>
      </c>
    </row>
    <row r="53300" spans="1:10" x14ac:dyDescent="0.35">
      <c r="A53300" s="1" t="s">
        <v>25235</v>
      </c>
      <c r="B53300" s="1" t="s">
        <v>178864</v>
      </c>
      <c r="C53300" s="1" t="s">
        <v>25</v>
      </c>
      <c r="D53300" s="1" t="s">
        <v>18143</v>
      </c>
      <c r="E53300" s="1" t="s">
        <v>179548</v>
      </c>
      <c r="F53300" s="1" t="s">
        <v>179549</v>
      </c>
      <c r="G53300" s="1" t="s">
        <v>179540</v>
      </c>
      <c r="H53300" s="1" t="s">
        <v>179541</v>
      </c>
      <c r="I53300" s="1" t="s">
        <v>178869</v>
      </c>
      <c r="J53300" s="1" t="s">
        <v>179550</v>
      </c>
    </row>
    <row r="53301" spans="1:10" x14ac:dyDescent="0.35">
      <c r="A53301" s="1" t="s">
        <v>25235</v>
      </c>
      <c r="B53301" s="1" t="s">
        <v>178864</v>
      </c>
      <c r="C53301" s="1" t="s">
        <v>30</v>
      </c>
      <c r="D53301" s="1" t="s">
        <v>172876</v>
      </c>
      <c r="E53301" s="1" t="s">
        <v>179551</v>
      </c>
      <c r="F53301" s="1" t="s">
        <v>179552</v>
      </c>
      <c r="G53301" s="1" t="s">
        <v>179540</v>
      </c>
      <c r="H53301" s="1" t="s">
        <v>179541</v>
      </c>
      <c r="I53301" s="1" t="s">
        <v>178869</v>
      </c>
      <c r="J53301" s="1" t="s">
        <v>179553</v>
      </c>
    </row>
    <row r="53302" spans="1:10" x14ac:dyDescent="0.35">
      <c r="A53302" s="1" t="s">
        <v>25235</v>
      </c>
      <c r="B53302" s="1" t="s">
        <v>178864</v>
      </c>
      <c r="C53302" s="1" t="s">
        <v>35</v>
      </c>
      <c r="D53302" s="1" t="s">
        <v>67929</v>
      </c>
      <c r="E53302" s="1" t="s">
        <v>179554</v>
      </c>
      <c r="F53302" s="1" t="s">
        <v>179555</v>
      </c>
      <c r="G53302" s="1" t="s">
        <v>179540</v>
      </c>
      <c r="H53302" s="1" t="s">
        <v>179541</v>
      </c>
      <c r="I53302" s="1" t="s">
        <v>178869</v>
      </c>
      <c r="J53302" s="1" t="s">
        <v>179556</v>
      </c>
    </row>
    <row r="53303" spans="1:10" x14ac:dyDescent="0.35">
      <c r="A53303" s="1" t="s">
        <v>25235</v>
      </c>
      <c r="B53303" s="1" t="s">
        <v>178864</v>
      </c>
      <c r="C53303" s="1" t="s">
        <v>40</v>
      </c>
      <c r="D53303" s="1" t="s">
        <v>101785</v>
      </c>
      <c r="E53303" s="1" t="s">
        <v>179557</v>
      </c>
      <c r="F53303" s="1" t="s">
        <v>179558</v>
      </c>
      <c r="G53303" s="1" t="s">
        <v>179540</v>
      </c>
      <c r="H53303" s="1" t="s">
        <v>179541</v>
      </c>
      <c r="I53303" s="1" t="s">
        <v>178869</v>
      </c>
      <c r="J53303" s="1" t="s">
        <v>179559</v>
      </c>
    </row>
    <row r="53304" spans="1:10" x14ac:dyDescent="0.35">
      <c r="A53304" s="1" t="s">
        <v>25235</v>
      </c>
      <c r="B53304" s="1" t="s">
        <v>178864</v>
      </c>
      <c r="C53304" s="1" t="s">
        <v>45</v>
      </c>
      <c r="D53304" s="1" t="s">
        <v>175326</v>
      </c>
      <c r="E53304" s="1" t="s">
        <v>179560</v>
      </c>
      <c r="F53304" s="1" t="s">
        <v>179561</v>
      </c>
      <c r="G53304" s="1" t="s">
        <v>179540</v>
      </c>
      <c r="H53304" s="1" t="s">
        <v>179541</v>
      </c>
      <c r="I53304" s="1" t="s">
        <v>178869</v>
      </c>
      <c r="J53304" s="1" t="s">
        <v>179562</v>
      </c>
    </row>
    <row r="53305" spans="1:10" x14ac:dyDescent="0.35">
      <c r="A53305" s="1" t="s">
        <v>25235</v>
      </c>
      <c r="B53305" s="1" t="s">
        <v>178864</v>
      </c>
      <c r="C53305" s="1" t="s">
        <v>50</v>
      </c>
      <c r="D53305" s="1" t="s">
        <v>179563</v>
      </c>
      <c r="E53305" s="1" t="s">
        <v>179564</v>
      </c>
      <c r="F53305" s="1" t="s">
        <v>179565</v>
      </c>
      <c r="G53305" s="1" t="s">
        <v>179540</v>
      </c>
      <c r="H53305" s="1" t="s">
        <v>179541</v>
      </c>
      <c r="I53305" s="1" t="s">
        <v>178869</v>
      </c>
      <c r="J53305" s="1" t="s">
        <v>179566</v>
      </c>
    </row>
    <row r="53306" spans="1:10" x14ac:dyDescent="0.35">
      <c r="A53306" s="1" t="s">
        <v>25235</v>
      </c>
      <c r="B53306" s="1" t="s">
        <v>178864</v>
      </c>
      <c r="C53306" s="1" t="s">
        <v>55</v>
      </c>
      <c r="D53306" s="1" t="s">
        <v>179567</v>
      </c>
      <c r="E53306" s="1" t="s">
        <v>179568</v>
      </c>
      <c r="F53306" s="1" t="s">
        <v>179569</v>
      </c>
      <c r="G53306" s="1" t="s">
        <v>179540</v>
      </c>
      <c r="H53306" s="1" t="s">
        <v>179541</v>
      </c>
      <c r="I53306" s="1" t="s">
        <v>178869</v>
      </c>
      <c r="J53306" s="1" t="s">
        <v>179570</v>
      </c>
    </row>
    <row r="53307" spans="1:10" x14ac:dyDescent="0.35">
      <c r="A53307" s="1" t="s">
        <v>25235</v>
      </c>
      <c r="B53307" s="1" t="s">
        <v>178864</v>
      </c>
      <c r="C53307" s="1" t="s">
        <v>60</v>
      </c>
      <c r="D53307" s="1" t="s">
        <v>69608</v>
      </c>
      <c r="E53307" s="1" t="s">
        <v>179571</v>
      </c>
      <c r="F53307" s="1" t="s">
        <v>179572</v>
      </c>
      <c r="G53307" s="1" t="s">
        <v>179540</v>
      </c>
      <c r="H53307" s="1" t="s">
        <v>179541</v>
      </c>
      <c r="I53307" s="1" t="s">
        <v>178869</v>
      </c>
      <c r="J53307" s="1" t="s">
        <v>179573</v>
      </c>
    </row>
    <row r="53308" spans="1:10" x14ac:dyDescent="0.35">
      <c r="A53308" s="1" t="s">
        <v>25235</v>
      </c>
      <c r="B53308" s="1" t="s">
        <v>178864</v>
      </c>
      <c r="C53308" s="1" t="s">
        <v>65</v>
      </c>
      <c r="D53308" s="1" t="s">
        <v>53139</v>
      </c>
      <c r="E53308" s="1" t="s">
        <v>179574</v>
      </c>
      <c r="F53308" s="1" t="s">
        <v>179575</v>
      </c>
      <c r="G53308" s="1" t="s">
        <v>179540</v>
      </c>
      <c r="H53308" s="1" t="s">
        <v>179541</v>
      </c>
      <c r="I53308" s="1" t="s">
        <v>178869</v>
      </c>
      <c r="J53308" s="1" t="s">
        <v>179576</v>
      </c>
    </row>
    <row r="53309" spans="1:10" x14ac:dyDescent="0.35">
      <c r="A53309" s="1" t="s">
        <v>25235</v>
      </c>
      <c r="B53309" s="1" t="s">
        <v>178864</v>
      </c>
      <c r="C53309" s="1" t="s">
        <v>70</v>
      </c>
      <c r="D53309" s="1" t="s">
        <v>78246</v>
      </c>
      <c r="E53309" s="1" t="s">
        <v>179577</v>
      </c>
      <c r="F53309" s="1" t="s">
        <v>179578</v>
      </c>
      <c r="G53309" s="1" t="s">
        <v>179540</v>
      </c>
      <c r="H53309" s="1" t="s">
        <v>179541</v>
      </c>
      <c r="I53309" s="1" t="s">
        <v>178869</v>
      </c>
      <c r="J53309" s="1" t="s">
        <v>179579</v>
      </c>
    </row>
    <row r="53310" spans="1:10" x14ac:dyDescent="0.35">
      <c r="A53310" s="1" t="s">
        <v>25235</v>
      </c>
      <c r="B53310" s="1" t="s">
        <v>178864</v>
      </c>
      <c r="C53310" s="1" t="s">
        <v>75</v>
      </c>
      <c r="D53310" s="1" t="s">
        <v>179580</v>
      </c>
      <c r="E53310" s="1" t="s">
        <v>179581</v>
      </c>
      <c r="F53310" s="1" t="s">
        <v>179582</v>
      </c>
      <c r="G53310" s="1" t="s">
        <v>179540</v>
      </c>
      <c r="H53310" s="1" t="s">
        <v>179541</v>
      </c>
      <c r="I53310" s="1" t="s">
        <v>178869</v>
      </c>
      <c r="J53310" s="1" t="s">
        <v>179583</v>
      </c>
    </row>
    <row r="53311" spans="1:10" x14ac:dyDescent="0.35">
      <c r="A53311" s="1" t="s">
        <v>25235</v>
      </c>
      <c r="B53311" s="1" t="s">
        <v>178864</v>
      </c>
      <c r="C53311" s="1" t="s">
        <v>80</v>
      </c>
      <c r="D53311" s="1" t="s">
        <v>54171</v>
      </c>
      <c r="E53311" s="1" t="s">
        <v>179584</v>
      </c>
      <c r="F53311" s="1" t="s">
        <v>179585</v>
      </c>
      <c r="G53311" s="1" t="s">
        <v>179540</v>
      </c>
      <c r="H53311" s="1" t="s">
        <v>179541</v>
      </c>
      <c r="I53311" s="1" t="s">
        <v>178869</v>
      </c>
      <c r="J53311" s="1" t="s">
        <v>179586</v>
      </c>
    </row>
    <row r="53312" spans="1:10" x14ac:dyDescent="0.35">
      <c r="A53312" s="1" t="s">
        <v>25235</v>
      </c>
      <c r="B53312" s="1" t="s">
        <v>178864</v>
      </c>
      <c r="C53312" s="1" t="s">
        <v>85</v>
      </c>
      <c r="D53312" s="1" t="s">
        <v>136582</v>
      </c>
      <c r="E53312" s="1" t="s">
        <v>179587</v>
      </c>
      <c r="F53312" s="1" t="s">
        <v>179588</v>
      </c>
      <c r="G53312" s="1" t="s">
        <v>179540</v>
      </c>
      <c r="H53312" s="1" t="s">
        <v>179541</v>
      </c>
      <c r="I53312" s="1" t="s">
        <v>178869</v>
      </c>
      <c r="J53312" s="1" t="s">
        <v>179589</v>
      </c>
    </row>
    <row r="53313" spans="1:10" x14ac:dyDescent="0.35">
      <c r="A53313" s="1" t="s">
        <v>25235</v>
      </c>
      <c r="B53313" s="1" t="s">
        <v>178864</v>
      </c>
      <c r="C53313" s="1" t="s">
        <v>90</v>
      </c>
      <c r="D53313" s="1" t="s">
        <v>179590</v>
      </c>
      <c r="E53313" s="1" t="s">
        <v>179591</v>
      </c>
      <c r="F53313" s="1" t="s">
        <v>179592</v>
      </c>
      <c r="G53313" s="1" t="s">
        <v>179540</v>
      </c>
      <c r="H53313" s="1" t="s">
        <v>179541</v>
      </c>
      <c r="I53313" s="1" t="s">
        <v>178869</v>
      </c>
      <c r="J53313" s="1" t="s">
        <v>179593</v>
      </c>
    </row>
    <row r="53314" spans="1:10" x14ac:dyDescent="0.35">
      <c r="A53314" s="1" t="s">
        <v>25235</v>
      </c>
      <c r="B53314" s="1" t="s">
        <v>178864</v>
      </c>
      <c r="C53314" s="1" t="s">
        <v>95</v>
      </c>
      <c r="D53314" s="1" t="s">
        <v>90277</v>
      </c>
      <c r="E53314" s="1" t="s">
        <v>179594</v>
      </c>
      <c r="F53314" s="1" t="s">
        <v>179595</v>
      </c>
      <c r="G53314" s="1" t="s">
        <v>179540</v>
      </c>
      <c r="H53314" s="1" t="s">
        <v>179541</v>
      </c>
      <c r="I53314" s="1" t="s">
        <v>178869</v>
      </c>
      <c r="J53314" s="1" t="s">
        <v>179596</v>
      </c>
    </row>
    <row r="53315" spans="1:10" x14ac:dyDescent="0.35">
      <c r="A53315" s="1" t="s">
        <v>25235</v>
      </c>
      <c r="B53315" s="1" t="s">
        <v>178864</v>
      </c>
      <c r="C53315" s="1" t="s">
        <v>100</v>
      </c>
      <c r="D53315" s="1" t="s">
        <v>97070</v>
      </c>
      <c r="E53315" s="1" t="s">
        <v>179597</v>
      </c>
      <c r="F53315" s="1" t="s">
        <v>179598</v>
      </c>
      <c r="G53315" s="1" t="s">
        <v>179540</v>
      </c>
      <c r="H53315" s="1" t="s">
        <v>179541</v>
      </c>
      <c r="I53315" s="1" t="s">
        <v>178869</v>
      </c>
      <c r="J53315" s="1" t="s">
        <v>179599</v>
      </c>
    </row>
    <row r="53316" spans="1:10" x14ac:dyDescent="0.35">
      <c r="A53316" s="1" t="s">
        <v>25235</v>
      </c>
      <c r="B53316" s="1" t="s">
        <v>178864</v>
      </c>
      <c r="C53316" s="1" t="s">
        <v>105</v>
      </c>
      <c r="D53316" s="1" t="s">
        <v>95948</v>
      </c>
      <c r="E53316" s="1" t="s">
        <v>179600</v>
      </c>
      <c r="F53316" s="1" t="s">
        <v>179601</v>
      </c>
      <c r="G53316" s="1" t="s">
        <v>179540</v>
      </c>
      <c r="H53316" s="1" t="s">
        <v>179541</v>
      </c>
      <c r="I53316" s="1" t="s">
        <v>178869</v>
      </c>
      <c r="J53316" s="1" t="s">
        <v>179602</v>
      </c>
    </row>
    <row r="53317" spans="1:10" x14ac:dyDescent="0.35">
      <c r="A53317" s="1" t="s">
        <v>25235</v>
      </c>
      <c r="B53317" s="1" t="s">
        <v>178864</v>
      </c>
      <c r="C53317" s="1" t="s">
        <v>110</v>
      </c>
      <c r="D53317" s="1" t="s">
        <v>24268</v>
      </c>
      <c r="E53317" s="1" t="s">
        <v>179603</v>
      </c>
      <c r="F53317" s="1" t="s">
        <v>179604</v>
      </c>
      <c r="G53317" s="1" t="s">
        <v>179540</v>
      </c>
      <c r="H53317" s="1" t="s">
        <v>179541</v>
      </c>
      <c r="I53317" s="1" t="s">
        <v>178869</v>
      </c>
      <c r="J53317" s="1" t="s">
        <v>179605</v>
      </c>
    </row>
    <row r="53318" spans="1:10" x14ac:dyDescent="0.35">
      <c r="A53318" s="1" t="s">
        <v>25235</v>
      </c>
      <c r="B53318" s="1" t="s">
        <v>178864</v>
      </c>
      <c r="C53318" s="1" t="s">
        <v>115</v>
      </c>
      <c r="D53318" s="1" t="s">
        <v>179606</v>
      </c>
      <c r="E53318" s="1" t="s">
        <v>179607</v>
      </c>
      <c r="F53318" s="1" t="s">
        <v>179608</v>
      </c>
      <c r="G53318" s="1" t="s">
        <v>179540</v>
      </c>
      <c r="H53318" s="1" t="s">
        <v>179541</v>
      </c>
      <c r="I53318" s="1" t="s">
        <v>178869</v>
      </c>
      <c r="J53318" s="1" t="s">
        <v>179609</v>
      </c>
    </row>
    <row r="53319" spans="1:10" x14ac:dyDescent="0.35">
      <c r="A53319" s="1" t="s">
        <v>25235</v>
      </c>
      <c r="B53319" s="1" t="s">
        <v>178864</v>
      </c>
      <c r="C53319" s="1" t="s">
        <v>120</v>
      </c>
      <c r="D53319" s="1" t="s">
        <v>96298</v>
      </c>
      <c r="E53319" s="1" t="s">
        <v>179610</v>
      </c>
      <c r="F53319" s="1" t="s">
        <v>179611</v>
      </c>
      <c r="G53319" s="1" t="s">
        <v>179540</v>
      </c>
      <c r="H53319" s="1" t="s">
        <v>179541</v>
      </c>
      <c r="I53319" s="1" t="s">
        <v>178869</v>
      </c>
      <c r="J53319" s="1" t="s">
        <v>179612</v>
      </c>
    </row>
    <row r="53320" spans="1:10" x14ac:dyDescent="0.35">
      <c r="A53320" s="1" t="s">
        <v>25235</v>
      </c>
      <c r="B53320" s="1" t="s">
        <v>178864</v>
      </c>
      <c r="C53320" s="1" t="s">
        <v>125</v>
      </c>
      <c r="D53320" s="1" t="s">
        <v>58052</v>
      </c>
      <c r="E53320" s="1" t="s">
        <v>179613</v>
      </c>
      <c r="F53320" s="1" t="s">
        <v>179614</v>
      </c>
      <c r="G53320" s="1" t="s">
        <v>179540</v>
      </c>
      <c r="H53320" s="1" t="s">
        <v>179541</v>
      </c>
      <c r="I53320" s="1" t="s">
        <v>178869</v>
      </c>
      <c r="J53320" s="1" t="s">
        <v>179615</v>
      </c>
    </row>
    <row r="53321" spans="1:10" x14ac:dyDescent="0.35">
      <c r="A53321" s="1" t="s">
        <v>25235</v>
      </c>
      <c r="B53321" s="1" t="s">
        <v>178864</v>
      </c>
      <c r="C53321" s="1" t="s">
        <v>130</v>
      </c>
      <c r="D53321" s="1" t="s">
        <v>179616</v>
      </c>
      <c r="E53321" s="1" t="s">
        <v>179617</v>
      </c>
      <c r="F53321" s="1" t="s">
        <v>179618</v>
      </c>
      <c r="G53321" s="1" t="s">
        <v>179540</v>
      </c>
      <c r="H53321" s="1" t="s">
        <v>179541</v>
      </c>
      <c r="I53321" s="1" t="s">
        <v>178869</v>
      </c>
      <c r="J53321" s="1" t="s">
        <v>179619</v>
      </c>
    </row>
    <row r="53322" spans="1:10" x14ac:dyDescent="0.35">
      <c r="A53322" s="1" t="s">
        <v>25235</v>
      </c>
      <c r="B53322" s="1" t="s">
        <v>178864</v>
      </c>
      <c r="C53322" s="1" t="s">
        <v>135</v>
      </c>
      <c r="D53322" s="1" t="s">
        <v>43531</v>
      </c>
      <c r="E53322" s="1" t="s">
        <v>179620</v>
      </c>
      <c r="F53322" s="1" t="s">
        <v>179621</v>
      </c>
      <c r="G53322" s="1" t="s">
        <v>179540</v>
      </c>
      <c r="H53322" s="1" t="s">
        <v>179541</v>
      </c>
      <c r="I53322" s="1" t="s">
        <v>178869</v>
      </c>
      <c r="J53322" s="1" t="s">
        <v>179622</v>
      </c>
    </row>
    <row r="53323" spans="1:10" x14ac:dyDescent="0.35">
      <c r="A53323" s="1" t="s">
        <v>25235</v>
      </c>
      <c r="B53323" s="1" t="s">
        <v>178864</v>
      </c>
      <c r="C53323" s="1" t="s">
        <v>140</v>
      </c>
      <c r="D53323" s="1" t="s">
        <v>179623</v>
      </c>
      <c r="E53323" s="1" t="s">
        <v>179624</v>
      </c>
      <c r="F53323" s="1" t="s">
        <v>179625</v>
      </c>
      <c r="G53323" s="1" t="s">
        <v>179540</v>
      </c>
      <c r="H53323" s="1" t="s">
        <v>179541</v>
      </c>
      <c r="I53323" s="1" t="s">
        <v>178869</v>
      </c>
      <c r="J53323" s="1" t="s">
        <v>179626</v>
      </c>
    </row>
    <row r="53324" spans="1:10" x14ac:dyDescent="0.35">
      <c r="A53324" s="1" t="s">
        <v>25235</v>
      </c>
      <c r="B53324" s="1" t="s">
        <v>178864</v>
      </c>
      <c r="C53324" s="1" t="s">
        <v>145</v>
      </c>
      <c r="D53324" s="1" t="s">
        <v>179627</v>
      </c>
      <c r="E53324" s="1" t="s">
        <v>179628</v>
      </c>
      <c r="F53324" s="1" t="s">
        <v>179629</v>
      </c>
      <c r="G53324" s="1" t="s">
        <v>179540</v>
      </c>
      <c r="H53324" s="1" t="s">
        <v>179541</v>
      </c>
      <c r="I53324" s="1" t="s">
        <v>178869</v>
      </c>
      <c r="J53324" s="1" t="s">
        <v>179630</v>
      </c>
    </row>
    <row r="53325" spans="1:10" x14ac:dyDescent="0.35">
      <c r="A53325" s="1" t="s">
        <v>25235</v>
      </c>
      <c r="B53325" s="1" t="s">
        <v>178864</v>
      </c>
      <c r="C53325" s="1" t="s">
        <v>150</v>
      </c>
      <c r="D53325" s="1" t="s">
        <v>93948</v>
      </c>
      <c r="E53325" s="1" t="s">
        <v>179631</v>
      </c>
      <c r="F53325" s="1" t="s">
        <v>179632</v>
      </c>
      <c r="G53325" s="1" t="s">
        <v>179540</v>
      </c>
      <c r="H53325" s="1" t="s">
        <v>179541</v>
      </c>
      <c r="I53325" s="1" t="s">
        <v>178869</v>
      </c>
      <c r="J53325" s="1" t="s">
        <v>179633</v>
      </c>
    </row>
    <row r="53326" spans="1:10" x14ac:dyDescent="0.35">
      <c r="A53326" s="1" t="s">
        <v>25235</v>
      </c>
      <c r="B53326" s="1" t="s">
        <v>178864</v>
      </c>
      <c r="C53326" s="1" t="s">
        <v>155</v>
      </c>
      <c r="D53326" s="1" t="s">
        <v>179634</v>
      </c>
      <c r="E53326" s="1" t="s">
        <v>179635</v>
      </c>
      <c r="F53326" s="1" t="s">
        <v>179636</v>
      </c>
      <c r="G53326" s="1" t="s">
        <v>179540</v>
      </c>
      <c r="H53326" s="1" t="s">
        <v>179541</v>
      </c>
      <c r="I53326" s="1" t="s">
        <v>178869</v>
      </c>
      <c r="J53326" s="1" t="s">
        <v>179637</v>
      </c>
    </row>
    <row r="53327" spans="1:10" x14ac:dyDescent="0.35">
      <c r="A53327" s="1" t="s">
        <v>25235</v>
      </c>
      <c r="B53327" s="1" t="s">
        <v>178864</v>
      </c>
      <c r="C53327" s="1" t="s">
        <v>160</v>
      </c>
      <c r="D53327" s="1" t="s">
        <v>26567</v>
      </c>
      <c r="E53327" s="1" t="s">
        <v>179638</v>
      </c>
      <c r="F53327" s="1" t="s">
        <v>179639</v>
      </c>
      <c r="G53327" s="1" t="s">
        <v>179540</v>
      </c>
      <c r="H53327" s="1" t="s">
        <v>179541</v>
      </c>
      <c r="I53327" s="1" t="s">
        <v>178869</v>
      </c>
      <c r="J53327" s="1" t="s">
        <v>179640</v>
      </c>
    </row>
    <row r="53328" spans="1:10" x14ac:dyDescent="0.35">
      <c r="A53328" s="1" t="s">
        <v>25235</v>
      </c>
      <c r="B53328" s="1" t="s">
        <v>178864</v>
      </c>
      <c r="C53328" s="1" t="s">
        <v>165</v>
      </c>
      <c r="D53328" s="1" t="s">
        <v>140592</v>
      </c>
      <c r="E53328" s="1" t="s">
        <v>179641</v>
      </c>
      <c r="F53328" s="1" t="s">
        <v>179642</v>
      </c>
      <c r="G53328" s="1" t="s">
        <v>179540</v>
      </c>
      <c r="H53328" s="1" t="s">
        <v>179541</v>
      </c>
      <c r="I53328" s="1" t="s">
        <v>178869</v>
      </c>
      <c r="J53328" s="1" t="s">
        <v>179643</v>
      </c>
    </row>
    <row r="53329" spans="1:10" x14ac:dyDescent="0.35">
      <c r="A53329" s="1" t="s">
        <v>25235</v>
      </c>
      <c r="B53329" s="1" t="s">
        <v>178864</v>
      </c>
      <c r="C53329" s="1" t="s">
        <v>170</v>
      </c>
      <c r="D53329" s="1" t="s">
        <v>99807</v>
      </c>
      <c r="E53329" s="1" t="s">
        <v>179644</v>
      </c>
      <c r="F53329" s="1" t="s">
        <v>179645</v>
      </c>
      <c r="G53329" s="1" t="s">
        <v>179540</v>
      </c>
      <c r="H53329" s="1" t="s">
        <v>179541</v>
      </c>
      <c r="I53329" s="1" t="s">
        <v>178869</v>
      </c>
      <c r="J53329" s="1" t="s">
        <v>179646</v>
      </c>
    </row>
    <row r="53330" spans="1:10" x14ac:dyDescent="0.35">
      <c r="A53330" s="1" t="s">
        <v>179647</v>
      </c>
      <c r="B53330" s="1" t="s">
        <v>178864</v>
      </c>
      <c r="C53330" s="1" t="s">
        <v>8</v>
      </c>
      <c r="D53330" s="1" t="s">
        <v>179648</v>
      </c>
      <c r="E53330" s="1" t="s">
        <v>179649</v>
      </c>
      <c r="F53330" s="1" t="s">
        <v>179650</v>
      </c>
      <c r="G53330" s="1" t="s">
        <v>179651</v>
      </c>
      <c r="H53330" s="1" t="s">
        <v>179652</v>
      </c>
      <c r="I53330" s="1" t="s">
        <v>178869</v>
      </c>
      <c r="J53330" s="1" t="s">
        <v>13</v>
      </c>
    </row>
    <row r="53331" spans="1:10" x14ac:dyDescent="0.35">
      <c r="A53331" s="1" t="s">
        <v>179647</v>
      </c>
      <c r="B53331" s="1" t="s">
        <v>178864</v>
      </c>
      <c r="C53331" s="1" t="s">
        <v>15</v>
      </c>
      <c r="D53331" s="1" t="s">
        <v>67761</v>
      </c>
      <c r="E53331" s="1" t="s">
        <v>179653</v>
      </c>
      <c r="F53331" s="1" t="s">
        <v>179654</v>
      </c>
      <c r="G53331" s="1" t="s">
        <v>179651</v>
      </c>
      <c r="H53331" s="1" t="s">
        <v>179652</v>
      </c>
      <c r="I53331" s="1" t="s">
        <v>178869</v>
      </c>
      <c r="J53331" s="1" t="s">
        <v>179655</v>
      </c>
    </row>
    <row r="53332" spans="1:10" x14ac:dyDescent="0.35">
      <c r="A53332" s="1" t="s">
        <v>179647</v>
      </c>
      <c r="B53332" s="1" t="s">
        <v>178864</v>
      </c>
      <c r="C53332" s="1" t="s">
        <v>20</v>
      </c>
      <c r="D53332" s="1" t="s">
        <v>58957</v>
      </c>
      <c r="E53332" s="1" t="s">
        <v>179656</v>
      </c>
      <c r="F53332" s="1" t="s">
        <v>179657</v>
      </c>
      <c r="G53332" s="1" t="s">
        <v>179651</v>
      </c>
      <c r="H53332" s="1" t="s">
        <v>179652</v>
      </c>
      <c r="I53332" s="1" t="s">
        <v>178869</v>
      </c>
      <c r="J53332" s="1" t="s">
        <v>179658</v>
      </c>
    </row>
    <row r="53333" spans="1:10" x14ac:dyDescent="0.35">
      <c r="A53333" s="1" t="s">
        <v>179647</v>
      </c>
      <c r="B53333" s="1" t="s">
        <v>178864</v>
      </c>
      <c r="C53333" s="1" t="s">
        <v>25</v>
      </c>
      <c r="D53333" s="1" t="s">
        <v>153148</v>
      </c>
      <c r="E53333" s="1" t="s">
        <v>179659</v>
      </c>
      <c r="F53333" s="1" t="s">
        <v>179660</v>
      </c>
      <c r="G53333" s="1" t="s">
        <v>179651</v>
      </c>
      <c r="H53333" s="1" t="s">
        <v>179652</v>
      </c>
      <c r="I53333" s="1" t="s">
        <v>178869</v>
      </c>
      <c r="J53333" s="1" t="s">
        <v>179661</v>
      </c>
    </row>
    <row r="53334" spans="1:10" x14ac:dyDescent="0.35">
      <c r="A53334" s="1" t="s">
        <v>179647</v>
      </c>
      <c r="B53334" s="1" t="s">
        <v>178864</v>
      </c>
      <c r="C53334" s="1" t="s">
        <v>30</v>
      </c>
      <c r="D53334" s="1" t="s">
        <v>179662</v>
      </c>
      <c r="E53334" s="1" t="s">
        <v>179663</v>
      </c>
      <c r="F53334" s="1" t="s">
        <v>179664</v>
      </c>
      <c r="G53334" s="1" t="s">
        <v>179651</v>
      </c>
      <c r="H53334" s="1" t="s">
        <v>179652</v>
      </c>
      <c r="I53334" s="1" t="s">
        <v>178869</v>
      </c>
      <c r="J53334" s="1" t="s">
        <v>179665</v>
      </c>
    </row>
    <row r="53335" spans="1:10" x14ac:dyDescent="0.35">
      <c r="A53335" s="1" t="s">
        <v>179647</v>
      </c>
      <c r="B53335" s="1" t="s">
        <v>178864</v>
      </c>
      <c r="C53335" s="1" t="s">
        <v>35</v>
      </c>
      <c r="D53335" s="1" t="s">
        <v>179666</v>
      </c>
      <c r="E53335" s="1" t="s">
        <v>179667</v>
      </c>
      <c r="F53335" s="1" t="s">
        <v>179668</v>
      </c>
      <c r="G53335" s="1" t="s">
        <v>179651</v>
      </c>
      <c r="H53335" s="1" t="s">
        <v>179652</v>
      </c>
      <c r="I53335" s="1" t="s">
        <v>178869</v>
      </c>
      <c r="J53335" s="1" t="s">
        <v>179669</v>
      </c>
    </row>
    <row r="53336" spans="1:10" x14ac:dyDescent="0.35">
      <c r="A53336" s="1" t="s">
        <v>179647</v>
      </c>
      <c r="B53336" s="1" t="s">
        <v>178864</v>
      </c>
      <c r="C53336" s="1" t="s">
        <v>40</v>
      </c>
      <c r="D53336" s="1" t="s">
        <v>179670</v>
      </c>
      <c r="E53336" s="1" t="s">
        <v>179671</v>
      </c>
      <c r="F53336" s="1" t="s">
        <v>179672</v>
      </c>
      <c r="G53336" s="1" t="s">
        <v>179651</v>
      </c>
      <c r="H53336" s="1" t="s">
        <v>179652</v>
      </c>
      <c r="I53336" s="1" t="s">
        <v>178869</v>
      </c>
      <c r="J53336" s="1" t="s">
        <v>179673</v>
      </c>
    </row>
    <row r="53337" spans="1:10" x14ac:dyDescent="0.35">
      <c r="A53337" s="1" t="s">
        <v>179647</v>
      </c>
      <c r="B53337" s="1" t="s">
        <v>178864</v>
      </c>
      <c r="C53337" s="1" t="s">
        <v>45</v>
      </c>
      <c r="D53337" s="1" t="s">
        <v>114996</v>
      </c>
      <c r="E53337" s="1" t="s">
        <v>179674</v>
      </c>
      <c r="F53337" s="1" t="s">
        <v>179675</v>
      </c>
      <c r="G53337" s="1" t="s">
        <v>179651</v>
      </c>
      <c r="H53337" s="1" t="s">
        <v>179652</v>
      </c>
      <c r="I53337" s="1" t="s">
        <v>178869</v>
      </c>
      <c r="J53337" s="1" t="s">
        <v>179676</v>
      </c>
    </row>
    <row r="53338" spans="1:10" x14ac:dyDescent="0.35">
      <c r="A53338" s="1" t="s">
        <v>179647</v>
      </c>
      <c r="B53338" s="1" t="s">
        <v>178864</v>
      </c>
      <c r="C53338" s="1" t="s">
        <v>50</v>
      </c>
      <c r="D53338" s="1" t="s">
        <v>179677</v>
      </c>
      <c r="E53338" s="1" t="s">
        <v>179678</v>
      </c>
      <c r="F53338" s="1" t="s">
        <v>179679</v>
      </c>
      <c r="G53338" s="1" t="s">
        <v>179651</v>
      </c>
      <c r="H53338" s="1" t="s">
        <v>179652</v>
      </c>
      <c r="I53338" s="1" t="s">
        <v>178869</v>
      </c>
      <c r="J53338" s="1" t="s">
        <v>179680</v>
      </c>
    </row>
    <row r="53339" spans="1:10" x14ac:dyDescent="0.35">
      <c r="A53339" s="1" t="s">
        <v>179647</v>
      </c>
      <c r="B53339" s="1" t="s">
        <v>178864</v>
      </c>
      <c r="C53339" s="1" t="s">
        <v>55</v>
      </c>
      <c r="D53339" s="1" t="s">
        <v>179681</v>
      </c>
      <c r="E53339" s="1" t="s">
        <v>179682</v>
      </c>
      <c r="F53339" s="1" t="s">
        <v>179683</v>
      </c>
      <c r="G53339" s="1" t="s">
        <v>179651</v>
      </c>
      <c r="H53339" s="1" t="s">
        <v>179652</v>
      </c>
      <c r="I53339" s="1" t="s">
        <v>178869</v>
      </c>
      <c r="J53339" s="1" t="s">
        <v>179684</v>
      </c>
    </row>
    <row r="53340" spans="1:10" x14ac:dyDescent="0.35">
      <c r="A53340" s="1" t="s">
        <v>179647</v>
      </c>
      <c r="B53340" s="1" t="s">
        <v>178864</v>
      </c>
      <c r="C53340" s="1" t="s">
        <v>60</v>
      </c>
      <c r="D53340" s="1" t="s">
        <v>43366</v>
      </c>
      <c r="E53340" s="1" t="s">
        <v>179685</v>
      </c>
      <c r="F53340" s="1" t="s">
        <v>179686</v>
      </c>
      <c r="G53340" s="1" t="s">
        <v>179651</v>
      </c>
      <c r="H53340" s="1" t="s">
        <v>179652</v>
      </c>
      <c r="I53340" s="1" t="s">
        <v>178869</v>
      </c>
      <c r="J53340" s="1" t="s">
        <v>179687</v>
      </c>
    </row>
    <row r="53341" spans="1:10" x14ac:dyDescent="0.35">
      <c r="A53341" s="1" t="s">
        <v>179647</v>
      </c>
      <c r="B53341" s="1" t="s">
        <v>178864</v>
      </c>
      <c r="C53341" s="1" t="s">
        <v>65</v>
      </c>
      <c r="D53341" s="1" t="s">
        <v>84258</v>
      </c>
      <c r="E53341" s="1" t="s">
        <v>179688</v>
      </c>
      <c r="F53341" s="1" t="s">
        <v>179689</v>
      </c>
      <c r="G53341" s="1" t="s">
        <v>179651</v>
      </c>
      <c r="H53341" s="1" t="s">
        <v>179652</v>
      </c>
      <c r="I53341" s="1" t="s">
        <v>178869</v>
      </c>
      <c r="J53341" s="1" t="s">
        <v>179690</v>
      </c>
    </row>
    <row r="53342" spans="1:10" x14ac:dyDescent="0.35">
      <c r="A53342" s="1" t="s">
        <v>179647</v>
      </c>
      <c r="B53342" s="1" t="s">
        <v>178864</v>
      </c>
      <c r="C53342" s="1" t="s">
        <v>70</v>
      </c>
      <c r="D53342" s="1" t="s">
        <v>179691</v>
      </c>
      <c r="E53342" s="1" t="s">
        <v>179692</v>
      </c>
      <c r="F53342" s="1" t="s">
        <v>179693</v>
      </c>
      <c r="G53342" s="1" t="s">
        <v>179651</v>
      </c>
      <c r="H53342" s="1" t="s">
        <v>179652</v>
      </c>
      <c r="I53342" s="1" t="s">
        <v>178869</v>
      </c>
      <c r="J53342" s="1" t="s">
        <v>179694</v>
      </c>
    </row>
    <row r="53343" spans="1:10" x14ac:dyDescent="0.35">
      <c r="A53343" s="1" t="s">
        <v>179647</v>
      </c>
      <c r="B53343" s="1" t="s">
        <v>178864</v>
      </c>
      <c r="C53343" s="1" t="s">
        <v>75</v>
      </c>
      <c r="D53343" s="1" t="s">
        <v>107318</v>
      </c>
      <c r="E53343" s="1" t="s">
        <v>179695</v>
      </c>
      <c r="F53343" s="1" t="s">
        <v>179696</v>
      </c>
      <c r="G53343" s="1" t="s">
        <v>179651</v>
      </c>
      <c r="H53343" s="1" t="s">
        <v>179652</v>
      </c>
      <c r="I53343" s="1" t="s">
        <v>178869</v>
      </c>
      <c r="J53343" s="1" t="s">
        <v>179697</v>
      </c>
    </row>
    <row r="53344" spans="1:10" x14ac:dyDescent="0.35">
      <c r="A53344" s="1" t="s">
        <v>179647</v>
      </c>
      <c r="B53344" s="1" t="s">
        <v>178864</v>
      </c>
      <c r="C53344" s="1" t="s">
        <v>80</v>
      </c>
      <c r="D53344" s="1" t="s">
        <v>179698</v>
      </c>
      <c r="E53344" s="1" t="s">
        <v>179699</v>
      </c>
      <c r="F53344" s="1" t="s">
        <v>179700</v>
      </c>
      <c r="G53344" s="1" t="s">
        <v>179651</v>
      </c>
      <c r="H53344" s="1" t="s">
        <v>179652</v>
      </c>
      <c r="I53344" s="1" t="s">
        <v>178869</v>
      </c>
      <c r="J53344" s="1" t="s">
        <v>179701</v>
      </c>
    </row>
    <row r="53345" spans="1:10" x14ac:dyDescent="0.35">
      <c r="A53345" s="1" t="s">
        <v>179647</v>
      </c>
      <c r="B53345" s="1" t="s">
        <v>178864</v>
      </c>
      <c r="C53345" s="1" t="s">
        <v>85</v>
      </c>
      <c r="D53345" s="1" t="s">
        <v>152126</v>
      </c>
      <c r="E53345" s="1" t="s">
        <v>179702</v>
      </c>
      <c r="F53345" s="1" t="s">
        <v>179703</v>
      </c>
      <c r="G53345" s="1" t="s">
        <v>179651</v>
      </c>
      <c r="H53345" s="1" t="s">
        <v>179652</v>
      </c>
      <c r="I53345" s="1" t="s">
        <v>178869</v>
      </c>
      <c r="J53345" s="1" t="s">
        <v>179704</v>
      </c>
    </row>
    <row r="53346" spans="1:10" x14ac:dyDescent="0.35">
      <c r="A53346" s="1" t="s">
        <v>179647</v>
      </c>
      <c r="B53346" s="1" t="s">
        <v>178864</v>
      </c>
      <c r="C53346" s="1" t="s">
        <v>90</v>
      </c>
      <c r="D53346" s="1" t="s">
        <v>132132</v>
      </c>
      <c r="E53346" s="1" t="s">
        <v>179705</v>
      </c>
      <c r="F53346" s="1" t="s">
        <v>179706</v>
      </c>
      <c r="G53346" s="1" t="s">
        <v>179651</v>
      </c>
      <c r="H53346" s="1" t="s">
        <v>179652</v>
      </c>
      <c r="I53346" s="1" t="s">
        <v>178869</v>
      </c>
      <c r="J53346" s="1" t="s">
        <v>179707</v>
      </c>
    </row>
    <row r="53347" spans="1:10" x14ac:dyDescent="0.35">
      <c r="A53347" s="1" t="s">
        <v>179647</v>
      </c>
      <c r="B53347" s="1" t="s">
        <v>178864</v>
      </c>
      <c r="C53347" s="1" t="s">
        <v>95</v>
      </c>
      <c r="D53347" s="1" t="s">
        <v>102354</v>
      </c>
      <c r="E53347" s="1" t="s">
        <v>179708</v>
      </c>
      <c r="F53347" s="1" t="s">
        <v>179709</v>
      </c>
      <c r="G53347" s="1" t="s">
        <v>179651</v>
      </c>
      <c r="H53347" s="1" t="s">
        <v>179652</v>
      </c>
      <c r="I53347" s="1" t="s">
        <v>178869</v>
      </c>
      <c r="J53347" s="1" t="s">
        <v>179710</v>
      </c>
    </row>
    <row r="53348" spans="1:10" x14ac:dyDescent="0.35">
      <c r="A53348" s="1" t="s">
        <v>179647</v>
      </c>
      <c r="B53348" s="1" t="s">
        <v>178864</v>
      </c>
      <c r="C53348" s="1" t="s">
        <v>100</v>
      </c>
      <c r="D53348" s="1" t="s">
        <v>67087</v>
      </c>
      <c r="E53348" s="1" t="s">
        <v>179711</v>
      </c>
      <c r="F53348" s="1" t="s">
        <v>179712</v>
      </c>
      <c r="G53348" s="1" t="s">
        <v>179651</v>
      </c>
      <c r="H53348" s="1" t="s">
        <v>179652</v>
      </c>
      <c r="I53348" s="1" t="s">
        <v>178869</v>
      </c>
      <c r="J53348" s="1" t="s">
        <v>179713</v>
      </c>
    </row>
    <row r="53349" spans="1:10" x14ac:dyDescent="0.35">
      <c r="A53349" s="1" t="s">
        <v>179647</v>
      </c>
      <c r="B53349" s="1" t="s">
        <v>178864</v>
      </c>
      <c r="C53349" s="1" t="s">
        <v>105</v>
      </c>
      <c r="D53349" s="1" t="s">
        <v>179714</v>
      </c>
      <c r="E53349" s="1" t="s">
        <v>179715</v>
      </c>
      <c r="F53349" s="1" t="s">
        <v>179716</v>
      </c>
      <c r="G53349" s="1" t="s">
        <v>179651</v>
      </c>
      <c r="H53349" s="1" t="s">
        <v>179652</v>
      </c>
      <c r="I53349" s="1" t="s">
        <v>178869</v>
      </c>
      <c r="J53349" s="1" t="s">
        <v>179717</v>
      </c>
    </row>
    <row r="53350" spans="1:10" x14ac:dyDescent="0.35">
      <c r="A53350" s="1" t="s">
        <v>179647</v>
      </c>
      <c r="B53350" s="1" t="s">
        <v>178864</v>
      </c>
      <c r="C53350" s="1" t="s">
        <v>110</v>
      </c>
      <c r="D53350" s="1" t="s">
        <v>107193</v>
      </c>
      <c r="E53350" s="1" t="s">
        <v>179718</v>
      </c>
      <c r="F53350" s="1" t="s">
        <v>179719</v>
      </c>
      <c r="G53350" s="1" t="s">
        <v>179651</v>
      </c>
      <c r="H53350" s="1" t="s">
        <v>179652</v>
      </c>
      <c r="I53350" s="1" t="s">
        <v>178869</v>
      </c>
      <c r="J53350" s="1" t="s">
        <v>179720</v>
      </c>
    </row>
    <row r="53351" spans="1:10" x14ac:dyDescent="0.35">
      <c r="A53351" s="1" t="s">
        <v>179647</v>
      </c>
      <c r="B53351" s="1" t="s">
        <v>178864</v>
      </c>
      <c r="C53351" s="1" t="s">
        <v>115</v>
      </c>
      <c r="D53351" s="1" t="s">
        <v>179721</v>
      </c>
      <c r="E53351" s="1" t="s">
        <v>179722</v>
      </c>
      <c r="F53351" s="1" t="s">
        <v>179723</v>
      </c>
      <c r="G53351" s="1" t="s">
        <v>179651</v>
      </c>
      <c r="H53351" s="1" t="s">
        <v>179652</v>
      </c>
      <c r="I53351" s="1" t="s">
        <v>178869</v>
      </c>
      <c r="J53351" s="1" t="s">
        <v>179724</v>
      </c>
    </row>
    <row r="53352" spans="1:10" x14ac:dyDescent="0.35">
      <c r="A53352" s="1" t="s">
        <v>179647</v>
      </c>
      <c r="B53352" s="1" t="s">
        <v>178864</v>
      </c>
      <c r="C53352" s="1" t="s">
        <v>120</v>
      </c>
      <c r="D53352" s="1" t="s">
        <v>22403</v>
      </c>
      <c r="E53352" s="1" t="s">
        <v>179725</v>
      </c>
      <c r="F53352" s="1" t="s">
        <v>179726</v>
      </c>
      <c r="G53352" s="1" t="s">
        <v>179651</v>
      </c>
      <c r="H53352" s="1" t="s">
        <v>179652</v>
      </c>
      <c r="I53352" s="1" t="s">
        <v>178869</v>
      </c>
      <c r="J53352" s="1" t="s">
        <v>179727</v>
      </c>
    </row>
    <row r="53353" spans="1:10" x14ac:dyDescent="0.35">
      <c r="A53353" s="1" t="s">
        <v>179647</v>
      </c>
      <c r="B53353" s="1" t="s">
        <v>178864</v>
      </c>
      <c r="C53353" s="1" t="s">
        <v>125</v>
      </c>
      <c r="D53353" s="1" t="s">
        <v>179728</v>
      </c>
      <c r="E53353" s="1" t="s">
        <v>179729</v>
      </c>
      <c r="F53353" s="1" t="s">
        <v>179730</v>
      </c>
      <c r="G53353" s="1" t="s">
        <v>179651</v>
      </c>
      <c r="H53353" s="1" t="s">
        <v>179652</v>
      </c>
      <c r="I53353" s="1" t="s">
        <v>178869</v>
      </c>
      <c r="J53353" s="1" t="s">
        <v>179731</v>
      </c>
    </row>
    <row r="53354" spans="1:10" x14ac:dyDescent="0.35">
      <c r="A53354" s="1" t="s">
        <v>179647</v>
      </c>
      <c r="B53354" s="1" t="s">
        <v>178864</v>
      </c>
      <c r="C53354" s="1" t="s">
        <v>130</v>
      </c>
      <c r="D53354" s="1" t="s">
        <v>179732</v>
      </c>
      <c r="E53354" s="1" t="s">
        <v>179733</v>
      </c>
      <c r="F53354" s="1" t="s">
        <v>179734</v>
      </c>
      <c r="G53354" s="1" t="s">
        <v>179651</v>
      </c>
      <c r="H53354" s="1" t="s">
        <v>179652</v>
      </c>
      <c r="I53354" s="1" t="s">
        <v>178869</v>
      </c>
      <c r="J53354" s="1" t="s">
        <v>179735</v>
      </c>
    </row>
    <row r="53355" spans="1:10" x14ac:dyDescent="0.35">
      <c r="A53355" s="1" t="s">
        <v>179647</v>
      </c>
      <c r="B53355" s="1" t="s">
        <v>178864</v>
      </c>
      <c r="C53355" s="1" t="s">
        <v>135</v>
      </c>
      <c r="D53355" s="1" t="s">
        <v>179736</v>
      </c>
      <c r="E53355" s="1" t="s">
        <v>179737</v>
      </c>
      <c r="F53355" s="1" t="s">
        <v>179738</v>
      </c>
      <c r="G53355" s="1" t="s">
        <v>179651</v>
      </c>
      <c r="H53355" s="1" t="s">
        <v>179652</v>
      </c>
      <c r="I53355" s="1" t="s">
        <v>178869</v>
      </c>
      <c r="J53355" s="1" t="s">
        <v>179739</v>
      </c>
    </row>
    <row r="53356" spans="1:10" x14ac:dyDescent="0.35">
      <c r="A53356" s="1" t="s">
        <v>179647</v>
      </c>
      <c r="B53356" s="1" t="s">
        <v>178864</v>
      </c>
      <c r="C53356" s="1" t="s">
        <v>140</v>
      </c>
      <c r="D53356" s="1" t="s">
        <v>179740</v>
      </c>
      <c r="E53356" s="1" t="s">
        <v>179741</v>
      </c>
      <c r="F53356" s="1" t="s">
        <v>179742</v>
      </c>
      <c r="G53356" s="1" t="s">
        <v>179651</v>
      </c>
      <c r="H53356" s="1" t="s">
        <v>179652</v>
      </c>
      <c r="I53356" s="1" t="s">
        <v>178869</v>
      </c>
      <c r="J53356" s="1" t="s">
        <v>179743</v>
      </c>
    </row>
    <row r="53357" spans="1:10" x14ac:dyDescent="0.35">
      <c r="A53357" s="1" t="s">
        <v>179647</v>
      </c>
      <c r="B53357" s="1" t="s">
        <v>178864</v>
      </c>
      <c r="C53357" s="1" t="s">
        <v>145</v>
      </c>
      <c r="D53357" s="1" t="s">
        <v>86640</v>
      </c>
      <c r="E53357" s="1" t="s">
        <v>179744</v>
      </c>
      <c r="F53357" s="1" t="s">
        <v>179745</v>
      </c>
      <c r="G53357" s="1" t="s">
        <v>179651</v>
      </c>
      <c r="H53357" s="1" t="s">
        <v>179652</v>
      </c>
      <c r="I53357" s="1" t="s">
        <v>178869</v>
      </c>
      <c r="J53357" s="1" t="s">
        <v>179746</v>
      </c>
    </row>
    <row r="53358" spans="1:10" x14ac:dyDescent="0.35">
      <c r="A53358" s="1" t="s">
        <v>179647</v>
      </c>
      <c r="B53358" s="1" t="s">
        <v>178864</v>
      </c>
      <c r="C53358" s="1" t="s">
        <v>150</v>
      </c>
      <c r="D53358" s="1" t="s">
        <v>23967</v>
      </c>
      <c r="E53358" s="1" t="s">
        <v>179747</v>
      </c>
      <c r="F53358" s="1" t="s">
        <v>179748</v>
      </c>
      <c r="G53358" s="1" t="s">
        <v>179651</v>
      </c>
      <c r="H53358" s="1" t="s">
        <v>179652</v>
      </c>
      <c r="I53358" s="1" t="s">
        <v>178869</v>
      </c>
      <c r="J53358" s="1" t="s">
        <v>179749</v>
      </c>
    </row>
    <row r="53359" spans="1:10" x14ac:dyDescent="0.35">
      <c r="A53359" s="1" t="s">
        <v>179647</v>
      </c>
      <c r="B53359" s="1" t="s">
        <v>178864</v>
      </c>
      <c r="C53359" s="1" t="s">
        <v>155</v>
      </c>
      <c r="D53359" s="1" t="s">
        <v>179750</v>
      </c>
      <c r="E53359" s="1" t="s">
        <v>179751</v>
      </c>
      <c r="F53359" s="1" t="s">
        <v>179752</v>
      </c>
      <c r="G53359" s="1" t="s">
        <v>179651</v>
      </c>
      <c r="H53359" s="1" t="s">
        <v>179652</v>
      </c>
      <c r="I53359" s="1" t="s">
        <v>178869</v>
      </c>
      <c r="J53359" s="1" t="s">
        <v>179753</v>
      </c>
    </row>
    <row r="53360" spans="1:10" x14ac:dyDescent="0.35">
      <c r="A53360" s="1" t="s">
        <v>179647</v>
      </c>
      <c r="B53360" s="1" t="s">
        <v>178864</v>
      </c>
      <c r="C53360" s="1" t="s">
        <v>160</v>
      </c>
      <c r="D53360" s="1" t="s">
        <v>179754</v>
      </c>
      <c r="E53360" s="1" t="s">
        <v>179755</v>
      </c>
      <c r="F53360" s="1" t="s">
        <v>179756</v>
      </c>
      <c r="G53360" s="1" t="s">
        <v>179651</v>
      </c>
      <c r="H53360" s="1" t="s">
        <v>179652</v>
      </c>
      <c r="I53360" s="1" t="s">
        <v>178869</v>
      </c>
      <c r="J53360" s="1" t="s">
        <v>179757</v>
      </c>
    </row>
    <row r="53361" spans="1:10" x14ac:dyDescent="0.35">
      <c r="A53361" s="1" t="s">
        <v>179647</v>
      </c>
      <c r="B53361" s="1" t="s">
        <v>178864</v>
      </c>
      <c r="C53361" s="1" t="s">
        <v>165</v>
      </c>
      <c r="D53361" s="1" t="s">
        <v>179758</v>
      </c>
      <c r="E53361" s="1" t="s">
        <v>179759</v>
      </c>
      <c r="F53361" s="1" t="s">
        <v>179760</v>
      </c>
      <c r="G53361" s="1" t="s">
        <v>179651</v>
      </c>
      <c r="H53361" s="1" t="s">
        <v>179652</v>
      </c>
      <c r="I53361" s="1" t="s">
        <v>178869</v>
      </c>
      <c r="J53361" s="1" t="s">
        <v>179761</v>
      </c>
    </row>
    <row r="53362" spans="1:10" x14ac:dyDescent="0.35">
      <c r="A53362" s="1" t="s">
        <v>179647</v>
      </c>
      <c r="B53362" s="1" t="s">
        <v>178864</v>
      </c>
      <c r="C53362" s="1" t="s">
        <v>170</v>
      </c>
      <c r="D53362" s="1" t="s">
        <v>127986</v>
      </c>
      <c r="E53362" s="1" t="s">
        <v>179762</v>
      </c>
      <c r="F53362" s="1" t="s">
        <v>179763</v>
      </c>
      <c r="G53362" s="1" t="s">
        <v>179651</v>
      </c>
      <c r="H53362" s="1" t="s">
        <v>179652</v>
      </c>
      <c r="I53362" s="1" t="s">
        <v>178869</v>
      </c>
      <c r="J53362" s="1" t="s">
        <v>179764</v>
      </c>
    </row>
    <row r="53363" spans="1:10" x14ac:dyDescent="0.35">
      <c r="A53363" s="1" t="s">
        <v>179765</v>
      </c>
      <c r="B53363" s="1" t="s">
        <v>178864</v>
      </c>
      <c r="C53363" s="1" t="s">
        <v>8</v>
      </c>
      <c r="D53363" s="1" t="s">
        <v>6814</v>
      </c>
      <c r="E53363" s="1" t="s">
        <v>179766</v>
      </c>
      <c r="F53363" s="1" t="s">
        <v>179767</v>
      </c>
      <c r="G53363" s="1" t="s">
        <v>179768</v>
      </c>
      <c r="H53363" s="1" t="s">
        <v>179769</v>
      </c>
      <c r="I53363" s="1" t="s">
        <v>178869</v>
      </c>
      <c r="J53363" s="1" t="s">
        <v>13</v>
      </c>
    </row>
    <row r="53364" spans="1:10" x14ac:dyDescent="0.35">
      <c r="A53364" s="1" t="s">
        <v>179765</v>
      </c>
      <c r="B53364" s="1" t="s">
        <v>178864</v>
      </c>
      <c r="C53364" s="1" t="s">
        <v>15</v>
      </c>
      <c r="D53364" s="1" t="s">
        <v>179770</v>
      </c>
      <c r="E53364" s="1" t="s">
        <v>179771</v>
      </c>
      <c r="F53364" s="1" t="s">
        <v>179772</v>
      </c>
      <c r="G53364" s="1" t="s">
        <v>179768</v>
      </c>
      <c r="H53364" s="1" t="s">
        <v>179769</v>
      </c>
      <c r="I53364" s="1" t="s">
        <v>178869</v>
      </c>
      <c r="J53364" s="1" t="s">
        <v>179773</v>
      </c>
    </row>
    <row r="53365" spans="1:10" x14ac:dyDescent="0.35">
      <c r="A53365" s="1" t="s">
        <v>179765</v>
      </c>
      <c r="B53365" s="1" t="s">
        <v>178864</v>
      </c>
      <c r="C53365" s="1" t="s">
        <v>20</v>
      </c>
      <c r="D53365" s="1" t="s">
        <v>179774</v>
      </c>
      <c r="E53365" s="1" t="s">
        <v>179775</v>
      </c>
      <c r="F53365" s="1" t="s">
        <v>179776</v>
      </c>
      <c r="G53365" s="1" t="s">
        <v>179768</v>
      </c>
      <c r="H53365" s="1" t="s">
        <v>179769</v>
      </c>
      <c r="I53365" s="1" t="s">
        <v>178869</v>
      </c>
      <c r="J53365" s="1" t="s">
        <v>179777</v>
      </c>
    </row>
    <row r="53366" spans="1:10" x14ac:dyDescent="0.35">
      <c r="A53366" s="1" t="s">
        <v>179765</v>
      </c>
      <c r="B53366" s="1" t="s">
        <v>178864</v>
      </c>
      <c r="C53366" s="1" t="s">
        <v>25</v>
      </c>
      <c r="D53366" s="1" t="s">
        <v>149935</v>
      </c>
      <c r="E53366" s="1" t="s">
        <v>179778</v>
      </c>
      <c r="F53366" s="1" t="s">
        <v>179779</v>
      </c>
      <c r="G53366" s="1" t="s">
        <v>179768</v>
      </c>
      <c r="H53366" s="1" t="s">
        <v>179769</v>
      </c>
      <c r="I53366" s="1" t="s">
        <v>178869</v>
      </c>
      <c r="J53366" s="1" t="s">
        <v>179780</v>
      </c>
    </row>
    <row r="53367" spans="1:10" x14ac:dyDescent="0.35">
      <c r="A53367" s="1" t="s">
        <v>179765</v>
      </c>
      <c r="B53367" s="1" t="s">
        <v>178864</v>
      </c>
      <c r="C53367" s="1" t="s">
        <v>30</v>
      </c>
      <c r="D53367" s="1" t="s">
        <v>152805</v>
      </c>
      <c r="E53367" s="1" t="s">
        <v>179781</v>
      </c>
      <c r="F53367" s="1" t="s">
        <v>179782</v>
      </c>
      <c r="G53367" s="1" t="s">
        <v>179768</v>
      </c>
      <c r="H53367" s="1" t="s">
        <v>179769</v>
      </c>
      <c r="I53367" s="1" t="s">
        <v>178869</v>
      </c>
      <c r="J53367" s="1" t="s">
        <v>179783</v>
      </c>
    </row>
    <row r="53368" spans="1:10" x14ac:dyDescent="0.35">
      <c r="A53368" s="1" t="s">
        <v>179765</v>
      </c>
      <c r="B53368" s="1" t="s">
        <v>178864</v>
      </c>
      <c r="C53368" s="1" t="s">
        <v>35</v>
      </c>
      <c r="D53368" s="1" t="s">
        <v>65037</v>
      </c>
      <c r="E53368" s="1" t="s">
        <v>179784</v>
      </c>
      <c r="F53368" s="1" t="s">
        <v>179785</v>
      </c>
      <c r="G53368" s="1" t="s">
        <v>179768</v>
      </c>
      <c r="H53368" s="1" t="s">
        <v>179769</v>
      </c>
      <c r="I53368" s="1" t="s">
        <v>178869</v>
      </c>
      <c r="J53368" s="1" t="s">
        <v>179786</v>
      </c>
    </row>
    <row r="53369" spans="1:10" x14ac:dyDescent="0.35">
      <c r="A53369" s="1" t="s">
        <v>179765</v>
      </c>
      <c r="B53369" s="1" t="s">
        <v>178864</v>
      </c>
      <c r="C53369" s="1" t="s">
        <v>40</v>
      </c>
      <c r="D53369" s="1" t="s">
        <v>53447</v>
      </c>
      <c r="E53369" s="1" t="s">
        <v>179787</v>
      </c>
      <c r="F53369" s="1" t="s">
        <v>179788</v>
      </c>
      <c r="G53369" s="1" t="s">
        <v>179768</v>
      </c>
      <c r="H53369" s="1" t="s">
        <v>179769</v>
      </c>
      <c r="I53369" s="1" t="s">
        <v>178869</v>
      </c>
      <c r="J53369" s="1" t="s">
        <v>179789</v>
      </c>
    </row>
    <row r="53370" spans="1:10" x14ac:dyDescent="0.35">
      <c r="A53370" s="1" t="s">
        <v>179765</v>
      </c>
      <c r="B53370" s="1" t="s">
        <v>178864</v>
      </c>
      <c r="C53370" s="1" t="s">
        <v>45</v>
      </c>
      <c r="D53370" s="1" t="s">
        <v>66169</v>
      </c>
      <c r="E53370" s="1" t="s">
        <v>179790</v>
      </c>
      <c r="F53370" s="1" t="s">
        <v>179791</v>
      </c>
      <c r="G53370" s="1" t="s">
        <v>179768</v>
      </c>
      <c r="H53370" s="1" t="s">
        <v>179769</v>
      </c>
      <c r="I53370" s="1" t="s">
        <v>178869</v>
      </c>
      <c r="J53370" s="1" t="s">
        <v>179792</v>
      </c>
    </row>
    <row r="53371" spans="1:10" x14ac:dyDescent="0.35">
      <c r="A53371" s="1" t="s">
        <v>179765</v>
      </c>
      <c r="B53371" s="1" t="s">
        <v>178864</v>
      </c>
      <c r="C53371" s="1" t="s">
        <v>50</v>
      </c>
      <c r="D53371" s="1" t="s">
        <v>77949</v>
      </c>
      <c r="E53371" s="1" t="s">
        <v>179793</v>
      </c>
      <c r="F53371" s="1" t="s">
        <v>179794</v>
      </c>
      <c r="G53371" s="1" t="s">
        <v>179768</v>
      </c>
      <c r="H53371" s="1" t="s">
        <v>179769</v>
      </c>
      <c r="I53371" s="1" t="s">
        <v>178869</v>
      </c>
      <c r="J53371" s="1" t="s">
        <v>179795</v>
      </c>
    </row>
    <row r="53372" spans="1:10" x14ac:dyDescent="0.35">
      <c r="A53372" s="1" t="s">
        <v>179765</v>
      </c>
      <c r="B53372" s="1" t="s">
        <v>178864</v>
      </c>
      <c r="C53372" s="1" t="s">
        <v>55</v>
      </c>
      <c r="D53372" s="1" t="s">
        <v>108677</v>
      </c>
      <c r="E53372" s="1" t="s">
        <v>179796</v>
      </c>
      <c r="F53372" s="1" t="s">
        <v>179797</v>
      </c>
      <c r="G53372" s="1" t="s">
        <v>179768</v>
      </c>
      <c r="H53372" s="1" t="s">
        <v>179769</v>
      </c>
      <c r="I53372" s="1" t="s">
        <v>178869</v>
      </c>
      <c r="J53372" s="1" t="s">
        <v>179798</v>
      </c>
    </row>
    <row r="53373" spans="1:10" x14ac:dyDescent="0.35">
      <c r="A53373" s="1" t="s">
        <v>179765</v>
      </c>
      <c r="B53373" s="1" t="s">
        <v>178864</v>
      </c>
      <c r="C53373" s="1" t="s">
        <v>60</v>
      </c>
      <c r="D53373" s="1" t="s">
        <v>82599</v>
      </c>
      <c r="E53373" s="1" t="s">
        <v>179799</v>
      </c>
      <c r="F53373" s="1" t="s">
        <v>179800</v>
      </c>
      <c r="G53373" s="1" t="s">
        <v>179768</v>
      </c>
      <c r="H53373" s="1" t="s">
        <v>179769</v>
      </c>
      <c r="I53373" s="1" t="s">
        <v>178869</v>
      </c>
      <c r="J53373" s="1" t="s">
        <v>179801</v>
      </c>
    </row>
    <row r="53374" spans="1:10" x14ac:dyDescent="0.35">
      <c r="A53374" s="1" t="s">
        <v>179765</v>
      </c>
      <c r="B53374" s="1" t="s">
        <v>178864</v>
      </c>
      <c r="C53374" s="1" t="s">
        <v>65</v>
      </c>
      <c r="D53374" s="1" t="s">
        <v>179802</v>
      </c>
      <c r="E53374" s="1" t="s">
        <v>179803</v>
      </c>
      <c r="F53374" s="1" t="s">
        <v>179804</v>
      </c>
      <c r="G53374" s="1" t="s">
        <v>179768</v>
      </c>
      <c r="H53374" s="1" t="s">
        <v>179769</v>
      </c>
      <c r="I53374" s="1" t="s">
        <v>178869</v>
      </c>
      <c r="J53374" s="1" t="s">
        <v>179805</v>
      </c>
    </row>
    <row r="53375" spans="1:10" x14ac:dyDescent="0.35">
      <c r="A53375" s="1" t="s">
        <v>179765</v>
      </c>
      <c r="B53375" s="1" t="s">
        <v>178864</v>
      </c>
      <c r="C53375" s="1" t="s">
        <v>70</v>
      </c>
      <c r="D53375" s="1" t="s">
        <v>22511</v>
      </c>
      <c r="E53375" s="1" t="s">
        <v>179806</v>
      </c>
      <c r="F53375" s="1" t="s">
        <v>179807</v>
      </c>
      <c r="G53375" s="1" t="s">
        <v>179768</v>
      </c>
      <c r="H53375" s="1" t="s">
        <v>179769</v>
      </c>
      <c r="I53375" s="1" t="s">
        <v>178869</v>
      </c>
      <c r="J53375" s="1" t="s">
        <v>179808</v>
      </c>
    </row>
    <row r="53376" spans="1:10" x14ac:dyDescent="0.35">
      <c r="A53376" s="1" t="s">
        <v>179765</v>
      </c>
      <c r="B53376" s="1" t="s">
        <v>178864</v>
      </c>
      <c r="C53376" s="1" t="s">
        <v>75</v>
      </c>
      <c r="D53376" s="1" t="s">
        <v>56220</v>
      </c>
      <c r="E53376" s="1" t="s">
        <v>179809</v>
      </c>
      <c r="F53376" s="1" t="s">
        <v>179810</v>
      </c>
      <c r="G53376" s="1" t="s">
        <v>179768</v>
      </c>
      <c r="H53376" s="1" t="s">
        <v>179769</v>
      </c>
      <c r="I53376" s="1" t="s">
        <v>178869</v>
      </c>
      <c r="J53376" s="1" t="s">
        <v>179811</v>
      </c>
    </row>
    <row r="53377" spans="1:10" x14ac:dyDescent="0.35">
      <c r="A53377" s="1" t="s">
        <v>179765</v>
      </c>
      <c r="B53377" s="1" t="s">
        <v>178864</v>
      </c>
      <c r="C53377" s="1" t="s">
        <v>80</v>
      </c>
      <c r="D53377" s="1" t="s">
        <v>68139</v>
      </c>
      <c r="E53377" s="1" t="s">
        <v>179812</v>
      </c>
      <c r="F53377" s="1" t="s">
        <v>179813</v>
      </c>
      <c r="G53377" s="1" t="s">
        <v>179768</v>
      </c>
      <c r="H53377" s="1" t="s">
        <v>179769</v>
      </c>
      <c r="I53377" s="1" t="s">
        <v>178869</v>
      </c>
      <c r="J53377" s="1" t="s">
        <v>179814</v>
      </c>
    </row>
    <row r="53378" spans="1:10" x14ac:dyDescent="0.35">
      <c r="A53378" s="1" t="s">
        <v>179765</v>
      </c>
      <c r="B53378" s="1" t="s">
        <v>178864</v>
      </c>
      <c r="C53378" s="1" t="s">
        <v>85</v>
      </c>
      <c r="D53378" s="1" t="s">
        <v>52727</v>
      </c>
      <c r="E53378" s="1" t="s">
        <v>179815</v>
      </c>
      <c r="F53378" s="1" t="s">
        <v>179816</v>
      </c>
      <c r="G53378" s="1" t="s">
        <v>179768</v>
      </c>
      <c r="H53378" s="1" t="s">
        <v>179769</v>
      </c>
      <c r="I53378" s="1" t="s">
        <v>178869</v>
      </c>
      <c r="J53378" s="1" t="s">
        <v>179817</v>
      </c>
    </row>
    <row r="53379" spans="1:10" x14ac:dyDescent="0.35">
      <c r="A53379" s="1" t="s">
        <v>179765</v>
      </c>
      <c r="B53379" s="1" t="s">
        <v>178864</v>
      </c>
      <c r="C53379" s="1" t="s">
        <v>90</v>
      </c>
      <c r="D53379" s="1" t="s">
        <v>68476</v>
      </c>
      <c r="E53379" s="1" t="s">
        <v>179818</v>
      </c>
      <c r="F53379" s="1" t="s">
        <v>179819</v>
      </c>
      <c r="G53379" s="1" t="s">
        <v>179768</v>
      </c>
      <c r="H53379" s="1" t="s">
        <v>179769</v>
      </c>
      <c r="I53379" s="1" t="s">
        <v>178869</v>
      </c>
      <c r="J53379" s="1" t="s">
        <v>179820</v>
      </c>
    </row>
    <row r="53380" spans="1:10" x14ac:dyDescent="0.35">
      <c r="A53380" s="1" t="s">
        <v>179765</v>
      </c>
      <c r="B53380" s="1" t="s">
        <v>178864</v>
      </c>
      <c r="C53380" s="1" t="s">
        <v>95</v>
      </c>
      <c r="D53380" s="1" t="s">
        <v>179821</v>
      </c>
      <c r="E53380" s="1" t="s">
        <v>179822</v>
      </c>
      <c r="F53380" s="1" t="s">
        <v>179823</v>
      </c>
      <c r="G53380" s="1" t="s">
        <v>179768</v>
      </c>
      <c r="H53380" s="1" t="s">
        <v>179769</v>
      </c>
      <c r="I53380" s="1" t="s">
        <v>178869</v>
      </c>
      <c r="J53380" s="1" t="s">
        <v>179824</v>
      </c>
    </row>
    <row r="53381" spans="1:10" x14ac:dyDescent="0.35">
      <c r="A53381" s="1" t="s">
        <v>179765</v>
      </c>
      <c r="B53381" s="1" t="s">
        <v>178864</v>
      </c>
      <c r="C53381" s="1" t="s">
        <v>100</v>
      </c>
      <c r="D53381" s="1" t="s">
        <v>98029</v>
      </c>
      <c r="E53381" s="1" t="s">
        <v>179825</v>
      </c>
      <c r="F53381" s="1" t="s">
        <v>179826</v>
      </c>
      <c r="G53381" s="1" t="s">
        <v>179768</v>
      </c>
      <c r="H53381" s="1" t="s">
        <v>179769</v>
      </c>
      <c r="I53381" s="1" t="s">
        <v>178869</v>
      </c>
      <c r="J53381" s="1" t="s">
        <v>179827</v>
      </c>
    </row>
    <row r="53382" spans="1:10" x14ac:dyDescent="0.35">
      <c r="A53382" s="1" t="s">
        <v>179765</v>
      </c>
      <c r="B53382" s="1" t="s">
        <v>178864</v>
      </c>
      <c r="C53382" s="1" t="s">
        <v>105</v>
      </c>
      <c r="D53382" s="1" t="s">
        <v>14331</v>
      </c>
      <c r="E53382" s="1" t="s">
        <v>179828</v>
      </c>
      <c r="F53382" s="1" t="s">
        <v>179829</v>
      </c>
      <c r="G53382" s="1" t="s">
        <v>179768</v>
      </c>
      <c r="H53382" s="1" t="s">
        <v>179769</v>
      </c>
      <c r="I53382" s="1" t="s">
        <v>178869</v>
      </c>
      <c r="J53382" s="1" t="s">
        <v>179830</v>
      </c>
    </row>
    <row r="53383" spans="1:10" x14ac:dyDescent="0.35">
      <c r="A53383" s="1" t="s">
        <v>179765</v>
      </c>
      <c r="B53383" s="1" t="s">
        <v>178864</v>
      </c>
      <c r="C53383" s="1" t="s">
        <v>110</v>
      </c>
      <c r="D53383" s="1" t="s">
        <v>179831</v>
      </c>
      <c r="E53383" s="1" t="s">
        <v>179832</v>
      </c>
      <c r="F53383" s="1" t="s">
        <v>179833</v>
      </c>
      <c r="G53383" s="1" t="s">
        <v>179768</v>
      </c>
      <c r="H53383" s="1" t="s">
        <v>179769</v>
      </c>
      <c r="I53383" s="1" t="s">
        <v>178869</v>
      </c>
      <c r="J53383" s="1" t="s">
        <v>179834</v>
      </c>
    </row>
    <row r="53384" spans="1:10" x14ac:dyDescent="0.35">
      <c r="A53384" s="1" t="s">
        <v>179765</v>
      </c>
      <c r="B53384" s="1" t="s">
        <v>178864</v>
      </c>
      <c r="C53384" s="1" t="s">
        <v>115</v>
      </c>
      <c r="D53384" s="1" t="s">
        <v>179835</v>
      </c>
      <c r="E53384" s="1" t="s">
        <v>179836</v>
      </c>
      <c r="F53384" s="1" t="s">
        <v>179837</v>
      </c>
      <c r="G53384" s="1" t="s">
        <v>179768</v>
      </c>
      <c r="H53384" s="1" t="s">
        <v>179769</v>
      </c>
      <c r="I53384" s="1" t="s">
        <v>178869</v>
      </c>
      <c r="J53384" s="1" t="s">
        <v>179838</v>
      </c>
    </row>
    <row r="53385" spans="1:10" x14ac:dyDescent="0.35">
      <c r="A53385" s="1" t="s">
        <v>179765</v>
      </c>
      <c r="B53385" s="1" t="s">
        <v>178864</v>
      </c>
      <c r="C53385" s="1" t="s">
        <v>120</v>
      </c>
      <c r="D53385" s="1" t="s">
        <v>179839</v>
      </c>
      <c r="E53385" s="1" t="s">
        <v>179840</v>
      </c>
      <c r="F53385" s="1" t="s">
        <v>179841</v>
      </c>
      <c r="G53385" s="1" t="s">
        <v>179768</v>
      </c>
      <c r="H53385" s="1" t="s">
        <v>179769</v>
      </c>
      <c r="I53385" s="1" t="s">
        <v>178869</v>
      </c>
      <c r="J53385" s="1" t="s">
        <v>179842</v>
      </c>
    </row>
    <row r="53386" spans="1:10" x14ac:dyDescent="0.35">
      <c r="A53386" s="1" t="s">
        <v>179765</v>
      </c>
      <c r="B53386" s="1" t="s">
        <v>178864</v>
      </c>
      <c r="C53386" s="1" t="s">
        <v>125</v>
      </c>
      <c r="D53386" s="1" t="s">
        <v>52247</v>
      </c>
      <c r="E53386" s="1" t="s">
        <v>179843</v>
      </c>
      <c r="F53386" s="1" t="s">
        <v>179844</v>
      </c>
      <c r="G53386" s="1" t="s">
        <v>179768</v>
      </c>
      <c r="H53386" s="1" t="s">
        <v>179769</v>
      </c>
      <c r="I53386" s="1" t="s">
        <v>178869</v>
      </c>
      <c r="J53386" s="1" t="s">
        <v>179845</v>
      </c>
    </row>
    <row r="53387" spans="1:10" x14ac:dyDescent="0.35">
      <c r="A53387" s="1" t="s">
        <v>179765</v>
      </c>
      <c r="B53387" s="1" t="s">
        <v>178864</v>
      </c>
      <c r="C53387" s="1" t="s">
        <v>130</v>
      </c>
      <c r="D53387" s="1" t="s">
        <v>43982</v>
      </c>
      <c r="E53387" s="1" t="s">
        <v>179846</v>
      </c>
      <c r="F53387" s="1" t="s">
        <v>179847</v>
      </c>
      <c r="G53387" s="1" t="s">
        <v>179768</v>
      </c>
      <c r="H53387" s="1" t="s">
        <v>179769</v>
      </c>
      <c r="I53387" s="1" t="s">
        <v>178869</v>
      </c>
      <c r="J53387" s="1" t="s">
        <v>179848</v>
      </c>
    </row>
    <row r="53388" spans="1:10" x14ac:dyDescent="0.35">
      <c r="A53388" s="1" t="s">
        <v>179765</v>
      </c>
      <c r="B53388" s="1" t="s">
        <v>178864</v>
      </c>
      <c r="C53388" s="1" t="s">
        <v>135</v>
      </c>
      <c r="D53388" s="1" t="s">
        <v>91951</v>
      </c>
      <c r="E53388" s="1" t="s">
        <v>179849</v>
      </c>
      <c r="F53388" s="1" t="s">
        <v>179850</v>
      </c>
      <c r="G53388" s="1" t="s">
        <v>179768</v>
      </c>
      <c r="H53388" s="1" t="s">
        <v>179769</v>
      </c>
      <c r="I53388" s="1" t="s">
        <v>178869</v>
      </c>
      <c r="J53388" s="1" t="s">
        <v>179851</v>
      </c>
    </row>
    <row r="53389" spans="1:10" x14ac:dyDescent="0.35">
      <c r="A53389" s="1" t="s">
        <v>179765</v>
      </c>
      <c r="B53389" s="1" t="s">
        <v>178864</v>
      </c>
      <c r="C53389" s="1" t="s">
        <v>140</v>
      </c>
      <c r="D53389" s="1" t="s">
        <v>107394</v>
      </c>
      <c r="E53389" s="1" t="s">
        <v>179852</v>
      </c>
      <c r="F53389" s="1" t="s">
        <v>179853</v>
      </c>
      <c r="G53389" s="1" t="s">
        <v>179768</v>
      </c>
      <c r="H53389" s="1" t="s">
        <v>179769</v>
      </c>
      <c r="I53389" s="1" t="s">
        <v>178869</v>
      </c>
      <c r="J53389" s="1" t="s">
        <v>179854</v>
      </c>
    </row>
    <row r="53390" spans="1:10" x14ac:dyDescent="0.35">
      <c r="A53390" s="1" t="s">
        <v>179765</v>
      </c>
      <c r="B53390" s="1" t="s">
        <v>178864</v>
      </c>
      <c r="C53390" s="1" t="s">
        <v>145</v>
      </c>
      <c r="D53390" s="1" t="s">
        <v>54270</v>
      </c>
      <c r="E53390" s="1" t="s">
        <v>179855</v>
      </c>
      <c r="F53390" s="1" t="s">
        <v>179856</v>
      </c>
      <c r="G53390" s="1" t="s">
        <v>179768</v>
      </c>
      <c r="H53390" s="1" t="s">
        <v>179769</v>
      </c>
      <c r="I53390" s="1" t="s">
        <v>178869</v>
      </c>
      <c r="J53390" s="1" t="s">
        <v>179857</v>
      </c>
    </row>
    <row r="53391" spans="1:10" x14ac:dyDescent="0.35">
      <c r="A53391" s="1" t="s">
        <v>179765</v>
      </c>
      <c r="B53391" s="1" t="s">
        <v>178864</v>
      </c>
      <c r="C53391" s="1" t="s">
        <v>150</v>
      </c>
      <c r="D53391" s="1" t="s">
        <v>59830</v>
      </c>
      <c r="E53391" s="1" t="s">
        <v>179858</v>
      </c>
      <c r="F53391" s="1" t="s">
        <v>179859</v>
      </c>
      <c r="G53391" s="1" t="s">
        <v>179768</v>
      </c>
      <c r="H53391" s="1" t="s">
        <v>179769</v>
      </c>
      <c r="I53391" s="1" t="s">
        <v>178869</v>
      </c>
      <c r="J53391" s="1" t="s">
        <v>179860</v>
      </c>
    </row>
    <row r="53392" spans="1:10" x14ac:dyDescent="0.35">
      <c r="A53392" s="1" t="s">
        <v>179765</v>
      </c>
      <c r="B53392" s="1" t="s">
        <v>178864</v>
      </c>
      <c r="C53392" s="1" t="s">
        <v>155</v>
      </c>
      <c r="D53392" s="1" t="s">
        <v>77505</v>
      </c>
      <c r="E53392" s="1" t="s">
        <v>179861</v>
      </c>
      <c r="F53392" s="1" t="s">
        <v>179862</v>
      </c>
      <c r="G53392" s="1" t="s">
        <v>179768</v>
      </c>
      <c r="H53392" s="1" t="s">
        <v>179769</v>
      </c>
      <c r="I53392" s="1" t="s">
        <v>178869</v>
      </c>
      <c r="J53392" s="1" t="s">
        <v>179863</v>
      </c>
    </row>
    <row r="53393" spans="1:10" x14ac:dyDescent="0.35">
      <c r="A53393" s="1" t="s">
        <v>179765</v>
      </c>
      <c r="B53393" s="1" t="s">
        <v>178864</v>
      </c>
      <c r="C53393" s="1" t="s">
        <v>160</v>
      </c>
      <c r="D53393" s="1" t="s">
        <v>179864</v>
      </c>
      <c r="E53393" s="1" t="s">
        <v>179865</v>
      </c>
      <c r="F53393" s="1" t="s">
        <v>179866</v>
      </c>
      <c r="G53393" s="1" t="s">
        <v>179768</v>
      </c>
      <c r="H53393" s="1" t="s">
        <v>179769</v>
      </c>
      <c r="I53393" s="1" t="s">
        <v>178869</v>
      </c>
      <c r="J53393" s="1" t="s">
        <v>179867</v>
      </c>
    </row>
    <row r="53394" spans="1:10" x14ac:dyDescent="0.35">
      <c r="A53394" s="1" t="s">
        <v>179765</v>
      </c>
      <c r="B53394" s="1" t="s">
        <v>178864</v>
      </c>
      <c r="C53394" s="1" t="s">
        <v>165</v>
      </c>
      <c r="D53394" s="1" t="s">
        <v>179868</v>
      </c>
      <c r="E53394" s="1" t="s">
        <v>179869</v>
      </c>
      <c r="F53394" s="1" t="s">
        <v>179870</v>
      </c>
      <c r="G53394" s="1" t="s">
        <v>179768</v>
      </c>
      <c r="H53394" s="1" t="s">
        <v>179769</v>
      </c>
      <c r="I53394" s="1" t="s">
        <v>178869</v>
      </c>
      <c r="J53394" s="1" t="s">
        <v>179871</v>
      </c>
    </row>
    <row r="53395" spans="1:10" x14ac:dyDescent="0.35">
      <c r="A53395" s="1" t="s">
        <v>179765</v>
      </c>
      <c r="B53395" s="1" t="s">
        <v>178864</v>
      </c>
      <c r="C53395" s="1" t="s">
        <v>170</v>
      </c>
      <c r="D53395" s="1" t="s">
        <v>69715</v>
      </c>
      <c r="E53395" s="1" t="s">
        <v>179872</v>
      </c>
      <c r="F53395" s="1" t="s">
        <v>179873</v>
      </c>
      <c r="G53395" s="1" t="s">
        <v>179768</v>
      </c>
      <c r="H53395" s="1" t="s">
        <v>179769</v>
      </c>
      <c r="I53395" s="1" t="s">
        <v>178869</v>
      </c>
      <c r="J53395" s="1" t="s">
        <v>179874</v>
      </c>
    </row>
    <row r="53396" spans="1:10" x14ac:dyDescent="0.35">
      <c r="A53396" s="1" t="s">
        <v>27951</v>
      </c>
      <c r="B53396" s="1" t="s">
        <v>178864</v>
      </c>
      <c r="C53396" s="1" t="s">
        <v>8</v>
      </c>
      <c r="D53396" s="1" t="s">
        <v>160153</v>
      </c>
      <c r="E53396" s="1" t="s">
        <v>179875</v>
      </c>
      <c r="F53396" s="1" t="s">
        <v>56040</v>
      </c>
      <c r="G53396" s="1" t="s">
        <v>179876</v>
      </c>
      <c r="H53396" s="1" t="s">
        <v>179877</v>
      </c>
      <c r="I53396" s="1" t="s">
        <v>178869</v>
      </c>
      <c r="J53396" s="1" t="s">
        <v>13</v>
      </c>
    </row>
    <row r="53397" spans="1:10" x14ac:dyDescent="0.35">
      <c r="A53397" s="1" t="s">
        <v>27951</v>
      </c>
      <c r="B53397" s="1" t="s">
        <v>178864</v>
      </c>
      <c r="C53397" s="1" t="s">
        <v>15</v>
      </c>
      <c r="D53397" s="1" t="s">
        <v>179878</v>
      </c>
      <c r="E53397" s="1" t="s">
        <v>179879</v>
      </c>
      <c r="F53397" s="1" t="s">
        <v>179880</v>
      </c>
      <c r="G53397" s="1" t="s">
        <v>179876</v>
      </c>
      <c r="H53397" s="1" t="s">
        <v>179877</v>
      </c>
      <c r="I53397" s="1" t="s">
        <v>178869</v>
      </c>
      <c r="J53397" s="1" t="s">
        <v>179881</v>
      </c>
    </row>
    <row r="53398" spans="1:10" x14ac:dyDescent="0.35">
      <c r="A53398" s="1" t="s">
        <v>27951</v>
      </c>
      <c r="B53398" s="1" t="s">
        <v>178864</v>
      </c>
      <c r="C53398" s="1" t="s">
        <v>20</v>
      </c>
      <c r="D53398" s="1" t="s">
        <v>179882</v>
      </c>
      <c r="E53398" s="1" t="s">
        <v>129373</v>
      </c>
      <c r="F53398" s="1" t="s">
        <v>69075</v>
      </c>
      <c r="G53398" s="1" t="s">
        <v>179876</v>
      </c>
      <c r="H53398" s="1" t="s">
        <v>179877</v>
      </c>
      <c r="I53398" s="1" t="s">
        <v>178869</v>
      </c>
      <c r="J53398" s="1" t="s">
        <v>179883</v>
      </c>
    </row>
    <row r="53399" spans="1:10" x14ac:dyDescent="0.35">
      <c r="A53399" s="1" t="s">
        <v>27951</v>
      </c>
      <c r="B53399" s="1" t="s">
        <v>178864</v>
      </c>
      <c r="C53399" s="1" t="s">
        <v>25</v>
      </c>
      <c r="D53399" s="1" t="s">
        <v>43936</v>
      </c>
      <c r="E53399" s="1" t="s">
        <v>179884</v>
      </c>
      <c r="F53399" s="1" t="s">
        <v>179885</v>
      </c>
      <c r="G53399" s="1" t="s">
        <v>179876</v>
      </c>
      <c r="H53399" s="1" t="s">
        <v>179877</v>
      </c>
      <c r="I53399" s="1" t="s">
        <v>178869</v>
      </c>
      <c r="J53399" s="1" t="s">
        <v>179886</v>
      </c>
    </row>
    <row r="53400" spans="1:10" x14ac:dyDescent="0.35">
      <c r="A53400" s="1" t="s">
        <v>27951</v>
      </c>
      <c r="B53400" s="1" t="s">
        <v>178864</v>
      </c>
      <c r="C53400" s="1" t="s">
        <v>30</v>
      </c>
      <c r="D53400" s="1" t="s">
        <v>179887</v>
      </c>
      <c r="E53400" s="1" t="s">
        <v>128519</v>
      </c>
      <c r="F53400" s="1" t="s">
        <v>179888</v>
      </c>
      <c r="G53400" s="1" t="s">
        <v>179876</v>
      </c>
      <c r="H53400" s="1" t="s">
        <v>179877</v>
      </c>
      <c r="I53400" s="1" t="s">
        <v>178869</v>
      </c>
      <c r="J53400" s="1" t="s">
        <v>179889</v>
      </c>
    </row>
    <row r="53401" spans="1:10" x14ac:dyDescent="0.35">
      <c r="A53401" s="1" t="s">
        <v>27951</v>
      </c>
      <c r="B53401" s="1" t="s">
        <v>178864</v>
      </c>
      <c r="C53401" s="1" t="s">
        <v>35</v>
      </c>
      <c r="D53401" s="1" t="s">
        <v>19079</v>
      </c>
      <c r="E53401" s="1" t="s">
        <v>179890</v>
      </c>
      <c r="F53401" s="1" t="s">
        <v>179891</v>
      </c>
      <c r="G53401" s="1" t="s">
        <v>179876</v>
      </c>
      <c r="H53401" s="1" t="s">
        <v>179877</v>
      </c>
      <c r="I53401" s="1" t="s">
        <v>178869</v>
      </c>
      <c r="J53401" s="1" t="s">
        <v>179892</v>
      </c>
    </row>
    <row r="53402" spans="1:10" x14ac:dyDescent="0.35">
      <c r="A53402" s="1" t="s">
        <v>27951</v>
      </c>
      <c r="B53402" s="1" t="s">
        <v>178864</v>
      </c>
      <c r="C53402" s="1" t="s">
        <v>40</v>
      </c>
      <c r="D53402" s="1" t="s">
        <v>173194</v>
      </c>
      <c r="E53402" s="1" t="s">
        <v>179893</v>
      </c>
      <c r="F53402" s="1" t="s">
        <v>179894</v>
      </c>
      <c r="G53402" s="1" t="s">
        <v>179876</v>
      </c>
      <c r="H53402" s="1" t="s">
        <v>179877</v>
      </c>
      <c r="I53402" s="1" t="s">
        <v>178869</v>
      </c>
      <c r="J53402" s="1" t="s">
        <v>179895</v>
      </c>
    </row>
    <row r="53403" spans="1:10" x14ac:dyDescent="0.35">
      <c r="A53403" s="1" t="s">
        <v>27951</v>
      </c>
      <c r="B53403" s="1" t="s">
        <v>178864</v>
      </c>
      <c r="C53403" s="1" t="s">
        <v>45</v>
      </c>
      <c r="D53403" s="1" t="s">
        <v>160564</v>
      </c>
      <c r="E53403" s="1" t="s">
        <v>94715</v>
      </c>
      <c r="F53403" s="1" t="s">
        <v>77774</v>
      </c>
      <c r="G53403" s="1" t="s">
        <v>179876</v>
      </c>
      <c r="H53403" s="1" t="s">
        <v>179877</v>
      </c>
      <c r="I53403" s="1" t="s">
        <v>178869</v>
      </c>
      <c r="J53403" s="1" t="s">
        <v>179896</v>
      </c>
    </row>
    <row r="53404" spans="1:10" x14ac:dyDescent="0.35">
      <c r="A53404" s="1" t="s">
        <v>27951</v>
      </c>
      <c r="B53404" s="1" t="s">
        <v>178864</v>
      </c>
      <c r="C53404" s="1" t="s">
        <v>50</v>
      </c>
      <c r="D53404" s="1" t="s">
        <v>179897</v>
      </c>
      <c r="E53404" s="1" t="s">
        <v>128286</v>
      </c>
      <c r="F53404" s="1" t="s">
        <v>179898</v>
      </c>
      <c r="G53404" s="1" t="s">
        <v>179876</v>
      </c>
      <c r="H53404" s="1" t="s">
        <v>179877</v>
      </c>
      <c r="I53404" s="1" t="s">
        <v>178869</v>
      </c>
      <c r="J53404" s="1" t="s">
        <v>179899</v>
      </c>
    </row>
    <row r="53405" spans="1:10" x14ac:dyDescent="0.35">
      <c r="A53405" s="1" t="s">
        <v>27951</v>
      </c>
      <c r="B53405" s="1" t="s">
        <v>178864</v>
      </c>
      <c r="C53405" s="1" t="s">
        <v>55</v>
      </c>
      <c r="D53405" s="1" t="s">
        <v>177984</v>
      </c>
      <c r="E53405" s="1" t="s">
        <v>15695</v>
      </c>
      <c r="F53405" s="1" t="s">
        <v>68943</v>
      </c>
      <c r="G53405" s="1" t="s">
        <v>179876</v>
      </c>
      <c r="H53405" s="1" t="s">
        <v>179877</v>
      </c>
      <c r="I53405" s="1" t="s">
        <v>178869</v>
      </c>
      <c r="J53405" s="1" t="s">
        <v>179900</v>
      </c>
    </row>
    <row r="53406" spans="1:10" x14ac:dyDescent="0.35">
      <c r="A53406" s="1" t="s">
        <v>27951</v>
      </c>
      <c r="B53406" s="1" t="s">
        <v>178864</v>
      </c>
      <c r="C53406" s="1" t="s">
        <v>60</v>
      </c>
      <c r="D53406" s="1" t="s">
        <v>113715</v>
      </c>
      <c r="E53406" s="1" t="s">
        <v>132952</v>
      </c>
      <c r="F53406" s="1" t="s">
        <v>12131</v>
      </c>
      <c r="G53406" s="1" t="s">
        <v>179876</v>
      </c>
      <c r="H53406" s="1" t="s">
        <v>179877</v>
      </c>
      <c r="I53406" s="1" t="s">
        <v>178869</v>
      </c>
      <c r="J53406" s="1" t="s">
        <v>179901</v>
      </c>
    </row>
    <row r="53407" spans="1:10" x14ac:dyDescent="0.35">
      <c r="A53407" s="1" t="s">
        <v>27951</v>
      </c>
      <c r="B53407" s="1" t="s">
        <v>178864</v>
      </c>
      <c r="C53407" s="1" t="s">
        <v>65</v>
      </c>
      <c r="D53407" s="1" t="s">
        <v>179902</v>
      </c>
      <c r="E53407" s="1" t="s">
        <v>179903</v>
      </c>
      <c r="F53407" s="1" t="s">
        <v>179904</v>
      </c>
      <c r="G53407" s="1" t="s">
        <v>179876</v>
      </c>
      <c r="H53407" s="1" t="s">
        <v>179877</v>
      </c>
      <c r="I53407" s="1" t="s">
        <v>178869</v>
      </c>
      <c r="J53407" s="1" t="s">
        <v>179905</v>
      </c>
    </row>
    <row r="53408" spans="1:10" x14ac:dyDescent="0.35">
      <c r="A53408" s="1" t="s">
        <v>27951</v>
      </c>
      <c r="B53408" s="1" t="s">
        <v>178864</v>
      </c>
      <c r="C53408" s="1" t="s">
        <v>70</v>
      </c>
      <c r="D53408" s="1" t="s">
        <v>38678</v>
      </c>
      <c r="E53408" s="1" t="s">
        <v>76401</v>
      </c>
      <c r="F53408" s="1" t="s">
        <v>179906</v>
      </c>
      <c r="G53408" s="1" t="s">
        <v>179876</v>
      </c>
      <c r="H53408" s="1" t="s">
        <v>179877</v>
      </c>
      <c r="I53408" s="1" t="s">
        <v>178869</v>
      </c>
      <c r="J53408" s="1" t="s">
        <v>179907</v>
      </c>
    </row>
    <row r="53409" spans="1:10" x14ac:dyDescent="0.35">
      <c r="A53409" s="1" t="s">
        <v>27951</v>
      </c>
      <c r="B53409" s="1" t="s">
        <v>178864</v>
      </c>
      <c r="C53409" s="1" t="s">
        <v>75</v>
      </c>
      <c r="D53409" s="1" t="s">
        <v>179908</v>
      </c>
      <c r="E53409" s="1" t="s">
        <v>139236</v>
      </c>
      <c r="F53409" s="1" t="s">
        <v>15301</v>
      </c>
      <c r="G53409" s="1" t="s">
        <v>179876</v>
      </c>
      <c r="H53409" s="1" t="s">
        <v>179877</v>
      </c>
      <c r="I53409" s="1" t="s">
        <v>178869</v>
      </c>
      <c r="J53409" s="1" t="s">
        <v>179909</v>
      </c>
    </row>
    <row r="53410" spans="1:10" x14ac:dyDescent="0.35">
      <c r="A53410" s="1" t="s">
        <v>27951</v>
      </c>
      <c r="B53410" s="1" t="s">
        <v>178864</v>
      </c>
      <c r="C53410" s="1" t="s">
        <v>80</v>
      </c>
      <c r="D53410" s="1" t="s">
        <v>179910</v>
      </c>
      <c r="E53410" s="1" t="s">
        <v>76349</v>
      </c>
      <c r="F53410" s="1" t="s">
        <v>179911</v>
      </c>
      <c r="G53410" s="1" t="s">
        <v>179876</v>
      </c>
      <c r="H53410" s="1" t="s">
        <v>179877</v>
      </c>
      <c r="I53410" s="1" t="s">
        <v>178869</v>
      </c>
      <c r="J53410" s="1" t="s">
        <v>179912</v>
      </c>
    </row>
    <row r="53411" spans="1:10" x14ac:dyDescent="0.35">
      <c r="A53411" s="1" t="s">
        <v>27951</v>
      </c>
      <c r="B53411" s="1" t="s">
        <v>178864</v>
      </c>
      <c r="C53411" s="1" t="s">
        <v>85</v>
      </c>
      <c r="D53411" s="1" t="s">
        <v>38518</v>
      </c>
      <c r="E53411" s="1" t="s">
        <v>94695</v>
      </c>
      <c r="F53411" s="1" t="s">
        <v>99890</v>
      </c>
      <c r="G53411" s="1" t="s">
        <v>179876</v>
      </c>
      <c r="H53411" s="1" t="s">
        <v>179877</v>
      </c>
      <c r="I53411" s="1" t="s">
        <v>178869</v>
      </c>
      <c r="J53411" s="1" t="s">
        <v>179913</v>
      </c>
    </row>
    <row r="53412" spans="1:10" x14ac:dyDescent="0.35">
      <c r="A53412" s="1" t="s">
        <v>27951</v>
      </c>
      <c r="B53412" s="1" t="s">
        <v>178864</v>
      </c>
      <c r="C53412" s="1" t="s">
        <v>90</v>
      </c>
      <c r="D53412" s="1" t="s">
        <v>126196</v>
      </c>
      <c r="E53412" s="1" t="s">
        <v>139221</v>
      </c>
      <c r="F53412" s="1" t="s">
        <v>179914</v>
      </c>
      <c r="G53412" s="1" t="s">
        <v>179876</v>
      </c>
      <c r="H53412" s="1" t="s">
        <v>179877</v>
      </c>
      <c r="I53412" s="1" t="s">
        <v>178869</v>
      </c>
      <c r="J53412" s="1" t="s">
        <v>179915</v>
      </c>
    </row>
    <row r="53413" spans="1:10" x14ac:dyDescent="0.35">
      <c r="A53413" s="1" t="s">
        <v>27951</v>
      </c>
      <c r="B53413" s="1" t="s">
        <v>178864</v>
      </c>
      <c r="C53413" s="1" t="s">
        <v>95</v>
      </c>
      <c r="D53413" s="1" t="s">
        <v>80006</v>
      </c>
      <c r="E53413" s="1" t="s">
        <v>179903</v>
      </c>
      <c r="F53413" s="1" t="s">
        <v>179916</v>
      </c>
      <c r="G53413" s="1" t="s">
        <v>179876</v>
      </c>
      <c r="H53413" s="1" t="s">
        <v>179877</v>
      </c>
      <c r="I53413" s="1" t="s">
        <v>178869</v>
      </c>
      <c r="J53413" s="1" t="s">
        <v>179917</v>
      </c>
    </row>
    <row r="53414" spans="1:10" x14ac:dyDescent="0.35">
      <c r="A53414" s="1" t="s">
        <v>27951</v>
      </c>
      <c r="B53414" s="1" t="s">
        <v>178864</v>
      </c>
      <c r="C53414" s="1" t="s">
        <v>100</v>
      </c>
      <c r="D53414" s="1" t="s">
        <v>179918</v>
      </c>
      <c r="E53414" s="1" t="s">
        <v>179919</v>
      </c>
      <c r="F53414" s="1" t="s">
        <v>131408</v>
      </c>
      <c r="G53414" s="1" t="s">
        <v>179876</v>
      </c>
      <c r="H53414" s="1" t="s">
        <v>179877</v>
      </c>
      <c r="I53414" s="1" t="s">
        <v>178869</v>
      </c>
      <c r="J53414" s="1" t="s">
        <v>179920</v>
      </c>
    </row>
    <row r="53415" spans="1:10" x14ac:dyDescent="0.35">
      <c r="A53415" s="1" t="s">
        <v>27951</v>
      </c>
      <c r="B53415" s="1" t="s">
        <v>178864</v>
      </c>
      <c r="C53415" s="1" t="s">
        <v>105</v>
      </c>
      <c r="D53415" s="1" t="s">
        <v>179921</v>
      </c>
      <c r="E53415" s="1" t="s">
        <v>129542</v>
      </c>
      <c r="F53415" s="1" t="s">
        <v>179922</v>
      </c>
      <c r="G53415" s="1" t="s">
        <v>179876</v>
      </c>
      <c r="H53415" s="1" t="s">
        <v>179877</v>
      </c>
      <c r="I53415" s="1" t="s">
        <v>178869</v>
      </c>
      <c r="J53415" s="1" t="s">
        <v>179923</v>
      </c>
    </row>
    <row r="53416" spans="1:10" x14ac:dyDescent="0.35">
      <c r="A53416" s="1" t="s">
        <v>27951</v>
      </c>
      <c r="B53416" s="1" t="s">
        <v>178864</v>
      </c>
      <c r="C53416" s="1" t="s">
        <v>110</v>
      </c>
      <c r="D53416" s="1" t="s">
        <v>179924</v>
      </c>
      <c r="E53416" s="1" t="s">
        <v>179925</v>
      </c>
      <c r="F53416" s="1" t="s">
        <v>131602</v>
      </c>
      <c r="G53416" s="1" t="s">
        <v>179876</v>
      </c>
      <c r="H53416" s="1" t="s">
        <v>179877</v>
      </c>
      <c r="I53416" s="1" t="s">
        <v>178869</v>
      </c>
      <c r="J53416" s="1" t="s">
        <v>179926</v>
      </c>
    </row>
    <row r="53417" spans="1:10" x14ac:dyDescent="0.35">
      <c r="A53417" s="1" t="s">
        <v>27951</v>
      </c>
      <c r="B53417" s="1" t="s">
        <v>178864</v>
      </c>
      <c r="C53417" s="1" t="s">
        <v>115</v>
      </c>
      <c r="D53417" s="1" t="s">
        <v>179927</v>
      </c>
      <c r="E53417" s="1" t="s">
        <v>133477</v>
      </c>
      <c r="F53417" s="1" t="s">
        <v>179928</v>
      </c>
      <c r="G53417" s="1" t="s">
        <v>179876</v>
      </c>
      <c r="H53417" s="1" t="s">
        <v>179877</v>
      </c>
      <c r="I53417" s="1" t="s">
        <v>178869</v>
      </c>
      <c r="J53417" s="1" t="s">
        <v>179929</v>
      </c>
    </row>
    <row r="53418" spans="1:10" x14ac:dyDescent="0.35">
      <c r="A53418" s="1" t="s">
        <v>27951</v>
      </c>
      <c r="B53418" s="1" t="s">
        <v>178864</v>
      </c>
      <c r="C53418" s="1" t="s">
        <v>120</v>
      </c>
      <c r="D53418" s="1" t="s">
        <v>154789</v>
      </c>
      <c r="E53418" s="1" t="s">
        <v>179930</v>
      </c>
      <c r="F53418" s="1" t="s">
        <v>179931</v>
      </c>
      <c r="G53418" s="1" t="s">
        <v>179876</v>
      </c>
      <c r="H53418" s="1" t="s">
        <v>179877</v>
      </c>
      <c r="I53418" s="1" t="s">
        <v>178869</v>
      </c>
      <c r="J53418" s="1" t="s">
        <v>179932</v>
      </c>
    </row>
    <row r="53419" spans="1:10" x14ac:dyDescent="0.35">
      <c r="A53419" s="1" t="s">
        <v>27951</v>
      </c>
      <c r="B53419" s="1" t="s">
        <v>178864</v>
      </c>
      <c r="C53419" s="1" t="s">
        <v>125</v>
      </c>
      <c r="D53419" s="1" t="s">
        <v>179933</v>
      </c>
      <c r="E53419" s="1" t="s">
        <v>131024</v>
      </c>
      <c r="F53419" s="1" t="s">
        <v>179934</v>
      </c>
      <c r="G53419" s="1" t="s">
        <v>179876</v>
      </c>
      <c r="H53419" s="1" t="s">
        <v>179877</v>
      </c>
      <c r="I53419" s="1" t="s">
        <v>178869</v>
      </c>
      <c r="J53419" s="1" t="s">
        <v>179935</v>
      </c>
    </row>
    <row r="53420" spans="1:10" x14ac:dyDescent="0.35">
      <c r="A53420" s="1" t="s">
        <v>27951</v>
      </c>
      <c r="B53420" s="1" t="s">
        <v>178864</v>
      </c>
      <c r="C53420" s="1" t="s">
        <v>130</v>
      </c>
      <c r="D53420" s="1" t="s">
        <v>67897</v>
      </c>
      <c r="E53420" s="1" t="s">
        <v>108698</v>
      </c>
      <c r="F53420" s="1" t="s">
        <v>97009</v>
      </c>
      <c r="G53420" s="1" t="s">
        <v>179876</v>
      </c>
      <c r="H53420" s="1" t="s">
        <v>179877</v>
      </c>
      <c r="I53420" s="1" t="s">
        <v>178869</v>
      </c>
      <c r="J53420" s="1" t="s">
        <v>179936</v>
      </c>
    </row>
    <row r="53421" spans="1:10" x14ac:dyDescent="0.35">
      <c r="A53421" s="1" t="s">
        <v>27951</v>
      </c>
      <c r="B53421" s="1" t="s">
        <v>178864</v>
      </c>
      <c r="C53421" s="1" t="s">
        <v>135</v>
      </c>
      <c r="D53421" s="1" t="s">
        <v>108825</v>
      </c>
      <c r="E53421" s="1" t="s">
        <v>179937</v>
      </c>
      <c r="F53421" s="1" t="s">
        <v>179938</v>
      </c>
      <c r="G53421" s="1" t="s">
        <v>179876</v>
      </c>
      <c r="H53421" s="1" t="s">
        <v>179877</v>
      </c>
      <c r="I53421" s="1" t="s">
        <v>178869</v>
      </c>
      <c r="J53421" s="1" t="s">
        <v>179939</v>
      </c>
    </row>
    <row r="53422" spans="1:10" x14ac:dyDescent="0.35">
      <c r="A53422" s="1" t="s">
        <v>27951</v>
      </c>
      <c r="B53422" s="1" t="s">
        <v>178864</v>
      </c>
      <c r="C53422" s="1" t="s">
        <v>140</v>
      </c>
      <c r="D53422" s="1" t="s">
        <v>64413</v>
      </c>
      <c r="E53422" s="1" t="s">
        <v>139605</v>
      </c>
      <c r="F53422" s="1" t="s">
        <v>179940</v>
      </c>
      <c r="G53422" s="1" t="s">
        <v>179876</v>
      </c>
      <c r="H53422" s="1" t="s">
        <v>179877</v>
      </c>
      <c r="I53422" s="1" t="s">
        <v>178869</v>
      </c>
      <c r="J53422" s="1" t="s">
        <v>179941</v>
      </c>
    </row>
    <row r="53423" spans="1:10" x14ac:dyDescent="0.35">
      <c r="A53423" s="1" t="s">
        <v>27951</v>
      </c>
      <c r="B53423" s="1" t="s">
        <v>178864</v>
      </c>
      <c r="C53423" s="1" t="s">
        <v>145</v>
      </c>
      <c r="D53423" s="1" t="s">
        <v>179942</v>
      </c>
      <c r="E53423" s="1" t="s">
        <v>48057</v>
      </c>
      <c r="F53423" s="1" t="s">
        <v>179943</v>
      </c>
      <c r="G53423" s="1" t="s">
        <v>179876</v>
      </c>
      <c r="H53423" s="1" t="s">
        <v>179877</v>
      </c>
      <c r="I53423" s="1" t="s">
        <v>178869</v>
      </c>
      <c r="J53423" s="1" t="s">
        <v>179944</v>
      </c>
    </row>
    <row r="53424" spans="1:10" x14ac:dyDescent="0.35">
      <c r="A53424" s="1" t="s">
        <v>27951</v>
      </c>
      <c r="B53424" s="1" t="s">
        <v>178864</v>
      </c>
      <c r="C53424" s="1" t="s">
        <v>150</v>
      </c>
      <c r="D53424" s="1" t="s">
        <v>179945</v>
      </c>
      <c r="E53424" s="1" t="s">
        <v>30690</v>
      </c>
      <c r="F53424" s="1" t="s">
        <v>179946</v>
      </c>
      <c r="G53424" s="1" t="s">
        <v>179876</v>
      </c>
      <c r="H53424" s="1" t="s">
        <v>179877</v>
      </c>
      <c r="I53424" s="1" t="s">
        <v>178869</v>
      </c>
      <c r="J53424" s="1" t="s">
        <v>179947</v>
      </c>
    </row>
    <row r="53425" spans="1:10" x14ac:dyDescent="0.35">
      <c r="A53425" s="1" t="s">
        <v>27951</v>
      </c>
      <c r="B53425" s="1" t="s">
        <v>178864</v>
      </c>
      <c r="C53425" s="1" t="s">
        <v>155</v>
      </c>
      <c r="D53425" s="1" t="s">
        <v>179948</v>
      </c>
      <c r="E53425" s="1" t="s">
        <v>149416</v>
      </c>
      <c r="F53425" s="1" t="s">
        <v>69410</v>
      </c>
      <c r="G53425" s="1" t="s">
        <v>179876</v>
      </c>
      <c r="H53425" s="1" t="s">
        <v>179877</v>
      </c>
      <c r="I53425" s="1" t="s">
        <v>178869</v>
      </c>
      <c r="J53425" s="1" t="s">
        <v>179949</v>
      </c>
    </row>
    <row r="53426" spans="1:10" x14ac:dyDescent="0.35">
      <c r="A53426" s="1" t="s">
        <v>27951</v>
      </c>
      <c r="B53426" s="1" t="s">
        <v>178864</v>
      </c>
      <c r="C53426" s="1" t="s">
        <v>160</v>
      </c>
      <c r="D53426" s="1" t="s">
        <v>54754</v>
      </c>
      <c r="E53426" s="1" t="s">
        <v>16249</v>
      </c>
      <c r="F53426" s="1" t="s">
        <v>179950</v>
      </c>
      <c r="G53426" s="1" t="s">
        <v>179876</v>
      </c>
      <c r="H53426" s="1" t="s">
        <v>179877</v>
      </c>
      <c r="I53426" s="1" t="s">
        <v>178869</v>
      </c>
      <c r="J53426" s="1" t="s">
        <v>179951</v>
      </c>
    </row>
    <row r="53427" spans="1:10" x14ac:dyDescent="0.35">
      <c r="A53427" s="1" t="s">
        <v>27951</v>
      </c>
      <c r="B53427" s="1" t="s">
        <v>178864</v>
      </c>
      <c r="C53427" s="1" t="s">
        <v>165</v>
      </c>
      <c r="D53427" s="1" t="s">
        <v>179952</v>
      </c>
      <c r="E53427" s="1" t="s">
        <v>179953</v>
      </c>
      <c r="F53427" s="1" t="s">
        <v>65349</v>
      </c>
      <c r="G53427" s="1" t="s">
        <v>179876</v>
      </c>
      <c r="H53427" s="1" t="s">
        <v>179877</v>
      </c>
      <c r="I53427" s="1" t="s">
        <v>178869</v>
      </c>
      <c r="J53427" s="1" t="s">
        <v>179954</v>
      </c>
    </row>
    <row r="53428" spans="1:10" x14ac:dyDescent="0.35">
      <c r="A53428" s="1" t="s">
        <v>27951</v>
      </c>
      <c r="B53428" s="1" t="s">
        <v>178864</v>
      </c>
      <c r="C53428" s="1" t="s">
        <v>170</v>
      </c>
      <c r="D53428" s="1" t="s">
        <v>43374</v>
      </c>
      <c r="E53428" s="1" t="s">
        <v>179955</v>
      </c>
      <c r="F53428" s="1" t="s">
        <v>179956</v>
      </c>
      <c r="G53428" s="1" t="s">
        <v>179876</v>
      </c>
      <c r="H53428" s="1" t="s">
        <v>179877</v>
      </c>
      <c r="I53428" s="1" t="s">
        <v>178869</v>
      </c>
      <c r="J53428" s="1" t="s">
        <v>179957</v>
      </c>
    </row>
    <row r="53429" spans="1:10" x14ac:dyDescent="0.35">
      <c r="A53429" s="1" t="s">
        <v>146236</v>
      </c>
      <c r="B53429" s="1" t="s">
        <v>178864</v>
      </c>
      <c r="C53429" s="1" t="s">
        <v>8</v>
      </c>
      <c r="D53429" s="1" t="s">
        <v>179958</v>
      </c>
      <c r="E53429" s="1" t="s">
        <v>95786</v>
      </c>
      <c r="F53429" s="1" t="s">
        <v>179959</v>
      </c>
      <c r="G53429" s="1" t="s">
        <v>179960</v>
      </c>
      <c r="H53429" s="1" t="s">
        <v>179961</v>
      </c>
      <c r="I53429" s="1" t="s">
        <v>178869</v>
      </c>
      <c r="J53429" s="1" t="s">
        <v>13</v>
      </c>
    </row>
    <row r="53430" spans="1:10" x14ac:dyDescent="0.35">
      <c r="A53430" s="1" t="s">
        <v>146236</v>
      </c>
      <c r="B53430" s="1" t="s">
        <v>178864</v>
      </c>
      <c r="C53430" s="1" t="s">
        <v>15</v>
      </c>
      <c r="D53430" s="1" t="s">
        <v>179962</v>
      </c>
      <c r="E53430" s="1" t="s">
        <v>179884</v>
      </c>
      <c r="F53430" s="1" t="s">
        <v>179963</v>
      </c>
      <c r="G53430" s="1" t="s">
        <v>179960</v>
      </c>
      <c r="H53430" s="1" t="s">
        <v>179961</v>
      </c>
      <c r="I53430" s="1" t="s">
        <v>178869</v>
      </c>
      <c r="J53430" s="1" t="s">
        <v>179964</v>
      </c>
    </row>
    <row r="53431" spans="1:10" x14ac:dyDescent="0.35">
      <c r="A53431" s="1" t="s">
        <v>146236</v>
      </c>
      <c r="B53431" s="1" t="s">
        <v>178864</v>
      </c>
      <c r="C53431" s="1" t="s">
        <v>20</v>
      </c>
      <c r="D53431" s="1" t="s">
        <v>115175</v>
      </c>
      <c r="E53431" s="1" t="s">
        <v>131017</v>
      </c>
      <c r="F53431" s="1" t="s">
        <v>15947</v>
      </c>
      <c r="G53431" s="1" t="s">
        <v>179960</v>
      </c>
      <c r="H53431" s="1" t="s">
        <v>179961</v>
      </c>
      <c r="I53431" s="1" t="s">
        <v>178869</v>
      </c>
      <c r="J53431" s="1" t="s">
        <v>179965</v>
      </c>
    </row>
    <row r="53432" spans="1:10" x14ac:dyDescent="0.35">
      <c r="A53432" s="1" t="s">
        <v>146236</v>
      </c>
      <c r="B53432" s="1" t="s">
        <v>178864</v>
      </c>
      <c r="C53432" s="1" t="s">
        <v>25</v>
      </c>
      <c r="D53432" s="1" t="s">
        <v>149841</v>
      </c>
      <c r="E53432" s="1" t="s">
        <v>30608</v>
      </c>
      <c r="F53432" s="1" t="s">
        <v>99989</v>
      </c>
      <c r="G53432" s="1" t="s">
        <v>179960</v>
      </c>
      <c r="H53432" s="1" t="s">
        <v>179961</v>
      </c>
      <c r="I53432" s="1" t="s">
        <v>178869</v>
      </c>
      <c r="J53432" s="1" t="s">
        <v>179966</v>
      </c>
    </row>
    <row r="53433" spans="1:10" x14ac:dyDescent="0.35">
      <c r="A53433" s="1" t="s">
        <v>146236</v>
      </c>
      <c r="B53433" s="1" t="s">
        <v>178864</v>
      </c>
      <c r="C53433" s="1" t="s">
        <v>30</v>
      </c>
      <c r="D53433" s="1" t="s">
        <v>179967</v>
      </c>
      <c r="E53433" s="1" t="s">
        <v>30634</v>
      </c>
      <c r="F53433" s="1" t="s">
        <v>179968</v>
      </c>
      <c r="G53433" s="1" t="s">
        <v>179960</v>
      </c>
      <c r="H53433" s="1" t="s">
        <v>179961</v>
      </c>
      <c r="I53433" s="1" t="s">
        <v>178869</v>
      </c>
      <c r="J53433" s="1" t="s">
        <v>179969</v>
      </c>
    </row>
    <row r="53434" spans="1:10" x14ac:dyDescent="0.35">
      <c r="A53434" s="1" t="s">
        <v>146236</v>
      </c>
      <c r="B53434" s="1" t="s">
        <v>178864</v>
      </c>
      <c r="C53434" s="1" t="s">
        <v>35</v>
      </c>
      <c r="D53434" s="1" t="s">
        <v>113746</v>
      </c>
      <c r="E53434" s="1" t="s">
        <v>108687</v>
      </c>
      <c r="F53434" s="1" t="s">
        <v>179970</v>
      </c>
      <c r="G53434" s="1" t="s">
        <v>179960</v>
      </c>
      <c r="H53434" s="1" t="s">
        <v>179961</v>
      </c>
      <c r="I53434" s="1" t="s">
        <v>178869</v>
      </c>
      <c r="J53434" s="1" t="s">
        <v>179971</v>
      </c>
    </row>
    <row r="53435" spans="1:10" x14ac:dyDescent="0.35">
      <c r="A53435" s="1" t="s">
        <v>146236</v>
      </c>
      <c r="B53435" s="1" t="s">
        <v>178864</v>
      </c>
      <c r="C53435" s="1" t="s">
        <v>40</v>
      </c>
      <c r="D53435" s="1" t="s">
        <v>179972</v>
      </c>
      <c r="E53435" s="1" t="s">
        <v>54239</v>
      </c>
      <c r="F53435" s="1" t="s">
        <v>179973</v>
      </c>
      <c r="G53435" s="1" t="s">
        <v>179960</v>
      </c>
      <c r="H53435" s="1" t="s">
        <v>179961</v>
      </c>
      <c r="I53435" s="1" t="s">
        <v>178869</v>
      </c>
      <c r="J53435" s="1" t="s">
        <v>179974</v>
      </c>
    </row>
    <row r="53436" spans="1:10" x14ac:dyDescent="0.35">
      <c r="A53436" s="1" t="s">
        <v>146236</v>
      </c>
      <c r="B53436" s="1" t="s">
        <v>178864</v>
      </c>
      <c r="C53436" s="1" t="s">
        <v>45</v>
      </c>
      <c r="D53436" s="1" t="s">
        <v>38125</v>
      </c>
      <c r="E53436" s="1" t="s">
        <v>179925</v>
      </c>
      <c r="F53436" s="1" t="s">
        <v>179975</v>
      </c>
      <c r="G53436" s="1" t="s">
        <v>179960</v>
      </c>
      <c r="H53436" s="1" t="s">
        <v>179961</v>
      </c>
      <c r="I53436" s="1" t="s">
        <v>178869</v>
      </c>
      <c r="J53436" s="1" t="s">
        <v>179976</v>
      </c>
    </row>
    <row r="53437" spans="1:10" x14ac:dyDescent="0.35">
      <c r="A53437" s="1" t="s">
        <v>146236</v>
      </c>
      <c r="B53437" s="1" t="s">
        <v>178864</v>
      </c>
      <c r="C53437" s="1" t="s">
        <v>50</v>
      </c>
      <c r="D53437" s="1" t="s">
        <v>179977</v>
      </c>
      <c r="E53437" s="1" t="s">
        <v>19948</v>
      </c>
      <c r="F53437" s="1" t="s">
        <v>179978</v>
      </c>
      <c r="G53437" s="1" t="s">
        <v>179960</v>
      </c>
      <c r="H53437" s="1" t="s">
        <v>179961</v>
      </c>
      <c r="I53437" s="1" t="s">
        <v>178869</v>
      </c>
      <c r="J53437" s="1" t="s">
        <v>179979</v>
      </c>
    </row>
    <row r="53438" spans="1:10" x14ac:dyDescent="0.35">
      <c r="A53438" s="1" t="s">
        <v>146236</v>
      </c>
      <c r="B53438" s="1" t="s">
        <v>178864</v>
      </c>
      <c r="C53438" s="1" t="s">
        <v>55</v>
      </c>
      <c r="D53438" s="1" t="s">
        <v>4662</v>
      </c>
      <c r="E53438" s="1" t="s">
        <v>129339</v>
      </c>
      <c r="F53438" s="1" t="s">
        <v>23343</v>
      </c>
      <c r="G53438" s="1" t="s">
        <v>179960</v>
      </c>
      <c r="H53438" s="1" t="s">
        <v>179961</v>
      </c>
      <c r="I53438" s="1" t="s">
        <v>178869</v>
      </c>
      <c r="J53438" s="1" t="s">
        <v>179980</v>
      </c>
    </row>
    <row r="53439" spans="1:10" x14ac:dyDescent="0.35">
      <c r="A53439" s="1" t="s">
        <v>146236</v>
      </c>
      <c r="B53439" s="1" t="s">
        <v>178864</v>
      </c>
      <c r="C53439" s="1" t="s">
        <v>60</v>
      </c>
      <c r="D53439" s="1" t="s">
        <v>179981</v>
      </c>
      <c r="E53439" s="1" t="s">
        <v>30660</v>
      </c>
      <c r="F53439" s="1" t="s">
        <v>179982</v>
      </c>
      <c r="G53439" s="1" t="s">
        <v>179960</v>
      </c>
      <c r="H53439" s="1" t="s">
        <v>179961</v>
      </c>
      <c r="I53439" s="1" t="s">
        <v>178869</v>
      </c>
      <c r="J53439" s="1" t="s">
        <v>179983</v>
      </c>
    </row>
    <row r="53440" spans="1:10" x14ac:dyDescent="0.35">
      <c r="A53440" s="1" t="s">
        <v>146236</v>
      </c>
      <c r="B53440" s="1" t="s">
        <v>178864</v>
      </c>
      <c r="C53440" s="1" t="s">
        <v>65</v>
      </c>
      <c r="D53440" s="1" t="s">
        <v>179984</v>
      </c>
      <c r="E53440" s="1" t="s">
        <v>30604</v>
      </c>
      <c r="F53440" s="1" t="s">
        <v>179985</v>
      </c>
      <c r="G53440" s="1" t="s">
        <v>179960</v>
      </c>
      <c r="H53440" s="1" t="s">
        <v>179961</v>
      </c>
      <c r="I53440" s="1" t="s">
        <v>178869</v>
      </c>
      <c r="J53440" s="1" t="s">
        <v>179986</v>
      </c>
    </row>
    <row r="53441" spans="1:10" x14ac:dyDescent="0.35">
      <c r="A53441" s="1" t="s">
        <v>146236</v>
      </c>
      <c r="B53441" s="1" t="s">
        <v>178864</v>
      </c>
      <c r="C53441" s="1" t="s">
        <v>70</v>
      </c>
      <c r="D53441" s="1" t="s">
        <v>44247</v>
      </c>
      <c r="E53441" s="1" t="s">
        <v>33002</v>
      </c>
      <c r="F53441" s="1" t="s">
        <v>179987</v>
      </c>
      <c r="G53441" s="1" t="s">
        <v>179960</v>
      </c>
      <c r="H53441" s="1" t="s">
        <v>179961</v>
      </c>
      <c r="I53441" s="1" t="s">
        <v>178869</v>
      </c>
      <c r="J53441" s="1" t="s">
        <v>179988</v>
      </c>
    </row>
    <row r="53442" spans="1:10" x14ac:dyDescent="0.35">
      <c r="A53442" s="1" t="s">
        <v>146236</v>
      </c>
      <c r="B53442" s="1" t="s">
        <v>178864</v>
      </c>
      <c r="C53442" s="1" t="s">
        <v>75</v>
      </c>
      <c r="D53442" s="1" t="s">
        <v>179989</v>
      </c>
      <c r="E53442" s="1" t="s">
        <v>108585</v>
      </c>
      <c r="F53442" s="1" t="s">
        <v>179990</v>
      </c>
      <c r="G53442" s="1" t="s">
        <v>179960</v>
      </c>
      <c r="H53442" s="1" t="s">
        <v>179961</v>
      </c>
      <c r="I53442" s="1" t="s">
        <v>178869</v>
      </c>
      <c r="J53442" s="1" t="s">
        <v>179991</v>
      </c>
    </row>
    <row r="53443" spans="1:10" x14ac:dyDescent="0.35">
      <c r="A53443" s="1" t="s">
        <v>146236</v>
      </c>
      <c r="B53443" s="1" t="s">
        <v>178864</v>
      </c>
      <c r="C53443" s="1" t="s">
        <v>80</v>
      </c>
      <c r="D53443" s="1" t="s">
        <v>179992</v>
      </c>
      <c r="E53443" s="1" t="s">
        <v>128254</v>
      </c>
      <c r="F53443" s="1" t="s">
        <v>179993</v>
      </c>
      <c r="G53443" s="1" t="s">
        <v>179960</v>
      </c>
      <c r="H53443" s="1" t="s">
        <v>179961</v>
      </c>
      <c r="I53443" s="1" t="s">
        <v>178869</v>
      </c>
      <c r="J53443" s="1" t="s">
        <v>179994</v>
      </c>
    </row>
    <row r="53444" spans="1:10" x14ac:dyDescent="0.35">
      <c r="A53444" s="1" t="s">
        <v>146236</v>
      </c>
      <c r="B53444" s="1" t="s">
        <v>178864</v>
      </c>
      <c r="C53444" s="1" t="s">
        <v>85</v>
      </c>
      <c r="D53444" s="1" t="s">
        <v>24204</v>
      </c>
      <c r="E53444" s="1" t="s">
        <v>105198</v>
      </c>
      <c r="F53444" s="1" t="s">
        <v>102715</v>
      </c>
      <c r="G53444" s="1" t="s">
        <v>179960</v>
      </c>
      <c r="H53444" s="1" t="s">
        <v>179961</v>
      </c>
      <c r="I53444" s="1" t="s">
        <v>178869</v>
      </c>
      <c r="J53444" s="1" t="s">
        <v>179995</v>
      </c>
    </row>
    <row r="53445" spans="1:10" x14ac:dyDescent="0.35">
      <c r="A53445" s="1" t="s">
        <v>146236</v>
      </c>
      <c r="B53445" s="1" t="s">
        <v>178864</v>
      </c>
      <c r="C53445" s="1" t="s">
        <v>90</v>
      </c>
      <c r="D53445" s="1" t="s">
        <v>150334</v>
      </c>
      <c r="E53445" s="1" t="s">
        <v>179925</v>
      </c>
      <c r="F53445" s="1" t="s">
        <v>179996</v>
      </c>
      <c r="G53445" s="1" t="s">
        <v>179960</v>
      </c>
      <c r="H53445" s="1" t="s">
        <v>179961</v>
      </c>
      <c r="I53445" s="1" t="s">
        <v>178869</v>
      </c>
      <c r="J53445" s="1" t="s">
        <v>179997</v>
      </c>
    </row>
    <row r="53446" spans="1:10" x14ac:dyDescent="0.35">
      <c r="A53446" s="1" t="s">
        <v>146236</v>
      </c>
      <c r="B53446" s="1" t="s">
        <v>178864</v>
      </c>
      <c r="C53446" s="1" t="s">
        <v>95</v>
      </c>
      <c r="D53446" s="1" t="s">
        <v>179998</v>
      </c>
      <c r="E53446" s="1" t="s">
        <v>129534</v>
      </c>
      <c r="F53446" s="1" t="s">
        <v>179999</v>
      </c>
      <c r="G53446" s="1" t="s">
        <v>179960</v>
      </c>
      <c r="H53446" s="1" t="s">
        <v>179961</v>
      </c>
      <c r="I53446" s="1" t="s">
        <v>178869</v>
      </c>
      <c r="J53446" s="1" t="s">
        <v>180000</v>
      </c>
    </row>
    <row r="53447" spans="1:10" x14ac:dyDescent="0.35">
      <c r="A53447" s="1" t="s">
        <v>146236</v>
      </c>
      <c r="B53447" s="1" t="s">
        <v>178864</v>
      </c>
      <c r="C53447" s="1" t="s">
        <v>100</v>
      </c>
      <c r="D53447" s="1" t="s">
        <v>66822</v>
      </c>
      <c r="E53447" s="1" t="s">
        <v>94836</v>
      </c>
      <c r="F53447" s="1" t="s">
        <v>180001</v>
      </c>
      <c r="G53447" s="1" t="s">
        <v>179960</v>
      </c>
      <c r="H53447" s="1" t="s">
        <v>179961</v>
      </c>
      <c r="I53447" s="1" t="s">
        <v>178869</v>
      </c>
      <c r="J53447" s="1" t="s">
        <v>180002</v>
      </c>
    </row>
    <row r="53448" spans="1:10" x14ac:dyDescent="0.35">
      <c r="A53448" s="1" t="s">
        <v>146236</v>
      </c>
      <c r="B53448" s="1" t="s">
        <v>178864</v>
      </c>
      <c r="C53448" s="1" t="s">
        <v>105</v>
      </c>
      <c r="D53448" s="1" t="s">
        <v>180003</v>
      </c>
      <c r="E53448" s="1" t="s">
        <v>180004</v>
      </c>
      <c r="F53448" s="1" t="s">
        <v>144907</v>
      </c>
      <c r="G53448" s="1" t="s">
        <v>179960</v>
      </c>
      <c r="H53448" s="1" t="s">
        <v>179961</v>
      </c>
      <c r="I53448" s="1" t="s">
        <v>178869</v>
      </c>
      <c r="J53448" s="1" t="s">
        <v>180005</v>
      </c>
    </row>
    <row r="53449" spans="1:10" x14ac:dyDescent="0.35">
      <c r="A53449" s="1" t="s">
        <v>146236</v>
      </c>
      <c r="B53449" s="1" t="s">
        <v>178864</v>
      </c>
      <c r="C53449" s="1" t="s">
        <v>110</v>
      </c>
      <c r="D53449" s="1" t="s">
        <v>179698</v>
      </c>
      <c r="E53449" s="1" t="s">
        <v>180006</v>
      </c>
      <c r="F53449" s="1" t="s">
        <v>180007</v>
      </c>
      <c r="G53449" s="1" t="s">
        <v>179960</v>
      </c>
      <c r="H53449" s="1" t="s">
        <v>179961</v>
      </c>
      <c r="I53449" s="1" t="s">
        <v>178869</v>
      </c>
      <c r="J53449" s="1" t="s">
        <v>180008</v>
      </c>
    </row>
    <row r="53450" spans="1:10" x14ac:dyDescent="0.35">
      <c r="A53450" s="1" t="s">
        <v>146236</v>
      </c>
      <c r="B53450" s="1" t="s">
        <v>178864</v>
      </c>
      <c r="C53450" s="1" t="s">
        <v>115</v>
      </c>
      <c r="D53450" s="1" t="s">
        <v>109347</v>
      </c>
      <c r="E53450" s="1" t="s">
        <v>30670</v>
      </c>
      <c r="F53450" s="1" t="s">
        <v>180009</v>
      </c>
      <c r="G53450" s="1" t="s">
        <v>179960</v>
      </c>
      <c r="H53450" s="1" t="s">
        <v>179961</v>
      </c>
      <c r="I53450" s="1" t="s">
        <v>178869</v>
      </c>
      <c r="J53450" s="1" t="s">
        <v>180010</v>
      </c>
    </row>
    <row r="53451" spans="1:10" x14ac:dyDescent="0.35">
      <c r="A53451" s="1" t="s">
        <v>146236</v>
      </c>
      <c r="B53451" s="1" t="s">
        <v>178864</v>
      </c>
      <c r="C53451" s="1" t="s">
        <v>120</v>
      </c>
      <c r="D53451" s="1" t="s">
        <v>126653</v>
      </c>
      <c r="E53451" s="1" t="s">
        <v>107513</v>
      </c>
      <c r="F53451" s="1" t="s">
        <v>180011</v>
      </c>
      <c r="G53451" s="1" t="s">
        <v>179960</v>
      </c>
      <c r="H53451" s="1" t="s">
        <v>179961</v>
      </c>
      <c r="I53451" s="1" t="s">
        <v>178869</v>
      </c>
      <c r="J53451" s="1" t="s">
        <v>180012</v>
      </c>
    </row>
    <row r="53452" spans="1:10" x14ac:dyDescent="0.35">
      <c r="A53452" s="1" t="s">
        <v>146236</v>
      </c>
      <c r="B53452" s="1" t="s">
        <v>178864</v>
      </c>
      <c r="C53452" s="1" t="s">
        <v>125</v>
      </c>
      <c r="D53452" s="1" t="s">
        <v>11302</v>
      </c>
      <c r="E53452" s="1" t="s">
        <v>180013</v>
      </c>
      <c r="F53452" s="1" t="s">
        <v>180014</v>
      </c>
      <c r="G53452" s="1" t="s">
        <v>179960</v>
      </c>
      <c r="H53452" s="1" t="s">
        <v>179961</v>
      </c>
      <c r="I53452" s="1" t="s">
        <v>178869</v>
      </c>
      <c r="J53452" s="1" t="s">
        <v>180015</v>
      </c>
    </row>
    <row r="53453" spans="1:10" x14ac:dyDescent="0.35">
      <c r="A53453" s="1" t="s">
        <v>146236</v>
      </c>
      <c r="B53453" s="1" t="s">
        <v>178864</v>
      </c>
      <c r="C53453" s="1" t="s">
        <v>130</v>
      </c>
      <c r="D53453" s="1" t="s">
        <v>180016</v>
      </c>
      <c r="E53453" s="1" t="s">
        <v>70924</v>
      </c>
      <c r="F53453" s="1" t="s">
        <v>180017</v>
      </c>
      <c r="G53453" s="1" t="s">
        <v>179960</v>
      </c>
      <c r="H53453" s="1" t="s">
        <v>179961</v>
      </c>
      <c r="I53453" s="1" t="s">
        <v>178869</v>
      </c>
      <c r="J53453" s="1" t="s">
        <v>180018</v>
      </c>
    </row>
    <row r="53454" spans="1:10" x14ac:dyDescent="0.35">
      <c r="A53454" s="1" t="s">
        <v>146236</v>
      </c>
      <c r="B53454" s="1" t="s">
        <v>178864</v>
      </c>
      <c r="C53454" s="1" t="s">
        <v>135</v>
      </c>
      <c r="D53454" s="1" t="s">
        <v>87235</v>
      </c>
      <c r="E53454" s="1" t="s">
        <v>94880</v>
      </c>
      <c r="F53454" s="1" t="s">
        <v>180019</v>
      </c>
      <c r="G53454" s="1" t="s">
        <v>179960</v>
      </c>
      <c r="H53454" s="1" t="s">
        <v>179961</v>
      </c>
      <c r="I53454" s="1" t="s">
        <v>178869</v>
      </c>
      <c r="J53454" s="1" t="s">
        <v>180020</v>
      </c>
    </row>
    <row r="53455" spans="1:10" x14ac:dyDescent="0.35">
      <c r="A53455" s="1" t="s">
        <v>146236</v>
      </c>
      <c r="B53455" s="1" t="s">
        <v>178864</v>
      </c>
      <c r="C53455" s="1" t="s">
        <v>140</v>
      </c>
      <c r="D53455" s="1" t="s">
        <v>180021</v>
      </c>
      <c r="E53455" s="1" t="s">
        <v>133755</v>
      </c>
      <c r="F53455" s="1" t="s">
        <v>180022</v>
      </c>
      <c r="G53455" s="1" t="s">
        <v>179960</v>
      </c>
      <c r="H53455" s="1" t="s">
        <v>179961</v>
      </c>
      <c r="I53455" s="1" t="s">
        <v>178869</v>
      </c>
      <c r="J53455" s="1" t="s">
        <v>180023</v>
      </c>
    </row>
    <row r="53456" spans="1:10" x14ac:dyDescent="0.35">
      <c r="A53456" s="1" t="s">
        <v>146236</v>
      </c>
      <c r="B53456" s="1" t="s">
        <v>178864</v>
      </c>
      <c r="C53456" s="1" t="s">
        <v>145</v>
      </c>
      <c r="D53456" s="1" t="s">
        <v>180024</v>
      </c>
      <c r="E53456" s="1" t="s">
        <v>105932</v>
      </c>
      <c r="F53456" s="1" t="s">
        <v>180025</v>
      </c>
      <c r="G53456" s="1" t="s">
        <v>179960</v>
      </c>
      <c r="H53456" s="1" t="s">
        <v>179961</v>
      </c>
      <c r="I53456" s="1" t="s">
        <v>178869</v>
      </c>
      <c r="J53456" s="1" t="s">
        <v>180026</v>
      </c>
    </row>
    <row r="53457" spans="1:10" x14ac:dyDescent="0.35">
      <c r="A53457" s="1" t="s">
        <v>146236</v>
      </c>
      <c r="B53457" s="1" t="s">
        <v>178864</v>
      </c>
      <c r="C53457" s="1" t="s">
        <v>150</v>
      </c>
      <c r="D53457" s="1" t="s">
        <v>87797</v>
      </c>
      <c r="E53457" s="1" t="s">
        <v>107479</v>
      </c>
      <c r="F53457" s="1" t="s">
        <v>180027</v>
      </c>
      <c r="G53457" s="1" t="s">
        <v>179960</v>
      </c>
      <c r="H53457" s="1" t="s">
        <v>179961</v>
      </c>
      <c r="I53457" s="1" t="s">
        <v>178869</v>
      </c>
      <c r="J53457" s="1" t="s">
        <v>180028</v>
      </c>
    </row>
    <row r="53458" spans="1:10" x14ac:dyDescent="0.35">
      <c r="A53458" s="1" t="s">
        <v>146236</v>
      </c>
      <c r="B53458" s="1" t="s">
        <v>178864</v>
      </c>
      <c r="C53458" s="1" t="s">
        <v>155</v>
      </c>
      <c r="D53458" s="1" t="s">
        <v>113966</v>
      </c>
      <c r="E53458" s="1" t="s">
        <v>76349</v>
      </c>
      <c r="F53458" s="1" t="s">
        <v>180029</v>
      </c>
      <c r="G53458" s="1" t="s">
        <v>179960</v>
      </c>
      <c r="H53458" s="1" t="s">
        <v>179961</v>
      </c>
      <c r="I53458" s="1" t="s">
        <v>178869</v>
      </c>
      <c r="J53458" s="1" t="s">
        <v>180030</v>
      </c>
    </row>
    <row r="53459" spans="1:10" x14ac:dyDescent="0.35">
      <c r="A53459" s="1" t="s">
        <v>146236</v>
      </c>
      <c r="B53459" s="1" t="s">
        <v>178864</v>
      </c>
      <c r="C53459" s="1" t="s">
        <v>160</v>
      </c>
      <c r="D53459" s="1" t="s">
        <v>180031</v>
      </c>
      <c r="E53459" s="1" t="s">
        <v>77738</v>
      </c>
      <c r="F53459" s="1" t="s">
        <v>180032</v>
      </c>
      <c r="G53459" s="1" t="s">
        <v>179960</v>
      </c>
      <c r="H53459" s="1" t="s">
        <v>179961</v>
      </c>
      <c r="I53459" s="1" t="s">
        <v>178869</v>
      </c>
      <c r="J53459" s="1" t="s">
        <v>180033</v>
      </c>
    </row>
    <row r="53460" spans="1:10" x14ac:dyDescent="0.35">
      <c r="A53460" s="1" t="s">
        <v>146236</v>
      </c>
      <c r="B53460" s="1" t="s">
        <v>178864</v>
      </c>
      <c r="C53460" s="1" t="s">
        <v>165</v>
      </c>
      <c r="D53460" s="1" t="s">
        <v>166671</v>
      </c>
      <c r="E53460" s="1" t="s">
        <v>73361</v>
      </c>
      <c r="F53460" s="1" t="s">
        <v>180034</v>
      </c>
      <c r="G53460" s="1" t="s">
        <v>179960</v>
      </c>
      <c r="H53460" s="1" t="s">
        <v>179961</v>
      </c>
      <c r="I53460" s="1" t="s">
        <v>178869</v>
      </c>
      <c r="J53460" s="1" t="s">
        <v>180035</v>
      </c>
    </row>
    <row r="53461" spans="1:10" x14ac:dyDescent="0.35">
      <c r="A53461" s="1" t="s">
        <v>146236</v>
      </c>
      <c r="B53461" s="1" t="s">
        <v>178864</v>
      </c>
      <c r="C53461" s="1" t="s">
        <v>170</v>
      </c>
      <c r="D53461" s="1" t="s">
        <v>180036</v>
      </c>
      <c r="E53461" s="1" t="s">
        <v>180037</v>
      </c>
      <c r="F53461" s="1" t="s">
        <v>180038</v>
      </c>
      <c r="G53461" s="1" t="s">
        <v>179960</v>
      </c>
      <c r="H53461" s="1" t="s">
        <v>179961</v>
      </c>
      <c r="I53461" s="1" t="s">
        <v>178869</v>
      </c>
      <c r="J53461" s="1" t="s">
        <v>180039</v>
      </c>
    </row>
    <row r="53462" spans="1:10" x14ac:dyDescent="0.35">
      <c r="A53462" s="1" t="s">
        <v>6435</v>
      </c>
      <c r="B53462" s="1" t="s">
        <v>178864</v>
      </c>
      <c r="C53462" s="1" t="s">
        <v>8</v>
      </c>
      <c r="D53462" s="1" t="s">
        <v>45445</v>
      </c>
      <c r="E53462" s="1" t="s">
        <v>180040</v>
      </c>
      <c r="F53462" s="1" t="s">
        <v>163499</v>
      </c>
      <c r="G53462" s="1" t="s">
        <v>180041</v>
      </c>
      <c r="H53462" s="1" t="s">
        <v>180042</v>
      </c>
      <c r="I53462" s="1" t="s">
        <v>178869</v>
      </c>
      <c r="J53462" s="1" t="s">
        <v>13</v>
      </c>
    </row>
    <row r="53463" spans="1:10" x14ac:dyDescent="0.35">
      <c r="A53463" s="1" t="s">
        <v>6435</v>
      </c>
      <c r="B53463" s="1" t="s">
        <v>178864</v>
      </c>
      <c r="C53463" s="1" t="s">
        <v>15</v>
      </c>
      <c r="D53463" s="1" t="s">
        <v>180043</v>
      </c>
      <c r="E53463" s="1" t="s">
        <v>180044</v>
      </c>
      <c r="F53463" s="1" t="s">
        <v>180045</v>
      </c>
      <c r="G53463" s="1" t="s">
        <v>180041</v>
      </c>
      <c r="H53463" s="1" t="s">
        <v>180042</v>
      </c>
      <c r="I53463" s="1" t="s">
        <v>178869</v>
      </c>
      <c r="J53463" s="1" t="s">
        <v>180046</v>
      </c>
    </row>
    <row r="53464" spans="1:10" x14ac:dyDescent="0.35">
      <c r="A53464" s="1" t="s">
        <v>6435</v>
      </c>
      <c r="B53464" s="1" t="s">
        <v>178864</v>
      </c>
      <c r="C53464" s="1" t="s">
        <v>20</v>
      </c>
      <c r="D53464" s="1" t="s">
        <v>180047</v>
      </c>
      <c r="E53464" s="1" t="s">
        <v>180048</v>
      </c>
      <c r="F53464" s="1" t="s">
        <v>180049</v>
      </c>
      <c r="G53464" s="1" t="s">
        <v>180041</v>
      </c>
      <c r="H53464" s="1" t="s">
        <v>180042</v>
      </c>
      <c r="I53464" s="1" t="s">
        <v>178869</v>
      </c>
      <c r="J53464" s="1" t="s">
        <v>180050</v>
      </c>
    </row>
    <row r="53465" spans="1:10" x14ac:dyDescent="0.35">
      <c r="A53465" s="1" t="s">
        <v>6435</v>
      </c>
      <c r="B53465" s="1" t="s">
        <v>178864</v>
      </c>
      <c r="C53465" s="1" t="s">
        <v>25</v>
      </c>
      <c r="D53465" s="1" t="s">
        <v>180051</v>
      </c>
      <c r="E53465" s="1" t="s">
        <v>180052</v>
      </c>
      <c r="F53465" s="1" t="s">
        <v>180053</v>
      </c>
      <c r="G53465" s="1" t="s">
        <v>180041</v>
      </c>
      <c r="H53465" s="1" t="s">
        <v>180042</v>
      </c>
      <c r="I53465" s="1" t="s">
        <v>178869</v>
      </c>
      <c r="J53465" s="1" t="s">
        <v>180054</v>
      </c>
    </row>
    <row r="53466" spans="1:10" x14ac:dyDescent="0.35">
      <c r="A53466" s="1" t="s">
        <v>6435</v>
      </c>
      <c r="B53466" s="1" t="s">
        <v>178864</v>
      </c>
      <c r="C53466" s="1" t="s">
        <v>30</v>
      </c>
      <c r="D53466" s="1" t="s">
        <v>17705</v>
      </c>
      <c r="E53466" s="1" t="s">
        <v>180055</v>
      </c>
      <c r="F53466" s="1" t="s">
        <v>180056</v>
      </c>
      <c r="G53466" s="1" t="s">
        <v>180041</v>
      </c>
      <c r="H53466" s="1" t="s">
        <v>180042</v>
      </c>
      <c r="I53466" s="1" t="s">
        <v>178869</v>
      </c>
      <c r="J53466" s="1" t="s">
        <v>180057</v>
      </c>
    </row>
    <row r="53467" spans="1:10" x14ac:dyDescent="0.35">
      <c r="A53467" s="1" t="s">
        <v>6435</v>
      </c>
      <c r="B53467" s="1" t="s">
        <v>178864</v>
      </c>
      <c r="C53467" s="1" t="s">
        <v>35</v>
      </c>
      <c r="D53467" s="1" t="s">
        <v>180058</v>
      </c>
      <c r="E53467" s="1" t="s">
        <v>180059</v>
      </c>
      <c r="F53467" s="1" t="s">
        <v>180060</v>
      </c>
      <c r="G53467" s="1" t="s">
        <v>180041</v>
      </c>
      <c r="H53467" s="1" t="s">
        <v>180042</v>
      </c>
      <c r="I53467" s="1" t="s">
        <v>178869</v>
      </c>
      <c r="J53467" s="1" t="s">
        <v>180061</v>
      </c>
    </row>
    <row r="53468" spans="1:10" x14ac:dyDescent="0.35">
      <c r="A53468" s="1" t="s">
        <v>6435</v>
      </c>
      <c r="B53468" s="1" t="s">
        <v>178864</v>
      </c>
      <c r="C53468" s="1" t="s">
        <v>40</v>
      </c>
      <c r="D53468" s="1" t="s">
        <v>33868</v>
      </c>
      <c r="E53468" s="1" t="s">
        <v>180062</v>
      </c>
      <c r="F53468" s="1" t="s">
        <v>180063</v>
      </c>
      <c r="G53468" s="1" t="s">
        <v>180041</v>
      </c>
      <c r="H53468" s="1" t="s">
        <v>180042</v>
      </c>
      <c r="I53468" s="1" t="s">
        <v>178869</v>
      </c>
      <c r="J53468" s="1" t="s">
        <v>180064</v>
      </c>
    </row>
    <row r="53469" spans="1:10" x14ac:dyDescent="0.35">
      <c r="A53469" s="1" t="s">
        <v>6435</v>
      </c>
      <c r="B53469" s="1" t="s">
        <v>178864</v>
      </c>
      <c r="C53469" s="1" t="s">
        <v>45</v>
      </c>
      <c r="D53469" s="1" t="s">
        <v>180065</v>
      </c>
      <c r="E53469" s="1" t="s">
        <v>180066</v>
      </c>
      <c r="F53469" s="1" t="s">
        <v>180067</v>
      </c>
      <c r="G53469" s="1" t="s">
        <v>180041</v>
      </c>
      <c r="H53469" s="1" t="s">
        <v>180042</v>
      </c>
      <c r="I53469" s="1" t="s">
        <v>178869</v>
      </c>
      <c r="J53469" s="1" t="s">
        <v>180068</v>
      </c>
    </row>
    <row r="53470" spans="1:10" x14ac:dyDescent="0.35">
      <c r="A53470" s="1" t="s">
        <v>6435</v>
      </c>
      <c r="B53470" s="1" t="s">
        <v>178864</v>
      </c>
      <c r="C53470" s="1" t="s">
        <v>50</v>
      </c>
      <c r="D53470" s="1" t="s">
        <v>32647</v>
      </c>
      <c r="E53470" s="1" t="s">
        <v>180069</v>
      </c>
      <c r="F53470" s="1" t="s">
        <v>180070</v>
      </c>
      <c r="G53470" s="1" t="s">
        <v>180041</v>
      </c>
      <c r="H53470" s="1" t="s">
        <v>180042</v>
      </c>
      <c r="I53470" s="1" t="s">
        <v>178869</v>
      </c>
      <c r="J53470" s="1" t="s">
        <v>180071</v>
      </c>
    </row>
    <row r="53471" spans="1:10" x14ac:dyDescent="0.35">
      <c r="A53471" s="1" t="s">
        <v>6435</v>
      </c>
      <c r="B53471" s="1" t="s">
        <v>178864</v>
      </c>
      <c r="C53471" s="1" t="s">
        <v>55</v>
      </c>
      <c r="D53471" s="1" t="s">
        <v>180072</v>
      </c>
      <c r="E53471" s="1" t="s">
        <v>180073</v>
      </c>
      <c r="F53471" s="1" t="s">
        <v>180074</v>
      </c>
      <c r="G53471" s="1" t="s">
        <v>180041</v>
      </c>
      <c r="H53471" s="1" t="s">
        <v>180042</v>
      </c>
      <c r="I53471" s="1" t="s">
        <v>178869</v>
      </c>
      <c r="J53471" s="1" t="s">
        <v>180075</v>
      </c>
    </row>
    <row r="53472" spans="1:10" x14ac:dyDescent="0.35">
      <c r="A53472" s="1" t="s">
        <v>6435</v>
      </c>
      <c r="B53472" s="1" t="s">
        <v>178864</v>
      </c>
      <c r="C53472" s="1" t="s">
        <v>60</v>
      </c>
      <c r="D53472" s="1" t="s">
        <v>180076</v>
      </c>
      <c r="E53472" s="1" t="s">
        <v>180077</v>
      </c>
      <c r="F53472" s="1" t="s">
        <v>180078</v>
      </c>
      <c r="G53472" s="1" t="s">
        <v>180041</v>
      </c>
      <c r="H53472" s="1" t="s">
        <v>180042</v>
      </c>
      <c r="I53472" s="1" t="s">
        <v>178869</v>
      </c>
      <c r="J53472" s="1" t="s">
        <v>180079</v>
      </c>
    </row>
    <row r="53473" spans="1:10" x14ac:dyDescent="0.35">
      <c r="A53473" s="1" t="s">
        <v>6435</v>
      </c>
      <c r="B53473" s="1" t="s">
        <v>178864</v>
      </c>
      <c r="C53473" s="1" t="s">
        <v>65</v>
      </c>
      <c r="D53473" s="1" t="s">
        <v>180080</v>
      </c>
      <c r="E53473" s="1" t="s">
        <v>180081</v>
      </c>
      <c r="F53473" s="1" t="s">
        <v>180082</v>
      </c>
      <c r="G53473" s="1" t="s">
        <v>180041</v>
      </c>
      <c r="H53473" s="1" t="s">
        <v>180042</v>
      </c>
      <c r="I53473" s="1" t="s">
        <v>178869</v>
      </c>
      <c r="J53473" s="1" t="s">
        <v>180083</v>
      </c>
    </row>
    <row r="53474" spans="1:10" x14ac:dyDescent="0.35">
      <c r="A53474" s="1" t="s">
        <v>6435</v>
      </c>
      <c r="B53474" s="1" t="s">
        <v>178864</v>
      </c>
      <c r="C53474" s="1" t="s">
        <v>70</v>
      </c>
      <c r="D53474" s="1" t="s">
        <v>17593</v>
      </c>
      <c r="E53474" s="1" t="s">
        <v>180084</v>
      </c>
      <c r="F53474" s="1" t="s">
        <v>180085</v>
      </c>
      <c r="G53474" s="1" t="s">
        <v>180041</v>
      </c>
      <c r="H53474" s="1" t="s">
        <v>180042</v>
      </c>
      <c r="I53474" s="1" t="s">
        <v>178869</v>
      </c>
      <c r="J53474" s="1" t="s">
        <v>180086</v>
      </c>
    </row>
    <row r="53475" spans="1:10" x14ac:dyDescent="0.35">
      <c r="A53475" s="1" t="s">
        <v>6435</v>
      </c>
      <c r="B53475" s="1" t="s">
        <v>178864</v>
      </c>
      <c r="C53475" s="1" t="s">
        <v>75</v>
      </c>
      <c r="D53475" s="1" t="s">
        <v>180087</v>
      </c>
      <c r="E53475" s="1" t="s">
        <v>180088</v>
      </c>
      <c r="F53475" s="1" t="s">
        <v>180089</v>
      </c>
      <c r="G53475" s="1" t="s">
        <v>180041</v>
      </c>
      <c r="H53475" s="1" t="s">
        <v>180042</v>
      </c>
      <c r="I53475" s="1" t="s">
        <v>178869</v>
      </c>
      <c r="J53475" s="1" t="s">
        <v>180090</v>
      </c>
    </row>
    <row r="53476" spans="1:10" x14ac:dyDescent="0.35">
      <c r="A53476" s="1" t="s">
        <v>6435</v>
      </c>
      <c r="B53476" s="1" t="s">
        <v>178864</v>
      </c>
      <c r="C53476" s="1" t="s">
        <v>80</v>
      </c>
      <c r="D53476" s="1" t="s">
        <v>114901</v>
      </c>
      <c r="E53476" s="1" t="s">
        <v>180091</v>
      </c>
      <c r="F53476" s="1" t="s">
        <v>180092</v>
      </c>
      <c r="G53476" s="1" t="s">
        <v>180041</v>
      </c>
      <c r="H53476" s="1" t="s">
        <v>180042</v>
      </c>
      <c r="I53476" s="1" t="s">
        <v>178869</v>
      </c>
      <c r="J53476" s="1" t="s">
        <v>180093</v>
      </c>
    </row>
    <row r="53477" spans="1:10" x14ac:dyDescent="0.35">
      <c r="A53477" s="1" t="s">
        <v>6435</v>
      </c>
      <c r="B53477" s="1" t="s">
        <v>178864</v>
      </c>
      <c r="C53477" s="1" t="s">
        <v>85</v>
      </c>
      <c r="D53477" s="1" t="s">
        <v>180094</v>
      </c>
      <c r="E53477" s="1" t="s">
        <v>180095</v>
      </c>
      <c r="F53477" s="1" t="s">
        <v>180096</v>
      </c>
      <c r="G53477" s="1" t="s">
        <v>180041</v>
      </c>
      <c r="H53477" s="1" t="s">
        <v>180042</v>
      </c>
      <c r="I53477" s="1" t="s">
        <v>178869</v>
      </c>
      <c r="J53477" s="1" t="s">
        <v>180097</v>
      </c>
    </row>
    <row r="53478" spans="1:10" x14ac:dyDescent="0.35">
      <c r="A53478" s="1" t="s">
        <v>6435</v>
      </c>
      <c r="B53478" s="1" t="s">
        <v>178864</v>
      </c>
      <c r="C53478" s="1" t="s">
        <v>90</v>
      </c>
      <c r="D53478" s="1" t="s">
        <v>53080</v>
      </c>
      <c r="E53478" s="1" t="s">
        <v>180098</v>
      </c>
      <c r="F53478" s="1" t="s">
        <v>180099</v>
      </c>
      <c r="G53478" s="1" t="s">
        <v>180041</v>
      </c>
      <c r="H53478" s="1" t="s">
        <v>180042</v>
      </c>
      <c r="I53478" s="1" t="s">
        <v>178869</v>
      </c>
      <c r="J53478" s="1" t="s">
        <v>180100</v>
      </c>
    </row>
    <row r="53479" spans="1:10" x14ac:dyDescent="0.35">
      <c r="A53479" s="1" t="s">
        <v>6435</v>
      </c>
      <c r="B53479" s="1" t="s">
        <v>178864</v>
      </c>
      <c r="C53479" s="1" t="s">
        <v>95</v>
      </c>
      <c r="D53479" s="1" t="s">
        <v>180101</v>
      </c>
      <c r="E53479" s="1" t="s">
        <v>180102</v>
      </c>
      <c r="F53479" s="1" t="s">
        <v>180103</v>
      </c>
      <c r="G53479" s="1" t="s">
        <v>180041</v>
      </c>
      <c r="H53479" s="1" t="s">
        <v>180042</v>
      </c>
      <c r="I53479" s="1" t="s">
        <v>178869</v>
      </c>
      <c r="J53479" s="1" t="s">
        <v>180104</v>
      </c>
    </row>
    <row r="53480" spans="1:10" x14ac:dyDescent="0.35">
      <c r="A53480" s="1" t="s">
        <v>6435</v>
      </c>
      <c r="B53480" s="1" t="s">
        <v>178864</v>
      </c>
      <c r="C53480" s="1" t="s">
        <v>100</v>
      </c>
      <c r="D53480" s="1" t="s">
        <v>180105</v>
      </c>
      <c r="E53480" s="1" t="s">
        <v>180106</v>
      </c>
      <c r="F53480" s="1" t="s">
        <v>180107</v>
      </c>
      <c r="G53480" s="1" t="s">
        <v>180041</v>
      </c>
      <c r="H53480" s="1" t="s">
        <v>180042</v>
      </c>
      <c r="I53480" s="1" t="s">
        <v>178869</v>
      </c>
      <c r="J53480" s="1" t="s">
        <v>180108</v>
      </c>
    </row>
    <row r="53481" spans="1:10" x14ac:dyDescent="0.35">
      <c r="A53481" s="1" t="s">
        <v>6435</v>
      </c>
      <c r="B53481" s="1" t="s">
        <v>178864</v>
      </c>
      <c r="C53481" s="1" t="s">
        <v>105</v>
      </c>
      <c r="D53481" s="1" t="s">
        <v>53306</v>
      </c>
      <c r="E53481" s="1" t="s">
        <v>180109</v>
      </c>
      <c r="F53481" s="1" t="s">
        <v>180110</v>
      </c>
      <c r="G53481" s="1" t="s">
        <v>180041</v>
      </c>
      <c r="H53481" s="1" t="s">
        <v>180042</v>
      </c>
      <c r="I53481" s="1" t="s">
        <v>178869</v>
      </c>
      <c r="J53481" s="1" t="s">
        <v>180111</v>
      </c>
    </row>
    <row r="53482" spans="1:10" x14ac:dyDescent="0.35">
      <c r="A53482" s="1" t="s">
        <v>6435</v>
      </c>
      <c r="B53482" s="1" t="s">
        <v>178864</v>
      </c>
      <c r="C53482" s="1" t="s">
        <v>110</v>
      </c>
      <c r="D53482" s="1" t="s">
        <v>180112</v>
      </c>
      <c r="E53482" s="1" t="s">
        <v>180113</v>
      </c>
      <c r="F53482" s="1" t="s">
        <v>180114</v>
      </c>
      <c r="G53482" s="1" t="s">
        <v>180041</v>
      </c>
      <c r="H53482" s="1" t="s">
        <v>180042</v>
      </c>
      <c r="I53482" s="1" t="s">
        <v>178869</v>
      </c>
      <c r="J53482" s="1" t="s">
        <v>180115</v>
      </c>
    </row>
    <row r="53483" spans="1:10" x14ac:dyDescent="0.35">
      <c r="A53483" s="1" t="s">
        <v>6435</v>
      </c>
      <c r="B53483" s="1" t="s">
        <v>178864</v>
      </c>
      <c r="C53483" s="1" t="s">
        <v>115</v>
      </c>
      <c r="D53483" s="1" t="s">
        <v>180116</v>
      </c>
      <c r="E53483" s="1" t="s">
        <v>180117</v>
      </c>
      <c r="F53483" s="1" t="s">
        <v>180118</v>
      </c>
      <c r="G53483" s="1" t="s">
        <v>180041</v>
      </c>
      <c r="H53483" s="1" t="s">
        <v>180042</v>
      </c>
      <c r="I53483" s="1" t="s">
        <v>178869</v>
      </c>
      <c r="J53483" s="1" t="s">
        <v>180119</v>
      </c>
    </row>
    <row r="53484" spans="1:10" x14ac:dyDescent="0.35">
      <c r="A53484" s="1" t="s">
        <v>6435</v>
      </c>
      <c r="B53484" s="1" t="s">
        <v>178864</v>
      </c>
      <c r="C53484" s="1" t="s">
        <v>120</v>
      </c>
      <c r="D53484" s="1" t="s">
        <v>180120</v>
      </c>
      <c r="E53484" s="1" t="s">
        <v>180121</v>
      </c>
      <c r="F53484" s="1" t="s">
        <v>180122</v>
      </c>
      <c r="G53484" s="1" t="s">
        <v>180041</v>
      </c>
      <c r="H53484" s="1" t="s">
        <v>180042</v>
      </c>
      <c r="I53484" s="1" t="s">
        <v>178869</v>
      </c>
      <c r="J53484" s="1" t="s">
        <v>180123</v>
      </c>
    </row>
    <row r="53485" spans="1:10" x14ac:dyDescent="0.35">
      <c r="A53485" s="1" t="s">
        <v>6435</v>
      </c>
      <c r="B53485" s="1" t="s">
        <v>178864</v>
      </c>
      <c r="C53485" s="1" t="s">
        <v>125</v>
      </c>
      <c r="D53485" s="1" t="s">
        <v>180124</v>
      </c>
      <c r="E53485" s="1" t="s">
        <v>180125</v>
      </c>
      <c r="F53485" s="1" t="s">
        <v>180126</v>
      </c>
      <c r="G53485" s="1" t="s">
        <v>180041</v>
      </c>
      <c r="H53485" s="1" t="s">
        <v>180042</v>
      </c>
      <c r="I53485" s="1" t="s">
        <v>178869</v>
      </c>
      <c r="J53485" s="1" t="s">
        <v>180127</v>
      </c>
    </row>
    <row r="53486" spans="1:10" x14ac:dyDescent="0.35">
      <c r="A53486" s="1" t="s">
        <v>6435</v>
      </c>
      <c r="B53486" s="1" t="s">
        <v>178864</v>
      </c>
      <c r="C53486" s="1" t="s">
        <v>130</v>
      </c>
      <c r="D53486" s="1" t="s">
        <v>180128</v>
      </c>
      <c r="E53486" s="1" t="s">
        <v>180129</v>
      </c>
      <c r="F53486" s="1" t="s">
        <v>180130</v>
      </c>
      <c r="G53486" s="1" t="s">
        <v>180041</v>
      </c>
      <c r="H53486" s="1" t="s">
        <v>180042</v>
      </c>
      <c r="I53486" s="1" t="s">
        <v>178869</v>
      </c>
      <c r="J53486" s="1" t="s">
        <v>180131</v>
      </c>
    </row>
    <row r="53487" spans="1:10" x14ac:dyDescent="0.35">
      <c r="A53487" s="1" t="s">
        <v>6435</v>
      </c>
      <c r="B53487" s="1" t="s">
        <v>178864</v>
      </c>
      <c r="C53487" s="1" t="s">
        <v>135</v>
      </c>
      <c r="D53487" s="1" t="s">
        <v>180132</v>
      </c>
      <c r="E53487" s="1" t="s">
        <v>180133</v>
      </c>
      <c r="F53487" s="1" t="s">
        <v>180134</v>
      </c>
      <c r="G53487" s="1" t="s">
        <v>180041</v>
      </c>
      <c r="H53487" s="1" t="s">
        <v>180042</v>
      </c>
      <c r="I53487" s="1" t="s">
        <v>178869</v>
      </c>
      <c r="J53487" s="1" t="s">
        <v>180135</v>
      </c>
    </row>
    <row r="53488" spans="1:10" x14ac:dyDescent="0.35">
      <c r="A53488" s="1" t="s">
        <v>6435</v>
      </c>
      <c r="B53488" s="1" t="s">
        <v>178864</v>
      </c>
      <c r="C53488" s="1" t="s">
        <v>140</v>
      </c>
      <c r="D53488" s="1" t="s">
        <v>68554</v>
      </c>
      <c r="E53488" s="1" t="s">
        <v>180136</v>
      </c>
      <c r="F53488" s="1" t="s">
        <v>180137</v>
      </c>
      <c r="G53488" s="1" t="s">
        <v>180041</v>
      </c>
      <c r="H53488" s="1" t="s">
        <v>180042</v>
      </c>
      <c r="I53488" s="1" t="s">
        <v>178869</v>
      </c>
      <c r="J53488" s="1" t="s">
        <v>180138</v>
      </c>
    </row>
    <row r="53489" spans="1:10" x14ac:dyDescent="0.35">
      <c r="A53489" s="1" t="s">
        <v>6435</v>
      </c>
      <c r="B53489" s="1" t="s">
        <v>178864</v>
      </c>
      <c r="C53489" s="1" t="s">
        <v>145</v>
      </c>
      <c r="D53489" s="1" t="s">
        <v>180139</v>
      </c>
      <c r="E53489" s="1" t="s">
        <v>180140</v>
      </c>
      <c r="F53489" s="1" t="s">
        <v>180141</v>
      </c>
      <c r="G53489" s="1" t="s">
        <v>180041</v>
      </c>
      <c r="H53489" s="1" t="s">
        <v>180042</v>
      </c>
      <c r="I53489" s="1" t="s">
        <v>178869</v>
      </c>
      <c r="J53489" s="1" t="s">
        <v>180142</v>
      </c>
    </row>
    <row r="53490" spans="1:10" x14ac:dyDescent="0.35">
      <c r="A53490" s="1" t="s">
        <v>6435</v>
      </c>
      <c r="B53490" s="1" t="s">
        <v>178864</v>
      </c>
      <c r="C53490" s="1" t="s">
        <v>150</v>
      </c>
      <c r="D53490" s="1" t="s">
        <v>180143</v>
      </c>
      <c r="E53490" s="1" t="s">
        <v>180144</v>
      </c>
      <c r="F53490" s="1" t="s">
        <v>180145</v>
      </c>
      <c r="G53490" s="1" t="s">
        <v>180041</v>
      </c>
      <c r="H53490" s="1" t="s">
        <v>180042</v>
      </c>
      <c r="I53490" s="1" t="s">
        <v>178869</v>
      </c>
      <c r="J53490" s="1" t="s">
        <v>180146</v>
      </c>
    </row>
    <row r="53491" spans="1:10" x14ac:dyDescent="0.35">
      <c r="A53491" s="1" t="s">
        <v>6435</v>
      </c>
      <c r="B53491" s="1" t="s">
        <v>178864</v>
      </c>
      <c r="C53491" s="1" t="s">
        <v>155</v>
      </c>
      <c r="D53491" s="1" t="s">
        <v>76561</v>
      </c>
      <c r="E53491" s="1" t="s">
        <v>180147</v>
      </c>
      <c r="F53491" s="1" t="s">
        <v>180148</v>
      </c>
      <c r="G53491" s="1" t="s">
        <v>180041</v>
      </c>
      <c r="H53491" s="1" t="s">
        <v>180042</v>
      </c>
      <c r="I53491" s="1" t="s">
        <v>178869</v>
      </c>
      <c r="J53491" s="1" t="s">
        <v>180149</v>
      </c>
    </row>
    <row r="53492" spans="1:10" x14ac:dyDescent="0.35">
      <c r="A53492" s="1" t="s">
        <v>6435</v>
      </c>
      <c r="B53492" s="1" t="s">
        <v>178864</v>
      </c>
      <c r="C53492" s="1" t="s">
        <v>160</v>
      </c>
      <c r="D53492" s="1" t="s">
        <v>11551</v>
      </c>
      <c r="E53492" s="1" t="s">
        <v>180150</v>
      </c>
      <c r="F53492" s="1" t="s">
        <v>180151</v>
      </c>
      <c r="G53492" s="1" t="s">
        <v>180041</v>
      </c>
      <c r="H53492" s="1" t="s">
        <v>180042</v>
      </c>
      <c r="I53492" s="1" t="s">
        <v>178869</v>
      </c>
      <c r="J53492" s="1" t="s">
        <v>180152</v>
      </c>
    </row>
    <row r="53493" spans="1:10" x14ac:dyDescent="0.35">
      <c r="A53493" s="1" t="s">
        <v>6435</v>
      </c>
      <c r="B53493" s="1" t="s">
        <v>178864</v>
      </c>
      <c r="C53493" s="1" t="s">
        <v>165</v>
      </c>
      <c r="D53493" s="1" t="s">
        <v>147891</v>
      </c>
      <c r="E53493" s="1" t="s">
        <v>180153</v>
      </c>
      <c r="F53493" s="1" t="s">
        <v>180154</v>
      </c>
      <c r="G53493" s="1" t="s">
        <v>180041</v>
      </c>
      <c r="H53493" s="1" t="s">
        <v>180042</v>
      </c>
      <c r="I53493" s="1" t="s">
        <v>178869</v>
      </c>
      <c r="J53493" s="1" t="s">
        <v>180155</v>
      </c>
    </row>
    <row r="53494" spans="1:10" x14ac:dyDescent="0.35">
      <c r="A53494" s="1" t="s">
        <v>6435</v>
      </c>
      <c r="B53494" s="1" t="s">
        <v>178864</v>
      </c>
      <c r="C53494" s="1" t="s">
        <v>170</v>
      </c>
      <c r="D53494" s="1" t="s">
        <v>11582</v>
      </c>
      <c r="E53494" s="1" t="s">
        <v>180156</v>
      </c>
      <c r="F53494" s="1" t="s">
        <v>15629</v>
      </c>
      <c r="G53494" s="1" t="s">
        <v>180041</v>
      </c>
      <c r="H53494" s="1" t="s">
        <v>180042</v>
      </c>
      <c r="I53494" s="1" t="s">
        <v>178869</v>
      </c>
      <c r="J53494" s="1" t="s">
        <v>180157</v>
      </c>
    </row>
    <row r="53495" spans="1:10" x14ac:dyDescent="0.35">
      <c r="A53495" s="1" t="s">
        <v>51865</v>
      </c>
      <c r="B53495" s="1" t="s">
        <v>178864</v>
      </c>
      <c r="C53495" s="1" t="s">
        <v>8</v>
      </c>
      <c r="D53495" s="1" t="s">
        <v>180158</v>
      </c>
      <c r="E53495" s="1" t="s">
        <v>180159</v>
      </c>
      <c r="F53495" s="1" t="s">
        <v>180160</v>
      </c>
      <c r="G53495" s="1" t="s">
        <v>180161</v>
      </c>
      <c r="H53495" s="1" t="s">
        <v>180162</v>
      </c>
      <c r="I53495" s="1" t="s">
        <v>178869</v>
      </c>
      <c r="J53495" s="1" t="s">
        <v>13</v>
      </c>
    </row>
    <row r="53496" spans="1:10" x14ac:dyDescent="0.35">
      <c r="A53496" s="1" t="s">
        <v>51865</v>
      </c>
      <c r="B53496" s="1" t="s">
        <v>178864</v>
      </c>
      <c r="C53496" s="1" t="s">
        <v>15</v>
      </c>
      <c r="D53496" s="1" t="s">
        <v>109278</v>
      </c>
      <c r="E53496" s="1" t="s">
        <v>180163</v>
      </c>
      <c r="F53496" s="1" t="s">
        <v>180164</v>
      </c>
      <c r="G53496" s="1" t="s">
        <v>180161</v>
      </c>
      <c r="H53496" s="1" t="s">
        <v>180162</v>
      </c>
      <c r="I53496" s="1" t="s">
        <v>178869</v>
      </c>
      <c r="J53496" s="1" t="s">
        <v>180165</v>
      </c>
    </row>
    <row r="53497" spans="1:10" x14ac:dyDescent="0.35">
      <c r="A53497" s="1" t="s">
        <v>51865</v>
      </c>
      <c r="B53497" s="1" t="s">
        <v>178864</v>
      </c>
      <c r="C53497" s="1" t="s">
        <v>20</v>
      </c>
      <c r="D53497" s="1" t="s">
        <v>75975</v>
      </c>
      <c r="E53497" s="1" t="s">
        <v>180166</v>
      </c>
      <c r="F53497" s="1" t="s">
        <v>180167</v>
      </c>
      <c r="G53497" s="1" t="s">
        <v>180161</v>
      </c>
      <c r="H53497" s="1" t="s">
        <v>180162</v>
      </c>
      <c r="I53497" s="1" t="s">
        <v>178869</v>
      </c>
      <c r="J53497" s="1" t="s">
        <v>180168</v>
      </c>
    </row>
    <row r="53498" spans="1:10" x14ac:dyDescent="0.35">
      <c r="A53498" s="1" t="s">
        <v>51865</v>
      </c>
      <c r="B53498" s="1" t="s">
        <v>178864</v>
      </c>
      <c r="C53498" s="1" t="s">
        <v>25</v>
      </c>
      <c r="D53498" s="1" t="s">
        <v>174189</v>
      </c>
      <c r="E53498" s="1" t="s">
        <v>107601</v>
      </c>
      <c r="F53498" s="1" t="s">
        <v>180169</v>
      </c>
      <c r="G53498" s="1" t="s">
        <v>180161</v>
      </c>
      <c r="H53498" s="1" t="s">
        <v>180162</v>
      </c>
      <c r="I53498" s="1" t="s">
        <v>178869</v>
      </c>
      <c r="J53498" s="1" t="s">
        <v>180170</v>
      </c>
    </row>
    <row r="53499" spans="1:10" x14ac:dyDescent="0.35">
      <c r="A53499" s="1" t="s">
        <v>51865</v>
      </c>
      <c r="B53499" s="1" t="s">
        <v>178864</v>
      </c>
      <c r="C53499" s="1" t="s">
        <v>30</v>
      </c>
      <c r="D53499" s="1" t="s">
        <v>180171</v>
      </c>
      <c r="E53499" s="1" t="s">
        <v>180172</v>
      </c>
      <c r="F53499" s="1" t="s">
        <v>180173</v>
      </c>
      <c r="G53499" s="1" t="s">
        <v>180161</v>
      </c>
      <c r="H53499" s="1" t="s">
        <v>180162</v>
      </c>
      <c r="I53499" s="1" t="s">
        <v>178869</v>
      </c>
      <c r="J53499" s="1" t="s">
        <v>180174</v>
      </c>
    </row>
    <row r="53500" spans="1:10" x14ac:dyDescent="0.35">
      <c r="A53500" s="1" t="s">
        <v>51865</v>
      </c>
      <c r="B53500" s="1" t="s">
        <v>178864</v>
      </c>
      <c r="C53500" s="1" t="s">
        <v>35</v>
      </c>
      <c r="D53500" s="1" t="s">
        <v>174659</v>
      </c>
      <c r="E53500" s="1" t="s">
        <v>180175</v>
      </c>
      <c r="F53500" s="1" t="s">
        <v>180176</v>
      </c>
      <c r="G53500" s="1" t="s">
        <v>180161</v>
      </c>
      <c r="H53500" s="1" t="s">
        <v>180162</v>
      </c>
      <c r="I53500" s="1" t="s">
        <v>178869</v>
      </c>
      <c r="J53500" s="1" t="s">
        <v>180177</v>
      </c>
    </row>
    <row r="53501" spans="1:10" x14ac:dyDescent="0.35">
      <c r="A53501" s="1" t="s">
        <v>51865</v>
      </c>
      <c r="B53501" s="1" t="s">
        <v>178864</v>
      </c>
      <c r="C53501" s="1" t="s">
        <v>40</v>
      </c>
      <c r="D53501" s="1" t="s">
        <v>77960</v>
      </c>
      <c r="E53501" s="1" t="s">
        <v>108302</v>
      </c>
      <c r="F53501" s="1" t="s">
        <v>180178</v>
      </c>
      <c r="G53501" s="1" t="s">
        <v>180161</v>
      </c>
      <c r="H53501" s="1" t="s">
        <v>180162</v>
      </c>
      <c r="I53501" s="1" t="s">
        <v>178869</v>
      </c>
      <c r="J53501" s="1" t="s">
        <v>180179</v>
      </c>
    </row>
    <row r="53502" spans="1:10" x14ac:dyDescent="0.35">
      <c r="A53502" s="1" t="s">
        <v>51865</v>
      </c>
      <c r="B53502" s="1" t="s">
        <v>178864</v>
      </c>
      <c r="C53502" s="1" t="s">
        <v>45</v>
      </c>
      <c r="D53502" s="1" t="s">
        <v>162280</v>
      </c>
      <c r="E53502" s="1" t="s">
        <v>180180</v>
      </c>
      <c r="F53502" s="1" t="s">
        <v>180181</v>
      </c>
      <c r="G53502" s="1" t="s">
        <v>180161</v>
      </c>
      <c r="H53502" s="1" t="s">
        <v>180162</v>
      </c>
      <c r="I53502" s="1" t="s">
        <v>178869</v>
      </c>
      <c r="J53502" s="1" t="s">
        <v>180182</v>
      </c>
    </row>
    <row r="53503" spans="1:10" x14ac:dyDescent="0.35">
      <c r="A53503" s="1" t="s">
        <v>51865</v>
      </c>
      <c r="B53503" s="1" t="s">
        <v>178864</v>
      </c>
      <c r="C53503" s="1" t="s">
        <v>50</v>
      </c>
      <c r="D53503" s="1" t="s">
        <v>180183</v>
      </c>
      <c r="E53503" s="1" t="s">
        <v>180184</v>
      </c>
      <c r="F53503" s="1" t="s">
        <v>180185</v>
      </c>
      <c r="G53503" s="1" t="s">
        <v>180161</v>
      </c>
      <c r="H53503" s="1" t="s">
        <v>180162</v>
      </c>
      <c r="I53503" s="1" t="s">
        <v>178869</v>
      </c>
      <c r="J53503" s="1" t="s">
        <v>180186</v>
      </c>
    </row>
    <row r="53504" spans="1:10" x14ac:dyDescent="0.35">
      <c r="A53504" s="1" t="s">
        <v>51865</v>
      </c>
      <c r="B53504" s="1" t="s">
        <v>178864</v>
      </c>
      <c r="C53504" s="1" t="s">
        <v>55</v>
      </c>
      <c r="D53504" s="1" t="s">
        <v>75679</v>
      </c>
      <c r="E53504" s="1" t="s">
        <v>180187</v>
      </c>
      <c r="F53504" s="1" t="s">
        <v>180188</v>
      </c>
      <c r="G53504" s="1" t="s">
        <v>180161</v>
      </c>
      <c r="H53504" s="1" t="s">
        <v>180162</v>
      </c>
      <c r="I53504" s="1" t="s">
        <v>178869</v>
      </c>
      <c r="J53504" s="1" t="s">
        <v>180189</v>
      </c>
    </row>
    <row r="53505" spans="1:10" x14ac:dyDescent="0.35">
      <c r="A53505" s="1" t="s">
        <v>51865</v>
      </c>
      <c r="B53505" s="1" t="s">
        <v>178864</v>
      </c>
      <c r="C53505" s="1" t="s">
        <v>60</v>
      </c>
      <c r="D53505" s="1" t="s">
        <v>60198</v>
      </c>
      <c r="E53505" s="1" t="s">
        <v>180190</v>
      </c>
      <c r="F53505" s="1" t="s">
        <v>180191</v>
      </c>
      <c r="G53505" s="1" t="s">
        <v>180161</v>
      </c>
      <c r="H53505" s="1" t="s">
        <v>180162</v>
      </c>
      <c r="I53505" s="1" t="s">
        <v>178869</v>
      </c>
      <c r="J53505" s="1" t="s">
        <v>180192</v>
      </c>
    </row>
    <row r="53506" spans="1:10" x14ac:dyDescent="0.35">
      <c r="A53506" s="1" t="s">
        <v>51865</v>
      </c>
      <c r="B53506" s="1" t="s">
        <v>178864</v>
      </c>
      <c r="C53506" s="1" t="s">
        <v>65</v>
      </c>
      <c r="D53506" s="1" t="s">
        <v>180193</v>
      </c>
      <c r="E53506" s="1" t="s">
        <v>78786</v>
      </c>
      <c r="F53506" s="1" t="s">
        <v>180194</v>
      </c>
      <c r="G53506" s="1" t="s">
        <v>180161</v>
      </c>
      <c r="H53506" s="1" t="s">
        <v>180162</v>
      </c>
      <c r="I53506" s="1" t="s">
        <v>178869</v>
      </c>
      <c r="J53506" s="1" t="s">
        <v>180195</v>
      </c>
    </row>
    <row r="53507" spans="1:10" x14ac:dyDescent="0.35">
      <c r="A53507" s="1" t="s">
        <v>51865</v>
      </c>
      <c r="B53507" s="1" t="s">
        <v>178864</v>
      </c>
      <c r="C53507" s="1" t="s">
        <v>70</v>
      </c>
      <c r="D53507" s="1" t="s">
        <v>95665</v>
      </c>
      <c r="E53507" s="1" t="s">
        <v>180196</v>
      </c>
      <c r="F53507" s="1" t="s">
        <v>180197</v>
      </c>
      <c r="G53507" s="1" t="s">
        <v>180161</v>
      </c>
      <c r="H53507" s="1" t="s">
        <v>180162</v>
      </c>
      <c r="I53507" s="1" t="s">
        <v>178869</v>
      </c>
      <c r="J53507" s="1" t="s">
        <v>180198</v>
      </c>
    </row>
    <row r="53508" spans="1:10" x14ac:dyDescent="0.35">
      <c r="A53508" s="1" t="s">
        <v>51865</v>
      </c>
      <c r="B53508" s="1" t="s">
        <v>178864</v>
      </c>
      <c r="C53508" s="1" t="s">
        <v>75</v>
      </c>
      <c r="D53508" s="1" t="s">
        <v>180199</v>
      </c>
      <c r="E53508" s="1" t="s">
        <v>180200</v>
      </c>
      <c r="F53508" s="1" t="s">
        <v>180201</v>
      </c>
      <c r="G53508" s="1" t="s">
        <v>180161</v>
      </c>
      <c r="H53508" s="1" t="s">
        <v>180162</v>
      </c>
      <c r="I53508" s="1" t="s">
        <v>178869</v>
      </c>
      <c r="J53508" s="1" t="s">
        <v>180202</v>
      </c>
    </row>
    <row r="53509" spans="1:10" x14ac:dyDescent="0.35">
      <c r="A53509" s="1" t="s">
        <v>51865</v>
      </c>
      <c r="B53509" s="1" t="s">
        <v>178864</v>
      </c>
      <c r="C53509" s="1" t="s">
        <v>80</v>
      </c>
      <c r="D53509" s="1" t="s">
        <v>80317</v>
      </c>
      <c r="E53509" s="1" t="s">
        <v>180203</v>
      </c>
      <c r="F53509" s="1" t="s">
        <v>180204</v>
      </c>
      <c r="G53509" s="1" t="s">
        <v>180161</v>
      </c>
      <c r="H53509" s="1" t="s">
        <v>180162</v>
      </c>
      <c r="I53509" s="1" t="s">
        <v>178869</v>
      </c>
      <c r="J53509" s="1" t="s">
        <v>180205</v>
      </c>
    </row>
    <row r="53510" spans="1:10" x14ac:dyDescent="0.35">
      <c r="A53510" s="1" t="s">
        <v>51865</v>
      </c>
      <c r="B53510" s="1" t="s">
        <v>178864</v>
      </c>
      <c r="C53510" s="1" t="s">
        <v>85</v>
      </c>
      <c r="D53510" s="1" t="s">
        <v>180206</v>
      </c>
      <c r="E53510" s="1" t="s">
        <v>180207</v>
      </c>
      <c r="F53510" s="1" t="s">
        <v>180208</v>
      </c>
      <c r="G53510" s="1" t="s">
        <v>180161</v>
      </c>
      <c r="H53510" s="1" t="s">
        <v>180162</v>
      </c>
      <c r="I53510" s="1" t="s">
        <v>178869</v>
      </c>
      <c r="J53510" s="1" t="s">
        <v>180209</v>
      </c>
    </row>
    <row r="53511" spans="1:10" x14ac:dyDescent="0.35">
      <c r="A53511" s="1" t="s">
        <v>51865</v>
      </c>
      <c r="B53511" s="1" t="s">
        <v>178864</v>
      </c>
      <c r="C53511" s="1" t="s">
        <v>90</v>
      </c>
      <c r="D53511" s="1" t="s">
        <v>180210</v>
      </c>
      <c r="E53511" s="1" t="s">
        <v>180211</v>
      </c>
      <c r="F53511" s="1" t="s">
        <v>180212</v>
      </c>
      <c r="G53511" s="1" t="s">
        <v>180161</v>
      </c>
      <c r="H53511" s="1" t="s">
        <v>180162</v>
      </c>
      <c r="I53511" s="1" t="s">
        <v>178869</v>
      </c>
      <c r="J53511" s="1" t="s">
        <v>180213</v>
      </c>
    </row>
    <row r="53512" spans="1:10" x14ac:dyDescent="0.35">
      <c r="A53512" s="1" t="s">
        <v>51865</v>
      </c>
      <c r="B53512" s="1" t="s">
        <v>178864</v>
      </c>
      <c r="C53512" s="1" t="s">
        <v>95</v>
      </c>
      <c r="D53512" s="1" t="s">
        <v>80436</v>
      </c>
      <c r="E53512" s="1" t="s">
        <v>180214</v>
      </c>
      <c r="F53512" s="1" t="s">
        <v>180215</v>
      </c>
      <c r="G53512" s="1" t="s">
        <v>180161</v>
      </c>
      <c r="H53512" s="1" t="s">
        <v>180162</v>
      </c>
      <c r="I53512" s="1" t="s">
        <v>178869</v>
      </c>
      <c r="J53512" s="1" t="s">
        <v>180216</v>
      </c>
    </row>
    <row r="53513" spans="1:10" x14ac:dyDescent="0.35">
      <c r="A53513" s="1" t="s">
        <v>51865</v>
      </c>
      <c r="B53513" s="1" t="s">
        <v>178864</v>
      </c>
      <c r="C53513" s="1" t="s">
        <v>100</v>
      </c>
      <c r="D53513" s="1" t="s">
        <v>130911</v>
      </c>
      <c r="E53513" s="1" t="s">
        <v>79813</v>
      </c>
      <c r="F53513" s="1" t="s">
        <v>180217</v>
      </c>
      <c r="G53513" s="1" t="s">
        <v>180161</v>
      </c>
      <c r="H53513" s="1" t="s">
        <v>180162</v>
      </c>
      <c r="I53513" s="1" t="s">
        <v>178869</v>
      </c>
      <c r="J53513" s="1" t="s">
        <v>180218</v>
      </c>
    </row>
    <row r="53514" spans="1:10" x14ac:dyDescent="0.35">
      <c r="A53514" s="1" t="s">
        <v>51865</v>
      </c>
      <c r="B53514" s="1" t="s">
        <v>178864</v>
      </c>
      <c r="C53514" s="1" t="s">
        <v>105</v>
      </c>
      <c r="D53514" s="1" t="s">
        <v>65731</v>
      </c>
      <c r="E53514" s="1" t="s">
        <v>180211</v>
      </c>
      <c r="F53514" s="1" t="s">
        <v>180219</v>
      </c>
      <c r="G53514" s="1" t="s">
        <v>180161</v>
      </c>
      <c r="H53514" s="1" t="s">
        <v>180162</v>
      </c>
      <c r="I53514" s="1" t="s">
        <v>178869</v>
      </c>
      <c r="J53514" s="1" t="s">
        <v>180220</v>
      </c>
    </row>
    <row r="53515" spans="1:10" x14ac:dyDescent="0.35">
      <c r="A53515" s="1" t="s">
        <v>51865</v>
      </c>
      <c r="B53515" s="1" t="s">
        <v>178864</v>
      </c>
      <c r="C53515" s="1" t="s">
        <v>110</v>
      </c>
      <c r="D53515" s="1" t="s">
        <v>91248</v>
      </c>
      <c r="E53515" s="1" t="s">
        <v>180221</v>
      </c>
      <c r="F53515" s="1" t="s">
        <v>180222</v>
      </c>
      <c r="G53515" s="1" t="s">
        <v>180161</v>
      </c>
      <c r="H53515" s="1" t="s">
        <v>180162</v>
      </c>
      <c r="I53515" s="1" t="s">
        <v>178869</v>
      </c>
      <c r="J53515" s="1" t="s">
        <v>180223</v>
      </c>
    </row>
    <row r="53516" spans="1:10" x14ac:dyDescent="0.35">
      <c r="A53516" s="1" t="s">
        <v>51865</v>
      </c>
      <c r="B53516" s="1" t="s">
        <v>178864</v>
      </c>
      <c r="C53516" s="1" t="s">
        <v>115</v>
      </c>
      <c r="D53516" s="1" t="s">
        <v>65889</v>
      </c>
      <c r="E53516" s="1" t="s">
        <v>145064</v>
      </c>
      <c r="F53516" s="1" t="s">
        <v>180224</v>
      </c>
      <c r="G53516" s="1" t="s">
        <v>180161</v>
      </c>
      <c r="H53516" s="1" t="s">
        <v>180162</v>
      </c>
      <c r="I53516" s="1" t="s">
        <v>178869</v>
      </c>
      <c r="J53516" s="1" t="s">
        <v>180225</v>
      </c>
    </row>
    <row r="53517" spans="1:10" x14ac:dyDescent="0.35">
      <c r="A53517" s="1" t="s">
        <v>51865</v>
      </c>
      <c r="B53517" s="1" t="s">
        <v>178864</v>
      </c>
      <c r="C53517" s="1" t="s">
        <v>120</v>
      </c>
      <c r="D53517" s="1" t="s">
        <v>105972</v>
      </c>
      <c r="E53517" s="1" t="s">
        <v>180226</v>
      </c>
      <c r="F53517" s="1" t="s">
        <v>180227</v>
      </c>
      <c r="G53517" s="1" t="s">
        <v>180161</v>
      </c>
      <c r="H53517" s="1" t="s">
        <v>180162</v>
      </c>
      <c r="I53517" s="1" t="s">
        <v>178869</v>
      </c>
      <c r="J53517" s="1" t="s">
        <v>180228</v>
      </c>
    </row>
    <row r="53518" spans="1:10" x14ac:dyDescent="0.35">
      <c r="A53518" s="1" t="s">
        <v>51865</v>
      </c>
      <c r="B53518" s="1" t="s">
        <v>178864</v>
      </c>
      <c r="C53518" s="1" t="s">
        <v>125</v>
      </c>
      <c r="D53518" s="1" t="s">
        <v>90215</v>
      </c>
      <c r="E53518" s="1" t="s">
        <v>180184</v>
      </c>
      <c r="F53518" s="1" t="s">
        <v>180229</v>
      </c>
      <c r="G53518" s="1" t="s">
        <v>180161</v>
      </c>
      <c r="H53518" s="1" t="s">
        <v>180162</v>
      </c>
      <c r="I53518" s="1" t="s">
        <v>178869</v>
      </c>
      <c r="J53518" s="1" t="s">
        <v>180230</v>
      </c>
    </row>
    <row r="53519" spans="1:10" x14ac:dyDescent="0.35">
      <c r="A53519" s="1" t="s">
        <v>51865</v>
      </c>
      <c r="B53519" s="1" t="s">
        <v>178864</v>
      </c>
      <c r="C53519" s="1" t="s">
        <v>130</v>
      </c>
      <c r="D53519" s="1" t="s">
        <v>180231</v>
      </c>
      <c r="E53519" s="1" t="s">
        <v>78856</v>
      </c>
      <c r="F53519" s="1" t="s">
        <v>180232</v>
      </c>
      <c r="G53519" s="1" t="s">
        <v>180161</v>
      </c>
      <c r="H53519" s="1" t="s">
        <v>180162</v>
      </c>
      <c r="I53519" s="1" t="s">
        <v>178869</v>
      </c>
      <c r="J53519" s="1" t="s">
        <v>180233</v>
      </c>
    </row>
    <row r="53520" spans="1:10" x14ac:dyDescent="0.35">
      <c r="A53520" s="1" t="s">
        <v>51865</v>
      </c>
      <c r="B53520" s="1" t="s">
        <v>178864</v>
      </c>
      <c r="C53520" s="1" t="s">
        <v>135</v>
      </c>
      <c r="D53520" s="1" t="s">
        <v>180234</v>
      </c>
      <c r="E53520" s="1" t="s">
        <v>180235</v>
      </c>
      <c r="F53520" s="1" t="s">
        <v>180236</v>
      </c>
      <c r="G53520" s="1" t="s">
        <v>180161</v>
      </c>
      <c r="H53520" s="1" t="s">
        <v>180162</v>
      </c>
      <c r="I53520" s="1" t="s">
        <v>178869</v>
      </c>
      <c r="J53520" s="1" t="s">
        <v>180237</v>
      </c>
    </row>
    <row r="53521" spans="1:10" x14ac:dyDescent="0.35">
      <c r="A53521" s="1" t="s">
        <v>51865</v>
      </c>
      <c r="B53521" s="1" t="s">
        <v>178864</v>
      </c>
      <c r="C53521" s="1" t="s">
        <v>140</v>
      </c>
      <c r="D53521" s="1" t="s">
        <v>54174</v>
      </c>
      <c r="E53521" s="1" t="s">
        <v>180238</v>
      </c>
      <c r="F53521" s="1" t="s">
        <v>180239</v>
      </c>
      <c r="G53521" s="1" t="s">
        <v>180161</v>
      </c>
      <c r="H53521" s="1" t="s">
        <v>180162</v>
      </c>
      <c r="I53521" s="1" t="s">
        <v>178869</v>
      </c>
      <c r="J53521" s="1" t="s">
        <v>180240</v>
      </c>
    </row>
    <row r="53522" spans="1:10" x14ac:dyDescent="0.35">
      <c r="A53522" s="1" t="s">
        <v>51865</v>
      </c>
      <c r="B53522" s="1" t="s">
        <v>178864</v>
      </c>
      <c r="C53522" s="1" t="s">
        <v>145</v>
      </c>
      <c r="D53522" s="1" t="s">
        <v>66700</v>
      </c>
      <c r="E53522" s="1" t="s">
        <v>74264</v>
      </c>
      <c r="F53522" s="1" t="s">
        <v>180241</v>
      </c>
      <c r="G53522" s="1" t="s">
        <v>180161</v>
      </c>
      <c r="H53522" s="1" t="s">
        <v>180162</v>
      </c>
      <c r="I53522" s="1" t="s">
        <v>178869</v>
      </c>
      <c r="J53522" s="1" t="s">
        <v>180242</v>
      </c>
    </row>
    <row r="53523" spans="1:10" x14ac:dyDescent="0.35">
      <c r="A53523" s="1" t="s">
        <v>51865</v>
      </c>
      <c r="B53523" s="1" t="s">
        <v>178864</v>
      </c>
      <c r="C53523" s="1" t="s">
        <v>150</v>
      </c>
      <c r="D53523" s="1" t="s">
        <v>180243</v>
      </c>
      <c r="E53523" s="1" t="s">
        <v>180244</v>
      </c>
      <c r="F53523" s="1" t="s">
        <v>180245</v>
      </c>
      <c r="G53523" s="1" t="s">
        <v>180161</v>
      </c>
      <c r="H53523" s="1" t="s">
        <v>180162</v>
      </c>
      <c r="I53523" s="1" t="s">
        <v>178869</v>
      </c>
      <c r="J53523" s="1" t="s">
        <v>180246</v>
      </c>
    </row>
    <row r="53524" spans="1:10" x14ac:dyDescent="0.35">
      <c r="A53524" s="1" t="s">
        <v>51865</v>
      </c>
      <c r="B53524" s="1" t="s">
        <v>178864</v>
      </c>
      <c r="C53524" s="1" t="s">
        <v>155</v>
      </c>
      <c r="D53524" s="1" t="s">
        <v>3296</v>
      </c>
      <c r="E53524" s="1" t="s">
        <v>180247</v>
      </c>
      <c r="F53524" s="1" t="s">
        <v>180248</v>
      </c>
      <c r="G53524" s="1" t="s">
        <v>180161</v>
      </c>
      <c r="H53524" s="1" t="s">
        <v>180162</v>
      </c>
      <c r="I53524" s="1" t="s">
        <v>178869</v>
      </c>
      <c r="J53524" s="1" t="s">
        <v>180249</v>
      </c>
    </row>
    <row r="53525" spans="1:10" x14ac:dyDescent="0.35">
      <c r="A53525" s="1" t="s">
        <v>51865</v>
      </c>
      <c r="B53525" s="1" t="s">
        <v>178864</v>
      </c>
      <c r="C53525" s="1" t="s">
        <v>160</v>
      </c>
      <c r="D53525" s="1" t="s">
        <v>64510</v>
      </c>
      <c r="E53525" s="1" t="s">
        <v>180250</v>
      </c>
      <c r="F53525" s="1" t="s">
        <v>180251</v>
      </c>
      <c r="G53525" s="1" t="s">
        <v>180161</v>
      </c>
      <c r="H53525" s="1" t="s">
        <v>180162</v>
      </c>
      <c r="I53525" s="1" t="s">
        <v>178869</v>
      </c>
      <c r="J53525" s="1" t="s">
        <v>180252</v>
      </c>
    </row>
    <row r="53526" spans="1:10" x14ac:dyDescent="0.35">
      <c r="A53526" s="1" t="s">
        <v>51865</v>
      </c>
      <c r="B53526" s="1" t="s">
        <v>178864</v>
      </c>
      <c r="C53526" s="1" t="s">
        <v>165</v>
      </c>
      <c r="D53526" s="1" t="s">
        <v>180253</v>
      </c>
      <c r="E53526" s="1" t="s">
        <v>180254</v>
      </c>
      <c r="F53526" s="1" t="s">
        <v>180255</v>
      </c>
      <c r="G53526" s="1" t="s">
        <v>180161</v>
      </c>
      <c r="H53526" s="1" t="s">
        <v>180162</v>
      </c>
      <c r="I53526" s="1" t="s">
        <v>178869</v>
      </c>
      <c r="J53526" s="1" t="s">
        <v>180256</v>
      </c>
    </row>
    <row r="53527" spans="1:10" x14ac:dyDescent="0.35">
      <c r="A53527" s="1" t="s">
        <v>51865</v>
      </c>
      <c r="B53527" s="1" t="s">
        <v>178864</v>
      </c>
      <c r="C53527" s="1" t="s">
        <v>170</v>
      </c>
      <c r="D53527" s="1" t="s">
        <v>57495</v>
      </c>
      <c r="E53527" s="1" t="s">
        <v>180257</v>
      </c>
      <c r="F53527" s="1" t="s">
        <v>180258</v>
      </c>
      <c r="G53527" s="1" t="s">
        <v>180161</v>
      </c>
      <c r="H53527" s="1" t="s">
        <v>180162</v>
      </c>
      <c r="I53527" s="1" t="s">
        <v>178869</v>
      </c>
      <c r="J53527" s="1" t="s">
        <v>180259</v>
      </c>
    </row>
    <row r="53528" spans="1:10" x14ac:dyDescent="0.35">
      <c r="A53528" s="1" t="s">
        <v>29553</v>
      </c>
      <c r="B53528" s="1" t="s">
        <v>178864</v>
      </c>
      <c r="C53528" s="1" t="s">
        <v>8</v>
      </c>
      <c r="D53528" s="1" t="s">
        <v>180260</v>
      </c>
      <c r="E53528" s="1" t="s">
        <v>109493</v>
      </c>
      <c r="F53528" s="1" t="s">
        <v>180261</v>
      </c>
      <c r="G53528" s="1" t="s">
        <v>180262</v>
      </c>
      <c r="H53528" s="1" t="s">
        <v>180263</v>
      </c>
      <c r="I53528" s="1" t="s">
        <v>178869</v>
      </c>
      <c r="J53528" s="1" t="s">
        <v>13</v>
      </c>
    </row>
    <row r="53529" spans="1:10" x14ac:dyDescent="0.35">
      <c r="A53529" s="1" t="s">
        <v>29553</v>
      </c>
      <c r="B53529" s="1" t="s">
        <v>178864</v>
      </c>
      <c r="C53529" s="1" t="s">
        <v>15</v>
      </c>
      <c r="D53529" s="1" t="s">
        <v>58129</v>
      </c>
      <c r="E53529" s="1" t="s">
        <v>180264</v>
      </c>
      <c r="F53529" s="1" t="s">
        <v>180265</v>
      </c>
      <c r="G53529" s="1" t="s">
        <v>180262</v>
      </c>
      <c r="H53529" s="1" t="s">
        <v>180263</v>
      </c>
      <c r="I53529" s="1" t="s">
        <v>178869</v>
      </c>
      <c r="J53529" s="1" t="s">
        <v>180266</v>
      </c>
    </row>
    <row r="53530" spans="1:10" x14ac:dyDescent="0.35">
      <c r="A53530" s="1" t="s">
        <v>29553</v>
      </c>
      <c r="B53530" s="1" t="s">
        <v>178864</v>
      </c>
      <c r="C53530" s="1" t="s">
        <v>20</v>
      </c>
      <c r="D53530" s="1" t="s">
        <v>101352</v>
      </c>
      <c r="E53530" s="1" t="s">
        <v>180267</v>
      </c>
      <c r="F53530" s="1" t="s">
        <v>180268</v>
      </c>
      <c r="G53530" s="1" t="s">
        <v>180262</v>
      </c>
      <c r="H53530" s="1" t="s">
        <v>180263</v>
      </c>
      <c r="I53530" s="1" t="s">
        <v>178869</v>
      </c>
      <c r="J53530" s="1" t="s">
        <v>180269</v>
      </c>
    </row>
    <row r="53531" spans="1:10" x14ac:dyDescent="0.35">
      <c r="A53531" s="1" t="s">
        <v>29553</v>
      </c>
      <c r="B53531" s="1" t="s">
        <v>178864</v>
      </c>
      <c r="C53531" s="1" t="s">
        <v>25</v>
      </c>
      <c r="D53531" s="1" t="s">
        <v>180270</v>
      </c>
      <c r="E53531" s="1" t="s">
        <v>180271</v>
      </c>
      <c r="F53531" s="1" t="s">
        <v>180272</v>
      </c>
      <c r="G53531" s="1" t="s">
        <v>180262</v>
      </c>
      <c r="H53531" s="1" t="s">
        <v>180263</v>
      </c>
      <c r="I53531" s="1" t="s">
        <v>178869</v>
      </c>
      <c r="J53531" s="1" t="s">
        <v>180273</v>
      </c>
    </row>
    <row r="53532" spans="1:10" x14ac:dyDescent="0.35">
      <c r="A53532" s="1" t="s">
        <v>29553</v>
      </c>
      <c r="B53532" s="1" t="s">
        <v>178864</v>
      </c>
      <c r="C53532" s="1" t="s">
        <v>30</v>
      </c>
      <c r="D53532" s="1" t="s">
        <v>166795</v>
      </c>
      <c r="E53532" s="1" t="s">
        <v>180274</v>
      </c>
      <c r="F53532" s="1" t="s">
        <v>180275</v>
      </c>
      <c r="G53532" s="1" t="s">
        <v>180262</v>
      </c>
      <c r="H53532" s="1" t="s">
        <v>180263</v>
      </c>
      <c r="I53532" s="1" t="s">
        <v>178869</v>
      </c>
      <c r="J53532" s="1" t="s">
        <v>180276</v>
      </c>
    </row>
    <row r="53533" spans="1:10" x14ac:dyDescent="0.35">
      <c r="A53533" s="1" t="s">
        <v>29553</v>
      </c>
      <c r="B53533" s="1" t="s">
        <v>178864</v>
      </c>
      <c r="C53533" s="1" t="s">
        <v>35</v>
      </c>
      <c r="D53533" s="1" t="s">
        <v>101360</v>
      </c>
      <c r="E53533" s="1" t="s">
        <v>180277</v>
      </c>
      <c r="F53533" s="1" t="s">
        <v>180278</v>
      </c>
      <c r="G53533" s="1" t="s">
        <v>180262</v>
      </c>
      <c r="H53533" s="1" t="s">
        <v>180263</v>
      </c>
      <c r="I53533" s="1" t="s">
        <v>178869</v>
      </c>
      <c r="J53533" s="1" t="s">
        <v>180279</v>
      </c>
    </row>
    <row r="53534" spans="1:10" x14ac:dyDescent="0.35">
      <c r="A53534" s="1" t="s">
        <v>29553</v>
      </c>
      <c r="B53534" s="1" t="s">
        <v>178864</v>
      </c>
      <c r="C53534" s="1" t="s">
        <v>40</v>
      </c>
      <c r="D53534" s="1" t="s">
        <v>180280</v>
      </c>
      <c r="E53534" s="1" t="s">
        <v>180281</v>
      </c>
      <c r="F53534" s="1" t="s">
        <v>180282</v>
      </c>
      <c r="G53534" s="1" t="s">
        <v>180262</v>
      </c>
      <c r="H53534" s="1" t="s">
        <v>180263</v>
      </c>
      <c r="I53534" s="1" t="s">
        <v>178869</v>
      </c>
      <c r="J53534" s="1" t="s">
        <v>180283</v>
      </c>
    </row>
    <row r="53535" spans="1:10" x14ac:dyDescent="0.35">
      <c r="A53535" s="1" t="s">
        <v>29553</v>
      </c>
      <c r="B53535" s="1" t="s">
        <v>178864</v>
      </c>
      <c r="C53535" s="1" t="s">
        <v>45</v>
      </c>
      <c r="D53535" s="1" t="s">
        <v>94077</v>
      </c>
      <c r="E53535" s="1" t="s">
        <v>180284</v>
      </c>
      <c r="F53535" s="1" t="s">
        <v>180285</v>
      </c>
      <c r="G53535" s="1" t="s">
        <v>180262</v>
      </c>
      <c r="H53535" s="1" t="s">
        <v>180263</v>
      </c>
      <c r="I53535" s="1" t="s">
        <v>178869</v>
      </c>
      <c r="J53535" s="1" t="s">
        <v>180286</v>
      </c>
    </row>
    <row r="53536" spans="1:10" x14ac:dyDescent="0.35">
      <c r="A53536" s="1" t="s">
        <v>29553</v>
      </c>
      <c r="B53536" s="1" t="s">
        <v>178864</v>
      </c>
      <c r="C53536" s="1" t="s">
        <v>50</v>
      </c>
      <c r="D53536" s="1" t="s">
        <v>180287</v>
      </c>
      <c r="E53536" s="1" t="s">
        <v>180288</v>
      </c>
      <c r="F53536" s="1" t="s">
        <v>180289</v>
      </c>
      <c r="G53536" s="1" t="s">
        <v>180262</v>
      </c>
      <c r="H53536" s="1" t="s">
        <v>180263</v>
      </c>
      <c r="I53536" s="1" t="s">
        <v>178869</v>
      </c>
      <c r="J53536" s="1" t="s">
        <v>180290</v>
      </c>
    </row>
    <row r="53537" spans="1:10" x14ac:dyDescent="0.35">
      <c r="A53537" s="1" t="s">
        <v>29553</v>
      </c>
      <c r="B53537" s="1" t="s">
        <v>178864</v>
      </c>
      <c r="C53537" s="1" t="s">
        <v>55</v>
      </c>
      <c r="D53537" s="1" t="s">
        <v>134505</v>
      </c>
      <c r="E53537" s="1" t="s">
        <v>180291</v>
      </c>
      <c r="F53537" s="1" t="s">
        <v>180292</v>
      </c>
      <c r="G53537" s="1" t="s">
        <v>180262</v>
      </c>
      <c r="H53537" s="1" t="s">
        <v>180263</v>
      </c>
      <c r="I53537" s="1" t="s">
        <v>178869</v>
      </c>
      <c r="J53537" s="1" t="s">
        <v>180293</v>
      </c>
    </row>
    <row r="53538" spans="1:10" x14ac:dyDescent="0.35">
      <c r="A53538" s="1" t="s">
        <v>29553</v>
      </c>
      <c r="B53538" s="1" t="s">
        <v>178864</v>
      </c>
      <c r="C53538" s="1" t="s">
        <v>60</v>
      </c>
      <c r="D53538" s="1" t="s">
        <v>85041</v>
      </c>
      <c r="E53538" s="1" t="s">
        <v>180294</v>
      </c>
      <c r="F53538" s="1" t="s">
        <v>180295</v>
      </c>
      <c r="G53538" s="1" t="s">
        <v>180262</v>
      </c>
      <c r="H53538" s="1" t="s">
        <v>180263</v>
      </c>
      <c r="I53538" s="1" t="s">
        <v>178869</v>
      </c>
      <c r="J53538" s="1" t="s">
        <v>180296</v>
      </c>
    </row>
    <row r="53539" spans="1:10" x14ac:dyDescent="0.35">
      <c r="A53539" s="1" t="s">
        <v>29553</v>
      </c>
      <c r="B53539" s="1" t="s">
        <v>178864</v>
      </c>
      <c r="C53539" s="1" t="s">
        <v>65</v>
      </c>
      <c r="D53539" s="1" t="s">
        <v>70079</v>
      </c>
      <c r="E53539" s="1" t="s">
        <v>180297</v>
      </c>
      <c r="F53539" s="1" t="s">
        <v>180298</v>
      </c>
      <c r="G53539" s="1" t="s">
        <v>180262</v>
      </c>
      <c r="H53539" s="1" t="s">
        <v>180263</v>
      </c>
      <c r="I53539" s="1" t="s">
        <v>178869</v>
      </c>
      <c r="J53539" s="1" t="s">
        <v>180299</v>
      </c>
    </row>
    <row r="53540" spans="1:10" x14ac:dyDescent="0.35">
      <c r="A53540" s="1" t="s">
        <v>29553</v>
      </c>
      <c r="B53540" s="1" t="s">
        <v>178864</v>
      </c>
      <c r="C53540" s="1" t="s">
        <v>70</v>
      </c>
      <c r="D53540" s="1" t="s">
        <v>180300</v>
      </c>
      <c r="E53540" s="1" t="s">
        <v>180301</v>
      </c>
      <c r="F53540" s="1" t="s">
        <v>180302</v>
      </c>
      <c r="G53540" s="1" t="s">
        <v>180262</v>
      </c>
      <c r="H53540" s="1" t="s">
        <v>180263</v>
      </c>
      <c r="I53540" s="1" t="s">
        <v>178869</v>
      </c>
      <c r="J53540" s="1" t="s">
        <v>180303</v>
      </c>
    </row>
    <row r="53541" spans="1:10" x14ac:dyDescent="0.35">
      <c r="A53541" s="1" t="s">
        <v>29553</v>
      </c>
      <c r="B53541" s="1" t="s">
        <v>178864</v>
      </c>
      <c r="C53541" s="1" t="s">
        <v>75</v>
      </c>
      <c r="D53541" s="1" t="s">
        <v>180304</v>
      </c>
      <c r="E53541" s="1" t="s">
        <v>180305</v>
      </c>
      <c r="F53541" s="1" t="s">
        <v>180306</v>
      </c>
      <c r="G53541" s="1" t="s">
        <v>180262</v>
      </c>
      <c r="H53541" s="1" t="s">
        <v>180263</v>
      </c>
      <c r="I53541" s="1" t="s">
        <v>178869</v>
      </c>
      <c r="J53541" s="1" t="s">
        <v>180307</v>
      </c>
    </row>
    <row r="53542" spans="1:10" x14ac:dyDescent="0.35">
      <c r="A53542" s="1" t="s">
        <v>29553</v>
      </c>
      <c r="B53542" s="1" t="s">
        <v>178864</v>
      </c>
      <c r="C53542" s="1" t="s">
        <v>80</v>
      </c>
      <c r="D53542" s="1" t="s">
        <v>66106</v>
      </c>
      <c r="E53542" s="1" t="s">
        <v>180308</v>
      </c>
      <c r="F53542" s="1" t="s">
        <v>180309</v>
      </c>
      <c r="G53542" s="1" t="s">
        <v>180262</v>
      </c>
      <c r="H53542" s="1" t="s">
        <v>180263</v>
      </c>
      <c r="I53542" s="1" t="s">
        <v>178869</v>
      </c>
      <c r="J53542" s="1" t="s">
        <v>180310</v>
      </c>
    </row>
    <row r="53543" spans="1:10" x14ac:dyDescent="0.35">
      <c r="A53543" s="1" t="s">
        <v>29553</v>
      </c>
      <c r="B53543" s="1" t="s">
        <v>178864</v>
      </c>
      <c r="C53543" s="1" t="s">
        <v>85</v>
      </c>
      <c r="D53543" s="1" t="s">
        <v>180311</v>
      </c>
      <c r="E53543" s="1" t="s">
        <v>180312</v>
      </c>
      <c r="F53543" s="1" t="s">
        <v>105827</v>
      </c>
      <c r="G53543" s="1" t="s">
        <v>180262</v>
      </c>
      <c r="H53543" s="1" t="s">
        <v>180263</v>
      </c>
      <c r="I53543" s="1" t="s">
        <v>178869</v>
      </c>
      <c r="J53543" s="1" t="s">
        <v>180313</v>
      </c>
    </row>
    <row r="53544" spans="1:10" x14ac:dyDescent="0.35">
      <c r="A53544" s="1" t="s">
        <v>29553</v>
      </c>
      <c r="B53544" s="1" t="s">
        <v>178864</v>
      </c>
      <c r="C53544" s="1" t="s">
        <v>90</v>
      </c>
      <c r="D53544" s="1" t="s">
        <v>180314</v>
      </c>
      <c r="E53544" s="1" t="s">
        <v>180315</v>
      </c>
      <c r="F53544" s="1" t="s">
        <v>180316</v>
      </c>
      <c r="G53544" s="1" t="s">
        <v>180262</v>
      </c>
      <c r="H53544" s="1" t="s">
        <v>180263</v>
      </c>
      <c r="I53544" s="1" t="s">
        <v>178869</v>
      </c>
      <c r="J53544" s="1" t="s">
        <v>180317</v>
      </c>
    </row>
    <row r="53545" spans="1:10" x14ac:dyDescent="0.35">
      <c r="A53545" s="1" t="s">
        <v>29553</v>
      </c>
      <c r="B53545" s="1" t="s">
        <v>178864</v>
      </c>
      <c r="C53545" s="1" t="s">
        <v>95</v>
      </c>
      <c r="D53545" s="1" t="s">
        <v>180318</v>
      </c>
      <c r="E53545" s="1" t="s">
        <v>180319</v>
      </c>
      <c r="F53545" s="1" t="s">
        <v>180320</v>
      </c>
      <c r="G53545" s="1" t="s">
        <v>180262</v>
      </c>
      <c r="H53545" s="1" t="s">
        <v>180263</v>
      </c>
      <c r="I53545" s="1" t="s">
        <v>178869</v>
      </c>
      <c r="J53545" s="1" t="s">
        <v>180321</v>
      </c>
    </row>
    <row r="53546" spans="1:10" x14ac:dyDescent="0.35">
      <c r="A53546" s="1" t="s">
        <v>29553</v>
      </c>
      <c r="B53546" s="1" t="s">
        <v>178864</v>
      </c>
      <c r="C53546" s="1" t="s">
        <v>100</v>
      </c>
      <c r="D53546" s="1" t="s">
        <v>23854</v>
      </c>
      <c r="E53546" s="1" t="s">
        <v>180322</v>
      </c>
      <c r="F53546" s="1" t="s">
        <v>180323</v>
      </c>
      <c r="G53546" s="1" t="s">
        <v>180262</v>
      </c>
      <c r="H53546" s="1" t="s">
        <v>180263</v>
      </c>
      <c r="I53546" s="1" t="s">
        <v>178869</v>
      </c>
      <c r="J53546" s="1" t="s">
        <v>180324</v>
      </c>
    </row>
    <row r="53547" spans="1:10" x14ac:dyDescent="0.35">
      <c r="A53547" s="1" t="s">
        <v>29553</v>
      </c>
      <c r="B53547" s="1" t="s">
        <v>178864</v>
      </c>
      <c r="C53547" s="1" t="s">
        <v>105</v>
      </c>
      <c r="D53547" s="1" t="s">
        <v>180325</v>
      </c>
      <c r="E53547" s="1" t="s">
        <v>180326</v>
      </c>
      <c r="F53547" s="1" t="s">
        <v>180327</v>
      </c>
      <c r="G53547" s="1" t="s">
        <v>180262</v>
      </c>
      <c r="H53547" s="1" t="s">
        <v>180263</v>
      </c>
      <c r="I53547" s="1" t="s">
        <v>178869</v>
      </c>
      <c r="J53547" s="1" t="s">
        <v>180328</v>
      </c>
    </row>
    <row r="53548" spans="1:10" x14ac:dyDescent="0.35">
      <c r="A53548" s="1" t="s">
        <v>29553</v>
      </c>
      <c r="B53548" s="1" t="s">
        <v>178864</v>
      </c>
      <c r="C53548" s="1" t="s">
        <v>110</v>
      </c>
      <c r="D53548" s="1" t="s">
        <v>180329</v>
      </c>
      <c r="E53548" s="1" t="s">
        <v>180330</v>
      </c>
      <c r="F53548" s="1" t="s">
        <v>180331</v>
      </c>
      <c r="G53548" s="1" t="s">
        <v>180262</v>
      </c>
      <c r="H53548" s="1" t="s">
        <v>180263</v>
      </c>
      <c r="I53548" s="1" t="s">
        <v>178869</v>
      </c>
      <c r="J53548" s="1" t="s">
        <v>180332</v>
      </c>
    </row>
    <row r="53549" spans="1:10" x14ac:dyDescent="0.35">
      <c r="A53549" s="1" t="s">
        <v>29553</v>
      </c>
      <c r="B53549" s="1" t="s">
        <v>178864</v>
      </c>
      <c r="C53549" s="1" t="s">
        <v>115</v>
      </c>
      <c r="D53549" s="1" t="s">
        <v>23577</v>
      </c>
      <c r="E53549" s="1" t="s">
        <v>180333</v>
      </c>
      <c r="F53549" s="1" t="s">
        <v>180334</v>
      </c>
      <c r="G53549" s="1" t="s">
        <v>180262</v>
      </c>
      <c r="H53549" s="1" t="s">
        <v>180263</v>
      </c>
      <c r="I53549" s="1" t="s">
        <v>178869</v>
      </c>
      <c r="J53549" s="1" t="s">
        <v>180335</v>
      </c>
    </row>
    <row r="53550" spans="1:10" x14ac:dyDescent="0.35">
      <c r="A53550" s="1" t="s">
        <v>29553</v>
      </c>
      <c r="B53550" s="1" t="s">
        <v>178864</v>
      </c>
      <c r="C53550" s="1" t="s">
        <v>120</v>
      </c>
      <c r="D53550" s="1" t="s">
        <v>180336</v>
      </c>
      <c r="E53550" s="1" t="s">
        <v>180337</v>
      </c>
      <c r="F53550" s="1" t="s">
        <v>180338</v>
      </c>
      <c r="G53550" s="1" t="s">
        <v>180262</v>
      </c>
      <c r="H53550" s="1" t="s">
        <v>180263</v>
      </c>
      <c r="I53550" s="1" t="s">
        <v>178869</v>
      </c>
      <c r="J53550" s="1" t="s">
        <v>180339</v>
      </c>
    </row>
    <row r="53551" spans="1:10" x14ac:dyDescent="0.35">
      <c r="A53551" s="1" t="s">
        <v>29553</v>
      </c>
      <c r="B53551" s="1" t="s">
        <v>178864</v>
      </c>
      <c r="C53551" s="1" t="s">
        <v>125</v>
      </c>
      <c r="D53551" s="1" t="s">
        <v>180340</v>
      </c>
      <c r="E53551" s="1" t="s">
        <v>180341</v>
      </c>
      <c r="F53551" s="1" t="s">
        <v>180342</v>
      </c>
      <c r="G53551" s="1" t="s">
        <v>180262</v>
      </c>
      <c r="H53551" s="1" t="s">
        <v>180263</v>
      </c>
      <c r="I53551" s="1" t="s">
        <v>178869</v>
      </c>
      <c r="J53551" s="1" t="s">
        <v>180343</v>
      </c>
    </row>
    <row r="53552" spans="1:10" x14ac:dyDescent="0.35">
      <c r="A53552" s="1" t="s">
        <v>29553</v>
      </c>
      <c r="B53552" s="1" t="s">
        <v>178864</v>
      </c>
      <c r="C53552" s="1" t="s">
        <v>130</v>
      </c>
      <c r="D53552" s="1" t="s">
        <v>130271</v>
      </c>
      <c r="E53552" s="1" t="s">
        <v>180344</v>
      </c>
      <c r="F53552" s="1" t="s">
        <v>180345</v>
      </c>
      <c r="G53552" s="1" t="s">
        <v>180262</v>
      </c>
      <c r="H53552" s="1" t="s">
        <v>180263</v>
      </c>
      <c r="I53552" s="1" t="s">
        <v>178869</v>
      </c>
      <c r="J53552" s="1" t="s">
        <v>180346</v>
      </c>
    </row>
    <row r="53553" spans="1:10" x14ac:dyDescent="0.35">
      <c r="A53553" s="1" t="s">
        <v>29553</v>
      </c>
      <c r="B53553" s="1" t="s">
        <v>178864</v>
      </c>
      <c r="C53553" s="1" t="s">
        <v>135</v>
      </c>
      <c r="D53553" s="1" t="s">
        <v>180347</v>
      </c>
      <c r="E53553" s="1" t="s">
        <v>180348</v>
      </c>
      <c r="F53553" s="1" t="s">
        <v>180349</v>
      </c>
      <c r="G53553" s="1" t="s">
        <v>180262</v>
      </c>
      <c r="H53553" s="1" t="s">
        <v>180263</v>
      </c>
      <c r="I53553" s="1" t="s">
        <v>178869</v>
      </c>
      <c r="J53553" s="1" t="s">
        <v>180350</v>
      </c>
    </row>
    <row r="53554" spans="1:10" x14ac:dyDescent="0.35">
      <c r="A53554" s="1" t="s">
        <v>29553</v>
      </c>
      <c r="B53554" s="1" t="s">
        <v>178864</v>
      </c>
      <c r="C53554" s="1" t="s">
        <v>140</v>
      </c>
      <c r="D53554" s="1" t="s">
        <v>60916</v>
      </c>
      <c r="E53554" s="1" t="s">
        <v>180351</v>
      </c>
      <c r="F53554" s="1" t="s">
        <v>180352</v>
      </c>
      <c r="G53554" s="1" t="s">
        <v>180262</v>
      </c>
      <c r="H53554" s="1" t="s">
        <v>180263</v>
      </c>
      <c r="I53554" s="1" t="s">
        <v>178869</v>
      </c>
      <c r="J53554" s="1" t="s">
        <v>180353</v>
      </c>
    </row>
    <row r="53555" spans="1:10" x14ac:dyDescent="0.35">
      <c r="A53555" s="1" t="s">
        <v>29553</v>
      </c>
      <c r="B53555" s="1" t="s">
        <v>178864</v>
      </c>
      <c r="C53555" s="1" t="s">
        <v>145</v>
      </c>
      <c r="D53555" s="1" t="s">
        <v>84022</v>
      </c>
      <c r="E53555" s="1" t="s">
        <v>180354</v>
      </c>
      <c r="F53555" s="1" t="s">
        <v>180355</v>
      </c>
      <c r="G53555" s="1" t="s">
        <v>180262</v>
      </c>
      <c r="H53555" s="1" t="s">
        <v>180263</v>
      </c>
      <c r="I53555" s="1" t="s">
        <v>178869</v>
      </c>
      <c r="J53555" s="1" t="s">
        <v>180356</v>
      </c>
    </row>
    <row r="53556" spans="1:10" x14ac:dyDescent="0.35">
      <c r="A53556" s="1" t="s">
        <v>29553</v>
      </c>
      <c r="B53556" s="1" t="s">
        <v>178864</v>
      </c>
      <c r="C53556" s="1" t="s">
        <v>150</v>
      </c>
      <c r="D53556" s="1" t="s">
        <v>180357</v>
      </c>
      <c r="E53556" s="1" t="s">
        <v>180358</v>
      </c>
      <c r="F53556" s="1" t="s">
        <v>180359</v>
      </c>
      <c r="G53556" s="1" t="s">
        <v>180262</v>
      </c>
      <c r="H53556" s="1" t="s">
        <v>180263</v>
      </c>
      <c r="I53556" s="1" t="s">
        <v>178869</v>
      </c>
      <c r="J53556" s="1" t="s">
        <v>180360</v>
      </c>
    </row>
    <row r="53557" spans="1:10" x14ac:dyDescent="0.35">
      <c r="A53557" s="1" t="s">
        <v>29553</v>
      </c>
      <c r="B53557" s="1" t="s">
        <v>178864</v>
      </c>
      <c r="C53557" s="1" t="s">
        <v>155</v>
      </c>
      <c r="D53557" s="1" t="s">
        <v>180361</v>
      </c>
      <c r="E53557" s="1" t="s">
        <v>180362</v>
      </c>
      <c r="F53557" s="1" t="s">
        <v>180363</v>
      </c>
      <c r="G53557" s="1" t="s">
        <v>180262</v>
      </c>
      <c r="H53557" s="1" t="s">
        <v>180263</v>
      </c>
      <c r="I53557" s="1" t="s">
        <v>178869</v>
      </c>
      <c r="J53557" s="1" t="s">
        <v>180364</v>
      </c>
    </row>
    <row r="53558" spans="1:10" x14ac:dyDescent="0.35">
      <c r="A53558" s="1" t="s">
        <v>29553</v>
      </c>
      <c r="B53558" s="1" t="s">
        <v>178864</v>
      </c>
      <c r="C53558" s="1" t="s">
        <v>160</v>
      </c>
      <c r="D53558" s="1" t="s">
        <v>180365</v>
      </c>
      <c r="E53558" s="1" t="s">
        <v>180366</v>
      </c>
      <c r="F53558" s="1" t="s">
        <v>180367</v>
      </c>
      <c r="G53558" s="1" t="s">
        <v>180262</v>
      </c>
      <c r="H53558" s="1" t="s">
        <v>180263</v>
      </c>
      <c r="I53558" s="1" t="s">
        <v>178869</v>
      </c>
      <c r="J53558" s="1" t="s">
        <v>180368</v>
      </c>
    </row>
    <row r="53559" spans="1:10" x14ac:dyDescent="0.35">
      <c r="A53559" s="1" t="s">
        <v>29553</v>
      </c>
      <c r="B53559" s="1" t="s">
        <v>178864</v>
      </c>
      <c r="C53559" s="1" t="s">
        <v>165</v>
      </c>
      <c r="D53559" s="1" t="s">
        <v>99465</v>
      </c>
      <c r="E53559" s="1" t="s">
        <v>180369</v>
      </c>
      <c r="F53559" s="1" t="s">
        <v>180370</v>
      </c>
      <c r="G53559" s="1" t="s">
        <v>180262</v>
      </c>
      <c r="H53559" s="1" t="s">
        <v>180263</v>
      </c>
      <c r="I53559" s="1" t="s">
        <v>178869</v>
      </c>
      <c r="J53559" s="1" t="s">
        <v>180371</v>
      </c>
    </row>
    <row r="53560" spans="1:10" x14ac:dyDescent="0.35">
      <c r="A53560" s="1" t="s">
        <v>29553</v>
      </c>
      <c r="B53560" s="1" t="s">
        <v>178864</v>
      </c>
      <c r="C53560" s="1" t="s">
        <v>170</v>
      </c>
      <c r="D53560" s="1" t="s">
        <v>180372</v>
      </c>
      <c r="E53560" s="1" t="s">
        <v>180373</v>
      </c>
      <c r="F53560" s="1" t="s">
        <v>180374</v>
      </c>
      <c r="G53560" s="1" t="s">
        <v>180262</v>
      </c>
      <c r="H53560" s="1" t="s">
        <v>180263</v>
      </c>
      <c r="I53560" s="1" t="s">
        <v>178869</v>
      </c>
      <c r="J53560" s="1" t="s">
        <v>180375</v>
      </c>
    </row>
    <row r="53561" spans="1:10" x14ac:dyDescent="0.35">
      <c r="A53561" s="1" t="s">
        <v>25431</v>
      </c>
      <c r="B53561" s="1" t="s">
        <v>178864</v>
      </c>
      <c r="C53561" s="1" t="s">
        <v>8</v>
      </c>
      <c r="D53561" s="1" t="s">
        <v>180376</v>
      </c>
      <c r="E53561" s="1" t="s">
        <v>16302</v>
      </c>
      <c r="F53561" s="1" t="s">
        <v>180377</v>
      </c>
      <c r="G53561" s="1" t="s">
        <v>180378</v>
      </c>
      <c r="H53561" s="1" t="s">
        <v>180379</v>
      </c>
      <c r="I53561" s="1" t="s">
        <v>178869</v>
      </c>
      <c r="J53561" s="1" t="s">
        <v>13</v>
      </c>
    </row>
    <row r="53562" spans="1:10" x14ac:dyDescent="0.35">
      <c r="A53562" s="1" t="s">
        <v>25431</v>
      </c>
      <c r="B53562" s="1" t="s">
        <v>178864</v>
      </c>
      <c r="C53562" s="1" t="s">
        <v>15</v>
      </c>
      <c r="D53562" s="1" t="s">
        <v>66330</v>
      </c>
      <c r="E53562" s="1" t="s">
        <v>108280</v>
      </c>
      <c r="F53562" s="1" t="s">
        <v>180380</v>
      </c>
      <c r="G53562" s="1" t="s">
        <v>180378</v>
      </c>
      <c r="H53562" s="1" t="s">
        <v>180379</v>
      </c>
      <c r="I53562" s="1" t="s">
        <v>178869</v>
      </c>
      <c r="J53562" s="1" t="s">
        <v>180381</v>
      </c>
    </row>
    <row r="53563" spans="1:10" x14ac:dyDescent="0.35">
      <c r="A53563" s="1" t="s">
        <v>25431</v>
      </c>
      <c r="B53563" s="1" t="s">
        <v>178864</v>
      </c>
      <c r="C53563" s="1" t="s">
        <v>20</v>
      </c>
      <c r="D53563" s="1" t="s">
        <v>180382</v>
      </c>
      <c r="E53563" s="1" t="s">
        <v>127070</v>
      </c>
      <c r="F53563" s="1" t="s">
        <v>103816</v>
      </c>
      <c r="G53563" s="1" t="s">
        <v>180378</v>
      </c>
      <c r="H53563" s="1" t="s">
        <v>180379</v>
      </c>
      <c r="I53563" s="1" t="s">
        <v>178869</v>
      </c>
      <c r="J53563" s="1" t="s">
        <v>180383</v>
      </c>
    </row>
    <row r="53564" spans="1:10" x14ac:dyDescent="0.35">
      <c r="A53564" s="1" t="s">
        <v>25431</v>
      </c>
      <c r="B53564" s="1" t="s">
        <v>178864</v>
      </c>
      <c r="C53564" s="1" t="s">
        <v>25</v>
      </c>
      <c r="D53564" s="1" t="s">
        <v>180384</v>
      </c>
      <c r="E53564" s="1" t="s">
        <v>107563</v>
      </c>
      <c r="F53564" s="1" t="s">
        <v>96939</v>
      </c>
      <c r="G53564" s="1" t="s">
        <v>180378</v>
      </c>
      <c r="H53564" s="1" t="s">
        <v>180379</v>
      </c>
      <c r="I53564" s="1" t="s">
        <v>178869</v>
      </c>
      <c r="J53564" s="1" t="s">
        <v>180385</v>
      </c>
    </row>
    <row r="53565" spans="1:10" x14ac:dyDescent="0.35">
      <c r="A53565" s="1" t="s">
        <v>25431</v>
      </c>
      <c r="B53565" s="1" t="s">
        <v>178864</v>
      </c>
      <c r="C53565" s="1" t="s">
        <v>30</v>
      </c>
      <c r="D53565" s="1" t="s">
        <v>180386</v>
      </c>
      <c r="E53565" s="1" t="s">
        <v>49733</v>
      </c>
      <c r="F53565" s="1" t="s">
        <v>26661</v>
      </c>
      <c r="G53565" s="1" t="s">
        <v>180378</v>
      </c>
      <c r="H53565" s="1" t="s">
        <v>180379</v>
      </c>
      <c r="I53565" s="1" t="s">
        <v>178869</v>
      </c>
      <c r="J53565" s="1" t="s">
        <v>180387</v>
      </c>
    </row>
    <row r="53566" spans="1:10" x14ac:dyDescent="0.35">
      <c r="A53566" s="1" t="s">
        <v>25431</v>
      </c>
      <c r="B53566" s="1" t="s">
        <v>178864</v>
      </c>
      <c r="C53566" s="1" t="s">
        <v>35</v>
      </c>
      <c r="D53566" s="1" t="s">
        <v>180388</v>
      </c>
      <c r="E53566" s="1" t="s">
        <v>180389</v>
      </c>
      <c r="F53566" s="1" t="s">
        <v>180390</v>
      </c>
      <c r="G53566" s="1" t="s">
        <v>180378</v>
      </c>
      <c r="H53566" s="1" t="s">
        <v>180379</v>
      </c>
      <c r="I53566" s="1" t="s">
        <v>178869</v>
      </c>
      <c r="J53566" s="1" t="s">
        <v>180391</v>
      </c>
    </row>
    <row r="53567" spans="1:10" x14ac:dyDescent="0.35">
      <c r="A53567" s="1" t="s">
        <v>25431</v>
      </c>
      <c r="B53567" s="1" t="s">
        <v>178864</v>
      </c>
      <c r="C53567" s="1" t="s">
        <v>40</v>
      </c>
      <c r="D53567" s="1" t="s">
        <v>180392</v>
      </c>
      <c r="E53567" s="1" t="s">
        <v>111009</v>
      </c>
      <c r="F53567" s="1" t="s">
        <v>180393</v>
      </c>
      <c r="G53567" s="1" t="s">
        <v>180378</v>
      </c>
      <c r="H53567" s="1" t="s">
        <v>180379</v>
      </c>
      <c r="I53567" s="1" t="s">
        <v>178869</v>
      </c>
      <c r="J53567" s="1" t="s">
        <v>180394</v>
      </c>
    </row>
    <row r="53568" spans="1:10" x14ac:dyDescent="0.35">
      <c r="A53568" s="1" t="s">
        <v>25431</v>
      </c>
      <c r="B53568" s="1" t="s">
        <v>178864</v>
      </c>
      <c r="C53568" s="1" t="s">
        <v>45</v>
      </c>
      <c r="D53568" s="1" t="s">
        <v>173761</v>
      </c>
      <c r="E53568" s="1" t="s">
        <v>81170</v>
      </c>
      <c r="F53568" s="1" t="s">
        <v>180395</v>
      </c>
      <c r="G53568" s="1" t="s">
        <v>180378</v>
      </c>
      <c r="H53568" s="1" t="s">
        <v>180379</v>
      </c>
      <c r="I53568" s="1" t="s">
        <v>178869</v>
      </c>
      <c r="J53568" s="1" t="s">
        <v>180396</v>
      </c>
    </row>
    <row r="53569" spans="1:10" x14ac:dyDescent="0.35">
      <c r="A53569" s="1" t="s">
        <v>25431</v>
      </c>
      <c r="B53569" s="1" t="s">
        <v>178864</v>
      </c>
      <c r="C53569" s="1" t="s">
        <v>50</v>
      </c>
      <c r="D53569" s="1" t="s">
        <v>19423</v>
      </c>
      <c r="E53569" s="1" t="s">
        <v>180397</v>
      </c>
      <c r="F53569" s="1" t="s">
        <v>65465</v>
      </c>
      <c r="G53569" s="1" t="s">
        <v>180378</v>
      </c>
      <c r="H53569" s="1" t="s">
        <v>180379</v>
      </c>
      <c r="I53569" s="1" t="s">
        <v>178869</v>
      </c>
      <c r="J53569" s="1" t="s">
        <v>180398</v>
      </c>
    </row>
    <row r="53570" spans="1:10" x14ac:dyDescent="0.35">
      <c r="A53570" s="1" t="s">
        <v>25431</v>
      </c>
      <c r="B53570" s="1" t="s">
        <v>178864</v>
      </c>
      <c r="C53570" s="1" t="s">
        <v>55</v>
      </c>
      <c r="D53570" s="1" t="s">
        <v>11278</v>
      </c>
      <c r="E53570" s="1" t="s">
        <v>127077</v>
      </c>
      <c r="F53570" s="1" t="s">
        <v>180399</v>
      </c>
      <c r="G53570" s="1" t="s">
        <v>180378</v>
      </c>
      <c r="H53570" s="1" t="s">
        <v>180379</v>
      </c>
      <c r="I53570" s="1" t="s">
        <v>178869</v>
      </c>
      <c r="J53570" s="1" t="s">
        <v>180400</v>
      </c>
    </row>
    <row r="53571" spans="1:10" x14ac:dyDescent="0.35">
      <c r="A53571" s="1" t="s">
        <v>25431</v>
      </c>
      <c r="B53571" s="1" t="s">
        <v>178864</v>
      </c>
      <c r="C53571" s="1" t="s">
        <v>60</v>
      </c>
      <c r="D53571" s="1" t="s">
        <v>180401</v>
      </c>
      <c r="E53571" s="1" t="s">
        <v>108885</v>
      </c>
      <c r="F53571" s="1" t="s">
        <v>180402</v>
      </c>
      <c r="G53571" s="1" t="s">
        <v>180378</v>
      </c>
      <c r="H53571" s="1" t="s">
        <v>180379</v>
      </c>
      <c r="I53571" s="1" t="s">
        <v>178869</v>
      </c>
      <c r="J53571" s="1" t="s">
        <v>180403</v>
      </c>
    </row>
    <row r="53572" spans="1:10" x14ac:dyDescent="0.35">
      <c r="A53572" s="1" t="s">
        <v>25431</v>
      </c>
      <c r="B53572" s="1" t="s">
        <v>178864</v>
      </c>
      <c r="C53572" s="1" t="s">
        <v>65</v>
      </c>
      <c r="D53572" s="1" t="s">
        <v>61466</v>
      </c>
      <c r="E53572" s="1" t="s">
        <v>180404</v>
      </c>
      <c r="F53572" s="1" t="s">
        <v>180405</v>
      </c>
      <c r="G53572" s="1" t="s">
        <v>180378</v>
      </c>
      <c r="H53572" s="1" t="s">
        <v>180379</v>
      </c>
      <c r="I53572" s="1" t="s">
        <v>178869</v>
      </c>
      <c r="J53572" s="1" t="s">
        <v>180406</v>
      </c>
    </row>
    <row r="53573" spans="1:10" x14ac:dyDescent="0.35">
      <c r="A53573" s="1" t="s">
        <v>25431</v>
      </c>
      <c r="B53573" s="1" t="s">
        <v>178864</v>
      </c>
      <c r="C53573" s="1" t="s">
        <v>70</v>
      </c>
      <c r="D53573" s="1" t="s">
        <v>139052</v>
      </c>
      <c r="E53573" s="1" t="s">
        <v>105366</v>
      </c>
      <c r="F53573" s="1" t="s">
        <v>180407</v>
      </c>
      <c r="G53573" s="1" t="s">
        <v>180378</v>
      </c>
      <c r="H53573" s="1" t="s">
        <v>180379</v>
      </c>
      <c r="I53573" s="1" t="s">
        <v>178869</v>
      </c>
      <c r="J53573" s="1" t="s">
        <v>180408</v>
      </c>
    </row>
    <row r="53574" spans="1:10" x14ac:dyDescent="0.35">
      <c r="A53574" s="1" t="s">
        <v>25431</v>
      </c>
      <c r="B53574" s="1" t="s">
        <v>178864</v>
      </c>
      <c r="C53574" s="1" t="s">
        <v>75</v>
      </c>
      <c r="D53574" s="1" t="s">
        <v>142177</v>
      </c>
      <c r="E53574" s="1" t="s">
        <v>81128</v>
      </c>
      <c r="F53574" s="1" t="s">
        <v>41331</v>
      </c>
      <c r="G53574" s="1" t="s">
        <v>180378</v>
      </c>
      <c r="H53574" s="1" t="s">
        <v>180379</v>
      </c>
      <c r="I53574" s="1" t="s">
        <v>178869</v>
      </c>
      <c r="J53574" s="1" t="s">
        <v>180409</v>
      </c>
    </row>
    <row r="53575" spans="1:10" x14ac:dyDescent="0.35">
      <c r="A53575" s="1" t="s">
        <v>25431</v>
      </c>
      <c r="B53575" s="1" t="s">
        <v>178864</v>
      </c>
      <c r="C53575" s="1" t="s">
        <v>80</v>
      </c>
      <c r="D53575" s="1" t="s">
        <v>77279</v>
      </c>
      <c r="E53575" s="1" t="s">
        <v>129471</v>
      </c>
      <c r="F53575" s="1" t="s">
        <v>163222</v>
      </c>
      <c r="G53575" s="1" t="s">
        <v>180378</v>
      </c>
      <c r="H53575" s="1" t="s">
        <v>180379</v>
      </c>
      <c r="I53575" s="1" t="s">
        <v>178869</v>
      </c>
      <c r="J53575" s="1" t="s">
        <v>180410</v>
      </c>
    </row>
    <row r="53576" spans="1:10" x14ac:dyDescent="0.35">
      <c r="A53576" s="1" t="s">
        <v>25431</v>
      </c>
      <c r="B53576" s="1" t="s">
        <v>178864</v>
      </c>
      <c r="C53576" s="1" t="s">
        <v>85</v>
      </c>
      <c r="D53576" s="1" t="s">
        <v>180411</v>
      </c>
      <c r="E53576" s="1" t="s">
        <v>49768</v>
      </c>
      <c r="F53576" s="1" t="s">
        <v>180412</v>
      </c>
      <c r="G53576" s="1" t="s">
        <v>180378</v>
      </c>
      <c r="H53576" s="1" t="s">
        <v>180379</v>
      </c>
      <c r="I53576" s="1" t="s">
        <v>178869</v>
      </c>
      <c r="J53576" s="1" t="s">
        <v>180413</v>
      </c>
    </row>
    <row r="53577" spans="1:10" x14ac:dyDescent="0.35">
      <c r="A53577" s="1" t="s">
        <v>25431</v>
      </c>
      <c r="B53577" s="1" t="s">
        <v>178864</v>
      </c>
      <c r="C53577" s="1" t="s">
        <v>90</v>
      </c>
      <c r="D53577" s="1" t="s">
        <v>92179</v>
      </c>
      <c r="E53577" s="1" t="s">
        <v>180414</v>
      </c>
      <c r="F53577" s="1" t="s">
        <v>180415</v>
      </c>
      <c r="G53577" s="1" t="s">
        <v>180378</v>
      </c>
      <c r="H53577" s="1" t="s">
        <v>180379</v>
      </c>
      <c r="I53577" s="1" t="s">
        <v>178869</v>
      </c>
      <c r="J53577" s="1" t="s">
        <v>180416</v>
      </c>
    </row>
    <row r="53578" spans="1:10" x14ac:dyDescent="0.35">
      <c r="A53578" s="1" t="s">
        <v>25431</v>
      </c>
      <c r="B53578" s="1" t="s">
        <v>178864</v>
      </c>
      <c r="C53578" s="1" t="s">
        <v>95</v>
      </c>
      <c r="D53578" s="1" t="s">
        <v>108903</v>
      </c>
      <c r="E53578" s="1" t="s">
        <v>15544</v>
      </c>
      <c r="F53578" s="1" t="s">
        <v>180417</v>
      </c>
      <c r="G53578" s="1" t="s">
        <v>180378</v>
      </c>
      <c r="H53578" s="1" t="s">
        <v>180379</v>
      </c>
      <c r="I53578" s="1" t="s">
        <v>178869</v>
      </c>
      <c r="J53578" s="1" t="s">
        <v>180418</v>
      </c>
    </row>
    <row r="53579" spans="1:10" x14ac:dyDescent="0.35">
      <c r="A53579" s="1" t="s">
        <v>25431</v>
      </c>
      <c r="B53579" s="1" t="s">
        <v>178864</v>
      </c>
      <c r="C53579" s="1" t="s">
        <v>100</v>
      </c>
      <c r="D53579" s="1" t="s">
        <v>54161</v>
      </c>
      <c r="E53579" s="1" t="s">
        <v>180419</v>
      </c>
      <c r="F53579" s="1" t="s">
        <v>180420</v>
      </c>
      <c r="G53579" s="1" t="s">
        <v>180378</v>
      </c>
      <c r="H53579" s="1" t="s">
        <v>180379</v>
      </c>
      <c r="I53579" s="1" t="s">
        <v>178869</v>
      </c>
      <c r="J53579" s="1" t="s">
        <v>180421</v>
      </c>
    </row>
    <row r="53580" spans="1:10" x14ac:dyDescent="0.35">
      <c r="A53580" s="1" t="s">
        <v>25431</v>
      </c>
      <c r="B53580" s="1" t="s">
        <v>178864</v>
      </c>
      <c r="C53580" s="1" t="s">
        <v>105</v>
      </c>
      <c r="D53580" s="1" t="s">
        <v>180422</v>
      </c>
      <c r="E53580" s="1" t="s">
        <v>105408</v>
      </c>
      <c r="F53580" s="1" t="s">
        <v>99931</v>
      </c>
      <c r="G53580" s="1" t="s">
        <v>180378</v>
      </c>
      <c r="H53580" s="1" t="s">
        <v>180379</v>
      </c>
      <c r="I53580" s="1" t="s">
        <v>178869</v>
      </c>
      <c r="J53580" s="1" t="s">
        <v>180423</v>
      </c>
    </row>
    <row r="53581" spans="1:10" x14ac:dyDescent="0.35">
      <c r="A53581" s="1" t="s">
        <v>25431</v>
      </c>
      <c r="B53581" s="1" t="s">
        <v>178864</v>
      </c>
      <c r="C53581" s="1" t="s">
        <v>110</v>
      </c>
      <c r="D53581" s="1" t="s">
        <v>86951</v>
      </c>
      <c r="E53581" s="1" t="s">
        <v>49733</v>
      </c>
      <c r="F53581" s="1" t="s">
        <v>180424</v>
      </c>
      <c r="G53581" s="1" t="s">
        <v>180378</v>
      </c>
      <c r="H53581" s="1" t="s">
        <v>180379</v>
      </c>
      <c r="I53581" s="1" t="s">
        <v>178869</v>
      </c>
      <c r="J53581" s="1" t="s">
        <v>180425</v>
      </c>
    </row>
    <row r="53582" spans="1:10" x14ac:dyDescent="0.35">
      <c r="A53582" s="1" t="s">
        <v>25431</v>
      </c>
      <c r="B53582" s="1" t="s">
        <v>178864</v>
      </c>
      <c r="C53582" s="1" t="s">
        <v>115</v>
      </c>
      <c r="D53582" s="1" t="s">
        <v>50874</v>
      </c>
      <c r="E53582" s="1" t="s">
        <v>105411</v>
      </c>
      <c r="F53582" s="1" t="s">
        <v>62562</v>
      </c>
      <c r="G53582" s="1" t="s">
        <v>180378</v>
      </c>
      <c r="H53582" s="1" t="s">
        <v>180379</v>
      </c>
      <c r="I53582" s="1" t="s">
        <v>178869</v>
      </c>
      <c r="J53582" s="1" t="s">
        <v>180426</v>
      </c>
    </row>
    <row r="53583" spans="1:10" x14ac:dyDescent="0.35">
      <c r="A53583" s="1" t="s">
        <v>25431</v>
      </c>
      <c r="B53583" s="1" t="s">
        <v>178864</v>
      </c>
      <c r="C53583" s="1" t="s">
        <v>120</v>
      </c>
      <c r="D53583" s="1" t="s">
        <v>150204</v>
      </c>
      <c r="E53583" s="1" t="s">
        <v>105421</v>
      </c>
      <c r="F53583" s="1" t="s">
        <v>15385</v>
      </c>
      <c r="G53583" s="1" t="s">
        <v>180378</v>
      </c>
      <c r="H53583" s="1" t="s">
        <v>180379</v>
      </c>
      <c r="I53583" s="1" t="s">
        <v>178869</v>
      </c>
      <c r="J53583" s="1" t="s">
        <v>180427</v>
      </c>
    </row>
    <row r="53584" spans="1:10" x14ac:dyDescent="0.35">
      <c r="A53584" s="1" t="s">
        <v>25431</v>
      </c>
      <c r="B53584" s="1" t="s">
        <v>178864</v>
      </c>
      <c r="C53584" s="1" t="s">
        <v>125</v>
      </c>
      <c r="D53584" s="1" t="s">
        <v>180428</v>
      </c>
      <c r="E53584" s="1" t="s">
        <v>49733</v>
      </c>
      <c r="F53584" s="1" t="s">
        <v>180429</v>
      </c>
      <c r="G53584" s="1" t="s">
        <v>180378</v>
      </c>
      <c r="H53584" s="1" t="s">
        <v>180379</v>
      </c>
      <c r="I53584" s="1" t="s">
        <v>178869</v>
      </c>
      <c r="J53584" s="1" t="s">
        <v>180430</v>
      </c>
    </row>
    <row r="53585" spans="1:10" x14ac:dyDescent="0.35">
      <c r="A53585" s="1" t="s">
        <v>25431</v>
      </c>
      <c r="B53585" s="1" t="s">
        <v>178864</v>
      </c>
      <c r="C53585" s="1" t="s">
        <v>130</v>
      </c>
      <c r="D53585" s="1" t="s">
        <v>98696</v>
      </c>
      <c r="E53585" s="1" t="s">
        <v>134623</v>
      </c>
      <c r="F53585" s="1" t="s">
        <v>180431</v>
      </c>
      <c r="G53585" s="1" t="s">
        <v>180378</v>
      </c>
      <c r="H53585" s="1" t="s">
        <v>180379</v>
      </c>
      <c r="I53585" s="1" t="s">
        <v>178869</v>
      </c>
      <c r="J53585" s="1" t="s">
        <v>180432</v>
      </c>
    </row>
    <row r="53586" spans="1:10" x14ac:dyDescent="0.35">
      <c r="A53586" s="1" t="s">
        <v>25431</v>
      </c>
      <c r="B53586" s="1" t="s">
        <v>178864</v>
      </c>
      <c r="C53586" s="1" t="s">
        <v>135</v>
      </c>
      <c r="D53586" s="1" t="s">
        <v>180433</v>
      </c>
      <c r="E53586" s="1" t="s">
        <v>106491</v>
      </c>
      <c r="F53586" s="1" t="s">
        <v>177478</v>
      </c>
      <c r="G53586" s="1" t="s">
        <v>180378</v>
      </c>
      <c r="H53586" s="1" t="s">
        <v>180379</v>
      </c>
      <c r="I53586" s="1" t="s">
        <v>178869</v>
      </c>
      <c r="J53586" s="1" t="s">
        <v>180434</v>
      </c>
    </row>
    <row r="53587" spans="1:10" x14ac:dyDescent="0.35">
      <c r="A53587" s="1" t="s">
        <v>25431</v>
      </c>
      <c r="B53587" s="1" t="s">
        <v>178864</v>
      </c>
      <c r="C53587" s="1" t="s">
        <v>140</v>
      </c>
      <c r="D53587" s="1" t="s">
        <v>147980</v>
      </c>
      <c r="E53587" s="1" t="s">
        <v>107620</v>
      </c>
      <c r="F53587" s="1" t="s">
        <v>21942</v>
      </c>
      <c r="G53587" s="1" t="s">
        <v>180378</v>
      </c>
      <c r="H53587" s="1" t="s">
        <v>180379</v>
      </c>
      <c r="I53587" s="1" t="s">
        <v>178869</v>
      </c>
      <c r="J53587" s="1" t="s">
        <v>180435</v>
      </c>
    </row>
    <row r="53588" spans="1:10" x14ac:dyDescent="0.35">
      <c r="A53588" s="1" t="s">
        <v>25431</v>
      </c>
      <c r="B53588" s="1" t="s">
        <v>178864</v>
      </c>
      <c r="C53588" s="1" t="s">
        <v>145</v>
      </c>
      <c r="D53588" s="1" t="s">
        <v>173006</v>
      </c>
      <c r="E53588" s="1" t="s">
        <v>107638</v>
      </c>
      <c r="F53588" s="1" t="s">
        <v>180436</v>
      </c>
      <c r="G53588" s="1" t="s">
        <v>180378</v>
      </c>
      <c r="H53588" s="1" t="s">
        <v>180379</v>
      </c>
      <c r="I53588" s="1" t="s">
        <v>178869</v>
      </c>
      <c r="J53588" s="1" t="s">
        <v>180437</v>
      </c>
    </row>
    <row r="53589" spans="1:10" x14ac:dyDescent="0.35">
      <c r="A53589" s="1" t="s">
        <v>25431</v>
      </c>
      <c r="B53589" s="1" t="s">
        <v>178864</v>
      </c>
      <c r="C53589" s="1" t="s">
        <v>150</v>
      </c>
      <c r="D53589" s="1" t="s">
        <v>180438</v>
      </c>
      <c r="E53589" s="1" t="s">
        <v>127097</v>
      </c>
      <c r="F53589" s="1" t="s">
        <v>180439</v>
      </c>
      <c r="G53589" s="1" t="s">
        <v>180378</v>
      </c>
      <c r="H53589" s="1" t="s">
        <v>180379</v>
      </c>
      <c r="I53589" s="1" t="s">
        <v>178869</v>
      </c>
      <c r="J53589" s="1" t="s">
        <v>180440</v>
      </c>
    </row>
    <row r="53590" spans="1:10" x14ac:dyDescent="0.35">
      <c r="A53590" s="1" t="s">
        <v>25431</v>
      </c>
      <c r="B53590" s="1" t="s">
        <v>178864</v>
      </c>
      <c r="C53590" s="1" t="s">
        <v>155</v>
      </c>
      <c r="D53590" s="1" t="s">
        <v>95802</v>
      </c>
      <c r="E53590" s="1" t="s">
        <v>106203</v>
      </c>
      <c r="F53590" s="1" t="s">
        <v>180441</v>
      </c>
      <c r="G53590" s="1" t="s">
        <v>180378</v>
      </c>
      <c r="H53590" s="1" t="s">
        <v>180379</v>
      </c>
      <c r="I53590" s="1" t="s">
        <v>178869</v>
      </c>
      <c r="J53590" s="1" t="s">
        <v>180442</v>
      </c>
    </row>
    <row r="53591" spans="1:10" x14ac:dyDescent="0.35">
      <c r="A53591" s="1" t="s">
        <v>25431</v>
      </c>
      <c r="B53591" s="1" t="s">
        <v>178864</v>
      </c>
      <c r="C53591" s="1" t="s">
        <v>160</v>
      </c>
      <c r="D53591" s="1" t="s">
        <v>180443</v>
      </c>
      <c r="E53591" s="1" t="s">
        <v>180444</v>
      </c>
      <c r="F53591" s="1" t="s">
        <v>180445</v>
      </c>
      <c r="G53591" s="1" t="s">
        <v>180378</v>
      </c>
      <c r="H53591" s="1" t="s">
        <v>180379</v>
      </c>
      <c r="I53591" s="1" t="s">
        <v>178869</v>
      </c>
      <c r="J53591" s="1" t="s">
        <v>180446</v>
      </c>
    </row>
    <row r="53592" spans="1:10" x14ac:dyDescent="0.35">
      <c r="A53592" s="1" t="s">
        <v>25431</v>
      </c>
      <c r="B53592" s="1" t="s">
        <v>178864</v>
      </c>
      <c r="C53592" s="1" t="s">
        <v>165</v>
      </c>
      <c r="D53592" s="1" t="s">
        <v>136371</v>
      </c>
      <c r="E53592" s="1" t="s">
        <v>180414</v>
      </c>
      <c r="F53592" s="1" t="s">
        <v>180447</v>
      </c>
      <c r="G53592" s="1" t="s">
        <v>180378</v>
      </c>
      <c r="H53592" s="1" t="s">
        <v>180379</v>
      </c>
      <c r="I53592" s="1" t="s">
        <v>178869</v>
      </c>
      <c r="J53592" s="1" t="s">
        <v>180448</v>
      </c>
    </row>
    <row r="53593" spans="1:10" x14ac:dyDescent="0.35">
      <c r="A53593" s="1" t="s">
        <v>25431</v>
      </c>
      <c r="B53593" s="1" t="s">
        <v>178864</v>
      </c>
      <c r="C53593" s="1" t="s">
        <v>170</v>
      </c>
      <c r="D53593" s="1" t="s">
        <v>138120</v>
      </c>
      <c r="E53593" s="1" t="s">
        <v>145926</v>
      </c>
      <c r="F53593" s="1" t="s">
        <v>180449</v>
      </c>
      <c r="G53593" s="1" t="s">
        <v>180378</v>
      </c>
      <c r="H53593" s="1" t="s">
        <v>180379</v>
      </c>
      <c r="I53593" s="1" t="s">
        <v>178869</v>
      </c>
      <c r="J53593" s="1" t="s">
        <v>180450</v>
      </c>
    </row>
    <row r="53594" spans="1:10" x14ac:dyDescent="0.35">
      <c r="A53594" s="1" t="s">
        <v>1229</v>
      </c>
      <c r="B53594" s="1" t="s">
        <v>178864</v>
      </c>
      <c r="C53594" s="1" t="s">
        <v>8</v>
      </c>
      <c r="D53594" s="1" t="s">
        <v>180451</v>
      </c>
      <c r="E53594" s="1" t="s">
        <v>107629</v>
      </c>
      <c r="F53594" s="1" t="s">
        <v>52455</v>
      </c>
      <c r="G53594" s="1" t="s">
        <v>180452</v>
      </c>
      <c r="H53594" s="1" t="s">
        <v>180453</v>
      </c>
      <c r="I53594" s="1" t="s">
        <v>178869</v>
      </c>
      <c r="J53594" s="1" t="s">
        <v>13</v>
      </c>
    </row>
    <row r="53595" spans="1:10" x14ac:dyDescent="0.35">
      <c r="A53595" s="1" t="s">
        <v>1229</v>
      </c>
      <c r="B53595" s="1" t="s">
        <v>178864</v>
      </c>
      <c r="C53595" s="1" t="s">
        <v>15</v>
      </c>
      <c r="D53595" s="1" t="s">
        <v>126676</v>
      </c>
      <c r="E53595" s="1" t="s">
        <v>180454</v>
      </c>
      <c r="F53595" s="1" t="s">
        <v>180455</v>
      </c>
      <c r="G53595" s="1" t="s">
        <v>180452</v>
      </c>
      <c r="H53595" s="1" t="s">
        <v>180453</v>
      </c>
      <c r="I53595" s="1" t="s">
        <v>178869</v>
      </c>
      <c r="J53595" s="1" t="s">
        <v>180456</v>
      </c>
    </row>
    <row r="53596" spans="1:10" x14ac:dyDescent="0.35">
      <c r="A53596" s="1" t="s">
        <v>1229</v>
      </c>
      <c r="B53596" s="1" t="s">
        <v>178864</v>
      </c>
      <c r="C53596" s="1" t="s">
        <v>20</v>
      </c>
      <c r="D53596" s="1" t="s">
        <v>180457</v>
      </c>
      <c r="E53596" s="1" t="s">
        <v>108862</v>
      </c>
      <c r="F53596" s="1" t="s">
        <v>180458</v>
      </c>
      <c r="G53596" s="1" t="s">
        <v>180452</v>
      </c>
      <c r="H53596" s="1" t="s">
        <v>180453</v>
      </c>
      <c r="I53596" s="1" t="s">
        <v>178869</v>
      </c>
      <c r="J53596" s="1" t="s">
        <v>180459</v>
      </c>
    </row>
    <row r="53597" spans="1:10" x14ac:dyDescent="0.35">
      <c r="A53597" s="1" t="s">
        <v>1229</v>
      </c>
      <c r="B53597" s="1" t="s">
        <v>178864</v>
      </c>
      <c r="C53597" s="1" t="s">
        <v>25</v>
      </c>
      <c r="D53597" s="1" t="s">
        <v>38770</v>
      </c>
      <c r="E53597" s="1" t="s">
        <v>94784</v>
      </c>
      <c r="F53597" s="1" t="s">
        <v>180460</v>
      </c>
      <c r="G53597" s="1" t="s">
        <v>180452</v>
      </c>
      <c r="H53597" s="1" t="s">
        <v>180453</v>
      </c>
      <c r="I53597" s="1" t="s">
        <v>178869</v>
      </c>
      <c r="J53597" s="1" t="s">
        <v>180461</v>
      </c>
    </row>
    <row r="53598" spans="1:10" x14ac:dyDescent="0.35">
      <c r="A53598" s="1" t="s">
        <v>1229</v>
      </c>
      <c r="B53598" s="1" t="s">
        <v>178864</v>
      </c>
      <c r="C53598" s="1" t="s">
        <v>30</v>
      </c>
      <c r="D53598" s="1" t="s">
        <v>180462</v>
      </c>
      <c r="E53598" s="1" t="s">
        <v>78820</v>
      </c>
      <c r="F53598" s="1" t="s">
        <v>180463</v>
      </c>
      <c r="G53598" s="1" t="s">
        <v>180452</v>
      </c>
      <c r="H53598" s="1" t="s">
        <v>180453</v>
      </c>
      <c r="I53598" s="1" t="s">
        <v>178869</v>
      </c>
      <c r="J53598" s="1" t="s">
        <v>180464</v>
      </c>
    </row>
    <row r="53599" spans="1:10" x14ac:dyDescent="0.35">
      <c r="A53599" s="1" t="s">
        <v>1229</v>
      </c>
      <c r="B53599" s="1" t="s">
        <v>178864</v>
      </c>
      <c r="C53599" s="1" t="s">
        <v>35</v>
      </c>
      <c r="D53599" s="1" t="s">
        <v>18563</v>
      </c>
      <c r="E53599" s="1" t="s">
        <v>180465</v>
      </c>
      <c r="F53599" s="1" t="s">
        <v>131986</v>
      </c>
      <c r="G53599" s="1" t="s">
        <v>180452</v>
      </c>
      <c r="H53599" s="1" t="s">
        <v>180453</v>
      </c>
      <c r="I53599" s="1" t="s">
        <v>178869</v>
      </c>
      <c r="J53599" s="1" t="s">
        <v>180466</v>
      </c>
    </row>
    <row r="53600" spans="1:10" x14ac:dyDescent="0.35">
      <c r="A53600" s="1" t="s">
        <v>1229</v>
      </c>
      <c r="B53600" s="1" t="s">
        <v>178864</v>
      </c>
      <c r="C53600" s="1" t="s">
        <v>40</v>
      </c>
      <c r="D53600" s="1" t="s">
        <v>17068</v>
      </c>
      <c r="E53600" s="1" t="s">
        <v>15528</v>
      </c>
      <c r="F53600" s="1" t="s">
        <v>180467</v>
      </c>
      <c r="G53600" s="1" t="s">
        <v>180452</v>
      </c>
      <c r="H53600" s="1" t="s">
        <v>180453</v>
      </c>
      <c r="I53600" s="1" t="s">
        <v>178869</v>
      </c>
      <c r="J53600" s="1" t="s">
        <v>180468</v>
      </c>
    </row>
    <row r="53601" spans="1:10" x14ac:dyDescent="0.35">
      <c r="A53601" s="1" t="s">
        <v>1229</v>
      </c>
      <c r="B53601" s="1" t="s">
        <v>178864</v>
      </c>
      <c r="C53601" s="1" t="s">
        <v>45</v>
      </c>
      <c r="D53601" s="1" t="s">
        <v>180469</v>
      </c>
      <c r="E53601" s="1" t="s">
        <v>179532</v>
      </c>
      <c r="F53601" s="1" t="s">
        <v>27101</v>
      </c>
      <c r="G53601" s="1" t="s">
        <v>180452</v>
      </c>
      <c r="H53601" s="1" t="s">
        <v>180453</v>
      </c>
      <c r="I53601" s="1" t="s">
        <v>178869</v>
      </c>
      <c r="J53601" s="1" t="s">
        <v>180470</v>
      </c>
    </row>
    <row r="53602" spans="1:10" x14ac:dyDescent="0.35">
      <c r="A53602" s="1" t="s">
        <v>1229</v>
      </c>
      <c r="B53602" s="1" t="s">
        <v>178864</v>
      </c>
      <c r="C53602" s="1" t="s">
        <v>50</v>
      </c>
      <c r="D53602" s="1" t="s">
        <v>174659</v>
      </c>
      <c r="E53602" s="1" t="s">
        <v>107626</v>
      </c>
      <c r="F53602" s="1" t="s">
        <v>180471</v>
      </c>
      <c r="G53602" s="1" t="s">
        <v>180452</v>
      </c>
      <c r="H53602" s="1" t="s">
        <v>180453</v>
      </c>
      <c r="I53602" s="1" t="s">
        <v>178869</v>
      </c>
      <c r="J53602" s="1" t="s">
        <v>180472</v>
      </c>
    </row>
    <row r="53603" spans="1:10" x14ac:dyDescent="0.35">
      <c r="A53603" s="1" t="s">
        <v>1229</v>
      </c>
      <c r="B53603" s="1" t="s">
        <v>178864</v>
      </c>
      <c r="C53603" s="1" t="s">
        <v>55</v>
      </c>
      <c r="D53603" s="1" t="s">
        <v>75983</v>
      </c>
      <c r="E53603" s="1" t="s">
        <v>15548</v>
      </c>
      <c r="F53603" s="1" t="s">
        <v>180473</v>
      </c>
      <c r="G53603" s="1" t="s">
        <v>180452</v>
      </c>
      <c r="H53603" s="1" t="s">
        <v>180453</v>
      </c>
      <c r="I53603" s="1" t="s">
        <v>178869</v>
      </c>
      <c r="J53603" s="1" t="s">
        <v>180474</v>
      </c>
    </row>
    <row r="53604" spans="1:10" x14ac:dyDescent="0.35">
      <c r="A53604" s="1" t="s">
        <v>1229</v>
      </c>
      <c r="B53604" s="1" t="s">
        <v>178864</v>
      </c>
      <c r="C53604" s="1" t="s">
        <v>60</v>
      </c>
      <c r="D53604" s="1" t="s">
        <v>26802</v>
      </c>
      <c r="E53604" s="1" t="s">
        <v>78792</v>
      </c>
      <c r="F53604" s="1" t="s">
        <v>180475</v>
      </c>
      <c r="G53604" s="1" t="s">
        <v>180452</v>
      </c>
      <c r="H53604" s="1" t="s">
        <v>180453</v>
      </c>
      <c r="I53604" s="1" t="s">
        <v>178869</v>
      </c>
      <c r="J53604" s="1" t="s">
        <v>180476</v>
      </c>
    </row>
    <row r="53605" spans="1:10" x14ac:dyDescent="0.35">
      <c r="A53605" s="1" t="s">
        <v>1229</v>
      </c>
      <c r="B53605" s="1" t="s">
        <v>178864</v>
      </c>
      <c r="C53605" s="1" t="s">
        <v>65</v>
      </c>
      <c r="D53605" s="1" t="s">
        <v>95122</v>
      </c>
      <c r="E53605" s="1" t="s">
        <v>78852</v>
      </c>
      <c r="F53605" s="1" t="s">
        <v>180477</v>
      </c>
      <c r="G53605" s="1" t="s">
        <v>180452</v>
      </c>
      <c r="H53605" s="1" t="s">
        <v>180453</v>
      </c>
      <c r="I53605" s="1" t="s">
        <v>178869</v>
      </c>
      <c r="J53605" s="1" t="s">
        <v>180478</v>
      </c>
    </row>
    <row r="53606" spans="1:10" x14ac:dyDescent="0.35">
      <c r="A53606" s="1" t="s">
        <v>1229</v>
      </c>
      <c r="B53606" s="1" t="s">
        <v>178864</v>
      </c>
      <c r="C53606" s="1" t="s">
        <v>70</v>
      </c>
      <c r="D53606" s="1" t="s">
        <v>180479</v>
      </c>
      <c r="E53606" s="1" t="s">
        <v>105439</v>
      </c>
      <c r="F53606" s="1" t="s">
        <v>127255</v>
      </c>
      <c r="G53606" s="1" t="s">
        <v>180452</v>
      </c>
      <c r="H53606" s="1" t="s">
        <v>180453</v>
      </c>
      <c r="I53606" s="1" t="s">
        <v>178869</v>
      </c>
      <c r="J53606" s="1" t="s">
        <v>180480</v>
      </c>
    </row>
    <row r="53607" spans="1:10" x14ac:dyDescent="0.35">
      <c r="A53607" s="1" t="s">
        <v>1229</v>
      </c>
      <c r="B53607" s="1" t="s">
        <v>178864</v>
      </c>
      <c r="C53607" s="1" t="s">
        <v>75</v>
      </c>
      <c r="D53607" s="1" t="s">
        <v>180481</v>
      </c>
      <c r="E53607" s="1" t="s">
        <v>180482</v>
      </c>
      <c r="F53607" s="1" t="s">
        <v>129765</v>
      </c>
      <c r="G53607" s="1" t="s">
        <v>180452</v>
      </c>
      <c r="H53607" s="1" t="s">
        <v>180453</v>
      </c>
      <c r="I53607" s="1" t="s">
        <v>178869</v>
      </c>
      <c r="J53607" s="1" t="s">
        <v>180483</v>
      </c>
    </row>
    <row r="53608" spans="1:10" x14ac:dyDescent="0.35">
      <c r="A53608" s="1" t="s">
        <v>1229</v>
      </c>
      <c r="B53608" s="1" t="s">
        <v>178864</v>
      </c>
      <c r="C53608" s="1" t="s">
        <v>80</v>
      </c>
      <c r="D53608" s="1" t="s">
        <v>100245</v>
      </c>
      <c r="E53608" s="1" t="s">
        <v>180444</v>
      </c>
      <c r="F53608" s="1" t="s">
        <v>180484</v>
      </c>
      <c r="G53608" s="1" t="s">
        <v>180452</v>
      </c>
      <c r="H53608" s="1" t="s">
        <v>180453</v>
      </c>
      <c r="I53608" s="1" t="s">
        <v>178869</v>
      </c>
      <c r="J53608" s="1" t="s">
        <v>180485</v>
      </c>
    </row>
    <row r="53609" spans="1:10" x14ac:dyDescent="0.35">
      <c r="A53609" s="1" t="s">
        <v>1229</v>
      </c>
      <c r="B53609" s="1" t="s">
        <v>178864</v>
      </c>
      <c r="C53609" s="1" t="s">
        <v>85</v>
      </c>
      <c r="D53609" s="1" t="s">
        <v>59734</v>
      </c>
      <c r="E53609" s="1" t="s">
        <v>180486</v>
      </c>
      <c r="F53609" s="1" t="s">
        <v>180487</v>
      </c>
      <c r="G53609" s="1" t="s">
        <v>180452</v>
      </c>
      <c r="H53609" s="1" t="s">
        <v>180453</v>
      </c>
      <c r="I53609" s="1" t="s">
        <v>178869</v>
      </c>
      <c r="J53609" s="1" t="s">
        <v>180488</v>
      </c>
    </row>
    <row r="53610" spans="1:10" x14ac:dyDescent="0.35">
      <c r="A53610" s="1" t="s">
        <v>1229</v>
      </c>
      <c r="B53610" s="1" t="s">
        <v>178864</v>
      </c>
      <c r="C53610" s="1" t="s">
        <v>90</v>
      </c>
      <c r="D53610" s="1" t="s">
        <v>180489</v>
      </c>
      <c r="E53610" s="1" t="s">
        <v>180490</v>
      </c>
      <c r="F53610" s="1" t="s">
        <v>180491</v>
      </c>
      <c r="G53610" s="1" t="s">
        <v>180452</v>
      </c>
      <c r="H53610" s="1" t="s">
        <v>180453</v>
      </c>
      <c r="I53610" s="1" t="s">
        <v>178869</v>
      </c>
      <c r="J53610" s="1" t="s">
        <v>180492</v>
      </c>
    </row>
    <row r="53611" spans="1:10" x14ac:dyDescent="0.35">
      <c r="A53611" s="1" t="s">
        <v>1229</v>
      </c>
      <c r="B53611" s="1" t="s">
        <v>178864</v>
      </c>
      <c r="C53611" s="1" t="s">
        <v>95</v>
      </c>
      <c r="D53611" s="1" t="s">
        <v>80399</v>
      </c>
      <c r="E53611" s="1" t="s">
        <v>107638</v>
      </c>
      <c r="F53611" s="1" t="s">
        <v>56019</v>
      </c>
      <c r="G53611" s="1" t="s">
        <v>180452</v>
      </c>
      <c r="H53611" s="1" t="s">
        <v>180453</v>
      </c>
      <c r="I53611" s="1" t="s">
        <v>178869</v>
      </c>
      <c r="J53611" s="1" t="s">
        <v>180493</v>
      </c>
    </row>
    <row r="53612" spans="1:10" x14ac:dyDescent="0.35">
      <c r="A53612" s="1" t="s">
        <v>1229</v>
      </c>
      <c r="B53612" s="1" t="s">
        <v>178864</v>
      </c>
      <c r="C53612" s="1" t="s">
        <v>100</v>
      </c>
      <c r="D53612" s="1" t="s">
        <v>13474</v>
      </c>
      <c r="E53612" s="1" t="s">
        <v>108862</v>
      </c>
      <c r="F53612" s="1" t="s">
        <v>129783</v>
      </c>
      <c r="G53612" s="1" t="s">
        <v>180452</v>
      </c>
      <c r="H53612" s="1" t="s">
        <v>180453</v>
      </c>
      <c r="I53612" s="1" t="s">
        <v>178869</v>
      </c>
      <c r="J53612" s="1" t="s">
        <v>180494</v>
      </c>
    </row>
    <row r="53613" spans="1:10" x14ac:dyDescent="0.35">
      <c r="A53613" s="1" t="s">
        <v>1229</v>
      </c>
      <c r="B53613" s="1" t="s">
        <v>178864</v>
      </c>
      <c r="C53613" s="1" t="s">
        <v>105</v>
      </c>
      <c r="D53613" s="1" t="s">
        <v>22376</v>
      </c>
      <c r="E53613" s="1" t="s">
        <v>145058</v>
      </c>
      <c r="F53613" s="1" t="s">
        <v>57692</v>
      </c>
      <c r="G53613" s="1" t="s">
        <v>180452</v>
      </c>
      <c r="H53613" s="1" t="s">
        <v>180453</v>
      </c>
      <c r="I53613" s="1" t="s">
        <v>178869</v>
      </c>
      <c r="J53613" s="1" t="s">
        <v>180495</v>
      </c>
    </row>
    <row r="53614" spans="1:10" x14ac:dyDescent="0.35">
      <c r="A53614" s="1" t="s">
        <v>1229</v>
      </c>
      <c r="B53614" s="1" t="s">
        <v>178864</v>
      </c>
      <c r="C53614" s="1" t="s">
        <v>110</v>
      </c>
      <c r="D53614" s="1" t="s">
        <v>180496</v>
      </c>
      <c r="E53614" s="1" t="s">
        <v>107423</v>
      </c>
      <c r="F53614" s="1" t="s">
        <v>21248</v>
      </c>
      <c r="G53614" s="1" t="s">
        <v>180452</v>
      </c>
      <c r="H53614" s="1" t="s">
        <v>180453</v>
      </c>
      <c r="I53614" s="1" t="s">
        <v>178869</v>
      </c>
      <c r="J53614" s="1" t="s">
        <v>180497</v>
      </c>
    </row>
    <row r="53615" spans="1:10" x14ac:dyDescent="0.35">
      <c r="A53615" s="1" t="s">
        <v>1229</v>
      </c>
      <c r="B53615" s="1" t="s">
        <v>178864</v>
      </c>
      <c r="C53615" s="1" t="s">
        <v>115</v>
      </c>
      <c r="D53615" s="1" t="s">
        <v>180498</v>
      </c>
      <c r="E53615" s="1" t="s">
        <v>78866</v>
      </c>
      <c r="F53615" s="1" t="s">
        <v>180499</v>
      </c>
      <c r="G53615" s="1" t="s">
        <v>180452</v>
      </c>
      <c r="H53615" s="1" t="s">
        <v>180453</v>
      </c>
      <c r="I53615" s="1" t="s">
        <v>178869</v>
      </c>
      <c r="J53615" s="1" t="s">
        <v>180500</v>
      </c>
    </row>
    <row r="53616" spans="1:10" x14ac:dyDescent="0.35">
      <c r="A53616" s="1" t="s">
        <v>1229</v>
      </c>
      <c r="B53616" s="1" t="s">
        <v>178864</v>
      </c>
      <c r="C53616" s="1" t="s">
        <v>120</v>
      </c>
      <c r="D53616" s="1" t="s">
        <v>180501</v>
      </c>
      <c r="E53616" s="1" t="s">
        <v>107423</v>
      </c>
      <c r="F53616" s="1" t="s">
        <v>66963</v>
      </c>
      <c r="G53616" s="1" t="s">
        <v>180452</v>
      </c>
      <c r="H53616" s="1" t="s">
        <v>180453</v>
      </c>
      <c r="I53616" s="1" t="s">
        <v>178869</v>
      </c>
      <c r="J53616" s="1" t="s">
        <v>180502</v>
      </c>
    </row>
    <row r="53617" spans="1:10" x14ac:dyDescent="0.35">
      <c r="A53617" s="1" t="s">
        <v>1229</v>
      </c>
      <c r="B53617" s="1" t="s">
        <v>178864</v>
      </c>
      <c r="C53617" s="1" t="s">
        <v>125</v>
      </c>
      <c r="D53617" s="1" t="s">
        <v>180503</v>
      </c>
      <c r="E53617" s="1" t="s">
        <v>107638</v>
      </c>
      <c r="F53617" s="1" t="s">
        <v>58060</v>
      </c>
      <c r="G53617" s="1" t="s">
        <v>180452</v>
      </c>
      <c r="H53617" s="1" t="s">
        <v>180453</v>
      </c>
      <c r="I53617" s="1" t="s">
        <v>178869</v>
      </c>
      <c r="J53617" s="1" t="s">
        <v>180504</v>
      </c>
    </row>
    <row r="53618" spans="1:10" x14ac:dyDescent="0.35">
      <c r="A53618" s="1" t="s">
        <v>1229</v>
      </c>
      <c r="B53618" s="1" t="s">
        <v>178864</v>
      </c>
      <c r="C53618" s="1" t="s">
        <v>130</v>
      </c>
      <c r="D53618" s="1" t="s">
        <v>122749</v>
      </c>
      <c r="E53618" s="1" t="s">
        <v>108912</v>
      </c>
      <c r="F53618" s="1" t="s">
        <v>99791</v>
      </c>
      <c r="G53618" s="1" t="s">
        <v>180452</v>
      </c>
      <c r="H53618" s="1" t="s">
        <v>180453</v>
      </c>
      <c r="I53618" s="1" t="s">
        <v>178869</v>
      </c>
      <c r="J53618" s="1" t="s">
        <v>180505</v>
      </c>
    </row>
    <row r="53619" spans="1:10" x14ac:dyDescent="0.35">
      <c r="A53619" s="1" t="s">
        <v>1229</v>
      </c>
      <c r="B53619" s="1" t="s">
        <v>178864</v>
      </c>
      <c r="C53619" s="1" t="s">
        <v>135</v>
      </c>
      <c r="D53619" s="1" t="s">
        <v>180506</v>
      </c>
      <c r="E53619" s="1" t="s">
        <v>145051</v>
      </c>
      <c r="F53619" s="1" t="s">
        <v>180507</v>
      </c>
      <c r="G53619" s="1" t="s">
        <v>180452</v>
      </c>
      <c r="H53619" s="1" t="s">
        <v>180453</v>
      </c>
      <c r="I53619" s="1" t="s">
        <v>178869</v>
      </c>
      <c r="J53619" s="1" t="s">
        <v>180508</v>
      </c>
    </row>
    <row r="53620" spans="1:10" x14ac:dyDescent="0.35">
      <c r="A53620" s="1" t="s">
        <v>1229</v>
      </c>
      <c r="B53620" s="1" t="s">
        <v>178864</v>
      </c>
      <c r="C53620" s="1" t="s">
        <v>140</v>
      </c>
      <c r="D53620" s="1" t="s">
        <v>180509</v>
      </c>
      <c r="E53620" s="1" t="s">
        <v>74224</v>
      </c>
      <c r="F53620" s="1" t="s">
        <v>99816</v>
      </c>
      <c r="G53620" s="1" t="s">
        <v>180452</v>
      </c>
      <c r="H53620" s="1" t="s">
        <v>180453</v>
      </c>
      <c r="I53620" s="1" t="s">
        <v>178869</v>
      </c>
      <c r="J53620" s="1" t="s">
        <v>180510</v>
      </c>
    </row>
    <row r="53621" spans="1:10" x14ac:dyDescent="0.35">
      <c r="A53621" s="1" t="s">
        <v>1229</v>
      </c>
      <c r="B53621" s="1" t="s">
        <v>178864</v>
      </c>
      <c r="C53621" s="1" t="s">
        <v>145</v>
      </c>
      <c r="D53621" s="1" t="s">
        <v>113958</v>
      </c>
      <c r="E53621" s="1" t="s">
        <v>180511</v>
      </c>
      <c r="F53621" s="1" t="s">
        <v>180512</v>
      </c>
      <c r="G53621" s="1" t="s">
        <v>180452</v>
      </c>
      <c r="H53621" s="1" t="s">
        <v>180453</v>
      </c>
      <c r="I53621" s="1" t="s">
        <v>178869</v>
      </c>
      <c r="J53621" s="1" t="s">
        <v>180513</v>
      </c>
    </row>
    <row r="53622" spans="1:10" x14ac:dyDescent="0.35">
      <c r="A53622" s="1" t="s">
        <v>1229</v>
      </c>
      <c r="B53622" s="1" t="s">
        <v>178864</v>
      </c>
      <c r="C53622" s="1" t="s">
        <v>150</v>
      </c>
      <c r="D53622" s="1" t="s">
        <v>19216</v>
      </c>
      <c r="E53622" s="1" t="s">
        <v>111167</v>
      </c>
      <c r="F53622" s="1" t="s">
        <v>180514</v>
      </c>
      <c r="G53622" s="1" t="s">
        <v>180452</v>
      </c>
      <c r="H53622" s="1" t="s">
        <v>180453</v>
      </c>
      <c r="I53622" s="1" t="s">
        <v>178869</v>
      </c>
      <c r="J53622" s="1" t="s">
        <v>180515</v>
      </c>
    </row>
    <row r="53623" spans="1:10" x14ac:dyDescent="0.35">
      <c r="A53623" s="1" t="s">
        <v>1229</v>
      </c>
      <c r="B53623" s="1" t="s">
        <v>178864</v>
      </c>
      <c r="C53623" s="1" t="s">
        <v>155</v>
      </c>
      <c r="D53623" s="1" t="s">
        <v>180516</v>
      </c>
      <c r="E53623" s="1" t="s">
        <v>133306</v>
      </c>
      <c r="F53623" s="1" t="s">
        <v>103692</v>
      </c>
      <c r="G53623" s="1" t="s">
        <v>180452</v>
      </c>
      <c r="H53623" s="1" t="s">
        <v>180453</v>
      </c>
      <c r="I53623" s="1" t="s">
        <v>178869</v>
      </c>
      <c r="J53623" s="1" t="s">
        <v>180517</v>
      </c>
    </row>
    <row r="53624" spans="1:10" x14ac:dyDescent="0.35">
      <c r="A53624" s="1" t="s">
        <v>1229</v>
      </c>
      <c r="B53624" s="1" t="s">
        <v>178864</v>
      </c>
      <c r="C53624" s="1" t="s">
        <v>160</v>
      </c>
      <c r="D53624" s="1" t="s">
        <v>53244</v>
      </c>
      <c r="E53624" s="1" t="s">
        <v>108930</v>
      </c>
      <c r="F53624" s="1" t="s">
        <v>180518</v>
      </c>
      <c r="G53624" s="1" t="s">
        <v>180452</v>
      </c>
      <c r="H53624" s="1" t="s">
        <v>180453</v>
      </c>
      <c r="I53624" s="1" t="s">
        <v>178869</v>
      </c>
      <c r="J53624" s="1" t="s">
        <v>180519</v>
      </c>
    </row>
    <row r="53625" spans="1:10" x14ac:dyDescent="0.35">
      <c r="A53625" s="1" t="s">
        <v>1229</v>
      </c>
      <c r="B53625" s="1" t="s">
        <v>178864</v>
      </c>
      <c r="C53625" s="1" t="s">
        <v>165</v>
      </c>
      <c r="D53625" s="1" t="s">
        <v>180520</v>
      </c>
      <c r="E53625" s="1" t="s">
        <v>74224</v>
      </c>
      <c r="F53625" s="1" t="s">
        <v>103603</v>
      </c>
      <c r="G53625" s="1" t="s">
        <v>180452</v>
      </c>
      <c r="H53625" s="1" t="s">
        <v>180453</v>
      </c>
      <c r="I53625" s="1" t="s">
        <v>178869</v>
      </c>
      <c r="J53625" s="1" t="s">
        <v>180521</v>
      </c>
    </row>
    <row r="53626" spans="1:10" x14ac:dyDescent="0.35">
      <c r="A53626" s="1" t="s">
        <v>1229</v>
      </c>
      <c r="B53626" s="1" t="s">
        <v>178864</v>
      </c>
      <c r="C53626" s="1" t="s">
        <v>170</v>
      </c>
      <c r="D53626" s="1" t="s">
        <v>180522</v>
      </c>
      <c r="E53626" s="1" t="s">
        <v>135718</v>
      </c>
      <c r="F53626" s="1" t="s">
        <v>67738</v>
      </c>
      <c r="G53626" s="1" t="s">
        <v>180452</v>
      </c>
      <c r="H53626" s="1" t="s">
        <v>180453</v>
      </c>
      <c r="I53626" s="1" t="s">
        <v>178869</v>
      </c>
      <c r="J53626" s="1" t="s">
        <v>180523</v>
      </c>
    </row>
    <row r="53627" spans="1:10" x14ac:dyDescent="0.35">
      <c r="A53627" s="1" t="s">
        <v>27969</v>
      </c>
      <c r="B53627" s="1" t="s">
        <v>178864</v>
      </c>
      <c r="C53627" s="1" t="s">
        <v>8</v>
      </c>
      <c r="D53627" s="1" t="s">
        <v>99529</v>
      </c>
      <c r="E53627" s="1" t="s">
        <v>180524</v>
      </c>
      <c r="F53627" s="1" t="s">
        <v>180525</v>
      </c>
      <c r="G53627" s="1" t="s">
        <v>180526</v>
      </c>
      <c r="H53627" s="1" t="s">
        <v>180527</v>
      </c>
      <c r="I53627" s="1" t="s">
        <v>178869</v>
      </c>
      <c r="J53627" s="1" t="s">
        <v>13</v>
      </c>
    </row>
    <row r="53628" spans="1:10" x14ac:dyDescent="0.35">
      <c r="A53628" s="1" t="s">
        <v>27969</v>
      </c>
      <c r="B53628" s="1" t="s">
        <v>178864</v>
      </c>
      <c r="C53628" s="1" t="s">
        <v>15</v>
      </c>
      <c r="D53628" s="1" t="s">
        <v>180528</v>
      </c>
      <c r="E53628" s="1" t="s">
        <v>180529</v>
      </c>
      <c r="F53628" s="1" t="s">
        <v>180530</v>
      </c>
      <c r="G53628" s="1" t="s">
        <v>180526</v>
      </c>
      <c r="H53628" s="1" t="s">
        <v>180527</v>
      </c>
      <c r="I53628" s="1" t="s">
        <v>178869</v>
      </c>
      <c r="J53628" s="1" t="s">
        <v>180531</v>
      </c>
    </row>
    <row r="53629" spans="1:10" x14ac:dyDescent="0.35">
      <c r="A53629" s="1" t="s">
        <v>27969</v>
      </c>
      <c r="B53629" s="1" t="s">
        <v>178864</v>
      </c>
      <c r="C53629" s="1" t="s">
        <v>20</v>
      </c>
      <c r="D53629" s="1" t="s">
        <v>180532</v>
      </c>
      <c r="E53629" s="1" t="s">
        <v>180533</v>
      </c>
      <c r="F53629" s="1" t="s">
        <v>180534</v>
      </c>
      <c r="G53629" s="1" t="s">
        <v>180526</v>
      </c>
      <c r="H53629" s="1" t="s">
        <v>180527</v>
      </c>
      <c r="I53629" s="1" t="s">
        <v>178869</v>
      </c>
      <c r="J53629" s="1" t="s">
        <v>180535</v>
      </c>
    </row>
    <row r="53630" spans="1:10" x14ac:dyDescent="0.35">
      <c r="A53630" s="1" t="s">
        <v>27969</v>
      </c>
      <c r="B53630" s="1" t="s">
        <v>178864</v>
      </c>
      <c r="C53630" s="1" t="s">
        <v>25</v>
      </c>
      <c r="D53630" s="1" t="s">
        <v>180536</v>
      </c>
      <c r="E53630" s="1" t="s">
        <v>180537</v>
      </c>
      <c r="F53630" s="1" t="s">
        <v>180538</v>
      </c>
      <c r="G53630" s="1" t="s">
        <v>180526</v>
      </c>
      <c r="H53630" s="1" t="s">
        <v>180527</v>
      </c>
      <c r="I53630" s="1" t="s">
        <v>178869</v>
      </c>
      <c r="J53630" s="1" t="s">
        <v>180539</v>
      </c>
    </row>
    <row r="53631" spans="1:10" x14ac:dyDescent="0.35">
      <c r="A53631" s="1" t="s">
        <v>27969</v>
      </c>
      <c r="B53631" s="1" t="s">
        <v>178864</v>
      </c>
      <c r="C53631" s="1" t="s">
        <v>30</v>
      </c>
      <c r="D53631" s="1" t="s">
        <v>180540</v>
      </c>
      <c r="E53631" s="1" t="s">
        <v>180541</v>
      </c>
      <c r="F53631" s="1" t="s">
        <v>180542</v>
      </c>
      <c r="G53631" s="1" t="s">
        <v>180526</v>
      </c>
      <c r="H53631" s="1" t="s">
        <v>180527</v>
      </c>
      <c r="I53631" s="1" t="s">
        <v>178869</v>
      </c>
      <c r="J53631" s="1" t="s">
        <v>180543</v>
      </c>
    </row>
    <row r="53632" spans="1:10" x14ac:dyDescent="0.35">
      <c r="A53632" s="1" t="s">
        <v>27969</v>
      </c>
      <c r="B53632" s="1" t="s">
        <v>178864</v>
      </c>
      <c r="C53632" s="1" t="s">
        <v>35</v>
      </c>
      <c r="D53632" s="1" t="s">
        <v>180544</v>
      </c>
      <c r="E53632" s="1" t="s">
        <v>180545</v>
      </c>
      <c r="F53632" s="1" t="s">
        <v>180546</v>
      </c>
      <c r="G53632" s="1" t="s">
        <v>180526</v>
      </c>
      <c r="H53632" s="1" t="s">
        <v>180527</v>
      </c>
      <c r="I53632" s="1" t="s">
        <v>178869</v>
      </c>
      <c r="J53632" s="1" t="s">
        <v>180547</v>
      </c>
    </row>
    <row r="53633" spans="1:10" x14ac:dyDescent="0.35">
      <c r="A53633" s="1" t="s">
        <v>27969</v>
      </c>
      <c r="B53633" s="1" t="s">
        <v>178864</v>
      </c>
      <c r="C53633" s="1" t="s">
        <v>40</v>
      </c>
      <c r="D53633" s="1" t="s">
        <v>141593</v>
      </c>
      <c r="E53633" s="1" t="s">
        <v>180548</v>
      </c>
      <c r="F53633" s="1" t="s">
        <v>180549</v>
      </c>
      <c r="G53633" s="1" t="s">
        <v>180526</v>
      </c>
      <c r="H53633" s="1" t="s">
        <v>180527</v>
      </c>
      <c r="I53633" s="1" t="s">
        <v>178869</v>
      </c>
      <c r="J53633" s="1" t="s">
        <v>180550</v>
      </c>
    </row>
    <row r="53634" spans="1:10" x14ac:dyDescent="0.35">
      <c r="A53634" s="1" t="s">
        <v>27969</v>
      </c>
      <c r="B53634" s="1" t="s">
        <v>178864</v>
      </c>
      <c r="C53634" s="1" t="s">
        <v>45</v>
      </c>
      <c r="D53634" s="1" t="s">
        <v>127941</v>
      </c>
      <c r="E53634" s="1" t="s">
        <v>180551</v>
      </c>
      <c r="F53634" s="1" t="s">
        <v>180552</v>
      </c>
      <c r="G53634" s="1" t="s">
        <v>180526</v>
      </c>
      <c r="H53634" s="1" t="s">
        <v>180527</v>
      </c>
      <c r="I53634" s="1" t="s">
        <v>178869</v>
      </c>
      <c r="J53634" s="1" t="s">
        <v>180553</v>
      </c>
    </row>
    <row r="53635" spans="1:10" x14ac:dyDescent="0.35">
      <c r="A53635" s="1" t="s">
        <v>27969</v>
      </c>
      <c r="B53635" s="1" t="s">
        <v>178864</v>
      </c>
      <c r="C53635" s="1" t="s">
        <v>50</v>
      </c>
      <c r="D53635" s="1" t="s">
        <v>45569</v>
      </c>
      <c r="E53635" s="1" t="s">
        <v>180554</v>
      </c>
      <c r="F53635" s="1" t="s">
        <v>180555</v>
      </c>
      <c r="G53635" s="1" t="s">
        <v>180526</v>
      </c>
      <c r="H53635" s="1" t="s">
        <v>180527</v>
      </c>
      <c r="I53635" s="1" t="s">
        <v>178869</v>
      </c>
      <c r="J53635" s="1" t="s">
        <v>180556</v>
      </c>
    </row>
    <row r="53636" spans="1:10" x14ac:dyDescent="0.35">
      <c r="A53636" s="1" t="s">
        <v>27969</v>
      </c>
      <c r="B53636" s="1" t="s">
        <v>178864</v>
      </c>
      <c r="C53636" s="1" t="s">
        <v>55</v>
      </c>
      <c r="D53636" s="1" t="s">
        <v>93013</v>
      </c>
      <c r="E53636" s="1" t="s">
        <v>180557</v>
      </c>
      <c r="F53636" s="1" t="s">
        <v>180558</v>
      </c>
      <c r="G53636" s="1" t="s">
        <v>180526</v>
      </c>
      <c r="H53636" s="1" t="s">
        <v>180527</v>
      </c>
      <c r="I53636" s="1" t="s">
        <v>178869</v>
      </c>
      <c r="J53636" s="1" t="s">
        <v>180559</v>
      </c>
    </row>
    <row r="53637" spans="1:10" x14ac:dyDescent="0.35">
      <c r="A53637" s="1" t="s">
        <v>27969</v>
      </c>
      <c r="B53637" s="1" t="s">
        <v>178864</v>
      </c>
      <c r="C53637" s="1" t="s">
        <v>60</v>
      </c>
      <c r="D53637" s="1" t="s">
        <v>93584</v>
      </c>
      <c r="E53637" s="1" t="s">
        <v>180560</v>
      </c>
      <c r="F53637" s="1" t="s">
        <v>180561</v>
      </c>
      <c r="G53637" s="1" t="s">
        <v>180526</v>
      </c>
      <c r="H53637" s="1" t="s">
        <v>180527</v>
      </c>
      <c r="I53637" s="1" t="s">
        <v>178869</v>
      </c>
      <c r="J53637" s="1" t="s">
        <v>180562</v>
      </c>
    </row>
    <row r="53638" spans="1:10" x14ac:dyDescent="0.35">
      <c r="A53638" s="1" t="s">
        <v>27969</v>
      </c>
      <c r="B53638" s="1" t="s">
        <v>178864</v>
      </c>
      <c r="C53638" s="1" t="s">
        <v>65</v>
      </c>
      <c r="D53638" s="1" t="s">
        <v>9512</v>
      </c>
      <c r="E53638" s="1" t="s">
        <v>180563</v>
      </c>
      <c r="F53638" s="1" t="s">
        <v>180564</v>
      </c>
      <c r="G53638" s="1" t="s">
        <v>180526</v>
      </c>
      <c r="H53638" s="1" t="s">
        <v>180527</v>
      </c>
      <c r="I53638" s="1" t="s">
        <v>178869</v>
      </c>
      <c r="J53638" s="1" t="s">
        <v>180565</v>
      </c>
    </row>
    <row r="53639" spans="1:10" x14ac:dyDescent="0.35">
      <c r="A53639" s="1" t="s">
        <v>27969</v>
      </c>
      <c r="B53639" s="1" t="s">
        <v>178864</v>
      </c>
      <c r="C53639" s="1" t="s">
        <v>70</v>
      </c>
      <c r="D53639" s="1" t="s">
        <v>180566</v>
      </c>
      <c r="E53639" s="1" t="s">
        <v>180567</v>
      </c>
      <c r="F53639" s="1" t="s">
        <v>180568</v>
      </c>
      <c r="G53639" s="1" t="s">
        <v>180526</v>
      </c>
      <c r="H53639" s="1" t="s">
        <v>180527</v>
      </c>
      <c r="I53639" s="1" t="s">
        <v>178869</v>
      </c>
      <c r="J53639" s="1" t="s">
        <v>180569</v>
      </c>
    </row>
    <row r="53640" spans="1:10" x14ac:dyDescent="0.35">
      <c r="A53640" s="1" t="s">
        <v>27969</v>
      </c>
      <c r="B53640" s="1" t="s">
        <v>178864</v>
      </c>
      <c r="C53640" s="1" t="s">
        <v>75</v>
      </c>
      <c r="D53640" s="1" t="s">
        <v>39338</v>
      </c>
      <c r="E53640" s="1" t="s">
        <v>180570</v>
      </c>
      <c r="F53640" s="1" t="s">
        <v>180571</v>
      </c>
      <c r="G53640" s="1" t="s">
        <v>180526</v>
      </c>
      <c r="H53640" s="1" t="s">
        <v>180527</v>
      </c>
      <c r="I53640" s="1" t="s">
        <v>178869</v>
      </c>
      <c r="J53640" s="1" t="s">
        <v>180572</v>
      </c>
    </row>
    <row r="53641" spans="1:10" x14ac:dyDescent="0.35">
      <c r="A53641" s="1" t="s">
        <v>27969</v>
      </c>
      <c r="B53641" s="1" t="s">
        <v>178864</v>
      </c>
      <c r="C53641" s="1" t="s">
        <v>80</v>
      </c>
      <c r="D53641" s="1" t="s">
        <v>11598</v>
      </c>
      <c r="E53641" s="1" t="s">
        <v>180573</v>
      </c>
      <c r="F53641" s="1" t="s">
        <v>180574</v>
      </c>
      <c r="G53641" s="1" t="s">
        <v>180526</v>
      </c>
      <c r="H53641" s="1" t="s">
        <v>180527</v>
      </c>
      <c r="I53641" s="1" t="s">
        <v>178869</v>
      </c>
      <c r="J53641" s="1" t="s">
        <v>180575</v>
      </c>
    </row>
    <row r="53642" spans="1:10" x14ac:dyDescent="0.35">
      <c r="A53642" s="1" t="s">
        <v>27969</v>
      </c>
      <c r="B53642" s="1" t="s">
        <v>178864</v>
      </c>
      <c r="C53642" s="1" t="s">
        <v>85</v>
      </c>
      <c r="D53642" s="1" t="s">
        <v>81589</v>
      </c>
      <c r="E53642" s="1" t="s">
        <v>180576</v>
      </c>
      <c r="F53642" s="1" t="s">
        <v>180577</v>
      </c>
      <c r="G53642" s="1" t="s">
        <v>180526</v>
      </c>
      <c r="H53642" s="1" t="s">
        <v>180527</v>
      </c>
      <c r="I53642" s="1" t="s">
        <v>178869</v>
      </c>
      <c r="J53642" s="1" t="s">
        <v>180578</v>
      </c>
    </row>
    <row r="53643" spans="1:10" x14ac:dyDescent="0.35">
      <c r="A53643" s="1" t="s">
        <v>27969</v>
      </c>
      <c r="B53643" s="1" t="s">
        <v>178864</v>
      </c>
      <c r="C53643" s="1" t="s">
        <v>90</v>
      </c>
      <c r="D53643" s="1" t="s">
        <v>147984</v>
      </c>
      <c r="E53643" s="1" t="s">
        <v>180579</v>
      </c>
      <c r="F53643" s="1" t="s">
        <v>180580</v>
      </c>
      <c r="G53643" s="1" t="s">
        <v>180526</v>
      </c>
      <c r="H53643" s="1" t="s">
        <v>180527</v>
      </c>
      <c r="I53643" s="1" t="s">
        <v>178869</v>
      </c>
      <c r="J53643" s="1" t="s">
        <v>180581</v>
      </c>
    </row>
    <row r="53644" spans="1:10" x14ac:dyDescent="0.35">
      <c r="A53644" s="1" t="s">
        <v>27969</v>
      </c>
      <c r="B53644" s="1" t="s">
        <v>178864</v>
      </c>
      <c r="C53644" s="1" t="s">
        <v>95</v>
      </c>
      <c r="D53644" s="1" t="s">
        <v>80287</v>
      </c>
      <c r="E53644" s="1" t="s">
        <v>180582</v>
      </c>
      <c r="F53644" s="1" t="s">
        <v>180583</v>
      </c>
      <c r="G53644" s="1" t="s">
        <v>180526</v>
      </c>
      <c r="H53644" s="1" t="s">
        <v>180527</v>
      </c>
      <c r="I53644" s="1" t="s">
        <v>178869</v>
      </c>
      <c r="J53644" s="1" t="s">
        <v>180584</v>
      </c>
    </row>
    <row r="53645" spans="1:10" x14ac:dyDescent="0.35">
      <c r="A53645" s="1" t="s">
        <v>27969</v>
      </c>
      <c r="B53645" s="1" t="s">
        <v>178864</v>
      </c>
      <c r="C53645" s="1" t="s">
        <v>100</v>
      </c>
      <c r="D53645" s="1" t="s">
        <v>100960</v>
      </c>
      <c r="E53645" s="1" t="s">
        <v>180585</v>
      </c>
      <c r="F53645" s="1" t="s">
        <v>180586</v>
      </c>
      <c r="G53645" s="1" t="s">
        <v>180526</v>
      </c>
      <c r="H53645" s="1" t="s">
        <v>180527</v>
      </c>
      <c r="I53645" s="1" t="s">
        <v>178869</v>
      </c>
      <c r="J53645" s="1" t="s">
        <v>180587</v>
      </c>
    </row>
    <row r="53646" spans="1:10" x14ac:dyDescent="0.35">
      <c r="A53646" s="1" t="s">
        <v>27969</v>
      </c>
      <c r="B53646" s="1" t="s">
        <v>178864</v>
      </c>
      <c r="C53646" s="1" t="s">
        <v>105</v>
      </c>
      <c r="D53646" s="1" t="s">
        <v>99945</v>
      </c>
      <c r="E53646" s="1" t="s">
        <v>180588</v>
      </c>
      <c r="F53646" s="1" t="s">
        <v>180589</v>
      </c>
      <c r="G53646" s="1" t="s">
        <v>180526</v>
      </c>
      <c r="H53646" s="1" t="s">
        <v>180527</v>
      </c>
      <c r="I53646" s="1" t="s">
        <v>178869</v>
      </c>
      <c r="J53646" s="1" t="s">
        <v>180590</v>
      </c>
    </row>
    <row r="53647" spans="1:10" x14ac:dyDescent="0.35">
      <c r="A53647" s="1" t="s">
        <v>27969</v>
      </c>
      <c r="B53647" s="1" t="s">
        <v>178864</v>
      </c>
      <c r="C53647" s="1" t="s">
        <v>110</v>
      </c>
      <c r="D53647" s="1" t="s">
        <v>52640</v>
      </c>
      <c r="E53647" s="1" t="s">
        <v>180591</v>
      </c>
      <c r="F53647" s="1" t="s">
        <v>180592</v>
      </c>
      <c r="G53647" s="1" t="s">
        <v>180526</v>
      </c>
      <c r="H53647" s="1" t="s">
        <v>180527</v>
      </c>
      <c r="I53647" s="1" t="s">
        <v>178869</v>
      </c>
      <c r="J53647" s="1" t="s">
        <v>180593</v>
      </c>
    </row>
    <row r="53648" spans="1:10" x14ac:dyDescent="0.35">
      <c r="A53648" s="1" t="s">
        <v>27969</v>
      </c>
      <c r="B53648" s="1" t="s">
        <v>178864</v>
      </c>
      <c r="C53648" s="1" t="s">
        <v>115</v>
      </c>
      <c r="D53648" s="1" t="s">
        <v>87779</v>
      </c>
      <c r="E53648" s="1" t="s">
        <v>180594</v>
      </c>
      <c r="F53648" s="1" t="s">
        <v>180595</v>
      </c>
      <c r="G53648" s="1" t="s">
        <v>180526</v>
      </c>
      <c r="H53648" s="1" t="s">
        <v>180527</v>
      </c>
      <c r="I53648" s="1" t="s">
        <v>178869</v>
      </c>
      <c r="J53648" s="1" t="s">
        <v>180596</v>
      </c>
    </row>
    <row r="53649" spans="1:10" x14ac:dyDescent="0.35">
      <c r="A53649" s="1" t="s">
        <v>27969</v>
      </c>
      <c r="B53649" s="1" t="s">
        <v>178864</v>
      </c>
      <c r="C53649" s="1" t="s">
        <v>120</v>
      </c>
      <c r="D53649" s="1" t="s">
        <v>180597</v>
      </c>
      <c r="E53649" s="1" t="s">
        <v>180598</v>
      </c>
      <c r="F53649" s="1" t="s">
        <v>180599</v>
      </c>
      <c r="G53649" s="1" t="s">
        <v>180526</v>
      </c>
      <c r="H53649" s="1" t="s">
        <v>180527</v>
      </c>
      <c r="I53649" s="1" t="s">
        <v>178869</v>
      </c>
      <c r="J53649" s="1" t="s">
        <v>180600</v>
      </c>
    </row>
    <row r="53650" spans="1:10" x14ac:dyDescent="0.35">
      <c r="A53650" s="1" t="s">
        <v>27969</v>
      </c>
      <c r="B53650" s="1" t="s">
        <v>178864</v>
      </c>
      <c r="C53650" s="1" t="s">
        <v>125</v>
      </c>
      <c r="D53650" s="1" t="s">
        <v>77032</v>
      </c>
      <c r="E53650" s="1" t="s">
        <v>180601</v>
      </c>
      <c r="F53650" s="1" t="s">
        <v>180602</v>
      </c>
      <c r="G53650" s="1" t="s">
        <v>180526</v>
      </c>
      <c r="H53650" s="1" t="s">
        <v>180527</v>
      </c>
      <c r="I53650" s="1" t="s">
        <v>178869</v>
      </c>
      <c r="J53650" s="1" t="s">
        <v>180603</v>
      </c>
    </row>
    <row r="53651" spans="1:10" x14ac:dyDescent="0.35">
      <c r="A53651" s="1" t="s">
        <v>27969</v>
      </c>
      <c r="B53651" s="1" t="s">
        <v>178864</v>
      </c>
      <c r="C53651" s="1" t="s">
        <v>130</v>
      </c>
      <c r="D53651" s="1" t="s">
        <v>180604</v>
      </c>
      <c r="E53651" s="1" t="s">
        <v>180605</v>
      </c>
      <c r="F53651" s="1" t="s">
        <v>180606</v>
      </c>
      <c r="G53651" s="1" t="s">
        <v>180526</v>
      </c>
      <c r="H53651" s="1" t="s">
        <v>180527</v>
      </c>
      <c r="I53651" s="1" t="s">
        <v>178869</v>
      </c>
      <c r="J53651" s="1" t="s">
        <v>180607</v>
      </c>
    </row>
    <row r="53652" spans="1:10" x14ac:dyDescent="0.35">
      <c r="A53652" s="1" t="s">
        <v>27969</v>
      </c>
      <c r="B53652" s="1" t="s">
        <v>178864</v>
      </c>
      <c r="C53652" s="1" t="s">
        <v>135</v>
      </c>
      <c r="D53652" s="1" t="s">
        <v>92571</v>
      </c>
      <c r="E53652" s="1" t="s">
        <v>180608</v>
      </c>
      <c r="F53652" s="1" t="s">
        <v>180609</v>
      </c>
      <c r="G53652" s="1" t="s">
        <v>180526</v>
      </c>
      <c r="H53652" s="1" t="s">
        <v>180527</v>
      </c>
      <c r="I53652" s="1" t="s">
        <v>178869</v>
      </c>
      <c r="J53652" s="1" t="s">
        <v>180610</v>
      </c>
    </row>
    <row r="53653" spans="1:10" x14ac:dyDescent="0.35">
      <c r="A53653" s="1" t="s">
        <v>27969</v>
      </c>
      <c r="B53653" s="1" t="s">
        <v>178864</v>
      </c>
      <c r="C53653" s="1" t="s">
        <v>140</v>
      </c>
      <c r="D53653" s="1" t="s">
        <v>56245</v>
      </c>
      <c r="E53653" s="1" t="s">
        <v>180611</v>
      </c>
      <c r="F53653" s="1" t="s">
        <v>180612</v>
      </c>
      <c r="G53653" s="1" t="s">
        <v>180526</v>
      </c>
      <c r="H53653" s="1" t="s">
        <v>180527</v>
      </c>
      <c r="I53653" s="1" t="s">
        <v>178869</v>
      </c>
      <c r="J53653" s="1" t="s">
        <v>180613</v>
      </c>
    </row>
    <row r="53654" spans="1:10" x14ac:dyDescent="0.35">
      <c r="A53654" s="1" t="s">
        <v>27969</v>
      </c>
      <c r="B53654" s="1" t="s">
        <v>178864</v>
      </c>
      <c r="C53654" s="1" t="s">
        <v>145</v>
      </c>
      <c r="D53654" s="1" t="s">
        <v>87161</v>
      </c>
      <c r="E53654" s="1" t="s">
        <v>180614</v>
      </c>
      <c r="F53654" s="1" t="s">
        <v>180615</v>
      </c>
      <c r="G53654" s="1" t="s">
        <v>180526</v>
      </c>
      <c r="H53654" s="1" t="s">
        <v>180527</v>
      </c>
      <c r="I53654" s="1" t="s">
        <v>178869</v>
      </c>
      <c r="J53654" s="1" t="s">
        <v>180616</v>
      </c>
    </row>
    <row r="53655" spans="1:10" x14ac:dyDescent="0.35">
      <c r="A53655" s="1" t="s">
        <v>27969</v>
      </c>
      <c r="B53655" s="1" t="s">
        <v>178864</v>
      </c>
      <c r="C53655" s="1" t="s">
        <v>150</v>
      </c>
      <c r="D53655" s="1" t="s">
        <v>87306</v>
      </c>
      <c r="E53655" s="1" t="s">
        <v>180617</v>
      </c>
      <c r="F53655" s="1" t="s">
        <v>180618</v>
      </c>
      <c r="G53655" s="1" t="s">
        <v>180526</v>
      </c>
      <c r="H53655" s="1" t="s">
        <v>180527</v>
      </c>
      <c r="I53655" s="1" t="s">
        <v>178869</v>
      </c>
      <c r="J53655" s="1" t="s">
        <v>180619</v>
      </c>
    </row>
    <row r="53656" spans="1:10" x14ac:dyDescent="0.35">
      <c r="A53656" s="1" t="s">
        <v>27969</v>
      </c>
      <c r="B53656" s="1" t="s">
        <v>178864</v>
      </c>
      <c r="C53656" s="1" t="s">
        <v>155</v>
      </c>
      <c r="D53656" s="1" t="s">
        <v>107200</v>
      </c>
      <c r="E53656" s="1" t="s">
        <v>180620</v>
      </c>
      <c r="F53656" s="1" t="s">
        <v>180621</v>
      </c>
      <c r="G53656" s="1" t="s">
        <v>180526</v>
      </c>
      <c r="H53656" s="1" t="s">
        <v>180527</v>
      </c>
      <c r="I53656" s="1" t="s">
        <v>178869</v>
      </c>
      <c r="J53656" s="1" t="s">
        <v>180622</v>
      </c>
    </row>
    <row r="53657" spans="1:10" x14ac:dyDescent="0.35">
      <c r="A53657" s="1" t="s">
        <v>27969</v>
      </c>
      <c r="B53657" s="1" t="s">
        <v>178864</v>
      </c>
      <c r="C53657" s="1" t="s">
        <v>160</v>
      </c>
      <c r="D53657" s="1" t="s">
        <v>66250</v>
      </c>
      <c r="E53657" s="1" t="s">
        <v>180623</v>
      </c>
      <c r="F53657" s="1" t="s">
        <v>180624</v>
      </c>
      <c r="G53657" s="1" t="s">
        <v>180526</v>
      </c>
      <c r="H53657" s="1" t="s">
        <v>180527</v>
      </c>
      <c r="I53657" s="1" t="s">
        <v>178869</v>
      </c>
      <c r="J53657" s="1" t="s">
        <v>180625</v>
      </c>
    </row>
    <row r="53658" spans="1:10" x14ac:dyDescent="0.35">
      <c r="A53658" s="1" t="s">
        <v>27969</v>
      </c>
      <c r="B53658" s="1" t="s">
        <v>178864</v>
      </c>
      <c r="C53658" s="1" t="s">
        <v>165</v>
      </c>
      <c r="D53658" s="1" t="s">
        <v>180626</v>
      </c>
      <c r="E53658" s="1" t="s">
        <v>180627</v>
      </c>
      <c r="F53658" s="1" t="s">
        <v>180628</v>
      </c>
      <c r="G53658" s="1" t="s">
        <v>180526</v>
      </c>
      <c r="H53658" s="1" t="s">
        <v>180527</v>
      </c>
      <c r="I53658" s="1" t="s">
        <v>178869</v>
      </c>
      <c r="J53658" s="1" t="s">
        <v>180629</v>
      </c>
    </row>
    <row r="53659" spans="1:10" x14ac:dyDescent="0.35">
      <c r="A53659" s="1" t="s">
        <v>27969</v>
      </c>
      <c r="B53659" s="1" t="s">
        <v>178864</v>
      </c>
      <c r="C53659" s="1" t="s">
        <v>170</v>
      </c>
      <c r="D53659" s="1" t="s">
        <v>89518</v>
      </c>
      <c r="E53659" s="1" t="s">
        <v>180630</v>
      </c>
      <c r="F53659" s="1" t="s">
        <v>180631</v>
      </c>
      <c r="G53659" s="1" t="s">
        <v>180526</v>
      </c>
      <c r="H53659" s="1" t="s">
        <v>180527</v>
      </c>
      <c r="I53659" s="1" t="s">
        <v>178869</v>
      </c>
      <c r="J53659" s="1" t="s">
        <v>180632</v>
      </c>
    </row>
    <row r="53660" spans="1:10" x14ac:dyDescent="0.35">
      <c r="A53660" s="1" t="s">
        <v>111269</v>
      </c>
      <c r="B53660" s="1" t="s">
        <v>178864</v>
      </c>
      <c r="C53660" s="1" t="s">
        <v>8</v>
      </c>
      <c r="D53660" s="1" t="s">
        <v>180633</v>
      </c>
      <c r="E53660" s="1" t="s">
        <v>180634</v>
      </c>
      <c r="F53660" s="1" t="s">
        <v>180635</v>
      </c>
      <c r="G53660" s="1" t="s">
        <v>180636</v>
      </c>
      <c r="H53660" s="1" t="s">
        <v>180637</v>
      </c>
      <c r="I53660" s="1" t="s">
        <v>178869</v>
      </c>
      <c r="J53660" s="1" t="s">
        <v>13</v>
      </c>
    </row>
    <row r="53661" spans="1:10" x14ac:dyDescent="0.35">
      <c r="A53661" s="1" t="s">
        <v>111269</v>
      </c>
      <c r="B53661" s="1" t="s">
        <v>178864</v>
      </c>
      <c r="C53661" s="1" t="s">
        <v>15</v>
      </c>
      <c r="D53661" s="1" t="s">
        <v>180638</v>
      </c>
      <c r="E53661" s="1" t="s">
        <v>105381</v>
      </c>
      <c r="F53661" s="1" t="s">
        <v>180639</v>
      </c>
      <c r="G53661" s="1" t="s">
        <v>180636</v>
      </c>
      <c r="H53661" s="1" t="s">
        <v>180637</v>
      </c>
      <c r="I53661" s="1" t="s">
        <v>178869</v>
      </c>
      <c r="J53661" s="1" t="s">
        <v>180640</v>
      </c>
    </row>
    <row r="53662" spans="1:10" x14ac:dyDescent="0.35">
      <c r="A53662" s="1" t="s">
        <v>111269</v>
      </c>
      <c r="B53662" s="1" t="s">
        <v>178864</v>
      </c>
      <c r="C53662" s="1" t="s">
        <v>20</v>
      </c>
      <c r="D53662" s="1" t="s">
        <v>60409</v>
      </c>
      <c r="E53662" s="1" t="s">
        <v>180641</v>
      </c>
      <c r="F53662" s="1" t="s">
        <v>180642</v>
      </c>
      <c r="G53662" s="1" t="s">
        <v>180636</v>
      </c>
      <c r="H53662" s="1" t="s">
        <v>180637</v>
      </c>
      <c r="I53662" s="1" t="s">
        <v>178869</v>
      </c>
      <c r="J53662" s="1" t="s">
        <v>180643</v>
      </c>
    </row>
    <row r="53663" spans="1:10" x14ac:dyDescent="0.35">
      <c r="A53663" s="1" t="s">
        <v>111269</v>
      </c>
      <c r="B53663" s="1" t="s">
        <v>178864</v>
      </c>
      <c r="C53663" s="1" t="s">
        <v>25</v>
      </c>
      <c r="D53663" s="1" t="s">
        <v>54786</v>
      </c>
      <c r="E53663" s="1" t="s">
        <v>180644</v>
      </c>
      <c r="F53663" s="1" t="s">
        <v>180645</v>
      </c>
      <c r="G53663" s="1" t="s">
        <v>180636</v>
      </c>
      <c r="H53663" s="1" t="s">
        <v>180637</v>
      </c>
      <c r="I53663" s="1" t="s">
        <v>178869</v>
      </c>
      <c r="J53663" s="1" t="s">
        <v>180646</v>
      </c>
    </row>
    <row r="53664" spans="1:10" x14ac:dyDescent="0.35">
      <c r="A53664" s="1" t="s">
        <v>111269</v>
      </c>
      <c r="B53664" s="1" t="s">
        <v>178864</v>
      </c>
      <c r="C53664" s="1" t="s">
        <v>30</v>
      </c>
      <c r="D53664" s="1" t="s">
        <v>97861</v>
      </c>
      <c r="E53664" s="1" t="s">
        <v>78860</v>
      </c>
      <c r="F53664" s="1" t="s">
        <v>59782</v>
      </c>
      <c r="G53664" s="1" t="s">
        <v>180636</v>
      </c>
      <c r="H53664" s="1" t="s">
        <v>180637</v>
      </c>
      <c r="I53664" s="1" t="s">
        <v>178869</v>
      </c>
      <c r="J53664" s="1" t="s">
        <v>180647</v>
      </c>
    </row>
    <row r="53665" spans="1:10" x14ac:dyDescent="0.35">
      <c r="A53665" s="1" t="s">
        <v>111269</v>
      </c>
      <c r="B53665" s="1" t="s">
        <v>178864</v>
      </c>
      <c r="C53665" s="1" t="s">
        <v>35</v>
      </c>
      <c r="D53665" s="1" t="s">
        <v>180648</v>
      </c>
      <c r="E53665" s="1" t="s">
        <v>127119</v>
      </c>
      <c r="F53665" s="1" t="s">
        <v>180649</v>
      </c>
      <c r="G53665" s="1" t="s">
        <v>180636</v>
      </c>
      <c r="H53665" s="1" t="s">
        <v>180637</v>
      </c>
      <c r="I53665" s="1" t="s">
        <v>178869</v>
      </c>
      <c r="J53665" s="1" t="s">
        <v>180650</v>
      </c>
    </row>
    <row r="53666" spans="1:10" x14ac:dyDescent="0.35">
      <c r="A53666" s="1" t="s">
        <v>111269</v>
      </c>
      <c r="B53666" s="1" t="s">
        <v>178864</v>
      </c>
      <c r="C53666" s="1" t="s">
        <v>40</v>
      </c>
      <c r="D53666" s="1" t="s">
        <v>81428</v>
      </c>
      <c r="E53666" s="1" t="s">
        <v>106479</v>
      </c>
      <c r="F53666" s="1" t="s">
        <v>180651</v>
      </c>
      <c r="G53666" s="1" t="s">
        <v>180636</v>
      </c>
      <c r="H53666" s="1" t="s">
        <v>180637</v>
      </c>
      <c r="I53666" s="1" t="s">
        <v>178869</v>
      </c>
      <c r="J53666" s="1" t="s">
        <v>180652</v>
      </c>
    </row>
    <row r="53667" spans="1:10" x14ac:dyDescent="0.35">
      <c r="A53667" s="1" t="s">
        <v>111269</v>
      </c>
      <c r="B53667" s="1" t="s">
        <v>178864</v>
      </c>
      <c r="C53667" s="1" t="s">
        <v>45</v>
      </c>
      <c r="D53667" s="1" t="s">
        <v>180653</v>
      </c>
      <c r="E53667" s="1" t="s">
        <v>180654</v>
      </c>
      <c r="F53667" s="1" t="s">
        <v>180655</v>
      </c>
      <c r="G53667" s="1" t="s">
        <v>180636</v>
      </c>
      <c r="H53667" s="1" t="s">
        <v>180637</v>
      </c>
      <c r="I53667" s="1" t="s">
        <v>178869</v>
      </c>
      <c r="J53667" s="1" t="s">
        <v>180656</v>
      </c>
    </row>
    <row r="53668" spans="1:10" x14ac:dyDescent="0.35">
      <c r="A53668" s="1" t="s">
        <v>111269</v>
      </c>
      <c r="B53668" s="1" t="s">
        <v>178864</v>
      </c>
      <c r="C53668" s="1" t="s">
        <v>50</v>
      </c>
      <c r="D53668" s="1" t="s">
        <v>180657</v>
      </c>
      <c r="E53668" s="1" t="s">
        <v>81140</v>
      </c>
      <c r="F53668" s="1" t="s">
        <v>31379</v>
      </c>
      <c r="G53668" s="1" t="s">
        <v>180636</v>
      </c>
      <c r="H53668" s="1" t="s">
        <v>180637</v>
      </c>
      <c r="I53668" s="1" t="s">
        <v>178869</v>
      </c>
      <c r="J53668" s="1" t="s">
        <v>180658</v>
      </c>
    </row>
    <row r="53669" spans="1:10" x14ac:dyDescent="0.35">
      <c r="A53669" s="1" t="s">
        <v>111269</v>
      </c>
      <c r="B53669" s="1" t="s">
        <v>178864</v>
      </c>
      <c r="C53669" s="1" t="s">
        <v>55</v>
      </c>
      <c r="D53669" s="1" t="s">
        <v>99967</v>
      </c>
      <c r="E53669" s="1" t="s">
        <v>108284</v>
      </c>
      <c r="F53669" s="1" t="s">
        <v>180659</v>
      </c>
      <c r="G53669" s="1" t="s">
        <v>180636</v>
      </c>
      <c r="H53669" s="1" t="s">
        <v>180637</v>
      </c>
      <c r="I53669" s="1" t="s">
        <v>178869</v>
      </c>
      <c r="J53669" s="1" t="s">
        <v>180660</v>
      </c>
    </row>
    <row r="53670" spans="1:10" x14ac:dyDescent="0.35">
      <c r="A53670" s="1" t="s">
        <v>111269</v>
      </c>
      <c r="B53670" s="1" t="s">
        <v>178864</v>
      </c>
      <c r="C53670" s="1" t="s">
        <v>60</v>
      </c>
      <c r="D53670" s="1" t="s">
        <v>180661</v>
      </c>
      <c r="E53670" s="1" t="s">
        <v>155190</v>
      </c>
      <c r="F53670" s="1" t="s">
        <v>180662</v>
      </c>
      <c r="G53670" s="1" t="s">
        <v>180636</v>
      </c>
      <c r="H53670" s="1" t="s">
        <v>180637</v>
      </c>
      <c r="I53670" s="1" t="s">
        <v>178869</v>
      </c>
      <c r="J53670" s="1" t="s">
        <v>180663</v>
      </c>
    </row>
    <row r="53671" spans="1:10" x14ac:dyDescent="0.35">
      <c r="A53671" s="1" t="s">
        <v>111269</v>
      </c>
      <c r="B53671" s="1" t="s">
        <v>178864</v>
      </c>
      <c r="C53671" s="1" t="s">
        <v>65</v>
      </c>
      <c r="D53671" s="1" t="s">
        <v>180664</v>
      </c>
      <c r="E53671" s="1" t="s">
        <v>129971</v>
      </c>
      <c r="F53671" s="1" t="s">
        <v>180665</v>
      </c>
      <c r="G53671" s="1" t="s">
        <v>180636</v>
      </c>
      <c r="H53671" s="1" t="s">
        <v>180637</v>
      </c>
      <c r="I53671" s="1" t="s">
        <v>178869</v>
      </c>
      <c r="J53671" s="1" t="s">
        <v>180666</v>
      </c>
    </row>
    <row r="53672" spans="1:10" x14ac:dyDescent="0.35">
      <c r="A53672" s="1" t="s">
        <v>111269</v>
      </c>
      <c r="B53672" s="1" t="s">
        <v>178864</v>
      </c>
      <c r="C53672" s="1" t="s">
        <v>70</v>
      </c>
      <c r="D53672" s="1" t="s">
        <v>24279</v>
      </c>
      <c r="E53672" s="1" t="s">
        <v>180667</v>
      </c>
      <c r="F53672" s="1" t="s">
        <v>155871</v>
      </c>
      <c r="G53672" s="1" t="s">
        <v>180636</v>
      </c>
      <c r="H53672" s="1" t="s">
        <v>180637</v>
      </c>
      <c r="I53672" s="1" t="s">
        <v>178869</v>
      </c>
      <c r="J53672" s="1" t="s">
        <v>180668</v>
      </c>
    </row>
    <row r="53673" spans="1:10" x14ac:dyDescent="0.35">
      <c r="A53673" s="1" t="s">
        <v>111269</v>
      </c>
      <c r="B53673" s="1" t="s">
        <v>178864</v>
      </c>
      <c r="C53673" s="1" t="s">
        <v>75</v>
      </c>
      <c r="D53673" s="1" t="s">
        <v>94114</v>
      </c>
      <c r="E53673" s="1" t="s">
        <v>108309</v>
      </c>
      <c r="F53673" s="1" t="s">
        <v>180669</v>
      </c>
      <c r="G53673" s="1" t="s">
        <v>180636</v>
      </c>
      <c r="H53673" s="1" t="s">
        <v>180637</v>
      </c>
      <c r="I53673" s="1" t="s">
        <v>178869</v>
      </c>
      <c r="J53673" s="1" t="s">
        <v>180670</v>
      </c>
    </row>
    <row r="53674" spans="1:10" x14ac:dyDescent="0.35">
      <c r="A53674" s="1" t="s">
        <v>111269</v>
      </c>
      <c r="B53674" s="1" t="s">
        <v>178864</v>
      </c>
      <c r="C53674" s="1" t="s">
        <v>80</v>
      </c>
      <c r="D53674" s="1" t="s">
        <v>26360</v>
      </c>
      <c r="E53674" s="1" t="s">
        <v>107355</v>
      </c>
      <c r="F53674" s="1" t="s">
        <v>66107</v>
      </c>
      <c r="G53674" s="1" t="s">
        <v>180636</v>
      </c>
      <c r="H53674" s="1" t="s">
        <v>180637</v>
      </c>
      <c r="I53674" s="1" t="s">
        <v>178869</v>
      </c>
      <c r="J53674" s="1" t="s">
        <v>180671</v>
      </c>
    </row>
    <row r="53675" spans="1:10" x14ac:dyDescent="0.35">
      <c r="A53675" s="1" t="s">
        <v>111269</v>
      </c>
      <c r="B53675" s="1" t="s">
        <v>178864</v>
      </c>
      <c r="C53675" s="1" t="s">
        <v>85</v>
      </c>
      <c r="D53675" s="1" t="s">
        <v>55865</v>
      </c>
      <c r="E53675" s="1" t="s">
        <v>149065</v>
      </c>
      <c r="F53675" s="1" t="s">
        <v>180672</v>
      </c>
      <c r="G53675" s="1" t="s">
        <v>180636</v>
      </c>
      <c r="H53675" s="1" t="s">
        <v>180637</v>
      </c>
      <c r="I53675" s="1" t="s">
        <v>178869</v>
      </c>
      <c r="J53675" s="1" t="s">
        <v>180673</v>
      </c>
    </row>
    <row r="53676" spans="1:10" x14ac:dyDescent="0.35">
      <c r="A53676" s="1" t="s">
        <v>111269</v>
      </c>
      <c r="B53676" s="1" t="s">
        <v>178864</v>
      </c>
      <c r="C53676" s="1" t="s">
        <v>90</v>
      </c>
      <c r="D53676" s="1" t="s">
        <v>94444</v>
      </c>
      <c r="E53676" s="1" t="s">
        <v>132802</v>
      </c>
      <c r="F53676" s="1" t="s">
        <v>180674</v>
      </c>
      <c r="G53676" s="1" t="s">
        <v>180636</v>
      </c>
      <c r="H53676" s="1" t="s">
        <v>180637</v>
      </c>
      <c r="I53676" s="1" t="s">
        <v>178869</v>
      </c>
      <c r="J53676" s="1" t="s">
        <v>180675</v>
      </c>
    </row>
    <row r="53677" spans="1:10" x14ac:dyDescent="0.35">
      <c r="A53677" s="1" t="s">
        <v>111269</v>
      </c>
      <c r="B53677" s="1" t="s">
        <v>178864</v>
      </c>
      <c r="C53677" s="1" t="s">
        <v>95</v>
      </c>
      <c r="D53677" s="1" t="s">
        <v>166549</v>
      </c>
      <c r="E53677" s="1" t="s">
        <v>137983</v>
      </c>
      <c r="F53677" s="1" t="s">
        <v>162923</v>
      </c>
      <c r="G53677" s="1" t="s">
        <v>180636</v>
      </c>
      <c r="H53677" s="1" t="s">
        <v>180637</v>
      </c>
      <c r="I53677" s="1" t="s">
        <v>178869</v>
      </c>
      <c r="J53677" s="1" t="s">
        <v>180676</v>
      </c>
    </row>
    <row r="53678" spans="1:10" x14ac:dyDescent="0.35">
      <c r="A53678" s="1" t="s">
        <v>111269</v>
      </c>
      <c r="B53678" s="1" t="s">
        <v>178864</v>
      </c>
      <c r="C53678" s="1" t="s">
        <v>100</v>
      </c>
      <c r="D53678" s="1" t="s">
        <v>97756</v>
      </c>
      <c r="E53678" s="1" t="s">
        <v>49733</v>
      </c>
      <c r="F53678" s="1" t="s">
        <v>180677</v>
      </c>
      <c r="G53678" s="1" t="s">
        <v>180636</v>
      </c>
      <c r="H53678" s="1" t="s">
        <v>180637</v>
      </c>
      <c r="I53678" s="1" t="s">
        <v>178869</v>
      </c>
      <c r="J53678" s="1" t="s">
        <v>180678</v>
      </c>
    </row>
    <row r="53679" spans="1:10" x14ac:dyDescent="0.35">
      <c r="A53679" s="1" t="s">
        <v>111269</v>
      </c>
      <c r="B53679" s="1" t="s">
        <v>178864</v>
      </c>
      <c r="C53679" s="1" t="s">
        <v>105</v>
      </c>
      <c r="D53679" s="1" t="s">
        <v>180679</v>
      </c>
      <c r="E53679" s="1" t="s">
        <v>106498</v>
      </c>
      <c r="F53679" s="1" t="s">
        <v>131430</v>
      </c>
      <c r="G53679" s="1" t="s">
        <v>180636</v>
      </c>
      <c r="H53679" s="1" t="s">
        <v>180637</v>
      </c>
      <c r="I53679" s="1" t="s">
        <v>178869</v>
      </c>
      <c r="J53679" s="1" t="s">
        <v>180680</v>
      </c>
    </row>
    <row r="53680" spans="1:10" x14ac:dyDescent="0.35">
      <c r="A53680" s="1" t="s">
        <v>111269</v>
      </c>
      <c r="B53680" s="1" t="s">
        <v>178864</v>
      </c>
      <c r="C53680" s="1" t="s">
        <v>110</v>
      </c>
      <c r="D53680" s="1" t="s">
        <v>137237</v>
      </c>
      <c r="E53680" s="1" t="s">
        <v>81146</v>
      </c>
      <c r="F53680" s="1" t="s">
        <v>145779</v>
      </c>
      <c r="G53680" s="1" t="s">
        <v>180636</v>
      </c>
      <c r="H53680" s="1" t="s">
        <v>180637</v>
      </c>
      <c r="I53680" s="1" t="s">
        <v>178869</v>
      </c>
      <c r="J53680" s="1" t="s">
        <v>180681</v>
      </c>
    </row>
    <row r="53681" spans="1:10" x14ac:dyDescent="0.35">
      <c r="A53681" s="1" t="s">
        <v>111269</v>
      </c>
      <c r="B53681" s="1" t="s">
        <v>178864</v>
      </c>
      <c r="C53681" s="1" t="s">
        <v>115</v>
      </c>
      <c r="D53681" s="1" t="s">
        <v>180682</v>
      </c>
      <c r="E53681" s="1" t="s">
        <v>81170</v>
      </c>
      <c r="F53681" s="1" t="s">
        <v>57139</v>
      </c>
      <c r="G53681" s="1" t="s">
        <v>180636</v>
      </c>
      <c r="H53681" s="1" t="s">
        <v>180637</v>
      </c>
      <c r="I53681" s="1" t="s">
        <v>178869</v>
      </c>
      <c r="J53681" s="1" t="s">
        <v>180683</v>
      </c>
    </row>
    <row r="53682" spans="1:10" x14ac:dyDescent="0.35">
      <c r="A53682" s="1" t="s">
        <v>111269</v>
      </c>
      <c r="B53682" s="1" t="s">
        <v>178864</v>
      </c>
      <c r="C53682" s="1" t="s">
        <v>120</v>
      </c>
      <c r="D53682" s="1" t="s">
        <v>60107</v>
      </c>
      <c r="E53682" s="1" t="s">
        <v>180684</v>
      </c>
      <c r="F53682" s="1" t="s">
        <v>83452</v>
      </c>
      <c r="G53682" s="1" t="s">
        <v>180636</v>
      </c>
      <c r="H53682" s="1" t="s">
        <v>180637</v>
      </c>
      <c r="I53682" s="1" t="s">
        <v>178869</v>
      </c>
      <c r="J53682" s="1" t="s">
        <v>180685</v>
      </c>
    </row>
    <row r="53683" spans="1:10" x14ac:dyDescent="0.35">
      <c r="A53683" s="1" t="s">
        <v>111269</v>
      </c>
      <c r="B53683" s="1" t="s">
        <v>178864</v>
      </c>
      <c r="C53683" s="1" t="s">
        <v>125</v>
      </c>
      <c r="D53683" s="1" t="s">
        <v>55506</v>
      </c>
      <c r="E53683" s="1" t="s">
        <v>139527</v>
      </c>
      <c r="F53683" s="1" t="s">
        <v>180686</v>
      </c>
      <c r="G53683" s="1" t="s">
        <v>180636</v>
      </c>
      <c r="H53683" s="1" t="s">
        <v>180637</v>
      </c>
      <c r="I53683" s="1" t="s">
        <v>178869</v>
      </c>
      <c r="J53683" s="1" t="s">
        <v>180687</v>
      </c>
    </row>
    <row r="53684" spans="1:10" x14ac:dyDescent="0.35">
      <c r="A53684" s="1" t="s">
        <v>111269</v>
      </c>
      <c r="B53684" s="1" t="s">
        <v>178864</v>
      </c>
      <c r="C53684" s="1" t="s">
        <v>130</v>
      </c>
      <c r="D53684" s="1" t="s">
        <v>60123</v>
      </c>
      <c r="E53684" s="1" t="s">
        <v>130147</v>
      </c>
      <c r="F53684" s="1" t="s">
        <v>180688</v>
      </c>
      <c r="G53684" s="1" t="s">
        <v>180636</v>
      </c>
      <c r="H53684" s="1" t="s">
        <v>180637</v>
      </c>
      <c r="I53684" s="1" t="s">
        <v>178869</v>
      </c>
      <c r="J53684" s="1" t="s">
        <v>180689</v>
      </c>
    </row>
    <row r="53685" spans="1:10" x14ac:dyDescent="0.35">
      <c r="A53685" s="1" t="s">
        <v>111269</v>
      </c>
      <c r="B53685" s="1" t="s">
        <v>178864</v>
      </c>
      <c r="C53685" s="1" t="s">
        <v>135</v>
      </c>
      <c r="D53685" s="1" t="s">
        <v>180690</v>
      </c>
      <c r="E53685" s="1" t="s">
        <v>107629</v>
      </c>
      <c r="F53685" s="1" t="s">
        <v>97620</v>
      </c>
      <c r="G53685" s="1" t="s">
        <v>180636</v>
      </c>
      <c r="H53685" s="1" t="s">
        <v>180637</v>
      </c>
      <c r="I53685" s="1" t="s">
        <v>178869</v>
      </c>
      <c r="J53685" s="1" t="s">
        <v>180691</v>
      </c>
    </row>
    <row r="53686" spans="1:10" x14ac:dyDescent="0.35">
      <c r="A53686" s="1" t="s">
        <v>111269</v>
      </c>
      <c r="B53686" s="1" t="s">
        <v>178864</v>
      </c>
      <c r="C53686" s="1" t="s">
        <v>140</v>
      </c>
      <c r="D53686" s="1" t="s">
        <v>97756</v>
      </c>
      <c r="E53686" s="1" t="s">
        <v>180692</v>
      </c>
      <c r="F53686" s="1" t="s">
        <v>180693</v>
      </c>
      <c r="G53686" s="1" t="s">
        <v>180636</v>
      </c>
      <c r="H53686" s="1" t="s">
        <v>180637</v>
      </c>
      <c r="I53686" s="1" t="s">
        <v>178869</v>
      </c>
      <c r="J53686" s="1" t="s">
        <v>180694</v>
      </c>
    </row>
    <row r="53687" spans="1:10" x14ac:dyDescent="0.35">
      <c r="A53687" s="1" t="s">
        <v>111269</v>
      </c>
      <c r="B53687" s="1" t="s">
        <v>178864</v>
      </c>
      <c r="C53687" s="1" t="s">
        <v>145</v>
      </c>
      <c r="D53687" s="1" t="s">
        <v>55743</v>
      </c>
      <c r="E53687" s="1" t="s">
        <v>180695</v>
      </c>
      <c r="F53687" s="1" t="s">
        <v>58904</v>
      </c>
      <c r="G53687" s="1" t="s">
        <v>180636</v>
      </c>
      <c r="H53687" s="1" t="s">
        <v>180637</v>
      </c>
      <c r="I53687" s="1" t="s">
        <v>178869</v>
      </c>
      <c r="J53687" s="1" t="s">
        <v>180696</v>
      </c>
    </row>
    <row r="53688" spans="1:10" x14ac:dyDescent="0.35">
      <c r="A53688" s="1" t="s">
        <v>111269</v>
      </c>
      <c r="B53688" s="1" t="s">
        <v>178864</v>
      </c>
      <c r="C53688" s="1" t="s">
        <v>150</v>
      </c>
      <c r="D53688" s="1" t="s">
        <v>90968</v>
      </c>
      <c r="E53688" s="1" t="s">
        <v>81190</v>
      </c>
      <c r="F53688" s="1" t="s">
        <v>180697</v>
      </c>
      <c r="G53688" s="1" t="s">
        <v>180636</v>
      </c>
      <c r="H53688" s="1" t="s">
        <v>180637</v>
      </c>
      <c r="I53688" s="1" t="s">
        <v>178869</v>
      </c>
      <c r="J53688" s="1" t="s">
        <v>180698</v>
      </c>
    </row>
    <row r="53689" spans="1:10" x14ac:dyDescent="0.35">
      <c r="A53689" s="1" t="s">
        <v>111269</v>
      </c>
      <c r="B53689" s="1" t="s">
        <v>178864</v>
      </c>
      <c r="C53689" s="1" t="s">
        <v>155</v>
      </c>
      <c r="D53689" s="1" t="s">
        <v>68423</v>
      </c>
      <c r="E53689" s="1" t="s">
        <v>180699</v>
      </c>
      <c r="F53689" s="1" t="s">
        <v>98637</v>
      </c>
      <c r="G53689" s="1" t="s">
        <v>180636</v>
      </c>
      <c r="H53689" s="1" t="s">
        <v>180637</v>
      </c>
      <c r="I53689" s="1" t="s">
        <v>178869</v>
      </c>
      <c r="J53689" s="1" t="s">
        <v>180700</v>
      </c>
    </row>
    <row r="53690" spans="1:10" x14ac:dyDescent="0.35">
      <c r="A53690" s="1" t="s">
        <v>111269</v>
      </c>
      <c r="B53690" s="1" t="s">
        <v>178864</v>
      </c>
      <c r="C53690" s="1" t="s">
        <v>160</v>
      </c>
      <c r="D53690" s="1" t="s">
        <v>26736</v>
      </c>
      <c r="E53690" s="1" t="s">
        <v>111178</v>
      </c>
      <c r="F53690" s="1" t="s">
        <v>162078</v>
      </c>
      <c r="G53690" s="1" t="s">
        <v>180636</v>
      </c>
      <c r="H53690" s="1" t="s">
        <v>180637</v>
      </c>
      <c r="I53690" s="1" t="s">
        <v>178869</v>
      </c>
      <c r="J53690" s="1" t="s">
        <v>180701</v>
      </c>
    </row>
    <row r="53691" spans="1:10" x14ac:dyDescent="0.35">
      <c r="A53691" s="1" t="s">
        <v>111269</v>
      </c>
      <c r="B53691" s="1" t="s">
        <v>178864</v>
      </c>
      <c r="C53691" s="1" t="s">
        <v>165</v>
      </c>
      <c r="D53691" s="1" t="s">
        <v>54210</v>
      </c>
      <c r="E53691" s="1" t="s">
        <v>180702</v>
      </c>
      <c r="F53691" s="1" t="s">
        <v>180703</v>
      </c>
      <c r="G53691" s="1" t="s">
        <v>180636</v>
      </c>
      <c r="H53691" s="1" t="s">
        <v>180637</v>
      </c>
      <c r="I53691" s="1" t="s">
        <v>178869</v>
      </c>
      <c r="J53691" s="1" t="s">
        <v>180704</v>
      </c>
    </row>
    <row r="53692" spans="1:10" x14ac:dyDescent="0.35">
      <c r="A53692" s="1" t="s">
        <v>111269</v>
      </c>
      <c r="B53692" s="1" t="s">
        <v>178864</v>
      </c>
      <c r="C53692" s="1" t="s">
        <v>170</v>
      </c>
      <c r="D53692" s="1" t="s">
        <v>66407</v>
      </c>
      <c r="E53692" s="1" t="s">
        <v>145067</v>
      </c>
      <c r="F53692" s="1" t="s">
        <v>180705</v>
      </c>
      <c r="G53692" s="1" t="s">
        <v>180636</v>
      </c>
      <c r="H53692" s="1" t="s">
        <v>180637</v>
      </c>
      <c r="I53692" s="1" t="s">
        <v>178869</v>
      </c>
      <c r="J53692" s="1" t="s">
        <v>180706</v>
      </c>
    </row>
    <row r="53693" spans="1:10" x14ac:dyDescent="0.35">
      <c r="A53693" s="1" t="s">
        <v>27334</v>
      </c>
      <c r="B53693" s="1" t="s">
        <v>178864</v>
      </c>
      <c r="C53693" s="1" t="s">
        <v>8</v>
      </c>
      <c r="D53693" s="1" t="s">
        <v>180707</v>
      </c>
      <c r="E53693" s="1" t="s">
        <v>180708</v>
      </c>
      <c r="F53693" s="1" t="s">
        <v>180709</v>
      </c>
      <c r="G53693" s="1" t="s">
        <v>180710</v>
      </c>
      <c r="H53693" s="1" t="s">
        <v>180711</v>
      </c>
      <c r="I53693" s="1" t="s">
        <v>178869</v>
      </c>
      <c r="J53693" s="1" t="s">
        <v>13</v>
      </c>
    </row>
    <row r="53694" spans="1:10" x14ac:dyDescent="0.35">
      <c r="A53694" s="1" t="s">
        <v>27334</v>
      </c>
      <c r="B53694" s="1" t="s">
        <v>178864</v>
      </c>
      <c r="C53694" s="1" t="s">
        <v>15</v>
      </c>
      <c r="D53694" s="1" t="s">
        <v>180712</v>
      </c>
      <c r="E53694" s="1" t="s">
        <v>180713</v>
      </c>
      <c r="F53694" s="1" t="s">
        <v>180714</v>
      </c>
      <c r="G53694" s="1" t="s">
        <v>180710</v>
      </c>
      <c r="H53694" s="1" t="s">
        <v>180711</v>
      </c>
      <c r="I53694" s="1" t="s">
        <v>178869</v>
      </c>
      <c r="J53694" s="1" t="s">
        <v>180715</v>
      </c>
    </row>
    <row r="53695" spans="1:10" x14ac:dyDescent="0.35">
      <c r="A53695" s="1" t="s">
        <v>27334</v>
      </c>
      <c r="B53695" s="1" t="s">
        <v>178864</v>
      </c>
      <c r="C53695" s="1" t="s">
        <v>20</v>
      </c>
      <c r="D53695" s="1" t="s">
        <v>180716</v>
      </c>
      <c r="E53695" s="1" t="s">
        <v>180717</v>
      </c>
      <c r="F53695" s="1" t="s">
        <v>180718</v>
      </c>
      <c r="G53695" s="1" t="s">
        <v>180710</v>
      </c>
      <c r="H53695" s="1" t="s">
        <v>180711</v>
      </c>
      <c r="I53695" s="1" t="s">
        <v>178869</v>
      </c>
      <c r="J53695" s="1" t="s">
        <v>180719</v>
      </c>
    </row>
    <row r="53696" spans="1:10" x14ac:dyDescent="0.35">
      <c r="A53696" s="1" t="s">
        <v>27334</v>
      </c>
      <c r="B53696" s="1" t="s">
        <v>178864</v>
      </c>
      <c r="C53696" s="1" t="s">
        <v>25</v>
      </c>
      <c r="D53696" s="1" t="s">
        <v>36864</v>
      </c>
      <c r="E53696" s="1" t="s">
        <v>180720</v>
      </c>
      <c r="F53696" s="1" t="s">
        <v>180721</v>
      </c>
      <c r="G53696" s="1" t="s">
        <v>180710</v>
      </c>
      <c r="H53696" s="1" t="s">
        <v>180711</v>
      </c>
      <c r="I53696" s="1" t="s">
        <v>178869</v>
      </c>
      <c r="J53696" s="1" t="s">
        <v>180722</v>
      </c>
    </row>
    <row r="53697" spans="1:10" x14ac:dyDescent="0.35">
      <c r="A53697" s="1" t="s">
        <v>27334</v>
      </c>
      <c r="B53697" s="1" t="s">
        <v>178864</v>
      </c>
      <c r="C53697" s="1" t="s">
        <v>30</v>
      </c>
      <c r="D53697" s="1" t="s">
        <v>3188</v>
      </c>
      <c r="E53697" s="1" t="s">
        <v>180723</v>
      </c>
      <c r="F53697" s="1" t="s">
        <v>180724</v>
      </c>
      <c r="G53697" s="1" t="s">
        <v>180710</v>
      </c>
      <c r="H53697" s="1" t="s">
        <v>180711</v>
      </c>
      <c r="I53697" s="1" t="s">
        <v>178869</v>
      </c>
      <c r="J53697" s="1" t="s">
        <v>180725</v>
      </c>
    </row>
    <row r="53698" spans="1:10" x14ac:dyDescent="0.35">
      <c r="A53698" s="1" t="s">
        <v>27334</v>
      </c>
      <c r="B53698" s="1" t="s">
        <v>178864</v>
      </c>
      <c r="C53698" s="1" t="s">
        <v>35</v>
      </c>
      <c r="D53698" s="1" t="s">
        <v>37981</v>
      </c>
      <c r="E53698" s="1" t="s">
        <v>180726</v>
      </c>
      <c r="F53698" s="1" t="s">
        <v>180727</v>
      </c>
      <c r="G53698" s="1" t="s">
        <v>180710</v>
      </c>
      <c r="H53698" s="1" t="s">
        <v>180711</v>
      </c>
      <c r="I53698" s="1" t="s">
        <v>178869</v>
      </c>
      <c r="J53698" s="1" t="s">
        <v>180728</v>
      </c>
    </row>
    <row r="53699" spans="1:10" x14ac:dyDescent="0.35">
      <c r="A53699" s="1" t="s">
        <v>27334</v>
      </c>
      <c r="B53699" s="1" t="s">
        <v>178864</v>
      </c>
      <c r="C53699" s="1" t="s">
        <v>40</v>
      </c>
      <c r="D53699" s="1" t="s">
        <v>180729</v>
      </c>
      <c r="E53699" s="1" t="s">
        <v>180730</v>
      </c>
      <c r="F53699" s="1" t="s">
        <v>180731</v>
      </c>
      <c r="G53699" s="1" t="s">
        <v>180710</v>
      </c>
      <c r="H53699" s="1" t="s">
        <v>180711</v>
      </c>
      <c r="I53699" s="1" t="s">
        <v>178869</v>
      </c>
      <c r="J53699" s="1" t="s">
        <v>180732</v>
      </c>
    </row>
    <row r="53700" spans="1:10" x14ac:dyDescent="0.35">
      <c r="A53700" s="1" t="s">
        <v>27334</v>
      </c>
      <c r="B53700" s="1" t="s">
        <v>178864</v>
      </c>
      <c r="C53700" s="1" t="s">
        <v>45</v>
      </c>
      <c r="D53700" s="1" t="s">
        <v>83186</v>
      </c>
      <c r="E53700" s="1" t="s">
        <v>180733</v>
      </c>
      <c r="F53700" s="1" t="s">
        <v>180734</v>
      </c>
      <c r="G53700" s="1" t="s">
        <v>180710</v>
      </c>
      <c r="H53700" s="1" t="s">
        <v>180711</v>
      </c>
      <c r="I53700" s="1" t="s">
        <v>178869</v>
      </c>
      <c r="J53700" s="1" t="s">
        <v>180735</v>
      </c>
    </row>
    <row r="53701" spans="1:10" x14ac:dyDescent="0.35">
      <c r="A53701" s="1" t="s">
        <v>27334</v>
      </c>
      <c r="B53701" s="1" t="s">
        <v>178864</v>
      </c>
      <c r="C53701" s="1" t="s">
        <v>50</v>
      </c>
      <c r="D53701" s="1" t="s">
        <v>107347</v>
      </c>
      <c r="E53701" s="1" t="s">
        <v>180736</v>
      </c>
      <c r="F53701" s="1" t="s">
        <v>180737</v>
      </c>
      <c r="G53701" s="1" t="s">
        <v>180710</v>
      </c>
      <c r="H53701" s="1" t="s">
        <v>180711</v>
      </c>
      <c r="I53701" s="1" t="s">
        <v>178869</v>
      </c>
      <c r="J53701" s="1" t="s">
        <v>180738</v>
      </c>
    </row>
    <row r="53702" spans="1:10" x14ac:dyDescent="0.35">
      <c r="A53702" s="1" t="s">
        <v>27334</v>
      </c>
      <c r="B53702" s="1" t="s">
        <v>178864</v>
      </c>
      <c r="C53702" s="1" t="s">
        <v>55</v>
      </c>
      <c r="D53702" s="1" t="s">
        <v>180739</v>
      </c>
      <c r="E53702" s="1" t="s">
        <v>180740</v>
      </c>
      <c r="F53702" s="1" t="s">
        <v>180741</v>
      </c>
      <c r="G53702" s="1" t="s">
        <v>180710</v>
      </c>
      <c r="H53702" s="1" t="s">
        <v>180711</v>
      </c>
      <c r="I53702" s="1" t="s">
        <v>178869</v>
      </c>
      <c r="J53702" s="1" t="s">
        <v>180742</v>
      </c>
    </row>
    <row r="53703" spans="1:10" x14ac:dyDescent="0.35">
      <c r="A53703" s="1" t="s">
        <v>27334</v>
      </c>
      <c r="B53703" s="1" t="s">
        <v>178864</v>
      </c>
      <c r="C53703" s="1" t="s">
        <v>60</v>
      </c>
      <c r="D53703" s="1" t="s">
        <v>13350</v>
      </c>
      <c r="E53703" s="1" t="s">
        <v>180743</v>
      </c>
      <c r="F53703" s="1" t="s">
        <v>180744</v>
      </c>
      <c r="G53703" s="1" t="s">
        <v>180710</v>
      </c>
      <c r="H53703" s="1" t="s">
        <v>180711</v>
      </c>
      <c r="I53703" s="1" t="s">
        <v>178869</v>
      </c>
      <c r="J53703" s="1" t="s">
        <v>180745</v>
      </c>
    </row>
    <row r="53704" spans="1:10" x14ac:dyDescent="0.35">
      <c r="A53704" s="1" t="s">
        <v>27334</v>
      </c>
      <c r="B53704" s="1" t="s">
        <v>178864</v>
      </c>
      <c r="C53704" s="1" t="s">
        <v>65</v>
      </c>
      <c r="D53704" s="1" t="s">
        <v>58977</v>
      </c>
      <c r="E53704" s="1" t="s">
        <v>180746</v>
      </c>
      <c r="F53704" s="1" t="s">
        <v>180747</v>
      </c>
      <c r="G53704" s="1" t="s">
        <v>180710</v>
      </c>
      <c r="H53704" s="1" t="s">
        <v>180711</v>
      </c>
      <c r="I53704" s="1" t="s">
        <v>178869</v>
      </c>
      <c r="J53704" s="1" t="s">
        <v>180748</v>
      </c>
    </row>
    <row r="53705" spans="1:10" x14ac:dyDescent="0.35">
      <c r="A53705" s="1" t="s">
        <v>27334</v>
      </c>
      <c r="B53705" s="1" t="s">
        <v>178864</v>
      </c>
      <c r="C53705" s="1" t="s">
        <v>70</v>
      </c>
      <c r="D53705" s="1" t="s">
        <v>65033</v>
      </c>
      <c r="E53705" s="1" t="s">
        <v>180749</v>
      </c>
      <c r="F53705" s="1" t="s">
        <v>180750</v>
      </c>
      <c r="G53705" s="1" t="s">
        <v>180710</v>
      </c>
      <c r="H53705" s="1" t="s">
        <v>180711</v>
      </c>
      <c r="I53705" s="1" t="s">
        <v>178869</v>
      </c>
      <c r="J53705" s="1" t="s">
        <v>180751</v>
      </c>
    </row>
    <row r="53706" spans="1:10" x14ac:dyDescent="0.35">
      <c r="A53706" s="1" t="s">
        <v>27334</v>
      </c>
      <c r="B53706" s="1" t="s">
        <v>178864</v>
      </c>
      <c r="C53706" s="1" t="s">
        <v>75</v>
      </c>
      <c r="D53706" s="1" t="s">
        <v>17033</v>
      </c>
      <c r="E53706" s="1" t="s">
        <v>180752</v>
      </c>
      <c r="F53706" s="1" t="s">
        <v>180753</v>
      </c>
      <c r="G53706" s="1" t="s">
        <v>180710</v>
      </c>
      <c r="H53706" s="1" t="s">
        <v>180711</v>
      </c>
      <c r="I53706" s="1" t="s">
        <v>178869</v>
      </c>
      <c r="J53706" s="1" t="s">
        <v>180754</v>
      </c>
    </row>
    <row r="53707" spans="1:10" x14ac:dyDescent="0.35">
      <c r="A53707" s="1" t="s">
        <v>27334</v>
      </c>
      <c r="B53707" s="1" t="s">
        <v>178864</v>
      </c>
      <c r="C53707" s="1" t="s">
        <v>80</v>
      </c>
      <c r="D53707" s="1" t="s">
        <v>24192</v>
      </c>
      <c r="E53707" s="1" t="s">
        <v>180755</v>
      </c>
      <c r="F53707" s="1" t="s">
        <v>180756</v>
      </c>
      <c r="G53707" s="1" t="s">
        <v>180710</v>
      </c>
      <c r="H53707" s="1" t="s">
        <v>180711</v>
      </c>
      <c r="I53707" s="1" t="s">
        <v>178869</v>
      </c>
      <c r="J53707" s="1" t="s">
        <v>180757</v>
      </c>
    </row>
    <row r="53708" spans="1:10" x14ac:dyDescent="0.35">
      <c r="A53708" s="1" t="s">
        <v>27334</v>
      </c>
      <c r="B53708" s="1" t="s">
        <v>178864</v>
      </c>
      <c r="C53708" s="1" t="s">
        <v>85</v>
      </c>
      <c r="D53708" s="1" t="s">
        <v>180758</v>
      </c>
      <c r="E53708" s="1" t="s">
        <v>180759</v>
      </c>
      <c r="F53708" s="1" t="s">
        <v>180760</v>
      </c>
      <c r="G53708" s="1" t="s">
        <v>180710</v>
      </c>
      <c r="H53708" s="1" t="s">
        <v>180711</v>
      </c>
      <c r="I53708" s="1" t="s">
        <v>178869</v>
      </c>
      <c r="J53708" s="1" t="s">
        <v>180761</v>
      </c>
    </row>
    <row r="53709" spans="1:10" x14ac:dyDescent="0.35">
      <c r="A53709" s="1" t="s">
        <v>27334</v>
      </c>
      <c r="B53709" s="1" t="s">
        <v>178864</v>
      </c>
      <c r="C53709" s="1" t="s">
        <v>90</v>
      </c>
      <c r="D53709" s="1" t="s">
        <v>180762</v>
      </c>
      <c r="E53709" s="1" t="s">
        <v>180763</v>
      </c>
      <c r="F53709" s="1" t="s">
        <v>180764</v>
      </c>
      <c r="G53709" s="1" t="s">
        <v>180710</v>
      </c>
      <c r="H53709" s="1" t="s">
        <v>180711</v>
      </c>
      <c r="I53709" s="1" t="s">
        <v>178869</v>
      </c>
      <c r="J53709" s="1" t="s">
        <v>180765</v>
      </c>
    </row>
    <row r="53710" spans="1:10" x14ac:dyDescent="0.35">
      <c r="A53710" s="1" t="s">
        <v>27334</v>
      </c>
      <c r="B53710" s="1" t="s">
        <v>178864</v>
      </c>
      <c r="C53710" s="1" t="s">
        <v>95</v>
      </c>
      <c r="D53710" s="1" t="s">
        <v>180766</v>
      </c>
      <c r="E53710" s="1" t="s">
        <v>180767</v>
      </c>
      <c r="F53710" s="1" t="s">
        <v>180768</v>
      </c>
      <c r="G53710" s="1" t="s">
        <v>180710</v>
      </c>
      <c r="H53710" s="1" t="s">
        <v>180711</v>
      </c>
      <c r="I53710" s="1" t="s">
        <v>178869</v>
      </c>
      <c r="J53710" s="1" t="s">
        <v>180769</v>
      </c>
    </row>
    <row r="53711" spans="1:10" x14ac:dyDescent="0.35">
      <c r="A53711" s="1" t="s">
        <v>27334</v>
      </c>
      <c r="B53711" s="1" t="s">
        <v>178864</v>
      </c>
      <c r="C53711" s="1" t="s">
        <v>100</v>
      </c>
      <c r="D53711" s="1" t="s">
        <v>180770</v>
      </c>
      <c r="E53711" s="1" t="s">
        <v>180771</v>
      </c>
      <c r="F53711" s="1" t="s">
        <v>180772</v>
      </c>
      <c r="G53711" s="1" t="s">
        <v>180710</v>
      </c>
      <c r="H53711" s="1" t="s">
        <v>180711</v>
      </c>
      <c r="I53711" s="1" t="s">
        <v>178869</v>
      </c>
      <c r="J53711" s="1" t="s">
        <v>180773</v>
      </c>
    </row>
    <row r="53712" spans="1:10" x14ac:dyDescent="0.35">
      <c r="A53712" s="1" t="s">
        <v>27334</v>
      </c>
      <c r="B53712" s="1" t="s">
        <v>178864</v>
      </c>
      <c r="C53712" s="1" t="s">
        <v>105</v>
      </c>
      <c r="D53712" s="1" t="s">
        <v>62431</v>
      </c>
      <c r="E53712" s="1" t="s">
        <v>180774</v>
      </c>
      <c r="F53712" s="1" t="s">
        <v>180775</v>
      </c>
      <c r="G53712" s="1" t="s">
        <v>180710</v>
      </c>
      <c r="H53712" s="1" t="s">
        <v>180711</v>
      </c>
      <c r="I53712" s="1" t="s">
        <v>178869</v>
      </c>
      <c r="J53712" s="1" t="s">
        <v>180776</v>
      </c>
    </row>
    <row r="53713" spans="1:10" x14ac:dyDescent="0.35">
      <c r="A53713" s="1" t="s">
        <v>27334</v>
      </c>
      <c r="B53713" s="1" t="s">
        <v>178864</v>
      </c>
      <c r="C53713" s="1" t="s">
        <v>110</v>
      </c>
      <c r="D53713" s="1" t="s">
        <v>180777</v>
      </c>
      <c r="E53713" s="1" t="s">
        <v>180778</v>
      </c>
      <c r="F53713" s="1" t="s">
        <v>180779</v>
      </c>
      <c r="G53713" s="1" t="s">
        <v>180710</v>
      </c>
      <c r="H53713" s="1" t="s">
        <v>180711</v>
      </c>
      <c r="I53713" s="1" t="s">
        <v>178869</v>
      </c>
      <c r="J53713" s="1" t="s">
        <v>180780</v>
      </c>
    </row>
    <row r="53714" spans="1:10" x14ac:dyDescent="0.35">
      <c r="A53714" s="1" t="s">
        <v>27334</v>
      </c>
      <c r="B53714" s="1" t="s">
        <v>178864</v>
      </c>
      <c r="C53714" s="1" t="s">
        <v>115</v>
      </c>
      <c r="D53714" s="1" t="s">
        <v>129119</v>
      </c>
      <c r="E53714" s="1" t="s">
        <v>180781</v>
      </c>
      <c r="F53714" s="1" t="s">
        <v>180782</v>
      </c>
      <c r="G53714" s="1" t="s">
        <v>180710</v>
      </c>
      <c r="H53714" s="1" t="s">
        <v>180711</v>
      </c>
      <c r="I53714" s="1" t="s">
        <v>178869</v>
      </c>
      <c r="J53714" s="1" t="s">
        <v>180783</v>
      </c>
    </row>
    <row r="53715" spans="1:10" x14ac:dyDescent="0.35">
      <c r="A53715" s="1" t="s">
        <v>27334</v>
      </c>
      <c r="B53715" s="1" t="s">
        <v>178864</v>
      </c>
      <c r="C53715" s="1" t="s">
        <v>120</v>
      </c>
      <c r="D53715" s="1" t="s">
        <v>59674</v>
      </c>
      <c r="E53715" s="1" t="s">
        <v>180784</v>
      </c>
      <c r="F53715" s="1" t="s">
        <v>180785</v>
      </c>
      <c r="G53715" s="1" t="s">
        <v>180710</v>
      </c>
      <c r="H53715" s="1" t="s">
        <v>180711</v>
      </c>
      <c r="I53715" s="1" t="s">
        <v>178869</v>
      </c>
      <c r="J53715" s="1" t="s">
        <v>180786</v>
      </c>
    </row>
    <row r="53716" spans="1:10" x14ac:dyDescent="0.35">
      <c r="A53716" s="1" t="s">
        <v>27334</v>
      </c>
      <c r="B53716" s="1" t="s">
        <v>178864</v>
      </c>
      <c r="C53716" s="1" t="s">
        <v>125</v>
      </c>
      <c r="D53716" s="1" t="s">
        <v>177212</v>
      </c>
      <c r="E53716" s="1" t="s">
        <v>180787</v>
      </c>
      <c r="F53716" s="1" t="s">
        <v>180788</v>
      </c>
      <c r="G53716" s="1" t="s">
        <v>180710</v>
      </c>
      <c r="H53716" s="1" t="s">
        <v>180711</v>
      </c>
      <c r="I53716" s="1" t="s">
        <v>178869</v>
      </c>
      <c r="J53716" s="1" t="s">
        <v>180789</v>
      </c>
    </row>
    <row r="53717" spans="1:10" x14ac:dyDescent="0.35">
      <c r="A53717" s="1" t="s">
        <v>27334</v>
      </c>
      <c r="B53717" s="1" t="s">
        <v>178864</v>
      </c>
      <c r="C53717" s="1" t="s">
        <v>130</v>
      </c>
      <c r="D53717" s="1" t="s">
        <v>98693</v>
      </c>
      <c r="E53717" s="1" t="s">
        <v>180790</v>
      </c>
      <c r="F53717" s="1" t="s">
        <v>180791</v>
      </c>
      <c r="G53717" s="1" t="s">
        <v>180710</v>
      </c>
      <c r="H53717" s="1" t="s">
        <v>180711</v>
      </c>
      <c r="I53717" s="1" t="s">
        <v>178869</v>
      </c>
      <c r="J53717" s="1" t="s">
        <v>180792</v>
      </c>
    </row>
    <row r="53718" spans="1:10" x14ac:dyDescent="0.35">
      <c r="A53718" s="1" t="s">
        <v>27334</v>
      </c>
      <c r="B53718" s="1" t="s">
        <v>178864</v>
      </c>
      <c r="C53718" s="1" t="s">
        <v>135</v>
      </c>
      <c r="D53718" s="1" t="s">
        <v>171115</v>
      </c>
      <c r="E53718" s="1" t="s">
        <v>180793</v>
      </c>
      <c r="F53718" s="1" t="s">
        <v>180794</v>
      </c>
      <c r="G53718" s="1" t="s">
        <v>180710</v>
      </c>
      <c r="H53718" s="1" t="s">
        <v>180711</v>
      </c>
      <c r="I53718" s="1" t="s">
        <v>178869</v>
      </c>
      <c r="J53718" s="1" t="s">
        <v>180795</v>
      </c>
    </row>
    <row r="53719" spans="1:10" x14ac:dyDescent="0.35">
      <c r="A53719" s="1" t="s">
        <v>27334</v>
      </c>
      <c r="B53719" s="1" t="s">
        <v>178864</v>
      </c>
      <c r="C53719" s="1" t="s">
        <v>140</v>
      </c>
      <c r="D53719" s="1" t="s">
        <v>180796</v>
      </c>
      <c r="E53719" s="1" t="s">
        <v>180797</v>
      </c>
      <c r="F53719" s="1" t="s">
        <v>180798</v>
      </c>
      <c r="G53719" s="1" t="s">
        <v>180710</v>
      </c>
      <c r="H53719" s="1" t="s">
        <v>180711</v>
      </c>
      <c r="I53719" s="1" t="s">
        <v>178869</v>
      </c>
      <c r="J53719" s="1" t="s">
        <v>180799</v>
      </c>
    </row>
    <row r="53720" spans="1:10" x14ac:dyDescent="0.35">
      <c r="A53720" s="1" t="s">
        <v>27334</v>
      </c>
      <c r="B53720" s="1" t="s">
        <v>178864</v>
      </c>
      <c r="C53720" s="1" t="s">
        <v>145</v>
      </c>
      <c r="D53720" s="1" t="s">
        <v>154374</v>
      </c>
      <c r="E53720" s="1" t="s">
        <v>180800</v>
      </c>
      <c r="F53720" s="1" t="s">
        <v>180801</v>
      </c>
      <c r="G53720" s="1" t="s">
        <v>180710</v>
      </c>
      <c r="H53720" s="1" t="s">
        <v>180711</v>
      </c>
      <c r="I53720" s="1" t="s">
        <v>178869</v>
      </c>
      <c r="J53720" s="1" t="s">
        <v>180802</v>
      </c>
    </row>
    <row r="53721" spans="1:10" x14ac:dyDescent="0.35">
      <c r="A53721" s="1" t="s">
        <v>27334</v>
      </c>
      <c r="B53721" s="1" t="s">
        <v>178864</v>
      </c>
      <c r="C53721" s="1" t="s">
        <v>150</v>
      </c>
      <c r="D53721" s="1" t="s">
        <v>109290</v>
      </c>
      <c r="E53721" s="1" t="s">
        <v>180803</v>
      </c>
      <c r="F53721" s="1" t="s">
        <v>180804</v>
      </c>
      <c r="G53721" s="1" t="s">
        <v>180710</v>
      </c>
      <c r="H53721" s="1" t="s">
        <v>180711</v>
      </c>
      <c r="I53721" s="1" t="s">
        <v>178869</v>
      </c>
      <c r="J53721" s="1" t="s">
        <v>180805</v>
      </c>
    </row>
    <row r="53722" spans="1:10" x14ac:dyDescent="0.35">
      <c r="A53722" s="1" t="s">
        <v>27334</v>
      </c>
      <c r="B53722" s="1" t="s">
        <v>178864</v>
      </c>
      <c r="C53722" s="1" t="s">
        <v>155</v>
      </c>
      <c r="D53722" s="1" t="s">
        <v>180806</v>
      </c>
      <c r="E53722" s="1" t="s">
        <v>180807</v>
      </c>
      <c r="F53722" s="1" t="s">
        <v>180808</v>
      </c>
      <c r="G53722" s="1" t="s">
        <v>180710</v>
      </c>
      <c r="H53722" s="1" t="s">
        <v>180711</v>
      </c>
      <c r="I53722" s="1" t="s">
        <v>178869</v>
      </c>
      <c r="J53722" s="1" t="s">
        <v>180809</v>
      </c>
    </row>
    <row r="53723" spans="1:10" x14ac:dyDescent="0.35">
      <c r="A53723" s="1" t="s">
        <v>27334</v>
      </c>
      <c r="B53723" s="1" t="s">
        <v>178864</v>
      </c>
      <c r="C53723" s="1" t="s">
        <v>160</v>
      </c>
      <c r="D53723" s="1" t="s">
        <v>180810</v>
      </c>
      <c r="E53723" s="1" t="s">
        <v>180811</v>
      </c>
      <c r="F53723" s="1" t="s">
        <v>180812</v>
      </c>
      <c r="G53723" s="1" t="s">
        <v>180710</v>
      </c>
      <c r="H53723" s="1" t="s">
        <v>180711</v>
      </c>
      <c r="I53723" s="1" t="s">
        <v>178869</v>
      </c>
      <c r="J53723" s="1" t="s">
        <v>180813</v>
      </c>
    </row>
    <row r="53724" spans="1:10" x14ac:dyDescent="0.35">
      <c r="A53724" s="1" t="s">
        <v>27334</v>
      </c>
      <c r="B53724" s="1" t="s">
        <v>178864</v>
      </c>
      <c r="C53724" s="1" t="s">
        <v>165</v>
      </c>
      <c r="D53724" s="1" t="s">
        <v>180814</v>
      </c>
      <c r="E53724" s="1" t="s">
        <v>180815</v>
      </c>
      <c r="F53724" s="1" t="s">
        <v>180816</v>
      </c>
      <c r="G53724" s="1" t="s">
        <v>180710</v>
      </c>
      <c r="H53724" s="1" t="s">
        <v>180711</v>
      </c>
      <c r="I53724" s="1" t="s">
        <v>178869</v>
      </c>
      <c r="J53724" s="1" t="s">
        <v>180817</v>
      </c>
    </row>
    <row r="53725" spans="1:10" x14ac:dyDescent="0.35">
      <c r="A53725" s="1" t="s">
        <v>27334</v>
      </c>
      <c r="B53725" s="1" t="s">
        <v>178864</v>
      </c>
      <c r="C53725" s="1" t="s">
        <v>170</v>
      </c>
      <c r="D53725" s="1" t="s">
        <v>76588</v>
      </c>
      <c r="E53725" s="1" t="s">
        <v>180818</v>
      </c>
      <c r="F53725" s="1" t="s">
        <v>180819</v>
      </c>
      <c r="G53725" s="1" t="s">
        <v>180710</v>
      </c>
      <c r="H53725" s="1" t="s">
        <v>180711</v>
      </c>
      <c r="I53725" s="1" t="s">
        <v>178869</v>
      </c>
      <c r="J53725" s="1" t="s">
        <v>180820</v>
      </c>
    </row>
    <row r="53726" spans="1:10" x14ac:dyDescent="0.35">
      <c r="A53726" s="1" t="s">
        <v>28375</v>
      </c>
      <c r="B53726" s="1" t="s">
        <v>178864</v>
      </c>
      <c r="C53726" s="1" t="s">
        <v>8</v>
      </c>
      <c r="D53726" s="1" t="s">
        <v>172730</v>
      </c>
      <c r="E53726" s="1" t="s">
        <v>48057</v>
      </c>
      <c r="F53726" s="1" t="s">
        <v>152857</v>
      </c>
      <c r="G53726" s="1" t="s">
        <v>180821</v>
      </c>
      <c r="H53726" s="1" t="s">
        <v>180822</v>
      </c>
      <c r="I53726" s="1" t="s">
        <v>178869</v>
      </c>
      <c r="J53726" s="1" t="s">
        <v>13</v>
      </c>
    </row>
    <row r="53727" spans="1:10" x14ac:dyDescent="0.35">
      <c r="A53727" s="1" t="s">
        <v>28375</v>
      </c>
      <c r="B53727" s="1" t="s">
        <v>178864</v>
      </c>
      <c r="C53727" s="1" t="s">
        <v>15</v>
      </c>
      <c r="D53727" s="1" t="s">
        <v>32627</v>
      </c>
      <c r="E53727" s="1" t="s">
        <v>19998</v>
      </c>
      <c r="F53727" s="1" t="s">
        <v>105418</v>
      </c>
      <c r="G53727" s="1" t="s">
        <v>180821</v>
      </c>
      <c r="H53727" s="1" t="s">
        <v>180822</v>
      </c>
      <c r="I53727" s="1" t="s">
        <v>178869</v>
      </c>
      <c r="J53727" s="1" t="s">
        <v>180823</v>
      </c>
    </row>
    <row r="53728" spans="1:10" x14ac:dyDescent="0.35">
      <c r="A53728" s="1" t="s">
        <v>28375</v>
      </c>
      <c r="B53728" s="1" t="s">
        <v>178864</v>
      </c>
      <c r="C53728" s="1" t="s">
        <v>20</v>
      </c>
      <c r="D53728" s="1" t="s">
        <v>112970</v>
      </c>
      <c r="E53728" s="1" t="s">
        <v>77694</v>
      </c>
      <c r="F53728" s="1" t="s">
        <v>109453</v>
      </c>
      <c r="G53728" s="1" t="s">
        <v>180821</v>
      </c>
      <c r="H53728" s="1" t="s">
        <v>180822</v>
      </c>
      <c r="I53728" s="1" t="s">
        <v>178869</v>
      </c>
      <c r="J53728" s="1" t="s">
        <v>180824</v>
      </c>
    </row>
    <row r="53729" spans="1:10" x14ac:dyDescent="0.35">
      <c r="A53729" s="1" t="s">
        <v>28375</v>
      </c>
      <c r="B53729" s="1" t="s">
        <v>178864</v>
      </c>
      <c r="C53729" s="1" t="s">
        <v>25</v>
      </c>
      <c r="D53729" s="1" t="s">
        <v>173782</v>
      </c>
      <c r="E53729" s="1" t="s">
        <v>19960</v>
      </c>
      <c r="F53729" s="1" t="s">
        <v>180825</v>
      </c>
      <c r="G53729" s="1" t="s">
        <v>180821</v>
      </c>
      <c r="H53729" s="1" t="s">
        <v>180822</v>
      </c>
      <c r="I53729" s="1" t="s">
        <v>178869</v>
      </c>
      <c r="J53729" s="1" t="s">
        <v>180826</v>
      </c>
    </row>
    <row r="53730" spans="1:10" x14ac:dyDescent="0.35">
      <c r="A53730" s="1" t="s">
        <v>28375</v>
      </c>
      <c r="B53730" s="1" t="s">
        <v>178864</v>
      </c>
      <c r="C53730" s="1" t="s">
        <v>30</v>
      </c>
      <c r="D53730" s="1" t="s">
        <v>180827</v>
      </c>
      <c r="E53730" s="1" t="s">
        <v>180828</v>
      </c>
      <c r="F53730" s="1" t="s">
        <v>180829</v>
      </c>
      <c r="G53730" s="1" t="s">
        <v>180821</v>
      </c>
      <c r="H53730" s="1" t="s">
        <v>180822</v>
      </c>
      <c r="I53730" s="1" t="s">
        <v>178869</v>
      </c>
      <c r="J53730" s="1" t="s">
        <v>180830</v>
      </c>
    </row>
    <row r="53731" spans="1:10" x14ac:dyDescent="0.35">
      <c r="A53731" s="1" t="s">
        <v>28375</v>
      </c>
      <c r="B53731" s="1" t="s">
        <v>178864</v>
      </c>
      <c r="C53731" s="1" t="s">
        <v>35</v>
      </c>
      <c r="D53731" s="1" t="s">
        <v>36611</v>
      </c>
      <c r="E53731" s="1" t="s">
        <v>180831</v>
      </c>
      <c r="F53731" s="1" t="s">
        <v>180832</v>
      </c>
      <c r="G53731" s="1" t="s">
        <v>180821</v>
      </c>
      <c r="H53731" s="1" t="s">
        <v>180822</v>
      </c>
      <c r="I53731" s="1" t="s">
        <v>178869</v>
      </c>
      <c r="J53731" s="1" t="s">
        <v>180833</v>
      </c>
    </row>
    <row r="53732" spans="1:10" x14ac:dyDescent="0.35">
      <c r="A53732" s="1" t="s">
        <v>28375</v>
      </c>
      <c r="B53732" s="1" t="s">
        <v>178864</v>
      </c>
      <c r="C53732" s="1" t="s">
        <v>40</v>
      </c>
      <c r="D53732" s="1" t="s">
        <v>180834</v>
      </c>
      <c r="E53732" s="1" t="s">
        <v>180835</v>
      </c>
      <c r="F53732" s="1" t="s">
        <v>180836</v>
      </c>
      <c r="G53732" s="1" t="s">
        <v>180821</v>
      </c>
      <c r="H53732" s="1" t="s">
        <v>180822</v>
      </c>
      <c r="I53732" s="1" t="s">
        <v>178869</v>
      </c>
      <c r="J53732" s="1" t="s">
        <v>180837</v>
      </c>
    </row>
    <row r="53733" spans="1:10" x14ac:dyDescent="0.35">
      <c r="A53733" s="1" t="s">
        <v>28375</v>
      </c>
      <c r="B53733" s="1" t="s">
        <v>178864</v>
      </c>
      <c r="C53733" s="1" t="s">
        <v>45</v>
      </c>
      <c r="D53733" s="1" t="s">
        <v>180838</v>
      </c>
      <c r="E53733" s="1" t="s">
        <v>180839</v>
      </c>
      <c r="F53733" s="1" t="s">
        <v>180840</v>
      </c>
      <c r="G53733" s="1" t="s">
        <v>180821</v>
      </c>
      <c r="H53733" s="1" t="s">
        <v>180822</v>
      </c>
      <c r="I53733" s="1" t="s">
        <v>178869</v>
      </c>
      <c r="J53733" s="1" t="s">
        <v>180841</v>
      </c>
    </row>
    <row r="53734" spans="1:10" x14ac:dyDescent="0.35">
      <c r="A53734" s="1" t="s">
        <v>28375</v>
      </c>
      <c r="B53734" s="1" t="s">
        <v>178864</v>
      </c>
      <c r="C53734" s="1" t="s">
        <v>50</v>
      </c>
      <c r="D53734" s="1" t="s">
        <v>113469</v>
      </c>
      <c r="E53734" s="1" t="s">
        <v>108653</v>
      </c>
      <c r="F53734" s="1" t="s">
        <v>180842</v>
      </c>
      <c r="G53734" s="1" t="s">
        <v>180821</v>
      </c>
      <c r="H53734" s="1" t="s">
        <v>180822</v>
      </c>
      <c r="I53734" s="1" t="s">
        <v>178869</v>
      </c>
      <c r="J53734" s="1" t="s">
        <v>123945</v>
      </c>
    </row>
    <row r="53735" spans="1:10" x14ac:dyDescent="0.35">
      <c r="A53735" s="1" t="s">
        <v>28375</v>
      </c>
      <c r="B53735" s="1" t="s">
        <v>178864</v>
      </c>
      <c r="C53735" s="1" t="s">
        <v>55</v>
      </c>
      <c r="D53735" s="1" t="s">
        <v>180843</v>
      </c>
      <c r="E53735" s="1" t="s">
        <v>15991</v>
      </c>
      <c r="F53735" s="1" t="s">
        <v>180844</v>
      </c>
      <c r="G53735" s="1" t="s">
        <v>180821</v>
      </c>
      <c r="H53735" s="1" t="s">
        <v>180822</v>
      </c>
      <c r="I53735" s="1" t="s">
        <v>178869</v>
      </c>
      <c r="J53735" s="1" t="s">
        <v>180845</v>
      </c>
    </row>
    <row r="53736" spans="1:10" x14ac:dyDescent="0.35">
      <c r="A53736" s="1" t="s">
        <v>28375</v>
      </c>
      <c r="B53736" s="1" t="s">
        <v>178864</v>
      </c>
      <c r="C53736" s="1" t="s">
        <v>60</v>
      </c>
      <c r="D53736" s="1" t="s">
        <v>180846</v>
      </c>
      <c r="E53736" s="1" t="s">
        <v>77781</v>
      </c>
      <c r="F53736" s="1" t="s">
        <v>180847</v>
      </c>
      <c r="G53736" s="1" t="s">
        <v>180821</v>
      </c>
      <c r="H53736" s="1" t="s">
        <v>180822</v>
      </c>
      <c r="I53736" s="1" t="s">
        <v>178869</v>
      </c>
      <c r="J53736" s="1" t="s">
        <v>180848</v>
      </c>
    </row>
    <row r="53737" spans="1:10" x14ac:dyDescent="0.35">
      <c r="A53737" s="1" t="s">
        <v>28375</v>
      </c>
      <c r="B53737" s="1" t="s">
        <v>178864</v>
      </c>
      <c r="C53737" s="1" t="s">
        <v>65</v>
      </c>
      <c r="D53737" s="1" t="s">
        <v>176541</v>
      </c>
      <c r="E53737" s="1" t="s">
        <v>127245</v>
      </c>
      <c r="F53737" s="1" t="s">
        <v>180849</v>
      </c>
      <c r="G53737" s="1" t="s">
        <v>180821</v>
      </c>
      <c r="H53737" s="1" t="s">
        <v>180822</v>
      </c>
      <c r="I53737" s="1" t="s">
        <v>178869</v>
      </c>
      <c r="J53737" s="1" t="s">
        <v>180850</v>
      </c>
    </row>
    <row r="53738" spans="1:10" x14ac:dyDescent="0.35">
      <c r="A53738" s="1" t="s">
        <v>28375</v>
      </c>
      <c r="B53738" s="1" t="s">
        <v>178864</v>
      </c>
      <c r="C53738" s="1" t="s">
        <v>70</v>
      </c>
      <c r="D53738" s="1" t="s">
        <v>180851</v>
      </c>
      <c r="E53738" s="1" t="s">
        <v>108694</v>
      </c>
      <c r="F53738" s="1" t="s">
        <v>180852</v>
      </c>
      <c r="G53738" s="1" t="s">
        <v>180821</v>
      </c>
      <c r="H53738" s="1" t="s">
        <v>180822</v>
      </c>
      <c r="I53738" s="1" t="s">
        <v>178869</v>
      </c>
      <c r="J53738" s="1" t="s">
        <v>180853</v>
      </c>
    </row>
    <row r="53739" spans="1:10" x14ac:dyDescent="0.35">
      <c r="A53739" s="1" t="s">
        <v>28375</v>
      </c>
      <c r="B53739" s="1" t="s">
        <v>178864</v>
      </c>
      <c r="C53739" s="1" t="s">
        <v>75</v>
      </c>
      <c r="D53739" s="1" t="s">
        <v>114202</v>
      </c>
      <c r="E53739" s="1" t="s">
        <v>180854</v>
      </c>
      <c r="F53739" s="1" t="s">
        <v>180855</v>
      </c>
      <c r="G53739" s="1" t="s">
        <v>180821</v>
      </c>
      <c r="H53739" s="1" t="s">
        <v>180822</v>
      </c>
      <c r="I53739" s="1" t="s">
        <v>178869</v>
      </c>
      <c r="J53739" s="1" t="s">
        <v>180856</v>
      </c>
    </row>
    <row r="53740" spans="1:10" x14ac:dyDescent="0.35">
      <c r="A53740" s="1" t="s">
        <v>28375</v>
      </c>
      <c r="B53740" s="1" t="s">
        <v>178864</v>
      </c>
      <c r="C53740" s="1" t="s">
        <v>80</v>
      </c>
      <c r="D53740" s="1" t="s">
        <v>17713</v>
      </c>
      <c r="E53740" s="1" t="s">
        <v>133433</v>
      </c>
      <c r="F53740" s="1" t="s">
        <v>180857</v>
      </c>
      <c r="G53740" s="1" t="s">
        <v>180821</v>
      </c>
      <c r="H53740" s="1" t="s">
        <v>180822</v>
      </c>
      <c r="I53740" s="1" t="s">
        <v>178869</v>
      </c>
      <c r="J53740" s="1" t="s">
        <v>180858</v>
      </c>
    </row>
    <row r="53741" spans="1:10" x14ac:dyDescent="0.35">
      <c r="A53741" s="1" t="s">
        <v>28375</v>
      </c>
      <c r="B53741" s="1" t="s">
        <v>178864</v>
      </c>
      <c r="C53741" s="1" t="s">
        <v>85</v>
      </c>
      <c r="D53741" s="1" t="s">
        <v>38474</v>
      </c>
      <c r="E53741" s="1" t="s">
        <v>109211</v>
      </c>
      <c r="F53741" s="1" t="s">
        <v>180859</v>
      </c>
      <c r="G53741" s="1" t="s">
        <v>180821</v>
      </c>
      <c r="H53741" s="1" t="s">
        <v>180822</v>
      </c>
      <c r="I53741" s="1" t="s">
        <v>178869</v>
      </c>
      <c r="J53741" s="1" t="s">
        <v>180860</v>
      </c>
    </row>
    <row r="53742" spans="1:10" x14ac:dyDescent="0.35">
      <c r="A53742" s="1" t="s">
        <v>28375</v>
      </c>
      <c r="B53742" s="1" t="s">
        <v>178864</v>
      </c>
      <c r="C53742" s="1" t="s">
        <v>90</v>
      </c>
      <c r="D53742" s="1" t="s">
        <v>19191</v>
      </c>
      <c r="E53742" s="1" t="s">
        <v>108709</v>
      </c>
      <c r="F53742" s="1" t="s">
        <v>180861</v>
      </c>
      <c r="G53742" s="1" t="s">
        <v>180821</v>
      </c>
      <c r="H53742" s="1" t="s">
        <v>180822</v>
      </c>
      <c r="I53742" s="1" t="s">
        <v>178869</v>
      </c>
      <c r="J53742" s="1" t="s">
        <v>180862</v>
      </c>
    </row>
    <row r="53743" spans="1:10" x14ac:dyDescent="0.35">
      <c r="A53743" s="1" t="s">
        <v>28375</v>
      </c>
      <c r="B53743" s="1" t="s">
        <v>178864</v>
      </c>
      <c r="C53743" s="1" t="s">
        <v>95</v>
      </c>
      <c r="D53743" s="1" t="s">
        <v>38702</v>
      </c>
      <c r="E53743" s="1" t="s">
        <v>127245</v>
      </c>
      <c r="F53743" s="1" t="s">
        <v>180863</v>
      </c>
      <c r="G53743" s="1" t="s">
        <v>180821</v>
      </c>
      <c r="H53743" s="1" t="s">
        <v>180822</v>
      </c>
      <c r="I53743" s="1" t="s">
        <v>178869</v>
      </c>
      <c r="J53743" s="1" t="s">
        <v>180864</v>
      </c>
    </row>
    <row r="53744" spans="1:10" x14ac:dyDescent="0.35">
      <c r="A53744" s="1" t="s">
        <v>28375</v>
      </c>
      <c r="B53744" s="1" t="s">
        <v>178864</v>
      </c>
      <c r="C53744" s="1" t="s">
        <v>100</v>
      </c>
      <c r="D53744" s="1" t="s">
        <v>177587</v>
      </c>
      <c r="E53744" s="1" t="s">
        <v>15991</v>
      </c>
      <c r="F53744" s="1" t="s">
        <v>16003</v>
      </c>
      <c r="G53744" s="1" t="s">
        <v>180821</v>
      </c>
      <c r="H53744" s="1" t="s">
        <v>180822</v>
      </c>
      <c r="I53744" s="1" t="s">
        <v>178869</v>
      </c>
      <c r="J53744" s="1" t="s">
        <v>180865</v>
      </c>
    </row>
    <row r="53745" spans="1:10" x14ac:dyDescent="0.35">
      <c r="A53745" s="1" t="s">
        <v>28375</v>
      </c>
      <c r="B53745" s="1" t="s">
        <v>178864</v>
      </c>
      <c r="C53745" s="1" t="s">
        <v>105</v>
      </c>
      <c r="D53745" s="1" t="s">
        <v>179962</v>
      </c>
      <c r="E53745" s="1" t="s">
        <v>105989</v>
      </c>
      <c r="F53745" s="1" t="s">
        <v>180866</v>
      </c>
      <c r="G53745" s="1" t="s">
        <v>180821</v>
      </c>
      <c r="H53745" s="1" t="s">
        <v>180822</v>
      </c>
      <c r="I53745" s="1" t="s">
        <v>178869</v>
      </c>
      <c r="J53745" s="1" t="s">
        <v>180867</v>
      </c>
    </row>
    <row r="53746" spans="1:10" x14ac:dyDescent="0.35">
      <c r="A53746" s="1" t="s">
        <v>28375</v>
      </c>
      <c r="B53746" s="1" t="s">
        <v>178864</v>
      </c>
      <c r="C53746" s="1" t="s">
        <v>110</v>
      </c>
      <c r="D53746" s="1" t="s">
        <v>12643</v>
      </c>
      <c r="E53746" s="1" t="s">
        <v>127983</v>
      </c>
      <c r="F53746" s="1" t="s">
        <v>180868</v>
      </c>
      <c r="G53746" s="1" t="s">
        <v>180821</v>
      </c>
      <c r="H53746" s="1" t="s">
        <v>180822</v>
      </c>
      <c r="I53746" s="1" t="s">
        <v>178869</v>
      </c>
      <c r="J53746" s="1" t="s">
        <v>180869</v>
      </c>
    </row>
    <row r="53747" spans="1:10" x14ac:dyDescent="0.35">
      <c r="A53747" s="1" t="s">
        <v>28375</v>
      </c>
      <c r="B53747" s="1" t="s">
        <v>178864</v>
      </c>
      <c r="C53747" s="1" t="s">
        <v>115</v>
      </c>
      <c r="D53747" s="1" t="s">
        <v>180870</v>
      </c>
      <c r="E53747" s="1" t="s">
        <v>128771</v>
      </c>
      <c r="F53747" s="1" t="s">
        <v>180871</v>
      </c>
      <c r="G53747" s="1" t="s">
        <v>180821</v>
      </c>
      <c r="H53747" s="1" t="s">
        <v>180822</v>
      </c>
      <c r="I53747" s="1" t="s">
        <v>178869</v>
      </c>
      <c r="J53747" s="1" t="s">
        <v>180872</v>
      </c>
    </row>
    <row r="53748" spans="1:10" x14ac:dyDescent="0.35">
      <c r="A53748" s="1" t="s">
        <v>28375</v>
      </c>
      <c r="B53748" s="1" t="s">
        <v>178864</v>
      </c>
      <c r="C53748" s="1" t="s">
        <v>120</v>
      </c>
      <c r="D53748" s="1" t="s">
        <v>30435</v>
      </c>
      <c r="E53748" s="1" t="s">
        <v>77781</v>
      </c>
      <c r="F53748" s="1" t="s">
        <v>180873</v>
      </c>
      <c r="G53748" s="1" t="s">
        <v>180821</v>
      </c>
      <c r="H53748" s="1" t="s">
        <v>180822</v>
      </c>
      <c r="I53748" s="1" t="s">
        <v>178869</v>
      </c>
      <c r="J53748" s="1" t="s">
        <v>180874</v>
      </c>
    </row>
    <row r="53749" spans="1:10" x14ac:dyDescent="0.35">
      <c r="A53749" s="1" t="s">
        <v>28375</v>
      </c>
      <c r="B53749" s="1" t="s">
        <v>178864</v>
      </c>
      <c r="C53749" s="1" t="s">
        <v>125</v>
      </c>
      <c r="D53749" s="1" t="s">
        <v>180875</v>
      </c>
      <c r="E53749" s="1" t="s">
        <v>127219</v>
      </c>
      <c r="F53749" s="1" t="s">
        <v>97830</v>
      </c>
      <c r="G53749" s="1" t="s">
        <v>180821</v>
      </c>
      <c r="H53749" s="1" t="s">
        <v>180822</v>
      </c>
      <c r="I53749" s="1" t="s">
        <v>178869</v>
      </c>
      <c r="J53749" s="1" t="s">
        <v>180876</v>
      </c>
    </row>
    <row r="53750" spans="1:10" x14ac:dyDescent="0.35">
      <c r="A53750" s="1" t="s">
        <v>28375</v>
      </c>
      <c r="B53750" s="1" t="s">
        <v>178864</v>
      </c>
      <c r="C53750" s="1" t="s">
        <v>130</v>
      </c>
      <c r="D53750" s="1" t="s">
        <v>180739</v>
      </c>
      <c r="E53750" s="1" t="s">
        <v>180877</v>
      </c>
      <c r="F53750" s="1" t="s">
        <v>180878</v>
      </c>
      <c r="G53750" s="1" t="s">
        <v>180821</v>
      </c>
      <c r="H53750" s="1" t="s">
        <v>180822</v>
      </c>
      <c r="I53750" s="1" t="s">
        <v>178869</v>
      </c>
      <c r="J53750" s="1" t="s">
        <v>180879</v>
      </c>
    </row>
    <row r="53751" spans="1:10" x14ac:dyDescent="0.35">
      <c r="A53751" s="1" t="s">
        <v>28375</v>
      </c>
      <c r="B53751" s="1" t="s">
        <v>178864</v>
      </c>
      <c r="C53751" s="1" t="s">
        <v>135</v>
      </c>
      <c r="D53751" s="1" t="s">
        <v>180880</v>
      </c>
      <c r="E53751" s="1" t="s">
        <v>109243</v>
      </c>
      <c r="F53751" s="1" t="s">
        <v>24726</v>
      </c>
      <c r="G53751" s="1" t="s">
        <v>180821</v>
      </c>
      <c r="H53751" s="1" t="s">
        <v>180822</v>
      </c>
      <c r="I53751" s="1" t="s">
        <v>178869</v>
      </c>
      <c r="J53751" s="1" t="s">
        <v>180881</v>
      </c>
    </row>
    <row r="53752" spans="1:10" x14ac:dyDescent="0.35">
      <c r="A53752" s="1" t="s">
        <v>28375</v>
      </c>
      <c r="B53752" s="1" t="s">
        <v>178864</v>
      </c>
      <c r="C53752" s="1" t="s">
        <v>140</v>
      </c>
      <c r="D53752" s="1" t="s">
        <v>180882</v>
      </c>
      <c r="E53752" s="1" t="s">
        <v>129582</v>
      </c>
      <c r="F53752" s="1" t="s">
        <v>180883</v>
      </c>
      <c r="G53752" s="1" t="s">
        <v>180821</v>
      </c>
      <c r="H53752" s="1" t="s">
        <v>180822</v>
      </c>
      <c r="I53752" s="1" t="s">
        <v>178869</v>
      </c>
      <c r="J53752" s="1" t="s">
        <v>180884</v>
      </c>
    </row>
    <row r="53753" spans="1:10" x14ac:dyDescent="0.35">
      <c r="A53753" s="1" t="s">
        <v>28375</v>
      </c>
      <c r="B53753" s="1" t="s">
        <v>178864</v>
      </c>
      <c r="C53753" s="1" t="s">
        <v>145</v>
      </c>
      <c r="D53753" s="1" t="s">
        <v>180885</v>
      </c>
      <c r="E53753" s="1" t="s">
        <v>94777</v>
      </c>
      <c r="F53753" s="1" t="s">
        <v>180886</v>
      </c>
      <c r="G53753" s="1" t="s">
        <v>180821</v>
      </c>
      <c r="H53753" s="1" t="s">
        <v>180822</v>
      </c>
      <c r="I53753" s="1" t="s">
        <v>178869</v>
      </c>
      <c r="J53753" s="1" t="s">
        <v>180887</v>
      </c>
    </row>
    <row r="53754" spans="1:10" x14ac:dyDescent="0.35">
      <c r="A53754" s="1" t="s">
        <v>28375</v>
      </c>
      <c r="B53754" s="1" t="s">
        <v>178864</v>
      </c>
      <c r="C53754" s="1" t="s">
        <v>150</v>
      </c>
      <c r="D53754" s="1" t="s">
        <v>180888</v>
      </c>
      <c r="E53754" s="1" t="s">
        <v>94684</v>
      </c>
      <c r="F53754" s="1" t="s">
        <v>12182</v>
      </c>
      <c r="G53754" s="1" t="s">
        <v>180821</v>
      </c>
      <c r="H53754" s="1" t="s">
        <v>180822</v>
      </c>
      <c r="I53754" s="1" t="s">
        <v>178869</v>
      </c>
      <c r="J53754" s="1" t="s">
        <v>180889</v>
      </c>
    </row>
    <row r="53755" spans="1:10" x14ac:dyDescent="0.35">
      <c r="A53755" s="1" t="s">
        <v>28375</v>
      </c>
      <c r="B53755" s="1" t="s">
        <v>178864</v>
      </c>
      <c r="C53755" s="1" t="s">
        <v>155</v>
      </c>
      <c r="D53755" s="1" t="s">
        <v>113917</v>
      </c>
      <c r="E53755" s="1" t="s">
        <v>128682</v>
      </c>
      <c r="F53755" s="1" t="s">
        <v>180890</v>
      </c>
      <c r="G53755" s="1" t="s">
        <v>180821</v>
      </c>
      <c r="H53755" s="1" t="s">
        <v>180822</v>
      </c>
      <c r="I53755" s="1" t="s">
        <v>178869</v>
      </c>
      <c r="J53755" s="1" t="s">
        <v>180891</v>
      </c>
    </row>
    <row r="53756" spans="1:10" x14ac:dyDescent="0.35">
      <c r="A53756" s="1" t="s">
        <v>28375</v>
      </c>
      <c r="B53756" s="1" t="s">
        <v>178864</v>
      </c>
      <c r="C53756" s="1" t="s">
        <v>160</v>
      </c>
      <c r="D53756" s="1" t="s">
        <v>47500</v>
      </c>
      <c r="E53756" s="1" t="s">
        <v>108244</v>
      </c>
      <c r="F53756" s="1" t="s">
        <v>180892</v>
      </c>
      <c r="G53756" s="1" t="s">
        <v>180821</v>
      </c>
      <c r="H53756" s="1" t="s">
        <v>180822</v>
      </c>
      <c r="I53756" s="1" t="s">
        <v>178869</v>
      </c>
      <c r="J53756" s="1" t="s">
        <v>180893</v>
      </c>
    </row>
    <row r="53757" spans="1:10" x14ac:dyDescent="0.35">
      <c r="A53757" s="1" t="s">
        <v>28375</v>
      </c>
      <c r="B53757" s="1" t="s">
        <v>178864</v>
      </c>
      <c r="C53757" s="1" t="s">
        <v>165</v>
      </c>
      <c r="D53757" s="1" t="s">
        <v>78655</v>
      </c>
      <c r="E53757" s="1" t="s">
        <v>132821</v>
      </c>
      <c r="F53757" s="1" t="s">
        <v>180894</v>
      </c>
      <c r="G53757" s="1" t="s">
        <v>180821</v>
      </c>
      <c r="H53757" s="1" t="s">
        <v>180822</v>
      </c>
      <c r="I53757" s="1" t="s">
        <v>178869</v>
      </c>
      <c r="J53757" s="1" t="s">
        <v>180895</v>
      </c>
    </row>
    <row r="53758" spans="1:10" x14ac:dyDescent="0.35">
      <c r="A53758" s="1" t="s">
        <v>28375</v>
      </c>
      <c r="B53758" s="1" t="s">
        <v>178864</v>
      </c>
      <c r="C53758" s="1" t="s">
        <v>170</v>
      </c>
      <c r="D53758" s="1" t="s">
        <v>180896</v>
      </c>
      <c r="E53758" s="1" t="s">
        <v>180897</v>
      </c>
      <c r="F53758" s="1" t="s">
        <v>129426</v>
      </c>
      <c r="G53758" s="1" t="s">
        <v>180821</v>
      </c>
      <c r="H53758" s="1" t="s">
        <v>180822</v>
      </c>
      <c r="I53758" s="1" t="s">
        <v>178869</v>
      </c>
      <c r="J53758" s="1" t="s">
        <v>180898</v>
      </c>
    </row>
    <row r="53759" spans="1:10" x14ac:dyDescent="0.35">
      <c r="A53759" s="1" t="s">
        <v>12084</v>
      </c>
      <c r="B53759" s="1" t="s">
        <v>178864</v>
      </c>
      <c r="C53759" s="1" t="s">
        <v>8</v>
      </c>
      <c r="D53759" s="1" t="s">
        <v>149490</v>
      </c>
      <c r="E53759" s="1" t="s">
        <v>180899</v>
      </c>
      <c r="F53759" s="1" t="s">
        <v>180900</v>
      </c>
      <c r="G53759" s="1" t="s">
        <v>180901</v>
      </c>
      <c r="H53759" s="1" t="s">
        <v>180902</v>
      </c>
      <c r="I53759" s="1" t="s">
        <v>178869</v>
      </c>
      <c r="J53759" s="1" t="s">
        <v>13</v>
      </c>
    </row>
    <row r="53760" spans="1:10" x14ac:dyDescent="0.35">
      <c r="A53760" s="1" t="s">
        <v>12084</v>
      </c>
      <c r="B53760" s="1" t="s">
        <v>178864</v>
      </c>
      <c r="C53760" s="1" t="s">
        <v>15</v>
      </c>
      <c r="D53760" s="1" t="s">
        <v>180903</v>
      </c>
      <c r="E53760" s="1" t="s">
        <v>180904</v>
      </c>
      <c r="F53760" s="1" t="s">
        <v>180905</v>
      </c>
      <c r="G53760" s="1" t="s">
        <v>180901</v>
      </c>
      <c r="H53760" s="1" t="s">
        <v>180902</v>
      </c>
      <c r="I53760" s="1" t="s">
        <v>178869</v>
      </c>
      <c r="J53760" s="1" t="s">
        <v>180906</v>
      </c>
    </row>
    <row r="53761" spans="1:10" x14ac:dyDescent="0.35">
      <c r="A53761" s="1" t="s">
        <v>12084</v>
      </c>
      <c r="B53761" s="1" t="s">
        <v>178864</v>
      </c>
      <c r="C53761" s="1" t="s">
        <v>20</v>
      </c>
      <c r="D53761" s="1" t="s">
        <v>113488</v>
      </c>
      <c r="E53761" s="1" t="s">
        <v>180907</v>
      </c>
      <c r="F53761" s="1" t="s">
        <v>180908</v>
      </c>
      <c r="G53761" s="1" t="s">
        <v>180901</v>
      </c>
      <c r="H53761" s="1" t="s">
        <v>180902</v>
      </c>
      <c r="I53761" s="1" t="s">
        <v>178869</v>
      </c>
      <c r="J53761" s="1" t="s">
        <v>180909</v>
      </c>
    </row>
    <row r="53762" spans="1:10" x14ac:dyDescent="0.35">
      <c r="A53762" s="1" t="s">
        <v>12084</v>
      </c>
      <c r="B53762" s="1" t="s">
        <v>178864</v>
      </c>
      <c r="C53762" s="1" t="s">
        <v>25</v>
      </c>
      <c r="D53762" s="1" t="s">
        <v>180910</v>
      </c>
      <c r="E53762" s="1" t="s">
        <v>180911</v>
      </c>
      <c r="F53762" s="1" t="s">
        <v>180912</v>
      </c>
      <c r="G53762" s="1" t="s">
        <v>180901</v>
      </c>
      <c r="H53762" s="1" t="s">
        <v>180902</v>
      </c>
      <c r="I53762" s="1" t="s">
        <v>178869</v>
      </c>
      <c r="J53762" s="1" t="s">
        <v>180913</v>
      </c>
    </row>
    <row r="53763" spans="1:10" x14ac:dyDescent="0.35">
      <c r="A53763" s="1" t="s">
        <v>12084</v>
      </c>
      <c r="B53763" s="1" t="s">
        <v>178864</v>
      </c>
      <c r="C53763" s="1" t="s">
        <v>30</v>
      </c>
      <c r="D53763" s="1" t="s">
        <v>180914</v>
      </c>
      <c r="E53763" s="1" t="s">
        <v>180915</v>
      </c>
      <c r="F53763" s="1" t="s">
        <v>180916</v>
      </c>
      <c r="G53763" s="1" t="s">
        <v>180901</v>
      </c>
      <c r="H53763" s="1" t="s">
        <v>180902</v>
      </c>
      <c r="I53763" s="1" t="s">
        <v>178869</v>
      </c>
      <c r="J53763" s="1" t="s">
        <v>180917</v>
      </c>
    </row>
    <row r="53764" spans="1:10" x14ac:dyDescent="0.35">
      <c r="A53764" s="1" t="s">
        <v>12084</v>
      </c>
      <c r="B53764" s="1" t="s">
        <v>178864</v>
      </c>
      <c r="C53764" s="1" t="s">
        <v>35</v>
      </c>
      <c r="D53764" s="1" t="s">
        <v>180918</v>
      </c>
      <c r="E53764" s="1" t="s">
        <v>180919</v>
      </c>
      <c r="F53764" s="1" t="s">
        <v>180920</v>
      </c>
      <c r="G53764" s="1" t="s">
        <v>180901</v>
      </c>
      <c r="H53764" s="1" t="s">
        <v>180902</v>
      </c>
      <c r="I53764" s="1" t="s">
        <v>178869</v>
      </c>
      <c r="J53764" s="1" t="s">
        <v>180921</v>
      </c>
    </row>
    <row r="53765" spans="1:10" x14ac:dyDescent="0.35">
      <c r="A53765" s="1" t="s">
        <v>12084</v>
      </c>
      <c r="B53765" s="1" t="s">
        <v>178864</v>
      </c>
      <c r="C53765" s="1" t="s">
        <v>40</v>
      </c>
      <c r="D53765" s="1" t="s">
        <v>180922</v>
      </c>
      <c r="E53765" s="1" t="s">
        <v>180923</v>
      </c>
      <c r="F53765" s="1" t="s">
        <v>180924</v>
      </c>
      <c r="G53765" s="1" t="s">
        <v>180901</v>
      </c>
      <c r="H53765" s="1" t="s">
        <v>180902</v>
      </c>
      <c r="I53765" s="1" t="s">
        <v>178869</v>
      </c>
      <c r="J53765" s="1" t="s">
        <v>180925</v>
      </c>
    </row>
    <row r="53766" spans="1:10" x14ac:dyDescent="0.35">
      <c r="A53766" s="1" t="s">
        <v>12084</v>
      </c>
      <c r="B53766" s="1" t="s">
        <v>178864</v>
      </c>
      <c r="C53766" s="1" t="s">
        <v>45</v>
      </c>
      <c r="D53766" s="1" t="s">
        <v>180926</v>
      </c>
      <c r="E53766" s="1" t="s">
        <v>180927</v>
      </c>
      <c r="F53766" s="1" t="s">
        <v>180928</v>
      </c>
      <c r="G53766" s="1" t="s">
        <v>180901</v>
      </c>
      <c r="H53766" s="1" t="s">
        <v>180902</v>
      </c>
      <c r="I53766" s="1" t="s">
        <v>178869</v>
      </c>
      <c r="J53766" s="1" t="s">
        <v>180929</v>
      </c>
    </row>
    <row r="53767" spans="1:10" x14ac:dyDescent="0.35">
      <c r="A53767" s="1" t="s">
        <v>12084</v>
      </c>
      <c r="B53767" s="1" t="s">
        <v>178864</v>
      </c>
      <c r="C53767" s="1" t="s">
        <v>50</v>
      </c>
      <c r="D53767" s="1" t="s">
        <v>107473</v>
      </c>
      <c r="E53767" s="1" t="s">
        <v>180930</v>
      </c>
      <c r="F53767" s="1" t="s">
        <v>180931</v>
      </c>
      <c r="G53767" s="1" t="s">
        <v>180901</v>
      </c>
      <c r="H53767" s="1" t="s">
        <v>180902</v>
      </c>
      <c r="I53767" s="1" t="s">
        <v>178869</v>
      </c>
      <c r="J53767" s="1" t="s">
        <v>180932</v>
      </c>
    </row>
    <row r="53768" spans="1:10" x14ac:dyDescent="0.35">
      <c r="A53768" s="1" t="s">
        <v>12084</v>
      </c>
      <c r="B53768" s="1" t="s">
        <v>178864</v>
      </c>
      <c r="C53768" s="1" t="s">
        <v>55</v>
      </c>
      <c r="D53768" s="1" t="s">
        <v>67354</v>
      </c>
      <c r="E53768" s="1" t="s">
        <v>180933</v>
      </c>
      <c r="F53768" s="1" t="s">
        <v>180934</v>
      </c>
      <c r="G53768" s="1" t="s">
        <v>180901</v>
      </c>
      <c r="H53768" s="1" t="s">
        <v>180902</v>
      </c>
      <c r="I53768" s="1" t="s">
        <v>178869</v>
      </c>
      <c r="J53768" s="1" t="s">
        <v>180935</v>
      </c>
    </row>
    <row r="53769" spans="1:10" x14ac:dyDescent="0.35">
      <c r="A53769" s="1" t="s">
        <v>12084</v>
      </c>
      <c r="B53769" s="1" t="s">
        <v>178864</v>
      </c>
      <c r="C53769" s="1" t="s">
        <v>60</v>
      </c>
      <c r="D53769" s="1" t="s">
        <v>138041</v>
      </c>
      <c r="E53769" s="1" t="s">
        <v>180936</v>
      </c>
      <c r="F53769" s="1" t="s">
        <v>180937</v>
      </c>
      <c r="G53769" s="1" t="s">
        <v>180901</v>
      </c>
      <c r="H53769" s="1" t="s">
        <v>180902</v>
      </c>
      <c r="I53769" s="1" t="s">
        <v>178869</v>
      </c>
      <c r="J53769" s="1" t="s">
        <v>180938</v>
      </c>
    </row>
    <row r="53770" spans="1:10" x14ac:dyDescent="0.35">
      <c r="A53770" s="1" t="s">
        <v>12084</v>
      </c>
      <c r="B53770" s="1" t="s">
        <v>178864</v>
      </c>
      <c r="C53770" s="1" t="s">
        <v>65</v>
      </c>
      <c r="D53770" s="1" t="s">
        <v>180939</v>
      </c>
      <c r="E53770" s="1" t="s">
        <v>180940</v>
      </c>
      <c r="F53770" s="1" t="s">
        <v>180941</v>
      </c>
      <c r="G53770" s="1" t="s">
        <v>180901</v>
      </c>
      <c r="H53770" s="1" t="s">
        <v>180902</v>
      </c>
      <c r="I53770" s="1" t="s">
        <v>178869</v>
      </c>
      <c r="J53770" s="1" t="s">
        <v>180942</v>
      </c>
    </row>
    <row r="53771" spans="1:10" x14ac:dyDescent="0.35">
      <c r="A53771" s="1" t="s">
        <v>12084</v>
      </c>
      <c r="B53771" s="1" t="s">
        <v>178864</v>
      </c>
      <c r="C53771" s="1" t="s">
        <v>70</v>
      </c>
      <c r="D53771" s="1" t="s">
        <v>180943</v>
      </c>
      <c r="E53771" s="1" t="s">
        <v>180944</v>
      </c>
      <c r="F53771" s="1" t="s">
        <v>180945</v>
      </c>
      <c r="G53771" s="1" t="s">
        <v>180901</v>
      </c>
      <c r="H53771" s="1" t="s">
        <v>180902</v>
      </c>
      <c r="I53771" s="1" t="s">
        <v>178869</v>
      </c>
      <c r="J53771" s="1" t="s">
        <v>180946</v>
      </c>
    </row>
    <row r="53772" spans="1:10" x14ac:dyDescent="0.35">
      <c r="A53772" s="1" t="s">
        <v>12084</v>
      </c>
      <c r="B53772" s="1" t="s">
        <v>178864</v>
      </c>
      <c r="C53772" s="1" t="s">
        <v>75</v>
      </c>
      <c r="D53772" s="1" t="s">
        <v>180947</v>
      </c>
      <c r="E53772" s="1" t="s">
        <v>180948</v>
      </c>
      <c r="F53772" s="1" t="s">
        <v>180949</v>
      </c>
      <c r="G53772" s="1" t="s">
        <v>180901</v>
      </c>
      <c r="H53772" s="1" t="s">
        <v>180902</v>
      </c>
      <c r="I53772" s="1" t="s">
        <v>178869</v>
      </c>
      <c r="J53772" s="1" t="s">
        <v>180950</v>
      </c>
    </row>
    <row r="53773" spans="1:10" x14ac:dyDescent="0.35">
      <c r="A53773" s="1" t="s">
        <v>12084</v>
      </c>
      <c r="B53773" s="1" t="s">
        <v>178864</v>
      </c>
      <c r="C53773" s="1" t="s">
        <v>80</v>
      </c>
      <c r="D53773" s="1" t="s">
        <v>115001</v>
      </c>
      <c r="E53773" s="1" t="s">
        <v>180951</v>
      </c>
      <c r="F53773" s="1" t="s">
        <v>180952</v>
      </c>
      <c r="G53773" s="1" t="s">
        <v>180901</v>
      </c>
      <c r="H53773" s="1" t="s">
        <v>180902</v>
      </c>
      <c r="I53773" s="1" t="s">
        <v>178869</v>
      </c>
      <c r="J53773" s="1" t="s">
        <v>180953</v>
      </c>
    </row>
    <row r="53774" spans="1:10" x14ac:dyDescent="0.35">
      <c r="A53774" s="1" t="s">
        <v>12084</v>
      </c>
      <c r="B53774" s="1" t="s">
        <v>178864</v>
      </c>
      <c r="C53774" s="1" t="s">
        <v>85</v>
      </c>
      <c r="D53774" s="1" t="s">
        <v>122270</v>
      </c>
      <c r="E53774" s="1" t="s">
        <v>180954</v>
      </c>
      <c r="F53774" s="1" t="s">
        <v>180955</v>
      </c>
      <c r="G53774" s="1" t="s">
        <v>180901</v>
      </c>
      <c r="H53774" s="1" t="s">
        <v>180902</v>
      </c>
      <c r="I53774" s="1" t="s">
        <v>178869</v>
      </c>
      <c r="J53774" s="1" t="s">
        <v>180956</v>
      </c>
    </row>
    <row r="53775" spans="1:10" x14ac:dyDescent="0.35">
      <c r="A53775" s="1" t="s">
        <v>12084</v>
      </c>
      <c r="B53775" s="1" t="s">
        <v>178864</v>
      </c>
      <c r="C53775" s="1" t="s">
        <v>90</v>
      </c>
      <c r="D53775" s="1" t="s">
        <v>180957</v>
      </c>
      <c r="E53775" s="1" t="s">
        <v>180958</v>
      </c>
      <c r="F53775" s="1" t="s">
        <v>180959</v>
      </c>
      <c r="G53775" s="1" t="s">
        <v>180901</v>
      </c>
      <c r="H53775" s="1" t="s">
        <v>180902</v>
      </c>
      <c r="I53775" s="1" t="s">
        <v>178869</v>
      </c>
      <c r="J53775" s="1" t="s">
        <v>180960</v>
      </c>
    </row>
    <row r="53776" spans="1:10" x14ac:dyDescent="0.35">
      <c r="A53776" s="1" t="s">
        <v>12084</v>
      </c>
      <c r="B53776" s="1" t="s">
        <v>178864</v>
      </c>
      <c r="C53776" s="1" t="s">
        <v>95</v>
      </c>
      <c r="D53776" s="1" t="s">
        <v>88930</v>
      </c>
      <c r="E53776" s="1" t="s">
        <v>180961</v>
      </c>
      <c r="F53776" s="1" t="s">
        <v>180962</v>
      </c>
      <c r="G53776" s="1" t="s">
        <v>180901</v>
      </c>
      <c r="H53776" s="1" t="s">
        <v>180902</v>
      </c>
      <c r="I53776" s="1" t="s">
        <v>178869</v>
      </c>
      <c r="J53776" s="1" t="s">
        <v>180963</v>
      </c>
    </row>
    <row r="53777" spans="1:10" x14ac:dyDescent="0.35">
      <c r="A53777" s="1" t="s">
        <v>12084</v>
      </c>
      <c r="B53777" s="1" t="s">
        <v>178864</v>
      </c>
      <c r="C53777" s="1" t="s">
        <v>100</v>
      </c>
      <c r="D53777" s="1" t="s">
        <v>24208</v>
      </c>
      <c r="E53777" s="1" t="s">
        <v>180964</v>
      </c>
      <c r="F53777" s="1" t="s">
        <v>180965</v>
      </c>
      <c r="G53777" s="1" t="s">
        <v>180901</v>
      </c>
      <c r="H53777" s="1" t="s">
        <v>180902</v>
      </c>
      <c r="I53777" s="1" t="s">
        <v>178869</v>
      </c>
      <c r="J53777" s="1" t="s">
        <v>180966</v>
      </c>
    </row>
    <row r="53778" spans="1:10" x14ac:dyDescent="0.35">
      <c r="A53778" s="1" t="s">
        <v>12084</v>
      </c>
      <c r="B53778" s="1" t="s">
        <v>178864</v>
      </c>
      <c r="C53778" s="1" t="s">
        <v>105</v>
      </c>
      <c r="D53778" s="1" t="s">
        <v>90408</v>
      </c>
      <c r="E53778" s="1" t="s">
        <v>180967</v>
      </c>
      <c r="F53778" s="1" t="s">
        <v>180968</v>
      </c>
      <c r="G53778" s="1" t="s">
        <v>180901</v>
      </c>
      <c r="H53778" s="1" t="s">
        <v>180902</v>
      </c>
      <c r="I53778" s="1" t="s">
        <v>178869</v>
      </c>
      <c r="J53778" s="1" t="s">
        <v>180969</v>
      </c>
    </row>
    <row r="53779" spans="1:10" x14ac:dyDescent="0.35">
      <c r="A53779" s="1" t="s">
        <v>12084</v>
      </c>
      <c r="B53779" s="1" t="s">
        <v>178864</v>
      </c>
      <c r="C53779" s="1" t="s">
        <v>110</v>
      </c>
      <c r="D53779" s="1" t="s">
        <v>108074</v>
      </c>
      <c r="E53779" s="1" t="s">
        <v>180970</v>
      </c>
      <c r="F53779" s="1" t="s">
        <v>180971</v>
      </c>
      <c r="G53779" s="1" t="s">
        <v>180901</v>
      </c>
      <c r="H53779" s="1" t="s">
        <v>180902</v>
      </c>
      <c r="I53779" s="1" t="s">
        <v>178869</v>
      </c>
      <c r="J53779" s="1" t="s">
        <v>180972</v>
      </c>
    </row>
    <row r="53780" spans="1:10" x14ac:dyDescent="0.35">
      <c r="A53780" s="1" t="s">
        <v>12084</v>
      </c>
      <c r="B53780" s="1" t="s">
        <v>178864</v>
      </c>
      <c r="C53780" s="1" t="s">
        <v>115</v>
      </c>
      <c r="D53780" s="1" t="s">
        <v>180973</v>
      </c>
      <c r="E53780" s="1" t="s">
        <v>180974</v>
      </c>
      <c r="F53780" s="1" t="s">
        <v>180975</v>
      </c>
      <c r="G53780" s="1" t="s">
        <v>180901</v>
      </c>
      <c r="H53780" s="1" t="s">
        <v>180902</v>
      </c>
      <c r="I53780" s="1" t="s">
        <v>178869</v>
      </c>
      <c r="J53780" s="1" t="s">
        <v>180976</v>
      </c>
    </row>
    <row r="53781" spans="1:10" x14ac:dyDescent="0.35">
      <c r="A53781" s="1" t="s">
        <v>12084</v>
      </c>
      <c r="B53781" s="1" t="s">
        <v>178864</v>
      </c>
      <c r="C53781" s="1" t="s">
        <v>120</v>
      </c>
      <c r="D53781" s="1" t="s">
        <v>67536</v>
      </c>
      <c r="E53781" s="1" t="s">
        <v>180936</v>
      </c>
      <c r="F53781" s="1" t="s">
        <v>180977</v>
      </c>
      <c r="G53781" s="1" t="s">
        <v>180901</v>
      </c>
      <c r="H53781" s="1" t="s">
        <v>180902</v>
      </c>
      <c r="I53781" s="1" t="s">
        <v>178869</v>
      </c>
      <c r="J53781" s="1" t="s">
        <v>180978</v>
      </c>
    </row>
    <row r="53782" spans="1:10" x14ac:dyDescent="0.35">
      <c r="A53782" s="1" t="s">
        <v>12084</v>
      </c>
      <c r="B53782" s="1" t="s">
        <v>178864</v>
      </c>
      <c r="C53782" s="1" t="s">
        <v>125</v>
      </c>
      <c r="D53782" s="1" t="s">
        <v>133277</v>
      </c>
      <c r="E53782" s="1" t="s">
        <v>180979</v>
      </c>
      <c r="F53782" s="1" t="s">
        <v>180980</v>
      </c>
      <c r="G53782" s="1" t="s">
        <v>180901</v>
      </c>
      <c r="H53782" s="1" t="s">
        <v>180902</v>
      </c>
      <c r="I53782" s="1" t="s">
        <v>178869</v>
      </c>
      <c r="J53782" s="1" t="s">
        <v>180981</v>
      </c>
    </row>
    <row r="53783" spans="1:10" x14ac:dyDescent="0.35">
      <c r="A53783" s="1" t="s">
        <v>12084</v>
      </c>
      <c r="B53783" s="1" t="s">
        <v>178864</v>
      </c>
      <c r="C53783" s="1" t="s">
        <v>130</v>
      </c>
      <c r="D53783" s="1" t="s">
        <v>180982</v>
      </c>
      <c r="E53783" s="1" t="s">
        <v>180983</v>
      </c>
      <c r="F53783" s="1" t="s">
        <v>180984</v>
      </c>
      <c r="G53783" s="1" t="s">
        <v>180901</v>
      </c>
      <c r="H53783" s="1" t="s">
        <v>180902</v>
      </c>
      <c r="I53783" s="1" t="s">
        <v>178869</v>
      </c>
      <c r="J53783" s="1" t="s">
        <v>180985</v>
      </c>
    </row>
    <row r="53784" spans="1:10" x14ac:dyDescent="0.35">
      <c r="A53784" s="1" t="s">
        <v>12084</v>
      </c>
      <c r="B53784" s="1" t="s">
        <v>178864</v>
      </c>
      <c r="C53784" s="1" t="s">
        <v>135</v>
      </c>
      <c r="D53784" s="1" t="s">
        <v>180986</v>
      </c>
      <c r="E53784" s="1" t="s">
        <v>180987</v>
      </c>
      <c r="F53784" s="1" t="s">
        <v>180988</v>
      </c>
      <c r="G53784" s="1" t="s">
        <v>180901</v>
      </c>
      <c r="H53784" s="1" t="s">
        <v>180902</v>
      </c>
      <c r="I53784" s="1" t="s">
        <v>178869</v>
      </c>
      <c r="J53784" s="1" t="s">
        <v>180989</v>
      </c>
    </row>
    <row r="53785" spans="1:10" x14ac:dyDescent="0.35">
      <c r="A53785" s="1" t="s">
        <v>12084</v>
      </c>
      <c r="B53785" s="1" t="s">
        <v>178864</v>
      </c>
      <c r="C53785" s="1" t="s">
        <v>140</v>
      </c>
      <c r="D53785" s="1" t="s">
        <v>127118</v>
      </c>
      <c r="E53785" s="1" t="s">
        <v>180990</v>
      </c>
      <c r="F53785" s="1" t="s">
        <v>180991</v>
      </c>
      <c r="G53785" s="1" t="s">
        <v>180901</v>
      </c>
      <c r="H53785" s="1" t="s">
        <v>180902</v>
      </c>
      <c r="I53785" s="1" t="s">
        <v>178869</v>
      </c>
      <c r="J53785" s="1" t="s">
        <v>180992</v>
      </c>
    </row>
    <row r="53786" spans="1:10" x14ac:dyDescent="0.35">
      <c r="A53786" s="1" t="s">
        <v>12084</v>
      </c>
      <c r="B53786" s="1" t="s">
        <v>178864</v>
      </c>
      <c r="C53786" s="1" t="s">
        <v>145</v>
      </c>
      <c r="D53786" s="1" t="s">
        <v>40121</v>
      </c>
      <c r="E53786" s="1" t="s">
        <v>180993</v>
      </c>
      <c r="F53786" s="1" t="s">
        <v>180994</v>
      </c>
      <c r="G53786" s="1" t="s">
        <v>180901</v>
      </c>
      <c r="H53786" s="1" t="s">
        <v>180902</v>
      </c>
      <c r="I53786" s="1" t="s">
        <v>178869</v>
      </c>
      <c r="J53786" s="1" t="s">
        <v>180995</v>
      </c>
    </row>
    <row r="53787" spans="1:10" x14ac:dyDescent="0.35">
      <c r="A53787" s="1" t="s">
        <v>12084</v>
      </c>
      <c r="B53787" s="1" t="s">
        <v>178864</v>
      </c>
      <c r="C53787" s="1" t="s">
        <v>150</v>
      </c>
      <c r="D53787" s="1" t="s">
        <v>180996</v>
      </c>
      <c r="E53787" s="1" t="s">
        <v>180997</v>
      </c>
      <c r="F53787" s="1" t="s">
        <v>180998</v>
      </c>
      <c r="G53787" s="1" t="s">
        <v>180901</v>
      </c>
      <c r="H53787" s="1" t="s">
        <v>180902</v>
      </c>
      <c r="I53787" s="1" t="s">
        <v>178869</v>
      </c>
      <c r="J53787" s="1" t="s">
        <v>180999</v>
      </c>
    </row>
    <row r="53788" spans="1:10" x14ac:dyDescent="0.35">
      <c r="A53788" s="1" t="s">
        <v>12084</v>
      </c>
      <c r="B53788" s="1" t="s">
        <v>178864</v>
      </c>
      <c r="C53788" s="1" t="s">
        <v>155</v>
      </c>
      <c r="D53788" s="1" t="s">
        <v>181000</v>
      </c>
      <c r="E53788" s="1" t="s">
        <v>181001</v>
      </c>
      <c r="F53788" s="1" t="s">
        <v>181002</v>
      </c>
      <c r="G53788" s="1" t="s">
        <v>180901</v>
      </c>
      <c r="H53788" s="1" t="s">
        <v>180902</v>
      </c>
      <c r="I53788" s="1" t="s">
        <v>178869</v>
      </c>
      <c r="J53788" s="1" t="s">
        <v>181003</v>
      </c>
    </row>
    <row r="53789" spans="1:10" x14ac:dyDescent="0.35">
      <c r="A53789" s="1" t="s">
        <v>12084</v>
      </c>
      <c r="B53789" s="1" t="s">
        <v>178864</v>
      </c>
      <c r="C53789" s="1" t="s">
        <v>160</v>
      </c>
      <c r="D53789" s="1" t="s">
        <v>130553</v>
      </c>
      <c r="E53789" s="1" t="s">
        <v>181004</v>
      </c>
      <c r="F53789" s="1" t="s">
        <v>181005</v>
      </c>
      <c r="G53789" s="1" t="s">
        <v>180901</v>
      </c>
      <c r="H53789" s="1" t="s">
        <v>180902</v>
      </c>
      <c r="I53789" s="1" t="s">
        <v>178869</v>
      </c>
      <c r="J53789" s="1" t="s">
        <v>181006</v>
      </c>
    </row>
    <row r="53790" spans="1:10" x14ac:dyDescent="0.35">
      <c r="A53790" s="1" t="s">
        <v>12084</v>
      </c>
      <c r="B53790" s="1" t="s">
        <v>178864</v>
      </c>
      <c r="C53790" s="1" t="s">
        <v>165</v>
      </c>
      <c r="D53790" s="1" t="s">
        <v>50878</v>
      </c>
      <c r="E53790" s="1" t="s">
        <v>181007</v>
      </c>
      <c r="F53790" s="1" t="s">
        <v>181008</v>
      </c>
      <c r="G53790" s="1" t="s">
        <v>180901</v>
      </c>
      <c r="H53790" s="1" t="s">
        <v>180902</v>
      </c>
      <c r="I53790" s="1" t="s">
        <v>178869</v>
      </c>
      <c r="J53790" s="1" t="s">
        <v>181009</v>
      </c>
    </row>
    <row r="53791" spans="1:10" x14ac:dyDescent="0.35">
      <c r="A53791" s="1" t="s">
        <v>12084</v>
      </c>
      <c r="B53791" s="1" t="s">
        <v>178864</v>
      </c>
      <c r="C53791" s="1" t="s">
        <v>170</v>
      </c>
      <c r="D53791" s="1" t="s">
        <v>58295</v>
      </c>
      <c r="E53791" s="1" t="s">
        <v>181010</v>
      </c>
      <c r="F53791" s="1" t="s">
        <v>181011</v>
      </c>
      <c r="G53791" s="1" t="s">
        <v>180901</v>
      </c>
      <c r="H53791" s="1" t="s">
        <v>180902</v>
      </c>
      <c r="I53791" s="1" t="s">
        <v>178869</v>
      </c>
      <c r="J53791" s="1" t="s">
        <v>181012</v>
      </c>
    </row>
    <row r="53792" spans="1:10" x14ac:dyDescent="0.35">
      <c r="A53792" s="1" t="s">
        <v>27569</v>
      </c>
      <c r="B53792" s="1" t="s">
        <v>181013</v>
      </c>
      <c r="C53792" s="1" t="s">
        <v>8</v>
      </c>
      <c r="D53792" s="1" t="s">
        <v>17655</v>
      </c>
      <c r="E53792" s="1" t="s">
        <v>181014</v>
      </c>
      <c r="F53792" s="1" t="s">
        <v>181015</v>
      </c>
      <c r="G53792" s="1" t="s">
        <v>181016</v>
      </c>
      <c r="H53792" s="1" t="s">
        <v>181017</v>
      </c>
      <c r="I53792" s="1" t="s">
        <v>181018</v>
      </c>
      <c r="J53792" s="1" t="s">
        <v>13</v>
      </c>
    </row>
    <row r="53793" spans="1:10" x14ac:dyDescent="0.35">
      <c r="A53793" s="1" t="s">
        <v>27569</v>
      </c>
      <c r="B53793" s="1" t="s">
        <v>181013</v>
      </c>
      <c r="C53793" s="1" t="s">
        <v>15</v>
      </c>
      <c r="D53793" s="1" t="s">
        <v>70728</v>
      </c>
      <c r="E53793" s="1" t="s">
        <v>51737</v>
      </c>
      <c r="F53793" s="1" t="s">
        <v>181019</v>
      </c>
      <c r="G53793" s="1" t="s">
        <v>181016</v>
      </c>
      <c r="H53793" s="1" t="s">
        <v>181017</v>
      </c>
      <c r="I53793" s="1" t="s">
        <v>181018</v>
      </c>
      <c r="J53793" s="1" t="s">
        <v>181020</v>
      </c>
    </row>
    <row r="53794" spans="1:10" x14ac:dyDescent="0.35">
      <c r="A53794" s="1" t="s">
        <v>27569</v>
      </c>
      <c r="B53794" s="1" t="s">
        <v>181013</v>
      </c>
      <c r="C53794" s="1" t="s">
        <v>20</v>
      </c>
      <c r="D53794" s="1" t="s">
        <v>181021</v>
      </c>
      <c r="E53794" s="1" t="s">
        <v>181022</v>
      </c>
      <c r="F53794" s="1" t="s">
        <v>181023</v>
      </c>
      <c r="G53794" s="1" t="s">
        <v>181016</v>
      </c>
      <c r="H53794" s="1" t="s">
        <v>181017</v>
      </c>
      <c r="I53794" s="1" t="s">
        <v>181018</v>
      </c>
      <c r="J53794" s="1" t="s">
        <v>181024</v>
      </c>
    </row>
    <row r="53795" spans="1:10" x14ac:dyDescent="0.35">
      <c r="A53795" s="1" t="s">
        <v>27569</v>
      </c>
      <c r="B53795" s="1" t="s">
        <v>181013</v>
      </c>
      <c r="C53795" s="1" t="s">
        <v>25</v>
      </c>
      <c r="D53795" s="1" t="s">
        <v>181025</v>
      </c>
      <c r="E53795" s="1" t="s">
        <v>181026</v>
      </c>
      <c r="F53795" s="1" t="s">
        <v>181027</v>
      </c>
      <c r="G53795" s="1" t="s">
        <v>181016</v>
      </c>
      <c r="H53795" s="1" t="s">
        <v>181017</v>
      </c>
      <c r="I53795" s="1" t="s">
        <v>181018</v>
      </c>
      <c r="J53795" s="1" t="s">
        <v>181028</v>
      </c>
    </row>
    <row r="53796" spans="1:10" x14ac:dyDescent="0.35">
      <c r="A53796" s="1" t="s">
        <v>27569</v>
      </c>
      <c r="B53796" s="1" t="s">
        <v>181013</v>
      </c>
      <c r="C53796" s="1" t="s">
        <v>30</v>
      </c>
      <c r="D53796" s="1" t="s">
        <v>135119</v>
      </c>
      <c r="E53796" s="1" t="s">
        <v>181029</v>
      </c>
      <c r="F53796" s="1" t="s">
        <v>181030</v>
      </c>
      <c r="G53796" s="1" t="s">
        <v>181016</v>
      </c>
      <c r="H53796" s="1" t="s">
        <v>181017</v>
      </c>
      <c r="I53796" s="1" t="s">
        <v>181018</v>
      </c>
      <c r="J53796" s="1" t="s">
        <v>181031</v>
      </c>
    </row>
    <row r="53797" spans="1:10" x14ac:dyDescent="0.35">
      <c r="A53797" s="1" t="s">
        <v>27569</v>
      </c>
      <c r="B53797" s="1" t="s">
        <v>181013</v>
      </c>
      <c r="C53797" s="1" t="s">
        <v>35</v>
      </c>
      <c r="D53797" s="1" t="s">
        <v>177155</v>
      </c>
      <c r="E53797" s="1" t="s">
        <v>181032</v>
      </c>
      <c r="F53797" s="1" t="s">
        <v>181033</v>
      </c>
      <c r="G53797" s="1" t="s">
        <v>181016</v>
      </c>
      <c r="H53797" s="1" t="s">
        <v>181017</v>
      </c>
      <c r="I53797" s="1" t="s">
        <v>181018</v>
      </c>
      <c r="J53797" s="1" t="s">
        <v>181034</v>
      </c>
    </row>
    <row r="53798" spans="1:10" x14ac:dyDescent="0.35">
      <c r="A53798" s="1" t="s">
        <v>27569</v>
      </c>
      <c r="B53798" s="1" t="s">
        <v>181013</v>
      </c>
      <c r="C53798" s="1" t="s">
        <v>40</v>
      </c>
      <c r="D53798" s="1" t="s">
        <v>153706</v>
      </c>
      <c r="E53798" s="1" t="s">
        <v>181035</v>
      </c>
      <c r="F53798" s="1" t="s">
        <v>181036</v>
      </c>
      <c r="G53798" s="1" t="s">
        <v>181016</v>
      </c>
      <c r="H53798" s="1" t="s">
        <v>181017</v>
      </c>
      <c r="I53798" s="1" t="s">
        <v>181018</v>
      </c>
      <c r="J53798" s="1" t="s">
        <v>181037</v>
      </c>
    </row>
    <row r="53799" spans="1:10" x14ac:dyDescent="0.35">
      <c r="A53799" s="1" t="s">
        <v>27569</v>
      </c>
      <c r="B53799" s="1" t="s">
        <v>181013</v>
      </c>
      <c r="C53799" s="1" t="s">
        <v>45</v>
      </c>
      <c r="D53799" s="1" t="s">
        <v>181038</v>
      </c>
      <c r="E53799" s="1" t="s">
        <v>181039</v>
      </c>
      <c r="F53799" s="1" t="s">
        <v>181040</v>
      </c>
      <c r="G53799" s="1" t="s">
        <v>181016</v>
      </c>
      <c r="H53799" s="1" t="s">
        <v>181017</v>
      </c>
      <c r="I53799" s="1" t="s">
        <v>181018</v>
      </c>
      <c r="J53799" s="1" t="s">
        <v>181041</v>
      </c>
    </row>
    <row r="53800" spans="1:10" x14ac:dyDescent="0.35">
      <c r="A53800" s="1" t="s">
        <v>27569</v>
      </c>
      <c r="B53800" s="1" t="s">
        <v>181013</v>
      </c>
      <c r="C53800" s="1" t="s">
        <v>50</v>
      </c>
      <c r="D53800" s="1" t="s">
        <v>148995</v>
      </c>
      <c r="E53800" s="1" t="s">
        <v>181042</v>
      </c>
      <c r="F53800" s="1" t="s">
        <v>181043</v>
      </c>
      <c r="G53800" s="1" t="s">
        <v>181016</v>
      </c>
      <c r="H53800" s="1" t="s">
        <v>181017</v>
      </c>
      <c r="I53800" s="1" t="s">
        <v>181018</v>
      </c>
      <c r="J53800" s="1" t="s">
        <v>181044</v>
      </c>
    </row>
    <row r="53801" spans="1:10" x14ac:dyDescent="0.35">
      <c r="A53801" s="1" t="s">
        <v>27569</v>
      </c>
      <c r="B53801" s="1" t="s">
        <v>181013</v>
      </c>
      <c r="C53801" s="1" t="s">
        <v>55</v>
      </c>
      <c r="D53801" s="1" t="s">
        <v>181045</v>
      </c>
      <c r="E53801" s="1" t="s">
        <v>181046</v>
      </c>
      <c r="F53801" s="1" t="s">
        <v>181047</v>
      </c>
      <c r="G53801" s="1" t="s">
        <v>181016</v>
      </c>
      <c r="H53801" s="1" t="s">
        <v>181017</v>
      </c>
      <c r="I53801" s="1" t="s">
        <v>181018</v>
      </c>
      <c r="J53801" s="1" t="s">
        <v>181048</v>
      </c>
    </row>
    <row r="53802" spans="1:10" x14ac:dyDescent="0.35">
      <c r="A53802" s="1" t="s">
        <v>27569</v>
      </c>
      <c r="B53802" s="1" t="s">
        <v>181013</v>
      </c>
      <c r="C53802" s="1" t="s">
        <v>60</v>
      </c>
      <c r="D53802" s="1" t="s">
        <v>181049</v>
      </c>
      <c r="E53802" s="1" t="s">
        <v>181050</v>
      </c>
      <c r="F53802" s="1" t="s">
        <v>181051</v>
      </c>
      <c r="G53802" s="1" t="s">
        <v>181016</v>
      </c>
      <c r="H53802" s="1" t="s">
        <v>181017</v>
      </c>
      <c r="I53802" s="1" t="s">
        <v>181018</v>
      </c>
      <c r="J53802" s="1" t="s">
        <v>181052</v>
      </c>
    </row>
    <row r="53803" spans="1:10" x14ac:dyDescent="0.35">
      <c r="A53803" s="1" t="s">
        <v>27569</v>
      </c>
      <c r="B53803" s="1" t="s">
        <v>181013</v>
      </c>
      <c r="C53803" s="1" t="s">
        <v>65</v>
      </c>
      <c r="D53803" s="1" t="s">
        <v>83421</v>
      </c>
      <c r="E53803" s="1" t="s">
        <v>181053</v>
      </c>
      <c r="F53803" s="1" t="s">
        <v>181054</v>
      </c>
      <c r="G53803" s="1" t="s">
        <v>181016</v>
      </c>
      <c r="H53803" s="1" t="s">
        <v>181017</v>
      </c>
      <c r="I53803" s="1" t="s">
        <v>181018</v>
      </c>
      <c r="J53803" s="1" t="s">
        <v>181055</v>
      </c>
    </row>
    <row r="53804" spans="1:10" x14ac:dyDescent="0.35">
      <c r="A53804" s="1" t="s">
        <v>27569</v>
      </c>
      <c r="B53804" s="1" t="s">
        <v>181013</v>
      </c>
      <c r="C53804" s="1" t="s">
        <v>70</v>
      </c>
      <c r="D53804" s="1" t="s">
        <v>110951</v>
      </c>
      <c r="E53804" s="1" t="s">
        <v>181056</v>
      </c>
      <c r="F53804" s="1" t="s">
        <v>181057</v>
      </c>
      <c r="G53804" s="1" t="s">
        <v>181016</v>
      </c>
      <c r="H53804" s="1" t="s">
        <v>181017</v>
      </c>
      <c r="I53804" s="1" t="s">
        <v>181018</v>
      </c>
      <c r="J53804" s="1" t="s">
        <v>181058</v>
      </c>
    </row>
    <row r="53805" spans="1:10" x14ac:dyDescent="0.35">
      <c r="A53805" s="1" t="s">
        <v>27569</v>
      </c>
      <c r="B53805" s="1" t="s">
        <v>181013</v>
      </c>
      <c r="C53805" s="1" t="s">
        <v>75</v>
      </c>
      <c r="D53805" s="1" t="s">
        <v>123301</v>
      </c>
      <c r="E53805" s="1" t="s">
        <v>181059</v>
      </c>
      <c r="F53805" s="1" t="s">
        <v>181060</v>
      </c>
      <c r="G53805" s="1" t="s">
        <v>181016</v>
      </c>
      <c r="H53805" s="1" t="s">
        <v>181017</v>
      </c>
      <c r="I53805" s="1" t="s">
        <v>181018</v>
      </c>
      <c r="J53805" s="1" t="s">
        <v>181061</v>
      </c>
    </row>
    <row r="53806" spans="1:10" x14ac:dyDescent="0.35">
      <c r="A53806" s="1" t="s">
        <v>27569</v>
      </c>
      <c r="B53806" s="1" t="s">
        <v>181013</v>
      </c>
      <c r="C53806" s="1" t="s">
        <v>80</v>
      </c>
      <c r="D53806" s="1" t="s">
        <v>104885</v>
      </c>
      <c r="E53806" s="1" t="s">
        <v>181062</v>
      </c>
      <c r="F53806" s="1" t="s">
        <v>181063</v>
      </c>
      <c r="G53806" s="1" t="s">
        <v>181016</v>
      </c>
      <c r="H53806" s="1" t="s">
        <v>181017</v>
      </c>
      <c r="I53806" s="1" t="s">
        <v>181018</v>
      </c>
      <c r="J53806" s="1" t="s">
        <v>181064</v>
      </c>
    </row>
    <row r="53807" spans="1:10" x14ac:dyDescent="0.35">
      <c r="A53807" s="1" t="s">
        <v>27569</v>
      </c>
      <c r="B53807" s="1" t="s">
        <v>181013</v>
      </c>
      <c r="C53807" s="1" t="s">
        <v>85</v>
      </c>
      <c r="D53807" s="1" t="s">
        <v>35998</v>
      </c>
      <c r="E53807" s="1" t="s">
        <v>181065</v>
      </c>
      <c r="F53807" s="1" t="s">
        <v>181066</v>
      </c>
      <c r="G53807" s="1" t="s">
        <v>181016</v>
      </c>
      <c r="H53807" s="1" t="s">
        <v>181017</v>
      </c>
      <c r="I53807" s="1" t="s">
        <v>181018</v>
      </c>
      <c r="J53807" s="1" t="s">
        <v>181067</v>
      </c>
    </row>
    <row r="53808" spans="1:10" x14ac:dyDescent="0.35">
      <c r="A53808" s="1" t="s">
        <v>27569</v>
      </c>
      <c r="B53808" s="1" t="s">
        <v>181013</v>
      </c>
      <c r="C53808" s="1" t="s">
        <v>90</v>
      </c>
      <c r="D53808" s="1" t="s">
        <v>177961</v>
      </c>
      <c r="E53808" s="1" t="s">
        <v>181068</v>
      </c>
      <c r="F53808" s="1" t="s">
        <v>181069</v>
      </c>
      <c r="G53808" s="1" t="s">
        <v>181016</v>
      </c>
      <c r="H53808" s="1" t="s">
        <v>181017</v>
      </c>
      <c r="I53808" s="1" t="s">
        <v>181018</v>
      </c>
      <c r="J53808" s="1" t="s">
        <v>181070</v>
      </c>
    </row>
    <row r="53809" spans="1:10" x14ac:dyDescent="0.35">
      <c r="A53809" s="1" t="s">
        <v>27569</v>
      </c>
      <c r="B53809" s="1" t="s">
        <v>181013</v>
      </c>
      <c r="C53809" s="1" t="s">
        <v>95</v>
      </c>
      <c r="D53809" s="1" t="s">
        <v>181071</v>
      </c>
      <c r="E53809" s="1" t="s">
        <v>181072</v>
      </c>
      <c r="F53809" s="1" t="s">
        <v>181073</v>
      </c>
      <c r="G53809" s="1" t="s">
        <v>181016</v>
      </c>
      <c r="H53809" s="1" t="s">
        <v>181017</v>
      </c>
      <c r="I53809" s="1" t="s">
        <v>181018</v>
      </c>
      <c r="J53809" s="1" t="s">
        <v>181074</v>
      </c>
    </row>
    <row r="53810" spans="1:10" x14ac:dyDescent="0.35">
      <c r="A53810" s="1" t="s">
        <v>27569</v>
      </c>
      <c r="B53810" s="1" t="s">
        <v>181013</v>
      </c>
      <c r="C53810" s="1" t="s">
        <v>100</v>
      </c>
      <c r="D53810" s="1" t="s">
        <v>177666</v>
      </c>
      <c r="E53810" s="1" t="s">
        <v>181075</v>
      </c>
      <c r="F53810" s="1" t="s">
        <v>181076</v>
      </c>
      <c r="G53810" s="1" t="s">
        <v>181016</v>
      </c>
      <c r="H53810" s="1" t="s">
        <v>181017</v>
      </c>
      <c r="I53810" s="1" t="s">
        <v>181018</v>
      </c>
      <c r="J53810" s="1" t="s">
        <v>181077</v>
      </c>
    </row>
    <row r="53811" spans="1:10" x14ac:dyDescent="0.35">
      <c r="A53811" s="1" t="s">
        <v>27569</v>
      </c>
      <c r="B53811" s="1" t="s">
        <v>181013</v>
      </c>
      <c r="C53811" s="1" t="s">
        <v>105</v>
      </c>
      <c r="D53811" s="1" t="s">
        <v>181078</v>
      </c>
      <c r="E53811" s="1" t="s">
        <v>181079</v>
      </c>
      <c r="F53811" s="1" t="s">
        <v>181080</v>
      </c>
      <c r="G53811" s="1" t="s">
        <v>181016</v>
      </c>
      <c r="H53811" s="1" t="s">
        <v>181017</v>
      </c>
      <c r="I53811" s="1" t="s">
        <v>181018</v>
      </c>
      <c r="J53811" s="1" t="s">
        <v>181081</v>
      </c>
    </row>
    <row r="53812" spans="1:10" x14ac:dyDescent="0.35">
      <c r="A53812" s="1" t="s">
        <v>27569</v>
      </c>
      <c r="B53812" s="1" t="s">
        <v>181013</v>
      </c>
      <c r="C53812" s="1" t="s">
        <v>110</v>
      </c>
      <c r="D53812" s="1" t="s">
        <v>142012</v>
      </c>
      <c r="E53812" s="1" t="s">
        <v>181082</v>
      </c>
      <c r="F53812" s="1" t="s">
        <v>181083</v>
      </c>
      <c r="G53812" s="1" t="s">
        <v>181016</v>
      </c>
      <c r="H53812" s="1" t="s">
        <v>181017</v>
      </c>
      <c r="I53812" s="1" t="s">
        <v>181018</v>
      </c>
      <c r="J53812" s="1" t="s">
        <v>181084</v>
      </c>
    </row>
    <row r="53813" spans="1:10" x14ac:dyDescent="0.35">
      <c r="A53813" s="1" t="s">
        <v>27569</v>
      </c>
      <c r="B53813" s="1" t="s">
        <v>181013</v>
      </c>
      <c r="C53813" s="1" t="s">
        <v>115</v>
      </c>
      <c r="D53813" s="1" t="s">
        <v>181085</v>
      </c>
      <c r="E53813" s="1" t="s">
        <v>181086</v>
      </c>
      <c r="F53813" s="1" t="s">
        <v>181087</v>
      </c>
      <c r="G53813" s="1" t="s">
        <v>181016</v>
      </c>
      <c r="H53813" s="1" t="s">
        <v>181017</v>
      </c>
      <c r="I53813" s="1" t="s">
        <v>181018</v>
      </c>
      <c r="J53813" s="1" t="s">
        <v>181088</v>
      </c>
    </row>
    <row r="53814" spans="1:10" x14ac:dyDescent="0.35">
      <c r="A53814" s="1" t="s">
        <v>27569</v>
      </c>
      <c r="B53814" s="1" t="s">
        <v>181013</v>
      </c>
      <c r="C53814" s="1" t="s">
        <v>120</v>
      </c>
      <c r="D53814" s="1" t="s">
        <v>181089</v>
      </c>
      <c r="E53814" s="1" t="s">
        <v>181090</v>
      </c>
      <c r="F53814" s="1" t="s">
        <v>181091</v>
      </c>
      <c r="G53814" s="1" t="s">
        <v>181016</v>
      </c>
      <c r="H53814" s="1" t="s">
        <v>181017</v>
      </c>
      <c r="I53814" s="1" t="s">
        <v>181018</v>
      </c>
      <c r="J53814" s="1" t="s">
        <v>181092</v>
      </c>
    </row>
    <row r="53815" spans="1:10" x14ac:dyDescent="0.35">
      <c r="A53815" s="1" t="s">
        <v>27569</v>
      </c>
      <c r="B53815" s="1" t="s">
        <v>181013</v>
      </c>
      <c r="C53815" s="1" t="s">
        <v>125</v>
      </c>
      <c r="D53815" s="1" t="s">
        <v>160024</v>
      </c>
      <c r="E53815" s="1" t="s">
        <v>181093</v>
      </c>
      <c r="F53815" s="1" t="s">
        <v>181094</v>
      </c>
      <c r="G53815" s="1" t="s">
        <v>181016</v>
      </c>
      <c r="H53815" s="1" t="s">
        <v>181017</v>
      </c>
      <c r="I53815" s="1" t="s">
        <v>181018</v>
      </c>
      <c r="J53815" s="1" t="s">
        <v>181095</v>
      </c>
    </row>
    <row r="53816" spans="1:10" x14ac:dyDescent="0.35">
      <c r="A53816" s="1" t="s">
        <v>27569</v>
      </c>
      <c r="B53816" s="1" t="s">
        <v>181013</v>
      </c>
      <c r="C53816" s="1" t="s">
        <v>130</v>
      </c>
      <c r="D53816" s="1" t="s">
        <v>47998</v>
      </c>
      <c r="E53816" s="1" t="s">
        <v>181096</v>
      </c>
      <c r="F53816" s="1" t="s">
        <v>181097</v>
      </c>
      <c r="G53816" s="1" t="s">
        <v>181016</v>
      </c>
      <c r="H53816" s="1" t="s">
        <v>181017</v>
      </c>
      <c r="I53816" s="1" t="s">
        <v>181018</v>
      </c>
      <c r="J53816" s="1" t="s">
        <v>181098</v>
      </c>
    </row>
    <row r="53817" spans="1:10" x14ac:dyDescent="0.35">
      <c r="A53817" s="1" t="s">
        <v>27569</v>
      </c>
      <c r="B53817" s="1" t="s">
        <v>181013</v>
      </c>
      <c r="C53817" s="1" t="s">
        <v>135</v>
      </c>
      <c r="D53817" s="1" t="s">
        <v>47623</v>
      </c>
      <c r="E53817" s="1" t="s">
        <v>181099</v>
      </c>
      <c r="F53817" s="1" t="s">
        <v>181100</v>
      </c>
      <c r="G53817" s="1" t="s">
        <v>181016</v>
      </c>
      <c r="H53817" s="1" t="s">
        <v>181017</v>
      </c>
      <c r="I53817" s="1" t="s">
        <v>181018</v>
      </c>
      <c r="J53817" s="1" t="s">
        <v>181101</v>
      </c>
    </row>
    <row r="53818" spans="1:10" x14ac:dyDescent="0.35">
      <c r="A53818" s="1" t="s">
        <v>27569</v>
      </c>
      <c r="B53818" s="1" t="s">
        <v>181013</v>
      </c>
      <c r="C53818" s="1" t="s">
        <v>140</v>
      </c>
      <c r="D53818" s="1" t="s">
        <v>48006</v>
      </c>
      <c r="E53818" s="1" t="s">
        <v>181102</v>
      </c>
      <c r="F53818" s="1" t="s">
        <v>181103</v>
      </c>
      <c r="G53818" s="1" t="s">
        <v>181016</v>
      </c>
      <c r="H53818" s="1" t="s">
        <v>181017</v>
      </c>
      <c r="I53818" s="1" t="s">
        <v>181018</v>
      </c>
      <c r="J53818" s="1" t="s">
        <v>181104</v>
      </c>
    </row>
    <row r="53819" spans="1:10" x14ac:dyDescent="0.35">
      <c r="A53819" s="1" t="s">
        <v>27569</v>
      </c>
      <c r="B53819" s="1" t="s">
        <v>181013</v>
      </c>
      <c r="C53819" s="1" t="s">
        <v>145</v>
      </c>
      <c r="D53819" s="1" t="s">
        <v>147853</v>
      </c>
      <c r="E53819" s="1" t="s">
        <v>181105</v>
      </c>
      <c r="F53819" s="1" t="s">
        <v>181106</v>
      </c>
      <c r="G53819" s="1" t="s">
        <v>181016</v>
      </c>
      <c r="H53819" s="1" t="s">
        <v>181017</v>
      </c>
      <c r="I53819" s="1" t="s">
        <v>181018</v>
      </c>
      <c r="J53819" s="1" t="s">
        <v>181107</v>
      </c>
    </row>
    <row r="53820" spans="1:10" x14ac:dyDescent="0.35">
      <c r="A53820" s="1" t="s">
        <v>27569</v>
      </c>
      <c r="B53820" s="1" t="s">
        <v>181013</v>
      </c>
      <c r="C53820" s="1" t="s">
        <v>150</v>
      </c>
      <c r="D53820" s="1" t="s">
        <v>33892</v>
      </c>
      <c r="E53820" s="1" t="s">
        <v>181108</v>
      </c>
      <c r="F53820" s="1" t="s">
        <v>181109</v>
      </c>
      <c r="G53820" s="1" t="s">
        <v>181016</v>
      </c>
      <c r="H53820" s="1" t="s">
        <v>181017</v>
      </c>
      <c r="I53820" s="1" t="s">
        <v>181018</v>
      </c>
      <c r="J53820" s="1" t="s">
        <v>181110</v>
      </c>
    </row>
    <row r="53821" spans="1:10" x14ac:dyDescent="0.35">
      <c r="A53821" s="1" t="s">
        <v>27569</v>
      </c>
      <c r="B53821" s="1" t="s">
        <v>181013</v>
      </c>
      <c r="C53821" s="1" t="s">
        <v>155</v>
      </c>
      <c r="D53821" s="1" t="s">
        <v>181111</v>
      </c>
      <c r="E53821" s="1" t="s">
        <v>181112</v>
      </c>
      <c r="F53821" s="1" t="s">
        <v>181113</v>
      </c>
      <c r="G53821" s="1" t="s">
        <v>181016</v>
      </c>
      <c r="H53821" s="1" t="s">
        <v>181017</v>
      </c>
      <c r="I53821" s="1" t="s">
        <v>181018</v>
      </c>
      <c r="J53821" s="1" t="s">
        <v>181114</v>
      </c>
    </row>
    <row r="53822" spans="1:10" x14ac:dyDescent="0.35">
      <c r="A53822" s="1" t="s">
        <v>27569</v>
      </c>
      <c r="B53822" s="1" t="s">
        <v>181013</v>
      </c>
      <c r="C53822" s="1" t="s">
        <v>160</v>
      </c>
      <c r="D53822" s="1" t="s">
        <v>181115</v>
      </c>
      <c r="E53822" s="1" t="s">
        <v>181116</v>
      </c>
      <c r="F53822" s="1" t="s">
        <v>181117</v>
      </c>
      <c r="G53822" s="1" t="s">
        <v>181016</v>
      </c>
      <c r="H53822" s="1" t="s">
        <v>181017</v>
      </c>
      <c r="I53822" s="1" t="s">
        <v>181018</v>
      </c>
      <c r="J53822" s="1" t="s">
        <v>181118</v>
      </c>
    </row>
    <row r="53823" spans="1:10" x14ac:dyDescent="0.35">
      <c r="A53823" s="1" t="s">
        <v>27569</v>
      </c>
      <c r="B53823" s="1" t="s">
        <v>181013</v>
      </c>
      <c r="C53823" s="1" t="s">
        <v>165</v>
      </c>
      <c r="D53823" s="1" t="s">
        <v>141306</v>
      </c>
      <c r="E53823" s="1" t="s">
        <v>181119</v>
      </c>
      <c r="F53823" s="1" t="s">
        <v>181120</v>
      </c>
      <c r="G53823" s="1" t="s">
        <v>181016</v>
      </c>
      <c r="H53823" s="1" t="s">
        <v>181017</v>
      </c>
      <c r="I53823" s="1" t="s">
        <v>181018</v>
      </c>
      <c r="J53823" s="1" t="s">
        <v>181121</v>
      </c>
    </row>
    <row r="53824" spans="1:10" x14ac:dyDescent="0.35">
      <c r="A53824" s="1" t="s">
        <v>27569</v>
      </c>
      <c r="B53824" s="1" t="s">
        <v>181013</v>
      </c>
      <c r="C53824" s="1" t="s">
        <v>170</v>
      </c>
      <c r="D53824" s="1" t="s">
        <v>159935</v>
      </c>
      <c r="E53824" s="1" t="s">
        <v>181122</v>
      </c>
      <c r="F53824" s="1" t="s">
        <v>181123</v>
      </c>
      <c r="G53824" s="1" t="s">
        <v>181016</v>
      </c>
      <c r="H53824" s="1" t="s">
        <v>181017</v>
      </c>
      <c r="I53824" s="1" t="s">
        <v>181018</v>
      </c>
      <c r="J53824" s="1" t="s">
        <v>181124</v>
      </c>
    </row>
    <row r="53825" spans="1:10" x14ac:dyDescent="0.35">
      <c r="A53825" s="1" t="s">
        <v>28412</v>
      </c>
      <c r="B53825" s="1" t="s">
        <v>181013</v>
      </c>
      <c r="C53825" s="1" t="s">
        <v>8</v>
      </c>
      <c r="D53825" s="1" t="s">
        <v>48077</v>
      </c>
      <c r="E53825" s="1" t="s">
        <v>181125</v>
      </c>
      <c r="F53825" s="1" t="s">
        <v>181126</v>
      </c>
      <c r="G53825" s="1" t="s">
        <v>181127</v>
      </c>
      <c r="H53825" s="1" t="s">
        <v>181128</v>
      </c>
      <c r="I53825" s="1" t="s">
        <v>181018</v>
      </c>
      <c r="J53825" s="1" t="s">
        <v>13</v>
      </c>
    </row>
    <row r="53826" spans="1:10" x14ac:dyDescent="0.35">
      <c r="A53826" s="1" t="s">
        <v>28412</v>
      </c>
      <c r="B53826" s="1" t="s">
        <v>181013</v>
      </c>
      <c r="C53826" s="1" t="s">
        <v>15</v>
      </c>
      <c r="D53826" s="1" t="s">
        <v>35446</v>
      </c>
      <c r="E53826" s="1" t="s">
        <v>181129</v>
      </c>
      <c r="F53826" s="1" t="s">
        <v>181130</v>
      </c>
      <c r="G53826" s="1" t="s">
        <v>181127</v>
      </c>
      <c r="H53826" s="1" t="s">
        <v>181128</v>
      </c>
      <c r="I53826" s="1" t="s">
        <v>181018</v>
      </c>
      <c r="J53826" s="1" t="s">
        <v>181131</v>
      </c>
    </row>
    <row r="53827" spans="1:10" x14ac:dyDescent="0.35">
      <c r="A53827" s="1" t="s">
        <v>28412</v>
      </c>
      <c r="B53827" s="1" t="s">
        <v>181013</v>
      </c>
      <c r="C53827" s="1" t="s">
        <v>20</v>
      </c>
      <c r="D53827" s="1" t="s">
        <v>3112</v>
      </c>
      <c r="E53827" s="1" t="s">
        <v>181132</v>
      </c>
      <c r="F53827" s="1" t="s">
        <v>181133</v>
      </c>
      <c r="G53827" s="1" t="s">
        <v>181127</v>
      </c>
      <c r="H53827" s="1" t="s">
        <v>181128</v>
      </c>
      <c r="I53827" s="1" t="s">
        <v>181018</v>
      </c>
      <c r="J53827" s="1" t="s">
        <v>181134</v>
      </c>
    </row>
    <row r="53828" spans="1:10" x14ac:dyDescent="0.35">
      <c r="A53828" s="1" t="s">
        <v>28412</v>
      </c>
      <c r="B53828" s="1" t="s">
        <v>181013</v>
      </c>
      <c r="C53828" s="1" t="s">
        <v>25</v>
      </c>
      <c r="D53828" s="1" t="s">
        <v>181135</v>
      </c>
      <c r="E53828" s="1" t="s">
        <v>181136</v>
      </c>
      <c r="F53828" s="1" t="s">
        <v>181137</v>
      </c>
      <c r="G53828" s="1" t="s">
        <v>181127</v>
      </c>
      <c r="H53828" s="1" t="s">
        <v>181128</v>
      </c>
      <c r="I53828" s="1" t="s">
        <v>181018</v>
      </c>
      <c r="J53828" s="1" t="s">
        <v>181138</v>
      </c>
    </row>
    <row r="53829" spans="1:10" x14ac:dyDescent="0.35">
      <c r="A53829" s="1" t="s">
        <v>28412</v>
      </c>
      <c r="B53829" s="1" t="s">
        <v>181013</v>
      </c>
      <c r="C53829" s="1" t="s">
        <v>30</v>
      </c>
      <c r="D53829" s="1" t="s">
        <v>14829</v>
      </c>
      <c r="E53829" s="1" t="s">
        <v>181139</v>
      </c>
      <c r="F53829" s="1" t="s">
        <v>181140</v>
      </c>
      <c r="G53829" s="1" t="s">
        <v>181127</v>
      </c>
      <c r="H53829" s="1" t="s">
        <v>181128</v>
      </c>
      <c r="I53829" s="1" t="s">
        <v>181018</v>
      </c>
      <c r="J53829" s="1" t="s">
        <v>181141</v>
      </c>
    </row>
    <row r="53830" spans="1:10" x14ac:dyDescent="0.35">
      <c r="A53830" s="1" t="s">
        <v>28412</v>
      </c>
      <c r="B53830" s="1" t="s">
        <v>181013</v>
      </c>
      <c r="C53830" s="1" t="s">
        <v>35</v>
      </c>
      <c r="D53830" s="1" t="s">
        <v>38350</v>
      </c>
      <c r="E53830" s="1" t="s">
        <v>181142</v>
      </c>
      <c r="F53830" s="1" t="s">
        <v>181143</v>
      </c>
      <c r="G53830" s="1" t="s">
        <v>181127</v>
      </c>
      <c r="H53830" s="1" t="s">
        <v>181128</v>
      </c>
      <c r="I53830" s="1" t="s">
        <v>181018</v>
      </c>
      <c r="J53830" s="1" t="s">
        <v>181144</v>
      </c>
    </row>
    <row r="53831" spans="1:10" x14ac:dyDescent="0.35">
      <c r="A53831" s="1" t="s">
        <v>28412</v>
      </c>
      <c r="B53831" s="1" t="s">
        <v>181013</v>
      </c>
      <c r="C53831" s="1" t="s">
        <v>40</v>
      </c>
      <c r="D53831" s="1" t="s">
        <v>44955</v>
      </c>
      <c r="E53831" s="1" t="s">
        <v>181145</v>
      </c>
      <c r="F53831" s="1" t="s">
        <v>181146</v>
      </c>
      <c r="G53831" s="1" t="s">
        <v>181127</v>
      </c>
      <c r="H53831" s="1" t="s">
        <v>181128</v>
      </c>
      <c r="I53831" s="1" t="s">
        <v>181018</v>
      </c>
      <c r="J53831" s="1" t="s">
        <v>181147</v>
      </c>
    </row>
    <row r="53832" spans="1:10" x14ac:dyDescent="0.35">
      <c r="A53832" s="1" t="s">
        <v>28412</v>
      </c>
      <c r="B53832" s="1" t="s">
        <v>181013</v>
      </c>
      <c r="C53832" s="1" t="s">
        <v>45</v>
      </c>
      <c r="D53832" s="1" t="s">
        <v>16188</v>
      </c>
      <c r="E53832" s="1" t="s">
        <v>181148</v>
      </c>
      <c r="F53832" s="1" t="s">
        <v>181149</v>
      </c>
      <c r="G53832" s="1" t="s">
        <v>181127</v>
      </c>
      <c r="H53832" s="1" t="s">
        <v>181128</v>
      </c>
      <c r="I53832" s="1" t="s">
        <v>181018</v>
      </c>
      <c r="J53832" s="1" t="s">
        <v>181150</v>
      </c>
    </row>
    <row r="53833" spans="1:10" x14ac:dyDescent="0.35">
      <c r="A53833" s="1" t="s">
        <v>28412</v>
      </c>
      <c r="B53833" s="1" t="s">
        <v>181013</v>
      </c>
      <c r="C53833" s="1" t="s">
        <v>50</v>
      </c>
      <c r="D53833" s="1" t="s">
        <v>124252</v>
      </c>
      <c r="E53833" s="1" t="s">
        <v>181151</v>
      </c>
      <c r="F53833" s="1" t="s">
        <v>181152</v>
      </c>
      <c r="G53833" s="1" t="s">
        <v>181127</v>
      </c>
      <c r="H53833" s="1" t="s">
        <v>181128</v>
      </c>
      <c r="I53833" s="1" t="s">
        <v>181018</v>
      </c>
      <c r="J53833" s="1" t="s">
        <v>181153</v>
      </c>
    </row>
    <row r="53834" spans="1:10" x14ac:dyDescent="0.35">
      <c r="A53834" s="1" t="s">
        <v>28412</v>
      </c>
      <c r="B53834" s="1" t="s">
        <v>181013</v>
      </c>
      <c r="C53834" s="1" t="s">
        <v>55</v>
      </c>
      <c r="D53834" s="1" t="s">
        <v>74149</v>
      </c>
      <c r="E53834" s="1" t="s">
        <v>181154</v>
      </c>
      <c r="F53834" s="1" t="s">
        <v>181155</v>
      </c>
      <c r="G53834" s="1" t="s">
        <v>181127</v>
      </c>
      <c r="H53834" s="1" t="s">
        <v>181128</v>
      </c>
      <c r="I53834" s="1" t="s">
        <v>181018</v>
      </c>
      <c r="J53834" s="1" t="s">
        <v>181156</v>
      </c>
    </row>
    <row r="53835" spans="1:10" x14ac:dyDescent="0.35">
      <c r="A53835" s="1" t="s">
        <v>28412</v>
      </c>
      <c r="B53835" s="1" t="s">
        <v>181013</v>
      </c>
      <c r="C53835" s="1" t="s">
        <v>60</v>
      </c>
      <c r="D53835" s="1" t="s">
        <v>140972</v>
      </c>
      <c r="E53835" s="1" t="s">
        <v>181157</v>
      </c>
      <c r="F53835" s="1" t="s">
        <v>181158</v>
      </c>
      <c r="G53835" s="1" t="s">
        <v>181127</v>
      </c>
      <c r="H53835" s="1" t="s">
        <v>181128</v>
      </c>
      <c r="I53835" s="1" t="s">
        <v>181018</v>
      </c>
      <c r="J53835" s="1" t="s">
        <v>181159</v>
      </c>
    </row>
    <row r="53836" spans="1:10" x14ac:dyDescent="0.35">
      <c r="A53836" s="1" t="s">
        <v>28412</v>
      </c>
      <c r="B53836" s="1" t="s">
        <v>181013</v>
      </c>
      <c r="C53836" s="1" t="s">
        <v>65</v>
      </c>
      <c r="D53836" s="1" t="s">
        <v>38248</v>
      </c>
      <c r="E53836" s="1" t="s">
        <v>181160</v>
      </c>
      <c r="F53836" s="1" t="s">
        <v>181161</v>
      </c>
      <c r="G53836" s="1" t="s">
        <v>181127</v>
      </c>
      <c r="H53836" s="1" t="s">
        <v>181128</v>
      </c>
      <c r="I53836" s="1" t="s">
        <v>181018</v>
      </c>
      <c r="J53836" s="1" t="s">
        <v>181162</v>
      </c>
    </row>
    <row r="53837" spans="1:10" x14ac:dyDescent="0.35">
      <c r="A53837" s="1" t="s">
        <v>28412</v>
      </c>
      <c r="B53837" s="1" t="s">
        <v>181013</v>
      </c>
      <c r="C53837" s="1" t="s">
        <v>70</v>
      </c>
      <c r="D53837" s="1" t="s">
        <v>42532</v>
      </c>
      <c r="E53837" s="1" t="s">
        <v>181163</v>
      </c>
      <c r="F53837" s="1" t="s">
        <v>181164</v>
      </c>
      <c r="G53837" s="1" t="s">
        <v>181127</v>
      </c>
      <c r="H53837" s="1" t="s">
        <v>181128</v>
      </c>
      <c r="I53837" s="1" t="s">
        <v>181018</v>
      </c>
      <c r="J53837" s="1" t="s">
        <v>181165</v>
      </c>
    </row>
    <row r="53838" spans="1:10" x14ac:dyDescent="0.35">
      <c r="A53838" s="1" t="s">
        <v>28412</v>
      </c>
      <c r="B53838" s="1" t="s">
        <v>181013</v>
      </c>
      <c r="C53838" s="1" t="s">
        <v>75</v>
      </c>
      <c r="D53838" s="1" t="s">
        <v>173685</v>
      </c>
      <c r="E53838" s="1" t="s">
        <v>181166</v>
      </c>
      <c r="F53838" s="1" t="s">
        <v>181167</v>
      </c>
      <c r="G53838" s="1" t="s">
        <v>181127</v>
      </c>
      <c r="H53838" s="1" t="s">
        <v>181128</v>
      </c>
      <c r="I53838" s="1" t="s">
        <v>181018</v>
      </c>
      <c r="J53838" s="1" t="s">
        <v>181168</v>
      </c>
    </row>
    <row r="53839" spans="1:10" x14ac:dyDescent="0.35">
      <c r="A53839" s="1" t="s">
        <v>28412</v>
      </c>
      <c r="B53839" s="1" t="s">
        <v>181013</v>
      </c>
      <c r="C53839" s="1" t="s">
        <v>80</v>
      </c>
      <c r="D53839" s="1" t="s">
        <v>153683</v>
      </c>
      <c r="E53839" s="1" t="s">
        <v>181169</v>
      </c>
      <c r="F53839" s="1" t="s">
        <v>181170</v>
      </c>
      <c r="G53839" s="1" t="s">
        <v>181127</v>
      </c>
      <c r="H53839" s="1" t="s">
        <v>181128</v>
      </c>
      <c r="I53839" s="1" t="s">
        <v>181018</v>
      </c>
      <c r="J53839" s="1" t="s">
        <v>181171</v>
      </c>
    </row>
    <row r="53840" spans="1:10" x14ac:dyDescent="0.35">
      <c r="A53840" s="1" t="s">
        <v>28412</v>
      </c>
      <c r="B53840" s="1" t="s">
        <v>181013</v>
      </c>
      <c r="C53840" s="1" t="s">
        <v>85</v>
      </c>
      <c r="D53840" s="1" t="s">
        <v>181172</v>
      </c>
      <c r="E53840" s="1" t="s">
        <v>181173</v>
      </c>
      <c r="F53840" s="1" t="s">
        <v>181174</v>
      </c>
      <c r="G53840" s="1" t="s">
        <v>181127</v>
      </c>
      <c r="H53840" s="1" t="s">
        <v>181128</v>
      </c>
      <c r="I53840" s="1" t="s">
        <v>181018</v>
      </c>
      <c r="J53840" s="1" t="s">
        <v>181175</v>
      </c>
    </row>
    <row r="53841" spans="1:10" x14ac:dyDescent="0.35">
      <c r="A53841" s="1" t="s">
        <v>28412</v>
      </c>
      <c r="B53841" s="1" t="s">
        <v>181013</v>
      </c>
      <c r="C53841" s="1" t="s">
        <v>90</v>
      </c>
      <c r="D53841" s="1" t="s">
        <v>181176</v>
      </c>
      <c r="E53841" s="1" t="s">
        <v>181177</v>
      </c>
      <c r="F53841" s="1" t="s">
        <v>181178</v>
      </c>
      <c r="G53841" s="1" t="s">
        <v>181127</v>
      </c>
      <c r="H53841" s="1" t="s">
        <v>181128</v>
      </c>
      <c r="I53841" s="1" t="s">
        <v>181018</v>
      </c>
      <c r="J53841" s="1" t="s">
        <v>181179</v>
      </c>
    </row>
    <row r="53842" spans="1:10" x14ac:dyDescent="0.35">
      <c r="A53842" s="1" t="s">
        <v>28412</v>
      </c>
      <c r="B53842" s="1" t="s">
        <v>181013</v>
      </c>
      <c r="C53842" s="1" t="s">
        <v>95</v>
      </c>
      <c r="D53842" s="1" t="s">
        <v>15523</v>
      </c>
      <c r="E53842" s="1" t="s">
        <v>181180</v>
      </c>
      <c r="F53842" s="1" t="s">
        <v>181181</v>
      </c>
      <c r="G53842" s="1" t="s">
        <v>181127</v>
      </c>
      <c r="H53842" s="1" t="s">
        <v>181128</v>
      </c>
      <c r="I53842" s="1" t="s">
        <v>181018</v>
      </c>
      <c r="J53842" s="1" t="s">
        <v>181182</v>
      </c>
    </row>
    <row r="53843" spans="1:10" x14ac:dyDescent="0.35">
      <c r="A53843" s="1" t="s">
        <v>28412</v>
      </c>
      <c r="B53843" s="1" t="s">
        <v>181013</v>
      </c>
      <c r="C53843" s="1" t="s">
        <v>100</v>
      </c>
      <c r="D53843" s="1" t="s">
        <v>135131</v>
      </c>
      <c r="E53843" s="1" t="s">
        <v>181183</v>
      </c>
      <c r="F53843" s="1" t="s">
        <v>181184</v>
      </c>
      <c r="G53843" s="1" t="s">
        <v>181127</v>
      </c>
      <c r="H53843" s="1" t="s">
        <v>181128</v>
      </c>
      <c r="I53843" s="1" t="s">
        <v>181018</v>
      </c>
      <c r="J53843" s="1" t="s">
        <v>181185</v>
      </c>
    </row>
    <row r="53844" spans="1:10" x14ac:dyDescent="0.35">
      <c r="A53844" s="1" t="s">
        <v>28412</v>
      </c>
      <c r="B53844" s="1" t="s">
        <v>181013</v>
      </c>
      <c r="C53844" s="1" t="s">
        <v>105</v>
      </c>
      <c r="D53844" s="1" t="s">
        <v>181186</v>
      </c>
      <c r="E53844" s="1" t="s">
        <v>181187</v>
      </c>
      <c r="F53844" s="1" t="s">
        <v>181188</v>
      </c>
      <c r="G53844" s="1" t="s">
        <v>181127</v>
      </c>
      <c r="H53844" s="1" t="s">
        <v>181128</v>
      </c>
      <c r="I53844" s="1" t="s">
        <v>181018</v>
      </c>
      <c r="J53844" s="1" t="s">
        <v>181189</v>
      </c>
    </row>
    <row r="53845" spans="1:10" x14ac:dyDescent="0.35">
      <c r="A53845" s="1" t="s">
        <v>28412</v>
      </c>
      <c r="B53845" s="1" t="s">
        <v>181013</v>
      </c>
      <c r="C53845" s="1" t="s">
        <v>110</v>
      </c>
      <c r="D53845" s="1" t="s">
        <v>31559</v>
      </c>
      <c r="E53845" s="1" t="s">
        <v>181190</v>
      </c>
      <c r="F53845" s="1" t="s">
        <v>181191</v>
      </c>
      <c r="G53845" s="1" t="s">
        <v>181127</v>
      </c>
      <c r="H53845" s="1" t="s">
        <v>181128</v>
      </c>
      <c r="I53845" s="1" t="s">
        <v>181018</v>
      </c>
      <c r="J53845" s="1" t="s">
        <v>181192</v>
      </c>
    </row>
    <row r="53846" spans="1:10" x14ac:dyDescent="0.35">
      <c r="A53846" s="1" t="s">
        <v>28412</v>
      </c>
      <c r="B53846" s="1" t="s">
        <v>181013</v>
      </c>
      <c r="C53846" s="1" t="s">
        <v>115</v>
      </c>
      <c r="D53846" s="1" t="s">
        <v>150350</v>
      </c>
      <c r="E53846" s="1" t="s">
        <v>181193</v>
      </c>
      <c r="F53846" s="1" t="s">
        <v>181194</v>
      </c>
      <c r="G53846" s="1" t="s">
        <v>181127</v>
      </c>
      <c r="H53846" s="1" t="s">
        <v>181128</v>
      </c>
      <c r="I53846" s="1" t="s">
        <v>181018</v>
      </c>
      <c r="J53846" s="1" t="s">
        <v>181195</v>
      </c>
    </row>
    <row r="53847" spans="1:10" x14ac:dyDescent="0.35">
      <c r="A53847" s="1" t="s">
        <v>28412</v>
      </c>
      <c r="B53847" s="1" t="s">
        <v>181013</v>
      </c>
      <c r="C53847" s="1" t="s">
        <v>120</v>
      </c>
      <c r="D53847" s="1" t="s">
        <v>181196</v>
      </c>
      <c r="E53847" s="1" t="s">
        <v>181197</v>
      </c>
      <c r="F53847" s="1" t="s">
        <v>181198</v>
      </c>
      <c r="G53847" s="1" t="s">
        <v>181127</v>
      </c>
      <c r="H53847" s="1" t="s">
        <v>181128</v>
      </c>
      <c r="I53847" s="1" t="s">
        <v>181018</v>
      </c>
      <c r="J53847" s="1" t="s">
        <v>181199</v>
      </c>
    </row>
    <row r="53848" spans="1:10" x14ac:dyDescent="0.35">
      <c r="A53848" s="1" t="s">
        <v>28412</v>
      </c>
      <c r="B53848" s="1" t="s">
        <v>181013</v>
      </c>
      <c r="C53848" s="1" t="s">
        <v>125</v>
      </c>
      <c r="D53848" s="1" t="s">
        <v>181200</v>
      </c>
      <c r="E53848" s="1" t="s">
        <v>181201</v>
      </c>
      <c r="F53848" s="1" t="s">
        <v>181202</v>
      </c>
      <c r="G53848" s="1" t="s">
        <v>181127</v>
      </c>
      <c r="H53848" s="1" t="s">
        <v>181128</v>
      </c>
      <c r="I53848" s="1" t="s">
        <v>181018</v>
      </c>
      <c r="J53848" s="1" t="s">
        <v>181203</v>
      </c>
    </row>
    <row r="53849" spans="1:10" x14ac:dyDescent="0.35">
      <c r="A53849" s="1" t="s">
        <v>28412</v>
      </c>
      <c r="B53849" s="1" t="s">
        <v>181013</v>
      </c>
      <c r="C53849" s="1" t="s">
        <v>130</v>
      </c>
      <c r="D53849" s="1" t="s">
        <v>174158</v>
      </c>
      <c r="E53849" s="1" t="s">
        <v>181204</v>
      </c>
      <c r="F53849" s="1" t="s">
        <v>181205</v>
      </c>
      <c r="G53849" s="1" t="s">
        <v>181127</v>
      </c>
      <c r="H53849" s="1" t="s">
        <v>181128</v>
      </c>
      <c r="I53849" s="1" t="s">
        <v>181018</v>
      </c>
      <c r="J53849" s="1" t="s">
        <v>131719</v>
      </c>
    </row>
    <row r="53850" spans="1:10" x14ac:dyDescent="0.35">
      <c r="A53850" s="1" t="s">
        <v>28412</v>
      </c>
      <c r="B53850" s="1" t="s">
        <v>181013</v>
      </c>
      <c r="C53850" s="1" t="s">
        <v>135</v>
      </c>
      <c r="D53850" s="1" t="s">
        <v>181206</v>
      </c>
      <c r="E53850" s="1" t="s">
        <v>181207</v>
      </c>
      <c r="F53850" s="1" t="s">
        <v>181208</v>
      </c>
      <c r="G53850" s="1" t="s">
        <v>181127</v>
      </c>
      <c r="H53850" s="1" t="s">
        <v>181128</v>
      </c>
      <c r="I53850" s="1" t="s">
        <v>181018</v>
      </c>
      <c r="J53850" s="1" t="s">
        <v>181209</v>
      </c>
    </row>
    <row r="53851" spans="1:10" x14ac:dyDescent="0.35">
      <c r="A53851" s="1" t="s">
        <v>28412</v>
      </c>
      <c r="B53851" s="1" t="s">
        <v>181013</v>
      </c>
      <c r="C53851" s="1" t="s">
        <v>140</v>
      </c>
      <c r="D53851" s="1" t="s">
        <v>170438</v>
      </c>
      <c r="E53851" s="1" t="s">
        <v>181210</v>
      </c>
      <c r="F53851" s="1" t="s">
        <v>181211</v>
      </c>
      <c r="G53851" s="1" t="s">
        <v>181127</v>
      </c>
      <c r="H53851" s="1" t="s">
        <v>181128</v>
      </c>
      <c r="I53851" s="1" t="s">
        <v>181018</v>
      </c>
      <c r="J53851" s="1" t="s">
        <v>181212</v>
      </c>
    </row>
    <row r="53852" spans="1:10" x14ac:dyDescent="0.35">
      <c r="A53852" s="1" t="s">
        <v>28412</v>
      </c>
      <c r="B53852" s="1" t="s">
        <v>181013</v>
      </c>
      <c r="C53852" s="1" t="s">
        <v>145</v>
      </c>
      <c r="D53852" s="1" t="s">
        <v>181213</v>
      </c>
      <c r="E53852" s="1" t="s">
        <v>181214</v>
      </c>
      <c r="F53852" s="1" t="s">
        <v>181215</v>
      </c>
      <c r="G53852" s="1" t="s">
        <v>181127</v>
      </c>
      <c r="H53852" s="1" t="s">
        <v>181128</v>
      </c>
      <c r="I53852" s="1" t="s">
        <v>181018</v>
      </c>
      <c r="J53852" s="1" t="s">
        <v>181216</v>
      </c>
    </row>
    <row r="53853" spans="1:10" x14ac:dyDescent="0.35">
      <c r="A53853" s="1" t="s">
        <v>28412</v>
      </c>
      <c r="B53853" s="1" t="s">
        <v>181013</v>
      </c>
      <c r="C53853" s="1" t="s">
        <v>150</v>
      </c>
      <c r="D53853" s="1" t="s">
        <v>181217</v>
      </c>
      <c r="E53853" s="1" t="s">
        <v>181218</v>
      </c>
      <c r="F53853" s="1" t="s">
        <v>181219</v>
      </c>
      <c r="G53853" s="1" t="s">
        <v>181127</v>
      </c>
      <c r="H53853" s="1" t="s">
        <v>181128</v>
      </c>
      <c r="I53853" s="1" t="s">
        <v>181018</v>
      </c>
      <c r="J53853" s="1" t="s">
        <v>181220</v>
      </c>
    </row>
    <row r="53854" spans="1:10" x14ac:dyDescent="0.35">
      <c r="A53854" s="1" t="s">
        <v>28412</v>
      </c>
      <c r="B53854" s="1" t="s">
        <v>181013</v>
      </c>
      <c r="C53854" s="1" t="s">
        <v>155</v>
      </c>
      <c r="D53854" s="1" t="s">
        <v>172973</v>
      </c>
      <c r="E53854" s="1" t="s">
        <v>181221</v>
      </c>
      <c r="F53854" s="1" t="s">
        <v>181222</v>
      </c>
      <c r="G53854" s="1" t="s">
        <v>181127</v>
      </c>
      <c r="H53854" s="1" t="s">
        <v>181128</v>
      </c>
      <c r="I53854" s="1" t="s">
        <v>181018</v>
      </c>
      <c r="J53854" s="1" t="s">
        <v>181223</v>
      </c>
    </row>
    <row r="53855" spans="1:10" x14ac:dyDescent="0.35">
      <c r="A53855" s="1" t="s">
        <v>28412</v>
      </c>
      <c r="B53855" s="1" t="s">
        <v>181013</v>
      </c>
      <c r="C53855" s="1" t="s">
        <v>160</v>
      </c>
      <c r="D53855" s="1" t="s">
        <v>181224</v>
      </c>
      <c r="E53855" s="1" t="s">
        <v>181225</v>
      </c>
      <c r="F53855" s="1" t="s">
        <v>181226</v>
      </c>
      <c r="G53855" s="1" t="s">
        <v>181127</v>
      </c>
      <c r="H53855" s="1" t="s">
        <v>181128</v>
      </c>
      <c r="I53855" s="1" t="s">
        <v>181018</v>
      </c>
      <c r="J53855" s="1" t="s">
        <v>181227</v>
      </c>
    </row>
    <row r="53856" spans="1:10" x14ac:dyDescent="0.35">
      <c r="A53856" s="1" t="s">
        <v>28412</v>
      </c>
      <c r="B53856" s="1" t="s">
        <v>181013</v>
      </c>
      <c r="C53856" s="1" t="s">
        <v>165</v>
      </c>
      <c r="D53856" s="1" t="s">
        <v>175673</v>
      </c>
      <c r="E53856" s="1" t="s">
        <v>181228</v>
      </c>
      <c r="F53856" s="1" t="s">
        <v>181229</v>
      </c>
      <c r="G53856" s="1" t="s">
        <v>181127</v>
      </c>
      <c r="H53856" s="1" t="s">
        <v>181128</v>
      </c>
      <c r="I53856" s="1" t="s">
        <v>181018</v>
      </c>
      <c r="J53856" s="1" t="s">
        <v>181230</v>
      </c>
    </row>
    <row r="53857" spans="1:10" x14ac:dyDescent="0.35">
      <c r="A53857" s="1" t="s">
        <v>28412</v>
      </c>
      <c r="B53857" s="1" t="s">
        <v>181013</v>
      </c>
      <c r="C53857" s="1" t="s">
        <v>170</v>
      </c>
      <c r="D53857" s="1" t="s">
        <v>31818</v>
      </c>
      <c r="E53857" s="1" t="s">
        <v>181231</v>
      </c>
      <c r="F53857" s="1" t="s">
        <v>181232</v>
      </c>
      <c r="G53857" s="1" t="s">
        <v>181127</v>
      </c>
      <c r="H53857" s="1" t="s">
        <v>181128</v>
      </c>
      <c r="I53857" s="1" t="s">
        <v>181018</v>
      </c>
      <c r="J53857" s="1" t="s">
        <v>181233</v>
      </c>
    </row>
    <row r="53858" spans="1:10" x14ac:dyDescent="0.35">
      <c r="A53858" s="1" t="s">
        <v>146243</v>
      </c>
      <c r="B53858" s="1" t="s">
        <v>181013</v>
      </c>
      <c r="C53858" s="1" t="s">
        <v>8</v>
      </c>
      <c r="D53858" s="1" t="s">
        <v>181234</v>
      </c>
      <c r="E53858" s="1" t="s">
        <v>181235</v>
      </c>
      <c r="F53858" s="1" t="s">
        <v>181236</v>
      </c>
      <c r="G53858" s="1" t="s">
        <v>181237</v>
      </c>
      <c r="H53858" s="1" t="s">
        <v>181238</v>
      </c>
      <c r="I53858" s="1" t="s">
        <v>181018</v>
      </c>
      <c r="J53858" s="1" t="s">
        <v>13</v>
      </c>
    </row>
    <row r="53859" spans="1:10" x14ac:dyDescent="0.35">
      <c r="A53859" s="1" t="s">
        <v>146243</v>
      </c>
      <c r="B53859" s="1" t="s">
        <v>181013</v>
      </c>
      <c r="C53859" s="1" t="s">
        <v>15</v>
      </c>
      <c r="D53859" s="1" t="s">
        <v>181239</v>
      </c>
      <c r="E53859" s="1" t="s">
        <v>181240</v>
      </c>
      <c r="F53859" s="1" t="s">
        <v>181241</v>
      </c>
      <c r="G53859" s="1" t="s">
        <v>181237</v>
      </c>
      <c r="H53859" s="1" t="s">
        <v>181238</v>
      </c>
      <c r="I53859" s="1" t="s">
        <v>181018</v>
      </c>
      <c r="J53859" s="1" t="s">
        <v>181242</v>
      </c>
    </row>
    <row r="53860" spans="1:10" x14ac:dyDescent="0.35">
      <c r="A53860" s="1" t="s">
        <v>146243</v>
      </c>
      <c r="B53860" s="1" t="s">
        <v>181013</v>
      </c>
      <c r="C53860" s="1" t="s">
        <v>20</v>
      </c>
      <c r="D53860" s="1" t="s">
        <v>51802</v>
      </c>
      <c r="E53860" s="1" t="s">
        <v>181243</v>
      </c>
      <c r="F53860" s="1" t="s">
        <v>181244</v>
      </c>
      <c r="G53860" s="1" t="s">
        <v>181237</v>
      </c>
      <c r="H53860" s="1" t="s">
        <v>181238</v>
      </c>
      <c r="I53860" s="1" t="s">
        <v>181018</v>
      </c>
      <c r="J53860" s="1" t="s">
        <v>181245</v>
      </c>
    </row>
    <row r="53861" spans="1:10" x14ac:dyDescent="0.35">
      <c r="A53861" s="1" t="s">
        <v>146243</v>
      </c>
      <c r="B53861" s="1" t="s">
        <v>181013</v>
      </c>
      <c r="C53861" s="1" t="s">
        <v>25</v>
      </c>
      <c r="D53861" s="1" t="s">
        <v>47698</v>
      </c>
      <c r="E53861" s="1" t="s">
        <v>181246</v>
      </c>
      <c r="F53861" s="1" t="s">
        <v>181247</v>
      </c>
      <c r="G53861" s="1" t="s">
        <v>181237</v>
      </c>
      <c r="H53861" s="1" t="s">
        <v>181238</v>
      </c>
      <c r="I53861" s="1" t="s">
        <v>181018</v>
      </c>
      <c r="J53861" s="1" t="s">
        <v>181248</v>
      </c>
    </row>
    <row r="53862" spans="1:10" x14ac:dyDescent="0.35">
      <c r="A53862" s="1" t="s">
        <v>146243</v>
      </c>
      <c r="B53862" s="1" t="s">
        <v>181013</v>
      </c>
      <c r="C53862" s="1" t="s">
        <v>30</v>
      </c>
      <c r="D53862" s="1" t="s">
        <v>178026</v>
      </c>
      <c r="E53862" s="1" t="s">
        <v>181249</v>
      </c>
      <c r="F53862" s="1" t="s">
        <v>181250</v>
      </c>
      <c r="G53862" s="1" t="s">
        <v>181237</v>
      </c>
      <c r="H53862" s="1" t="s">
        <v>181238</v>
      </c>
      <c r="I53862" s="1" t="s">
        <v>181018</v>
      </c>
      <c r="J53862" s="1" t="s">
        <v>181251</v>
      </c>
    </row>
    <row r="53863" spans="1:10" x14ac:dyDescent="0.35">
      <c r="A53863" s="1" t="s">
        <v>146243</v>
      </c>
      <c r="B53863" s="1" t="s">
        <v>181013</v>
      </c>
      <c r="C53863" s="1" t="s">
        <v>35</v>
      </c>
      <c r="D53863" s="1" t="s">
        <v>82081</v>
      </c>
      <c r="E53863" s="1" t="s">
        <v>181252</v>
      </c>
      <c r="F53863" s="1" t="s">
        <v>181253</v>
      </c>
      <c r="G53863" s="1" t="s">
        <v>181237</v>
      </c>
      <c r="H53863" s="1" t="s">
        <v>181238</v>
      </c>
      <c r="I53863" s="1" t="s">
        <v>181018</v>
      </c>
      <c r="J53863" s="1" t="s">
        <v>181254</v>
      </c>
    </row>
    <row r="53864" spans="1:10" x14ac:dyDescent="0.35">
      <c r="A53864" s="1" t="s">
        <v>146243</v>
      </c>
      <c r="B53864" s="1" t="s">
        <v>181013</v>
      </c>
      <c r="C53864" s="1" t="s">
        <v>40</v>
      </c>
      <c r="D53864" s="1" t="s">
        <v>82081</v>
      </c>
      <c r="E53864" s="1" t="s">
        <v>181255</v>
      </c>
      <c r="F53864" s="1" t="s">
        <v>181256</v>
      </c>
      <c r="G53864" s="1" t="s">
        <v>181237</v>
      </c>
      <c r="H53864" s="1" t="s">
        <v>181238</v>
      </c>
      <c r="I53864" s="1" t="s">
        <v>181018</v>
      </c>
      <c r="J53864" s="1" t="s">
        <v>1180</v>
      </c>
    </row>
    <row r="53865" spans="1:10" x14ac:dyDescent="0.35">
      <c r="A53865" s="1" t="s">
        <v>146243</v>
      </c>
      <c r="B53865" s="1" t="s">
        <v>181013</v>
      </c>
      <c r="C53865" s="1" t="s">
        <v>45</v>
      </c>
      <c r="D53865" s="1" t="s">
        <v>32587</v>
      </c>
      <c r="E53865" s="1" t="s">
        <v>181257</v>
      </c>
      <c r="F53865" s="1" t="s">
        <v>181258</v>
      </c>
      <c r="G53865" s="1" t="s">
        <v>181237</v>
      </c>
      <c r="H53865" s="1" t="s">
        <v>181238</v>
      </c>
      <c r="I53865" s="1" t="s">
        <v>181018</v>
      </c>
      <c r="J53865" s="1" t="s">
        <v>181259</v>
      </c>
    </row>
    <row r="53866" spans="1:10" x14ac:dyDescent="0.35">
      <c r="A53866" s="1" t="s">
        <v>146243</v>
      </c>
      <c r="B53866" s="1" t="s">
        <v>181013</v>
      </c>
      <c r="C53866" s="1" t="s">
        <v>50</v>
      </c>
      <c r="D53866" s="1" t="s">
        <v>10689</v>
      </c>
      <c r="E53866" s="1" t="s">
        <v>181260</v>
      </c>
      <c r="F53866" s="1" t="s">
        <v>181261</v>
      </c>
      <c r="G53866" s="1" t="s">
        <v>181237</v>
      </c>
      <c r="H53866" s="1" t="s">
        <v>181238</v>
      </c>
      <c r="I53866" s="1" t="s">
        <v>181018</v>
      </c>
      <c r="J53866" s="1" t="s">
        <v>181262</v>
      </c>
    </row>
    <row r="53867" spans="1:10" x14ac:dyDescent="0.35">
      <c r="A53867" s="1" t="s">
        <v>146243</v>
      </c>
      <c r="B53867" s="1" t="s">
        <v>181013</v>
      </c>
      <c r="C53867" s="1" t="s">
        <v>55</v>
      </c>
      <c r="D53867" s="1" t="s">
        <v>74851</v>
      </c>
      <c r="E53867" s="1" t="s">
        <v>181263</v>
      </c>
      <c r="F53867" s="1" t="s">
        <v>181264</v>
      </c>
      <c r="G53867" s="1" t="s">
        <v>181237</v>
      </c>
      <c r="H53867" s="1" t="s">
        <v>181238</v>
      </c>
      <c r="I53867" s="1" t="s">
        <v>181018</v>
      </c>
      <c r="J53867" s="1" t="s">
        <v>181265</v>
      </c>
    </row>
    <row r="53868" spans="1:10" x14ac:dyDescent="0.35">
      <c r="A53868" s="1" t="s">
        <v>146243</v>
      </c>
      <c r="B53868" s="1" t="s">
        <v>181013</v>
      </c>
      <c r="C53868" s="1" t="s">
        <v>60</v>
      </c>
      <c r="D53868" s="1" t="s">
        <v>142140</v>
      </c>
      <c r="E53868" s="1" t="s">
        <v>181266</v>
      </c>
      <c r="F53868" s="1" t="s">
        <v>181267</v>
      </c>
      <c r="G53868" s="1" t="s">
        <v>181237</v>
      </c>
      <c r="H53868" s="1" t="s">
        <v>181238</v>
      </c>
      <c r="I53868" s="1" t="s">
        <v>181018</v>
      </c>
      <c r="J53868" s="1" t="s">
        <v>181268</v>
      </c>
    </row>
    <row r="53869" spans="1:10" x14ac:dyDescent="0.35">
      <c r="A53869" s="1" t="s">
        <v>146243</v>
      </c>
      <c r="B53869" s="1" t="s">
        <v>181013</v>
      </c>
      <c r="C53869" s="1" t="s">
        <v>65</v>
      </c>
      <c r="D53869" s="1" t="s">
        <v>158282</v>
      </c>
      <c r="E53869" s="1" t="s">
        <v>181269</v>
      </c>
      <c r="F53869" s="1" t="s">
        <v>181270</v>
      </c>
      <c r="G53869" s="1" t="s">
        <v>181237</v>
      </c>
      <c r="H53869" s="1" t="s">
        <v>181238</v>
      </c>
      <c r="I53869" s="1" t="s">
        <v>181018</v>
      </c>
      <c r="J53869" s="1" t="s">
        <v>181271</v>
      </c>
    </row>
    <row r="53870" spans="1:10" x14ac:dyDescent="0.35">
      <c r="A53870" s="1" t="s">
        <v>146243</v>
      </c>
      <c r="B53870" s="1" t="s">
        <v>181013</v>
      </c>
      <c r="C53870" s="1" t="s">
        <v>70</v>
      </c>
      <c r="D53870" s="1" t="s">
        <v>181272</v>
      </c>
      <c r="E53870" s="1" t="s">
        <v>181273</v>
      </c>
      <c r="F53870" s="1" t="s">
        <v>181274</v>
      </c>
      <c r="G53870" s="1" t="s">
        <v>181237</v>
      </c>
      <c r="H53870" s="1" t="s">
        <v>181238</v>
      </c>
      <c r="I53870" s="1" t="s">
        <v>181018</v>
      </c>
      <c r="J53870" s="1" t="s">
        <v>181275</v>
      </c>
    </row>
    <row r="53871" spans="1:10" x14ac:dyDescent="0.35">
      <c r="A53871" s="1" t="s">
        <v>146243</v>
      </c>
      <c r="B53871" s="1" t="s">
        <v>181013</v>
      </c>
      <c r="C53871" s="1" t="s">
        <v>75</v>
      </c>
      <c r="D53871" s="1" t="s">
        <v>5199</v>
      </c>
      <c r="E53871" s="1" t="s">
        <v>181276</v>
      </c>
      <c r="F53871" s="1" t="s">
        <v>181277</v>
      </c>
      <c r="G53871" s="1" t="s">
        <v>181237</v>
      </c>
      <c r="H53871" s="1" t="s">
        <v>181238</v>
      </c>
      <c r="I53871" s="1" t="s">
        <v>181018</v>
      </c>
      <c r="J53871" s="1" t="s">
        <v>181278</v>
      </c>
    </row>
    <row r="53872" spans="1:10" x14ac:dyDescent="0.35">
      <c r="A53872" s="1" t="s">
        <v>146243</v>
      </c>
      <c r="B53872" s="1" t="s">
        <v>181013</v>
      </c>
      <c r="C53872" s="1" t="s">
        <v>80</v>
      </c>
      <c r="D53872" s="1" t="s">
        <v>18486</v>
      </c>
      <c r="E53872" s="1" t="s">
        <v>181279</v>
      </c>
      <c r="F53872" s="1" t="s">
        <v>181280</v>
      </c>
      <c r="G53872" s="1" t="s">
        <v>181237</v>
      </c>
      <c r="H53872" s="1" t="s">
        <v>181238</v>
      </c>
      <c r="I53872" s="1" t="s">
        <v>181018</v>
      </c>
      <c r="J53872" s="1" t="s">
        <v>181281</v>
      </c>
    </row>
    <row r="53873" spans="1:10" x14ac:dyDescent="0.35">
      <c r="A53873" s="1" t="s">
        <v>146243</v>
      </c>
      <c r="B53873" s="1" t="s">
        <v>181013</v>
      </c>
      <c r="C53873" s="1" t="s">
        <v>85</v>
      </c>
      <c r="D53873" s="1" t="s">
        <v>73448</v>
      </c>
      <c r="E53873" s="1" t="s">
        <v>181282</v>
      </c>
      <c r="F53873" s="1" t="s">
        <v>181283</v>
      </c>
      <c r="G53873" s="1" t="s">
        <v>181237</v>
      </c>
      <c r="H53873" s="1" t="s">
        <v>181238</v>
      </c>
      <c r="I53873" s="1" t="s">
        <v>181018</v>
      </c>
      <c r="J53873" s="1" t="s">
        <v>107970</v>
      </c>
    </row>
    <row r="53874" spans="1:10" x14ac:dyDescent="0.35">
      <c r="A53874" s="1" t="s">
        <v>146243</v>
      </c>
      <c r="B53874" s="1" t="s">
        <v>181013</v>
      </c>
      <c r="C53874" s="1" t="s">
        <v>90</v>
      </c>
      <c r="D53874" s="1" t="s">
        <v>44951</v>
      </c>
      <c r="E53874" s="1" t="s">
        <v>181284</v>
      </c>
      <c r="F53874" s="1" t="s">
        <v>181285</v>
      </c>
      <c r="G53874" s="1" t="s">
        <v>181237</v>
      </c>
      <c r="H53874" s="1" t="s">
        <v>181238</v>
      </c>
      <c r="I53874" s="1" t="s">
        <v>181018</v>
      </c>
      <c r="J53874" s="1" t="s">
        <v>181286</v>
      </c>
    </row>
    <row r="53875" spans="1:10" x14ac:dyDescent="0.35">
      <c r="A53875" s="1" t="s">
        <v>146243</v>
      </c>
      <c r="B53875" s="1" t="s">
        <v>181013</v>
      </c>
      <c r="C53875" s="1" t="s">
        <v>95</v>
      </c>
      <c r="D53875" s="1" t="s">
        <v>181287</v>
      </c>
      <c r="E53875" s="1" t="s">
        <v>181288</v>
      </c>
      <c r="F53875" s="1" t="s">
        <v>181289</v>
      </c>
      <c r="G53875" s="1" t="s">
        <v>181237</v>
      </c>
      <c r="H53875" s="1" t="s">
        <v>181238</v>
      </c>
      <c r="I53875" s="1" t="s">
        <v>181018</v>
      </c>
      <c r="J53875" s="1" t="s">
        <v>181290</v>
      </c>
    </row>
    <row r="53876" spans="1:10" x14ac:dyDescent="0.35">
      <c r="A53876" s="1" t="s">
        <v>146243</v>
      </c>
      <c r="B53876" s="1" t="s">
        <v>181013</v>
      </c>
      <c r="C53876" s="1" t="s">
        <v>100</v>
      </c>
      <c r="D53876" s="1" t="s">
        <v>181291</v>
      </c>
      <c r="E53876" s="1" t="s">
        <v>181292</v>
      </c>
      <c r="F53876" s="1" t="s">
        <v>181293</v>
      </c>
      <c r="G53876" s="1" t="s">
        <v>181237</v>
      </c>
      <c r="H53876" s="1" t="s">
        <v>181238</v>
      </c>
      <c r="I53876" s="1" t="s">
        <v>181018</v>
      </c>
      <c r="J53876" s="1" t="s">
        <v>181294</v>
      </c>
    </row>
    <row r="53877" spans="1:10" x14ac:dyDescent="0.35">
      <c r="A53877" s="1" t="s">
        <v>146243</v>
      </c>
      <c r="B53877" s="1" t="s">
        <v>181013</v>
      </c>
      <c r="C53877" s="1" t="s">
        <v>105</v>
      </c>
      <c r="D53877" s="1" t="s">
        <v>35391</v>
      </c>
      <c r="E53877" s="1" t="s">
        <v>181295</v>
      </c>
      <c r="F53877" s="1" t="s">
        <v>181296</v>
      </c>
      <c r="G53877" s="1" t="s">
        <v>181237</v>
      </c>
      <c r="H53877" s="1" t="s">
        <v>181238</v>
      </c>
      <c r="I53877" s="1" t="s">
        <v>181018</v>
      </c>
      <c r="J53877" s="1" t="s">
        <v>181297</v>
      </c>
    </row>
    <row r="53878" spans="1:10" x14ac:dyDescent="0.35">
      <c r="A53878" s="1" t="s">
        <v>146243</v>
      </c>
      <c r="B53878" s="1" t="s">
        <v>181013</v>
      </c>
      <c r="C53878" s="1" t="s">
        <v>110</v>
      </c>
      <c r="D53878" s="1" t="s">
        <v>181298</v>
      </c>
      <c r="E53878" s="1" t="s">
        <v>181299</v>
      </c>
      <c r="F53878" s="1" t="s">
        <v>181300</v>
      </c>
      <c r="G53878" s="1" t="s">
        <v>181237</v>
      </c>
      <c r="H53878" s="1" t="s">
        <v>181238</v>
      </c>
      <c r="I53878" s="1" t="s">
        <v>181018</v>
      </c>
      <c r="J53878" s="1" t="s">
        <v>181301</v>
      </c>
    </row>
    <row r="53879" spans="1:10" x14ac:dyDescent="0.35">
      <c r="A53879" s="1" t="s">
        <v>146243</v>
      </c>
      <c r="B53879" s="1" t="s">
        <v>181013</v>
      </c>
      <c r="C53879" s="1" t="s">
        <v>115</v>
      </c>
      <c r="D53879" s="1" t="s">
        <v>181302</v>
      </c>
      <c r="E53879" s="1" t="s">
        <v>181303</v>
      </c>
      <c r="F53879" s="1" t="s">
        <v>181304</v>
      </c>
      <c r="G53879" s="1" t="s">
        <v>181237</v>
      </c>
      <c r="H53879" s="1" t="s">
        <v>181238</v>
      </c>
      <c r="I53879" s="1" t="s">
        <v>181018</v>
      </c>
      <c r="J53879" s="1" t="s">
        <v>181305</v>
      </c>
    </row>
    <row r="53880" spans="1:10" x14ac:dyDescent="0.35">
      <c r="A53880" s="1" t="s">
        <v>146243</v>
      </c>
      <c r="B53880" s="1" t="s">
        <v>181013</v>
      </c>
      <c r="C53880" s="1" t="s">
        <v>120</v>
      </c>
      <c r="D53880" s="1" t="s">
        <v>3024</v>
      </c>
      <c r="E53880" s="1" t="s">
        <v>36542</v>
      </c>
      <c r="F53880" s="1" t="s">
        <v>181306</v>
      </c>
      <c r="G53880" s="1" t="s">
        <v>181237</v>
      </c>
      <c r="H53880" s="1" t="s">
        <v>181238</v>
      </c>
      <c r="I53880" s="1" t="s">
        <v>181018</v>
      </c>
      <c r="J53880" s="1" t="s">
        <v>181307</v>
      </c>
    </row>
    <row r="53881" spans="1:10" x14ac:dyDescent="0.35">
      <c r="A53881" s="1" t="s">
        <v>146243</v>
      </c>
      <c r="B53881" s="1" t="s">
        <v>181013</v>
      </c>
      <c r="C53881" s="1" t="s">
        <v>125</v>
      </c>
      <c r="D53881" s="1" t="s">
        <v>168705</v>
      </c>
      <c r="E53881" s="1" t="s">
        <v>181308</v>
      </c>
      <c r="F53881" s="1" t="s">
        <v>181309</v>
      </c>
      <c r="G53881" s="1" t="s">
        <v>181237</v>
      </c>
      <c r="H53881" s="1" t="s">
        <v>181238</v>
      </c>
      <c r="I53881" s="1" t="s">
        <v>181018</v>
      </c>
      <c r="J53881" s="1" t="s">
        <v>181310</v>
      </c>
    </row>
    <row r="53882" spans="1:10" x14ac:dyDescent="0.35">
      <c r="A53882" s="1" t="s">
        <v>146243</v>
      </c>
      <c r="B53882" s="1" t="s">
        <v>181013</v>
      </c>
      <c r="C53882" s="1" t="s">
        <v>130</v>
      </c>
      <c r="D53882" s="1" t="s">
        <v>181311</v>
      </c>
      <c r="E53882" s="1" t="s">
        <v>181312</v>
      </c>
      <c r="F53882" s="1" t="s">
        <v>181313</v>
      </c>
      <c r="G53882" s="1" t="s">
        <v>181237</v>
      </c>
      <c r="H53882" s="1" t="s">
        <v>181238</v>
      </c>
      <c r="I53882" s="1" t="s">
        <v>181018</v>
      </c>
      <c r="J53882" s="1" t="s">
        <v>181314</v>
      </c>
    </row>
    <row r="53883" spans="1:10" x14ac:dyDescent="0.35">
      <c r="A53883" s="1" t="s">
        <v>146243</v>
      </c>
      <c r="B53883" s="1" t="s">
        <v>181013</v>
      </c>
      <c r="C53883" s="1" t="s">
        <v>135</v>
      </c>
      <c r="D53883" s="1" t="s">
        <v>114787</v>
      </c>
      <c r="E53883" s="1" t="s">
        <v>181315</v>
      </c>
      <c r="F53883" s="1" t="s">
        <v>181316</v>
      </c>
      <c r="G53883" s="1" t="s">
        <v>181237</v>
      </c>
      <c r="H53883" s="1" t="s">
        <v>181238</v>
      </c>
      <c r="I53883" s="1" t="s">
        <v>181018</v>
      </c>
      <c r="J53883" s="1" t="s">
        <v>181317</v>
      </c>
    </row>
    <row r="53884" spans="1:10" x14ac:dyDescent="0.35">
      <c r="A53884" s="1" t="s">
        <v>146243</v>
      </c>
      <c r="B53884" s="1" t="s">
        <v>181013</v>
      </c>
      <c r="C53884" s="1" t="s">
        <v>140</v>
      </c>
      <c r="D53884" s="1" t="s">
        <v>181318</v>
      </c>
      <c r="E53884" s="1" t="s">
        <v>181319</v>
      </c>
      <c r="F53884" s="1" t="s">
        <v>181320</v>
      </c>
      <c r="G53884" s="1" t="s">
        <v>181237</v>
      </c>
      <c r="H53884" s="1" t="s">
        <v>181238</v>
      </c>
      <c r="I53884" s="1" t="s">
        <v>181018</v>
      </c>
      <c r="J53884" s="1" t="s">
        <v>181321</v>
      </c>
    </row>
    <row r="53885" spans="1:10" x14ac:dyDescent="0.35">
      <c r="A53885" s="1" t="s">
        <v>146243</v>
      </c>
      <c r="B53885" s="1" t="s">
        <v>181013</v>
      </c>
      <c r="C53885" s="1" t="s">
        <v>145</v>
      </c>
      <c r="D53885" s="1" t="s">
        <v>181322</v>
      </c>
      <c r="E53885" s="1" t="s">
        <v>181323</v>
      </c>
      <c r="F53885" s="1" t="s">
        <v>181324</v>
      </c>
      <c r="G53885" s="1" t="s">
        <v>181237</v>
      </c>
      <c r="H53885" s="1" t="s">
        <v>181238</v>
      </c>
      <c r="I53885" s="1" t="s">
        <v>181018</v>
      </c>
      <c r="J53885" s="1" t="s">
        <v>181325</v>
      </c>
    </row>
    <row r="53886" spans="1:10" x14ac:dyDescent="0.35">
      <c r="A53886" s="1" t="s">
        <v>146243</v>
      </c>
      <c r="B53886" s="1" t="s">
        <v>181013</v>
      </c>
      <c r="C53886" s="1" t="s">
        <v>150</v>
      </c>
      <c r="D53886" s="1" t="s">
        <v>47623</v>
      </c>
      <c r="E53886" s="1" t="s">
        <v>181326</v>
      </c>
      <c r="F53886" s="1" t="s">
        <v>181327</v>
      </c>
      <c r="G53886" s="1" t="s">
        <v>181237</v>
      </c>
      <c r="H53886" s="1" t="s">
        <v>181238</v>
      </c>
      <c r="I53886" s="1" t="s">
        <v>181018</v>
      </c>
      <c r="J53886" s="1" t="s">
        <v>181328</v>
      </c>
    </row>
    <row r="53887" spans="1:10" x14ac:dyDescent="0.35">
      <c r="A53887" s="1" t="s">
        <v>146243</v>
      </c>
      <c r="B53887" s="1" t="s">
        <v>181013</v>
      </c>
      <c r="C53887" s="1" t="s">
        <v>155</v>
      </c>
      <c r="D53887" s="1" t="s">
        <v>181329</v>
      </c>
      <c r="E53887" s="1" t="s">
        <v>181330</v>
      </c>
      <c r="F53887" s="1" t="s">
        <v>181331</v>
      </c>
      <c r="G53887" s="1" t="s">
        <v>181237</v>
      </c>
      <c r="H53887" s="1" t="s">
        <v>181238</v>
      </c>
      <c r="I53887" s="1" t="s">
        <v>181018</v>
      </c>
      <c r="J53887" s="1" t="s">
        <v>181332</v>
      </c>
    </row>
    <row r="53888" spans="1:10" x14ac:dyDescent="0.35">
      <c r="A53888" s="1" t="s">
        <v>146243</v>
      </c>
      <c r="B53888" s="1" t="s">
        <v>181013</v>
      </c>
      <c r="C53888" s="1" t="s">
        <v>160</v>
      </c>
      <c r="D53888" s="1" t="s">
        <v>181333</v>
      </c>
      <c r="E53888" s="1" t="s">
        <v>181334</v>
      </c>
      <c r="F53888" s="1" t="s">
        <v>181335</v>
      </c>
      <c r="G53888" s="1" t="s">
        <v>181237</v>
      </c>
      <c r="H53888" s="1" t="s">
        <v>181238</v>
      </c>
      <c r="I53888" s="1" t="s">
        <v>181018</v>
      </c>
      <c r="J53888" s="1" t="s">
        <v>181336</v>
      </c>
    </row>
    <row r="53889" spans="1:10" x14ac:dyDescent="0.35">
      <c r="A53889" s="1" t="s">
        <v>146243</v>
      </c>
      <c r="B53889" s="1" t="s">
        <v>181013</v>
      </c>
      <c r="C53889" s="1" t="s">
        <v>165</v>
      </c>
      <c r="D53889" s="1" t="s">
        <v>181337</v>
      </c>
      <c r="E53889" s="1" t="s">
        <v>181338</v>
      </c>
      <c r="F53889" s="1" t="s">
        <v>181339</v>
      </c>
      <c r="G53889" s="1" t="s">
        <v>181237</v>
      </c>
      <c r="H53889" s="1" t="s">
        <v>181238</v>
      </c>
      <c r="I53889" s="1" t="s">
        <v>181018</v>
      </c>
      <c r="J53889" s="1" t="s">
        <v>181340</v>
      </c>
    </row>
    <row r="53890" spans="1:10" x14ac:dyDescent="0.35">
      <c r="A53890" s="1" t="s">
        <v>146243</v>
      </c>
      <c r="B53890" s="1" t="s">
        <v>181013</v>
      </c>
      <c r="C53890" s="1" t="s">
        <v>170</v>
      </c>
      <c r="D53890" s="1" t="s">
        <v>181341</v>
      </c>
      <c r="E53890" s="1" t="s">
        <v>181342</v>
      </c>
      <c r="F53890" s="1" t="s">
        <v>181343</v>
      </c>
      <c r="G53890" s="1" t="s">
        <v>181237</v>
      </c>
      <c r="H53890" s="1" t="s">
        <v>181238</v>
      </c>
      <c r="I53890" s="1" t="s">
        <v>181018</v>
      </c>
      <c r="J53890" s="1" t="s">
        <v>181344</v>
      </c>
    </row>
    <row r="53891" spans="1:10" x14ac:dyDescent="0.35">
      <c r="A53891" s="1" t="s">
        <v>14013</v>
      </c>
      <c r="B53891" s="1" t="s">
        <v>181013</v>
      </c>
      <c r="C53891" s="1" t="s">
        <v>8</v>
      </c>
      <c r="D53891" s="1" t="s">
        <v>181345</v>
      </c>
      <c r="E53891" s="1" t="s">
        <v>181346</v>
      </c>
      <c r="F53891" s="1" t="s">
        <v>181347</v>
      </c>
      <c r="G53891" s="1" t="s">
        <v>181348</v>
      </c>
      <c r="H53891" s="1" t="s">
        <v>181349</v>
      </c>
      <c r="I53891" s="1" t="s">
        <v>181018</v>
      </c>
      <c r="J53891" s="1" t="s">
        <v>13</v>
      </c>
    </row>
    <row r="53892" spans="1:10" x14ac:dyDescent="0.35">
      <c r="A53892" s="1" t="s">
        <v>14013</v>
      </c>
      <c r="B53892" s="1" t="s">
        <v>181013</v>
      </c>
      <c r="C53892" s="1" t="s">
        <v>15</v>
      </c>
      <c r="D53892" s="1" t="s">
        <v>181350</v>
      </c>
      <c r="E53892" s="1" t="s">
        <v>181351</v>
      </c>
      <c r="F53892" s="1" t="s">
        <v>181352</v>
      </c>
      <c r="G53892" s="1" t="s">
        <v>181348</v>
      </c>
      <c r="H53892" s="1" t="s">
        <v>181349</v>
      </c>
      <c r="I53892" s="1" t="s">
        <v>181018</v>
      </c>
      <c r="J53892" s="1" t="s">
        <v>181353</v>
      </c>
    </row>
    <row r="53893" spans="1:10" x14ac:dyDescent="0.35">
      <c r="A53893" s="1" t="s">
        <v>14013</v>
      </c>
      <c r="B53893" s="1" t="s">
        <v>181013</v>
      </c>
      <c r="C53893" s="1" t="s">
        <v>20</v>
      </c>
      <c r="D53893" s="1" t="s">
        <v>142288</v>
      </c>
      <c r="E53893" s="1" t="s">
        <v>181354</v>
      </c>
      <c r="F53893" s="1" t="s">
        <v>181355</v>
      </c>
      <c r="G53893" s="1" t="s">
        <v>181348</v>
      </c>
      <c r="H53893" s="1" t="s">
        <v>181349</v>
      </c>
      <c r="I53893" s="1" t="s">
        <v>181018</v>
      </c>
      <c r="J53893" s="1" t="s">
        <v>181356</v>
      </c>
    </row>
    <row r="53894" spans="1:10" x14ac:dyDescent="0.35">
      <c r="A53894" s="1" t="s">
        <v>14013</v>
      </c>
      <c r="B53894" s="1" t="s">
        <v>181013</v>
      </c>
      <c r="C53894" s="1" t="s">
        <v>25</v>
      </c>
      <c r="D53894" s="1" t="s">
        <v>153520</v>
      </c>
      <c r="E53894" s="1" t="s">
        <v>181357</v>
      </c>
      <c r="F53894" s="1" t="s">
        <v>181358</v>
      </c>
      <c r="G53894" s="1" t="s">
        <v>181348</v>
      </c>
      <c r="H53894" s="1" t="s">
        <v>181349</v>
      </c>
      <c r="I53894" s="1" t="s">
        <v>181018</v>
      </c>
      <c r="J53894" s="1" t="s">
        <v>181359</v>
      </c>
    </row>
    <row r="53895" spans="1:10" x14ac:dyDescent="0.35">
      <c r="A53895" s="1" t="s">
        <v>14013</v>
      </c>
      <c r="B53895" s="1" t="s">
        <v>181013</v>
      </c>
      <c r="C53895" s="1" t="s">
        <v>30</v>
      </c>
      <c r="D53895" s="1" t="s">
        <v>181360</v>
      </c>
      <c r="E53895" s="1" t="s">
        <v>181361</v>
      </c>
      <c r="F53895" s="1" t="s">
        <v>181362</v>
      </c>
      <c r="G53895" s="1" t="s">
        <v>181348</v>
      </c>
      <c r="H53895" s="1" t="s">
        <v>181349</v>
      </c>
      <c r="I53895" s="1" t="s">
        <v>181018</v>
      </c>
      <c r="J53895" s="1" t="s">
        <v>181363</v>
      </c>
    </row>
    <row r="53896" spans="1:10" x14ac:dyDescent="0.35">
      <c r="A53896" s="1" t="s">
        <v>14013</v>
      </c>
      <c r="B53896" s="1" t="s">
        <v>181013</v>
      </c>
      <c r="C53896" s="1" t="s">
        <v>35</v>
      </c>
      <c r="D53896" s="1" t="s">
        <v>37899</v>
      </c>
      <c r="E53896" s="1" t="s">
        <v>181364</v>
      </c>
      <c r="F53896" s="1" t="s">
        <v>181365</v>
      </c>
      <c r="G53896" s="1" t="s">
        <v>181348</v>
      </c>
      <c r="H53896" s="1" t="s">
        <v>181349</v>
      </c>
      <c r="I53896" s="1" t="s">
        <v>181018</v>
      </c>
      <c r="J53896" s="1" t="s">
        <v>181366</v>
      </c>
    </row>
    <row r="53897" spans="1:10" x14ac:dyDescent="0.35">
      <c r="A53897" s="1" t="s">
        <v>14013</v>
      </c>
      <c r="B53897" s="1" t="s">
        <v>181013</v>
      </c>
      <c r="C53897" s="1" t="s">
        <v>40</v>
      </c>
      <c r="D53897" s="1" t="s">
        <v>142153</v>
      </c>
      <c r="E53897" s="1" t="s">
        <v>181367</v>
      </c>
      <c r="F53897" s="1" t="s">
        <v>181368</v>
      </c>
      <c r="G53897" s="1" t="s">
        <v>181348</v>
      </c>
      <c r="H53897" s="1" t="s">
        <v>181349</v>
      </c>
      <c r="I53897" s="1" t="s">
        <v>181018</v>
      </c>
      <c r="J53897" s="1" t="s">
        <v>181369</v>
      </c>
    </row>
    <row r="53898" spans="1:10" x14ac:dyDescent="0.35">
      <c r="A53898" s="1" t="s">
        <v>14013</v>
      </c>
      <c r="B53898" s="1" t="s">
        <v>181013</v>
      </c>
      <c r="C53898" s="1" t="s">
        <v>45</v>
      </c>
      <c r="D53898" s="1" t="s">
        <v>47679</v>
      </c>
      <c r="E53898" s="1" t="s">
        <v>181370</v>
      </c>
      <c r="F53898" s="1" t="s">
        <v>181371</v>
      </c>
      <c r="G53898" s="1" t="s">
        <v>181348</v>
      </c>
      <c r="H53898" s="1" t="s">
        <v>181349</v>
      </c>
      <c r="I53898" s="1" t="s">
        <v>181018</v>
      </c>
      <c r="J53898" s="1" t="s">
        <v>181372</v>
      </c>
    </row>
    <row r="53899" spans="1:10" x14ac:dyDescent="0.35">
      <c r="A53899" s="1" t="s">
        <v>14013</v>
      </c>
      <c r="B53899" s="1" t="s">
        <v>181013</v>
      </c>
      <c r="C53899" s="1" t="s">
        <v>50</v>
      </c>
      <c r="D53899" s="1" t="s">
        <v>42763</v>
      </c>
      <c r="E53899" s="1" t="s">
        <v>181373</v>
      </c>
      <c r="F53899" s="1" t="s">
        <v>181374</v>
      </c>
      <c r="G53899" s="1" t="s">
        <v>181348</v>
      </c>
      <c r="H53899" s="1" t="s">
        <v>181349</v>
      </c>
      <c r="I53899" s="1" t="s">
        <v>181018</v>
      </c>
      <c r="J53899" s="1" t="s">
        <v>181375</v>
      </c>
    </row>
    <row r="53900" spans="1:10" x14ac:dyDescent="0.35">
      <c r="A53900" s="1" t="s">
        <v>14013</v>
      </c>
      <c r="B53900" s="1" t="s">
        <v>181013</v>
      </c>
      <c r="C53900" s="1" t="s">
        <v>55</v>
      </c>
      <c r="D53900" s="1" t="s">
        <v>34915</v>
      </c>
      <c r="E53900" s="1" t="s">
        <v>181376</v>
      </c>
      <c r="F53900" s="1" t="s">
        <v>181377</v>
      </c>
      <c r="G53900" s="1" t="s">
        <v>181348</v>
      </c>
      <c r="H53900" s="1" t="s">
        <v>181349</v>
      </c>
      <c r="I53900" s="1" t="s">
        <v>181018</v>
      </c>
      <c r="J53900" s="1" t="s">
        <v>181378</v>
      </c>
    </row>
    <row r="53901" spans="1:10" x14ac:dyDescent="0.35">
      <c r="A53901" s="1" t="s">
        <v>14013</v>
      </c>
      <c r="B53901" s="1" t="s">
        <v>181013</v>
      </c>
      <c r="C53901" s="1" t="s">
        <v>60</v>
      </c>
      <c r="D53901" s="1" t="s">
        <v>49371</v>
      </c>
      <c r="E53901" s="1" t="s">
        <v>181379</v>
      </c>
      <c r="F53901" s="1" t="s">
        <v>181380</v>
      </c>
      <c r="G53901" s="1" t="s">
        <v>181348</v>
      </c>
      <c r="H53901" s="1" t="s">
        <v>181349</v>
      </c>
      <c r="I53901" s="1" t="s">
        <v>181018</v>
      </c>
      <c r="J53901" s="1" t="s">
        <v>181381</v>
      </c>
    </row>
    <row r="53902" spans="1:10" x14ac:dyDescent="0.35">
      <c r="A53902" s="1" t="s">
        <v>14013</v>
      </c>
      <c r="B53902" s="1" t="s">
        <v>181013</v>
      </c>
      <c r="C53902" s="1" t="s">
        <v>65</v>
      </c>
      <c r="D53902" s="1" t="s">
        <v>8755</v>
      </c>
      <c r="E53902" s="1" t="s">
        <v>181382</v>
      </c>
      <c r="F53902" s="1" t="s">
        <v>181383</v>
      </c>
      <c r="G53902" s="1" t="s">
        <v>181348</v>
      </c>
      <c r="H53902" s="1" t="s">
        <v>181349</v>
      </c>
      <c r="I53902" s="1" t="s">
        <v>181018</v>
      </c>
      <c r="J53902" s="1" t="s">
        <v>181384</v>
      </c>
    </row>
    <row r="53903" spans="1:10" x14ac:dyDescent="0.35">
      <c r="A53903" s="1" t="s">
        <v>14013</v>
      </c>
      <c r="B53903" s="1" t="s">
        <v>181013</v>
      </c>
      <c r="C53903" s="1" t="s">
        <v>70</v>
      </c>
      <c r="D53903" s="1" t="s">
        <v>13170</v>
      </c>
      <c r="E53903" s="1" t="s">
        <v>181385</v>
      </c>
      <c r="F53903" s="1" t="s">
        <v>181386</v>
      </c>
      <c r="G53903" s="1" t="s">
        <v>181348</v>
      </c>
      <c r="H53903" s="1" t="s">
        <v>181349</v>
      </c>
      <c r="I53903" s="1" t="s">
        <v>181018</v>
      </c>
      <c r="J53903" s="1" t="s">
        <v>181387</v>
      </c>
    </row>
    <row r="53904" spans="1:10" x14ac:dyDescent="0.35">
      <c r="A53904" s="1" t="s">
        <v>14013</v>
      </c>
      <c r="B53904" s="1" t="s">
        <v>181013</v>
      </c>
      <c r="C53904" s="1" t="s">
        <v>75</v>
      </c>
      <c r="D53904" s="1" t="s">
        <v>27429</v>
      </c>
      <c r="E53904" s="1" t="s">
        <v>181388</v>
      </c>
      <c r="F53904" s="1" t="s">
        <v>181389</v>
      </c>
      <c r="G53904" s="1" t="s">
        <v>181348</v>
      </c>
      <c r="H53904" s="1" t="s">
        <v>181349</v>
      </c>
      <c r="I53904" s="1" t="s">
        <v>181018</v>
      </c>
      <c r="J53904" s="1" t="s">
        <v>181390</v>
      </c>
    </row>
    <row r="53905" spans="1:10" x14ac:dyDescent="0.35">
      <c r="A53905" s="1" t="s">
        <v>14013</v>
      </c>
      <c r="B53905" s="1" t="s">
        <v>181013</v>
      </c>
      <c r="C53905" s="1" t="s">
        <v>80</v>
      </c>
      <c r="D53905" s="1" t="s">
        <v>181391</v>
      </c>
      <c r="E53905" s="1" t="s">
        <v>181392</v>
      </c>
      <c r="F53905" s="1" t="s">
        <v>181393</v>
      </c>
      <c r="G53905" s="1" t="s">
        <v>181348</v>
      </c>
      <c r="H53905" s="1" t="s">
        <v>181349</v>
      </c>
      <c r="I53905" s="1" t="s">
        <v>181018</v>
      </c>
      <c r="J53905" s="1" t="s">
        <v>181394</v>
      </c>
    </row>
    <row r="53906" spans="1:10" x14ac:dyDescent="0.35">
      <c r="A53906" s="1" t="s">
        <v>14013</v>
      </c>
      <c r="B53906" s="1" t="s">
        <v>181013</v>
      </c>
      <c r="C53906" s="1" t="s">
        <v>85</v>
      </c>
      <c r="D53906" s="1" t="s">
        <v>181395</v>
      </c>
      <c r="E53906" s="1" t="s">
        <v>181396</v>
      </c>
      <c r="F53906" s="1" t="s">
        <v>181397</v>
      </c>
      <c r="G53906" s="1" t="s">
        <v>181348</v>
      </c>
      <c r="H53906" s="1" t="s">
        <v>181349</v>
      </c>
      <c r="I53906" s="1" t="s">
        <v>181018</v>
      </c>
      <c r="J53906" s="1" t="s">
        <v>181398</v>
      </c>
    </row>
    <row r="53907" spans="1:10" x14ac:dyDescent="0.35">
      <c r="A53907" s="1" t="s">
        <v>14013</v>
      </c>
      <c r="B53907" s="1" t="s">
        <v>181013</v>
      </c>
      <c r="C53907" s="1" t="s">
        <v>90</v>
      </c>
      <c r="D53907" s="1" t="s">
        <v>17951</v>
      </c>
      <c r="E53907" s="1" t="s">
        <v>181399</v>
      </c>
      <c r="F53907" s="1" t="s">
        <v>181400</v>
      </c>
      <c r="G53907" s="1" t="s">
        <v>181348</v>
      </c>
      <c r="H53907" s="1" t="s">
        <v>181349</v>
      </c>
      <c r="I53907" s="1" t="s">
        <v>181018</v>
      </c>
      <c r="J53907" s="1" t="s">
        <v>181401</v>
      </c>
    </row>
    <row r="53908" spans="1:10" x14ac:dyDescent="0.35">
      <c r="A53908" s="1" t="s">
        <v>14013</v>
      </c>
      <c r="B53908" s="1" t="s">
        <v>181013</v>
      </c>
      <c r="C53908" s="1" t="s">
        <v>95</v>
      </c>
      <c r="D53908" s="1" t="s">
        <v>17642</v>
      </c>
      <c r="E53908" s="1" t="s">
        <v>181402</v>
      </c>
      <c r="F53908" s="1" t="s">
        <v>181403</v>
      </c>
      <c r="G53908" s="1" t="s">
        <v>181348</v>
      </c>
      <c r="H53908" s="1" t="s">
        <v>181349</v>
      </c>
      <c r="I53908" s="1" t="s">
        <v>181018</v>
      </c>
      <c r="J53908" s="1" t="s">
        <v>181404</v>
      </c>
    </row>
    <row r="53909" spans="1:10" x14ac:dyDescent="0.35">
      <c r="A53909" s="1" t="s">
        <v>14013</v>
      </c>
      <c r="B53909" s="1" t="s">
        <v>181013</v>
      </c>
      <c r="C53909" s="1" t="s">
        <v>100</v>
      </c>
      <c r="D53909" s="1" t="s">
        <v>181405</v>
      </c>
      <c r="E53909" s="1" t="s">
        <v>181406</v>
      </c>
      <c r="F53909" s="1" t="s">
        <v>181407</v>
      </c>
      <c r="G53909" s="1" t="s">
        <v>181348</v>
      </c>
      <c r="H53909" s="1" t="s">
        <v>181349</v>
      </c>
      <c r="I53909" s="1" t="s">
        <v>181018</v>
      </c>
      <c r="J53909" s="1" t="s">
        <v>181408</v>
      </c>
    </row>
    <row r="53910" spans="1:10" x14ac:dyDescent="0.35">
      <c r="A53910" s="1" t="s">
        <v>14013</v>
      </c>
      <c r="B53910" s="1" t="s">
        <v>181013</v>
      </c>
      <c r="C53910" s="1" t="s">
        <v>105</v>
      </c>
      <c r="D53910" s="1" t="s">
        <v>420</v>
      </c>
      <c r="E53910" s="1" t="s">
        <v>181409</v>
      </c>
      <c r="F53910" s="1" t="s">
        <v>181410</v>
      </c>
      <c r="G53910" s="1" t="s">
        <v>181348</v>
      </c>
      <c r="H53910" s="1" t="s">
        <v>181349</v>
      </c>
      <c r="I53910" s="1" t="s">
        <v>181018</v>
      </c>
      <c r="J53910" s="1" t="s">
        <v>181411</v>
      </c>
    </row>
    <row r="53911" spans="1:10" x14ac:dyDescent="0.35">
      <c r="A53911" s="1" t="s">
        <v>14013</v>
      </c>
      <c r="B53911" s="1" t="s">
        <v>181013</v>
      </c>
      <c r="C53911" s="1" t="s">
        <v>110</v>
      </c>
      <c r="D53911" s="1" t="s">
        <v>36852</v>
      </c>
      <c r="E53911" s="1" t="s">
        <v>181412</v>
      </c>
      <c r="F53911" s="1" t="s">
        <v>181413</v>
      </c>
      <c r="G53911" s="1" t="s">
        <v>181348</v>
      </c>
      <c r="H53911" s="1" t="s">
        <v>181349</v>
      </c>
      <c r="I53911" s="1" t="s">
        <v>181018</v>
      </c>
      <c r="J53911" s="1" t="s">
        <v>181414</v>
      </c>
    </row>
    <row r="53912" spans="1:10" x14ac:dyDescent="0.35">
      <c r="A53912" s="1" t="s">
        <v>14013</v>
      </c>
      <c r="B53912" s="1" t="s">
        <v>181013</v>
      </c>
      <c r="C53912" s="1" t="s">
        <v>115</v>
      </c>
      <c r="D53912" s="1" t="s">
        <v>181415</v>
      </c>
      <c r="E53912" s="1" t="s">
        <v>181416</v>
      </c>
      <c r="F53912" s="1" t="s">
        <v>181417</v>
      </c>
      <c r="G53912" s="1" t="s">
        <v>181348</v>
      </c>
      <c r="H53912" s="1" t="s">
        <v>181349</v>
      </c>
      <c r="I53912" s="1" t="s">
        <v>181018</v>
      </c>
      <c r="J53912" s="1" t="s">
        <v>181418</v>
      </c>
    </row>
    <row r="53913" spans="1:10" x14ac:dyDescent="0.35">
      <c r="A53913" s="1" t="s">
        <v>14013</v>
      </c>
      <c r="B53913" s="1" t="s">
        <v>181013</v>
      </c>
      <c r="C53913" s="1" t="s">
        <v>120</v>
      </c>
      <c r="D53913" s="1" t="s">
        <v>181419</v>
      </c>
      <c r="E53913" s="1" t="s">
        <v>181420</v>
      </c>
      <c r="F53913" s="1" t="s">
        <v>181421</v>
      </c>
      <c r="G53913" s="1" t="s">
        <v>181348</v>
      </c>
      <c r="H53913" s="1" t="s">
        <v>181349</v>
      </c>
      <c r="I53913" s="1" t="s">
        <v>181018</v>
      </c>
      <c r="J53913" s="1" t="s">
        <v>181422</v>
      </c>
    </row>
    <row r="53914" spans="1:10" x14ac:dyDescent="0.35">
      <c r="A53914" s="1" t="s">
        <v>14013</v>
      </c>
      <c r="B53914" s="1" t="s">
        <v>181013</v>
      </c>
      <c r="C53914" s="1" t="s">
        <v>125</v>
      </c>
      <c r="D53914" s="1" t="s">
        <v>153836</v>
      </c>
      <c r="E53914" s="1" t="s">
        <v>181423</v>
      </c>
      <c r="F53914" s="1" t="s">
        <v>181424</v>
      </c>
      <c r="G53914" s="1" t="s">
        <v>181348</v>
      </c>
      <c r="H53914" s="1" t="s">
        <v>181349</v>
      </c>
      <c r="I53914" s="1" t="s">
        <v>181018</v>
      </c>
      <c r="J53914" s="1" t="s">
        <v>181425</v>
      </c>
    </row>
    <row r="53915" spans="1:10" x14ac:dyDescent="0.35">
      <c r="A53915" s="1" t="s">
        <v>14013</v>
      </c>
      <c r="B53915" s="1" t="s">
        <v>181013</v>
      </c>
      <c r="C53915" s="1" t="s">
        <v>130</v>
      </c>
      <c r="D53915" s="1" t="s">
        <v>175171</v>
      </c>
      <c r="E53915" s="1" t="s">
        <v>181426</v>
      </c>
      <c r="F53915" s="1" t="s">
        <v>181427</v>
      </c>
      <c r="G53915" s="1" t="s">
        <v>181348</v>
      </c>
      <c r="H53915" s="1" t="s">
        <v>181349</v>
      </c>
      <c r="I53915" s="1" t="s">
        <v>181018</v>
      </c>
      <c r="J53915" s="1" t="s">
        <v>181428</v>
      </c>
    </row>
    <row r="53916" spans="1:10" x14ac:dyDescent="0.35">
      <c r="A53916" s="1" t="s">
        <v>14013</v>
      </c>
      <c r="B53916" s="1" t="s">
        <v>181013</v>
      </c>
      <c r="C53916" s="1" t="s">
        <v>135</v>
      </c>
      <c r="D53916" s="1" t="s">
        <v>34003</v>
      </c>
      <c r="E53916" s="1" t="s">
        <v>181429</v>
      </c>
      <c r="F53916" s="1" t="s">
        <v>181430</v>
      </c>
      <c r="G53916" s="1" t="s">
        <v>181348</v>
      </c>
      <c r="H53916" s="1" t="s">
        <v>181349</v>
      </c>
      <c r="I53916" s="1" t="s">
        <v>181018</v>
      </c>
      <c r="J53916" s="1" t="s">
        <v>181431</v>
      </c>
    </row>
    <row r="53917" spans="1:10" x14ac:dyDescent="0.35">
      <c r="A53917" s="1" t="s">
        <v>14013</v>
      </c>
      <c r="B53917" s="1" t="s">
        <v>181013</v>
      </c>
      <c r="C53917" s="1" t="s">
        <v>140</v>
      </c>
      <c r="D53917" s="1" t="s">
        <v>181432</v>
      </c>
      <c r="E53917" s="1" t="s">
        <v>181433</v>
      </c>
      <c r="F53917" s="1" t="s">
        <v>181434</v>
      </c>
      <c r="G53917" s="1" t="s">
        <v>181348</v>
      </c>
      <c r="H53917" s="1" t="s">
        <v>181349</v>
      </c>
      <c r="I53917" s="1" t="s">
        <v>181018</v>
      </c>
      <c r="J53917" s="1" t="s">
        <v>181435</v>
      </c>
    </row>
    <row r="53918" spans="1:10" x14ac:dyDescent="0.35">
      <c r="A53918" s="1" t="s">
        <v>14013</v>
      </c>
      <c r="B53918" s="1" t="s">
        <v>181013</v>
      </c>
      <c r="C53918" s="1" t="s">
        <v>145</v>
      </c>
      <c r="D53918" s="1" t="s">
        <v>19207</v>
      </c>
      <c r="E53918" s="1" t="s">
        <v>181436</v>
      </c>
      <c r="F53918" s="1" t="s">
        <v>181437</v>
      </c>
      <c r="G53918" s="1" t="s">
        <v>181348</v>
      </c>
      <c r="H53918" s="1" t="s">
        <v>181349</v>
      </c>
      <c r="I53918" s="1" t="s">
        <v>181018</v>
      </c>
      <c r="J53918" s="1" t="s">
        <v>181438</v>
      </c>
    </row>
    <row r="53919" spans="1:10" x14ac:dyDescent="0.35">
      <c r="A53919" s="1" t="s">
        <v>14013</v>
      </c>
      <c r="B53919" s="1" t="s">
        <v>181013</v>
      </c>
      <c r="C53919" s="1" t="s">
        <v>150</v>
      </c>
      <c r="D53919" s="1" t="s">
        <v>43238</v>
      </c>
      <c r="E53919" s="1" t="s">
        <v>181439</v>
      </c>
      <c r="F53919" s="1" t="s">
        <v>181440</v>
      </c>
      <c r="G53919" s="1" t="s">
        <v>181348</v>
      </c>
      <c r="H53919" s="1" t="s">
        <v>181349</v>
      </c>
      <c r="I53919" s="1" t="s">
        <v>181018</v>
      </c>
      <c r="J53919" s="1" t="s">
        <v>181441</v>
      </c>
    </row>
    <row r="53920" spans="1:10" x14ac:dyDescent="0.35">
      <c r="A53920" s="1" t="s">
        <v>14013</v>
      </c>
      <c r="B53920" s="1" t="s">
        <v>181013</v>
      </c>
      <c r="C53920" s="1" t="s">
        <v>155</v>
      </c>
      <c r="D53920" s="1" t="s">
        <v>181442</v>
      </c>
      <c r="E53920" s="1" t="s">
        <v>181443</v>
      </c>
      <c r="F53920" s="1" t="s">
        <v>181444</v>
      </c>
      <c r="G53920" s="1" t="s">
        <v>181348</v>
      </c>
      <c r="H53920" s="1" t="s">
        <v>181349</v>
      </c>
      <c r="I53920" s="1" t="s">
        <v>181018</v>
      </c>
      <c r="J53920" s="1" t="s">
        <v>181445</v>
      </c>
    </row>
    <row r="53921" spans="1:10" x14ac:dyDescent="0.35">
      <c r="A53921" s="1" t="s">
        <v>14013</v>
      </c>
      <c r="B53921" s="1" t="s">
        <v>181013</v>
      </c>
      <c r="C53921" s="1" t="s">
        <v>160</v>
      </c>
      <c r="D53921" s="1" t="s">
        <v>45318</v>
      </c>
      <c r="E53921" s="1" t="s">
        <v>181446</v>
      </c>
      <c r="F53921" s="1" t="s">
        <v>181447</v>
      </c>
      <c r="G53921" s="1" t="s">
        <v>181348</v>
      </c>
      <c r="H53921" s="1" t="s">
        <v>181349</v>
      </c>
      <c r="I53921" s="1" t="s">
        <v>181018</v>
      </c>
      <c r="J53921" s="1" t="s">
        <v>181448</v>
      </c>
    </row>
    <row r="53922" spans="1:10" x14ac:dyDescent="0.35">
      <c r="A53922" s="1" t="s">
        <v>14013</v>
      </c>
      <c r="B53922" s="1" t="s">
        <v>181013</v>
      </c>
      <c r="C53922" s="1" t="s">
        <v>165</v>
      </c>
      <c r="D53922" s="1" t="s">
        <v>159928</v>
      </c>
      <c r="E53922" s="1" t="s">
        <v>181449</v>
      </c>
      <c r="F53922" s="1" t="s">
        <v>181450</v>
      </c>
      <c r="G53922" s="1" t="s">
        <v>181348</v>
      </c>
      <c r="H53922" s="1" t="s">
        <v>181349</v>
      </c>
      <c r="I53922" s="1" t="s">
        <v>181018</v>
      </c>
      <c r="J53922" s="1" t="s">
        <v>181451</v>
      </c>
    </row>
    <row r="53923" spans="1:10" x14ac:dyDescent="0.35">
      <c r="A53923" s="1" t="s">
        <v>14013</v>
      </c>
      <c r="B53923" s="1" t="s">
        <v>181013</v>
      </c>
      <c r="C53923" s="1" t="s">
        <v>170</v>
      </c>
      <c r="D53923" s="1" t="s">
        <v>177062</v>
      </c>
      <c r="E53923" s="1" t="s">
        <v>181452</v>
      </c>
      <c r="F53923" s="1" t="s">
        <v>181453</v>
      </c>
      <c r="G53923" s="1" t="s">
        <v>181348</v>
      </c>
      <c r="H53923" s="1" t="s">
        <v>181349</v>
      </c>
      <c r="I53923" s="1" t="s">
        <v>181018</v>
      </c>
      <c r="J53923" s="1" t="s">
        <v>181454</v>
      </c>
    </row>
    <row r="53924" spans="1:10" x14ac:dyDescent="0.35">
      <c r="A53924" s="1" t="s">
        <v>181455</v>
      </c>
      <c r="B53924" s="1" t="s">
        <v>181013</v>
      </c>
      <c r="C53924" s="1" t="s">
        <v>8</v>
      </c>
      <c r="D53924" s="1" t="s">
        <v>111448</v>
      </c>
      <c r="E53924" s="1" t="s">
        <v>181456</v>
      </c>
      <c r="F53924" s="1" t="s">
        <v>181457</v>
      </c>
      <c r="G53924" s="1" t="s">
        <v>181458</v>
      </c>
      <c r="H53924" s="1" t="s">
        <v>181459</v>
      </c>
      <c r="I53924" s="1" t="s">
        <v>181018</v>
      </c>
      <c r="J53924" s="1" t="s">
        <v>13</v>
      </c>
    </row>
    <row r="53925" spans="1:10" x14ac:dyDescent="0.35">
      <c r="A53925" s="1" t="s">
        <v>181455</v>
      </c>
      <c r="B53925" s="1" t="s">
        <v>181013</v>
      </c>
      <c r="C53925" s="1" t="s">
        <v>15</v>
      </c>
      <c r="D53925" s="1" t="s">
        <v>181460</v>
      </c>
      <c r="E53925" s="1" t="s">
        <v>181461</v>
      </c>
      <c r="F53925" s="1" t="s">
        <v>181462</v>
      </c>
      <c r="G53925" s="1" t="s">
        <v>181458</v>
      </c>
      <c r="H53925" s="1" t="s">
        <v>181459</v>
      </c>
      <c r="I53925" s="1" t="s">
        <v>181018</v>
      </c>
      <c r="J53925" s="1" t="s">
        <v>181463</v>
      </c>
    </row>
    <row r="53926" spans="1:10" x14ac:dyDescent="0.35">
      <c r="A53926" s="1" t="s">
        <v>181455</v>
      </c>
      <c r="B53926" s="1" t="s">
        <v>181013</v>
      </c>
      <c r="C53926" s="1" t="s">
        <v>20</v>
      </c>
      <c r="D53926" s="1" t="s">
        <v>181464</v>
      </c>
      <c r="E53926" s="1" t="s">
        <v>181465</v>
      </c>
      <c r="F53926" s="1" t="s">
        <v>181466</v>
      </c>
      <c r="G53926" s="1" t="s">
        <v>181458</v>
      </c>
      <c r="H53926" s="1" t="s">
        <v>181459</v>
      </c>
      <c r="I53926" s="1" t="s">
        <v>181018</v>
      </c>
      <c r="J53926" s="1" t="s">
        <v>181467</v>
      </c>
    </row>
    <row r="53927" spans="1:10" x14ac:dyDescent="0.35">
      <c r="A53927" s="1" t="s">
        <v>181455</v>
      </c>
      <c r="B53927" s="1" t="s">
        <v>181013</v>
      </c>
      <c r="C53927" s="1" t="s">
        <v>25</v>
      </c>
      <c r="D53927" s="1" t="s">
        <v>72222</v>
      </c>
      <c r="E53927" s="1" t="s">
        <v>181468</v>
      </c>
      <c r="F53927" s="1" t="s">
        <v>181469</v>
      </c>
      <c r="G53927" s="1" t="s">
        <v>181458</v>
      </c>
      <c r="H53927" s="1" t="s">
        <v>181459</v>
      </c>
      <c r="I53927" s="1" t="s">
        <v>181018</v>
      </c>
      <c r="J53927" s="1" t="s">
        <v>181470</v>
      </c>
    </row>
    <row r="53928" spans="1:10" x14ac:dyDescent="0.35">
      <c r="A53928" s="1" t="s">
        <v>181455</v>
      </c>
      <c r="B53928" s="1" t="s">
        <v>181013</v>
      </c>
      <c r="C53928" s="1" t="s">
        <v>30</v>
      </c>
      <c r="D53928" s="1" t="s">
        <v>111893</v>
      </c>
      <c r="E53928" s="1" t="s">
        <v>181471</v>
      </c>
      <c r="F53928" s="1" t="s">
        <v>181472</v>
      </c>
      <c r="G53928" s="1" t="s">
        <v>181458</v>
      </c>
      <c r="H53928" s="1" t="s">
        <v>181459</v>
      </c>
      <c r="I53928" s="1" t="s">
        <v>181018</v>
      </c>
      <c r="J53928" s="1" t="s">
        <v>181473</v>
      </c>
    </row>
    <row r="53929" spans="1:10" x14ac:dyDescent="0.35">
      <c r="A53929" s="1" t="s">
        <v>181455</v>
      </c>
      <c r="B53929" s="1" t="s">
        <v>181013</v>
      </c>
      <c r="C53929" s="1" t="s">
        <v>35</v>
      </c>
      <c r="D53929" s="1" t="s">
        <v>151519</v>
      </c>
      <c r="E53929" s="1" t="s">
        <v>181474</v>
      </c>
      <c r="F53929" s="1" t="s">
        <v>181475</v>
      </c>
      <c r="G53929" s="1" t="s">
        <v>181458</v>
      </c>
      <c r="H53929" s="1" t="s">
        <v>181459</v>
      </c>
      <c r="I53929" s="1" t="s">
        <v>181018</v>
      </c>
      <c r="J53929" s="1" t="s">
        <v>181476</v>
      </c>
    </row>
    <row r="53930" spans="1:10" x14ac:dyDescent="0.35">
      <c r="A53930" s="1" t="s">
        <v>181455</v>
      </c>
      <c r="B53930" s="1" t="s">
        <v>181013</v>
      </c>
      <c r="C53930" s="1" t="s">
        <v>40</v>
      </c>
      <c r="D53930" s="1" t="s">
        <v>181477</v>
      </c>
      <c r="E53930" s="1" t="s">
        <v>181478</v>
      </c>
      <c r="F53930" s="1" t="s">
        <v>181479</v>
      </c>
      <c r="G53930" s="1" t="s">
        <v>181458</v>
      </c>
      <c r="H53930" s="1" t="s">
        <v>181459</v>
      </c>
      <c r="I53930" s="1" t="s">
        <v>181018</v>
      </c>
      <c r="J53930" s="1" t="s">
        <v>181480</v>
      </c>
    </row>
    <row r="53931" spans="1:10" x14ac:dyDescent="0.35">
      <c r="A53931" s="1" t="s">
        <v>181455</v>
      </c>
      <c r="B53931" s="1" t="s">
        <v>181013</v>
      </c>
      <c r="C53931" s="1" t="s">
        <v>45</v>
      </c>
      <c r="D53931" s="1" t="s">
        <v>36212</v>
      </c>
      <c r="E53931" s="1" t="s">
        <v>181481</v>
      </c>
      <c r="F53931" s="1" t="s">
        <v>181482</v>
      </c>
      <c r="G53931" s="1" t="s">
        <v>181458</v>
      </c>
      <c r="H53931" s="1" t="s">
        <v>181459</v>
      </c>
      <c r="I53931" s="1" t="s">
        <v>181018</v>
      </c>
      <c r="J53931" s="1" t="s">
        <v>181483</v>
      </c>
    </row>
    <row r="53932" spans="1:10" x14ac:dyDescent="0.35">
      <c r="A53932" s="1" t="s">
        <v>181455</v>
      </c>
      <c r="B53932" s="1" t="s">
        <v>181013</v>
      </c>
      <c r="C53932" s="1" t="s">
        <v>50</v>
      </c>
      <c r="D53932" s="1" t="s">
        <v>181484</v>
      </c>
      <c r="E53932" s="1" t="s">
        <v>181485</v>
      </c>
      <c r="F53932" s="1" t="s">
        <v>181486</v>
      </c>
      <c r="G53932" s="1" t="s">
        <v>181458</v>
      </c>
      <c r="H53932" s="1" t="s">
        <v>181459</v>
      </c>
      <c r="I53932" s="1" t="s">
        <v>181018</v>
      </c>
      <c r="J53932" s="1" t="s">
        <v>181487</v>
      </c>
    </row>
    <row r="53933" spans="1:10" x14ac:dyDescent="0.35">
      <c r="A53933" s="1" t="s">
        <v>181455</v>
      </c>
      <c r="B53933" s="1" t="s">
        <v>181013</v>
      </c>
      <c r="C53933" s="1" t="s">
        <v>55</v>
      </c>
      <c r="D53933" s="1" t="s">
        <v>181488</v>
      </c>
      <c r="E53933" s="1" t="s">
        <v>181489</v>
      </c>
      <c r="F53933" s="1" t="s">
        <v>181490</v>
      </c>
      <c r="G53933" s="1" t="s">
        <v>181458</v>
      </c>
      <c r="H53933" s="1" t="s">
        <v>181459</v>
      </c>
      <c r="I53933" s="1" t="s">
        <v>181018</v>
      </c>
      <c r="J53933" s="1" t="s">
        <v>181491</v>
      </c>
    </row>
    <row r="53934" spans="1:10" x14ac:dyDescent="0.35">
      <c r="A53934" s="1" t="s">
        <v>181455</v>
      </c>
      <c r="B53934" s="1" t="s">
        <v>181013</v>
      </c>
      <c r="C53934" s="1" t="s">
        <v>60</v>
      </c>
      <c r="D53934" s="1" t="s">
        <v>33929</v>
      </c>
      <c r="E53934" s="1" t="s">
        <v>181492</v>
      </c>
      <c r="F53934" s="1" t="s">
        <v>181493</v>
      </c>
      <c r="G53934" s="1" t="s">
        <v>181458</v>
      </c>
      <c r="H53934" s="1" t="s">
        <v>181459</v>
      </c>
      <c r="I53934" s="1" t="s">
        <v>181018</v>
      </c>
      <c r="J53934" s="1" t="s">
        <v>181494</v>
      </c>
    </row>
    <row r="53935" spans="1:10" x14ac:dyDescent="0.35">
      <c r="A53935" s="1" t="s">
        <v>181455</v>
      </c>
      <c r="B53935" s="1" t="s">
        <v>181013</v>
      </c>
      <c r="C53935" s="1" t="s">
        <v>65</v>
      </c>
      <c r="D53935" s="1" t="s">
        <v>70858</v>
      </c>
      <c r="E53935" s="1" t="s">
        <v>181495</v>
      </c>
      <c r="F53935" s="1" t="s">
        <v>181496</v>
      </c>
      <c r="G53935" s="1" t="s">
        <v>181458</v>
      </c>
      <c r="H53935" s="1" t="s">
        <v>181459</v>
      </c>
      <c r="I53935" s="1" t="s">
        <v>181018</v>
      </c>
      <c r="J53935" s="1" t="s">
        <v>181497</v>
      </c>
    </row>
    <row r="53936" spans="1:10" x14ac:dyDescent="0.35">
      <c r="A53936" s="1" t="s">
        <v>181455</v>
      </c>
      <c r="B53936" s="1" t="s">
        <v>181013</v>
      </c>
      <c r="C53936" s="1" t="s">
        <v>70</v>
      </c>
      <c r="D53936" s="1" t="s">
        <v>125073</v>
      </c>
      <c r="E53936" s="1" t="s">
        <v>181498</v>
      </c>
      <c r="F53936" s="1" t="s">
        <v>181499</v>
      </c>
      <c r="G53936" s="1" t="s">
        <v>181458</v>
      </c>
      <c r="H53936" s="1" t="s">
        <v>181459</v>
      </c>
      <c r="I53936" s="1" t="s">
        <v>181018</v>
      </c>
      <c r="J53936" s="1" t="s">
        <v>181500</v>
      </c>
    </row>
    <row r="53937" spans="1:10" x14ac:dyDescent="0.35">
      <c r="A53937" s="1" t="s">
        <v>181455</v>
      </c>
      <c r="B53937" s="1" t="s">
        <v>181013</v>
      </c>
      <c r="C53937" s="1" t="s">
        <v>75</v>
      </c>
      <c r="D53937" s="1" t="s">
        <v>116418</v>
      </c>
      <c r="E53937" s="1" t="s">
        <v>181501</v>
      </c>
      <c r="F53937" s="1" t="s">
        <v>181502</v>
      </c>
      <c r="G53937" s="1" t="s">
        <v>181458</v>
      </c>
      <c r="H53937" s="1" t="s">
        <v>181459</v>
      </c>
      <c r="I53937" s="1" t="s">
        <v>181018</v>
      </c>
      <c r="J53937" s="1" t="s">
        <v>181503</v>
      </c>
    </row>
    <row r="53938" spans="1:10" x14ac:dyDescent="0.35">
      <c r="A53938" s="1" t="s">
        <v>181455</v>
      </c>
      <c r="B53938" s="1" t="s">
        <v>181013</v>
      </c>
      <c r="C53938" s="1" t="s">
        <v>80</v>
      </c>
      <c r="D53938" s="1" t="s">
        <v>144305</v>
      </c>
      <c r="E53938" s="1" t="s">
        <v>181504</v>
      </c>
      <c r="F53938" s="1" t="s">
        <v>181505</v>
      </c>
      <c r="G53938" s="1" t="s">
        <v>181458</v>
      </c>
      <c r="H53938" s="1" t="s">
        <v>181459</v>
      </c>
      <c r="I53938" s="1" t="s">
        <v>181018</v>
      </c>
      <c r="J53938" s="1" t="s">
        <v>181506</v>
      </c>
    </row>
    <row r="53939" spans="1:10" x14ac:dyDescent="0.35">
      <c r="A53939" s="1" t="s">
        <v>181455</v>
      </c>
      <c r="B53939" s="1" t="s">
        <v>181013</v>
      </c>
      <c r="C53939" s="1" t="s">
        <v>85</v>
      </c>
      <c r="D53939" s="1" t="s">
        <v>9554</v>
      </c>
      <c r="E53939" s="1" t="s">
        <v>181507</v>
      </c>
      <c r="F53939" s="1" t="s">
        <v>181508</v>
      </c>
      <c r="G53939" s="1" t="s">
        <v>181458</v>
      </c>
      <c r="H53939" s="1" t="s">
        <v>181459</v>
      </c>
      <c r="I53939" s="1" t="s">
        <v>181018</v>
      </c>
      <c r="J53939" s="1" t="s">
        <v>181509</v>
      </c>
    </row>
    <row r="53940" spans="1:10" x14ac:dyDescent="0.35">
      <c r="A53940" s="1" t="s">
        <v>181455</v>
      </c>
      <c r="B53940" s="1" t="s">
        <v>181013</v>
      </c>
      <c r="C53940" s="1" t="s">
        <v>90</v>
      </c>
      <c r="D53940" s="1" t="s">
        <v>169468</v>
      </c>
      <c r="E53940" s="1" t="s">
        <v>181510</v>
      </c>
      <c r="F53940" s="1" t="s">
        <v>181511</v>
      </c>
      <c r="G53940" s="1" t="s">
        <v>181458</v>
      </c>
      <c r="H53940" s="1" t="s">
        <v>181459</v>
      </c>
      <c r="I53940" s="1" t="s">
        <v>181018</v>
      </c>
      <c r="J53940" s="1" t="s">
        <v>181512</v>
      </c>
    </row>
    <row r="53941" spans="1:10" x14ac:dyDescent="0.35">
      <c r="A53941" s="1" t="s">
        <v>181455</v>
      </c>
      <c r="B53941" s="1" t="s">
        <v>181013</v>
      </c>
      <c r="C53941" s="1" t="s">
        <v>95</v>
      </c>
      <c r="D53941" s="1" t="s">
        <v>135566</v>
      </c>
      <c r="E53941" s="1" t="s">
        <v>181513</v>
      </c>
      <c r="F53941" s="1" t="s">
        <v>181514</v>
      </c>
      <c r="G53941" s="1" t="s">
        <v>181458</v>
      </c>
      <c r="H53941" s="1" t="s">
        <v>181459</v>
      </c>
      <c r="I53941" s="1" t="s">
        <v>181018</v>
      </c>
      <c r="J53941" s="1" t="s">
        <v>181515</v>
      </c>
    </row>
    <row r="53942" spans="1:10" x14ac:dyDescent="0.35">
      <c r="A53942" s="1" t="s">
        <v>181455</v>
      </c>
      <c r="B53942" s="1" t="s">
        <v>181013</v>
      </c>
      <c r="C53942" s="1" t="s">
        <v>100</v>
      </c>
      <c r="D53942" s="1" t="s">
        <v>72899</v>
      </c>
      <c r="E53942" s="1" t="s">
        <v>181516</v>
      </c>
      <c r="F53942" s="1" t="s">
        <v>181517</v>
      </c>
      <c r="G53942" s="1" t="s">
        <v>181458</v>
      </c>
      <c r="H53942" s="1" t="s">
        <v>181459</v>
      </c>
      <c r="I53942" s="1" t="s">
        <v>181018</v>
      </c>
      <c r="J53942" s="1" t="s">
        <v>181518</v>
      </c>
    </row>
    <row r="53943" spans="1:10" x14ac:dyDescent="0.35">
      <c r="A53943" s="1" t="s">
        <v>181455</v>
      </c>
      <c r="B53943" s="1" t="s">
        <v>181013</v>
      </c>
      <c r="C53943" s="1" t="s">
        <v>105</v>
      </c>
      <c r="D53943" s="1" t="s">
        <v>181519</v>
      </c>
      <c r="E53943" s="1" t="s">
        <v>181520</v>
      </c>
      <c r="F53943" s="1" t="s">
        <v>181521</v>
      </c>
      <c r="G53943" s="1" t="s">
        <v>181458</v>
      </c>
      <c r="H53943" s="1" t="s">
        <v>181459</v>
      </c>
      <c r="I53943" s="1" t="s">
        <v>181018</v>
      </c>
      <c r="J53943" s="1" t="s">
        <v>181522</v>
      </c>
    </row>
    <row r="53944" spans="1:10" x14ac:dyDescent="0.35">
      <c r="A53944" s="1" t="s">
        <v>181455</v>
      </c>
      <c r="B53944" s="1" t="s">
        <v>181013</v>
      </c>
      <c r="C53944" s="1" t="s">
        <v>110</v>
      </c>
      <c r="D53944" s="1" t="s">
        <v>181523</v>
      </c>
      <c r="E53944" s="1" t="s">
        <v>181524</v>
      </c>
      <c r="F53944" s="1" t="s">
        <v>181525</v>
      </c>
      <c r="G53944" s="1" t="s">
        <v>181458</v>
      </c>
      <c r="H53944" s="1" t="s">
        <v>181459</v>
      </c>
      <c r="I53944" s="1" t="s">
        <v>181018</v>
      </c>
      <c r="J53944" s="1" t="s">
        <v>181526</v>
      </c>
    </row>
    <row r="53945" spans="1:10" x14ac:dyDescent="0.35">
      <c r="A53945" s="1" t="s">
        <v>181455</v>
      </c>
      <c r="B53945" s="1" t="s">
        <v>181013</v>
      </c>
      <c r="C53945" s="1" t="s">
        <v>115</v>
      </c>
      <c r="D53945" s="1" t="s">
        <v>181527</v>
      </c>
      <c r="E53945" s="1" t="s">
        <v>181528</v>
      </c>
      <c r="F53945" s="1" t="s">
        <v>181529</v>
      </c>
      <c r="G53945" s="1" t="s">
        <v>181458</v>
      </c>
      <c r="H53945" s="1" t="s">
        <v>181459</v>
      </c>
      <c r="I53945" s="1" t="s">
        <v>181018</v>
      </c>
      <c r="J53945" s="1" t="s">
        <v>181530</v>
      </c>
    </row>
    <row r="53946" spans="1:10" x14ac:dyDescent="0.35">
      <c r="A53946" s="1" t="s">
        <v>181455</v>
      </c>
      <c r="B53946" s="1" t="s">
        <v>181013</v>
      </c>
      <c r="C53946" s="1" t="s">
        <v>120</v>
      </c>
      <c r="D53946" s="1" t="s">
        <v>17429</v>
      </c>
      <c r="E53946" s="1" t="s">
        <v>181531</v>
      </c>
      <c r="F53946" s="1" t="s">
        <v>181532</v>
      </c>
      <c r="G53946" s="1" t="s">
        <v>181458</v>
      </c>
      <c r="H53946" s="1" t="s">
        <v>181459</v>
      </c>
      <c r="I53946" s="1" t="s">
        <v>181018</v>
      </c>
      <c r="J53946" s="1" t="s">
        <v>181533</v>
      </c>
    </row>
    <row r="53947" spans="1:10" x14ac:dyDescent="0.35">
      <c r="A53947" s="1" t="s">
        <v>181455</v>
      </c>
      <c r="B53947" s="1" t="s">
        <v>181013</v>
      </c>
      <c r="C53947" s="1" t="s">
        <v>125</v>
      </c>
      <c r="D53947" s="1" t="s">
        <v>72392</v>
      </c>
      <c r="E53947" s="1" t="s">
        <v>181534</v>
      </c>
      <c r="F53947" s="1" t="s">
        <v>181535</v>
      </c>
      <c r="G53947" s="1" t="s">
        <v>181458</v>
      </c>
      <c r="H53947" s="1" t="s">
        <v>181459</v>
      </c>
      <c r="I53947" s="1" t="s">
        <v>181018</v>
      </c>
      <c r="J53947" s="1" t="s">
        <v>181536</v>
      </c>
    </row>
    <row r="53948" spans="1:10" x14ac:dyDescent="0.35">
      <c r="A53948" s="1" t="s">
        <v>181455</v>
      </c>
      <c r="B53948" s="1" t="s">
        <v>181013</v>
      </c>
      <c r="C53948" s="1" t="s">
        <v>130</v>
      </c>
      <c r="D53948" s="1" t="s">
        <v>50242</v>
      </c>
      <c r="E53948" s="1" t="s">
        <v>181537</v>
      </c>
      <c r="F53948" s="1" t="s">
        <v>181538</v>
      </c>
      <c r="G53948" s="1" t="s">
        <v>181458</v>
      </c>
      <c r="H53948" s="1" t="s">
        <v>181459</v>
      </c>
      <c r="I53948" s="1" t="s">
        <v>181018</v>
      </c>
      <c r="J53948" s="1" t="s">
        <v>181539</v>
      </c>
    </row>
    <row r="53949" spans="1:10" x14ac:dyDescent="0.35">
      <c r="A53949" s="1" t="s">
        <v>181455</v>
      </c>
      <c r="B53949" s="1" t="s">
        <v>181013</v>
      </c>
      <c r="C53949" s="1" t="s">
        <v>135</v>
      </c>
      <c r="D53949" s="1" t="s">
        <v>31370</v>
      </c>
      <c r="E53949" s="1" t="s">
        <v>181540</v>
      </c>
      <c r="F53949" s="1" t="s">
        <v>181541</v>
      </c>
      <c r="G53949" s="1" t="s">
        <v>181458</v>
      </c>
      <c r="H53949" s="1" t="s">
        <v>181459</v>
      </c>
      <c r="I53949" s="1" t="s">
        <v>181018</v>
      </c>
      <c r="J53949" s="1" t="s">
        <v>181542</v>
      </c>
    </row>
    <row r="53950" spans="1:10" x14ac:dyDescent="0.35">
      <c r="A53950" s="1" t="s">
        <v>181455</v>
      </c>
      <c r="B53950" s="1" t="s">
        <v>181013</v>
      </c>
      <c r="C53950" s="1" t="s">
        <v>140</v>
      </c>
      <c r="D53950" s="1" t="s">
        <v>120638</v>
      </c>
      <c r="E53950" s="1" t="s">
        <v>181543</v>
      </c>
      <c r="F53950" s="1" t="s">
        <v>181544</v>
      </c>
      <c r="G53950" s="1" t="s">
        <v>181458</v>
      </c>
      <c r="H53950" s="1" t="s">
        <v>181459</v>
      </c>
      <c r="I53950" s="1" t="s">
        <v>181018</v>
      </c>
      <c r="J53950" s="1" t="s">
        <v>181545</v>
      </c>
    </row>
    <row r="53951" spans="1:10" x14ac:dyDescent="0.35">
      <c r="A53951" s="1" t="s">
        <v>181455</v>
      </c>
      <c r="B53951" s="1" t="s">
        <v>181013</v>
      </c>
      <c r="C53951" s="1" t="s">
        <v>145</v>
      </c>
      <c r="D53951" s="1" t="s">
        <v>124385</v>
      </c>
      <c r="E53951" s="1" t="s">
        <v>181546</v>
      </c>
      <c r="F53951" s="1" t="s">
        <v>181547</v>
      </c>
      <c r="G53951" s="1" t="s">
        <v>181458</v>
      </c>
      <c r="H53951" s="1" t="s">
        <v>181459</v>
      </c>
      <c r="I53951" s="1" t="s">
        <v>181018</v>
      </c>
      <c r="J53951" s="1" t="s">
        <v>181548</v>
      </c>
    </row>
    <row r="53952" spans="1:10" x14ac:dyDescent="0.35">
      <c r="A53952" s="1" t="s">
        <v>181455</v>
      </c>
      <c r="B53952" s="1" t="s">
        <v>181013</v>
      </c>
      <c r="C53952" s="1" t="s">
        <v>150</v>
      </c>
      <c r="D53952" s="1" t="s">
        <v>11819</v>
      </c>
      <c r="E53952" s="1" t="s">
        <v>181549</v>
      </c>
      <c r="F53952" s="1" t="s">
        <v>181550</v>
      </c>
      <c r="G53952" s="1" t="s">
        <v>181458</v>
      </c>
      <c r="H53952" s="1" t="s">
        <v>181459</v>
      </c>
      <c r="I53952" s="1" t="s">
        <v>181018</v>
      </c>
      <c r="J53952" s="1" t="s">
        <v>181551</v>
      </c>
    </row>
    <row r="53953" spans="1:10" x14ac:dyDescent="0.35">
      <c r="A53953" s="1" t="s">
        <v>181455</v>
      </c>
      <c r="B53953" s="1" t="s">
        <v>181013</v>
      </c>
      <c r="C53953" s="1" t="s">
        <v>155</v>
      </c>
      <c r="D53953" s="1" t="s">
        <v>173148</v>
      </c>
      <c r="E53953" s="1" t="s">
        <v>181552</v>
      </c>
      <c r="F53953" s="1" t="s">
        <v>181553</v>
      </c>
      <c r="G53953" s="1" t="s">
        <v>181458</v>
      </c>
      <c r="H53953" s="1" t="s">
        <v>181459</v>
      </c>
      <c r="I53953" s="1" t="s">
        <v>181018</v>
      </c>
      <c r="J53953" s="1" t="s">
        <v>181554</v>
      </c>
    </row>
    <row r="53954" spans="1:10" x14ac:dyDescent="0.35">
      <c r="A53954" s="1" t="s">
        <v>181455</v>
      </c>
      <c r="B53954" s="1" t="s">
        <v>181013</v>
      </c>
      <c r="C53954" s="1" t="s">
        <v>160</v>
      </c>
      <c r="D53954" s="1" t="s">
        <v>181555</v>
      </c>
      <c r="E53954" s="1" t="s">
        <v>181556</v>
      </c>
      <c r="F53954" s="1" t="s">
        <v>181557</v>
      </c>
      <c r="G53954" s="1" t="s">
        <v>181458</v>
      </c>
      <c r="H53954" s="1" t="s">
        <v>181459</v>
      </c>
      <c r="I53954" s="1" t="s">
        <v>181018</v>
      </c>
      <c r="J53954" s="1" t="s">
        <v>181558</v>
      </c>
    </row>
    <row r="53955" spans="1:10" x14ac:dyDescent="0.35">
      <c r="A53955" s="1" t="s">
        <v>181455</v>
      </c>
      <c r="B53955" s="1" t="s">
        <v>181013</v>
      </c>
      <c r="C53955" s="1" t="s">
        <v>165</v>
      </c>
      <c r="D53955" s="1" t="s">
        <v>181559</v>
      </c>
      <c r="E53955" s="1" t="s">
        <v>181560</v>
      </c>
      <c r="F53955" s="1" t="s">
        <v>181561</v>
      </c>
      <c r="G53955" s="1" t="s">
        <v>181458</v>
      </c>
      <c r="H53955" s="1" t="s">
        <v>181459</v>
      </c>
      <c r="I53955" s="1" t="s">
        <v>181018</v>
      </c>
      <c r="J53955" s="1" t="s">
        <v>181562</v>
      </c>
    </row>
    <row r="53956" spans="1:10" x14ac:dyDescent="0.35">
      <c r="A53956" s="1" t="s">
        <v>181455</v>
      </c>
      <c r="B53956" s="1" t="s">
        <v>181013</v>
      </c>
      <c r="C53956" s="1" t="s">
        <v>170</v>
      </c>
      <c r="D53956" s="1" t="s">
        <v>47850</v>
      </c>
      <c r="E53956" s="1" t="s">
        <v>181563</v>
      </c>
      <c r="F53956" s="1" t="s">
        <v>181564</v>
      </c>
      <c r="G53956" s="1" t="s">
        <v>181458</v>
      </c>
      <c r="H53956" s="1" t="s">
        <v>181459</v>
      </c>
      <c r="I53956" s="1" t="s">
        <v>181018</v>
      </c>
      <c r="J53956" s="1" t="s">
        <v>181565</v>
      </c>
    </row>
    <row r="53957" spans="1:10" x14ac:dyDescent="0.35">
      <c r="A53957" s="1" t="s">
        <v>3961</v>
      </c>
      <c r="B53957" s="1" t="s">
        <v>181013</v>
      </c>
      <c r="C53957" s="1" t="s">
        <v>8</v>
      </c>
      <c r="D53957" s="1" t="s">
        <v>7086</v>
      </c>
      <c r="E53957" s="1" t="s">
        <v>181566</v>
      </c>
      <c r="F53957" s="1" t="s">
        <v>181567</v>
      </c>
      <c r="G53957" s="1" t="s">
        <v>181568</v>
      </c>
      <c r="H53957" s="1" t="s">
        <v>181569</v>
      </c>
      <c r="I53957" s="1" t="s">
        <v>181018</v>
      </c>
      <c r="J53957" s="1" t="s">
        <v>13</v>
      </c>
    </row>
    <row r="53958" spans="1:10" x14ac:dyDescent="0.35">
      <c r="A53958" s="1" t="s">
        <v>3961</v>
      </c>
      <c r="B53958" s="1" t="s">
        <v>181013</v>
      </c>
      <c r="C53958" s="1" t="s">
        <v>15</v>
      </c>
      <c r="D53958" s="1" t="s">
        <v>112491</v>
      </c>
      <c r="E53958" s="1" t="s">
        <v>181570</v>
      </c>
      <c r="F53958" s="1" t="s">
        <v>181571</v>
      </c>
      <c r="G53958" s="1" t="s">
        <v>181568</v>
      </c>
      <c r="H53958" s="1" t="s">
        <v>181569</v>
      </c>
      <c r="I53958" s="1" t="s">
        <v>181018</v>
      </c>
      <c r="J53958" s="1" t="s">
        <v>181572</v>
      </c>
    </row>
    <row r="53959" spans="1:10" x14ac:dyDescent="0.35">
      <c r="A53959" s="1" t="s">
        <v>3961</v>
      </c>
      <c r="B53959" s="1" t="s">
        <v>181013</v>
      </c>
      <c r="C53959" s="1" t="s">
        <v>20</v>
      </c>
      <c r="D53959" s="1" t="s">
        <v>6616</v>
      </c>
      <c r="E53959" s="1" t="s">
        <v>181573</v>
      </c>
      <c r="F53959" s="1" t="s">
        <v>181574</v>
      </c>
      <c r="G53959" s="1" t="s">
        <v>181568</v>
      </c>
      <c r="H53959" s="1" t="s">
        <v>181569</v>
      </c>
      <c r="I53959" s="1" t="s">
        <v>181018</v>
      </c>
      <c r="J53959" s="1" t="s">
        <v>181575</v>
      </c>
    </row>
    <row r="53960" spans="1:10" x14ac:dyDescent="0.35">
      <c r="A53960" s="1" t="s">
        <v>3961</v>
      </c>
      <c r="B53960" s="1" t="s">
        <v>181013</v>
      </c>
      <c r="C53960" s="1" t="s">
        <v>25</v>
      </c>
      <c r="D53960" s="1" t="s">
        <v>311</v>
      </c>
      <c r="E53960" s="1" t="s">
        <v>181576</v>
      </c>
      <c r="F53960" s="1" t="s">
        <v>181577</v>
      </c>
      <c r="G53960" s="1" t="s">
        <v>181568</v>
      </c>
      <c r="H53960" s="1" t="s">
        <v>181569</v>
      </c>
      <c r="I53960" s="1" t="s">
        <v>181018</v>
      </c>
      <c r="J53960" s="1" t="s">
        <v>181578</v>
      </c>
    </row>
    <row r="53961" spans="1:10" x14ac:dyDescent="0.35">
      <c r="A53961" s="1" t="s">
        <v>3961</v>
      </c>
      <c r="B53961" s="1" t="s">
        <v>181013</v>
      </c>
      <c r="C53961" s="1" t="s">
        <v>30</v>
      </c>
      <c r="D53961" s="1" t="s">
        <v>126285</v>
      </c>
      <c r="E53961" s="1" t="s">
        <v>181579</v>
      </c>
      <c r="F53961" s="1" t="s">
        <v>181580</v>
      </c>
      <c r="G53961" s="1" t="s">
        <v>181568</v>
      </c>
      <c r="H53961" s="1" t="s">
        <v>181569</v>
      </c>
      <c r="I53961" s="1" t="s">
        <v>181018</v>
      </c>
      <c r="J53961" s="1" t="s">
        <v>181581</v>
      </c>
    </row>
    <row r="53962" spans="1:10" x14ac:dyDescent="0.35">
      <c r="A53962" s="1" t="s">
        <v>3961</v>
      </c>
      <c r="B53962" s="1" t="s">
        <v>181013</v>
      </c>
      <c r="C53962" s="1" t="s">
        <v>35</v>
      </c>
      <c r="D53962" s="1" t="s">
        <v>181582</v>
      </c>
      <c r="E53962" s="1" t="s">
        <v>181583</v>
      </c>
      <c r="F53962" s="1" t="s">
        <v>181584</v>
      </c>
      <c r="G53962" s="1" t="s">
        <v>181568</v>
      </c>
      <c r="H53962" s="1" t="s">
        <v>181569</v>
      </c>
      <c r="I53962" s="1" t="s">
        <v>181018</v>
      </c>
      <c r="J53962" s="1" t="s">
        <v>181585</v>
      </c>
    </row>
    <row r="53963" spans="1:10" x14ac:dyDescent="0.35">
      <c r="A53963" s="1" t="s">
        <v>3961</v>
      </c>
      <c r="B53963" s="1" t="s">
        <v>181013</v>
      </c>
      <c r="C53963" s="1" t="s">
        <v>40</v>
      </c>
      <c r="D53963" s="1" t="s">
        <v>8782</v>
      </c>
      <c r="E53963" s="1" t="s">
        <v>181586</v>
      </c>
      <c r="F53963" s="1" t="s">
        <v>181587</v>
      </c>
      <c r="G53963" s="1" t="s">
        <v>181568</v>
      </c>
      <c r="H53963" s="1" t="s">
        <v>181569</v>
      </c>
      <c r="I53963" s="1" t="s">
        <v>181018</v>
      </c>
      <c r="J53963" s="1" t="s">
        <v>181588</v>
      </c>
    </row>
    <row r="53964" spans="1:10" x14ac:dyDescent="0.35">
      <c r="A53964" s="1" t="s">
        <v>3961</v>
      </c>
      <c r="B53964" s="1" t="s">
        <v>181013</v>
      </c>
      <c r="C53964" s="1" t="s">
        <v>45</v>
      </c>
      <c r="D53964" s="1" t="s">
        <v>120944</v>
      </c>
      <c r="E53964" s="1" t="s">
        <v>181589</v>
      </c>
      <c r="F53964" s="1" t="s">
        <v>181590</v>
      </c>
      <c r="G53964" s="1" t="s">
        <v>181568</v>
      </c>
      <c r="H53964" s="1" t="s">
        <v>181569</v>
      </c>
      <c r="I53964" s="1" t="s">
        <v>181018</v>
      </c>
      <c r="J53964" s="1" t="s">
        <v>181591</v>
      </c>
    </row>
    <row r="53965" spans="1:10" x14ac:dyDescent="0.35">
      <c r="A53965" s="1" t="s">
        <v>3961</v>
      </c>
      <c r="B53965" s="1" t="s">
        <v>181013</v>
      </c>
      <c r="C53965" s="1" t="s">
        <v>50</v>
      </c>
      <c r="D53965" s="1" t="s">
        <v>71737</v>
      </c>
      <c r="E53965" s="1" t="s">
        <v>181592</v>
      </c>
      <c r="F53965" s="1" t="s">
        <v>181593</v>
      </c>
      <c r="G53965" s="1" t="s">
        <v>181568</v>
      </c>
      <c r="H53965" s="1" t="s">
        <v>181569</v>
      </c>
      <c r="I53965" s="1" t="s">
        <v>181018</v>
      </c>
      <c r="J53965" s="1" t="s">
        <v>181594</v>
      </c>
    </row>
    <row r="53966" spans="1:10" x14ac:dyDescent="0.35">
      <c r="A53966" s="1" t="s">
        <v>3961</v>
      </c>
      <c r="B53966" s="1" t="s">
        <v>181013</v>
      </c>
      <c r="C53966" s="1" t="s">
        <v>55</v>
      </c>
      <c r="D53966" s="1" t="s">
        <v>123510</v>
      </c>
      <c r="E53966" s="1" t="s">
        <v>181595</v>
      </c>
      <c r="F53966" s="1" t="s">
        <v>181596</v>
      </c>
      <c r="G53966" s="1" t="s">
        <v>181568</v>
      </c>
      <c r="H53966" s="1" t="s">
        <v>181569</v>
      </c>
      <c r="I53966" s="1" t="s">
        <v>181018</v>
      </c>
      <c r="J53966" s="1" t="s">
        <v>181597</v>
      </c>
    </row>
    <row r="53967" spans="1:10" x14ac:dyDescent="0.35">
      <c r="A53967" s="1" t="s">
        <v>3961</v>
      </c>
      <c r="B53967" s="1" t="s">
        <v>181013</v>
      </c>
      <c r="C53967" s="1" t="s">
        <v>60</v>
      </c>
      <c r="D53967" s="1" t="s">
        <v>181598</v>
      </c>
      <c r="E53967" s="1" t="s">
        <v>181599</v>
      </c>
      <c r="F53967" s="1" t="s">
        <v>181600</v>
      </c>
      <c r="G53967" s="1" t="s">
        <v>181568</v>
      </c>
      <c r="H53967" s="1" t="s">
        <v>181569</v>
      </c>
      <c r="I53967" s="1" t="s">
        <v>181018</v>
      </c>
      <c r="J53967" s="1" t="s">
        <v>181601</v>
      </c>
    </row>
    <row r="53968" spans="1:10" x14ac:dyDescent="0.35">
      <c r="A53968" s="1" t="s">
        <v>3961</v>
      </c>
      <c r="B53968" s="1" t="s">
        <v>181013</v>
      </c>
      <c r="C53968" s="1" t="s">
        <v>65</v>
      </c>
      <c r="D53968" s="1" t="s">
        <v>34741</v>
      </c>
      <c r="E53968" s="1" t="s">
        <v>181602</v>
      </c>
      <c r="F53968" s="1" t="s">
        <v>181603</v>
      </c>
      <c r="G53968" s="1" t="s">
        <v>181568</v>
      </c>
      <c r="H53968" s="1" t="s">
        <v>181569</v>
      </c>
      <c r="I53968" s="1" t="s">
        <v>181018</v>
      </c>
      <c r="J53968" s="1" t="s">
        <v>181604</v>
      </c>
    </row>
    <row r="53969" spans="1:10" x14ac:dyDescent="0.35">
      <c r="A53969" s="1" t="s">
        <v>3961</v>
      </c>
      <c r="B53969" s="1" t="s">
        <v>181013</v>
      </c>
      <c r="C53969" s="1" t="s">
        <v>70</v>
      </c>
      <c r="D53969" s="1" t="s">
        <v>181605</v>
      </c>
      <c r="E53969" s="1" t="s">
        <v>181606</v>
      </c>
      <c r="F53969" s="1" t="s">
        <v>181607</v>
      </c>
      <c r="G53969" s="1" t="s">
        <v>181568</v>
      </c>
      <c r="H53969" s="1" t="s">
        <v>181569</v>
      </c>
      <c r="I53969" s="1" t="s">
        <v>181018</v>
      </c>
      <c r="J53969" s="1" t="s">
        <v>181608</v>
      </c>
    </row>
    <row r="53970" spans="1:10" x14ac:dyDescent="0.35">
      <c r="A53970" s="1" t="s">
        <v>3961</v>
      </c>
      <c r="B53970" s="1" t="s">
        <v>181013</v>
      </c>
      <c r="C53970" s="1" t="s">
        <v>75</v>
      </c>
      <c r="D53970" s="1" t="s">
        <v>151548</v>
      </c>
      <c r="E53970" s="1" t="s">
        <v>181609</v>
      </c>
      <c r="F53970" s="1" t="s">
        <v>181610</v>
      </c>
      <c r="G53970" s="1" t="s">
        <v>181568</v>
      </c>
      <c r="H53970" s="1" t="s">
        <v>181569</v>
      </c>
      <c r="I53970" s="1" t="s">
        <v>181018</v>
      </c>
      <c r="J53970" s="1" t="s">
        <v>181611</v>
      </c>
    </row>
    <row r="53971" spans="1:10" x14ac:dyDescent="0.35">
      <c r="A53971" s="1" t="s">
        <v>3961</v>
      </c>
      <c r="B53971" s="1" t="s">
        <v>181013</v>
      </c>
      <c r="C53971" s="1" t="s">
        <v>80</v>
      </c>
      <c r="D53971" s="1" t="s">
        <v>51573</v>
      </c>
      <c r="E53971" s="1" t="s">
        <v>181612</v>
      </c>
      <c r="F53971" s="1" t="s">
        <v>181613</v>
      </c>
      <c r="G53971" s="1" t="s">
        <v>181568</v>
      </c>
      <c r="H53971" s="1" t="s">
        <v>181569</v>
      </c>
      <c r="I53971" s="1" t="s">
        <v>181018</v>
      </c>
      <c r="J53971" s="1" t="s">
        <v>181614</v>
      </c>
    </row>
    <row r="53972" spans="1:10" x14ac:dyDescent="0.35">
      <c r="A53972" s="1" t="s">
        <v>3961</v>
      </c>
      <c r="B53972" s="1" t="s">
        <v>181013</v>
      </c>
      <c r="C53972" s="1" t="s">
        <v>85</v>
      </c>
      <c r="D53972" s="1" t="s">
        <v>70959</v>
      </c>
      <c r="E53972" s="1" t="s">
        <v>181615</v>
      </c>
      <c r="F53972" s="1" t="s">
        <v>181616</v>
      </c>
      <c r="G53972" s="1" t="s">
        <v>181568</v>
      </c>
      <c r="H53972" s="1" t="s">
        <v>181569</v>
      </c>
      <c r="I53972" s="1" t="s">
        <v>181018</v>
      </c>
      <c r="J53972" s="1" t="s">
        <v>181617</v>
      </c>
    </row>
    <row r="53973" spans="1:10" x14ac:dyDescent="0.35">
      <c r="A53973" s="1" t="s">
        <v>3961</v>
      </c>
      <c r="B53973" s="1" t="s">
        <v>181013</v>
      </c>
      <c r="C53973" s="1" t="s">
        <v>90</v>
      </c>
      <c r="D53973" s="1" t="s">
        <v>146908</v>
      </c>
      <c r="E53973" s="1" t="s">
        <v>181618</v>
      </c>
      <c r="F53973" s="1" t="s">
        <v>181619</v>
      </c>
      <c r="G53973" s="1" t="s">
        <v>181568</v>
      </c>
      <c r="H53973" s="1" t="s">
        <v>181569</v>
      </c>
      <c r="I53973" s="1" t="s">
        <v>181018</v>
      </c>
      <c r="J53973" s="1" t="s">
        <v>181620</v>
      </c>
    </row>
    <row r="53974" spans="1:10" x14ac:dyDescent="0.35">
      <c r="A53974" s="1" t="s">
        <v>3961</v>
      </c>
      <c r="B53974" s="1" t="s">
        <v>181013</v>
      </c>
      <c r="C53974" s="1" t="s">
        <v>95</v>
      </c>
      <c r="D53974" s="1" t="s">
        <v>124106</v>
      </c>
      <c r="E53974" s="1" t="s">
        <v>181621</v>
      </c>
      <c r="F53974" s="1" t="s">
        <v>181622</v>
      </c>
      <c r="G53974" s="1" t="s">
        <v>181568</v>
      </c>
      <c r="H53974" s="1" t="s">
        <v>181569</v>
      </c>
      <c r="I53974" s="1" t="s">
        <v>181018</v>
      </c>
      <c r="J53974" s="1" t="s">
        <v>181623</v>
      </c>
    </row>
    <row r="53975" spans="1:10" x14ac:dyDescent="0.35">
      <c r="A53975" s="1" t="s">
        <v>3961</v>
      </c>
      <c r="B53975" s="1" t="s">
        <v>181013</v>
      </c>
      <c r="C53975" s="1" t="s">
        <v>100</v>
      </c>
      <c r="D53975" s="1" t="s">
        <v>142406</v>
      </c>
      <c r="E53975" s="1" t="s">
        <v>181624</v>
      </c>
      <c r="F53975" s="1" t="s">
        <v>181625</v>
      </c>
      <c r="G53975" s="1" t="s">
        <v>181568</v>
      </c>
      <c r="H53975" s="1" t="s">
        <v>181569</v>
      </c>
      <c r="I53975" s="1" t="s">
        <v>181018</v>
      </c>
      <c r="J53975" s="1" t="s">
        <v>181626</v>
      </c>
    </row>
    <row r="53976" spans="1:10" x14ac:dyDescent="0.35">
      <c r="A53976" s="1" t="s">
        <v>3961</v>
      </c>
      <c r="B53976" s="1" t="s">
        <v>181013</v>
      </c>
      <c r="C53976" s="1" t="s">
        <v>105</v>
      </c>
      <c r="D53976" s="1" t="s">
        <v>125779</v>
      </c>
      <c r="E53976" s="1" t="s">
        <v>181627</v>
      </c>
      <c r="F53976" s="1" t="s">
        <v>181628</v>
      </c>
      <c r="G53976" s="1" t="s">
        <v>181568</v>
      </c>
      <c r="H53976" s="1" t="s">
        <v>181569</v>
      </c>
      <c r="I53976" s="1" t="s">
        <v>181018</v>
      </c>
      <c r="J53976" s="1" t="s">
        <v>181629</v>
      </c>
    </row>
    <row r="53977" spans="1:10" x14ac:dyDescent="0.35">
      <c r="A53977" s="1" t="s">
        <v>3961</v>
      </c>
      <c r="B53977" s="1" t="s">
        <v>181013</v>
      </c>
      <c r="C53977" s="1" t="s">
        <v>110</v>
      </c>
      <c r="D53977" s="1" t="s">
        <v>181630</v>
      </c>
      <c r="E53977" s="1" t="s">
        <v>181631</v>
      </c>
      <c r="F53977" s="1" t="s">
        <v>181632</v>
      </c>
      <c r="G53977" s="1" t="s">
        <v>181568</v>
      </c>
      <c r="H53977" s="1" t="s">
        <v>181569</v>
      </c>
      <c r="I53977" s="1" t="s">
        <v>181018</v>
      </c>
      <c r="J53977" s="1" t="s">
        <v>181633</v>
      </c>
    </row>
    <row r="53978" spans="1:10" x14ac:dyDescent="0.35">
      <c r="A53978" s="1" t="s">
        <v>3961</v>
      </c>
      <c r="B53978" s="1" t="s">
        <v>181013</v>
      </c>
      <c r="C53978" s="1" t="s">
        <v>115</v>
      </c>
      <c r="D53978" s="1" t="s">
        <v>135447</v>
      </c>
      <c r="E53978" s="1" t="s">
        <v>181634</v>
      </c>
      <c r="F53978" s="1" t="s">
        <v>181635</v>
      </c>
      <c r="G53978" s="1" t="s">
        <v>181568</v>
      </c>
      <c r="H53978" s="1" t="s">
        <v>181569</v>
      </c>
      <c r="I53978" s="1" t="s">
        <v>181018</v>
      </c>
      <c r="J53978" s="1" t="s">
        <v>181636</v>
      </c>
    </row>
    <row r="53979" spans="1:10" x14ac:dyDescent="0.35">
      <c r="A53979" s="1" t="s">
        <v>3961</v>
      </c>
      <c r="B53979" s="1" t="s">
        <v>181013</v>
      </c>
      <c r="C53979" s="1" t="s">
        <v>120</v>
      </c>
      <c r="D53979" s="1" t="s">
        <v>35362</v>
      </c>
      <c r="E53979" s="1" t="s">
        <v>181637</v>
      </c>
      <c r="F53979" s="1" t="s">
        <v>181638</v>
      </c>
      <c r="G53979" s="1" t="s">
        <v>181568</v>
      </c>
      <c r="H53979" s="1" t="s">
        <v>181569</v>
      </c>
      <c r="I53979" s="1" t="s">
        <v>181018</v>
      </c>
      <c r="J53979" s="1" t="s">
        <v>181639</v>
      </c>
    </row>
    <row r="53980" spans="1:10" x14ac:dyDescent="0.35">
      <c r="A53980" s="1" t="s">
        <v>3961</v>
      </c>
      <c r="B53980" s="1" t="s">
        <v>181013</v>
      </c>
      <c r="C53980" s="1" t="s">
        <v>125</v>
      </c>
      <c r="D53980" s="1" t="s">
        <v>181172</v>
      </c>
      <c r="E53980" s="1" t="s">
        <v>181640</v>
      </c>
      <c r="F53980" s="1" t="s">
        <v>181641</v>
      </c>
      <c r="G53980" s="1" t="s">
        <v>181568</v>
      </c>
      <c r="H53980" s="1" t="s">
        <v>181569</v>
      </c>
      <c r="I53980" s="1" t="s">
        <v>181018</v>
      </c>
      <c r="J53980" s="1" t="s">
        <v>181642</v>
      </c>
    </row>
    <row r="53981" spans="1:10" x14ac:dyDescent="0.35">
      <c r="A53981" s="1" t="s">
        <v>3961</v>
      </c>
      <c r="B53981" s="1" t="s">
        <v>181013</v>
      </c>
      <c r="C53981" s="1" t="s">
        <v>130</v>
      </c>
      <c r="D53981" s="1" t="s">
        <v>46288</v>
      </c>
      <c r="E53981" s="1" t="s">
        <v>181643</v>
      </c>
      <c r="F53981" s="1" t="s">
        <v>181644</v>
      </c>
      <c r="G53981" s="1" t="s">
        <v>181568</v>
      </c>
      <c r="H53981" s="1" t="s">
        <v>181569</v>
      </c>
      <c r="I53981" s="1" t="s">
        <v>181018</v>
      </c>
      <c r="J53981" s="1" t="s">
        <v>181645</v>
      </c>
    </row>
    <row r="53982" spans="1:10" x14ac:dyDescent="0.35">
      <c r="A53982" s="1" t="s">
        <v>3961</v>
      </c>
      <c r="B53982" s="1" t="s">
        <v>181013</v>
      </c>
      <c r="C53982" s="1" t="s">
        <v>135</v>
      </c>
      <c r="D53982" s="1" t="s">
        <v>181646</v>
      </c>
      <c r="E53982" s="1" t="s">
        <v>181647</v>
      </c>
      <c r="F53982" s="1" t="s">
        <v>181648</v>
      </c>
      <c r="G53982" s="1" t="s">
        <v>181568</v>
      </c>
      <c r="H53982" s="1" t="s">
        <v>181569</v>
      </c>
      <c r="I53982" s="1" t="s">
        <v>181018</v>
      </c>
      <c r="J53982" s="1" t="s">
        <v>181649</v>
      </c>
    </row>
    <row r="53983" spans="1:10" x14ac:dyDescent="0.35">
      <c r="A53983" s="1" t="s">
        <v>3961</v>
      </c>
      <c r="B53983" s="1" t="s">
        <v>181013</v>
      </c>
      <c r="C53983" s="1" t="s">
        <v>140</v>
      </c>
      <c r="D53983" s="1" t="s">
        <v>9770</v>
      </c>
      <c r="E53983" s="1" t="s">
        <v>181650</v>
      </c>
      <c r="F53983" s="1" t="s">
        <v>181651</v>
      </c>
      <c r="G53983" s="1" t="s">
        <v>181568</v>
      </c>
      <c r="H53983" s="1" t="s">
        <v>181569</v>
      </c>
      <c r="I53983" s="1" t="s">
        <v>181018</v>
      </c>
      <c r="J53983" s="1" t="s">
        <v>181652</v>
      </c>
    </row>
    <row r="53984" spans="1:10" x14ac:dyDescent="0.35">
      <c r="A53984" s="1" t="s">
        <v>3961</v>
      </c>
      <c r="B53984" s="1" t="s">
        <v>181013</v>
      </c>
      <c r="C53984" s="1" t="s">
        <v>145</v>
      </c>
      <c r="D53984" s="1" t="s">
        <v>4237</v>
      </c>
      <c r="E53984" s="1" t="s">
        <v>181653</v>
      </c>
      <c r="F53984" s="1" t="s">
        <v>181654</v>
      </c>
      <c r="G53984" s="1" t="s">
        <v>181568</v>
      </c>
      <c r="H53984" s="1" t="s">
        <v>181569</v>
      </c>
      <c r="I53984" s="1" t="s">
        <v>181018</v>
      </c>
      <c r="J53984" s="1" t="s">
        <v>181655</v>
      </c>
    </row>
    <row r="53985" spans="1:10" x14ac:dyDescent="0.35">
      <c r="A53985" s="1" t="s">
        <v>3961</v>
      </c>
      <c r="B53985" s="1" t="s">
        <v>181013</v>
      </c>
      <c r="C53985" s="1" t="s">
        <v>150</v>
      </c>
      <c r="D53985" s="1" t="s">
        <v>31634</v>
      </c>
      <c r="E53985" s="1" t="s">
        <v>181656</v>
      </c>
      <c r="F53985" s="1" t="s">
        <v>181657</v>
      </c>
      <c r="G53985" s="1" t="s">
        <v>181568</v>
      </c>
      <c r="H53985" s="1" t="s">
        <v>181569</v>
      </c>
      <c r="I53985" s="1" t="s">
        <v>181018</v>
      </c>
      <c r="J53985" s="1" t="s">
        <v>181658</v>
      </c>
    </row>
    <row r="53986" spans="1:10" x14ac:dyDescent="0.35">
      <c r="A53986" s="1" t="s">
        <v>3961</v>
      </c>
      <c r="B53986" s="1" t="s">
        <v>181013</v>
      </c>
      <c r="C53986" s="1" t="s">
        <v>155</v>
      </c>
      <c r="D53986" s="1" t="s">
        <v>181038</v>
      </c>
      <c r="E53986" s="1" t="s">
        <v>181659</v>
      </c>
      <c r="F53986" s="1" t="s">
        <v>181660</v>
      </c>
      <c r="G53986" s="1" t="s">
        <v>181568</v>
      </c>
      <c r="H53986" s="1" t="s">
        <v>181569</v>
      </c>
      <c r="I53986" s="1" t="s">
        <v>181018</v>
      </c>
      <c r="J53986" s="1" t="s">
        <v>181661</v>
      </c>
    </row>
    <row r="53987" spans="1:10" x14ac:dyDescent="0.35">
      <c r="A53987" s="1" t="s">
        <v>3961</v>
      </c>
      <c r="B53987" s="1" t="s">
        <v>181013</v>
      </c>
      <c r="C53987" s="1" t="s">
        <v>160</v>
      </c>
      <c r="D53987" s="1" t="s">
        <v>154546</v>
      </c>
      <c r="E53987" s="1" t="s">
        <v>181662</v>
      </c>
      <c r="F53987" s="1" t="s">
        <v>181663</v>
      </c>
      <c r="G53987" s="1" t="s">
        <v>181568</v>
      </c>
      <c r="H53987" s="1" t="s">
        <v>181569</v>
      </c>
      <c r="I53987" s="1" t="s">
        <v>181018</v>
      </c>
      <c r="J53987" s="1" t="s">
        <v>181664</v>
      </c>
    </row>
    <row r="53988" spans="1:10" x14ac:dyDescent="0.35">
      <c r="A53988" s="1" t="s">
        <v>3961</v>
      </c>
      <c r="B53988" s="1" t="s">
        <v>181013</v>
      </c>
      <c r="C53988" s="1" t="s">
        <v>165</v>
      </c>
      <c r="D53988" s="1" t="s">
        <v>38420</v>
      </c>
      <c r="E53988" s="1" t="s">
        <v>181665</v>
      </c>
      <c r="F53988" s="1" t="s">
        <v>181666</v>
      </c>
      <c r="G53988" s="1" t="s">
        <v>181568</v>
      </c>
      <c r="H53988" s="1" t="s">
        <v>181569</v>
      </c>
      <c r="I53988" s="1" t="s">
        <v>181018</v>
      </c>
      <c r="J53988" s="1" t="s">
        <v>181667</v>
      </c>
    </row>
    <row r="53989" spans="1:10" x14ac:dyDescent="0.35">
      <c r="A53989" s="1" t="s">
        <v>3961</v>
      </c>
      <c r="B53989" s="1" t="s">
        <v>181013</v>
      </c>
      <c r="C53989" s="1" t="s">
        <v>170</v>
      </c>
      <c r="D53989" s="1" t="s">
        <v>31047</v>
      </c>
      <c r="E53989" s="1" t="s">
        <v>181668</v>
      </c>
      <c r="F53989" s="1" t="s">
        <v>181669</v>
      </c>
      <c r="G53989" s="1" t="s">
        <v>181568</v>
      </c>
      <c r="H53989" s="1" t="s">
        <v>181569</v>
      </c>
      <c r="I53989" s="1" t="s">
        <v>181018</v>
      </c>
      <c r="J53989" s="1" t="s">
        <v>181670</v>
      </c>
    </row>
    <row r="53990" spans="1:10" x14ac:dyDescent="0.35">
      <c r="A53990" s="1" t="s">
        <v>3938</v>
      </c>
      <c r="B53990" s="1" t="s">
        <v>181013</v>
      </c>
      <c r="C53990" s="1" t="s">
        <v>8</v>
      </c>
      <c r="D53990" s="1" t="s">
        <v>47225</v>
      </c>
      <c r="E53990" s="1" t="s">
        <v>181671</v>
      </c>
      <c r="F53990" s="1" t="s">
        <v>181672</v>
      </c>
      <c r="G53990" s="1" t="s">
        <v>181673</v>
      </c>
      <c r="H53990" s="1" t="s">
        <v>181674</v>
      </c>
      <c r="I53990" s="1" t="s">
        <v>181018</v>
      </c>
      <c r="J53990" s="1" t="s">
        <v>13</v>
      </c>
    </row>
    <row r="53991" spans="1:10" x14ac:dyDescent="0.35">
      <c r="A53991" s="1" t="s">
        <v>3938</v>
      </c>
      <c r="B53991" s="1" t="s">
        <v>181013</v>
      </c>
      <c r="C53991" s="1" t="s">
        <v>15</v>
      </c>
      <c r="D53991" s="1" t="s">
        <v>70749</v>
      </c>
      <c r="E53991" s="1" t="s">
        <v>181675</v>
      </c>
      <c r="F53991" s="1" t="s">
        <v>181676</v>
      </c>
      <c r="G53991" s="1" t="s">
        <v>181673</v>
      </c>
      <c r="H53991" s="1" t="s">
        <v>181674</v>
      </c>
      <c r="I53991" s="1" t="s">
        <v>181018</v>
      </c>
      <c r="J53991" s="1" t="s">
        <v>181677</v>
      </c>
    </row>
    <row r="53992" spans="1:10" x14ac:dyDescent="0.35">
      <c r="A53992" s="1" t="s">
        <v>3938</v>
      </c>
      <c r="B53992" s="1" t="s">
        <v>181013</v>
      </c>
      <c r="C53992" s="1" t="s">
        <v>20</v>
      </c>
      <c r="D53992" s="1" t="s">
        <v>124957</v>
      </c>
      <c r="E53992" s="1" t="s">
        <v>181678</v>
      </c>
      <c r="F53992" s="1" t="s">
        <v>181679</v>
      </c>
      <c r="G53992" s="1" t="s">
        <v>181673</v>
      </c>
      <c r="H53992" s="1" t="s">
        <v>181674</v>
      </c>
      <c r="I53992" s="1" t="s">
        <v>181018</v>
      </c>
      <c r="J53992" s="1" t="s">
        <v>181680</v>
      </c>
    </row>
    <row r="53993" spans="1:10" x14ac:dyDescent="0.35">
      <c r="A53993" s="1" t="s">
        <v>3938</v>
      </c>
      <c r="B53993" s="1" t="s">
        <v>181013</v>
      </c>
      <c r="C53993" s="1" t="s">
        <v>25</v>
      </c>
      <c r="D53993" s="1" t="s">
        <v>34919</v>
      </c>
      <c r="E53993" s="1" t="s">
        <v>181681</v>
      </c>
      <c r="F53993" s="1" t="s">
        <v>181682</v>
      </c>
      <c r="G53993" s="1" t="s">
        <v>181673</v>
      </c>
      <c r="H53993" s="1" t="s">
        <v>181674</v>
      </c>
      <c r="I53993" s="1" t="s">
        <v>181018</v>
      </c>
      <c r="J53993" s="1" t="s">
        <v>181683</v>
      </c>
    </row>
    <row r="53994" spans="1:10" x14ac:dyDescent="0.35">
      <c r="A53994" s="1" t="s">
        <v>3938</v>
      </c>
      <c r="B53994" s="1" t="s">
        <v>181013</v>
      </c>
      <c r="C53994" s="1" t="s">
        <v>30</v>
      </c>
      <c r="D53994" s="1" t="s">
        <v>45168</v>
      </c>
      <c r="E53994" s="1" t="s">
        <v>181684</v>
      </c>
      <c r="F53994" s="1" t="s">
        <v>181685</v>
      </c>
      <c r="G53994" s="1" t="s">
        <v>181673</v>
      </c>
      <c r="H53994" s="1" t="s">
        <v>181674</v>
      </c>
      <c r="I53994" s="1" t="s">
        <v>181018</v>
      </c>
      <c r="J53994" s="1" t="s">
        <v>181686</v>
      </c>
    </row>
    <row r="53995" spans="1:10" x14ac:dyDescent="0.35">
      <c r="A53995" s="1" t="s">
        <v>3938</v>
      </c>
      <c r="B53995" s="1" t="s">
        <v>181013</v>
      </c>
      <c r="C53995" s="1" t="s">
        <v>35</v>
      </c>
      <c r="D53995" s="1" t="s">
        <v>44086</v>
      </c>
      <c r="E53995" s="1" t="s">
        <v>181687</v>
      </c>
      <c r="F53995" s="1" t="s">
        <v>181688</v>
      </c>
      <c r="G53995" s="1" t="s">
        <v>181673</v>
      </c>
      <c r="H53995" s="1" t="s">
        <v>181674</v>
      </c>
      <c r="I53995" s="1" t="s">
        <v>181018</v>
      </c>
      <c r="J53995" s="1" t="s">
        <v>181689</v>
      </c>
    </row>
    <row r="53996" spans="1:10" x14ac:dyDescent="0.35">
      <c r="A53996" s="1" t="s">
        <v>3938</v>
      </c>
      <c r="B53996" s="1" t="s">
        <v>181013</v>
      </c>
      <c r="C53996" s="1" t="s">
        <v>40</v>
      </c>
      <c r="D53996" s="1" t="s">
        <v>35887</v>
      </c>
      <c r="E53996" s="1" t="s">
        <v>181690</v>
      </c>
      <c r="F53996" s="1" t="s">
        <v>181691</v>
      </c>
      <c r="G53996" s="1" t="s">
        <v>181673</v>
      </c>
      <c r="H53996" s="1" t="s">
        <v>181674</v>
      </c>
      <c r="I53996" s="1" t="s">
        <v>181018</v>
      </c>
      <c r="J53996" s="1" t="s">
        <v>181692</v>
      </c>
    </row>
    <row r="53997" spans="1:10" x14ac:dyDescent="0.35">
      <c r="A53997" s="1" t="s">
        <v>3938</v>
      </c>
      <c r="B53997" s="1" t="s">
        <v>181013</v>
      </c>
      <c r="C53997" s="1" t="s">
        <v>45</v>
      </c>
      <c r="D53997" s="1" t="s">
        <v>6743</v>
      </c>
      <c r="E53997" s="1" t="s">
        <v>181693</v>
      </c>
      <c r="F53997" s="1" t="s">
        <v>181694</v>
      </c>
      <c r="G53997" s="1" t="s">
        <v>181673</v>
      </c>
      <c r="H53997" s="1" t="s">
        <v>181674</v>
      </c>
      <c r="I53997" s="1" t="s">
        <v>181018</v>
      </c>
      <c r="J53997" s="1" t="s">
        <v>181695</v>
      </c>
    </row>
    <row r="53998" spans="1:10" x14ac:dyDescent="0.35">
      <c r="A53998" s="1" t="s">
        <v>3938</v>
      </c>
      <c r="B53998" s="1" t="s">
        <v>181013</v>
      </c>
      <c r="C53998" s="1" t="s">
        <v>50</v>
      </c>
      <c r="D53998" s="1" t="s">
        <v>173049</v>
      </c>
      <c r="E53998" s="1" t="s">
        <v>181696</v>
      </c>
      <c r="F53998" s="1" t="s">
        <v>181697</v>
      </c>
      <c r="G53998" s="1" t="s">
        <v>181673</v>
      </c>
      <c r="H53998" s="1" t="s">
        <v>181674</v>
      </c>
      <c r="I53998" s="1" t="s">
        <v>181018</v>
      </c>
      <c r="J53998" s="1" t="s">
        <v>181698</v>
      </c>
    </row>
    <row r="53999" spans="1:10" x14ac:dyDescent="0.35">
      <c r="A53999" s="1" t="s">
        <v>3938</v>
      </c>
      <c r="B53999" s="1" t="s">
        <v>181013</v>
      </c>
      <c r="C53999" s="1" t="s">
        <v>55</v>
      </c>
      <c r="D53999" s="1" t="s">
        <v>44963</v>
      </c>
      <c r="E53999" s="1" t="s">
        <v>181699</v>
      </c>
      <c r="F53999" s="1" t="s">
        <v>181700</v>
      </c>
      <c r="G53999" s="1" t="s">
        <v>181673</v>
      </c>
      <c r="H53999" s="1" t="s">
        <v>181674</v>
      </c>
      <c r="I53999" s="1" t="s">
        <v>181018</v>
      </c>
      <c r="J53999" s="1" t="s">
        <v>181701</v>
      </c>
    </row>
    <row r="54000" spans="1:10" x14ac:dyDescent="0.35">
      <c r="A54000" s="1" t="s">
        <v>3938</v>
      </c>
      <c r="B54000" s="1" t="s">
        <v>181013</v>
      </c>
      <c r="C54000" s="1" t="s">
        <v>60</v>
      </c>
      <c r="D54000" s="1" t="s">
        <v>14845</v>
      </c>
      <c r="E54000" s="1" t="s">
        <v>181702</v>
      </c>
      <c r="F54000" s="1" t="s">
        <v>181703</v>
      </c>
      <c r="G54000" s="1" t="s">
        <v>181673</v>
      </c>
      <c r="H54000" s="1" t="s">
        <v>181674</v>
      </c>
      <c r="I54000" s="1" t="s">
        <v>181018</v>
      </c>
      <c r="J54000" s="1" t="s">
        <v>181704</v>
      </c>
    </row>
    <row r="54001" spans="1:10" x14ac:dyDescent="0.35">
      <c r="A54001" s="1" t="s">
        <v>3938</v>
      </c>
      <c r="B54001" s="1" t="s">
        <v>181013</v>
      </c>
      <c r="C54001" s="1" t="s">
        <v>65</v>
      </c>
      <c r="D54001" s="1" t="s">
        <v>72594</v>
      </c>
      <c r="E54001" s="1" t="s">
        <v>181705</v>
      </c>
      <c r="F54001" s="1" t="s">
        <v>181706</v>
      </c>
      <c r="G54001" s="1" t="s">
        <v>181673</v>
      </c>
      <c r="H54001" s="1" t="s">
        <v>181674</v>
      </c>
      <c r="I54001" s="1" t="s">
        <v>181018</v>
      </c>
      <c r="J54001" s="1" t="s">
        <v>181707</v>
      </c>
    </row>
    <row r="54002" spans="1:10" x14ac:dyDescent="0.35">
      <c r="A54002" s="1" t="s">
        <v>3938</v>
      </c>
      <c r="B54002" s="1" t="s">
        <v>181013</v>
      </c>
      <c r="C54002" s="1" t="s">
        <v>70</v>
      </c>
      <c r="D54002" s="1" t="s">
        <v>37203</v>
      </c>
      <c r="E54002" s="1" t="s">
        <v>181708</v>
      </c>
      <c r="F54002" s="1" t="s">
        <v>181709</v>
      </c>
      <c r="G54002" s="1" t="s">
        <v>181673</v>
      </c>
      <c r="H54002" s="1" t="s">
        <v>181674</v>
      </c>
      <c r="I54002" s="1" t="s">
        <v>181018</v>
      </c>
      <c r="J54002" s="1" t="s">
        <v>181710</v>
      </c>
    </row>
    <row r="54003" spans="1:10" x14ac:dyDescent="0.35">
      <c r="A54003" s="1" t="s">
        <v>3938</v>
      </c>
      <c r="B54003" s="1" t="s">
        <v>181013</v>
      </c>
      <c r="C54003" s="1" t="s">
        <v>75</v>
      </c>
      <c r="D54003" s="1" t="s">
        <v>181711</v>
      </c>
      <c r="E54003" s="1" t="s">
        <v>181712</v>
      </c>
      <c r="F54003" s="1" t="s">
        <v>181713</v>
      </c>
      <c r="G54003" s="1" t="s">
        <v>181673</v>
      </c>
      <c r="H54003" s="1" t="s">
        <v>181674</v>
      </c>
      <c r="I54003" s="1" t="s">
        <v>181018</v>
      </c>
      <c r="J54003" s="1" t="s">
        <v>181714</v>
      </c>
    </row>
    <row r="54004" spans="1:10" x14ac:dyDescent="0.35">
      <c r="A54004" s="1" t="s">
        <v>3938</v>
      </c>
      <c r="B54004" s="1" t="s">
        <v>181013</v>
      </c>
      <c r="C54004" s="1" t="s">
        <v>80</v>
      </c>
      <c r="D54004" s="1" t="s">
        <v>18247</v>
      </c>
      <c r="E54004" s="1" t="s">
        <v>181715</v>
      </c>
      <c r="F54004" s="1" t="s">
        <v>181716</v>
      </c>
      <c r="G54004" s="1" t="s">
        <v>181673</v>
      </c>
      <c r="H54004" s="1" t="s">
        <v>181674</v>
      </c>
      <c r="I54004" s="1" t="s">
        <v>181018</v>
      </c>
      <c r="J54004" s="1" t="s">
        <v>181717</v>
      </c>
    </row>
    <row r="54005" spans="1:10" x14ac:dyDescent="0.35">
      <c r="A54005" s="1" t="s">
        <v>3938</v>
      </c>
      <c r="B54005" s="1" t="s">
        <v>181013</v>
      </c>
      <c r="C54005" s="1" t="s">
        <v>85</v>
      </c>
      <c r="D54005" s="1" t="s">
        <v>181718</v>
      </c>
      <c r="E54005" s="1" t="s">
        <v>181719</v>
      </c>
      <c r="F54005" s="1" t="s">
        <v>181720</v>
      </c>
      <c r="G54005" s="1" t="s">
        <v>181673</v>
      </c>
      <c r="H54005" s="1" t="s">
        <v>181674</v>
      </c>
      <c r="I54005" s="1" t="s">
        <v>181018</v>
      </c>
      <c r="J54005" s="1" t="s">
        <v>181721</v>
      </c>
    </row>
    <row r="54006" spans="1:10" x14ac:dyDescent="0.35">
      <c r="A54006" s="1" t="s">
        <v>3938</v>
      </c>
      <c r="B54006" s="1" t="s">
        <v>181013</v>
      </c>
      <c r="C54006" s="1" t="s">
        <v>90</v>
      </c>
      <c r="D54006" s="1" t="s">
        <v>181722</v>
      </c>
      <c r="E54006" s="1" t="s">
        <v>181723</v>
      </c>
      <c r="F54006" s="1" t="s">
        <v>181724</v>
      </c>
      <c r="G54006" s="1" t="s">
        <v>181673</v>
      </c>
      <c r="H54006" s="1" t="s">
        <v>181674</v>
      </c>
      <c r="I54006" s="1" t="s">
        <v>181018</v>
      </c>
      <c r="J54006" s="1" t="s">
        <v>181725</v>
      </c>
    </row>
    <row r="54007" spans="1:10" x14ac:dyDescent="0.35">
      <c r="A54007" s="1" t="s">
        <v>3938</v>
      </c>
      <c r="B54007" s="1" t="s">
        <v>181013</v>
      </c>
      <c r="C54007" s="1" t="s">
        <v>95</v>
      </c>
      <c r="D54007" s="1" t="s">
        <v>176065</v>
      </c>
      <c r="E54007" s="1" t="s">
        <v>181726</v>
      </c>
      <c r="F54007" s="1" t="s">
        <v>181727</v>
      </c>
      <c r="G54007" s="1" t="s">
        <v>181673</v>
      </c>
      <c r="H54007" s="1" t="s">
        <v>181674</v>
      </c>
      <c r="I54007" s="1" t="s">
        <v>181018</v>
      </c>
      <c r="J54007" s="1" t="s">
        <v>181728</v>
      </c>
    </row>
    <row r="54008" spans="1:10" x14ac:dyDescent="0.35">
      <c r="A54008" s="1" t="s">
        <v>3938</v>
      </c>
      <c r="B54008" s="1" t="s">
        <v>181013</v>
      </c>
      <c r="C54008" s="1" t="s">
        <v>100</v>
      </c>
      <c r="D54008" s="1" t="s">
        <v>46596</v>
      </c>
      <c r="E54008" s="1" t="s">
        <v>181729</v>
      </c>
      <c r="F54008" s="1" t="s">
        <v>181730</v>
      </c>
      <c r="G54008" s="1" t="s">
        <v>181673</v>
      </c>
      <c r="H54008" s="1" t="s">
        <v>181674</v>
      </c>
      <c r="I54008" s="1" t="s">
        <v>181018</v>
      </c>
      <c r="J54008" s="1" t="s">
        <v>181731</v>
      </c>
    </row>
    <row r="54009" spans="1:10" x14ac:dyDescent="0.35">
      <c r="A54009" s="1" t="s">
        <v>3938</v>
      </c>
      <c r="B54009" s="1" t="s">
        <v>181013</v>
      </c>
      <c r="C54009" s="1" t="s">
        <v>105</v>
      </c>
      <c r="D54009" s="1" t="s">
        <v>181732</v>
      </c>
      <c r="E54009" s="1" t="s">
        <v>181733</v>
      </c>
      <c r="F54009" s="1" t="s">
        <v>181734</v>
      </c>
      <c r="G54009" s="1" t="s">
        <v>181673</v>
      </c>
      <c r="H54009" s="1" t="s">
        <v>181674</v>
      </c>
      <c r="I54009" s="1" t="s">
        <v>181018</v>
      </c>
      <c r="J54009" s="1" t="s">
        <v>181735</v>
      </c>
    </row>
    <row r="54010" spans="1:10" x14ac:dyDescent="0.35">
      <c r="A54010" s="1" t="s">
        <v>3938</v>
      </c>
      <c r="B54010" s="1" t="s">
        <v>181013</v>
      </c>
      <c r="C54010" s="1" t="s">
        <v>110</v>
      </c>
      <c r="D54010" s="1" t="s">
        <v>181736</v>
      </c>
      <c r="E54010" s="1" t="s">
        <v>181737</v>
      </c>
      <c r="F54010" s="1" t="s">
        <v>181738</v>
      </c>
      <c r="G54010" s="1" t="s">
        <v>181673</v>
      </c>
      <c r="H54010" s="1" t="s">
        <v>181674</v>
      </c>
      <c r="I54010" s="1" t="s">
        <v>181018</v>
      </c>
      <c r="J54010" s="1" t="s">
        <v>181739</v>
      </c>
    </row>
    <row r="54011" spans="1:10" x14ac:dyDescent="0.35">
      <c r="A54011" s="1" t="s">
        <v>3938</v>
      </c>
      <c r="B54011" s="1" t="s">
        <v>181013</v>
      </c>
      <c r="C54011" s="1" t="s">
        <v>115</v>
      </c>
      <c r="D54011" s="1" t="s">
        <v>181740</v>
      </c>
      <c r="E54011" s="1" t="s">
        <v>181741</v>
      </c>
      <c r="F54011" s="1" t="s">
        <v>181742</v>
      </c>
      <c r="G54011" s="1" t="s">
        <v>181673</v>
      </c>
      <c r="H54011" s="1" t="s">
        <v>181674</v>
      </c>
      <c r="I54011" s="1" t="s">
        <v>181018</v>
      </c>
      <c r="J54011" s="1" t="s">
        <v>181743</v>
      </c>
    </row>
    <row r="54012" spans="1:10" x14ac:dyDescent="0.35">
      <c r="A54012" s="1" t="s">
        <v>3938</v>
      </c>
      <c r="B54012" s="1" t="s">
        <v>181013</v>
      </c>
      <c r="C54012" s="1" t="s">
        <v>120</v>
      </c>
      <c r="D54012" s="1" t="s">
        <v>17709</v>
      </c>
      <c r="E54012" s="1" t="s">
        <v>181744</v>
      </c>
      <c r="F54012" s="1" t="s">
        <v>181745</v>
      </c>
      <c r="G54012" s="1" t="s">
        <v>181673</v>
      </c>
      <c r="H54012" s="1" t="s">
        <v>181674</v>
      </c>
      <c r="I54012" s="1" t="s">
        <v>181018</v>
      </c>
      <c r="J54012" s="1" t="s">
        <v>181746</v>
      </c>
    </row>
    <row r="54013" spans="1:10" x14ac:dyDescent="0.35">
      <c r="A54013" s="1" t="s">
        <v>3938</v>
      </c>
      <c r="B54013" s="1" t="s">
        <v>181013</v>
      </c>
      <c r="C54013" s="1" t="s">
        <v>125</v>
      </c>
      <c r="D54013" s="1" t="s">
        <v>43944</v>
      </c>
      <c r="E54013" s="1" t="s">
        <v>181747</v>
      </c>
      <c r="F54013" s="1" t="s">
        <v>181748</v>
      </c>
      <c r="G54013" s="1" t="s">
        <v>181673</v>
      </c>
      <c r="H54013" s="1" t="s">
        <v>181674</v>
      </c>
      <c r="I54013" s="1" t="s">
        <v>181018</v>
      </c>
      <c r="J54013" s="1" t="s">
        <v>181749</v>
      </c>
    </row>
    <row r="54014" spans="1:10" x14ac:dyDescent="0.35">
      <c r="A54014" s="1" t="s">
        <v>3938</v>
      </c>
      <c r="B54014" s="1" t="s">
        <v>181013</v>
      </c>
      <c r="C54014" s="1" t="s">
        <v>130</v>
      </c>
      <c r="D54014" s="1" t="s">
        <v>170434</v>
      </c>
      <c r="E54014" s="1" t="s">
        <v>181750</v>
      </c>
      <c r="F54014" s="1" t="s">
        <v>181751</v>
      </c>
      <c r="G54014" s="1" t="s">
        <v>181673</v>
      </c>
      <c r="H54014" s="1" t="s">
        <v>181674</v>
      </c>
      <c r="I54014" s="1" t="s">
        <v>181018</v>
      </c>
      <c r="J54014" s="1" t="s">
        <v>181752</v>
      </c>
    </row>
    <row r="54015" spans="1:10" x14ac:dyDescent="0.35">
      <c r="A54015" s="1" t="s">
        <v>3938</v>
      </c>
      <c r="B54015" s="1" t="s">
        <v>181013</v>
      </c>
      <c r="C54015" s="1" t="s">
        <v>135</v>
      </c>
      <c r="D54015" s="1" t="s">
        <v>181753</v>
      </c>
      <c r="E54015" s="1" t="s">
        <v>181754</v>
      </c>
      <c r="F54015" s="1" t="s">
        <v>181755</v>
      </c>
      <c r="G54015" s="1" t="s">
        <v>181673</v>
      </c>
      <c r="H54015" s="1" t="s">
        <v>181674</v>
      </c>
      <c r="I54015" s="1" t="s">
        <v>181018</v>
      </c>
      <c r="J54015" s="1" t="s">
        <v>181756</v>
      </c>
    </row>
    <row r="54016" spans="1:10" x14ac:dyDescent="0.35">
      <c r="A54016" s="1" t="s">
        <v>3938</v>
      </c>
      <c r="B54016" s="1" t="s">
        <v>181013</v>
      </c>
      <c r="C54016" s="1" t="s">
        <v>140</v>
      </c>
      <c r="D54016" s="1" t="s">
        <v>181757</v>
      </c>
      <c r="E54016" s="1" t="s">
        <v>181758</v>
      </c>
      <c r="F54016" s="1" t="s">
        <v>181759</v>
      </c>
      <c r="G54016" s="1" t="s">
        <v>181673</v>
      </c>
      <c r="H54016" s="1" t="s">
        <v>181674</v>
      </c>
      <c r="I54016" s="1" t="s">
        <v>181018</v>
      </c>
      <c r="J54016" s="1" t="s">
        <v>181760</v>
      </c>
    </row>
    <row r="54017" spans="1:10" x14ac:dyDescent="0.35">
      <c r="A54017" s="1" t="s">
        <v>3938</v>
      </c>
      <c r="B54017" s="1" t="s">
        <v>181013</v>
      </c>
      <c r="C54017" s="1" t="s">
        <v>145</v>
      </c>
      <c r="D54017" s="1" t="s">
        <v>58667</v>
      </c>
      <c r="E54017" s="1" t="s">
        <v>181761</v>
      </c>
      <c r="F54017" s="1" t="s">
        <v>181762</v>
      </c>
      <c r="G54017" s="1" t="s">
        <v>181673</v>
      </c>
      <c r="H54017" s="1" t="s">
        <v>181674</v>
      </c>
      <c r="I54017" s="1" t="s">
        <v>181018</v>
      </c>
      <c r="J54017" s="1" t="s">
        <v>181763</v>
      </c>
    </row>
    <row r="54018" spans="1:10" x14ac:dyDescent="0.35">
      <c r="A54018" s="1" t="s">
        <v>3938</v>
      </c>
      <c r="B54018" s="1" t="s">
        <v>181013</v>
      </c>
      <c r="C54018" s="1" t="s">
        <v>150</v>
      </c>
      <c r="D54018" s="1" t="s">
        <v>181764</v>
      </c>
      <c r="E54018" s="1" t="s">
        <v>181765</v>
      </c>
      <c r="F54018" s="1" t="s">
        <v>181766</v>
      </c>
      <c r="G54018" s="1" t="s">
        <v>181673</v>
      </c>
      <c r="H54018" s="1" t="s">
        <v>181674</v>
      </c>
      <c r="I54018" s="1" t="s">
        <v>181018</v>
      </c>
      <c r="J54018" s="1" t="s">
        <v>181767</v>
      </c>
    </row>
    <row r="54019" spans="1:10" x14ac:dyDescent="0.35">
      <c r="A54019" s="1" t="s">
        <v>3938</v>
      </c>
      <c r="B54019" s="1" t="s">
        <v>181013</v>
      </c>
      <c r="C54019" s="1" t="s">
        <v>155</v>
      </c>
      <c r="D54019" s="1" t="s">
        <v>181768</v>
      </c>
      <c r="E54019" s="1" t="s">
        <v>181769</v>
      </c>
      <c r="F54019" s="1" t="s">
        <v>181770</v>
      </c>
      <c r="G54019" s="1" t="s">
        <v>181673</v>
      </c>
      <c r="H54019" s="1" t="s">
        <v>181674</v>
      </c>
      <c r="I54019" s="1" t="s">
        <v>181018</v>
      </c>
      <c r="J54019" s="1" t="s">
        <v>181771</v>
      </c>
    </row>
    <row r="54020" spans="1:10" x14ac:dyDescent="0.35">
      <c r="A54020" s="1" t="s">
        <v>3938</v>
      </c>
      <c r="B54020" s="1" t="s">
        <v>181013</v>
      </c>
      <c r="C54020" s="1" t="s">
        <v>160</v>
      </c>
      <c r="D54020" s="1" t="s">
        <v>181772</v>
      </c>
      <c r="E54020" s="1" t="s">
        <v>181773</v>
      </c>
      <c r="F54020" s="1" t="s">
        <v>181774</v>
      </c>
      <c r="G54020" s="1" t="s">
        <v>181673</v>
      </c>
      <c r="H54020" s="1" t="s">
        <v>181674</v>
      </c>
      <c r="I54020" s="1" t="s">
        <v>181018</v>
      </c>
      <c r="J54020" s="1" t="s">
        <v>181775</v>
      </c>
    </row>
    <row r="54021" spans="1:10" x14ac:dyDescent="0.35">
      <c r="A54021" s="1" t="s">
        <v>3938</v>
      </c>
      <c r="B54021" s="1" t="s">
        <v>181013</v>
      </c>
      <c r="C54021" s="1" t="s">
        <v>165</v>
      </c>
      <c r="D54021" s="1" t="s">
        <v>53554</v>
      </c>
      <c r="E54021" s="1" t="s">
        <v>181776</v>
      </c>
      <c r="F54021" s="1" t="s">
        <v>181777</v>
      </c>
      <c r="G54021" s="1" t="s">
        <v>181673</v>
      </c>
      <c r="H54021" s="1" t="s">
        <v>181674</v>
      </c>
      <c r="I54021" s="1" t="s">
        <v>181018</v>
      </c>
      <c r="J54021" s="1" t="s">
        <v>181778</v>
      </c>
    </row>
    <row r="54022" spans="1:10" x14ac:dyDescent="0.35">
      <c r="A54022" s="1" t="s">
        <v>3938</v>
      </c>
      <c r="B54022" s="1" t="s">
        <v>181013</v>
      </c>
      <c r="C54022" s="1" t="s">
        <v>170</v>
      </c>
      <c r="D54022" s="1" t="s">
        <v>181779</v>
      </c>
      <c r="E54022" s="1" t="s">
        <v>181780</v>
      </c>
      <c r="F54022" s="1" t="s">
        <v>181781</v>
      </c>
      <c r="G54022" s="1" t="s">
        <v>181673</v>
      </c>
      <c r="H54022" s="1" t="s">
        <v>181674</v>
      </c>
      <c r="I54022" s="1" t="s">
        <v>181018</v>
      </c>
      <c r="J54022" s="1" t="s">
        <v>181782</v>
      </c>
    </row>
    <row r="54023" spans="1:10" x14ac:dyDescent="0.35">
      <c r="A54023" s="1" t="s">
        <v>44538</v>
      </c>
      <c r="B54023" s="1" t="s">
        <v>181013</v>
      </c>
      <c r="C54023" s="1" t="s">
        <v>8</v>
      </c>
      <c r="D54023" s="1" t="s">
        <v>71016</v>
      </c>
      <c r="E54023" s="1" t="s">
        <v>181783</v>
      </c>
      <c r="F54023" s="1" t="s">
        <v>181784</v>
      </c>
      <c r="G54023" s="1" t="s">
        <v>181785</v>
      </c>
      <c r="H54023" s="1" t="s">
        <v>181786</v>
      </c>
      <c r="I54023" s="1" t="s">
        <v>181018</v>
      </c>
      <c r="J54023" s="1" t="s">
        <v>13</v>
      </c>
    </row>
    <row r="54024" spans="1:10" x14ac:dyDescent="0.35">
      <c r="A54024" s="1" t="s">
        <v>44538</v>
      </c>
      <c r="B54024" s="1" t="s">
        <v>181013</v>
      </c>
      <c r="C54024" s="1" t="s">
        <v>15</v>
      </c>
      <c r="D54024" s="1" t="s">
        <v>181787</v>
      </c>
      <c r="E54024" s="1" t="s">
        <v>181788</v>
      </c>
      <c r="F54024" s="1" t="s">
        <v>181789</v>
      </c>
      <c r="G54024" s="1" t="s">
        <v>181785</v>
      </c>
      <c r="H54024" s="1" t="s">
        <v>181786</v>
      </c>
      <c r="I54024" s="1" t="s">
        <v>181018</v>
      </c>
      <c r="J54024" s="1" t="s">
        <v>181790</v>
      </c>
    </row>
    <row r="54025" spans="1:10" x14ac:dyDescent="0.35">
      <c r="A54025" s="1" t="s">
        <v>44538</v>
      </c>
      <c r="B54025" s="1" t="s">
        <v>181013</v>
      </c>
      <c r="C54025" s="1" t="s">
        <v>20</v>
      </c>
      <c r="D54025" s="1" t="s">
        <v>38845</v>
      </c>
      <c r="E54025" s="1" t="s">
        <v>181791</v>
      </c>
      <c r="F54025" s="1" t="s">
        <v>181792</v>
      </c>
      <c r="G54025" s="1" t="s">
        <v>181785</v>
      </c>
      <c r="H54025" s="1" t="s">
        <v>181786</v>
      </c>
      <c r="I54025" s="1" t="s">
        <v>181018</v>
      </c>
      <c r="J54025" s="1" t="s">
        <v>181793</v>
      </c>
    </row>
    <row r="54026" spans="1:10" x14ac:dyDescent="0.35">
      <c r="A54026" s="1" t="s">
        <v>44538</v>
      </c>
      <c r="B54026" s="1" t="s">
        <v>181013</v>
      </c>
      <c r="C54026" s="1" t="s">
        <v>25</v>
      </c>
      <c r="D54026" s="1" t="s">
        <v>73105</v>
      </c>
      <c r="E54026" s="1" t="s">
        <v>181794</v>
      </c>
      <c r="F54026" s="1" t="s">
        <v>181795</v>
      </c>
      <c r="G54026" s="1" t="s">
        <v>181785</v>
      </c>
      <c r="H54026" s="1" t="s">
        <v>181786</v>
      </c>
      <c r="I54026" s="1" t="s">
        <v>181018</v>
      </c>
      <c r="J54026" s="1" t="s">
        <v>181796</v>
      </c>
    </row>
    <row r="54027" spans="1:10" x14ac:dyDescent="0.35">
      <c r="A54027" s="1" t="s">
        <v>44538</v>
      </c>
      <c r="B54027" s="1" t="s">
        <v>181013</v>
      </c>
      <c r="C54027" s="1" t="s">
        <v>30</v>
      </c>
      <c r="D54027" s="1" t="s">
        <v>48724</v>
      </c>
      <c r="E54027" s="1" t="s">
        <v>181797</v>
      </c>
      <c r="F54027" s="1" t="s">
        <v>181798</v>
      </c>
      <c r="G54027" s="1" t="s">
        <v>181785</v>
      </c>
      <c r="H54027" s="1" t="s">
        <v>181786</v>
      </c>
      <c r="I54027" s="1" t="s">
        <v>181018</v>
      </c>
      <c r="J54027" s="1" t="s">
        <v>181799</v>
      </c>
    </row>
    <row r="54028" spans="1:10" x14ac:dyDescent="0.35">
      <c r="A54028" s="1" t="s">
        <v>44538</v>
      </c>
      <c r="B54028" s="1" t="s">
        <v>181013</v>
      </c>
      <c r="C54028" s="1" t="s">
        <v>35</v>
      </c>
      <c r="D54028" s="1" t="s">
        <v>36085</v>
      </c>
      <c r="E54028" s="1" t="s">
        <v>181800</v>
      </c>
      <c r="F54028" s="1" t="s">
        <v>181801</v>
      </c>
      <c r="G54028" s="1" t="s">
        <v>181785</v>
      </c>
      <c r="H54028" s="1" t="s">
        <v>181786</v>
      </c>
      <c r="I54028" s="1" t="s">
        <v>181018</v>
      </c>
      <c r="J54028" s="1" t="s">
        <v>181802</v>
      </c>
    </row>
    <row r="54029" spans="1:10" x14ac:dyDescent="0.35">
      <c r="A54029" s="1" t="s">
        <v>44538</v>
      </c>
      <c r="B54029" s="1" t="s">
        <v>181013</v>
      </c>
      <c r="C54029" s="1" t="s">
        <v>40</v>
      </c>
      <c r="D54029" s="1" t="s">
        <v>42885</v>
      </c>
      <c r="E54029" s="1" t="s">
        <v>181803</v>
      </c>
      <c r="F54029" s="1" t="s">
        <v>181804</v>
      </c>
      <c r="G54029" s="1" t="s">
        <v>181785</v>
      </c>
      <c r="H54029" s="1" t="s">
        <v>181786</v>
      </c>
      <c r="I54029" s="1" t="s">
        <v>181018</v>
      </c>
      <c r="J54029" s="1" t="s">
        <v>181805</v>
      </c>
    </row>
    <row r="54030" spans="1:10" x14ac:dyDescent="0.35">
      <c r="A54030" s="1" t="s">
        <v>44538</v>
      </c>
      <c r="B54030" s="1" t="s">
        <v>181013</v>
      </c>
      <c r="C54030" s="1" t="s">
        <v>45</v>
      </c>
      <c r="D54030" s="1" t="s">
        <v>36253</v>
      </c>
      <c r="E54030" s="1" t="s">
        <v>181806</v>
      </c>
      <c r="F54030" s="1" t="s">
        <v>181807</v>
      </c>
      <c r="G54030" s="1" t="s">
        <v>181785</v>
      </c>
      <c r="H54030" s="1" t="s">
        <v>181786</v>
      </c>
      <c r="I54030" s="1" t="s">
        <v>181018</v>
      </c>
      <c r="J54030" s="1" t="s">
        <v>181808</v>
      </c>
    </row>
    <row r="54031" spans="1:10" x14ac:dyDescent="0.35">
      <c r="A54031" s="1" t="s">
        <v>44538</v>
      </c>
      <c r="B54031" s="1" t="s">
        <v>181013</v>
      </c>
      <c r="C54031" s="1" t="s">
        <v>50</v>
      </c>
      <c r="D54031" s="1" t="s">
        <v>35346</v>
      </c>
      <c r="E54031" s="1" t="s">
        <v>181809</v>
      </c>
      <c r="F54031" s="1" t="s">
        <v>181810</v>
      </c>
      <c r="G54031" s="1" t="s">
        <v>181785</v>
      </c>
      <c r="H54031" s="1" t="s">
        <v>181786</v>
      </c>
      <c r="I54031" s="1" t="s">
        <v>181018</v>
      </c>
      <c r="J54031" s="1" t="s">
        <v>181811</v>
      </c>
    </row>
    <row r="54032" spans="1:10" x14ac:dyDescent="0.35">
      <c r="A54032" s="1" t="s">
        <v>44538</v>
      </c>
      <c r="B54032" s="1" t="s">
        <v>181013</v>
      </c>
      <c r="C54032" s="1" t="s">
        <v>55</v>
      </c>
      <c r="D54032" s="1" t="s">
        <v>1456</v>
      </c>
      <c r="E54032" s="1" t="s">
        <v>181812</v>
      </c>
      <c r="F54032" s="1" t="s">
        <v>181813</v>
      </c>
      <c r="G54032" s="1" t="s">
        <v>181785</v>
      </c>
      <c r="H54032" s="1" t="s">
        <v>181786</v>
      </c>
      <c r="I54032" s="1" t="s">
        <v>181018</v>
      </c>
      <c r="J54032" s="1" t="s">
        <v>181814</v>
      </c>
    </row>
    <row r="54033" spans="1:10" x14ac:dyDescent="0.35">
      <c r="A54033" s="1" t="s">
        <v>44538</v>
      </c>
      <c r="B54033" s="1" t="s">
        <v>181013</v>
      </c>
      <c r="C54033" s="1" t="s">
        <v>60</v>
      </c>
      <c r="D54033" s="1" t="s">
        <v>37481</v>
      </c>
      <c r="E54033" s="1" t="s">
        <v>181815</v>
      </c>
      <c r="F54033" s="1" t="s">
        <v>181816</v>
      </c>
      <c r="G54033" s="1" t="s">
        <v>181785</v>
      </c>
      <c r="H54033" s="1" t="s">
        <v>181786</v>
      </c>
      <c r="I54033" s="1" t="s">
        <v>181018</v>
      </c>
      <c r="J54033" s="1" t="s">
        <v>181817</v>
      </c>
    </row>
    <row r="54034" spans="1:10" x14ac:dyDescent="0.35">
      <c r="A54034" s="1" t="s">
        <v>44538</v>
      </c>
      <c r="B54034" s="1" t="s">
        <v>181013</v>
      </c>
      <c r="C54034" s="1" t="s">
        <v>65</v>
      </c>
      <c r="D54034" s="1" t="s">
        <v>181818</v>
      </c>
      <c r="E54034" s="1" t="s">
        <v>181819</v>
      </c>
      <c r="F54034" s="1" t="s">
        <v>181820</v>
      </c>
      <c r="G54034" s="1" t="s">
        <v>181785</v>
      </c>
      <c r="H54034" s="1" t="s">
        <v>181786</v>
      </c>
      <c r="I54034" s="1" t="s">
        <v>181018</v>
      </c>
      <c r="J54034" s="1" t="s">
        <v>181821</v>
      </c>
    </row>
    <row r="54035" spans="1:10" x14ac:dyDescent="0.35">
      <c r="A54035" s="1" t="s">
        <v>44538</v>
      </c>
      <c r="B54035" s="1" t="s">
        <v>181013</v>
      </c>
      <c r="C54035" s="1" t="s">
        <v>70</v>
      </c>
      <c r="D54035" s="1" t="s">
        <v>151519</v>
      </c>
      <c r="E54035" s="1" t="s">
        <v>181822</v>
      </c>
      <c r="F54035" s="1" t="s">
        <v>181823</v>
      </c>
      <c r="G54035" s="1" t="s">
        <v>181785</v>
      </c>
      <c r="H54035" s="1" t="s">
        <v>181786</v>
      </c>
      <c r="I54035" s="1" t="s">
        <v>181018</v>
      </c>
      <c r="J54035" s="1" t="s">
        <v>181824</v>
      </c>
    </row>
    <row r="54036" spans="1:10" x14ac:dyDescent="0.35">
      <c r="A54036" s="1" t="s">
        <v>44538</v>
      </c>
      <c r="B54036" s="1" t="s">
        <v>181013</v>
      </c>
      <c r="C54036" s="1" t="s">
        <v>75</v>
      </c>
      <c r="D54036" s="1" t="s">
        <v>33809</v>
      </c>
      <c r="E54036" s="1" t="s">
        <v>181825</v>
      </c>
      <c r="F54036" s="1" t="s">
        <v>181826</v>
      </c>
      <c r="G54036" s="1" t="s">
        <v>181785</v>
      </c>
      <c r="H54036" s="1" t="s">
        <v>181786</v>
      </c>
      <c r="I54036" s="1" t="s">
        <v>181018</v>
      </c>
      <c r="J54036" s="1" t="s">
        <v>181827</v>
      </c>
    </row>
    <row r="54037" spans="1:10" x14ac:dyDescent="0.35">
      <c r="A54037" s="1" t="s">
        <v>44538</v>
      </c>
      <c r="B54037" s="1" t="s">
        <v>181013</v>
      </c>
      <c r="C54037" s="1" t="s">
        <v>80</v>
      </c>
      <c r="D54037" s="1" t="s">
        <v>125641</v>
      </c>
      <c r="E54037" s="1" t="s">
        <v>181828</v>
      </c>
      <c r="F54037" s="1" t="s">
        <v>181829</v>
      </c>
      <c r="G54037" s="1" t="s">
        <v>181785</v>
      </c>
      <c r="H54037" s="1" t="s">
        <v>181786</v>
      </c>
      <c r="I54037" s="1" t="s">
        <v>181018</v>
      </c>
      <c r="J54037" s="1" t="s">
        <v>181830</v>
      </c>
    </row>
    <row r="54038" spans="1:10" x14ac:dyDescent="0.35">
      <c r="A54038" s="1" t="s">
        <v>44538</v>
      </c>
      <c r="B54038" s="1" t="s">
        <v>181013</v>
      </c>
      <c r="C54038" s="1" t="s">
        <v>85</v>
      </c>
      <c r="D54038" s="1" t="s">
        <v>34891</v>
      </c>
      <c r="E54038" s="1" t="s">
        <v>181831</v>
      </c>
      <c r="F54038" s="1" t="s">
        <v>181832</v>
      </c>
      <c r="G54038" s="1" t="s">
        <v>181785</v>
      </c>
      <c r="H54038" s="1" t="s">
        <v>181786</v>
      </c>
      <c r="I54038" s="1" t="s">
        <v>181018</v>
      </c>
      <c r="J54038" s="1" t="s">
        <v>181833</v>
      </c>
    </row>
    <row r="54039" spans="1:10" x14ac:dyDescent="0.35">
      <c r="A54039" s="1" t="s">
        <v>44538</v>
      </c>
      <c r="B54039" s="1" t="s">
        <v>181013</v>
      </c>
      <c r="C54039" s="1" t="s">
        <v>90</v>
      </c>
      <c r="D54039" s="1" t="s">
        <v>50212</v>
      </c>
      <c r="E54039" s="1" t="s">
        <v>181834</v>
      </c>
      <c r="F54039" s="1" t="s">
        <v>181835</v>
      </c>
      <c r="G54039" s="1" t="s">
        <v>181785</v>
      </c>
      <c r="H54039" s="1" t="s">
        <v>181786</v>
      </c>
      <c r="I54039" s="1" t="s">
        <v>181018</v>
      </c>
      <c r="J54039" s="1" t="s">
        <v>181836</v>
      </c>
    </row>
    <row r="54040" spans="1:10" x14ac:dyDescent="0.35">
      <c r="A54040" s="1" t="s">
        <v>44538</v>
      </c>
      <c r="B54040" s="1" t="s">
        <v>181013</v>
      </c>
      <c r="C54040" s="1" t="s">
        <v>95</v>
      </c>
      <c r="D54040" s="1" t="s">
        <v>135173</v>
      </c>
      <c r="E54040" s="1" t="s">
        <v>181837</v>
      </c>
      <c r="F54040" s="1" t="s">
        <v>181838</v>
      </c>
      <c r="G54040" s="1" t="s">
        <v>181785</v>
      </c>
      <c r="H54040" s="1" t="s">
        <v>181786</v>
      </c>
      <c r="I54040" s="1" t="s">
        <v>181018</v>
      </c>
      <c r="J54040" s="1" t="s">
        <v>181839</v>
      </c>
    </row>
    <row r="54041" spans="1:10" x14ac:dyDescent="0.35">
      <c r="A54041" s="1" t="s">
        <v>44538</v>
      </c>
      <c r="B54041" s="1" t="s">
        <v>181013</v>
      </c>
      <c r="C54041" s="1" t="s">
        <v>100</v>
      </c>
      <c r="D54041" s="1" t="s">
        <v>19560</v>
      </c>
      <c r="E54041" s="1" t="s">
        <v>181840</v>
      </c>
      <c r="F54041" s="1" t="s">
        <v>181841</v>
      </c>
      <c r="G54041" s="1" t="s">
        <v>181785</v>
      </c>
      <c r="H54041" s="1" t="s">
        <v>181786</v>
      </c>
      <c r="I54041" s="1" t="s">
        <v>181018</v>
      </c>
      <c r="J54041" s="1" t="s">
        <v>181842</v>
      </c>
    </row>
    <row r="54042" spans="1:10" x14ac:dyDescent="0.35">
      <c r="A54042" s="1" t="s">
        <v>44538</v>
      </c>
      <c r="B54042" s="1" t="s">
        <v>181013</v>
      </c>
      <c r="C54042" s="1" t="s">
        <v>105</v>
      </c>
      <c r="D54042" s="1" t="s">
        <v>181843</v>
      </c>
      <c r="E54042" s="1" t="s">
        <v>181844</v>
      </c>
      <c r="F54042" s="1" t="s">
        <v>181845</v>
      </c>
      <c r="G54042" s="1" t="s">
        <v>181785</v>
      </c>
      <c r="H54042" s="1" t="s">
        <v>181786</v>
      </c>
      <c r="I54042" s="1" t="s">
        <v>181018</v>
      </c>
      <c r="J54042" s="1" t="s">
        <v>181846</v>
      </c>
    </row>
    <row r="54043" spans="1:10" x14ac:dyDescent="0.35">
      <c r="A54043" s="1" t="s">
        <v>44538</v>
      </c>
      <c r="B54043" s="1" t="s">
        <v>181013</v>
      </c>
      <c r="C54043" s="1" t="s">
        <v>110</v>
      </c>
      <c r="D54043" s="1" t="s">
        <v>181847</v>
      </c>
      <c r="E54043" s="1" t="s">
        <v>181848</v>
      </c>
      <c r="F54043" s="1" t="s">
        <v>181849</v>
      </c>
      <c r="G54043" s="1" t="s">
        <v>181785</v>
      </c>
      <c r="H54043" s="1" t="s">
        <v>181786</v>
      </c>
      <c r="I54043" s="1" t="s">
        <v>181018</v>
      </c>
      <c r="J54043" s="1" t="s">
        <v>181850</v>
      </c>
    </row>
    <row r="54044" spans="1:10" x14ac:dyDescent="0.35">
      <c r="A54044" s="1" t="s">
        <v>44538</v>
      </c>
      <c r="B54044" s="1" t="s">
        <v>181013</v>
      </c>
      <c r="C54044" s="1" t="s">
        <v>115</v>
      </c>
      <c r="D54044" s="1" t="s">
        <v>181851</v>
      </c>
      <c r="E54044" s="1" t="s">
        <v>181852</v>
      </c>
      <c r="F54044" s="1" t="s">
        <v>181853</v>
      </c>
      <c r="G54044" s="1" t="s">
        <v>181785</v>
      </c>
      <c r="H54044" s="1" t="s">
        <v>181786</v>
      </c>
      <c r="I54044" s="1" t="s">
        <v>181018</v>
      </c>
      <c r="J54044" s="1" t="s">
        <v>181854</v>
      </c>
    </row>
    <row r="54045" spans="1:10" x14ac:dyDescent="0.35">
      <c r="A54045" s="1" t="s">
        <v>44538</v>
      </c>
      <c r="B54045" s="1" t="s">
        <v>181013</v>
      </c>
      <c r="C54045" s="1" t="s">
        <v>120</v>
      </c>
      <c r="D54045" s="1" t="s">
        <v>73656</v>
      </c>
      <c r="E54045" s="1" t="s">
        <v>181855</v>
      </c>
      <c r="F54045" s="1" t="s">
        <v>181856</v>
      </c>
      <c r="G54045" s="1" t="s">
        <v>181785</v>
      </c>
      <c r="H54045" s="1" t="s">
        <v>181786</v>
      </c>
      <c r="I54045" s="1" t="s">
        <v>181018</v>
      </c>
      <c r="J54045" s="1" t="s">
        <v>181857</v>
      </c>
    </row>
    <row r="54046" spans="1:10" x14ac:dyDescent="0.35">
      <c r="A54046" s="1" t="s">
        <v>44538</v>
      </c>
      <c r="B54046" s="1" t="s">
        <v>181013</v>
      </c>
      <c r="C54046" s="1" t="s">
        <v>125</v>
      </c>
      <c r="D54046" s="1" t="s">
        <v>83631</v>
      </c>
      <c r="E54046" s="1" t="s">
        <v>181858</v>
      </c>
      <c r="F54046" s="1" t="s">
        <v>181859</v>
      </c>
      <c r="G54046" s="1" t="s">
        <v>181785</v>
      </c>
      <c r="H54046" s="1" t="s">
        <v>181786</v>
      </c>
      <c r="I54046" s="1" t="s">
        <v>181018</v>
      </c>
      <c r="J54046" s="1" t="s">
        <v>181860</v>
      </c>
    </row>
    <row r="54047" spans="1:10" x14ac:dyDescent="0.35">
      <c r="A54047" s="1" t="s">
        <v>44538</v>
      </c>
      <c r="B54047" s="1" t="s">
        <v>181013</v>
      </c>
      <c r="C54047" s="1" t="s">
        <v>130</v>
      </c>
      <c r="D54047" s="1" t="s">
        <v>5461</v>
      </c>
      <c r="E54047" s="1" t="s">
        <v>181861</v>
      </c>
      <c r="F54047" s="1" t="s">
        <v>181862</v>
      </c>
      <c r="G54047" s="1" t="s">
        <v>181785</v>
      </c>
      <c r="H54047" s="1" t="s">
        <v>181786</v>
      </c>
      <c r="I54047" s="1" t="s">
        <v>181018</v>
      </c>
      <c r="J54047" s="1" t="s">
        <v>181863</v>
      </c>
    </row>
    <row r="54048" spans="1:10" x14ac:dyDescent="0.35">
      <c r="A54048" s="1" t="s">
        <v>44538</v>
      </c>
      <c r="B54048" s="1" t="s">
        <v>181013</v>
      </c>
      <c r="C54048" s="1" t="s">
        <v>135</v>
      </c>
      <c r="D54048" s="1" t="s">
        <v>104502</v>
      </c>
      <c r="E54048" s="1" t="s">
        <v>181864</v>
      </c>
      <c r="F54048" s="1" t="s">
        <v>181865</v>
      </c>
      <c r="G54048" s="1" t="s">
        <v>181785</v>
      </c>
      <c r="H54048" s="1" t="s">
        <v>181786</v>
      </c>
      <c r="I54048" s="1" t="s">
        <v>181018</v>
      </c>
      <c r="J54048" s="1" t="s">
        <v>181866</v>
      </c>
    </row>
    <row r="54049" spans="1:10" x14ac:dyDescent="0.35">
      <c r="A54049" s="1" t="s">
        <v>44538</v>
      </c>
      <c r="B54049" s="1" t="s">
        <v>181013</v>
      </c>
      <c r="C54049" s="1" t="s">
        <v>140</v>
      </c>
      <c r="D54049" s="1" t="s">
        <v>30669</v>
      </c>
      <c r="E54049" s="1" t="s">
        <v>181867</v>
      </c>
      <c r="F54049" s="1" t="s">
        <v>181868</v>
      </c>
      <c r="G54049" s="1" t="s">
        <v>181785</v>
      </c>
      <c r="H54049" s="1" t="s">
        <v>181786</v>
      </c>
      <c r="I54049" s="1" t="s">
        <v>181018</v>
      </c>
      <c r="J54049" s="1" t="s">
        <v>181869</v>
      </c>
    </row>
    <row r="54050" spans="1:10" x14ac:dyDescent="0.35">
      <c r="A54050" s="1" t="s">
        <v>44538</v>
      </c>
      <c r="B54050" s="1" t="s">
        <v>181013</v>
      </c>
      <c r="C54050" s="1" t="s">
        <v>145</v>
      </c>
      <c r="D54050" s="1" t="s">
        <v>125539</v>
      </c>
      <c r="E54050" s="1" t="s">
        <v>181870</v>
      </c>
      <c r="F54050" s="1" t="s">
        <v>181871</v>
      </c>
      <c r="G54050" s="1" t="s">
        <v>181785</v>
      </c>
      <c r="H54050" s="1" t="s">
        <v>181786</v>
      </c>
      <c r="I54050" s="1" t="s">
        <v>181018</v>
      </c>
      <c r="J54050" s="1" t="s">
        <v>181872</v>
      </c>
    </row>
    <row r="54051" spans="1:10" x14ac:dyDescent="0.35">
      <c r="A54051" s="1" t="s">
        <v>44538</v>
      </c>
      <c r="B54051" s="1" t="s">
        <v>181013</v>
      </c>
      <c r="C54051" s="1" t="s">
        <v>150</v>
      </c>
      <c r="D54051" s="1" t="s">
        <v>181873</v>
      </c>
      <c r="E54051" s="1" t="s">
        <v>181874</v>
      </c>
      <c r="F54051" s="1" t="s">
        <v>181875</v>
      </c>
      <c r="G54051" s="1" t="s">
        <v>181785</v>
      </c>
      <c r="H54051" s="1" t="s">
        <v>181786</v>
      </c>
      <c r="I54051" s="1" t="s">
        <v>181018</v>
      </c>
      <c r="J54051" s="1" t="s">
        <v>181876</v>
      </c>
    </row>
    <row r="54052" spans="1:10" x14ac:dyDescent="0.35">
      <c r="A54052" s="1" t="s">
        <v>44538</v>
      </c>
      <c r="B54052" s="1" t="s">
        <v>181013</v>
      </c>
      <c r="C54052" s="1" t="s">
        <v>155</v>
      </c>
      <c r="D54052" s="1" t="s">
        <v>73820</v>
      </c>
      <c r="E54052" s="1" t="s">
        <v>181877</v>
      </c>
      <c r="F54052" s="1" t="s">
        <v>181878</v>
      </c>
      <c r="G54052" s="1" t="s">
        <v>181785</v>
      </c>
      <c r="H54052" s="1" t="s">
        <v>181786</v>
      </c>
      <c r="I54052" s="1" t="s">
        <v>181018</v>
      </c>
      <c r="J54052" s="1" t="s">
        <v>181879</v>
      </c>
    </row>
    <row r="54053" spans="1:10" x14ac:dyDescent="0.35">
      <c r="A54053" s="1" t="s">
        <v>44538</v>
      </c>
      <c r="B54053" s="1" t="s">
        <v>181013</v>
      </c>
      <c r="C54053" s="1" t="s">
        <v>160</v>
      </c>
      <c r="D54053" s="1" t="s">
        <v>17218</v>
      </c>
      <c r="E54053" s="1" t="s">
        <v>181880</v>
      </c>
      <c r="F54053" s="1" t="s">
        <v>181881</v>
      </c>
      <c r="G54053" s="1" t="s">
        <v>181785</v>
      </c>
      <c r="H54053" s="1" t="s">
        <v>181786</v>
      </c>
      <c r="I54053" s="1" t="s">
        <v>181018</v>
      </c>
      <c r="J54053" s="1" t="s">
        <v>181882</v>
      </c>
    </row>
    <row r="54054" spans="1:10" x14ac:dyDescent="0.35">
      <c r="A54054" s="1" t="s">
        <v>44538</v>
      </c>
      <c r="B54054" s="1" t="s">
        <v>181013</v>
      </c>
      <c r="C54054" s="1" t="s">
        <v>165</v>
      </c>
      <c r="D54054" s="1" t="s">
        <v>181883</v>
      </c>
      <c r="E54054" s="1" t="s">
        <v>181884</v>
      </c>
      <c r="F54054" s="1" t="s">
        <v>181885</v>
      </c>
      <c r="G54054" s="1" t="s">
        <v>181785</v>
      </c>
      <c r="H54054" s="1" t="s">
        <v>181786</v>
      </c>
      <c r="I54054" s="1" t="s">
        <v>181018</v>
      </c>
      <c r="J54054" s="1" t="s">
        <v>181886</v>
      </c>
    </row>
    <row r="54055" spans="1:10" x14ac:dyDescent="0.35">
      <c r="A54055" s="1" t="s">
        <v>44538</v>
      </c>
      <c r="B54055" s="1" t="s">
        <v>181013</v>
      </c>
      <c r="C54055" s="1" t="s">
        <v>170</v>
      </c>
      <c r="D54055" s="1" t="s">
        <v>49993</v>
      </c>
      <c r="E54055" s="1" t="s">
        <v>181887</v>
      </c>
      <c r="F54055" s="1" t="s">
        <v>181888</v>
      </c>
      <c r="G54055" s="1" t="s">
        <v>181785</v>
      </c>
      <c r="H54055" s="1" t="s">
        <v>181786</v>
      </c>
      <c r="I54055" s="1" t="s">
        <v>181018</v>
      </c>
      <c r="J54055" s="1" t="s">
        <v>181889</v>
      </c>
    </row>
    <row r="54056" spans="1:10" x14ac:dyDescent="0.35">
      <c r="A54056" s="1" t="s">
        <v>1225</v>
      </c>
      <c r="B54056" s="1" t="s">
        <v>181013</v>
      </c>
      <c r="C54056" s="1" t="s">
        <v>8</v>
      </c>
      <c r="D54056" s="1" t="s">
        <v>35579</v>
      </c>
      <c r="E54056" s="1" t="s">
        <v>181890</v>
      </c>
      <c r="F54056" s="1" t="s">
        <v>181891</v>
      </c>
      <c r="G54056" s="1" t="s">
        <v>181892</v>
      </c>
      <c r="H54056" s="1" t="s">
        <v>181893</v>
      </c>
      <c r="I54056" s="1" t="s">
        <v>181018</v>
      </c>
      <c r="J54056" s="1" t="s">
        <v>13</v>
      </c>
    </row>
    <row r="54057" spans="1:10" x14ac:dyDescent="0.35">
      <c r="A54057" s="1" t="s">
        <v>1225</v>
      </c>
      <c r="B54057" s="1" t="s">
        <v>181013</v>
      </c>
      <c r="C54057" s="1" t="s">
        <v>15</v>
      </c>
      <c r="D54057" s="1" t="s">
        <v>155584</v>
      </c>
      <c r="E54057" s="1" t="s">
        <v>181894</v>
      </c>
      <c r="F54057" s="1" t="s">
        <v>181895</v>
      </c>
      <c r="G54057" s="1" t="s">
        <v>181892</v>
      </c>
      <c r="H54057" s="1" t="s">
        <v>181893</v>
      </c>
      <c r="I54057" s="1" t="s">
        <v>181018</v>
      </c>
      <c r="J54057" s="1" t="s">
        <v>181896</v>
      </c>
    </row>
    <row r="54058" spans="1:10" x14ac:dyDescent="0.35">
      <c r="A54058" s="1" t="s">
        <v>1225</v>
      </c>
      <c r="B54058" s="1" t="s">
        <v>181013</v>
      </c>
      <c r="C54058" s="1" t="s">
        <v>20</v>
      </c>
      <c r="D54058" s="1" t="s">
        <v>36081</v>
      </c>
      <c r="E54058" s="1" t="s">
        <v>181897</v>
      </c>
      <c r="F54058" s="1" t="s">
        <v>181898</v>
      </c>
      <c r="G54058" s="1" t="s">
        <v>181892</v>
      </c>
      <c r="H54058" s="1" t="s">
        <v>181893</v>
      </c>
      <c r="I54058" s="1" t="s">
        <v>181018</v>
      </c>
      <c r="J54058" s="1" t="s">
        <v>181899</v>
      </c>
    </row>
    <row r="54059" spans="1:10" x14ac:dyDescent="0.35">
      <c r="A54059" s="1" t="s">
        <v>1225</v>
      </c>
      <c r="B54059" s="1" t="s">
        <v>181013</v>
      </c>
      <c r="C54059" s="1" t="s">
        <v>25</v>
      </c>
      <c r="D54059" s="1" t="s">
        <v>50207</v>
      </c>
      <c r="E54059" s="1" t="s">
        <v>181900</v>
      </c>
      <c r="F54059" s="1" t="s">
        <v>181901</v>
      </c>
      <c r="G54059" s="1" t="s">
        <v>181892</v>
      </c>
      <c r="H54059" s="1" t="s">
        <v>181893</v>
      </c>
      <c r="I54059" s="1" t="s">
        <v>181018</v>
      </c>
      <c r="J54059" s="1" t="s">
        <v>181902</v>
      </c>
    </row>
    <row r="54060" spans="1:10" x14ac:dyDescent="0.35">
      <c r="A54060" s="1" t="s">
        <v>1225</v>
      </c>
      <c r="B54060" s="1" t="s">
        <v>181013</v>
      </c>
      <c r="C54060" s="1" t="s">
        <v>30</v>
      </c>
      <c r="D54060" s="1" t="s">
        <v>181903</v>
      </c>
      <c r="E54060" s="1" t="s">
        <v>181904</v>
      </c>
      <c r="F54060" s="1" t="s">
        <v>181905</v>
      </c>
      <c r="G54060" s="1" t="s">
        <v>181892</v>
      </c>
      <c r="H54060" s="1" t="s">
        <v>181893</v>
      </c>
      <c r="I54060" s="1" t="s">
        <v>181018</v>
      </c>
      <c r="J54060" s="1" t="s">
        <v>181906</v>
      </c>
    </row>
    <row r="54061" spans="1:10" x14ac:dyDescent="0.35">
      <c r="A54061" s="1" t="s">
        <v>1225</v>
      </c>
      <c r="B54061" s="1" t="s">
        <v>181013</v>
      </c>
      <c r="C54061" s="1" t="s">
        <v>35</v>
      </c>
      <c r="D54061" s="1" t="s">
        <v>48911</v>
      </c>
      <c r="E54061" s="1" t="s">
        <v>181907</v>
      </c>
      <c r="F54061" s="1" t="s">
        <v>181908</v>
      </c>
      <c r="G54061" s="1" t="s">
        <v>181892</v>
      </c>
      <c r="H54061" s="1" t="s">
        <v>181893</v>
      </c>
      <c r="I54061" s="1" t="s">
        <v>181018</v>
      </c>
      <c r="J54061" s="1" t="s">
        <v>181909</v>
      </c>
    </row>
    <row r="54062" spans="1:10" x14ac:dyDescent="0.35">
      <c r="A54062" s="1" t="s">
        <v>1225</v>
      </c>
      <c r="B54062" s="1" t="s">
        <v>181013</v>
      </c>
      <c r="C54062" s="1" t="s">
        <v>40</v>
      </c>
      <c r="D54062" s="1" t="s">
        <v>46487</v>
      </c>
      <c r="E54062" s="1" t="s">
        <v>181910</v>
      </c>
      <c r="F54062" s="1" t="s">
        <v>181911</v>
      </c>
      <c r="G54062" s="1" t="s">
        <v>181892</v>
      </c>
      <c r="H54062" s="1" t="s">
        <v>181893</v>
      </c>
      <c r="I54062" s="1" t="s">
        <v>181018</v>
      </c>
      <c r="J54062" s="1" t="s">
        <v>181912</v>
      </c>
    </row>
    <row r="54063" spans="1:10" x14ac:dyDescent="0.35">
      <c r="A54063" s="1" t="s">
        <v>1225</v>
      </c>
      <c r="B54063" s="1" t="s">
        <v>181013</v>
      </c>
      <c r="C54063" s="1" t="s">
        <v>45</v>
      </c>
      <c r="D54063" s="1" t="s">
        <v>181913</v>
      </c>
      <c r="E54063" s="1" t="s">
        <v>181914</v>
      </c>
      <c r="F54063" s="1" t="s">
        <v>181915</v>
      </c>
      <c r="G54063" s="1" t="s">
        <v>181892</v>
      </c>
      <c r="H54063" s="1" t="s">
        <v>181893</v>
      </c>
      <c r="I54063" s="1" t="s">
        <v>181018</v>
      </c>
      <c r="J54063" s="1" t="s">
        <v>181916</v>
      </c>
    </row>
    <row r="54064" spans="1:10" x14ac:dyDescent="0.35">
      <c r="A54064" s="1" t="s">
        <v>1225</v>
      </c>
      <c r="B54064" s="1" t="s">
        <v>181013</v>
      </c>
      <c r="C54064" s="1" t="s">
        <v>50</v>
      </c>
      <c r="D54064" s="1" t="s">
        <v>181917</v>
      </c>
      <c r="E54064" s="1" t="s">
        <v>181918</v>
      </c>
      <c r="F54064" s="1" t="s">
        <v>181919</v>
      </c>
      <c r="G54064" s="1" t="s">
        <v>181892</v>
      </c>
      <c r="H54064" s="1" t="s">
        <v>181893</v>
      </c>
      <c r="I54064" s="1" t="s">
        <v>181018</v>
      </c>
      <c r="J54064" s="1" t="s">
        <v>181920</v>
      </c>
    </row>
    <row r="54065" spans="1:10" x14ac:dyDescent="0.35">
      <c r="A54065" s="1" t="s">
        <v>1225</v>
      </c>
      <c r="B54065" s="1" t="s">
        <v>181013</v>
      </c>
      <c r="C54065" s="1" t="s">
        <v>55</v>
      </c>
      <c r="D54065" s="1" t="s">
        <v>135566</v>
      </c>
      <c r="E54065" s="1" t="s">
        <v>181921</v>
      </c>
      <c r="F54065" s="1" t="s">
        <v>181922</v>
      </c>
      <c r="G54065" s="1" t="s">
        <v>181892</v>
      </c>
      <c r="H54065" s="1" t="s">
        <v>181893</v>
      </c>
      <c r="I54065" s="1" t="s">
        <v>181018</v>
      </c>
      <c r="J54065" s="1" t="s">
        <v>181923</v>
      </c>
    </row>
    <row r="54066" spans="1:10" x14ac:dyDescent="0.35">
      <c r="A54066" s="1" t="s">
        <v>1225</v>
      </c>
      <c r="B54066" s="1" t="s">
        <v>181013</v>
      </c>
      <c r="C54066" s="1" t="s">
        <v>60</v>
      </c>
      <c r="D54066" s="1" t="s">
        <v>181924</v>
      </c>
      <c r="E54066" s="1" t="s">
        <v>181925</v>
      </c>
      <c r="F54066" s="1" t="s">
        <v>181926</v>
      </c>
      <c r="G54066" s="1" t="s">
        <v>181892</v>
      </c>
      <c r="H54066" s="1" t="s">
        <v>181893</v>
      </c>
      <c r="I54066" s="1" t="s">
        <v>181018</v>
      </c>
      <c r="J54066" s="1" t="s">
        <v>181927</v>
      </c>
    </row>
    <row r="54067" spans="1:10" x14ac:dyDescent="0.35">
      <c r="A54067" s="1" t="s">
        <v>1225</v>
      </c>
      <c r="B54067" s="1" t="s">
        <v>181013</v>
      </c>
      <c r="C54067" s="1" t="s">
        <v>65</v>
      </c>
      <c r="D54067" s="1" t="s">
        <v>181928</v>
      </c>
      <c r="E54067" s="1" t="s">
        <v>181929</v>
      </c>
      <c r="F54067" s="1" t="s">
        <v>181930</v>
      </c>
      <c r="G54067" s="1" t="s">
        <v>181892</v>
      </c>
      <c r="H54067" s="1" t="s">
        <v>181893</v>
      </c>
      <c r="I54067" s="1" t="s">
        <v>181018</v>
      </c>
      <c r="J54067" s="1" t="s">
        <v>181931</v>
      </c>
    </row>
    <row r="54068" spans="1:10" x14ac:dyDescent="0.35">
      <c r="A54068" s="1" t="s">
        <v>1225</v>
      </c>
      <c r="B54068" s="1" t="s">
        <v>181013</v>
      </c>
      <c r="C54068" s="1" t="s">
        <v>70</v>
      </c>
      <c r="D54068" s="1" t="s">
        <v>141565</v>
      </c>
      <c r="E54068" s="1" t="s">
        <v>181932</v>
      </c>
      <c r="F54068" s="1" t="s">
        <v>181933</v>
      </c>
      <c r="G54068" s="1" t="s">
        <v>181892</v>
      </c>
      <c r="H54068" s="1" t="s">
        <v>181893</v>
      </c>
      <c r="I54068" s="1" t="s">
        <v>181018</v>
      </c>
      <c r="J54068" s="1" t="s">
        <v>181934</v>
      </c>
    </row>
    <row r="54069" spans="1:10" x14ac:dyDescent="0.35">
      <c r="A54069" s="1" t="s">
        <v>1225</v>
      </c>
      <c r="B54069" s="1" t="s">
        <v>181013</v>
      </c>
      <c r="C54069" s="1" t="s">
        <v>75</v>
      </c>
      <c r="D54069" s="1" t="s">
        <v>13015</v>
      </c>
      <c r="E54069" s="1" t="s">
        <v>181935</v>
      </c>
      <c r="F54069" s="1" t="s">
        <v>181936</v>
      </c>
      <c r="G54069" s="1" t="s">
        <v>181892</v>
      </c>
      <c r="H54069" s="1" t="s">
        <v>181893</v>
      </c>
      <c r="I54069" s="1" t="s">
        <v>181018</v>
      </c>
      <c r="J54069" s="1" t="s">
        <v>181937</v>
      </c>
    </row>
    <row r="54070" spans="1:10" x14ac:dyDescent="0.35">
      <c r="A54070" s="1" t="s">
        <v>1225</v>
      </c>
      <c r="B54070" s="1" t="s">
        <v>181013</v>
      </c>
      <c r="C54070" s="1" t="s">
        <v>80</v>
      </c>
      <c r="D54070" s="1" t="s">
        <v>181938</v>
      </c>
      <c r="E54070" s="1" t="s">
        <v>181939</v>
      </c>
      <c r="F54070" s="1" t="s">
        <v>181940</v>
      </c>
      <c r="G54070" s="1" t="s">
        <v>181892</v>
      </c>
      <c r="H54070" s="1" t="s">
        <v>181893</v>
      </c>
      <c r="I54070" s="1" t="s">
        <v>181018</v>
      </c>
      <c r="J54070" s="1" t="s">
        <v>181941</v>
      </c>
    </row>
    <row r="54071" spans="1:10" x14ac:dyDescent="0.35">
      <c r="A54071" s="1" t="s">
        <v>1225</v>
      </c>
      <c r="B54071" s="1" t="s">
        <v>181013</v>
      </c>
      <c r="C54071" s="1" t="s">
        <v>85</v>
      </c>
      <c r="D54071" s="1" t="s">
        <v>181942</v>
      </c>
      <c r="E54071" s="1" t="s">
        <v>181943</v>
      </c>
      <c r="F54071" s="1" t="s">
        <v>181944</v>
      </c>
      <c r="G54071" s="1" t="s">
        <v>181892</v>
      </c>
      <c r="H54071" s="1" t="s">
        <v>181893</v>
      </c>
      <c r="I54071" s="1" t="s">
        <v>181018</v>
      </c>
      <c r="J54071" s="1" t="s">
        <v>181945</v>
      </c>
    </row>
    <row r="54072" spans="1:10" x14ac:dyDescent="0.35">
      <c r="A54072" s="1" t="s">
        <v>1225</v>
      </c>
      <c r="B54072" s="1" t="s">
        <v>181013</v>
      </c>
      <c r="C54072" s="1" t="s">
        <v>90</v>
      </c>
      <c r="D54072" s="1" t="s">
        <v>118198</v>
      </c>
      <c r="E54072" s="1" t="s">
        <v>181946</v>
      </c>
      <c r="F54072" s="1" t="s">
        <v>181947</v>
      </c>
      <c r="G54072" s="1" t="s">
        <v>181892</v>
      </c>
      <c r="H54072" s="1" t="s">
        <v>181893</v>
      </c>
      <c r="I54072" s="1" t="s">
        <v>181018</v>
      </c>
      <c r="J54072" s="1" t="s">
        <v>181948</v>
      </c>
    </row>
    <row r="54073" spans="1:10" x14ac:dyDescent="0.35">
      <c r="A54073" s="1" t="s">
        <v>1225</v>
      </c>
      <c r="B54073" s="1" t="s">
        <v>181013</v>
      </c>
      <c r="C54073" s="1" t="s">
        <v>95</v>
      </c>
      <c r="D54073" s="1" t="s">
        <v>42009</v>
      </c>
      <c r="E54073" s="1" t="s">
        <v>181949</v>
      </c>
      <c r="F54073" s="1" t="s">
        <v>181950</v>
      </c>
      <c r="G54073" s="1" t="s">
        <v>181892</v>
      </c>
      <c r="H54073" s="1" t="s">
        <v>181893</v>
      </c>
      <c r="I54073" s="1" t="s">
        <v>181018</v>
      </c>
      <c r="J54073" s="1" t="s">
        <v>181951</v>
      </c>
    </row>
    <row r="54074" spans="1:10" x14ac:dyDescent="0.35">
      <c r="A54074" s="1" t="s">
        <v>1225</v>
      </c>
      <c r="B54074" s="1" t="s">
        <v>181013</v>
      </c>
      <c r="C54074" s="1" t="s">
        <v>100</v>
      </c>
      <c r="D54074" s="1" t="s">
        <v>72906</v>
      </c>
      <c r="E54074" s="1" t="s">
        <v>181952</v>
      </c>
      <c r="F54074" s="1" t="s">
        <v>181953</v>
      </c>
      <c r="G54074" s="1" t="s">
        <v>181892</v>
      </c>
      <c r="H54074" s="1" t="s">
        <v>181893</v>
      </c>
      <c r="I54074" s="1" t="s">
        <v>181018</v>
      </c>
      <c r="J54074" s="1" t="s">
        <v>181954</v>
      </c>
    </row>
    <row r="54075" spans="1:10" x14ac:dyDescent="0.35">
      <c r="A54075" s="1" t="s">
        <v>1225</v>
      </c>
      <c r="B54075" s="1" t="s">
        <v>181013</v>
      </c>
      <c r="C54075" s="1" t="s">
        <v>105</v>
      </c>
      <c r="D54075" s="1" t="s">
        <v>38557</v>
      </c>
      <c r="E54075" s="1" t="s">
        <v>181955</v>
      </c>
      <c r="F54075" s="1" t="s">
        <v>181956</v>
      </c>
      <c r="G54075" s="1" t="s">
        <v>181892</v>
      </c>
      <c r="H54075" s="1" t="s">
        <v>181893</v>
      </c>
      <c r="I54075" s="1" t="s">
        <v>181018</v>
      </c>
      <c r="J54075" s="1" t="s">
        <v>181957</v>
      </c>
    </row>
    <row r="54076" spans="1:10" x14ac:dyDescent="0.35">
      <c r="A54076" s="1" t="s">
        <v>1225</v>
      </c>
      <c r="B54076" s="1" t="s">
        <v>181013</v>
      </c>
      <c r="C54076" s="1" t="s">
        <v>110</v>
      </c>
      <c r="D54076" s="1" t="s">
        <v>181239</v>
      </c>
      <c r="E54076" s="1" t="s">
        <v>181958</v>
      </c>
      <c r="F54076" s="1" t="s">
        <v>181959</v>
      </c>
      <c r="G54076" s="1" t="s">
        <v>181892</v>
      </c>
      <c r="H54076" s="1" t="s">
        <v>181893</v>
      </c>
      <c r="I54076" s="1" t="s">
        <v>181018</v>
      </c>
      <c r="J54076" s="1" t="s">
        <v>181960</v>
      </c>
    </row>
    <row r="54077" spans="1:10" x14ac:dyDescent="0.35">
      <c r="A54077" s="1" t="s">
        <v>1225</v>
      </c>
      <c r="B54077" s="1" t="s">
        <v>181013</v>
      </c>
      <c r="C54077" s="1" t="s">
        <v>115</v>
      </c>
      <c r="D54077" s="1" t="s">
        <v>17171</v>
      </c>
      <c r="E54077" s="1" t="s">
        <v>181961</v>
      </c>
      <c r="F54077" s="1" t="s">
        <v>181962</v>
      </c>
      <c r="G54077" s="1" t="s">
        <v>181892</v>
      </c>
      <c r="H54077" s="1" t="s">
        <v>181893</v>
      </c>
      <c r="I54077" s="1" t="s">
        <v>181018</v>
      </c>
      <c r="J54077" s="1" t="s">
        <v>181963</v>
      </c>
    </row>
    <row r="54078" spans="1:10" x14ac:dyDescent="0.35">
      <c r="A54078" s="1" t="s">
        <v>1225</v>
      </c>
      <c r="B54078" s="1" t="s">
        <v>181013</v>
      </c>
      <c r="C54078" s="1" t="s">
        <v>120</v>
      </c>
      <c r="D54078" s="1" t="s">
        <v>9594</v>
      </c>
      <c r="E54078" s="1" t="s">
        <v>181964</v>
      </c>
      <c r="F54078" s="1" t="s">
        <v>181965</v>
      </c>
      <c r="G54078" s="1" t="s">
        <v>181892</v>
      </c>
      <c r="H54078" s="1" t="s">
        <v>181893</v>
      </c>
      <c r="I54078" s="1" t="s">
        <v>181018</v>
      </c>
      <c r="J54078" s="1" t="s">
        <v>181966</v>
      </c>
    </row>
    <row r="54079" spans="1:10" x14ac:dyDescent="0.35">
      <c r="A54079" s="1" t="s">
        <v>1225</v>
      </c>
      <c r="B54079" s="1" t="s">
        <v>181013</v>
      </c>
      <c r="C54079" s="1" t="s">
        <v>125</v>
      </c>
      <c r="D54079" s="1" t="s">
        <v>123124</v>
      </c>
      <c r="E54079" s="1" t="s">
        <v>181967</v>
      </c>
      <c r="F54079" s="1" t="s">
        <v>181968</v>
      </c>
      <c r="G54079" s="1" t="s">
        <v>181892</v>
      </c>
      <c r="H54079" s="1" t="s">
        <v>181893</v>
      </c>
      <c r="I54079" s="1" t="s">
        <v>181018</v>
      </c>
      <c r="J54079" s="1" t="s">
        <v>181969</v>
      </c>
    </row>
    <row r="54080" spans="1:10" x14ac:dyDescent="0.35">
      <c r="A54080" s="1" t="s">
        <v>1225</v>
      </c>
      <c r="B54080" s="1" t="s">
        <v>181013</v>
      </c>
      <c r="C54080" s="1" t="s">
        <v>130</v>
      </c>
      <c r="D54080" s="1" t="s">
        <v>46572</v>
      </c>
      <c r="E54080" s="1" t="s">
        <v>181970</v>
      </c>
      <c r="F54080" s="1" t="s">
        <v>181971</v>
      </c>
      <c r="G54080" s="1" t="s">
        <v>181892</v>
      </c>
      <c r="H54080" s="1" t="s">
        <v>181893</v>
      </c>
      <c r="I54080" s="1" t="s">
        <v>181018</v>
      </c>
      <c r="J54080" s="1" t="s">
        <v>181972</v>
      </c>
    </row>
    <row r="54081" spans="1:10" x14ac:dyDescent="0.35">
      <c r="A54081" s="1" t="s">
        <v>1225</v>
      </c>
      <c r="B54081" s="1" t="s">
        <v>181013</v>
      </c>
      <c r="C54081" s="1" t="s">
        <v>135</v>
      </c>
      <c r="D54081" s="1" t="s">
        <v>160465</v>
      </c>
      <c r="E54081" s="1" t="s">
        <v>181973</v>
      </c>
      <c r="F54081" s="1" t="s">
        <v>181974</v>
      </c>
      <c r="G54081" s="1" t="s">
        <v>181892</v>
      </c>
      <c r="H54081" s="1" t="s">
        <v>181893</v>
      </c>
      <c r="I54081" s="1" t="s">
        <v>181018</v>
      </c>
      <c r="J54081" s="1" t="s">
        <v>181975</v>
      </c>
    </row>
    <row r="54082" spans="1:10" x14ac:dyDescent="0.35">
      <c r="A54082" s="1" t="s">
        <v>1225</v>
      </c>
      <c r="B54082" s="1" t="s">
        <v>181013</v>
      </c>
      <c r="C54082" s="1" t="s">
        <v>140</v>
      </c>
      <c r="D54082" s="1" t="s">
        <v>38870</v>
      </c>
      <c r="E54082" s="1" t="s">
        <v>181976</v>
      </c>
      <c r="F54082" s="1" t="s">
        <v>181977</v>
      </c>
      <c r="G54082" s="1" t="s">
        <v>181892</v>
      </c>
      <c r="H54082" s="1" t="s">
        <v>181893</v>
      </c>
      <c r="I54082" s="1" t="s">
        <v>181018</v>
      </c>
      <c r="J54082" s="1" t="s">
        <v>181978</v>
      </c>
    </row>
    <row r="54083" spans="1:10" x14ac:dyDescent="0.35">
      <c r="A54083" s="1" t="s">
        <v>1225</v>
      </c>
      <c r="B54083" s="1" t="s">
        <v>181013</v>
      </c>
      <c r="C54083" s="1" t="s">
        <v>145</v>
      </c>
      <c r="D54083" s="1" t="s">
        <v>73483</v>
      </c>
      <c r="E54083" s="1" t="s">
        <v>181979</v>
      </c>
      <c r="F54083" s="1" t="s">
        <v>181980</v>
      </c>
      <c r="G54083" s="1" t="s">
        <v>181892</v>
      </c>
      <c r="H54083" s="1" t="s">
        <v>181893</v>
      </c>
      <c r="I54083" s="1" t="s">
        <v>181018</v>
      </c>
      <c r="J54083" s="1" t="s">
        <v>181981</v>
      </c>
    </row>
    <row r="54084" spans="1:10" x14ac:dyDescent="0.35">
      <c r="A54084" s="1" t="s">
        <v>1225</v>
      </c>
      <c r="B54084" s="1" t="s">
        <v>181013</v>
      </c>
      <c r="C54084" s="1" t="s">
        <v>150</v>
      </c>
      <c r="D54084" s="1" t="s">
        <v>149443</v>
      </c>
      <c r="E54084" s="1" t="s">
        <v>181982</v>
      </c>
      <c r="F54084" s="1" t="s">
        <v>181983</v>
      </c>
      <c r="G54084" s="1" t="s">
        <v>181892</v>
      </c>
      <c r="H54084" s="1" t="s">
        <v>181893</v>
      </c>
      <c r="I54084" s="1" t="s">
        <v>181018</v>
      </c>
      <c r="J54084" s="1" t="s">
        <v>181984</v>
      </c>
    </row>
    <row r="54085" spans="1:10" x14ac:dyDescent="0.35">
      <c r="A54085" s="1" t="s">
        <v>1225</v>
      </c>
      <c r="B54085" s="1" t="s">
        <v>181013</v>
      </c>
      <c r="C54085" s="1" t="s">
        <v>155</v>
      </c>
      <c r="D54085" s="1" t="s">
        <v>174397</v>
      </c>
      <c r="E54085" s="1" t="s">
        <v>181985</v>
      </c>
      <c r="F54085" s="1" t="s">
        <v>181986</v>
      </c>
      <c r="G54085" s="1" t="s">
        <v>181892</v>
      </c>
      <c r="H54085" s="1" t="s">
        <v>181893</v>
      </c>
      <c r="I54085" s="1" t="s">
        <v>181018</v>
      </c>
      <c r="J54085" s="1" t="s">
        <v>181987</v>
      </c>
    </row>
    <row r="54086" spans="1:10" x14ac:dyDescent="0.35">
      <c r="A54086" s="1" t="s">
        <v>1225</v>
      </c>
      <c r="B54086" s="1" t="s">
        <v>181013</v>
      </c>
      <c r="C54086" s="1" t="s">
        <v>160</v>
      </c>
      <c r="D54086" s="1" t="s">
        <v>181988</v>
      </c>
      <c r="E54086" s="1" t="s">
        <v>181989</v>
      </c>
      <c r="F54086" s="1" t="s">
        <v>181990</v>
      </c>
      <c r="G54086" s="1" t="s">
        <v>181892</v>
      </c>
      <c r="H54086" s="1" t="s">
        <v>181893</v>
      </c>
      <c r="I54086" s="1" t="s">
        <v>181018</v>
      </c>
      <c r="J54086" s="1" t="s">
        <v>181991</v>
      </c>
    </row>
    <row r="54087" spans="1:10" x14ac:dyDescent="0.35">
      <c r="A54087" s="1" t="s">
        <v>1225</v>
      </c>
      <c r="B54087" s="1" t="s">
        <v>181013</v>
      </c>
      <c r="C54087" s="1" t="s">
        <v>165</v>
      </c>
      <c r="D54087" s="1" t="s">
        <v>36566</v>
      </c>
      <c r="E54087" s="1" t="s">
        <v>181992</v>
      </c>
      <c r="F54087" s="1" t="s">
        <v>181993</v>
      </c>
      <c r="G54087" s="1" t="s">
        <v>181892</v>
      </c>
      <c r="H54087" s="1" t="s">
        <v>181893</v>
      </c>
      <c r="I54087" s="1" t="s">
        <v>181018</v>
      </c>
      <c r="J54087" s="1" t="s">
        <v>181994</v>
      </c>
    </row>
    <row r="54088" spans="1:10" x14ac:dyDescent="0.35">
      <c r="A54088" s="1" t="s">
        <v>1225</v>
      </c>
      <c r="B54088" s="1" t="s">
        <v>181013</v>
      </c>
      <c r="C54088" s="1" t="s">
        <v>170</v>
      </c>
      <c r="D54088" s="1" t="s">
        <v>181995</v>
      </c>
      <c r="E54088" s="1" t="s">
        <v>181996</v>
      </c>
      <c r="F54088" s="1" t="s">
        <v>181997</v>
      </c>
      <c r="G54088" s="1" t="s">
        <v>181892</v>
      </c>
      <c r="H54088" s="1" t="s">
        <v>181893</v>
      </c>
      <c r="I54088" s="1" t="s">
        <v>181018</v>
      </c>
      <c r="J54088" s="1" t="s">
        <v>181998</v>
      </c>
    </row>
    <row r="54089" spans="1:10" x14ac:dyDescent="0.35">
      <c r="A54089" s="1" t="s">
        <v>29074</v>
      </c>
      <c r="B54089" s="1" t="s">
        <v>181013</v>
      </c>
      <c r="C54089" s="1" t="s">
        <v>8</v>
      </c>
      <c r="D54089" s="1" t="s">
        <v>9566</v>
      </c>
      <c r="E54089" s="1" t="s">
        <v>181999</v>
      </c>
      <c r="F54089" s="1" t="s">
        <v>182000</v>
      </c>
      <c r="G54089" s="1" t="s">
        <v>182001</v>
      </c>
      <c r="H54089" s="1" t="s">
        <v>182002</v>
      </c>
      <c r="I54089" s="1" t="s">
        <v>181018</v>
      </c>
      <c r="J54089" s="1" t="s">
        <v>13</v>
      </c>
    </row>
    <row r="54090" spans="1:10" x14ac:dyDescent="0.35">
      <c r="A54090" s="1" t="s">
        <v>29074</v>
      </c>
      <c r="B54090" s="1" t="s">
        <v>181013</v>
      </c>
      <c r="C54090" s="1" t="s">
        <v>15</v>
      </c>
      <c r="D54090" s="1" t="s">
        <v>10741</v>
      </c>
      <c r="E54090" s="1" t="s">
        <v>182003</v>
      </c>
      <c r="F54090" s="1" t="s">
        <v>182004</v>
      </c>
      <c r="G54090" s="1" t="s">
        <v>182001</v>
      </c>
      <c r="H54090" s="1" t="s">
        <v>182002</v>
      </c>
      <c r="I54090" s="1" t="s">
        <v>181018</v>
      </c>
      <c r="J54090" s="1" t="s">
        <v>182005</v>
      </c>
    </row>
    <row r="54091" spans="1:10" x14ac:dyDescent="0.35">
      <c r="A54091" s="1" t="s">
        <v>29074</v>
      </c>
      <c r="B54091" s="1" t="s">
        <v>181013</v>
      </c>
      <c r="C54091" s="1" t="s">
        <v>20</v>
      </c>
      <c r="D54091" s="1" t="s">
        <v>115286</v>
      </c>
      <c r="E54091" s="1" t="s">
        <v>182006</v>
      </c>
      <c r="F54091" s="1" t="s">
        <v>182007</v>
      </c>
      <c r="G54091" s="1" t="s">
        <v>182001</v>
      </c>
      <c r="H54091" s="1" t="s">
        <v>182002</v>
      </c>
      <c r="I54091" s="1" t="s">
        <v>181018</v>
      </c>
      <c r="J54091" s="1" t="s">
        <v>182008</v>
      </c>
    </row>
    <row r="54092" spans="1:10" x14ac:dyDescent="0.35">
      <c r="A54092" s="1" t="s">
        <v>29074</v>
      </c>
      <c r="B54092" s="1" t="s">
        <v>181013</v>
      </c>
      <c r="C54092" s="1" t="s">
        <v>25</v>
      </c>
      <c r="D54092" s="1" t="s">
        <v>118740</v>
      </c>
      <c r="E54092" s="1" t="s">
        <v>182009</v>
      </c>
      <c r="F54092" s="1" t="s">
        <v>182010</v>
      </c>
      <c r="G54092" s="1" t="s">
        <v>182001</v>
      </c>
      <c r="H54092" s="1" t="s">
        <v>182002</v>
      </c>
      <c r="I54092" s="1" t="s">
        <v>181018</v>
      </c>
      <c r="J54092" s="1" t="s">
        <v>182011</v>
      </c>
    </row>
    <row r="54093" spans="1:10" x14ac:dyDescent="0.35">
      <c r="A54093" s="1" t="s">
        <v>29074</v>
      </c>
      <c r="B54093" s="1" t="s">
        <v>181013</v>
      </c>
      <c r="C54093" s="1" t="s">
        <v>30</v>
      </c>
      <c r="D54093" s="1" t="s">
        <v>47675</v>
      </c>
      <c r="E54093" s="1" t="s">
        <v>182012</v>
      </c>
      <c r="F54093" s="1" t="s">
        <v>182013</v>
      </c>
      <c r="G54093" s="1" t="s">
        <v>182001</v>
      </c>
      <c r="H54093" s="1" t="s">
        <v>182002</v>
      </c>
      <c r="I54093" s="1" t="s">
        <v>181018</v>
      </c>
      <c r="J54093" s="1" t="s">
        <v>182014</v>
      </c>
    </row>
    <row r="54094" spans="1:10" x14ac:dyDescent="0.35">
      <c r="A54094" s="1" t="s">
        <v>29074</v>
      </c>
      <c r="B54094" s="1" t="s">
        <v>181013</v>
      </c>
      <c r="C54094" s="1" t="s">
        <v>35</v>
      </c>
      <c r="D54094" s="1" t="s">
        <v>135862</v>
      </c>
      <c r="E54094" s="1" t="s">
        <v>182015</v>
      </c>
      <c r="F54094" s="1" t="s">
        <v>182016</v>
      </c>
      <c r="G54094" s="1" t="s">
        <v>182001</v>
      </c>
      <c r="H54094" s="1" t="s">
        <v>182002</v>
      </c>
      <c r="I54094" s="1" t="s">
        <v>181018</v>
      </c>
      <c r="J54094" s="1" t="s">
        <v>182017</v>
      </c>
    </row>
    <row r="54095" spans="1:10" x14ac:dyDescent="0.35">
      <c r="A54095" s="1" t="s">
        <v>29074</v>
      </c>
      <c r="B54095" s="1" t="s">
        <v>181013</v>
      </c>
      <c r="C54095" s="1" t="s">
        <v>40</v>
      </c>
      <c r="D54095" s="1" t="s">
        <v>118631</v>
      </c>
      <c r="E54095" s="1" t="s">
        <v>182018</v>
      </c>
      <c r="F54095" s="1" t="s">
        <v>182019</v>
      </c>
      <c r="G54095" s="1" t="s">
        <v>182001</v>
      </c>
      <c r="H54095" s="1" t="s">
        <v>182002</v>
      </c>
      <c r="I54095" s="1" t="s">
        <v>181018</v>
      </c>
      <c r="J54095" s="1" t="s">
        <v>182020</v>
      </c>
    </row>
    <row r="54096" spans="1:10" x14ac:dyDescent="0.35">
      <c r="A54096" s="1" t="s">
        <v>29074</v>
      </c>
      <c r="B54096" s="1" t="s">
        <v>181013</v>
      </c>
      <c r="C54096" s="1" t="s">
        <v>45</v>
      </c>
      <c r="D54096" s="1" t="s">
        <v>135183</v>
      </c>
      <c r="E54096" s="1" t="s">
        <v>182021</v>
      </c>
      <c r="F54096" s="1" t="s">
        <v>182022</v>
      </c>
      <c r="G54096" s="1" t="s">
        <v>182001</v>
      </c>
      <c r="H54096" s="1" t="s">
        <v>182002</v>
      </c>
      <c r="I54096" s="1" t="s">
        <v>181018</v>
      </c>
      <c r="J54096" s="1" t="s">
        <v>182023</v>
      </c>
    </row>
    <row r="54097" spans="1:10" x14ac:dyDescent="0.35">
      <c r="A54097" s="1" t="s">
        <v>29074</v>
      </c>
      <c r="B54097" s="1" t="s">
        <v>181013</v>
      </c>
      <c r="C54097" s="1" t="s">
        <v>50</v>
      </c>
      <c r="D54097" s="1" t="s">
        <v>17832</v>
      </c>
      <c r="E54097" s="1" t="s">
        <v>182024</v>
      </c>
      <c r="F54097" s="1" t="s">
        <v>182025</v>
      </c>
      <c r="G54097" s="1" t="s">
        <v>182001</v>
      </c>
      <c r="H54097" s="1" t="s">
        <v>182002</v>
      </c>
      <c r="I54097" s="1" t="s">
        <v>181018</v>
      </c>
      <c r="J54097" s="1" t="s">
        <v>182026</v>
      </c>
    </row>
    <row r="54098" spans="1:10" x14ac:dyDescent="0.35">
      <c r="A54098" s="1" t="s">
        <v>29074</v>
      </c>
      <c r="B54098" s="1" t="s">
        <v>181013</v>
      </c>
      <c r="C54098" s="1" t="s">
        <v>55</v>
      </c>
      <c r="D54098" s="1" t="s">
        <v>33774</v>
      </c>
      <c r="E54098" s="1" t="s">
        <v>182027</v>
      </c>
      <c r="F54098" s="1" t="s">
        <v>182028</v>
      </c>
      <c r="G54098" s="1" t="s">
        <v>182001</v>
      </c>
      <c r="H54098" s="1" t="s">
        <v>182002</v>
      </c>
      <c r="I54098" s="1" t="s">
        <v>181018</v>
      </c>
      <c r="J54098" s="1" t="s">
        <v>182029</v>
      </c>
    </row>
    <row r="54099" spans="1:10" x14ac:dyDescent="0.35">
      <c r="A54099" s="1" t="s">
        <v>29074</v>
      </c>
      <c r="B54099" s="1" t="s">
        <v>181013</v>
      </c>
      <c r="C54099" s="1" t="s">
        <v>60</v>
      </c>
      <c r="D54099" s="1" t="s">
        <v>116535</v>
      </c>
      <c r="E54099" s="1" t="s">
        <v>182030</v>
      </c>
      <c r="F54099" s="1" t="s">
        <v>182031</v>
      </c>
      <c r="G54099" s="1" t="s">
        <v>182001</v>
      </c>
      <c r="H54099" s="1" t="s">
        <v>182002</v>
      </c>
      <c r="I54099" s="1" t="s">
        <v>181018</v>
      </c>
      <c r="J54099" s="1" t="s">
        <v>182032</v>
      </c>
    </row>
    <row r="54100" spans="1:10" x14ac:dyDescent="0.35">
      <c r="A54100" s="1" t="s">
        <v>29074</v>
      </c>
      <c r="B54100" s="1" t="s">
        <v>181013</v>
      </c>
      <c r="C54100" s="1" t="s">
        <v>65</v>
      </c>
      <c r="D54100" s="1" t="s">
        <v>49572</v>
      </c>
      <c r="E54100" s="1" t="s">
        <v>182033</v>
      </c>
      <c r="F54100" s="1" t="s">
        <v>182034</v>
      </c>
      <c r="G54100" s="1" t="s">
        <v>182001</v>
      </c>
      <c r="H54100" s="1" t="s">
        <v>182002</v>
      </c>
      <c r="I54100" s="1" t="s">
        <v>181018</v>
      </c>
      <c r="J54100" s="1" t="s">
        <v>182035</v>
      </c>
    </row>
    <row r="54101" spans="1:10" x14ac:dyDescent="0.35">
      <c r="A54101" s="1" t="s">
        <v>29074</v>
      </c>
      <c r="B54101" s="1" t="s">
        <v>181013</v>
      </c>
      <c r="C54101" s="1" t="s">
        <v>70</v>
      </c>
      <c r="D54101" s="1" t="s">
        <v>35055</v>
      </c>
      <c r="E54101" s="1" t="s">
        <v>182036</v>
      </c>
      <c r="F54101" s="1" t="s">
        <v>182037</v>
      </c>
      <c r="G54101" s="1" t="s">
        <v>182001</v>
      </c>
      <c r="H54101" s="1" t="s">
        <v>182002</v>
      </c>
      <c r="I54101" s="1" t="s">
        <v>181018</v>
      </c>
      <c r="J54101" s="1" t="s">
        <v>182038</v>
      </c>
    </row>
    <row r="54102" spans="1:10" x14ac:dyDescent="0.35">
      <c r="A54102" s="1" t="s">
        <v>29074</v>
      </c>
      <c r="B54102" s="1" t="s">
        <v>181013</v>
      </c>
      <c r="C54102" s="1" t="s">
        <v>75</v>
      </c>
      <c r="D54102" s="1" t="s">
        <v>10749</v>
      </c>
      <c r="E54102" s="1" t="s">
        <v>182039</v>
      </c>
      <c r="F54102" s="1" t="s">
        <v>182040</v>
      </c>
      <c r="G54102" s="1" t="s">
        <v>182001</v>
      </c>
      <c r="H54102" s="1" t="s">
        <v>182002</v>
      </c>
      <c r="I54102" s="1" t="s">
        <v>181018</v>
      </c>
      <c r="J54102" s="1" t="s">
        <v>182041</v>
      </c>
    </row>
    <row r="54103" spans="1:10" x14ac:dyDescent="0.35">
      <c r="A54103" s="1" t="s">
        <v>29074</v>
      </c>
      <c r="B54103" s="1" t="s">
        <v>181013</v>
      </c>
      <c r="C54103" s="1" t="s">
        <v>80</v>
      </c>
      <c r="D54103" s="1" t="s">
        <v>51777</v>
      </c>
      <c r="E54103" s="1" t="s">
        <v>182042</v>
      </c>
      <c r="F54103" s="1" t="s">
        <v>182043</v>
      </c>
      <c r="G54103" s="1" t="s">
        <v>182001</v>
      </c>
      <c r="H54103" s="1" t="s">
        <v>182002</v>
      </c>
      <c r="I54103" s="1" t="s">
        <v>181018</v>
      </c>
      <c r="J54103" s="1" t="s">
        <v>182044</v>
      </c>
    </row>
    <row r="54104" spans="1:10" x14ac:dyDescent="0.35">
      <c r="A54104" s="1" t="s">
        <v>29074</v>
      </c>
      <c r="B54104" s="1" t="s">
        <v>181013</v>
      </c>
      <c r="C54104" s="1" t="s">
        <v>85</v>
      </c>
      <c r="D54104" s="1" t="s">
        <v>5111</v>
      </c>
      <c r="E54104" s="1" t="s">
        <v>182045</v>
      </c>
      <c r="F54104" s="1" t="s">
        <v>182046</v>
      </c>
      <c r="G54104" s="1" t="s">
        <v>182001</v>
      </c>
      <c r="H54104" s="1" t="s">
        <v>182002</v>
      </c>
      <c r="I54104" s="1" t="s">
        <v>181018</v>
      </c>
      <c r="J54104" s="1" t="s">
        <v>182047</v>
      </c>
    </row>
    <row r="54105" spans="1:10" x14ac:dyDescent="0.35">
      <c r="A54105" s="1" t="s">
        <v>29074</v>
      </c>
      <c r="B54105" s="1" t="s">
        <v>181013</v>
      </c>
      <c r="C54105" s="1" t="s">
        <v>90</v>
      </c>
      <c r="D54105" s="1" t="s">
        <v>119740</v>
      </c>
      <c r="E54105" s="1" t="s">
        <v>182048</v>
      </c>
      <c r="F54105" s="1" t="s">
        <v>182049</v>
      </c>
      <c r="G54105" s="1" t="s">
        <v>182001</v>
      </c>
      <c r="H54105" s="1" t="s">
        <v>182002</v>
      </c>
      <c r="I54105" s="1" t="s">
        <v>181018</v>
      </c>
      <c r="J54105" s="1" t="s">
        <v>182050</v>
      </c>
    </row>
    <row r="54106" spans="1:10" x14ac:dyDescent="0.35">
      <c r="A54106" s="1" t="s">
        <v>29074</v>
      </c>
      <c r="B54106" s="1" t="s">
        <v>181013</v>
      </c>
      <c r="C54106" s="1" t="s">
        <v>95</v>
      </c>
      <c r="D54106" s="1" t="s">
        <v>37875</v>
      </c>
      <c r="E54106" s="1" t="s">
        <v>182051</v>
      </c>
      <c r="F54106" s="1" t="s">
        <v>182052</v>
      </c>
      <c r="G54106" s="1" t="s">
        <v>182001</v>
      </c>
      <c r="H54106" s="1" t="s">
        <v>182002</v>
      </c>
      <c r="I54106" s="1" t="s">
        <v>181018</v>
      </c>
      <c r="J54106" s="1" t="s">
        <v>182053</v>
      </c>
    </row>
    <row r="54107" spans="1:10" x14ac:dyDescent="0.35">
      <c r="A54107" s="1" t="s">
        <v>29074</v>
      </c>
      <c r="B54107" s="1" t="s">
        <v>181013</v>
      </c>
      <c r="C54107" s="1" t="s">
        <v>100</v>
      </c>
      <c r="D54107" s="1" t="s">
        <v>74318</v>
      </c>
      <c r="E54107" s="1" t="s">
        <v>182054</v>
      </c>
      <c r="F54107" s="1" t="s">
        <v>182055</v>
      </c>
      <c r="G54107" s="1" t="s">
        <v>182001</v>
      </c>
      <c r="H54107" s="1" t="s">
        <v>182002</v>
      </c>
      <c r="I54107" s="1" t="s">
        <v>181018</v>
      </c>
      <c r="J54107" s="1" t="s">
        <v>182056</v>
      </c>
    </row>
    <row r="54108" spans="1:10" x14ac:dyDescent="0.35">
      <c r="A54108" s="1" t="s">
        <v>29074</v>
      </c>
      <c r="B54108" s="1" t="s">
        <v>181013</v>
      </c>
      <c r="C54108" s="1" t="s">
        <v>105</v>
      </c>
      <c r="D54108" s="1" t="s">
        <v>32583</v>
      </c>
      <c r="E54108" s="1" t="s">
        <v>182057</v>
      </c>
      <c r="F54108" s="1" t="s">
        <v>182058</v>
      </c>
      <c r="G54108" s="1" t="s">
        <v>182001</v>
      </c>
      <c r="H54108" s="1" t="s">
        <v>182002</v>
      </c>
      <c r="I54108" s="1" t="s">
        <v>181018</v>
      </c>
      <c r="J54108" s="1" t="s">
        <v>182059</v>
      </c>
    </row>
    <row r="54109" spans="1:10" x14ac:dyDescent="0.35">
      <c r="A54109" s="1" t="s">
        <v>29074</v>
      </c>
      <c r="B54109" s="1" t="s">
        <v>181013</v>
      </c>
      <c r="C54109" s="1" t="s">
        <v>110</v>
      </c>
      <c r="D54109" s="1" t="s">
        <v>182060</v>
      </c>
      <c r="E54109" s="1" t="s">
        <v>182061</v>
      </c>
      <c r="F54109" s="1" t="s">
        <v>182062</v>
      </c>
      <c r="G54109" s="1" t="s">
        <v>182001</v>
      </c>
      <c r="H54109" s="1" t="s">
        <v>182002</v>
      </c>
      <c r="I54109" s="1" t="s">
        <v>181018</v>
      </c>
      <c r="J54109" s="1" t="s">
        <v>182063</v>
      </c>
    </row>
    <row r="54110" spans="1:10" x14ac:dyDescent="0.35">
      <c r="A54110" s="1" t="s">
        <v>29074</v>
      </c>
      <c r="B54110" s="1" t="s">
        <v>181013</v>
      </c>
      <c r="C54110" s="1" t="s">
        <v>115</v>
      </c>
      <c r="D54110" s="1" t="s">
        <v>12397</v>
      </c>
      <c r="E54110" s="1" t="s">
        <v>182064</v>
      </c>
      <c r="F54110" s="1" t="s">
        <v>182065</v>
      </c>
      <c r="G54110" s="1" t="s">
        <v>182001</v>
      </c>
      <c r="H54110" s="1" t="s">
        <v>182002</v>
      </c>
      <c r="I54110" s="1" t="s">
        <v>181018</v>
      </c>
      <c r="J54110" s="1" t="s">
        <v>182066</v>
      </c>
    </row>
    <row r="54111" spans="1:10" x14ac:dyDescent="0.35">
      <c r="A54111" s="1" t="s">
        <v>29074</v>
      </c>
      <c r="B54111" s="1" t="s">
        <v>181013</v>
      </c>
      <c r="C54111" s="1" t="s">
        <v>120</v>
      </c>
      <c r="D54111" s="1" t="s">
        <v>74250</v>
      </c>
      <c r="E54111" s="1" t="s">
        <v>182067</v>
      </c>
      <c r="F54111" s="1" t="s">
        <v>182068</v>
      </c>
      <c r="G54111" s="1" t="s">
        <v>182001</v>
      </c>
      <c r="H54111" s="1" t="s">
        <v>182002</v>
      </c>
      <c r="I54111" s="1" t="s">
        <v>181018</v>
      </c>
      <c r="J54111" s="1" t="s">
        <v>182069</v>
      </c>
    </row>
    <row r="54112" spans="1:10" x14ac:dyDescent="0.35">
      <c r="A54112" s="1" t="s">
        <v>29074</v>
      </c>
      <c r="B54112" s="1" t="s">
        <v>181013</v>
      </c>
      <c r="C54112" s="1" t="s">
        <v>125</v>
      </c>
      <c r="D54112" s="1" t="s">
        <v>182070</v>
      </c>
      <c r="E54112" s="1" t="s">
        <v>182071</v>
      </c>
      <c r="F54112" s="1" t="s">
        <v>182072</v>
      </c>
      <c r="G54112" s="1" t="s">
        <v>182001</v>
      </c>
      <c r="H54112" s="1" t="s">
        <v>182002</v>
      </c>
      <c r="I54112" s="1" t="s">
        <v>181018</v>
      </c>
      <c r="J54112" s="1" t="s">
        <v>182073</v>
      </c>
    </row>
    <row r="54113" spans="1:10" x14ac:dyDescent="0.35">
      <c r="A54113" s="1" t="s">
        <v>29074</v>
      </c>
      <c r="B54113" s="1" t="s">
        <v>181013</v>
      </c>
      <c r="C54113" s="1" t="s">
        <v>130</v>
      </c>
      <c r="D54113" s="1" t="s">
        <v>182074</v>
      </c>
      <c r="E54113" s="1" t="s">
        <v>182075</v>
      </c>
      <c r="F54113" s="1" t="s">
        <v>182076</v>
      </c>
      <c r="G54113" s="1" t="s">
        <v>182001</v>
      </c>
      <c r="H54113" s="1" t="s">
        <v>182002</v>
      </c>
      <c r="I54113" s="1" t="s">
        <v>181018</v>
      </c>
      <c r="J54113" s="1" t="s">
        <v>182077</v>
      </c>
    </row>
    <row r="54114" spans="1:10" x14ac:dyDescent="0.35">
      <c r="A54114" s="1" t="s">
        <v>29074</v>
      </c>
      <c r="B54114" s="1" t="s">
        <v>181013</v>
      </c>
      <c r="C54114" s="1" t="s">
        <v>135</v>
      </c>
      <c r="D54114" s="1" t="s">
        <v>153286</v>
      </c>
      <c r="E54114" s="1" t="s">
        <v>182078</v>
      </c>
      <c r="F54114" s="1" t="s">
        <v>182079</v>
      </c>
      <c r="G54114" s="1" t="s">
        <v>182001</v>
      </c>
      <c r="H54114" s="1" t="s">
        <v>182002</v>
      </c>
      <c r="I54114" s="1" t="s">
        <v>181018</v>
      </c>
      <c r="J54114" s="1" t="s">
        <v>182080</v>
      </c>
    </row>
    <row r="54115" spans="1:10" x14ac:dyDescent="0.35">
      <c r="A54115" s="1" t="s">
        <v>29074</v>
      </c>
      <c r="B54115" s="1" t="s">
        <v>181013</v>
      </c>
      <c r="C54115" s="1" t="s">
        <v>140</v>
      </c>
      <c r="D54115" s="1" t="s">
        <v>182081</v>
      </c>
      <c r="E54115" s="1" t="s">
        <v>182082</v>
      </c>
      <c r="F54115" s="1" t="s">
        <v>182083</v>
      </c>
      <c r="G54115" s="1" t="s">
        <v>182001</v>
      </c>
      <c r="H54115" s="1" t="s">
        <v>182002</v>
      </c>
      <c r="I54115" s="1" t="s">
        <v>181018</v>
      </c>
      <c r="J54115" s="1" t="s">
        <v>182084</v>
      </c>
    </row>
    <row r="54116" spans="1:10" x14ac:dyDescent="0.35">
      <c r="A54116" s="1" t="s">
        <v>29074</v>
      </c>
      <c r="B54116" s="1" t="s">
        <v>181013</v>
      </c>
      <c r="C54116" s="1" t="s">
        <v>145</v>
      </c>
      <c r="D54116" s="1" t="s">
        <v>182085</v>
      </c>
      <c r="E54116" s="1" t="s">
        <v>182086</v>
      </c>
      <c r="F54116" s="1" t="s">
        <v>182087</v>
      </c>
      <c r="G54116" s="1" t="s">
        <v>182001</v>
      </c>
      <c r="H54116" s="1" t="s">
        <v>182002</v>
      </c>
      <c r="I54116" s="1" t="s">
        <v>181018</v>
      </c>
      <c r="J54116" s="1" t="s">
        <v>182088</v>
      </c>
    </row>
    <row r="54117" spans="1:10" x14ac:dyDescent="0.35">
      <c r="A54117" s="1" t="s">
        <v>29074</v>
      </c>
      <c r="B54117" s="1" t="s">
        <v>181013</v>
      </c>
      <c r="C54117" s="1" t="s">
        <v>150</v>
      </c>
      <c r="D54117" s="1" t="s">
        <v>114302</v>
      </c>
      <c r="E54117" s="1" t="s">
        <v>182089</v>
      </c>
      <c r="F54117" s="1" t="s">
        <v>182090</v>
      </c>
      <c r="G54117" s="1" t="s">
        <v>182001</v>
      </c>
      <c r="H54117" s="1" t="s">
        <v>182002</v>
      </c>
      <c r="I54117" s="1" t="s">
        <v>181018</v>
      </c>
      <c r="J54117" s="1" t="s">
        <v>182091</v>
      </c>
    </row>
    <row r="54118" spans="1:10" x14ac:dyDescent="0.35">
      <c r="A54118" s="1" t="s">
        <v>29074</v>
      </c>
      <c r="B54118" s="1" t="s">
        <v>181013</v>
      </c>
      <c r="C54118" s="1" t="s">
        <v>155</v>
      </c>
      <c r="D54118" s="1" t="s">
        <v>35453</v>
      </c>
      <c r="E54118" s="1" t="s">
        <v>182092</v>
      </c>
      <c r="F54118" s="1" t="s">
        <v>182093</v>
      </c>
      <c r="G54118" s="1" t="s">
        <v>182001</v>
      </c>
      <c r="H54118" s="1" t="s">
        <v>182002</v>
      </c>
      <c r="I54118" s="1" t="s">
        <v>181018</v>
      </c>
      <c r="J54118" s="1" t="s">
        <v>182094</v>
      </c>
    </row>
    <row r="54119" spans="1:10" x14ac:dyDescent="0.35">
      <c r="A54119" s="1" t="s">
        <v>29074</v>
      </c>
      <c r="B54119" s="1" t="s">
        <v>181013</v>
      </c>
      <c r="C54119" s="1" t="s">
        <v>160</v>
      </c>
      <c r="D54119" s="1" t="s">
        <v>125871</v>
      </c>
      <c r="E54119" s="1" t="s">
        <v>182095</v>
      </c>
      <c r="F54119" s="1" t="s">
        <v>182096</v>
      </c>
      <c r="G54119" s="1" t="s">
        <v>182001</v>
      </c>
      <c r="H54119" s="1" t="s">
        <v>182002</v>
      </c>
      <c r="I54119" s="1" t="s">
        <v>181018</v>
      </c>
      <c r="J54119" s="1" t="s">
        <v>182097</v>
      </c>
    </row>
    <row r="54120" spans="1:10" x14ac:dyDescent="0.35">
      <c r="A54120" s="1" t="s">
        <v>29074</v>
      </c>
      <c r="B54120" s="1" t="s">
        <v>181013</v>
      </c>
      <c r="C54120" s="1" t="s">
        <v>165</v>
      </c>
      <c r="D54120" s="1" t="s">
        <v>73004</v>
      </c>
      <c r="E54120" s="1" t="s">
        <v>182098</v>
      </c>
      <c r="F54120" s="1" t="s">
        <v>182099</v>
      </c>
      <c r="G54120" s="1" t="s">
        <v>182001</v>
      </c>
      <c r="H54120" s="1" t="s">
        <v>182002</v>
      </c>
      <c r="I54120" s="1" t="s">
        <v>181018</v>
      </c>
      <c r="J54120" s="1" t="s">
        <v>182100</v>
      </c>
    </row>
    <row r="54121" spans="1:10" x14ac:dyDescent="0.35">
      <c r="A54121" s="1" t="s">
        <v>29074</v>
      </c>
      <c r="B54121" s="1" t="s">
        <v>181013</v>
      </c>
      <c r="C54121" s="1" t="s">
        <v>170</v>
      </c>
      <c r="D54121" s="1" t="s">
        <v>149805</v>
      </c>
      <c r="E54121" s="1" t="s">
        <v>182101</v>
      </c>
      <c r="F54121" s="1" t="s">
        <v>182102</v>
      </c>
      <c r="G54121" s="1" t="s">
        <v>182001</v>
      </c>
      <c r="H54121" s="1" t="s">
        <v>182002</v>
      </c>
      <c r="I54121" s="1" t="s">
        <v>181018</v>
      </c>
      <c r="J54121" s="1" t="s">
        <v>182103</v>
      </c>
    </row>
    <row r="54122" spans="1:10" x14ac:dyDescent="0.35">
      <c r="A54122" s="1" t="s">
        <v>15833</v>
      </c>
      <c r="B54122" s="1" t="s">
        <v>181013</v>
      </c>
      <c r="C54122" s="1" t="s">
        <v>8</v>
      </c>
      <c r="D54122" s="1" t="s">
        <v>135884</v>
      </c>
      <c r="E54122" s="1" t="s">
        <v>182104</v>
      </c>
      <c r="F54122" s="1" t="s">
        <v>182105</v>
      </c>
      <c r="G54122" s="1" t="s">
        <v>182106</v>
      </c>
      <c r="H54122" s="1" t="s">
        <v>182107</v>
      </c>
      <c r="I54122" s="1" t="s">
        <v>181018</v>
      </c>
      <c r="J54122" s="1" t="s">
        <v>13</v>
      </c>
    </row>
    <row r="54123" spans="1:10" x14ac:dyDescent="0.35">
      <c r="A54123" s="1" t="s">
        <v>15833</v>
      </c>
      <c r="B54123" s="1" t="s">
        <v>181013</v>
      </c>
      <c r="C54123" s="1" t="s">
        <v>15</v>
      </c>
      <c r="D54123" s="1" t="s">
        <v>35295</v>
      </c>
      <c r="E54123" s="1" t="s">
        <v>182108</v>
      </c>
      <c r="F54123" s="1" t="s">
        <v>182109</v>
      </c>
      <c r="G54123" s="1" t="s">
        <v>182106</v>
      </c>
      <c r="H54123" s="1" t="s">
        <v>182107</v>
      </c>
      <c r="I54123" s="1" t="s">
        <v>181018</v>
      </c>
      <c r="J54123" s="1" t="s">
        <v>182110</v>
      </c>
    </row>
    <row r="54124" spans="1:10" x14ac:dyDescent="0.35">
      <c r="A54124" s="1" t="s">
        <v>15833</v>
      </c>
      <c r="B54124" s="1" t="s">
        <v>181013</v>
      </c>
      <c r="C54124" s="1" t="s">
        <v>20</v>
      </c>
      <c r="D54124" s="1" t="s">
        <v>4555</v>
      </c>
      <c r="E54124" s="1" t="s">
        <v>182111</v>
      </c>
      <c r="F54124" s="1" t="s">
        <v>182112</v>
      </c>
      <c r="G54124" s="1" t="s">
        <v>182106</v>
      </c>
      <c r="H54124" s="1" t="s">
        <v>182107</v>
      </c>
      <c r="I54124" s="1" t="s">
        <v>181018</v>
      </c>
      <c r="J54124" s="1" t="s">
        <v>182113</v>
      </c>
    </row>
    <row r="54125" spans="1:10" x14ac:dyDescent="0.35">
      <c r="A54125" s="1" t="s">
        <v>15833</v>
      </c>
      <c r="B54125" s="1" t="s">
        <v>181013</v>
      </c>
      <c r="C54125" s="1" t="s">
        <v>25</v>
      </c>
      <c r="D54125" s="1" t="s">
        <v>169904</v>
      </c>
      <c r="E54125" s="1" t="s">
        <v>182114</v>
      </c>
      <c r="F54125" s="1" t="s">
        <v>182115</v>
      </c>
      <c r="G54125" s="1" t="s">
        <v>182106</v>
      </c>
      <c r="H54125" s="1" t="s">
        <v>182107</v>
      </c>
      <c r="I54125" s="1" t="s">
        <v>181018</v>
      </c>
      <c r="J54125" s="1" t="s">
        <v>182116</v>
      </c>
    </row>
    <row r="54126" spans="1:10" x14ac:dyDescent="0.35">
      <c r="A54126" s="1" t="s">
        <v>15833</v>
      </c>
      <c r="B54126" s="1" t="s">
        <v>181013</v>
      </c>
      <c r="C54126" s="1" t="s">
        <v>30</v>
      </c>
      <c r="D54126" s="1" t="s">
        <v>48889</v>
      </c>
      <c r="E54126" s="1" t="s">
        <v>182117</v>
      </c>
      <c r="F54126" s="1" t="s">
        <v>182118</v>
      </c>
      <c r="G54126" s="1" t="s">
        <v>182106</v>
      </c>
      <c r="H54126" s="1" t="s">
        <v>182107</v>
      </c>
      <c r="I54126" s="1" t="s">
        <v>181018</v>
      </c>
      <c r="J54126" s="1" t="s">
        <v>182119</v>
      </c>
    </row>
    <row r="54127" spans="1:10" x14ac:dyDescent="0.35">
      <c r="A54127" s="1" t="s">
        <v>15833</v>
      </c>
      <c r="B54127" s="1" t="s">
        <v>181013</v>
      </c>
      <c r="C54127" s="1" t="s">
        <v>35</v>
      </c>
      <c r="D54127" s="1" t="s">
        <v>182120</v>
      </c>
      <c r="E54127" s="1" t="s">
        <v>182121</v>
      </c>
      <c r="F54127" s="1" t="s">
        <v>182122</v>
      </c>
      <c r="G54127" s="1" t="s">
        <v>182106</v>
      </c>
      <c r="H54127" s="1" t="s">
        <v>182107</v>
      </c>
      <c r="I54127" s="1" t="s">
        <v>181018</v>
      </c>
      <c r="J54127" s="1" t="s">
        <v>182123</v>
      </c>
    </row>
    <row r="54128" spans="1:10" x14ac:dyDescent="0.35">
      <c r="A54128" s="1" t="s">
        <v>15833</v>
      </c>
      <c r="B54128" s="1" t="s">
        <v>181013</v>
      </c>
      <c r="C54128" s="1" t="s">
        <v>40</v>
      </c>
      <c r="D54128" s="1" t="s">
        <v>50670</v>
      </c>
      <c r="E54128" s="1" t="s">
        <v>182124</v>
      </c>
      <c r="F54128" s="1" t="s">
        <v>182125</v>
      </c>
      <c r="G54128" s="1" t="s">
        <v>182106</v>
      </c>
      <c r="H54128" s="1" t="s">
        <v>182107</v>
      </c>
      <c r="I54128" s="1" t="s">
        <v>181018</v>
      </c>
      <c r="J54128" s="1" t="s">
        <v>182126</v>
      </c>
    </row>
    <row r="54129" spans="1:10" x14ac:dyDescent="0.35">
      <c r="A54129" s="1" t="s">
        <v>15833</v>
      </c>
      <c r="B54129" s="1" t="s">
        <v>181013</v>
      </c>
      <c r="C54129" s="1" t="s">
        <v>45</v>
      </c>
      <c r="D54129" s="1" t="s">
        <v>118758</v>
      </c>
      <c r="E54129" s="1" t="s">
        <v>182127</v>
      </c>
      <c r="F54129" s="1" t="s">
        <v>182128</v>
      </c>
      <c r="G54129" s="1" t="s">
        <v>182106</v>
      </c>
      <c r="H54129" s="1" t="s">
        <v>182107</v>
      </c>
      <c r="I54129" s="1" t="s">
        <v>181018</v>
      </c>
      <c r="J54129" s="1" t="s">
        <v>182129</v>
      </c>
    </row>
    <row r="54130" spans="1:10" x14ac:dyDescent="0.35">
      <c r="A54130" s="1" t="s">
        <v>15833</v>
      </c>
      <c r="B54130" s="1" t="s">
        <v>181013</v>
      </c>
      <c r="C54130" s="1" t="s">
        <v>50</v>
      </c>
      <c r="D54130" s="1" t="s">
        <v>170386</v>
      </c>
      <c r="E54130" s="1" t="s">
        <v>182130</v>
      </c>
      <c r="F54130" s="1" t="s">
        <v>182131</v>
      </c>
      <c r="G54130" s="1" t="s">
        <v>182106</v>
      </c>
      <c r="H54130" s="1" t="s">
        <v>182107</v>
      </c>
      <c r="I54130" s="1" t="s">
        <v>181018</v>
      </c>
      <c r="J54130" s="1" t="s">
        <v>182132</v>
      </c>
    </row>
    <row r="54131" spans="1:10" x14ac:dyDescent="0.35">
      <c r="A54131" s="1" t="s">
        <v>15833</v>
      </c>
      <c r="B54131" s="1" t="s">
        <v>181013</v>
      </c>
      <c r="C54131" s="1" t="s">
        <v>55</v>
      </c>
      <c r="D54131" s="1" t="s">
        <v>182133</v>
      </c>
      <c r="E54131" s="1" t="s">
        <v>182134</v>
      </c>
      <c r="F54131" s="1" t="s">
        <v>182135</v>
      </c>
      <c r="G54131" s="1" t="s">
        <v>182106</v>
      </c>
      <c r="H54131" s="1" t="s">
        <v>182107</v>
      </c>
      <c r="I54131" s="1" t="s">
        <v>181018</v>
      </c>
      <c r="J54131" s="1" t="s">
        <v>182136</v>
      </c>
    </row>
    <row r="54132" spans="1:10" x14ac:dyDescent="0.35">
      <c r="A54132" s="1" t="s">
        <v>15833</v>
      </c>
      <c r="B54132" s="1" t="s">
        <v>181013</v>
      </c>
      <c r="C54132" s="1" t="s">
        <v>60</v>
      </c>
      <c r="D54132" s="1" t="s">
        <v>182137</v>
      </c>
      <c r="E54132" s="1" t="s">
        <v>182138</v>
      </c>
      <c r="F54132" s="1" t="s">
        <v>182139</v>
      </c>
      <c r="G54132" s="1" t="s">
        <v>182106</v>
      </c>
      <c r="H54132" s="1" t="s">
        <v>182107</v>
      </c>
      <c r="I54132" s="1" t="s">
        <v>181018</v>
      </c>
      <c r="J54132" s="1" t="s">
        <v>182140</v>
      </c>
    </row>
    <row r="54133" spans="1:10" x14ac:dyDescent="0.35">
      <c r="A54133" s="1" t="s">
        <v>15833</v>
      </c>
      <c r="B54133" s="1" t="s">
        <v>181013</v>
      </c>
      <c r="C54133" s="1" t="s">
        <v>65</v>
      </c>
      <c r="D54133" s="1" t="s">
        <v>691</v>
      </c>
      <c r="E54133" s="1" t="s">
        <v>182141</v>
      </c>
      <c r="F54133" s="1" t="s">
        <v>182142</v>
      </c>
      <c r="G54133" s="1" t="s">
        <v>182106</v>
      </c>
      <c r="H54133" s="1" t="s">
        <v>182107</v>
      </c>
      <c r="I54133" s="1" t="s">
        <v>181018</v>
      </c>
      <c r="J54133" s="1" t="s">
        <v>182143</v>
      </c>
    </row>
    <row r="54134" spans="1:10" x14ac:dyDescent="0.35">
      <c r="A54134" s="1" t="s">
        <v>15833</v>
      </c>
      <c r="B54134" s="1" t="s">
        <v>181013</v>
      </c>
      <c r="C54134" s="1" t="s">
        <v>70</v>
      </c>
      <c r="D54134" s="1" t="s">
        <v>4606</v>
      </c>
      <c r="E54134" s="1" t="s">
        <v>182144</v>
      </c>
      <c r="F54134" s="1" t="s">
        <v>182145</v>
      </c>
      <c r="G54134" s="1" t="s">
        <v>182106</v>
      </c>
      <c r="H54134" s="1" t="s">
        <v>182107</v>
      </c>
      <c r="I54134" s="1" t="s">
        <v>181018</v>
      </c>
      <c r="J54134" s="1" t="s">
        <v>182146</v>
      </c>
    </row>
    <row r="54135" spans="1:10" x14ac:dyDescent="0.35">
      <c r="A54135" s="1" t="s">
        <v>15833</v>
      </c>
      <c r="B54135" s="1" t="s">
        <v>181013</v>
      </c>
      <c r="C54135" s="1" t="s">
        <v>75</v>
      </c>
      <c r="D54135" s="1" t="s">
        <v>51608</v>
      </c>
      <c r="E54135" s="1" t="s">
        <v>182147</v>
      </c>
      <c r="F54135" s="1" t="s">
        <v>182148</v>
      </c>
      <c r="G54135" s="1" t="s">
        <v>182106</v>
      </c>
      <c r="H54135" s="1" t="s">
        <v>182107</v>
      </c>
      <c r="I54135" s="1" t="s">
        <v>181018</v>
      </c>
      <c r="J54135" s="1" t="s">
        <v>182149</v>
      </c>
    </row>
    <row r="54136" spans="1:10" x14ac:dyDescent="0.35">
      <c r="A54136" s="1" t="s">
        <v>15833</v>
      </c>
      <c r="B54136" s="1" t="s">
        <v>181013</v>
      </c>
      <c r="C54136" s="1" t="s">
        <v>80</v>
      </c>
      <c r="D54136" s="1" t="s">
        <v>72849</v>
      </c>
      <c r="E54136" s="1" t="s">
        <v>182150</v>
      </c>
      <c r="F54136" s="1" t="s">
        <v>182151</v>
      </c>
      <c r="G54136" s="1" t="s">
        <v>182106</v>
      </c>
      <c r="H54136" s="1" t="s">
        <v>182107</v>
      </c>
      <c r="I54136" s="1" t="s">
        <v>181018</v>
      </c>
      <c r="J54136" s="1" t="s">
        <v>182152</v>
      </c>
    </row>
    <row r="54137" spans="1:10" x14ac:dyDescent="0.35">
      <c r="A54137" s="1" t="s">
        <v>15833</v>
      </c>
      <c r="B54137" s="1" t="s">
        <v>181013</v>
      </c>
      <c r="C54137" s="1" t="s">
        <v>85</v>
      </c>
      <c r="D54137" s="1" t="s">
        <v>182153</v>
      </c>
      <c r="E54137" s="1" t="s">
        <v>182154</v>
      </c>
      <c r="F54137" s="1" t="s">
        <v>182155</v>
      </c>
      <c r="G54137" s="1" t="s">
        <v>182106</v>
      </c>
      <c r="H54137" s="1" t="s">
        <v>182107</v>
      </c>
      <c r="I54137" s="1" t="s">
        <v>181018</v>
      </c>
      <c r="J54137" s="1" t="s">
        <v>182156</v>
      </c>
    </row>
    <row r="54138" spans="1:10" x14ac:dyDescent="0.35">
      <c r="A54138" s="1" t="s">
        <v>15833</v>
      </c>
      <c r="B54138" s="1" t="s">
        <v>181013</v>
      </c>
      <c r="C54138" s="1" t="s">
        <v>90</v>
      </c>
      <c r="D54138" s="1" t="s">
        <v>34196</v>
      </c>
      <c r="E54138" s="1" t="s">
        <v>182157</v>
      </c>
      <c r="F54138" s="1" t="s">
        <v>182158</v>
      </c>
      <c r="G54138" s="1" t="s">
        <v>182106</v>
      </c>
      <c r="H54138" s="1" t="s">
        <v>182107</v>
      </c>
      <c r="I54138" s="1" t="s">
        <v>181018</v>
      </c>
      <c r="J54138" s="1" t="s">
        <v>182159</v>
      </c>
    </row>
    <row r="54139" spans="1:10" x14ac:dyDescent="0.35">
      <c r="A54139" s="1" t="s">
        <v>15833</v>
      </c>
      <c r="B54139" s="1" t="s">
        <v>181013</v>
      </c>
      <c r="C54139" s="1" t="s">
        <v>95</v>
      </c>
      <c r="D54139" s="1" t="s">
        <v>30641</v>
      </c>
      <c r="E54139" s="1" t="s">
        <v>182160</v>
      </c>
      <c r="F54139" s="1" t="s">
        <v>182161</v>
      </c>
      <c r="G54139" s="1" t="s">
        <v>182106</v>
      </c>
      <c r="H54139" s="1" t="s">
        <v>182107</v>
      </c>
      <c r="I54139" s="1" t="s">
        <v>181018</v>
      </c>
      <c r="J54139" s="1" t="s">
        <v>182162</v>
      </c>
    </row>
    <row r="54140" spans="1:10" x14ac:dyDescent="0.35">
      <c r="A54140" s="1" t="s">
        <v>15833</v>
      </c>
      <c r="B54140" s="1" t="s">
        <v>181013</v>
      </c>
      <c r="C54140" s="1" t="s">
        <v>100</v>
      </c>
      <c r="D54140" s="1" t="s">
        <v>47558</v>
      </c>
      <c r="E54140" s="1" t="s">
        <v>182163</v>
      </c>
      <c r="F54140" s="1" t="s">
        <v>182164</v>
      </c>
      <c r="G54140" s="1" t="s">
        <v>182106</v>
      </c>
      <c r="H54140" s="1" t="s">
        <v>182107</v>
      </c>
      <c r="I54140" s="1" t="s">
        <v>181018</v>
      </c>
      <c r="J54140" s="1" t="s">
        <v>182165</v>
      </c>
    </row>
    <row r="54141" spans="1:10" x14ac:dyDescent="0.35">
      <c r="A54141" s="1" t="s">
        <v>15833</v>
      </c>
      <c r="B54141" s="1" t="s">
        <v>181013</v>
      </c>
      <c r="C54141" s="1" t="s">
        <v>105</v>
      </c>
      <c r="D54141" s="1" t="s">
        <v>46780</v>
      </c>
      <c r="E54141" s="1" t="s">
        <v>182166</v>
      </c>
      <c r="F54141" s="1" t="s">
        <v>182167</v>
      </c>
      <c r="G54141" s="1" t="s">
        <v>182106</v>
      </c>
      <c r="H54141" s="1" t="s">
        <v>182107</v>
      </c>
      <c r="I54141" s="1" t="s">
        <v>181018</v>
      </c>
      <c r="J54141" s="1" t="s">
        <v>182168</v>
      </c>
    </row>
    <row r="54142" spans="1:10" x14ac:dyDescent="0.35">
      <c r="A54142" s="1" t="s">
        <v>15833</v>
      </c>
      <c r="B54142" s="1" t="s">
        <v>181013</v>
      </c>
      <c r="C54142" s="1" t="s">
        <v>110</v>
      </c>
      <c r="D54142" s="1" t="s">
        <v>15523</v>
      </c>
      <c r="E54142" s="1" t="s">
        <v>182169</v>
      </c>
      <c r="F54142" s="1" t="s">
        <v>182170</v>
      </c>
      <c r="G54142" s="1" t="s">
        <v>182106</v>
      </c>
      <c r="H54142" s="1" t="s">
        <v>182107</v>
      </c>
      <c r="I54142" s="1" t="s">
        <v>181018</v>
      </c>
      <c r="J54142" s="1" t="s">
        <v>182171</v>
      </c>
    </row>
    <row r="54143" spans="1:10" x14ac:dyDescent="0.35">
      <c r="A54143" s="1" t="s">
        <v>15833</v>
      </c>
      <c r="B54143" s="1" t="s">
        <v>181013</v>
      </c>
      <c r="C54143" s="1" t="s">
        <v>115</v>
      </c>
      <c r="D54143" s="1" t="s">
        <v>9770</v>
      </c>
      <c r="E54143" s="1" t="s">
        <v>182172</v>
      </c>
      <c r="F54143" s="1" t="s">
        <v>182173</v>
      </c>
      <c r="G54143" s="1" t="s">
        <v>182106</v>
      </c>
      <c r="H54143" s="1" t="s">
        <v>182107</v>
      </c>
      <c r="I54143" s="1" t="s">
        <v>181018</v>
      </c>
      <c r="J54143" s="1" t="s">
        <v>182174</v>
      </c>
    </row>
    <row r="54144" spans="1:10" x14ac:dyDescent="0.35">
      <c r="A54144" s="1" t="s">
        <v>15833</v>
      </c>
      <c r="B54144" s="1" t="s">
        <v>181013</v>
      </c>
      <c r="C54144" s="1" t="s">
        <v>120</v>
      </c>
      <c r="D54144" s="1" t="s">
        <v>18510</v>
      </c>
      <c r="E54144" s="1" t="s">
        <v>182175</v>
      </c>
      <c r="F54144" s="1" t="s">
        <v>182176</v>
      </c>
      <c r="G54144" s="1" t="s">
        <v>182106</v>
      </c>
      <c r="H54144" s="1" t="s">
        <v>182107</v>
      </c>
      <c r="I54144" s="1" t="s">
        <v>181018</v>
      </c>
      <c r="J54144" s="1" t="s">
        <v>182177</v>
      </c>
    </row>
    <row r="54145" spans="1:10" x14ac:dyDescent="0.35">
      <c r="A54145" s="1" t="s">
        <v>15833</v>
      </c>
      <c r="B54145" s="1" t="s">
        <v>181013</v>
      </c>
      <c r="C54145" s="1" t="s">
        <v>125</v>
      </c>
      <c r="D54145" s="1" t="s">
        <v>182178</v>
      </c>
      <c r="E54145" s="1" t="s">
        <v>182179</v>
      </c>
      <c r="F54145" s="1" t="s">
        <v>182180</v>
      </c>
      <c r="G54145" s="1" t="s">
        <v>182106</v>
      </c>
      <c r="H54145" s="1" t="s">
        <v>182107</v>
      </c>
      <c r="I54145" s="1" t="s">
        <v>181018</v>
      </c>
      <c r="J54145" s="1" t="s">
        <v>182181</v>
      </c>
    </row>
    <row r="54146" spans="1:10" x14ac:dyDescent="0.35">
      <c r="A54146" s="1" t="s">
        <v>15833</v>
      </c>
      <c r="B54146" s="1" t="s">
        <v>181013</v>
      </c>
      <c r="C54146" s="1" t="s">
        <v>130</v>
      </c>
      <c r="D54146" s="1" t="s">
        <v>9778</v>
      </c>
      <c r="E54146" s="1" t="s">
        <v>182182</v>
      </c>
      <c r="F54146" s="1" t="s">
        <v>182183</v>
      </c>
      <c r="G54146" s="1" t="s">
        <v>182106</v>
      </c>
      <c r="H54146" s="1" t="s">
        <v>182107</v>
      </c>
      <c r="I54146" s="1" t="s">
        <v>181018</v>
      </c>
      <c r="J54146" s="1" t="s">
        <v>182184</v>
      </c>
    </row>
    <row r="54147" spans="1:10" x14ac:dyDescent="0.35">
      <c r="A54147" s="1" t="s">
        <v>15833</v>
      </c>
      <c r="B54147" s="1" t="s">
        <v>181013</v>
      </c>
      <c r="C54147" s="1" t="s">
        <v>135</v>
      </c>
      <c r="D54147" s="1" t="s">
        <v>181196</v>
      </c>
      <c r="E54147" s="1" t="s">
        <v>182185</v>
      </c>
      <c r="F54147" s="1" t="s">
        <v>182186</v>
      </c>
      <c r="G54147" s="1" t="s">
        <v>182106</v>
      </c>
      <c r="H54147" s="1" t="s">
        <v>182107</v>
      </c>
      <c r="I54147" s="1" t="s">
        <v>181018</v>
      </c>
      <c r="J54147" s="1" t="s">
        <v>182187</v>
      </c>
    </row>
    <row r="54148" spans="1:10" x14ac:dyDescent="0.35">
      <c r="A54148" s="1" t="s">
        <v>15833</v>
      </c>
      <c r="B54148" s="1" t="s">
        <v>181013</v>
      </c>
      <c r="C54148" s="1" t="s">
        <v>140</v>
      </c>
      <c r="D54148" s="1" t="s">
        <v>32882</v>
      </c>
      <c r="E54148" s="1" t="s">
        <v>182188</v>
      </c>
      <c r="F54148" s="1" t="s">
        <v>182189</v>
      </c>
      <c r="G54148" s="1" t="s">
        <v>182106</v>
      </c>
      <c r="H54148" s="1" t="s">
        <v>182107</v>
      </c>
      <c r="I54148" s="1" t="s">
        <v>181018</v>
      </c>
      <c r="J54148" s="1" t="s">
        <v>182190</v>
      </c>
    </row>
    <row r="54149" spans="1:10" x14ac:dyDescent="0.35">
      <c r="A54149" s="1" t="s">
        <v>15833</v>
      </c>
      <c r="B54149" s="1" t="s">
        <v>181013</v>
      </c>
      <c r="C54149" s="1" t="s">
        <v>145</v>
      </c>
      <c r="D54149" s="1" t="s">
        <v>36848</v>
      </c>
      <c r="E54149" s="1" t="s">
        <v>182191</v>
      </c>
      <c r="F54149" s="1" t="s">
        <v>182192</v>
      </c>
      <c r="G54149" s="1" t="s">
        <v>182106</v>
      </c>
      <c r="H54149" s="1" t="s">
        <v>182107</v>
      </c>
      <c r="I54149" s="1" t="s">
        <v>181018</v>
      </c>
      <c r="J54149" s="1" t="s">
        <v>182193</v>
      </c>
    </row>
    <row r="54150" spans="1:10" x14ac:dyDescent="0.35">
      <c r="A54150" s="1" t="s">
        <v>15833</v>
      </c>
      <c r="B54150" s="1" t="s">
        <v>181013</v>
      </c>
      <c r="C54150" s="1" t="s">
        <v>150</v>
      </c>
      <c r="D54150" s="1" t="s">
        <v>46911</v>
      </c>
      <c r="E54150" s="1" t="s">
        <v>182194</v>
      </c>
      <c r="F54150" s="1" t="s">
        <v>182195</v>
      </c>
      <c r="G54150" s="1" t="s">
        <v>182106</v>
      </c>
      <c r="H54150" s="1" t="s">
        <v>182107</v>
      </c>
      <c r="I54150" s="1" t="s">
        <v>181018</v>
      </c>
      <c r="J54150" s="1" t="s">
        <v>182196</v>
      </c>
    </row>
    <row r="54151" spans="1:10" x14ac:dyDescent="0.35">
      <c r="A54151" s="1" t="s">
        <v>15833</v>
      </c>
      <c r="B54151" s="1" t="s">
        <v>181013</v>
      </c>
      <c r="C54151" s="1" t="s">
        <v>155</v>
      </c>
      <c r="D54151" s="1" t="s">
        <v>182197</v>
      </c>
      <c r="E54151" s="1" t="s">
        <v>182198</v>
      </c>
      <c r="F54151" s="1" t="s">
        <v>182199</v>
      </c>
      <c r="G54151" s="1" t="s">
        <v>182106</v>
      </c>
      <c r="H54151" s="1" t="s">
        <v>182107</v>
      </c>
      <c r="I54151" s="1" t="s">
        <v>181018</v>
      </c>
      <c r="J54151" s="1" t="s">
        <v>182200</v>
      </c>
    </row>
    <row r="54152" spans="1:10" x14ac:dyDescent="0.35">
      <c r="A54152" s="1" t="s">
        <v>15833</v>
      </c>
      <c r="B54152" s="1" t="s">
        <v>181013</v>
      </c>
      <c r="C54152" s="1" t="s">
        <v>160</v>
      </c>
      <c r="D54152" s="1" t="s">
        <v>49294</v>
      </c>
      <c r="E54152" s="1" t="s">
        <v>182201</v>
      </c>
      <c r="F54152" s="1" t="s">
        <v>182202</v>
      </c>
      <c r="G54152" s="1" t="s">
        <v>182106</v>
      </c>
      <c r="H54152" s="1" t="s">
        <v>182107</v>
      </c>
      <c r="I54152" s="1" t="s">
        <v>181018</v>
      </c>
      <c r="J54152" s="1" t="s">
        <v>182203</v>
      </c>
    </row>
    <row r="54153" spans="1:10" x14ac:dyDescent="0.35">
      <c r="A54153" s="1" t="s">
        <v>15833</v>
      </c>
      <c r="B54153" s="1" t="s">
        <v>181013</v>
      </c>
      <c r="C54153" s="1" t="s">
        <v>165</v>
      </c>
      <c r="D54153" s="1" t="s">
        <v>182204</v>
      </c>
      <c r="E54153" s="1" t="s">
        <v>182205</v>
      </c>
      <c r="F54153" s="1" t="s">
        <v>182206</v>
      </c>
      <c r="G54153" s="1" t="s">
        <v>182106</v>
      </c>
      <c r="H54153" s="1" t="s">
        <v>182107</v>
      </c>
      <c r="I54153" s="1" t="s">
        <v>181018</v>
      </c>
      <c r="J54153" s="1" t="s">
        <v>182207</v>
      </c>
    </row>
    <row r="54154" spans="1:10" x14ac:dyDescent="0.35">
      <c r="A54154" s="1" t="s">
        <v>15833</v>
      </c>
      <c r="B54154" s="1" t="s">
        <v>181013</v>
      </c>
      <c r="C54154" s="1" t="s">
        <v>170</v>
      </c>
      <c r="D54154" s="1" t="s">
        <v>182208</v>
      </c>
      <c r="E54154" s="1" t="s">
        <v>182209</v>
      </c>
      <c r="F54154" s="1" t="s">
        <v>182210</v>
      </c>
      <c r="G54154" s="1" t="s">
        <v>182106</v>
      </c>
      <c r="H54154" s="1" t="s">
        <v>182107</v>
      </c>
      <c r="I54154" s="1" t="s">
        <v>181018</v>
      </c>
      <c r="J54154" s="1" t="s">
        <v>182211</v>
      </c>
    </row>
    <row r="54155" spans="1:10" x14ac:dyDescent="0.35">
      <c r="A54155" s="1" t="s">
        <v>33418</v>
      </c>
      <c r="B54155" s="1" t="s">
        <v>181013</v>
      </c>
      <c r="C54155" s="1" t="s">
        <v>8</v>
      </c>
      <c r="D54155" s="1" t="s">
        <v>46487</v>
      </c>
      <c r="E54155" s="1" t="s">
        <v>182212</v>
      </c>
      <c r="F54155" s="1" t="s">
        <v>182213</v>
      </c>
      <c r="G54155" s="1" t="s">
        <v>182214</v>
      </c>
      <c r="H54155" s="1" t="s">
        <v>18430</v>
      </c>
      <c r="I54155" s="1" t="s">
        <v>181018</v>
      </c>
      <c r="J54155" s="1" t="s">
        <v>13</v>
      </c>
    </row>
    <row r="54156" spans="1:10" x14ac:dyDescent="0.35">
      <c r="A54156" s="1" t="s">
        <v>33418</v>
      </c>
      <c r="B54156" s="1" t="s">
        <v>181013</v>
      </c>
      <c r="C54156" s="1" t="s">
        <v>15</v>
      </c>
      <c r="D54156" s="1" t="s">
        <v>31731</v>
      </c>
      <c r="E54156" s="1" t="s">
        <v>182215</v>
      </c>
      <c r="F54156" s="1" t="s">
        <v>182216</v>
      </c>
      <c r="G54156" s="1" t="s">
        <v>182214</v>
      </c>
      <c r="H54156" s="1" t="s">
        <v>18430</v>
      </c>
      <c r="I54156" s="1" t="s">
        <v>181018</v>
      </c>
      <c r="J54156" s="1" t="s">
        <v>182217</v>
      </c>
    </row>
    <row r="54157" spans="1:10" x14ac:dyDescent="0.35">
      <c r="A54157" s="1" t="s">
        <v>33418</v>
      </c>
      <c r="B54157" s="1" t="s">
        <v>181013</v>
      </c>
      <c r="C54157" s="1" t="s">
        <v>20</v>
      </c>
      <c r="D54157" s="1" t="s">
        <v>13055</v>
      </c>
      <c r="E54157" s="1" t="s">
        <v>182218</v>
      </c>
      <c r="F54157" s="1" t="s">
        <v>182219</v>
      </c>
      <c r="G54157" s="1" t="s">
        <v>182214</v>
      </c>
      <c r="H54157" s="1" t="s">
        <v>18430</v>
      </c>
      <c r="I54157" s="1" t="s">
        <v>181018</v>
      </c>
      <c r="J54157" s="1" t="s">
        <v>182220</v>
      </c>
    </row>
    <row r="54158" spans="1:10" x14ac:dyDescent="0.35">
      <c r="A54158" s="1" t="s">
        <v>33418</v>
      </c>
      <c r="B54158" s="1" t="s">
        <v>181013</v>
      </c>
      <c r="C54158" s="1" t="s">
        <v>25</v>
      </c>
      <c r="D54158" s="1" t="s">
        <v>182221</v>
      </c>
      <c r="E54158" s="1" t="s">
        <v>182222</v>
      </c>
      <c r="F54158" s="1" t="s">
        <v>182223</v>
      </c>
      <c r="G54158" s="1" t="s">
        <v>182214</v>
      </c>
      <c r="H54158" s="1" t="s">
        <v>18430</v>
      </c>
      <c r="I54158" s="1" t="s">
        <v>181018</v>
      </c>
      <c r="J54158" s="1" t="s">
        <v>182224</v>
      </c>
    </row>
    <row r="54159" spans="1:10" x14ac:dyDescent="0.35">
      <c r="A54159" s="1" t="s">
        <v>33418</v>
      </c>
      <c r="B54159" s="1" t="s">
        <v>181013</v>
      </c>
      <c r="C54159" s="1" t="s">
        <v>30</v>
      </c>
      <c r="D54159" s="1" t="s">
        <v>182225</v>
      </c>
      <c r="E54159" s="1" t="s">
        <v>182226</v>
      </c>
      <c r="F54159" s="1" t="s">
        <v>182227</v>
      </c>
      <c r="G54159" s="1" t="s">
        <v>182214</v>
      </c>
      <c r="H54159" s="1" t="s">
        <v>18430</v>
      </c>
      <c r="I54159" s="1" t="s">
        <v>181018</v>
      </c>
      <c r="J54159" s="1" t="s">
        <v>182228</v>
      </c>
    </row>
    <row r="54160" spans="1:10" x14ac:dyDescent="0.35">
      <c r="A54160" s="1" t="s">
        <v>33418</v>
      </c>
      <c r="B54160" s="1" t="s">
        <v>181013</v>
      </c>
      <c r="C54160" s="1" t="s">
        <v>35</v>
      </c>
      <c r="D54160" s="1" t="s">
        <v>7163</v>
      </c>
      <c r="E54160" s="1" t="s">
        <v>182229</v>
      </c>
      <c r="F54160" s="1" t="s">
        <v>182230</v>
      </c>
      <c r="G54160" s="1" t="s">
        <v>182214</v>
      </c>
      <c r="H54160" s="1" t="s">
        <v>18430</v>
      </c>
      <c r="I54160" s="1" t="s">
        <v>181018</v>
      </c>
      <c r="J54160" s="1" t="s">
        <v>182231</v>
      </c>
    </row>
    <row r="54161" spans="1:10" x14ac:dyDescent="0.35">
      <c r="A54161" s="1" t="s">
        <v>33418</v>
      </c>
      <c r="B54161" s="1" t="s">
        <v>181013</v>
      </c>
      <c r="C54161" s="1" t="s">
        <v>40</v>
      </c>
      <c r="D54161" s="1" t="s">
        <v>17840</v>
      </c>
      <c r="E54161" s="1" t="s">
        <v>182232</v>
      </c>
      <c r="F54161" s="1" t="s">
        <v>182233</v>
      </c>
      <c r="G54161" s="1" t="s">
        <v>182214</v>
      </c>
      <c r="H54161" s="1" t="s">
        <v>18430</v>
      </c>
      <c r="I54161" s="1" t="s">
        <v>181018</v>
      </c>
      <c r="J54161" s="1" t="s">
        <v>182234</v>
      </c>
    </row>
    <row r="54162" spans="1:10" x14ac:dyDescent="0.35">
      <c r="A54162" s="1" t="s">
        <v>33418</v>
      </c>
      <c r="B54162" s="1" t="s">
        <v>181013</v>
      </c>
      <c r="C54162" s="1" t="s">
        <v>45</v>
      </c>
      <c r="D54162" s="1" t="s">
        <v>182235</v>
      </c>
      <c r="E54162" s="1" t="s">
        <v>182236</v>
      </c>
      <c r="F54162" s="1" t="s">
        <v>182237</v>
      </c>
      <c r="G54162" s="1" t="s">
        <v>182214</v>
      </c>
      <c r="H54162" s="1" t="s">
        <v>18430</v>
      </c>
      <c r="I54162" s="1" t="s">
        <v>181018</v>
      </c>
      <c r="J54162" s="1" t="s">
        <v>182238</v>
      </c>
    </row>
    <row r="54163" spans="1:10" x14ac:dyDescent="0.35">
      <c r="A54163" s="1" t="s">
        <v>33418</v>
      </c>
      <c r="B54163" s="1" t="s">
        <v>181013</v>
      </c>
      <c r="C54163" s="1" t="s">
        <v>50</v>
      </c>
      <c r="D54163" s="1" t="s">
        <v>9601</v>
      </c>
      <c r="E54163" s="1" t="s">
        <v>182239</v>
      </c>
      <c r="F54163" s="1" t="s">
        <v>182240</v>
      </c>
      <c r="G54163" s="1" t="s">
        <v>182214</v>
      </c>
      <c r="H54163" s="1" t="s">
        <v>18430</v>
      </c>
      <c r="I54163" s="1" t="s">
        <v>181018</v>
      </c>
      <c r="J54163" s="1" t="s">
        <v>182241</v>
      </c>
    </row>
    <row r="54164" spans="1:10" x14ac:dyDescent="0.35">
      <c r="A54164" s="1" t="s">
        <v>33418</v>
      </c>
      <c r="B54164" s="1" t="s">
        <v>181013</v>
      </c>
      <c r="C54164" s="1" t="s">
        <v>55</v>
      </c>
      <c r="D54164" s="1" t="s">
        <v>119976</v>
      </c>
      <c r="E54164" s="1" t="s">
        <v>182242</v>
      </c>
      <c r="F54164" s="1" t="s">
        <v>182243</v>
      </c>
      <c r="G54164" s="1" t="s">
        <v>182214</v>
      </c>
      <c r="H54164" s="1" t="s">
        <v>18430</v>
      </c>
      <c r="I54164" s="1" t="s">
        <v>181018</v>
      </c>
      <c r="J54164" s="1" t="s">
        <v>182244</v>
      </c>
    </row>
    <row r="54165" spans="1:10" x14ac:dyDescent="0.35">
      <c r="A54165" s="1" t="s">
        <v>33418</v>
      </c>
      <c r="B54165" s="1" t="s">
        <v>181013</v>
      </c>
      <c r="C54165" s="1" t="s">
        <v>60</v>
      </c>
      <c r="D54165" s="1" t="s">
        <v>82329</v>
      </c>
      <c r="E54165" s="1" t="s">
        <v>182245</v>
      </c>
      <c r="F54165" s="1" t="s">
        <v>182246</v>
      </c>
      <c r="G54165" s="1" t="s">
        <v>182214</v>
      </c>
      <c r="H54165" s="1" t="s">
        <v>18430</v>
      </c>
      <c r="I54165" s="1" t="s">
        <v>181018</v>
      </c>
      <c r="J54165" s="1" t="s">
        <v>182247</v>
      </c>
    </row>
    <row r="54166" spans="1:10" x14ac:dyDescent="0.35">
      <c r="A54166" s="1" t="s">
        <v>33418</v>
      </c>
      <c r="B54166" s="1" t="s">
        <v>181013</v>
      </c>
      <c r="C54166" s="1" t="s">
        <v>65</v>
      </c>
      <c r="D54166" s="1" t="s">
        <v>182248</v>
      </c>
      <c r="E54166" s="1" t="s">
        <v>182249</v>
      </c>
      <c r="F54166" s="1" t="s">
        <v>182250</v>
      </c>
      <c r="G54166" s="1" t="s">
        <v>182214</v>
      </c>
      <c r="H54166" s="1" t="s">
        <v>18430</v>
      </c>
      <c r="I54166" s="1" t="s">
        <v>181018</v>
      </c>
      <c r="J54166" s="1" t="s">
        <v>182251</v>
      </c>
    </row>
    <row r="54167" spans="1:10" x14ac:dyDescent="0.35">
      <c r="A54167" s="1" t="s">
        <v>33418</v>
      </c>
      <c r="B54167" s="1" t="s">
        <v>181013</v>
      </c>
      <c r="C54167" s="1" t="s">
        <v>70</v>
      </c>
      <c r="D54167" s="1" t="s">
        <v>37879</v>
      </c>
      <c r="E54167" s="1" t="s">
        <v>182252</v>
      </c>
      <c r="F54167" s="1" t="s">
        <v>182253</v>
      </c>
      <c r="G54167" s="1" t="s">
        <v>182214</v>
      </c>
      <c r="H54167" s="1" t="s">
        <v>18430</v>
      </c>
      <c r="I54167" s="1" t="s">
        <v>181018</v>
      </c>
      <c r="J54167" s="1" t="s">
        <v>182254</v>
      </c>
    </row>
    <row r="54168" spans="1:10" x14ac:dyDescent="0.35">
      <c r="A54168" s="1" t="s">
        <v>33418</v>
      </c>
      <c r="B54168" s="1" t="s">
        <v>181013</v>
      </c>
      <c r="C54168" s="1" t="s">
        <v>75</v>
      </c>
      <c r="D54168" s="1" t="s">
        <v>182255</v>
      </c>
      <c r="E54168" s="1" t="s">
        <v>182256</v>
      </c>
      <c r="F54168" s="1" t="s">
        <v>182257</v>
      </c>
      <c r="G54168" s="1" t="s">
        <v>182214</v>
      </c>
      <c r="H54168" s="1" t="s">
        <v>18430</v>
      </c>
      <c r="I54168" s="1" t="s">
        <v>181018</v>
      </c>
      <c r="J54168" s="1" t="s">
        <v>182258</v>
      </c>
    </row>
    <row r="54169" spans="1:10" x14ac:dyDescent="0.35">
      <c r="A54169" s="1" t="s">
        <v>33418</v>
      </c>
      <c r="B54169" s="1" t="s">
        <v>181013</v>
      </c>
      <c r="C54169" s="1" t="s">
        <v>80</v>
      </c>
      <c r="D54169" s="1" t="s">
        <v>73152</v>
      </c>
      <c r="E54169" s="1" t="s">
        <v>182259</v>
      </c>
      <c r="F54169" s="1" t="s">
        <v>182260</v>
      </c>
      <c r="G54169" s="1" t="s">
        <v>182214</v>
      </c>
      <c r="H54169" s="1" t="s">
        <v>18430</v>
      </c>
      <c r="I54169" s="1" t="s">
        <v>181018</v>
      </c>
      <c r="J54169" s="1" t="s">
        <v>182261</v>
      </c>
    </row>
    <row r="54170" spans="1:10" x14ac:dyDescent="0.35">
      <c r="A54170" s="1" t="s">
        <v>33418</v>
      </c>
      <c r="B54170" s="1" t="s">
        <v>181013</v>
      </c>
      <c r="C54170" s="1" t="s">
        <v>85</v>
      </c>
      <c r="D54170" s="1" t="s">
        <v>150953</v>
      </c>
      <c r="E54170" s="1" t="s">
        <v>182262</v>
      </c>
      <c r="F54170" s="1" t="s">
        <v>182263</v>
      </c>
      <c r="G54170" s="1" t="s">
        <v>182214</v>
      </c>
      <c r="H54170" s="1" t="s">
        <v>18430</v>
      </c>
      <c r="I54170" s="1" t="s">
        <v>181018</v>
      </c>
      <c r="J54170" s="1" t="s">
        <v>182264</v>
      </c>
    </row>
    <row r="54171" spans="1:10" x14ac:dyDescent="0.35">
      <c r="A54171" s="1" t="s">
        <v>33418</v>
      </c>
      <c r="B54171" s="1" t="s">
        <v>181013</v>
      </c>
      <c r="C54171" s="1" t="s">
        <v>90</v>
      </c>
      <c r="D54171" s="1" t="s">
        <v>182265</v>
      </c>
      <c r="E54171" s="1" t="s">
        <v>182266</v>
      </c>
      <c r="F54171" s="1" t="s">
        <v>182267</v>
      </c>
      <c r="G54171" s="1" t="s">
        <v>182214</v>
      </c>
      <c r="H54171" s="1" t="s">
        <v>18430</v>
      </c>
      <c r="I54171" s="1" t="s">
        <v>181018</v>
      </c>
      <c r="J54171" s="1" t="s">
        <v>182268</v>
      </c>
    </row>
    <row r="54172" spans="1:10" x14ac:dyDescent="0.35">
      <c r="A54172" s="1" t="s">
        <v>33418</v>
      </c>
      <c r="B54172" s="1" t="s">
        <v>181013</v>
      </c>
      <c r="C54172" s="1" t="s">
        <v>95</v>
      </c>
      <c r="D54172" s="1" t="s">
        <v>181995</v>
      </c>
      <c r="E54172" s="1" t="s">
        <v>182269</v>
      </c>
      <c r="F54172" s="1" t="s">
        <v>182270</v>
      </c>
      <c r="G54172" s="1" t="s">
        <v>182214</v>
      </c>
      <c r="H54172" s="1" t="s">
        <v>18430</v>
      </c>
      <c r="I54172" s="1" t="s">
        <v>181018</v>
      </c>
      <c r="J54172" s="1" t="s">
        <v>182271</v>
      </c>
    </row>
    <row r="54173" spans="1:10" x14ac:dyDescent="0.35">
      <c r="A54173" s="1" t="s">
        <v>33418</v>
      </c>
      <c r="B54173" s="1" t="s">
        <v>181013</v>
      </c>
      <c r="C54173" s="1" t="s">
        <v>100</v>
      </c>
      <c r="D54173" s="1" t="s">
        <v>182272</v>
      </c>
      <c r="E54173" s="1" t="s">
        <v>182273</v>
      </c>
      <c r="F54173" s="1" t="s">
        <v>182274</v>
      </c>
      <c r="G54173" s="1" t="s">
        <v>182214</v>
      </c>
      <c r="H54173" s="1" t="s">
        <v>18430</v>
      </c>
      <c r="I54173" s="1" t="s">
        <v>181018</v>
      </c>
      <c r="J54173" s="1" t="s">
        <v>182275</v>
      </c>
    </row>
    <row r="54174" spans="1:10" x14ac:dyDescent="0.35">
      <c r="A54174" s="1" t="s">
        <v>33418</v>
      </c>
      <c r="B54174" s="1" t="s">
        <v>181013</v>
      </c>
      <c r="C54174" s="1" t="s">
        <v>105</v>
      </c>
      <c r="D54174" s="1" t="s">
        <v>3703</v>
      </c>
      <c r="E54174" s="1" t="s">
        <v>182276</v>
      </c>
      <c r="F54174" s="1" t="s">
        <v>182277</v>
      </c>
      <c r="G54174" s="1" t="s">
        <v>182214</v>
      </c>
      <c r="H54174" s="1" t="s">
        <v>18430</v>
      </c>
      <c r="I54174" s="1" t="s">
        <v>181018</v>
      </c>
      <c r="J54174" s="1" t="s">
        <v>182278</v>
      </c>
    </row>
    <row r="54175" spans="1:10" x14ac:dyDescent="0.35">
      <c r="A54175" s="1" t="s">
        <v>33418</v>
      </c>
      <c r="B54175" s="1" t="s">
        <v>181013</v>
      </c>
      <c r="C54175" s="1" t="s">
        <v>110</v>
      </c>
      <c r="D54175" s="1" t="s">
        <v>182279</v>
      </c>
      <c r="E54175" s="1" t="s">
        <v>182280</v>
      </c>
      <c r="F54175" s="1" t="s">
        <v>182281</v>
      </c>
      <c r="G54175" s="1" t="s">
        <v>182214</v>
      </c>
      <c r="H54175" s="1" t="s">
        <v>18430</v>
      </c>
      <c r="I54175" s="1" t="s">
        <v>181018</v>
      </c>
      <c r="J54175" s="1" t="s">
        <v>182282</v>
      </c>
    </row>
    <row r="54176" spans="1:10" x14ac:dyDescent="0.35">
      <c r="A54176" s="1" t="s">
        <v>33418</v>
      </c>
      <c r="B54176" s="1" t="s">
        <v>181013</v>
      </c>
      <c r="C54176" s="1" t="s">
        <v>115</v>
      </c>
      <c r="D54176" s="1" t="s">
        <v>182283</v>
      </c>
      <c r="E54176" s="1" t="s">
        <v>182284</v>
      </c>
      <c r="F54176" s="1" t="s">
        <v>182285</v>
      </c>
      <c r="G54176" s="1" t="s">
        <v>182214</v>
      </c>
      <c r="H54176" s="1" t="s">
        <v>18430</v>
      </c>
      <c r="I54176" s="1" t="s">
        <v>181018</v>
      </c>
      <c r="J54176" s="1" t="s">
        <v>182286</v>
      </c>
    </row>
    <row r="54177" spans="1:10" x14ac:dyDescent="0.35">
      <c r="A54177" s="1" t="s">
        <v>33418</v>
      </c>
      <c r="B54177" s="1" t="s">
        <v>181013</v>
      </c>
      <c r="C54177" s="1" t="s">
        <v>120</v>
      </c>
      <c r="D54177" s="1" t="s">
        <v>182287</v>
      </c>
      <c r="E54177" s="1" t="s">
        <v>182288</v>
      </c>
      <c r="F54177" s="1" t="s">
        <v>182289</v>
      </c>
      <c r="G54177" s="1" t="s">
        <v>182214</v>
      </c>
      <c r="H54177" s="1" t="s">
        <v>18430</v>
      </c>
      <c r="I54177" s="1" t="s">
        <v>181018</v>
      </c>
      <c r="J54177" s="1" t="s">
        <v>182290</v>
      </c>
    </row>
    <row r="54178" spans="1:10" x14ac:dyDescent="0.35">
      <c r="A54178" s="1" t="s">
        <v>33418</v>
      </c>
      <c r="B54178" s="1" t="s">
        <v>181013</v>
      </c>
      <c r="C54178" s="1" t="s">
        <v>125</v>
      </c>
      <c r="D54178" s="1" t="s">
        <v>135068</v>
      </c>
      <c r="E54178" s="1" t="s">
        <v>182291</v>
      </c>
      <c r="F54178" s="1" t="s">
        <v>182292</v>
      </c>
      <c r="G54178" s="1" t="s">
        <v>182214</v>
      </c>
      <c r="H54178" s="1" t="s">
        <v>18430</v>
      </c>
      <c r="I54178" s="1" t="s">
        <v>181018</v>
      </c>
      <c r="J54178" s="1" t="s">
        <v>182293</v>
      </c>
    </row>
    <row r="54179" spans="1:10" x14ac:dyDescent="0.35">
      <c r="A54179" s="1" t="s">
        <v>33418</v>
      </c>
      <c r="B54179" s="1" t="s">
        <v>181013</v>
      </c>
      <c r="C54179" s="1" t="s">
        <v>130</v>
      </c>
      <c r="D54179" s="1" t="s">
        <v>142036</v>
      </c>
      <c r="E54179" s="1" t="s">
        <v>182294</v>
      </c>
      <c r="F54179" s="1" t="s">
        <v>182295</v>
      </c>
      <c r="G54179" s="1" t="s">
        <v>182214</v>
      </c>
      <c r="H54179" s="1" t="s">
        <v>18430</v>
      </c>
      <c r="I54179" s="1" t="s">
        <v>181018</v>
      </c>
      <c r="J54179" s="1" t="s">
        <v>182296</v>
      </c>
    </row>
    <row r="54180" spans="1:10" x14ac:dyDescent="0.35">
      <c r="A54180" s="1" t="s">
        <v>33418</v>
      </c>
      <c r="B54180" s="1" t="s">
        <v>181013</v>
      </c>
      <c r="C54180" s="1" t="s">
        <v>135</v>
      </c>
      <c r="D54180" s="1" t="s">
        <v>30562</v>
      </c>
      <c r="E54180" s="1" t="s">
        <v>182297</v>
      </c>
      <c r="F54180" s="1" t="s">
        <v>182298</v>
      </c>
      <c r="G54180" s="1" t="s">
        <v>182214</v>
      </c>
      <c r="H54180" s="1" t="s">
        <v>18430</v>
      </c>
      <c r="I54180" s="1" t="s">
        <v>181018</v>
      </c>
      <c r="J54180" s="1" t="s">
        <v>182299</v>
      </c>
    </row>
    <row r="54181" spans="1:10" x14ac:dyDescent="0.35">
      <c r="A54181" s="1" t="s">
        <v>33418</v>
      </c>
      <c r="B54181" s="1" t="s">
        <v>181013</v>
      </c>
      <c r="C54181" s="1" t="s">
        <v>140</v>
      </c>
      <c r="D54181" s="1" t="s">
        <v>155494</v>
      </c>
      <c r="E54181" s="1" t="s">
        <v>182300</v>
      </c>
      <c r="F54181" s="1" t="s">
        <v>182301</v>
      </c>
      <c r="G54181" s="1" t="s">
        <v>182214</v>
      </c>
      <c r="H54181" s="1" t="s">
        <v>18430</v>
      </c>
      <c r="I54181" s="1" t="s">
        <v>181018</v>
      </c>
      <c r="J54181" s="1" t="s">
        <v>182302</v>
      </c>
    </row>
    <row r="54182" spans="1:10" x14ac:dyDescent="0.35">
      <c r="A54182" s="1" t="s">
        <v>33418</v>
      </c>
      <c r="B54182" s="1" t="s">
        <v>181013</v>
      </c>
      <c r="C54182" s="1" t="s">
        <v>145</v>
      </c>
      <c r="D54182" s="1" t="s">
        <v>182303</v>
      </c>
      <c r="E54182" s="1" t="s">
        <v>182304</v>
      </c>
      <c r="F54182" s="1" t="s">
        <v>182305</v>
      </c>
      <c r="G54182" s="1" t="s">
        <v>182214</v>
      </c>
      <c r="H54182" s="1" t="s">
        <v>18430</v>
      </c>
      <c r="I54182" s="1" t="s">
        <v>181018</v>
      </c>
      <c r="J54182" s="1" t="s">
        <v>182306</v>
      </c>
    </row>
    <row r="54183" spans="1:10" x14ac:dyDescent="0.35">
      <c r="A54183" s="1" t="s">
        <v>33418</v>
      </c>
      <c r="B54183" s="1" t="s">
        <v>181013</v>
      </c>
      <c r="C54183" s="1" t="s">
        <v>150</v>
      </c>
      <c r="D54183" s="1" t="s">
        <v>126165</v>
      </c>
      <c r="E54183" s="1" t="s">
        <v>182307</v>
      </c>
      <c r="F54183" s="1" t="s">
        <v>182308</v>
      </c>
      <c r="G54183" s="1" t="s">
        <v>182214</v>
      </c>
      <c r="H54183" s="1" t="s">
        <v>18430</v>
      </c>
      <c r="I54183" s="1" t="s">
        <v>181018</v>
      </c>
      <c r="J54183" s="1" t="s">
        <v>182309</v>
      </c>
    </row>
    <row r="54184" spans="1:10" x14ac:dyDescent="0.35">
      <c r="A54184" s="1" t="s">
        <v>33418</v>
      </c>
      <c r="B54184" s="1" t="s">
        <v>181013</v>
      </c>
      <c r="C54184" s="1" t="s">
        <v>155</v>
      </c>
      <c r="D54184" s="1" t="s">
        <v>182310</v>
      </c>
      <c r="E54184" s="1" t="s">
        <v>182311</v>
      </c>
      <c r="F54184" s="1" t="s">
        <v>182312</v>
      </c>
      <c r="G54184" s="1" t="s">
        <v>182214</v>
      </c>
      <c r="H54184" s="1" t="s">
        <v>18430</v>
      </c>
      <c r="I54184" s="1" t="s">
        <v>181018</v>
      </c>
      <c r="J54184" s="1" t="s">
        <v>182313</v>
      </c>
    </row>
    <row r="54185" spans="1:10" x14ac:dyDescent="0.35">
      <c r="A54185" s="1" t="s">
        <v>33418</v>
      </c>
      <c r="B54185" s="1" t="s">
        <v>181013</v>
      </c>
      <c r="C54185" s="1" t="s">
        <v>160</v>
      </c>
      <c r="D54185" s="1" t="s">
        <v>176072</v>
      </c>
      <c r="E54185" s="1" t="s">
        <v>182314</v>
      </c>
      <c r="F54185" s="1" t="s">
        <v>182315</v>
      </c>
      <c r="G54185" s="1" t="s">
        <v>182214</v>
      </c>
      <c r="H54185" s="1" t="s">
        <v>18430</v>
      </c>
      <c r="I54185" s="1" t="s">
        <v>181018</v>
      </c>
      <c r="J54185" s="1" t="s">
        <v>182316</v>
      </c>
    </row>
    <row r="54186" spans="1:10" x14ac:dyDescent="0.35">
      <c r="A54186" s="1" t="s">
        <v>33418</v>
      </c>
      <c r="B54186" s="1" t="s">
        <v>181013</v>
      </c>
      <c r="C54186" s="1" t="s">
        <v>165</v>
      </c>
      <c r="D54186" s="1" t="s">
        <v>154656</v>
      </c>
      <c r="E54186" s="1" t="s">
        <v>182317</v>
      </c>
      <c r="F54186" s="1" t="s">
        <v>182318</v>
      </c>
      <c r="G54186" s="1" t="s">
        <v>182214</v>
      </c>
      <c r="H54186" s="1" t="s">
        <v>18430</v>
      </c>
      <c r="I54186" s="1" t="s">
        <v>181018</v>
      </c>
      <c r="J54186" s="1" t="s">
        <v>182319</v>
      </c>
    </row>
    <row r="54187" spans="1:10" x14ac:dyDescent="0.35">
      <c r="A54187" s="1" t="s">
        <v>33418</v>
      </c>
      <c r="B54187" s="1" t="s">
        <v>181013</v>
      </c>
      <c r="C54187" s="1" t="s">
        <v>170</v>
      </c>
      <c r="D54187" s="1" t="s">
        <v>182320</v>
      </c>
      <c r="E54187" s="1" t="s">
        <v>182321</v>
      </c>
      <c r="F54187" s="1" t="s">
        <v>182322</v>
      </c>
      <c r="G54187" s="1" t="s">
        <v>182214</v>
      </c>
      <c r="H54187" s="1" t="s">
        <v>18430</v>
      </c>
      <c r="I54187" s="1" t="s">
        <v>181018</v>
      </c>
      <c r="J54187" s="1" t="s">
        <v>182323</v>
      </c>
    </row>
    <row r="54188" spans="1:10" x14ac:dyDescent="0.35">
      <c r="A54188" s="1" t="s">
        <v>44037</v>
      </c>
      <c r="B54188" s="1" t="s">
        <v>181013</v>
      </c>
      <c r="C54188" s="1" t="s">
        <v>8</v>
      </c>
      <c r="D54188" s="1" t="s">
        <v>29134</v>
      </c>
      <c r="E54188" s="1" t="s">
        <v>182324</v>
      </c>
      <c r="F54188" s="1" t="s">
        <v>182325</v>
      </c>
      <c r="G54188" s="1" t="s">
        <v>182326</v>
      </c>
      <c r="H54188" s="1" t="s">
        <v>182327</v>
      </c>
      <c r="I54188" s="1" t="s">
        <v>181018</v>
      </c>
      <c r="J54188" s="1" t="s">
        <v>13</v>
      </c>
    </row>
    <row r="54189" spans="1:10" x14ac:dyDescent="0.35">
      <c r="A54189" s="1" t="s">
        <v>44037</v>
      </c>
      <c r="B54189" s="1" t="s">
        <v>181013</v>
      </c>
      <c r="C54189" s="1" t="s">
        <v>15</v>
      </c>
      <c r="D54189" s="1" t="s">
        <v>74200</v>
      </c>
      <c r="E54189" s="1" t="s">
        <v>182328</v>
      </c>
      <c r="F54189" s="1" t="s">
        <v>182329</v>
      </c>
      <c r="G54189" s="1" t="s">
        <v>182326</v>
      </c>
      <c r="H54189" s="1" t="s">
        <v>182327</v>
      </c>
      <c r="I54189" s="1" t="s">
        <v>181018</v>
      </c>
      <c r="J54189" s="1" t="s">
        <v>182330</v>
      </c>
    </row>
    <row r="54190" spans="1:10" x14ac:dyDescent="0.35">
      <c r="A54190" s="1" t="s">
        <v>44037</v>
      </c>
      <c r="B54190" s="1" t="s">
        <v>181013</v>
      </c>
      <c r="C54190" s="1" t="s">
        <v>20</v>
      </c>
      <c r="D54190" s="1" t="s">
        <v>182331</v>
      </c>
      <c r="E54190" s="1" t="s">
        <v>182332</v>
      </c>
      <c r="F54190" s="1" t="s">
        <v>182333</v>
      </c>
      <c r="G54190" s="1" t="s">
        <v>182326</v>
      </c>
      <c r="H54190" s="1" t="s">
        <v>182327</v>
      </c>
      <c r="I54190" s="1" t="s">
        <v>181018</v>
      </c>
      <c r="J54190" s="1" t="s">
        <v>182334</v>
      </c>
    </row>
    <row r="54191" spans="1:10" x14ac:dyDescent="0.35">
      <c r="A54191" s="1" t="s">
        <v>44037</v>
      </c>
      <c r="B54191" s="1" t="s">
        <v>181013</v>
      </c>
      <c r="C54191" s="1" t="s">
        <v>25</v>
      </c>
      <c r="D54191" s="1" t="s">
        <v>237</v>
      </c>
      <c r="E54191" s="1" t="s">
        <v>182335</v>
      </c>
      <c r="F54191" s="1" t="s">
        <v>182336</v>
      </c>
      <c r="G54191" s="1" t="s">
        <v>182326</v>
      </c>
      <c r="H54191" s="1" t="s">
        <v>182327</v>
      </c>
      <c r="I54191" s="1" t="s">
        <v>181018</v>
      </c>
      <c r="J54191" s="1" t="s">
        <v>182337</v>
      </c>
    </row>
    <row r="54192" spans="1:10" x14ac:dyDescent="0.35">
      <c r="A54192" s="1" t="s">
        <v>44037</v>
      </c>
      <c r="B54192" s="1" t="s">
        <v>181013</v>
      </c>
      <c r="C54192" s="1" t="s">
        <v>30</v>
      </c>
      <c r="D54192" s="1" t="s">
        <v>33433</v>
      </c>
      <c r="E54192" s="1" t="s">
        <v>182338</v>
      </c>
      <c r="F54192" s="1" t="s">
        <v>182339</v>
      </c>
      <c r="G54192" s="1" t="s">
        <v>182326</v>
      </c>
      <c r="H54192" s="1" t="s">
        <v>182327</v>
      </c>
      <c r="I54192" s="1" t="s">
        <v>181018</v>
      </c>
      <c r="J54192" s="1" t="s">
        <v>182340</v>
      </c>
    </row>
    <row r="54193" spans="1:10" x14ac:dyDescent="0.35">
      <c r="A54193" s="1" t="s">
        <v>44037</v>
      </c>
      <c r="B54193" s="1" t="s">
        <v>181013</v>
      </c>
      <c r="C54193" s="1" t="s">
        <v>35</v>
      </c>
      <c r="D54193" s="1" t="s">
        <v>182341</v>
      </c>
      <c r="E54193" s="1" t="s">
        <v>182342</v>
      </c>
      <c r="F54193" s="1" t="s">
        <v>182343</v>
      </c>
      <c r="G54193" s="1" t="s">
        <v>182326</v>
      </c>
      <c r="H54193" s="1" t="s">
        <v>182327</v>
      </c>
      <c r="I54193" s="1" t="s">
        <v>181018</v>
      </c>
      <c r="J54193" s="1" t="s">
        <v>182344</v>
      </c>
    </row>
    <row r="54194" spans="1:10" x14ac:dyDescent="0.35">
      <c r="A54194" s="1" t="s">
        <v>44037</v>
      </c>
      <c r="B54194" s="1" t="s">
        <v>181013</v>
      </c>
      <c r="C54194" s="1" t="s">
        <v>40</v>
      </c>
      <c r="D54194" s="1" t="s">
        <v>37481</v>
      </c>
      <c r="E54194" s="1" t="s">
        <v>182345</v>
      </c>
      <c r="F54194" s="1" t="s">
        <v>182346</v>
      </c>
      <c r="G54194" s="1" t="s">
        <v>182326</v>
      </c>
      <c r="H54194" s="1" t="s">
        <v>182327</v>
      </c>
      <c r="I54194" s="1" t="s">
        <v>181018</v>
      </c>
      <c r="J54194" s="1" t="s">
        <v>182347</v>
      </c>
    </row>
    <row r="54195" spans="1:10" x14ac:dyDescent="0.35">
      <c r="A54195" s="1" t="s">
        <v>44037</v>
      </c>
      <c r="B54195" s="1" t="s">
        <v>181013</v>
      </c>
      <c r="C54195" s="1" t="s">
        <v>45</v>
      </c>
      <c r="D54195" s="1" t="s">
        <v>74284</v>
      </c>
      <c r="E54195" s="1" t="s">
        <v>182348</v>
      </c>
      <c r="F54195" s="1" t="s">
        <v>182349</v>
      </c>
      <c r="G54195" s="1" t="s">
        <v>182326</v>
      </c>
      <c r="H54195" s="1" t="s">
        <v>182327</v>
      </c>
      <c r="I54195" s="1" t="s">
        <v>181018</v>
      </c>
      <c r="J54195" s="1" t="s">
        <v>182350</v>
      </c>
    </row>
    <row r="54196" spans="1:10" x14ac:dyDescent="0.35">
      <c r="A54196" s="1" t="s">
        <v>44037</v>
      </c>
      <c r="B54196" s="1" t="s">
        <v>181013</v>
      </c>
      <c r="C54196" s="1" t="s">
        <v>50</v>
      </c>
      <c r="D54196" s="1" t="s">
        <v>35723</v>
      </c>
      <c r="E54196" s="1" t="s">
        <v>182351</v>
      </c>
      <c r="F54196" s="1" t="s">
        <v>182352</v>
      </c>
      <c r="G54196" s="1" t="s">
        <v>182326</v>
      </c>
      <c r="H54196" s="1" t="s">
        <v>182327</v>
      </c>
      <c r="I54196" s="1" t="s">
        <v>181018</v>
      </c>
      <c r="J54196" s="1" t="s">
        <v>182353</v>
      </c>
    </row>
    <row r="54197" spans="1:10" x14ac:dyDescent="0.35">
      <c r="A54197" s="1" t="s">
        <v>44037</v>
      </c>
      <c r="B54197" s="1" t="s">
        <v>181013</v>
      </c>
      <c r="C54197" s="1" t="s">
        <v>55</v>
      </c>
      <c r="D54197" s="1" t="s">
        <v>10915</v>
      </c>
      <c r="E54197" s="1" t="s">
        <v>182354</v>
      </c>
      <c r="F54197" s="1" t="s">
        <v>182355</v>
      </c>
      <c r="G54197" s="1" t="s">
        <v>182326</v>
      </c>
      <c r="H54197" s="1" t="s">
        <v>182327</v>
      </c>
      <c r="I54197" s="1" t="s">
        <v>181018</v>
      </c>
      <c r="J54197" s="1" t="s">
        <v>182356</v>
      </c>
    </row>
    <row r="54198" spans="1:10" x14ac:dyDescent="0.35">
      <c r="A54198" s="1" t="s">
        <v>44037</v>
      </c>
      <c r="B54198" s="1" t="s">
        <v>181013</v>
      </c>
      <c r="C54198" s="1" t="s">
        <v>60</v>
      </c>
      <c r="D54198" s="1" t="s">
        <v>148200</v>
      </c>
      <c r="E54198" s="1" t="s">
        <v>182357</v>
      </c>
      <c r="F54198" s="1" t="s">
        <v>182358</v>
      </c>
      <c r="G54198" s="1" t="s">
        <v>182326</v>
      </c>
      <c r="H54198" s="1" t="s">
        <v>182327</v>
      </c>
      <c r="I54198" s="1" t="s">
        <v>181018</v>
      </c>
      <c r="J54198" s="1" t="s">
        <v>182359</v>
      </c>
    </row>
    <row r="54199" spans="1:10" x14ac:dyDescent="0.35">
      <c r="A54199" s="1" t="s">
        <v>44037</v>
      </c>
      <c r="B54199" s="1" t="s">
        <v>181013</v>
      </c>
      <c r="C54199" s="1" t="s">
        <v>65</v>
      </c>
      <c r="D54199" s="1" t="s">
        <v>182360</v>
      </c>
      <c r="E54199" s="1" t="s">
        <v>182361</v>
      </c>
      <c r="F54199" s="1" t="s">
        <v>182362</v>
      </c>
      <c r="G54199" s="1" t="s">
        <v>182326</v>
      </c>
      <c r="H54199" s="1" t="s">
        <v>182327</v>
      </c>
      <c r="I54199" s="1" t="s">
        <v>181018</v>
      </c>
      <c r="J54199" s="1" t="s">
        <v>182363</v>
      </c>
    </row>
    <row r="54200" spans="1:10" x14ac:dyDescent="0.35">
      <c r="A54200" s="1" t="s">
        <v>44037</v>
      </c>
      <c r="B54200" s="1" t="s">
        <v>181013</v>
      </c>
      <c r="C54200" s="1" t="s">
        <v>70</v>
      </c>
      <c r="D54200" s="1" t="s">
        <v>182364</v>
      </c>
      <c r="E54200" s="1" t="s">
        <v>182365</v>
      </c>
      <c r="F54200" s="1" t="s">
        <v>182366</v>
      </c>
      <c r="G54200" s="1" t="s">
        <v>182326</v>
      </c>
      <c r="H54200" s="1" t="s">
        <v>182327</v>
      </c>
      <c r="I54200" s="1" t="s">
        <v>181018</v>
      </c>
      <c r="J54200" s="1" t="s">
        <v>182367</v>
      </c>
    </row>
    <row r="54201" spans="1:10" x14ac:dyDescent="0.35">
      <c r="A54201" s="1" t="s">
        <v>44037</v>
      </c>
      <c r="B54201" s="1" t="s">
        <v>181013</v>
      </c>
      <c r="C54201" s="1" t="s">
        <v>75</v>
      </c>
      <c r="D54201" s="1" t="s">
        <v>169464</v>
      </c>
      <c r="E54201" s="1" t="s">
        <v>182368</v>
      </c>
      <c r="F54201" s="1" t="s">
        <v>182369</v>
      </c>
      <c r="G54201" s="1" t="s">
        <v>182326</v>
      </c>
      <c r="H54201" s="1" t="s">
        <v>182327</v>
      </c>
      <c r="I54201" s="1" t="s">
        <v>181018</v>
      </c>
      <c r="J54201" s="1" t="s">
        <v>182370</v>
      </c>
    </row>
    <row r="54202" spans="1:10" x14ac:dyDescent="0.35">
      <c r="A54202" s="1" t="s">
        <v>44037</v>
      </c>
      <c r="B54202" s="1" t="s">
        <v>181013</v>
      </c>
      <c r="C54202" s="1" t="s">
        <v>80</v>
      </c>
      <c r="D54202" s="1" t="s">
        <v>146384</v>
      </c>
      <c r="E54202" s="1" t="s">
        <v>182371</v>
      </c>
      <c r="F54202" s="1" t="s">
        <v>182372</v>
      </c>
      <c r="G54202" s="1" t="s">
        <v>182326</v>
      </c>
      <c r="H54202" s="1" t="s">
        <v>182327</v>
      </c>
      <c r="I54202" s="1" t="s">
        <v>181018</v>
      </c>
      <c r="J54202" s="1" t="s">
        <v>182373</v>
      </c>
    </row>
    <row r="54203" spans="1:10" x14ac:dyDescent="0.35">
      <c r="A54203" s="1" t="s">
        <v>44037</v>
      </c>
      <c r="B54203" s="1" t="s">
        <v>181013</v>
      </c>
      <c r="C54203" s="1" t="s">
        <v>85</v>
      </c>
      <c r="D54203" s="1" t="s">
        <v>118723</v>
      </c>
      <c r="E54203" s="1" t="s">
        <v>182374</v>
      </c>
      <c r="F54203" s="1" t="s">
        <v>182375</v>
      </c>
      <c r="G54203" s="1" t="s">
        <v>182326</v>
      </c>
      <c r="H54203" s="1" t="s">
        <v>182327</v>
      </c>
      <c r="I54203" s="1" t="s">
        <v>181018</v>
      </c>
      <c r="J54203" s="1" t="s">
        <v>182376</v>
      </c>
    </row>
    <row r="54204" spans="1:10" x14ac:dyDescent="0.35">
      <c r="A54204" s="1" t="s">
        <v>44037</v>
      </c>
      <c r="B54204" s="1" t="s">
        <v>181013</v>
      </c>
      <c r="C54204" s="1" t="s">
        <v>90</v>
      </c>
      <c r="D54204" s="1" t="s">
        <v>182377</v>
      </c>
      <c r="E54204" s="1" t="s">
        <v>182378</v>
      </c>
      <c r="F54204" s="1" t="s">
        <v>182379</v>
      </c>
      <c r="G54204" s="1" t="s">
        <v>182326</v>
      </c>
      <c r="H54204" s="1" t="s">
        <v>182327</v>
      </c>
      <c r="I54204" s="1" t="s">
        <v>181018</v>
      </c>
      <c r="J54204" s="1" t="s">
        <v>182380</v>
      </c>
    </row>
    <row r="54205" spans="1:10" x14ac:dyDescent="0.35">
      <c r="A54205" s="1" t="s">
        <v>44037</v>
      </c>
      <c r="B54205" s="1" t="s">
        <v>181013</v>
      </c>
      <c r="C54205" s="1" t="s">
        <v>95</v>
      </c>
      <c r="D54205" s="1" t="s">
        <v>49775</v>
      </c>
      <c r="E54205" s="1" t="s">
        <v>182381</v>
      </c>
      <c r="F54205" s="1" t="s">
        <v>182382</v>
      </c>
      <c r="G54205" s="1" t="s">
        <v>182326</v>
      </c>
      <c r="H54205" s="1" t="s">
        <v>182327</v>
      </c>
      <c r="I54205" s="1" t="s">
        <v>181018</v>
      </c>
      <c r="J54205" s="1" t="s">
        <v>182383</v>
      </c>
    </row>
    <row r="54206" spans="1:10" x14ac:dyDescent="0.35">
      <c r="A54206" s="1" t="s">
        <v>44037</v>
      </c>
      <c r="B54206" s="1" t="s">
        <v>181013</v>
      </c>
      <c r="C54206" s="1" t="s">
        <v>100</v>
      </c>
      <c r="D54206" s="1" t="s">
        <v>3413</v>
      </c>
      <c r="E54206" s="1" t="s">
        <v>182384</v>
      </c>
      <c r="F54206" s="1" t="s">
        <v>182385</v>
      </c>
      <c r="G54206" s="1" t="s">
        <v>182326</v>
      </c>
      <c r="H54206" s="1" t="s">
        <v>182327</v>
      </c>
      <c r="I54206" s="1" t="s">
        <v>181018</v>
      </c>
      <c r="J54206" s="1" t="s">
        <v>182386</v>
      </c>
    </row>
    <row r="54207" spans="1:10" x14ac:dyDescent="0.35">
      <c r="A54207" s="1" t="s">
        <v>44037</v>
      </c>
      <c r="B54207" s="1" t="s">
        <v>181013</v>
      </c>
      <c r="C54207" s="1" t="s">
        <v>105</v>
      </c>
      <c r="D54207" s="1" t="s">
        <v>148207</v>
      </c>
      <c r="E54207" s="1" t="s">
        <v>182387</v>
      </c>
      <c r="F54207" s="1" t="s">
        <v>182388</v>
      </c>
      <c r="G54207" s="1" t="s">
        <v>182326</v>
      </c>
      <c r="H54207" s="1" t="s">
        <v>182327</v>
      </c>
      <c r="I54207" s="1" t="s">
        <v>181018</v>
      </c>
      <c r="J54207" s="1" t="s">
        <v>182389</v>
      </c>
    </row>
    <row r="54208" spans="1:10" x14ac:dyDescent="0.35">
      <c r="A54208" s="1" t="s">
        <v>44037</v>
      </c>
      <c r="B54208" s="1" t="s">
        <v>181013</v>
      </c>
      <c r="C54208" s="1" t="s">
        <v>110</v>
      </c>
      <c r="D54208" s="1" t="s">
        <v>48862</v>
      </c>
      <c r="E54208" s="1" t="s">
        <v>182390</v>
      </c>
      <c r="F54208" s="1" t="s">
        <v>182391</v>
      </c>
      <c r="G54208" s="1" t="s">
        <v>182326</v>
      </c>
      <c r="H54208" s="1" t="s">
        <v>182327</v>
      </c>
      <c r="I54208" s="1" t="s">
        <v>181018</v>
      </c>
      <c r="J54208" s="1" t="s">
        <v>182392</v>
      </c>
    </row>
    <row r="54209" spans="1:10" x14ac:dyDescent="0.35">
      <c r="A54209" s="1" t="s">
        <v>44037</v>
      </c>
      <c r="B54209" s="1" t="s">
        <v>181013</v>
      </c>
      <c r="C54209" s="1" t="s">
        <v>115</v>
      </c>
      <c r="D54209" s="1" t="s">
        <v>42013</v>
      </c>
      <c r="E54209" s="1" t="s">
        <v>182393</v>
      </c>
      <c r="F54209" s="1" t="s">
        <v>182394</v>
      </c>
      <c r="G54209" s="1" t="s">
        <v>182326</v>
      </c>
      <c r="H54209" s="1" t="s">
        <v>182327</v>
      </c>
      <c r="I54209" s="1" t="s">
        <v>181018</v>
      </c>
      <c r="J54209" s="1" t="s">
        <v>182395</v>
      </c>
    </row>
    <row r="54210" spans="1:10" x14ac:dyDescent="0.35">
      <c r="A54210" s="1" t="s">
        <v>44037</v>
      </c>
      <c r="B54210" s="1" t="s">
        <v>181013</v>
      </c>
      <c r="C54210" s="1" t="s">
        <v>120</v>
      </c>
      <c r="D54210" s="1" t="s">
        <v>32933</v>
      </c>
      <c r="E54210" s="1" t="s">
        <v>182396</v>
      </c>
      <c r="F54210" s="1" t="s">
        <v>182397</v>
      </c>
      <c r="G54210" s="1" t="s">
        <v>182326</v>
      </c>
      <c r="H54210" s="1" t="s">
        <v>182327</v>
      </c>
      <c r="I54210" s="1" t="s">
        <v>181018</v>
      </c>
      <c r="J54210" s="1" t="s">
        <v>182398</v>
      </c>
    </row>
    <row r="54211" spans="1:10" x14ac:dyDescent="0.35">
      <c r="A54211" s="1" t="s">
        <v>44037</v>
      </c>
      <c r="B54211" s="1" t="s">
        <v>181013</v>
      </c>
      <c r="C54211" s="1" t="s">
        <v>125</v>
      </c>
      <c r="D54211" s="1" t="s">
        <v>182399</v>
      </c>
      <c r="E54211" s="1" t="s">
        <v>182400</v>
      </c>
      <c r="F54211" s="1" t="s">
        <v>182401</v>
      </c>
      <c r="G54211" s="1" t="s">
        <v>182326</v>
      </c>
      <c r="H54211" s="1" t="s">
        <v>182327</v>
      </c>
      <c r="I54211" s="1" t="s">
        <v>181018</v>
      </c>
      <c r="J54211" s="1" t="s">
        <v>182402</v>
      </c>
    </row>
    <row r="54212" spans="1:10" x14ac:dyDescent="0.35">
      <c r="A54212" s="1" t="s">
        <v>44037</v>
      </c>
      <c r="B54212" s="1" t="s">
        <v>181013</v>
      </c>
      <c r="C54212" s="1" t="s">
        <v>130</v>
      </c>
      <c r="D54212" s="1" t="s">
        <v>73218</v>
      </c>
      <c r="E54212" s="1" t="s">
        <v>182403</v>
      </c>
      <c r="F54212" s="1" t="s">
        <v>182404</v>
      </c>
      <c r="G54212" s="1" t="s">
        <v>182326</v>
      </c>
      <c r="H54212" s="1" t="s">
        <v>182327</v>
      </c>
      <c r="I54212" s="1" t="s">
        <v>181018</v>
      </c>
      <c r="J54212" s="1" t="s">
        <v>182405</v>
      </c>
    </row>
    <row r="54213" spans="1:10" x14ac:dyDescent="0.35">
      <c r="A54213" s="1" t="s">
        <v>44037</v>
      </c>
      <c r="B54213" s="1" t="s">
        <v>181013</v>
      </c>
      <c r="C54213" s="1" t="s">
        <v>135</v>
      </c>
      <c r="D54213" s="1" t="s">
        <v>19802</v>
      </c>
      <c r="E54213" s="1" t="s">
        <v>182406</v>
      </c>
      <c r="F54213" s="1" t="s">
        <v>182407</v>
      </c>
      <c r="G54213" s="1" t="s">
        <v>182326</v>
      </c>
      <c r="H54213" s="1" t="s">
        <v>182327</v>
      </c>
      <c r="I54213" s="1" t="s">
        <v>181018</v>
      </c>
      <c r="J54213" s="1" t="s">
        <v>182408</v>
      </c>
    </row>
    <row r="54214" spans="1:10" x14ac:dyDescent="0.35">
      <c r="A54214" s="1" t="s">
        <v>44037</v>
      </c>
      <c r="B54214" s="1" t="s">
        <v>181013</v>
      </c>
      <c r="C54214" s="1" t="s">
        <v>140</v>
      </c>
      <c r="D54214" s="1" t="s">
        <v>17840</v>
      </c>
      <c r="E54214" s="1" t="s">
        <v>182409</v>
      </c>
      <c r="F54214" s="1" t="s">
        <v>182410</v>
      </c>
      <c r="G54214" s="1" t="s">
        <v>182326</v>
      </c>
      <c r="H54214" s="1" t="s">
        <v>182327</v>
      </c>
      <c r="I54214" s="1" t="s">
        <v>181018</v>
      </c>
      <c r="J54214" s="1" t="s">
        <v>182411</v>
      </c>
    </row>
    <row r="54215" spans="1:10" x14ac:dyDescent="0.35">
      <c r="A54215" s="1" t="s">
        <v>44037</v>
      </c>
      <c r="B54215" s="1" t="s">
        <v>181013</v>
      </c>
      <c r="C54215" s="1" t="s">
        <v>145</v>
      </c>
      <c r="D54215" s="1" t="s">
        <v>42906</v>
      </c>
      <c r="E54215" s="1" t="s">
        <v>182412</v>
      </c>
      <c r="F54215" s="1" t="s">
        <v>182413</v>
      </c>
      <c r="G54215" s="1" t="s">
        <v>182326</v>
      </c>
      <c r="H54215" s="1" t="s">
        <v>182327</v>
      </c>
      <c r="I54215" s="1" t="s">
        <v>181018</v>
      </c>
      <c r="J54215" s="1" t="s">
        <v>182414</v>
      </c>
    </row>
    <row r="54216" spans="1:10" x14ac:dyDescent="0.35">
      <c r="A54216" s="1" t="s">
        <v>44037</v>
      </c>
      <c r="B54216" s="1" t="s">
        <v>181013</v>
      </c>
      <c r="C54216" s="1" t="s">
        <v>150</v>
      </c>
      <c r="D54216" s="1" t="s">
        <v>118645</v>
      </c>
      <c r="E54216" s="1" t="s">
        <v>182415</v>
      </c>
      <c r="F54216" s="1" t="s">
        <v>182416</v>
      </c>
      <c r="G54216" s="1" t="s">
        <v>182326</v>
      </c>
      <c r="H54216" s="1" t="s">
        <v>182327</v>
      </c>
      <c r="I54216" s="1" t="s">
        <v>181018</v>
      </c>
      <c r="J54216" s="1" t="s">
        <v>182417</v>
      </c>
    </row>
    <row r="54217" spans="1:10" x14ac:dyDescent="0.35">
      <c r="A54217" s="1" t="s">
        <v>44037</v>
      </c>
      <c r="B54217" s="1" t="s">
        <v>181013</v>
      </c>
      <c r="C54217" s="1" t="s">
        <v>155</v>
      </c>
      <c r="D54217" s="1" t="s">
        <v>153617</v>
      </c>
      <c r="E54217" s="1" t="s">
        <v>182418</v>
      </c>
      <c r="F54217" s="1" t="s">
        <v>182419</v>
      </c>
      <c r="G54217" s="1" t="s">
        <v>182326</v>
      </c>
      <c r="H54217" s="1" t="s">
        <v>182327</v>
      </c>
      <c r="I54217" s="1" t="s">
        <v>181018</v>
      </c>
      <c r="J54217" s="1" t="s">
        <v>182420</v>
      </c>
    </row>
    <row r="54218" spans="1:10" x14ac:dyDescent="0.35">
      <c r="A54218" s="1" t="s">
        <v>44037</v>
      </c>
      <c r="B54218" s="1" t="s">
        <v>181013</v>
      </c>
      <c r="C54218" s="1" t="s">
        <v>160</v>
      </c>
      <c r="D54218" s="1" t="s">
        <v>51348</v>
      </c>
      <c r="E54218" s="1" t="s">
        <v>182421</v>
      </c>
      <c r="F54218" s="1" t="s">
        <v>182422</v>
      </c>
      <c r="G54218" s="1" t="s">
        <v>182326</v>
      </c>
      <c r="H54218" s="1" t="s">
        <v>182327</v>
      </c>
      <c r="I54218" s="1" t="s">
        <v>181018</v>
      </c>
      <c r="J54218" s="1" t="s">
        <v>182423</v>
      </c>
    </row>
    <row r="54219" spans="1:10" x14ac:dyDescent="0.35">
      <c r="A54219" s="1" t="s">
        <v>44037</v>
      </c>
      <c r="B54219" s="1" t="s">
        <v>181013</v>
      </c>
      <c r="C54219" s="1" t="s">
        <v>165</v>
      </c>
      <c r="D54219" s="1" t="s">
        <v>125128</v>
      </c>
      <c r="E54219" s="1" t="s">
        <v>182424</v>
      </c>
      <c r="F54219" s="1" t="s">
        <v>182425</v>
      </c>
      <c r="G54219" s="1" t="s">
        <v>182326</v>
      </c>
      <c r="H54219" s="1" t="s">
        <v>182327</v>
      </c>
      <c r="I54219" s="1" t="s">
        <v>181018</v>
      </c>
      <c r="J54219" s="1" t="s">
        <v>182426</v>
      </c>
    </row>
    <row r="54220" spans="1:10" x14ac:dyDescent="0.35">
      <c r="A54220" s="1" t="s">
        <v>44037</v>
      </c>
      <c r="B54220" s="1" t="s">
        <v>181013</v>
      </c>
      <c r="C54220" s="1" t="s">
        <v>170</v>
      </c>
      <c r="D54220" s="1" t="s">
        <v>14825</v>
      </c>
      <c r="E54220" s="1" t="s">
        <v>182427</v>
      </c>
      <c r="F54220" s="1" t="s">
        <v>182428</v>
      </c>
      <c r="G54220" s="1" t="s">
        <v>182326</v>
      </c>
      <c r="H54220" s="1" t="s">
        <v>182327</v>
      </c>
      <c r="I54220" s="1" t="s">
        <v>181018</v>
      </c>
      <c r="J54220" s="1" t="s">
        <v>182429</v>
      </c>
    </row>
    <row r="54221" spans="1:10" x14ac:dyDescent="0.35">
      <c r="A54221" s="1" t="s">
        <v>143609</v>
      </c>
      <c r="B54221" s="1" t="s">
        <v>181013</v>
      </c>
      <c r="C54221" s="1" t="s">
        <v>8</v>
      </c>
      <c r="D54221" s="1" t="s">
        <v>179278</v>
      </c>
      <c r="E54221" s="1" t="s">
        <v>182430</v>
      </c>
      <c r="F54221" s="1" t="s">
        <v>182431</v>
      </c>
      <c r="G54221" s="1" t="s">
        <v>182432</v>
      </c>
      <c r="H54221" s="1" t="s">
        <v>182433</v>
      </c>
      <c r="I54221" s="1" t="s">
        <v>181018</v>
      </c>
      <c r="J54221" s="1" t="s">
        <v>13</v>
      </c>
    </row>
    <row r="54222" spans="1:10" x14ac:dyDescent="0.35">
      <c r="A54222" s="1" t="s">
        <v>143609</v>
      </c>
      <c r="B54222" s="1" t="s">
        <v>181013</v>
      </c>
      <c r="C54222" s="1" t="s">
        <v>15</v>
      </c>
      <c r="D54222" s="1" t="s">
        <v>182434</v>
      </c>
      <c r="E54222" s="1" t="s">
        <v>182435</v>
      </c>
      <c r="F54222" s="1" t="s">
        <v>182436</v>
      </c>
      <c r="G54222" s="1" t="s">
        <v>182432</v>
      </c>
      <c r="H54222" s="1" t="s">
        <v>182433</v>
      </c>
      <c r="I54222" s="1" t="s">
        <v>181018</v>
      </c>
      <c r="J54222" s="1" t="s">
        <v>182437</v>
      </c>
    </row>
    <row r="54223" spans="1:10" x14ac:dyDescent="0.35">
      <c r="A54223" s="1" t="s">
        <v>143609</v>
      </c>
      <c r="B54223" s="1" t="s">
        <v>181013</v>
      </c>
      <c r="C54223" s="1" t="s">
        <v>20</v>
      </c>
      <c r="D54223" s="1" t="s">
        <v>141743</v>
      </c>
      <c r="E54223" s="1" t="s">
        <v>182438</v>
      </c>
      <c r="F54223" s="1" t="s">
        <v>182439</v>
      </c>
      <c r="G54223" s="1" t="s">
        <v>182432</v>
      </c>
      <c r="H54223" s="1" t="s">
        <v>182433</v>
      </c>
      <c r="I54223" s="1" t="s">
        <v>181018</v>
      </c>
      <c r="J54223" s="1" t="s">
        <v>182440</v>
      </c>
    </row>
    <row r="54224" spans="1:10" x14ac:dyDescent="0.35">
      <c r="A54224" s="1" t="s">
        <v>143609</v>
      </c>
      <c r="B54224" s="1" t="s">
        <v>181013</v>
      </c>
      <c r="C54224" s="1" t="s">
        <v>25</v>
      </c>
      <c r="D54224" s="1" t="s">
        <v>182441</v>
      </c>
      <c r="E54224" s="1" t="s">
        <v>182442</v>
      </c>
      <c r="F54224" s="1" t="s">
        <v>182443</v>
      </c>
      <c r="G54224" s="1" t="s">
        <v>182432</v>
      </c>
      <c r="H54224" s="1" t="s">
        <v>182433</v>
      </c>
      <c r="I54224" s="1" t="s">
        <v>181018</v>
      </c>
      <c r="J54224" s="1" t="s">
        <v>182444</v>
      </c>
    </row>
    <row r="54225" spans="1:10" x14ac:dyDescent="0.35">
      <c r="A54225" s="1" t="s">
        <v>143609</v>
      </c>
      <c r="B54225" s="1" t="s">
        <v>181013</v>
      </c>
      <c r="C54225" s="1" t="s">
        <v>30</v>
      </c>
      <c r="D54225" s="1" t="s">
        <v>147761</v>
      </c>
      <c r="E54225" s="1" t="s">
        <v>182445</v>
      </c>
      <c r="F54225" s="1" t="s">
        <v>182446</v>
      </c>
      <c r="G54225" s="1" t="s">
        <v>182432</v>
      </c>
      <c r="H54225" s="1" t="s">
        <v>182433</v>
      </c>
      <c r="I54225" s="1" t="s">
        <v>181018</v>
      </c>
      <c r="J54225" s="1" t="s">
        <v>182447</v>
      </c>
    </row>
    <row r="54226" spans="1:10" x14ac:dyDescent="0.35">
      <c r="A54226" s="1" t="s">
        <v>143609</v>
      </c>
      <c r="B54226" s="1" t="s">
        <v>181013</v>
      </c>
      <c r="C54226" s="1" t="s">
        <v>35</v>
      </c>
      <c r="D54226" s="1" t="s">
        <v>152946</v>
      </c>
      <c r="E54226" s="1" t="s">
        <v>182448</v>
      </c>
      <c r="F54226" s="1" t="s">
        <v>182449</v>
      </c>
      <c r="G54226" s="1" t="s">
        <v>182432</v>
      </c>
      <c r="H54226" s="1" t="s">
        <v>182433</v>
      </c>
      <c r="I54226" s="1" t="s">
        <v>181018</v>
      </c>
      <c r="J54226" s="1" t="s">
        <v>182450</v>
      </c>
    </row>
    <row r="54227" spans="1:10" x14ac:dyDescent="0.35">
      <c r="A54227" s="1" t="s">
        <v>143609</v>
      </c>
      <c r="B54227" s="1" t="s">
        <v>181013</v>
      </c>
      <c r="C54227" s="1" t="s">
        <v>40</v>
      </c>
      <c r="D54227" s="1" t="s">
        <v>141889</v>
      </c>
      <c r="E54227" s="1" t="s">
        <v>182451</v>
      </c>
      <c r="F54227" s="1" t="s">
        <v>182452</v>
      </c>
      <c r="G54227" s="1" t="s">
        <v>182432</v>
      </c>
      <c r="H54227" s="1" t="s">
        <v>182433</v>
      </c>
      <c r="I54227" s="1" t="s">
        <v>181018</v>
      </c>
      <c r="J54227" s="1" t="s">
        <v>182453</v>
      </c>
    </row>
    <row r="54228" spans="1:10" x14ac:dyDescent="0.35">
      <c r="A54228" s="1" t="s">
        <v>143609</v>
      </c>
      <c r="B54228" s="1" t="s">
        <v>181013</v>
      </c>
      <c r="C54228" s="1" t="s">
        <v>45</v>
      </c>
      <c r="D54228" s="1" t="s">
        <v>153810</v>
      </c>
      <c r="E54228" s="1" t="s">
        <v>182454</v>
      </c>
      <c r="F54228" s="1" t="s">
        <v>182455</v>
      </c>
      <c r="G54228" s="1" t="s">
        <v>182432</v>
      </c>
      <c r="H54228" s="1" t="s">
        <v>182433</v>
      </c>
      <c r="I54228" s="1" t="s">
        <v>181018</v>
      </c>
      <c r="J54228" s="1" t="s">
        <v>182456</v>
      </c>
    </row>
    <row r="54229" spans="1:10" x14ac:dyDescent="0.35">
      <c r="A54229" s="1" t="s">
        <v>143609</v>
      </c>
      <c r="B54229" s="1" t="s">
        <v>181013</v>
      </c>
      <c r="C54229" s="1" t="s">
        <v>50</v>
      </c>
      <c r="D54229" s="1" t="s">
        <v>182457</v>
      </c>
      <c r="E54229" s="1" t="s">
        <v>182458</v>
      </c>
      <c r="F54229" s="1" t="s">
        <v>182459</v>
      </c>
      <c r="G54229" s="1" t="s">
        <v>182432</v>
      </c>
      <c r="H54229" s="1" t="s">
        <v>182433</v>
      </c>
      <c r="I54229" s="1" t="s">
        <v>181018</v>
      </c>
      <c r="J54229" s="1" t="s">
        <v>182460</v>
      </c>
    </row>
    <row r="54230" spans="1:10" x14ac:dyDescent="0.35">
      <c r="A54230" s="1" t="s">
        <v>143609</v>
      </c>
      <c r="B54230" s="1" t="s">
        <v>181013</v>
      </c>
      <c r="C54230" s="1" t="s">
        <v>55</v>
      </c>
      <c r="D54230" s="1" t="s">
        <v>888</v>
      </c>
      <c r="E54230" s="1" t="s">
        <v>182461</v>
      </c>
      <c r="F54230" s="1" t="s">
        <v>182462</v>
      </c>
      <c r="G54230" s="1" t="s">
        <v>182432</v>
      </c>
      <c r="H54230" s="1" t="s">
        <v>182433</v>
      </c>
      <c r="I54230" s="1" t="s">
        <v>181018</v>
      </c>
      <c r="J54230" s="1" t="s">
        <v>182463</v>
      </c>
    </row>
    <row r="54231" spans="1:10" x14ac:dyDescent="0.35">
      <c r="A54231" s="1" t="s">
        <v>143609</v>
      </c>
      <c r="B54231" s="1" t="s">
        <v>181013</v>
      </c>
      <c r="C54231" s="1" t="s">
        <v>60</v>
      </c>
      <c r="D54231" s="1" t="s">
        <v>30518</v>
      </c>
      <c r="E54231" s="1" t="s">
        <v>182464</v>
      </c>
      <c r="F54231" s="1" t="s">
        <v>182465</v>
      </c>
      <c r="G54231" s="1" t="s">
        <v>182432</v>
      </c>
      <c r="H54231" s="1" t="s">
        <v>182433</v>
      </c>
      <c r="I54231" s="1" t="s">
        <v>181018</v>
      </c>
      <c r="J54231" s="1" t="s">
        <v>182466</v>
      </c>
    </row>
    <row r="54232" spans="1:10" x14ac:dyDescent="0.35">
      <c r="A54232" s="1" t="s">
        <v>143609</v>
      </c>
      <c r="B54232" s="1" t="s">
        <v>181013</v>
      </c>
      <c r="C54232" s="1" t="s">
        <v>65</v>
      </c>
      <c r="D54232" s="1" t="s">
        <v>3675</v>
      </c>
      <c r="E54232" s="1" t="s">
        <v>182467</v>
      </c>
      <c r="F54232" s="1" t="s">
        <v>182468</v>
      </c>
      <c r="G54232" s="1" t="s">
        <v>182432</v>
      </c>
      <c r="H54232" s="1" t="s">
        <v>182433</v>
      </c>
      <c r="I54232" s="1" t="s">
        <v>181018</v>
      </c>
      <c r="J54232" s="1" t="s">
        <v>182469</v>
      </c>
    </row>
    <row r="54233" spans="1:10" x14ac:dyDescent="0.35">
      <c r="A54233" s="1" t="s">
        <v>143609</v>
      </c>
      <c r="B54233" s="1" t="s">
        <v>181013</v>
      </c>
      <c r="C54233" s="1" t="s">
        <v>70</v>
      </c>
      <c r="D54233" s="1" t="s">
        <v>125479</v>
      </c>
      <c r="E54233" s="1" t="s">
        <v>182470</v>
      </c>
      <c r="F54233" s="1" t="s">
        <v>182471</v>
      </c>
      <c r="G54233" s="1" t="s">
        <v>182432</v>
      </c>
      <c r="H54233" s="1" t="s">
        <v>182433</v>
      </c>
      <c r="I54233" s="1" t="s">
        <v>181018</v>
      </c>
      <c r="J54233" s="1" t="s">
        <v>182472</v>
      </c>
    </row>
    <row r="54234" spans="1:10" x14ac:dyDescent="0.35">
      <c r="A54234" s="1" t="s">
        <v>143609</v>
      </c>
      <c r="B54234" s="1" t="s">
        <v>181013</v>
      </c>
      <c r="C54234" s="1" t="s">
        <v>75</v>
      </c>
      <c r="D54234" s="1" t="s">
        <v>15815</v>
      </c>
      <c r="E54234" s="1" t="s">
        <v>182473</v>
      </c>
      <c r="F54234" s="1" t="s">
        <v>182474</v>
      </c>
      <c r="G54234" s="1" t="s">
        <v>182432</v>
      </c>
      <c r="H54234" s="1" t="s">
        <v>182433</v>
      </c>
      <c r="I54234" s="1" t="s">
        <v>181018</v>
      </c>
      <c r="J54234" s="1" t="s">
        <v>182475</v>
      </c>
    </row>
    <row r="54235" spans="1:10" x14ac:dyDescent="0.35">
      <c r="A54235" s="1" t="s">
        <v>143609</v>
      </c>
      <c r="B54235" s="1" t="s">
        <v>181013</v>
      </c>
      <c r="C54235" s="1" t="s">
        <v>80</v>
      </c>
      <c r="D54235" s="1" t="s">
        <v>182476</v>
      </c>
      <c r="E54235" s="1" t="s">
        <v>182477</v>
      </c>
      <c r="F54235" s="1" t="s">
        <v>182478</v>
      </c>
      <c r="G54235" s="1" t="s">
        <v>182432</v>
      </c>
      <c r="H54235" s="1" t="s">
        <v>182433</v>
      </c>
      <c r="I54235" s="1" t="s">
        <v>181018</v>
      </c>
      <c r="J54235" s="1" t="s">
        <v>182479</v>
      </c>
    </row>
    <row r="54236" spans="1:10" x14ac:dyDescent="0.35">
      <c r="A54236" s="1" t="s">
        <v>143609</v>
      </c>
      <c r="B54236" s="1" t="s">
        <v>181013</v>
      </c>
      <c r="C54236" s="1" t="s">
        <v>85</v>
      </c>
      <c r="D54236" s="1" t="s">
        <v>154186</v>
      </c>
      <c r="E54236" s="1" t="s">
        <v>182480</v>
      </c>
      <c r="F54236" s="1" t="s">
        <v>182481</v>
      </c>
      <c r="G54236" s="1" t="s">
        <v>182432</v>
      </c>
      <c r="H54236" s="1" t="s">
        <v>182433</v>
      </c>
      <c r="I54236" s="1" t="s">
        <v>181018</v>
      </c>
      <c r="J54236" s="1" t="s">
        <v>182482</v>
      </c>
    </row>
    <row r="54237" spans="1:10" x14ac:dyDescent="0.35">
      <c r="A54237" s="1" t="s">
        <v>143609</v>
      </c>
      <c r="B54237" s="1" t="s">
        <v>181013</v>
      </c>
      <c r="C54237" s="1" t="s">
        <v>90</v>
      </c>
      <c r="D54237" s="1" t="s">
        <v>30795</v>
      </c>
      <c r="E54237" s="1" t="s">
        <v>182483</v>
      </c>
      <c r="F54237" s="1" t="s">
        <v>182484</v>
      </c>
      <c r="G54237" s="1" t="s">
        <v>182432</v>
      </c>
      <c r="H54237" s="1" t="s">
        <v>182433</v>
      </c>
      <c r="I54237" s="1" t="s">
        <v>181018</v>
      </c>
      <c r="J54237" s="1" t="s">
        <v>182485</v>
      </c>
    </row>
    <row r="54238" spans="1:10" x14ac:dyDescent="0.35">
      <c r="A54238" s="1" t="s">
        <v>143609</v>
      </c>
      <c r="B54238" s="1" t="s">
        <v>181013</v>
      </c>
      <c r="C54238" s="1" t="s">
        <v>95</v>
      </c>
      <c r="D54238" s="1" t="s">
        <v>182486</v>
      </c>
      <c r="E54238" s="1" t="s">
        <v>182487</v>
      </c>
      <c r="F54238" s="1" t="s">
        <v>182488</v>
      </c>
      <c r="G54238" s="1" t="s">
        <v>182432</v>
      </c>
      <c r="H54238" s="1" t="s">
        <v>182433</v>
      </c>
      <c r="I54238" s="1" t="s">
        <v>181018</v>
      </c>
      <c r="J54238" s="1" t="s">
        <v>182489</v>
      </c>
    </row>
    <row r="54239" spans="1:10" x14ac:dyDescent="0.35">
      <c r="A54239" s="1" t="s">
        <v>143609</v>
      </c>
      <c r="B54239" s="1" t="s">
        <v>181013</v>
      </c>
      <c r="C54239" s="1" t="s">
        <v>100</v>
      </c>
      <c r="D54239" s="1" t="s">
        <v>126</v>
      </c>
      <c r="E54239" s="1" t="s">
        <v>182490</v>
      </c>
      <c r="F54239" s="1" t="s">
        <v>182491</v>
      </c>
      <c r="G54239" s="1" t="s">
        <v>182432</v>
      </c>
      <c r="H54239" s="1" t="s">
        <v>182433</v>
      </c>
      <c r="I54239" s="1" t="s">
        <v>181018</v>
      </c>
      <c r="J54239" s="1" t="s">
        <v>182492</v>
      </c>
    </row>
    <row r="54240" spans="1:10" x14ac:dyDescent="0.35">
      <c r="A54240" s="1" t="s">
        <v>143609</v>
      </c>
      <c r="B54240" s="1" t="s">
        <v>181013</v>
      </c>
      <c r="C54240" s="1" t="s">
        <v>105</v>
      </c>
      <c r="D54240" s="1" t="s">
        <v>116673</v>
      </c>
      <c r="E54240" s="1" t="s">
        <v>182493</v>
      </c>
      <c r="F54240" s="1" t="s">
        <v>182494</v>
      </c>
      <c r="G54240" s="1" t="s">
        <v>182432</v>
      </c>
      <c r="H54240" s="1" t="s">
        <v>182433</v>
      </c>
      <c r="I54240" s="1" t="s">
        <v>181018</v>
      </c>
      <c r="J54240" s="1" t="s">
        <v>182495</v>
      </c>
    </row>
    <row r="54241" spans="1:10" x14ac:dyDescent="0.35">
      <c r="A54241" s="1" t="s">
        <v>143609</v>
      </c>
      <c r="B54241" s="1" t="s">
        <v>181013</v>
      </c>
      <c r="C54241" s="1" t="s">
        <v>110</v>
      </c>
      <c r="D54241" s="1" t="s">
        <v>182496</v>
      </c>
      <c r="E54241" s="1" t="s">
        <v>182497</v>
      </c>
      <c r="F54241" s="1" t="s">
        <v>182498</v>
      </c>
      <c r="G54241" s="1" t="s">
        <v>182432</v>
      </c>
      <c r="H54241" s="1" t="s">
        <v>182433</v>
      </c>
      <c r="I54241" s="1" t="s">
        <v>181018</v>
      </c>
      <c r="J54241" s="1" t="s">
        <v>182499</v>
      </c>
    </row>
    <row r="54242" spans="1:10" x14ac:dyDescent="0.35">
      <c r="A54242" s="1" t="s">
        <v>143609</v>
      </c>
      <c r="B54242" s="1" t="s">
        <v>181013</v>
      </c>
      <c r="C54242" s="1" t="s">
        <v>115</v>
      </c>
      <c r="D54242" s="1" t="s">
        <v>182500</v>
      </c>
      <c r="E54242" s="1" t="s">
        <v>182501</v>
      </c>
      <c r="F54242" s="1" t="s">
        <v>182502</v>
      </c>
      <c r="G54242" s="1" t="s">
        <v>182432</v>
      </c>
      <c r="H54242" s="1" t="s">
        <v>182433</v>
      </c>
      <c r="I54242" s="1" t="s">
        <v>181018</v>
      </c>
      <c r="J54242" s="1" t="s">
        <v>182503</v>
      </c>
    </row>
    <row r="54243" spans="1:10" x14ac:dyDescent="0.35">
      <c r="A54243" s="1" t="s">
        <v>143609</v>
      </c>
      <c r="B54243" s="1" t="s">
        <v>181013</v>
      </c>
      <c r="C54243" s="1" t="s">
        <v>120</v>
      </c>
      <c r="D54243" s="1" t="s">
        <v>12413</v>
      </c>
      <c r="E54243" s="1" t="s">
        <v>182504</v>
      </c>
      <c r="F54243" s="1" t="s">
        <v>182505</v>
      </c>
      <c r="G54243" s="1" t="s">
        <v>182432</v>
      </c>
      <c r="H54243" s="1" t="s">
        <v>182433</v>
      </c>
      <c r="I54243" s="1" t="s">
        <v>181018</v>
      </c>
      <c r="J54243" s="1" t="s">
        <v>182506</v>
      </c>
    </row>
    <row r="54244" spans="1:10" x14ac:dyDescent="0.35">
      <c r="A54244" s="1" t="s">
        <v>143609</v>
      </c>
      <c r="B54244" s="1" t="s">
        <v>181013</v>
      </c>
      <c r="C54244" s="1" t="s">
        <v>125</v>
      </c>
      <c r="D54244" s="1" t="s">
        <v>182507</v>
      </c>
      <c r="E54244" s="1" t="s">
        <v>182508</v>
      </c>
      <c r="F54244" s="1" t="s">
        <v>182509</v>
      </c>
      <c r="G54244" s="1" t="s">
        <v>182432</v>
      </c>
      <c r="H54244" s="1" t="s">
        <v>182433</v>
      </c>
      <c r="I54244" s="1" t="s">
        <v>181018</v>
      </c>
      <c r="J54244" s="1" t="s">
        <v>182510</v>
      </c>
    </row>
    <row r="54245" spans="1:10" x14ac:dyDescent="0.35">
      <c r="A54245" s="1" t="s">
        <v>143609</v>
      </c>
      <c r="B54245" s="1" t="s">
        <v>181013</v>
      </c>
      <c r="C54245" s="1" t="s">
        <v>130</v>
      </c>
      <c r="D54245" s="1" t="s">
        <v>182511</v>
      </c>
      <c r="E54245" s="1" t="s">
        <v>182512</v>
      </c>
      <c r="F54245" s="1" t="s">
        <v>182513</v>
      </c>
      <c r="G54245" s="1" t="s">
        <v>182432</v>
      </c>
      <c r="H54245" s="1" t="s">
        <v>182433</v>
      </c>
      <c r="I54245" s="1" t="s">
        <v>181018</v>
      </c>
      <c r="J54245" s="1" t="s">
        <v>182514</v>
      </c>
    </row>
    <row r="54246" spans="1:10" x14ac:dyDescent="0.35">
      <c r="A54246" s="1" t="s">
        <v>143609</v>
      </c>
      <c r="B54246" s="1" t="s">
        <v>181013</v>
      </c>
      <c r="C54246" s="1" t="s">
        <v>135</v>
      </c>
      <c r="D54246" s="1" t="s">
        <v>104702</v>
      </c>
      <c r="E54246" s="1" t="s">
        <v>182515</v>
      </c>
      <c r="F54246" s="1" t="s">
        <v>182516</v>
      </c>
      <c r="G54246" s="1" t="s">
        <v>182432</v>
      </c>
      <c r="H54246" s="1" t="s">
        <v>182433</v>
      </c>
      <c r="I54246" s="1" t="s">
        <v>181018</v>
      </c>
      <c r="J54246" s="1" t="s">
        <v>182517</v>
      </c>
    </row>
    <row r="54247" spans="1:10" x14ac:dyDescent="0.35">
      <c r="A54247" s="1" t="s">
        <v>143609</v>
      </c>
      <c r="B54247" s="1" t="s">
        <v>181013</v>
      </c>
      <c r="C54247" s="1" t="s">
        <v>140</v>
      </c>
      <c r="D54247" s="1" t="s">
        <v>182518</v>
      </c>
      <c r="E54247" s="1" t="s">
        <v>182519</v>
      </c>
      <c r="F54247" s="1" t="s">
        <v>182520</v>
      </c>
      <c r="G54247" s="1" t="s">
        <v>182432</v>
      </c>
      <c r="H54247" s="1" t="s">
        <v>182433</v>
      </c>
      <c r="I54247" s="1" t="s">
        <v>181018</v>
      </c>
      <c r="J54247" s="1" t="s">
        <v>182521</v>
      </c>
    </row>
    <row r="54248" spans="1:10" x14ac:dyDescent="0.35">
      <c r="A54248" s="1" t="s">
        <v>143609</v>
      </c>
      <c r="B54248" s="1" t="s">
        <v>181013</v>
      </c>
      <c r="C54248" s="1" t="s">
        <v>145</v>
      </c>
      <c r="D54248" s="1" t="s">
        <v>182522</v>
      </c>
      <c r="E54248" s="1" t="s">
        <v>182523</v>
      </c>
      <c r="F54248" s="1" t="s">
        <v>182524</v>
      </c>
      <c r="G54248" s="1" t="s">
        <v>182432</v>
      </c>
      <c r="H54248" s="1" t="s">
        <v>182433</v>
      </c>
      <c r="I54248" s="1" t="s">
        <v>181018</v>
      </c>
      <c r="J54248" s="1" t="s">
        <v>182525</v>
      </c>
    </row>
    <row r="54249" spans="1:10" x14ac:dyDescent="0.35">
      <c r="A54249" s="1" t="s">
        <v>143609</v>
      </c>
      <c r="B54249" s="1" t="s">
        <v>181013</v>
      </c>
      <c r="C54249" s="1" t="s">
        <v>150</v>
      </c>
      <c r="D54249" s="1" t="s">
        <v>182526</v>
      </c>
      <c r="E54249" s="1" t="s">
        <v>182527</v>
      </c>
      <c r="F54249" s="1" t="s">
        <v>182528</v>
      </c>
      <c r="G54249" s="1" t="s">
        <v>182432</v>
      </c>
      <c r="H54249" s="1" t="s">
        <v>182433</v>
      </c>
      <c r="I54249" s="1" t="s">
        <v>181018</v>
      </c>
      <c r="J54249" s="1" t="s">
        <v>182529</v>
      </c>
    </row>
    <row r="54250" spans="1:10" x14ac:dyDescent="0.35">
      <c r="A54250" s="1" t="s">
        <v>143609</v>
      </c>
      <c r="B54250" s="1" t="s">
        <v>181013</v>
      </c>
      <c r="C54250" s="1" t="s">
        <v>155</v>
      </c>
      <c r="D54250" s="1" t="s">
        <v>135102</v>
      </c>
      <c r="E54250" s="1" t="s">
        <v>182530</v>
      </c>
      <c r="F54250" s="1" t="s">
        <v>182531</v>
      </c>
      <c r="G54250" s="1" t="s">
        <v>182432</v>
      </c>
      <c r="H54250" s="1" t="s">
        <v>182433</v>
      </c>
      <c r="I54250" s="1" t="s">
        <v>181018</v>
      </c>
      <c r="J54250" s="1" t="s">
        <v>182532</v>
      </c>
    </row>
    <row r="54251" spans="1:10" x14ac:dyDescent="0.35">
      <c r="A54251" s="1" t="s">
        <v>143609</v>
      </c>
      <c r="B54251" s="1" t="s">
        <v>181013</v>
      </c>
      <c r="C54251" s="1" t="s">
        <v>160</v>
      </c>
      <c r="D54251" s="1" t="s">
        <v>182533</v>
      </c>
      <c r="E54251" s="1" t="s">
        <v>182534</v>
      </c>
      <c r="F54251" s="1" t="s">
        <v>182535</v>
      </c>
      <c r="G54251" s="1" t="s">
        <v>182432</v>
      </c>
      <c r="H54251" s="1" t="s">
        <v>182433</v>
      </c>
      <c r="I54251" s="1" t="s">
        <v>181018</v>
      </c>
      <c r="J54251" s="1" t="s">
        <v>182536</v>
      </c>
    </row>
    <row r="54252" spans="1:10" x14ac:dyDescent="0.35">
      <c r="A54252" s="1" t="s">
        <v>143609</v>
      </c>
      <c r="B54252" s="1" t="s">
        <v>181013</v>
      </c>
      <c r="C54252" s="1" t="s">
        <v>165</v>
      </c>
      <c r="D54252" s="1" t="s">
        <v>182537</v>
      </c>
      <c r="E54252" s="1" t="s">
        <v>182538</v>
      </c>
      <c r="F54252" s="1" t="s">
        <v>182539</v>
      </c>
      <c r="G54252" s="1" t="s">
        <v>182432</v>
      </c>
      <c r="H54252" s="1" t="s">
        <v>182433</v>
      </c>
      <c r="I54252" s="1" t="s">
        <v>181018</v>
      </c>
      <c r="J54252" s="1" t="s">
        <v>182540</v>
      </c>
    </row>
    <row r="54253" spans="1:10" x14ac:dyDescent="0.35">
      <c r="A54253" s="1" t="s">
        <v>143609</v>
      </c>
      <c r="B54253" s="1" t="s">
        <v>181013</v>
      </c>
      <c r="C54253" s="1" t="s">
        <v>170</v>
      </c>
      <c r="D54253" s="1" t="s">
        <v>82461</v>
      </c>
      <c r="E54253" s="1" t="s">
        <v>182541</v>
      </c>
      <c r="F54253" s="1" t="s">
        <v>182542</v>
      </c>
      <c r="G54253" s="1" t="s">
        <v>182432</v>
      </c>
      <c r="H54253" s="1" t="s">
        <v>182433</v>
      </c>
      <c r="I54253" s="1" t="s">
        <v>181018</v>
      </c>
      <c r="J54253" s="1" t="s">
        <v>182543</v>
      </c>
    </row>
    <row r="54254" spans="1:10" x14ac:dyDescent="0.35">
      <c r="A54254" s="1" t="s">
        <v>3596</v>
      </c>
      <c r="B54254" s="1" t="s">
        <v>181013</v>
      </c>
      <c r="C54254" s="1" t="s">
        <v>8</v>
      </c>
      <c r="D54254" s="1" t="s">
        <v>43888</v>
      </c>
      <c r="E54254" s="1" t="s">
        <v>182544</v>
      </c>
      <c r="F54254" s="1" t="s">
        <v>182545</v>
      </c>
      <c r="G54254" s="1" t="s">
        <v>182546</v>
      </c>
      <c r="H54254" s="1" t="s">
        <v>182547</v>
      </c>
      <c r="I54254" s="1" t="s">
        <v>181018</v>
      </c>
      <c r="J54254" s="1" t="s">
        <v>13</v>
      </c>
    </row>
    <row r="54255" spans="1:10" x14ac:dyDescent="0.35">
      <c r="A54255" s="1" t="s">
        <v>3596</v>
      </c>
      <c r="B54255" s="1" t="s">
        <v>181013</v>
      </c>
      <c r="C54255" s="1" t="s">
        <v>15</v>
      </c>
      <c r="D54255" s="1" t="s">
        <v>2580</v>
      </c>
      <c r="E54255" s="1" t="s">
        <v>182548</v>
      </c>
      <c r="F54255" s="1" t="s">
        <v>182549</v>
      </c>
      <c r="G54255" s="1" t="s">
        <v>182546</v>
      </c>
      <c r="H54255" s="1" t="s">
        <v>182547</v>
      </c>
      <c r="I54255" s="1" t="s">
        <v>181018</v>
      </c>
      <c r="J54255" s="1" t="s">
        <v>182550</v>
      </c>
    </row>
    <row r="54256" spans="1:10" x14ac:dyDescent="0.35">
      <c r="A54256" s="1" t="s">
        <v>3596</v>
      </c>
      <c r="B54256" s="1" t="s">
        <v>181013</v>
      </c>
      <c r="C54256" s="1" t="s">
        <v>20</v>
      </c>
      <c r="D54256" s="1" t="s">
        <v>46247</v>
      </c>
      <c r="E54256" s="1" t="s">
        <v>182551</v>
      </c>
      <c r="F54256" s="1" t="s">
        <v>182552</v>
      </c>
      <c r="G54256" s="1" t="s">
        <v>182546</v>
      </c>
      <c r="H54256" s="1" t="s">
        <v>182547</v>
      </c>
      <c r="I54256" s="1" t="s">
        <v>181018</v>
      </c>
      <c r="J54256" s="1" t="s">
        <v>182553</v>
      </c>
    </row>
    <row r="54257" spans="1:10" x14ac:dyDescent="0.35">
      <c r="A54257" s="1" t="s">
        <v>3596</v>
      </c>
      <c r="B54257" s="1" t="s">
        <v>181013</v>
      </c>
      <c r="C54257" s="1" t="s">
        <v>25</v>
      </c>
      <c r="D54257" s="1" t="s">
        <v>34660</v>
      </c>
      <c r="E54257" s="1" t="s">
        <v>182554</v>
      </c>
      <c r="F54257" s="1" t="s">
        <v>182555</v>
      </c>
      <c r="G54257" s="1" t="s">
        <v>182546</v>
      </c>
      <c r="H54257" s="1" t="s">
        <v>182547</v>
      </c>
      <c r="I54257" s="1" t="s">
        <v>181018</v>
      </c>
      <c r="J54257" s="1" t="s">
        <v>182556</v>
      </c>
    </row>
    <row r="54258" spans="1:10" x14ac:dyDescent="0.35">
      <c r="A54258" s="1" t="s">
        <v>3596</v>
      </c>
      <c r="B54258" s="1" t="s">
        <v>181013</v>
      </c>
      <c r="C54258" s="1" t="s">
        <v>30</v>
      </c>
      <c r="D54258" s="1" t="s">
        <v>35239</v>
      </c>
      <c r="E54258" s="1" t="s">
        <v>182557</v>
      </c>
      <c r="F54258" s="1" t="s">
        <v>182558</v>
      </c>
      <c r="G54258" s="1" t="s">
        <v>182546</v>
      </c>
      <c r="H54258" s="1" t="s">
        <v>182547</v>
      </c>
      <c r="I54258" s="1" t="s">
        <v>181018</v>
      </c>
      <c r="J54258" s="1" t="s">
        <v>182559</v>
      </c>
    </row>
    <row r="54259" spans="1:10" x14ac:dyDescent="0.35">
      <c r="A54259" s="1" t="s">
        <v>3596</v>
      </c>
      <c r="B54259" s="1" t="s">
        <v>181013</v>
      </c>
      <c r="C54259" s="1" t="s">
        <v>35</v>
      </c>
      <c r="D54259" s="1" t="s">
        <v>168284</v>
      </c>
      <c r="E54259" s="1" t="s">
        <v>182560</v>
      </c>
      <c r="F54259" s="1" t="s">
        <v>182561</v>
      </c>
      <c r="G54259" s="1" t="s">
        <v>182546</v>
      </c>
      <c r="H54259" s="1" t="s">
        <v>182547</v>
      </c>
      <c r="I54259" s="1" t="s">
        <v>181018</v>
      </c>
      <c r="J54259" s="1" t="s">
        <v>182562</v>
      </c>
    </row>
    <row r="54260" spans="1:10" x14ac:dyDescent="0.35">
      <c r="A54260" s="1" t="s">
        <v>3596</v>
      </c>
      <c r="B54260" s="1" t="s">
        <v>181013</v>
      </c>
      <c r="C54260" s="1" t="s">
        <v>40</v>
      </c>
      <c r="D54260" s="1" t="s">
        <v>14607</v>
      </c>
      <c r="E54260" s="1" t="s">
        <v>182563</v>
      </c>
      <c r="F54260" s="1" t="s">
        <v>182564</v>
      </c>
      <c r="G54260" s="1" t="s">
        <v>182546</v>
      </c>
      <c r="H54260" s="1" t="s">
        <v>182547</v>
      </c>
      <c r="I54260" s="1" t="s">
        <v>181018</v>
      </c>
      <c r="J54260" s="1" t="s">
        <v>182565</v>
      </c>
    </row>
    <row r="54261" spans="1:10" x14ac:dyDescent="0.35">
      <c r="A54261" s="1" t="s">
        <v>3596</v>
      </c>
      <c r="B54261" s="1" t="s">
        <v>181013</v>
      </c>
      <c r="C54261" s="1" t="s">
        <v>45</v>
      </c>
      <c r="D54261" s="1" t="s">
        <v>364</v>
      </c>
      <c r="E54261" s="1" t="s">
        <v>182566</v>
      </c>
      <c r="F54261" s="1" t="s">
        <v>182567</v>
      </c>
      <c r="G54261" s="1" t="s">
        <v>182546</v>
      </c>
      <c r="H54261" s="1" t="s">
        <v>182547</v>
      </c>
      <c r="I54261" s="1" t="s">
        <v>181018</v>
      </c>
      <c r="J54261" s="1" t="s">
        <v>182568</v>
      </c>
    </row>
    <row r="54262" spans="1:10" x14ac:dyDescent="0.35">
      <c r="A54262" s="1" t="s">
        <v>3596</v>
      </c>
      <c r="B54262" s="1" t="s">
        <v>181013</v>
      </c>
      <c r="C54262" s="1" t="s">
        <v>50</v>
      </c>
      <c r="D54262" s="1" t="s">
        <v>34387</v>
      </c>
      <c r="E54262" s="1" t="s">
        <v>182569</v>
      </c>
      <c r="F54262" s="1" t="s">
        <v>182570</v>
      </c>
      <c r="G54262" s="1" t="s">
        <v>182546</v>
      </c>
      <c r="H54262" s="1" t="s">
        <v>182547</v>
      </c>
      <c r="I54262" s="1" t="s">
        <v>181018</v>
      </c>
      <c r="J54262" s="1" t="s">
        <v>182571</v>
      </c>
    </row>
    <row r="54263" spans="1:10" x14ac:dyDescent="0.35">
      <c r="A54263" s="1" t="s">
        <v>3596</v>
      </c>
      <c r="B54263" s="1" t="s">
        <v>181013</v>
      </c>
      <c r="C54263" s="1" t="s">
        <v>55</v>
      </c>
      <c r="D54263" s="1" t="s">
        <v>182572</v>
      </c>
      <c r="E54263" s="1" t="s">
        <v>182573</v>
      </c>
      <c r="F54263" s="1" t="s">
        <v>182574</v>
      </c>
      <c r="G54263" s="1" t="s">
        <v>182546</v>
      </c>
      <c r="H54263" s="1" t="s">
        <v>182547</v>
      </c>
      <c r="I54263" s="1" t="s">
        <v>181018</v>
      </c>
      <c r="J54263" s="1" t="s">
        <v>182575</v>
      </c>
    </row>
    <row r="54264" spans="1:10" x14ac:dyDescent="0.35">
      <c r="A54264" s="1" t="s">
        <v>3596</v>
      </c>
      <c r="B54264" s="1" t="s">
        <v>181013</v>
      </c>
      <c r="C54264" s="1" t="s">
        <v>60</v>
      </c>
      <c r="D54264" s="1" t="s">
        <v>29042</v>
      </c>
      <c r="E54264" s="1" t="s">
        <v>182576</v>
      </c>
      <c r="F54264" s="1" t="s">
        <v>182577</v>
      </c>
      <c r="G54264" s="1" t="s">
        <v>182546</v>
      </c>
      <c r="H54264" s="1" t="s">
        <v>182547</v>
      </c>
      <c r="I54264" s="1" t="s">
        <v>181018</v>
      </c>
      <c r="J54264" s="1" t="s">
        <v>182578</v>
      </c>
    </row>
    <row r="54265" spans="1:10" x14ac:dyDescent="0.35">
      <c r="A54265" s="1" t="s">
        <v>3596</v>
      </c>
      <c r="B54265" s="1" t="s">
        <v>181013</v>
      </c>
      <c r="C54265" s="1" t="s">
        <v>65</v>
      </c>
      <c r="D54265" s="1" t="s">
        <v>182579</v>
      </c>
      <c r="E54265" s="1" t="s">
        <v>182580</v>
      </c>
      <c r="F54265" s="1" t="s">
        <v>182581</v>
      </c>
      <c r="G54265" s="1" t="s">
        <v>182546</v>
      </c>
      <c r="H54265" s="1" t="s">
        <v>182547</v>
      </c>
      <c r="I54265" s="1" t="s">
        <v>181018</v>
      </c>
      <c r="J54265" s="1" t="s">
        <v>182582</v>
      </c>
    </row>
    <row r="54266" spans="1:10" x14ac:dyDescent="0.35">
      <c r="A54266" s="1" t="s">
        <v>3596</v>
      </c>
      <c r="B54266" s="1" t="s">
        <v>181013</v>
      </c>
      <c r="C54266" s="1" t="s">
        <v>70</v>
      </c>
      <c r="D54266" s="1" t="s">
        <v>182583</v>
      </c>
      <c r="E54266" s="1" t="s">
        <v>182584</v>
      </c>
      <c r="F54266" s="1" t="s">
        <v>182585</v>
      </c>
      <c r="G54266" s="1" t="s">
        <v>182546</v>
      </c>
      <c r="H54266" s="1" t="s">
        <v>182547</v>
      </c>
      <c r="I54266" s="1" t="s">
        <v>181018</v>
      </c>
      <c r="J54266" s="1" t="s">
        <v>182586</v>
      </c>
    </row>
    <row r="54267" spans="1:10" x14ac:dyDescent="0.35">
      <c r="A54267" s="1" t="s">
        <v>3596</v>
      </c>
      <c r="B54267" s="1" t="s">
        <v>181013</v>
      </c>
      <c r="C54267" s="1" t="s">
        <v>75</v>
      </c>
      <c r="D54267" s="1" t="s">
        <v>115759</v>
      </c>
      <c r="E54267" s="1" t="s">
        <v>182587</v>
      </c>
      <c r="F54267" s="1" t="s">
        <v>182588</v>
      </c>
      <c r="G54267" s="1" t="s">
        <v>182546</v>
      </c>
      <c r="H54267" s="1" t="s">
        <v>182547</v>
      </c>
      <c r="I54267" s="1" t="s">
        <v>181018</v>
      </c>
      <c r="J54267" s="1" t="s">
        <v>182589</v>
      </c>
    </row>
    <row r="54268" spans="1:10" x14ac:dyDescent="0.35">
      <c r="A54268" s="1" t="s">
        <v>3596</v>
      </c>
      <c r="B54268" s="1" t="s">
        <v>181013</v>
      </c>
      <c r="C54268" s="1" t="s">
        <v>80</v>
      </c>
      <c r="D54268" s="1" t="s">
        <v>151146</v>
      </c>
      <c r="E54268" s="1" t="s">
        <v>182590</v>
      </c>
      <c r="F54268" s="1" t="s">
        <v>182591</v>
      </c>
      <c r="G54268" s="1" t="s">
        <v>182546</v>
      </c>
      <c r="H54268" s="1" t="s">
        <v>182547</v>
      </c>
      <c r="I54268" s="1" t="s">
        <v>181018</v>
      </c>
      <c r="J54268" s="1" t="s">
        <v>182592</v>
      </c>
    </row>
    <row r="54269" spans="1:10" x14ac:dyDescent="0.35">
      <c r="A54269" s="1" t="s">
        <v>3596</v>
      </c>
      <c r="B54269" s="1" t="s">
        <v>181013</v>
      </c>
      <c r="C54269" s="1" t="s">
        <v>85</v>
      </c>
      <c r="D54269" s="1" t="s">
        <v>72344</v>
      </c>
      <c r="E54269" s="1" t="s">
        <v>182593</v>
      </c>
      <c r="F54269" s="1" t="s">
        <v>182594</v>
      </c>
      <c r="G54269" s="1" t="s">
        <v>182546</v>
      </c>
      <c r="H54269" s="1" t="s">
        <v>182547</v>
      </c>
      <c r="I54269" s="1" t="s">
        <v>181018</v>
      </c>
      <c r="J54269" s="1" t="s">
        <v>182595</v>
      </c>
    </row>
    <row r="54270" spans="1:10" x14ac:dyDescent="0.35">
      <c r="A54270" s="1" t="s">
        <v>3596</v>
      </c>
      <c r="B54270" s="1" t="s">
        <v>181013</v>
      </c>
      <c r="C54270" s="1" t="s">
        <v>90</v>
      </c>
      <c r="D54270" s="1" t="s">
        <v>182596</v>
      </c>
      <c r="E54270" s="1" t="s">
        <v>182597</v>
      </c>
      <c r="F54270" s="1" t="s">
        <v>182598</v>
      </c>
      <c r="G54270" s="1" t="s">
        <v>182546</v>
      </c>
      <c r="H54270" s="1" t="s">
        <v>182547</v>
      </c>
      <c r="I54270" s="1" t="s">
        <v>181018</v>
      </c>
      <c r="J54270" s="1" t="s">
        <v>182599</v>
      </c>
    </row>
    <row r="54271" spans="1:10" x14ac:dyDescent="0.35">
      <c r="A54271" s="1" t="s">
        <v>3596</v>
      </c>
      <c r="B54271" s="1" t="s">
        <v>181013</v>
      </c>
      <c r="C54271" s="1" t="s">
        <v>95</v>
      </c>
      <c r="D54271" s="1" t="s">
        <v>34291</v>
      </c>
      <c r="E54271" s="1" t="s">
        <v>182600</v>
      </c>
      <c r="F54271" s="1" t="s">
        <v>182601</v>
      </c>
      <c r="G54271" s="1" t="s">
        <v>182546</v>
      </c>
      <c r="H54271" s="1" t="s">
        <v>182547</v>
      </c>
      <c r="I54271" s="1" t="s">
        <v>181018</v>
      </c>
      <c r="J54271" s="1" t="s">
        <v>182602</v>
      </c>
    </row>
    <row r="54272" spans="1:10" x14ac:dyDescent="0.35">
      <c r="A54272" s="1" t="s">
        <v>3596</v>
      </c>
      <c r="B54272" s="1" t="s">
        <v>181013</v>
      </c>
      <c r="C54272" s="1" t="s">
        <v>100</v>
      </c>
      <c r="D54272" s="1" t="s">
        <v>134961</v>
      </c>
      <c r="E54272" s="1" t="s">
        <v>182603</v>
      </c>
      <c r="F54272" s="1" t="s">
        <v>182604</v>
      </c>
      <c r="G54272" s="1" t="s">
        <v>182546</v>
      </c>
      <c r="H54272" s="1" t="s">
        <v>182547</v>
      </c>
      <c r="I54272" s="1" t="s">
        <v>181018</v>
      </c>
      <c r="J54272" s="1" t="s">
        <v>182605</v>
      </c>
    </row>
    <row r="54273" spans="1:10" x14ac:dyDescent="0.35">
      <c r="A54273" s="1" t="s">
        <v>3596</v>
      </c>
      <c r="B54273" s="1" t="s">
        <v>181013</v>
      </c>
      <c r="C54273" s="1" t="s">
        <v>105</v>
      </c>
      <c r="D54273" s="1" t="s">
        <v>48073</v>
      </c>
      <c r="E54273" s="1" t="s">
        <v>182606</v>
      </c>
      <c r="F54273" s="1" t="s">
        <v>182607</v>
      </c>
      <c r="G54273" s="1" t="s">
        <v>182546</v>
      </c>
      <c r="H54273" s="1" t="s">
        <v>182547</v>
      </c>
      <c r="I54273" s="1" t="s">
        <v>181018</v>
      </c>
      <c r="J54273" s="1" t="s">
        <v>182608</v>
      </c>
    </row>
    <row r="54274" spans="1:10" x14ac:dyDescent="0.35">
      <c r="A54274" s="1" t="s">
        <v>3596</v>
      </c>
      <c r="B54274" s="1" t="s">
        <v>181013</v>
      </c>
      <c r="C54274" s="1" t="s">
        <v>110</v>
      </c>
      <c r="D54274" s="1" t="s">
        <v>31728</v>
      </c>
      <c r="E54274" s="1" t="s">
        <v>182609</v>
      </c>
      <c r="F54274" s="1" t="s">
        <v>182610</v>
      </c>
      <c r="G54274" s="1" t="s">
        <v>182546</v>
      </c>
      <c r="H54274" s="1" t="s">
        <v>182547</v>
      </c>
      <c r="I54274" s="1" t="s">
        <v>181018</v>
      </c>
      <c r="J54274" s="1" t="s">
        <v>182611</v>
      </c>
    </row>
    <row r="54275" spans="1:10" x14ac:dyDescent="0.35">
      <c r="A54275" s="1" t="s">
        <v>3596</v>
      </c>
      <c r="B54275" s="1" t="s">
        <v>181013</v>
      </c>
      <c r="C54275" s="1" t="s">
        <v>115</v>
      </c>
      <c r="D54275" s="1" t="s">
        <v>116309</v>
      </c>
      <c r="E54275" s="1" t="s">
        <v>182612</v>
      </c>
      <c r="F54275" s="1" t="s">
        <v>182613</v>
      </c>
      <c r="G54275" s="1" t="s">
        <v>182546</v>
      </c>
      <c r="H54275" s="1" t="s">
        <v>182547</v>
      </c>
      <c r="I54275" s="1" t="s">
        <v>181018</v>
      </c>
      <c r="J54275" s="1" t="s">
        <v>182614</v>
      </c>
    </row>
    <row r="54276" spans="1:10" x14ac:dyDescent="0.35">
      <c r="A54276" s="1" t="s">
        <v>3596</v>
      </c>
      <c r="B54276" s="1" t="s">
        <v>181013</v>
      </c>
      <c r="C54276" s="1" t="s">
        <v>120</v>
      </c>
      <c r="D54276" s="1" t="s">
        <v>182615</v>
      </c>
      <c r="E54276" s="1" t="s">
        <v>182616</v>
      </c>
      <c r="F54276" s="1" t="s">
        <v>182617</v>
      </c>
      <c r="G54276" s="1" t="s">
        <v>182546</v>
      </c>
      <c r="H54276" s="1" t="s">
        <v>182547</v>
      </c>
      <c r="I54276" s="1" t="s">
        <v>181018</v>
      </c>
      <c r="J54276" s="1" t="s">
        <v>182618</v>
      </c>
    </row>
    <row r="54277" spans="1:10" x14ac:dyDescent="0.35">
      <c r="A54277" s="1" t="s">
        <v>3596</v>
      </c>
      <c r="B54277" s="1" t="s">
        <v>181013</v>
      </c>
      <c r="C54277" s="1" t="s">
        <v>125</v>
      </c>
      <c r="D54277" s="1" t="s">
        <v>118645</v>
      </c>
      <c r="E54277" s="1" t="s">
        <v>182619</v>
      </c>
      <c r="F54277" s="1" t="s">
        <v>182620</v>
      </c>
      <c r="G54277" s="1" t="s">
        <v>182546</v>
      </c>
      <c r="H54277" s="1" t="s">
        <v>182547</v>
      </c>
      <c r="I54277" s="1" t="s">
        <v>181018</v>
      </c>
      <c r="J54277" s="1" t="s">
        <v>182621</v>
      </c>
    </row>
    <row r="54278" spans="1:10" x14ac:dyDescent="0.35">
      <c r="A54278" s="1" t="s">
        <v>3596</v>
      </c>
      <c r="B54278" s="1" t="s">
        <v>181013</v>
      </c>
      <c r="C54278" s="1" t="s">
        <v>130</v>
      </c>
      <c r="D54278" s="1" t="s">
        <v>3128</v>
      </c>
      <c r="E54278" s="1" t="s">
        <v>182622</v>
      </c>
      <c r="F54278" s="1" t="s">
        <v>182623</v>
      </c>
      <c r="G54278" s="1" t="s">
        <v>182546</v>
      </c>
      <c r="H54278" s="1" t="s">
        <v>182547</v>
      </c>
      <c r="I54278" s="1" t="s">
        <v>181018</v>
      </c>
      <c r="J54278" s="1" t="s">
        <v>182624</v>
      </c>
    </row>
    <row r="54279" spans="1:10" x14ac:dyDescent="0.35">
      <c r="A54279" s="1" t="s">
        <v>3596</v>
      </c>
      <c r="B54279" s="1" t="s">
        <v>181013</v>
      </c>
      <c r="C54279" s="1" t="s">
        <v>135</v>
      </c>
      <c r="D54279" s="1" t="s">
        <v>32136</v>
      </c>
      <c r="E54279" s="1" t="s">
        <v>182625</v>
      </c>
      <c r="F54279" s="1" t="s">
        <v>182626</v>
      </c>
      <c r="G54279" s="1" t="s">
        <v>182546</v>
      </c>
      <c r="H54279" s="1" t="s">
        <v>182547</v>
      </c>
      <c r="I54279" s="1" t="s">
        <v>181018</v>
      </c>
      <c r="J54279" s="1" t="s">
        <v>182627</v>
      </c>
    </row>
    <row r="54280" spans="1:10" x14ac:dyDescent="0.35">
      <c r="A54280" s="1" t="s">
        <v>3596</v>
      </c>
      <c r="B54280" s="1" t="s">
        <v>181013</v>
      </c>
      <c r="C54280" s="1" t="s">
        <v>140</v>
      </c>
      <c r="D54280" s="1" t="s">
        <v>182628</v>
      </c>
      <c r="E54280" s="1" t="s">
        <v>182629</v>
      </c>
      <c r="F54280" s="1" t="s">
        <v>182630</v>
      </c>
      <c r="G54280" s="1" t="s">
        <v>182546</v>
      </c>
      <c r="H54280" s="1" t="s">
        <v>182547</v>
      </c>
      <c r="I54280" s="1" t="s">
        <v>181018</v>
      </c>
      <c r="J54280" s="1" t="s">
        <v>182631</v>
      </c>
    </row>
    <row r="54281" spans="1:10" x14ac:dyDescent="0.35">
      <c r="A54281" s="1" t="s">
        <v>3596</v>
      </c>
      <c r="B54281" s="1" t="s">
        <v>181013</v>
      </c>
      <c r="C54281" s="1" t="s">
        <v>145</v>
      </c>
      <c r="D54281" s="1" t="s">
        <v>182632</v>
      </c>
      <c r="E54281" s="1" t="s">
        <v>182633</v>
      </c>
      <c r="F54281" s="1" t="s">
        <v>182634</v>
      </c>
      <c r="G54281" s="1" t="s">
        <v>182546</v>
      </c>
      <c r="H54281" s="1" t="s">
        <v>182547</v>
      </c>
      <c r="I54281" s="1" t="s">
        <v>181018</v>
      </c>
      <c r="J54281" s="1" t="s">
        <v>182635</v>
      </c>
    </row>
    <row r="54282" spans="1:10" x14ac:dyDescent="0.35">
      <c r="A54282" s="1" t="s">
        <v>3596</v>
      </c>
      <c r="B54282" s="1" t="s">
        <v>181013</v>
      </c>
      <c r="C54282" s="1" t="s">
        <v>150</v>
      </c>
      <c r="D54282" s="1" t="s">
        <v>42146</v>
      </c>
      <c r="E54282" s="1" t="s">
        <v>182636</v>
      </c>
      <c r="F54282" s="1" t="s">
        <v>182637</v>
      </c>
      <c r="G54282" s="1" t="s">
        <v>182546</v>
      </c>
      <c r="H54282" s="1" t="s">
        <v>182547</v>
      </c>
      <c r="I54282" s="1" t="s">
        <v>181018</v>
      </c>
      <c r="J54282" s="1" t="s">
        <v>182638</v>
      </c>
    </row>
    <row r="54283" spans="1:10" x14ac:dyDescent="0.35">
      <c r="A54283" s="1" t="s">
        <v>3596</v>
      </c>
      <c r="B54283" s="1" t="s">
        <v>181013</v>
      </c>
      <c r="C54283" s="1" t="s">
        <v>155</v>
      </c>
      <c r="D54283" s="1" t="s">
        <v>10780</v>
      </c>
      <c r="E54283" s="1" t="s">
        <v>182639</v>
      </c>
      <c r="F54283" s="1" t="s">
        <v>182640</v>
      </c>
      <c r="G54283" s="1" t="s">
        <v>182546</v>
      </c>
      <c r="H54283" s="1" t="s">
        <v>182547</v>
      </c>
      <c r="I54283" s="1" t="s">
        <v>181018</v>
      </c>
      <c r="J54283" s="1" t="s">
        <v>182641</v>
      </c>
    </row>
    <row r="54284" spans="1:10" x14ac:dyDescent="0.35">
      <c r="A54284" s="1" t="s">
        <v>3596</v>
      </c>
      <c r="B54284" s="1" t="s">
        <v>181013</v>
      </c>
      <c r="C54284" s="1" t="s">
        <v>160</v>
      </c>
      <c r="D54284" s="1" t="s">
        <v>154213</v>
      </c>
      <c r="E54284" s="1" t="s">
        <v>182642</v>
      </c>
      <c r="F54284" s="1" t="s">
        <v>182643</v>
      </c>
      <c r="G54284" s="1" t="s">
        <v>182546</v>
      </c>
      <c r="H54284" s="1" t="s">
        <v>182547</v>
      </c>
      <c r="I54284" s="1" t="s">
        <v>181018</v>
      </c>
      <c r="J54284" s="1" t="s">
        <v>182644</v>
      </c>
    </row>
    <row r="54285" spans="1:10" x14ac:dyDescent="0.35">
      <c r="A54285" s="1" t="s">
        <v>3596</v>
      </c>
      <c r="B54285" s="1" t="s">
        <v>181013</v>
      </c>
      <c r="C54285" s="1" t="s">
        <v>165</v>
      </c>
      <c r="D54285" s="1" t="s">
        <v>31527</v>
      </c>
      <c r="E54285" s="1" t="s">
        <v>182645</v>
      </c>
      <c r="F54285" s="1" t="s">
        <v>182646</v>
      </c>
      <c r="G54285" s="1" t="s">
        <v>182546</v>
      </c>
      <c r="H54285" s="1" t="s">
        <v>182547</v>
      </c>
      <c r="I54285" s="1" t="s">
        <v>181018</v>
      </c>
      <c r="J54285" s="1" t="s">
        <v>182647</v>
      </c>
    </row>
    <row r="54286" spans="1:10" x14ac:dyDescent="0.35">
      <c r="A54286" s="1" t="s">
        <v>3596</v>
      </c>
      <c r="B54286" s="1" t="s">
        <v>181013</v>
      </c>
      <c r="C54286" s="1" t="s">
        <v>170</v>
      </c>
      <c r="D54286" s="1" t="s">
        <v>5457</v>
      </c>
      <c r="E54286" s="1" t="s">
        <v>182648</v>
      </c>
      <c r="F54286" s="1" t="s">
        <v>182649</v>
      </c>
      <c r="G54286" s="1" t="s">
        <v>182546</v>
      </c>
      <c r="H54286" s="1" t="s">
        <v>182547</v>
      </c>
      <c r="I54286" s="1" t="s">
        <v>181018</v>
      </c>
      <c r="J54286" s="1" t="s">
        <v>182650</v>
      </c>
    </row>
    <row r="54287" spans="1:10" x14ac:dyDescent="0.35">
      <c r="A54287" s="1" t="s">
        <v>28178</v>
      </c>
      <c r="B54287" s="1" t="s">
        <v>181013</v>
      </c>
      <c r="C54287" s="1" t="s">
        <v>8</v>
      </c>
      <c r="D54287" s="1" t="s">
        <v>182651</v>
      </c>
      <c r="E54287" s="1" t="s">
        <v>182652</v>
      </c>
      <c r="F54287" s="1" t="s">
        <v>182653</v>
      </c>
      <c r="G54287" s="1" t="s">
        <v>182654</v>
      </c>
      <c r="H54287" s="1" t="s">
        <v>182655</v>
      </c>
      <c r="I54287" s="1" t="s">
        <v>181018</v>
      </c>
      <c r="J54287" s="1" t="s">
        <v>13</v>
      </c>
    </row>
    <row r="54288" spans="1:10" x14ac:dyDescent="0.35">
      <c r="A54288" s="1" t="s">
        <v>28178</v>
      </c>
      <c r="B54288" s="1" t="s">
        <v>181013</v>
      </c>
      <c r="C54288" s="1" t="s">
        <v>15</v>
      </c>
      <c r="D54288" s="1" t="s">
        <v>49783</v>
      </c>
      <c r="E54288" s="1" t="s">
        <v>182656</v>
      </c>
      <c r="F54288" s="1" t="s">
        <v>182657</v>
      </c>
      <c r="G54288" s="1" t="s">
        <v>182654</v>
      </c>
      <c r="H54288" s="1" t="s">
        <v>182655</v>
      </c>
      <c r="I54288" s="1" t="s">
        <v>181018</v>
      </c>
      <c r="J54288" s="1" t="s">
        <v>182658</v>
      </c>
    </row>
    <row r="54289" spans="1:10" x14ac:dyDescent="0.35">
      <c r="A54289" s="1" t="s">
        <v>28178</v>
      </c>
      <c r="B54289" s="1" t="s">
        <v>181013</v>
      </c>
      <c r="C54289" s="1" t="s">
        <v>20</v>
      </c>
      <c r="D54289" s="1" t="s">
        <v>51236</v>
      </c>
      <c r="E54289" s="1" t="s">
        <v>182659</v>
      </c>
      <c r="F54289" s="1" t="s">
        <v>182660</v>
      </c>
      <c r="G54289" s="1" t="s">
        <v>182654</v>
      </c>
      <c r="H54289" s="1" t="s">
        <v>182655</v>
      </c>
      <c r="I54289" s="1" t="s">
        <v>181018</v>
      </c>
      <c r="J54289" s="1" t="s">
        <v>182661</v>
      </c>
    </row>
    <row r="54290" spans="1:10" x14ac:dyDescent="0.35">
      <c r="A54290" s="1" t="s">
        <v>28178</v>
      </c>
      <c r="B54290" s="1" t="s">
        <v>181013</v>
      </c>
      <c r="C54290" s="1" t="s">
        <v>25</v>
      </c>
      <c r="D54290" s="1" t="s">
        <v>126380</v>
      </c>
      <c r="E54290" s="1" t="s">
        <v>182662</v>
      </c>
      <c r="F54290" s="1" t="s">
        <v>182663</v>
      </c>
      <c r="G54290" s="1" t="s">
        <v>182654</v>
      </c>
      <c r="H54290" s="1" t="s">
        <v>182655</v>
      </c>
      <c r="I54290" s="1" t="s">
        <v>181018</v>
      </c>
      <c r="J54290" s="1" t="s">
        <v>182664</v>
      </c>
    </row>
    <row r="54291" spans="1:10" x14ac:dyDescent="0.35">
      <c r="A54291" s="1" t="s">
        <v>28178</v>
      </c>
      <c r="B54291" s="1" t="s">
        <v>181013</v>
      </c>
      <c r="C54291" s="1" t="s">
        <v>30</v>
      </c>
      <c r="D54291" s="1" t="s">
        <v>182665</v>
      </c>
      <c r="E54291" s="1" t="s">
        <v>182666</v>
      </c>
      <c r="F54291" s="1" t="s">
        <v>182667</v>
      </c>
      <c r="G54291" s="1" t="s">
        <v>182654</v>
      </c>
      <c r="H54291" s="1" t="s">
        <v>182655</v>
      </c>
      <c r="I54291" s="1" t="s">
        <v>181018</v>
      </c>
      <c r="J54291" s="1" t="s">
        <v>182668</v>
      </c>
    </row>
    <row r="54292" spans="1:10" x14ac:dyDescent="0.35">
      <c r="A54292" s="1" t="s">
        <v>28178</v>
      </c>
      <c r="B54292" s="1" t="s">
        <v>181013</v>
      </c>
      <c r="C54292" s="1" t="s">
        <v>35</v>
      </c>
      <c r="D54292" s="1" t="s">
        <v>82633</v>
      </c>
      <c r="E54292" s="1" t="s">
        <v>182669</v>
      </c>
      <c r="F54292" s="1" t="s">
        <v>182670</v>
      </c>
      <c r="G54292" s="1" t="s">
        <v>182654</v>
      </c>
      <c r="H54292" s="1" t="s">
        <v>182655</v>
      </c>
      <c r="I54292" s="1" t="s">
        <v>181018</v>
      </c>
      <c r="J54292" s="1" t="s">
        <v>182671</v>
      </c>
    </row>
    <row r="54293" spans="1:10" x14ac:dyDescent="0.35">
      <c r="A54293" s="1" t="s">
        <v>28178</v>
      </c>
      <c r="B54293" s="1" t="s">
        <v>181013</v>
      </c>
      <c r="C54293" s="1" t="s">
        <v>40</v>
      </c>
      <c r="D54293" s="1" t="s">
        <v>46961</v>
      </c>
      <c r="E54293" s="1" t="s">
        <v>182672</v>
      </c>
      <c r="F54293" s="1" t="s">
        <v>182673</v>
      </c>
      <c r="G54293" s="1" t="s">
        <v>182654</v>
      </c>
      <c r="H54293" s="1" t="s">
        <v>182655</v>
      </c>
      <c r="I54293" s="1" t="s">
        <v>181018</v>
      </c>
      <c r="J54293" s="1" t="s">
        <v>182674</v>
      </c>
    </row>
    <row r="54294" spans="1:10" x14ac:dyDescent="0.35">
      <c r="A54294" s="1" t="s">
        <v>28178</v>
      </c>
      <c r="B54294" s="1" t="s">
        <v>181013</v>
      </c>
      <c r="C54294" s="1" t="s">
        <v>45</v>
      </c>
      <c r="D54294" s="1" t="s">
        <v>35801</v>
      </c>
      <c r="E54294" s="1" t="s">
        <v>182675</v>
      </c>
      <c r="F54294" s="1" t="s">
        <v>182676</v>
      </c>
      <c r="G54294" s="1" t="s">
        <v>182654</v>
      </c>
      <c r="H54294" s="1" t="s">
        <v>182655</v>
      </c>
      <c r="I54294" s="1" t="s">
        <v>181018</v>
      </c>
      <c r="J54294" s="1" t="s">
        <v>182677</v>
      </c>
    </row>
    <row r="54295" spans="1:10" x14ac:dyDescent="0.35">
      <c r="A54295" s="1" t="s">
        <v>28178</v>
      </c>
      <c r="B54295" s="1" t="s">
        <v>181013</v>
      </c>
      <c r="C54295" s="1" t="s">
        <v>50</v>
      </c>
      <c r="D54295" s="1" t="s">
        <v>71209</v>
      </c>
      <c r="E54295" s="1" t="s">
        <v>182678</v>
      </c>
      <c r="F54295" s="1" t="s">
        <v>182679</v>
      </c>
      <c r="G54295" s="1" t="s">
        <v>182654</v>
      </c>
      <c r="H54295" s="1" t="s">
        <v>182655</v>
      </c>
      <c r="I54295" s="1" t="s">
        <v>181018</v>
      </c>
      <c r="J54295" s="1" t="s">
        <v>182680</v>
      </c>
    </row>
    <row r="54296" spans="1:10" x14ac:dyDescent="0.35">
      <c r="A54296" s="1" t="s">
        <v>28178</v>
      </c>
      <c r="B54296" s="1" t="s">
        <v>181013</v>
      </c>
      <c r="C54296" s="1" t="s">
        <v>55</v>
      </c>
      <c r="D54296" s="1" t="s">
        <v>182681</v>
      </c>
      <c r="E54296" s="1" t="s">
        <v>182682</v>
      </c>
      <c r="F54296" s="1" t="s">
        <v>182683</v>
      </c>
      <c r="G54296" s="1" t="s">
        <v>182654</v>
      </c>
      <c r="H54296" s="1" t="s">
        <v>182655</v>
      </c>
      <c r="I54296" s="1" t="s">
        <v>181018</v>
      </c>
      <c r="J54296" s="1" t="s">
        <v>182684</v>
      </c>
    </row>
    <row r="54297" spans="1:10" x14ac:dyDescent="0.35">
      <c r="A54297" s="1" t="s">
        <v>28178</v>
      </c>
      <c r="B54297" s="1" t="s">
        <v>181013</v>
      </c>
      <c r="C54297" s="1" t="s">
        <v>60</v>
      </c>
      <c r="D54297" s="1" t="s">
        <v>71759</v>
      </c>
      <c r="E54297" s="1" t="s">
        <v>182685</v>
      </c>
      <c r="F54297" s="1" t="s">
        <v>182686</v>
      </c>
      <c r="G54297" s="1" t="s">
        <v>182654</v>
      </c>
      <c r="H54297" s="1" t="s">
        <v>182655</v>
      </c>
      <c r="I54297" s="1" t="s">
        <v>181018</v>
      </c>
      <c r="J54297" s="1" t="s">
        <v>182687</v>
      </c>
    </row>
    <row r="54298" spans="1:10" x14ac:dyDescent="0.35">
      <c r="A54298" s="1" t="s">
        <v>28178</v>
      </c>
      <c r="B54298" s="1" t="s">
        <v>181013</v>
      </c>
      <c r="C54298" s="1" t="s">
        <v>65</v>
      </c>
      <c r="D54298" s="1" t="s">
        <v>31120</v>
      </c>
      <c r="E54298" s="1" t="s">
        <v>182688</v>
      </c>
      <c r="F54298" s="1" t="s">
        <v>182689</v>
      </c>
      <c r="G54298" s="1" t="s">
        <v>182654</v>
      </c>
      <c r="H54298" s="1" t="s">
        <v>182655</v>
      </c>
      <c r="I54298" s="1" t="s">
        <v>181018</v>
      </c>
      <c r="J54298" s="1" t="s">
        <v>182690</v>
      </c>
    </row>
    <row r="54299" spans="1:10" x14ac:dyDescent="0.35">
      <c r="A54299" s="1" t="s">
        <v>28178</v>
      </c>
      <c r="B54299" s="1" t="s">
        <v>181013</v>
      </c>
      <c r="C54299" s="1" t="s">
        <v>70</v>
      </c>
      <c r="D54299" s="1" t="s">
        <v>37761</v>
      </c>
      <c r="E54299" s="1" t="s">
        <v>182691</v>
      </c>
      <c r="F54299" s="1" t="s">
        <v>182692</v>
      </c>
      <c r="G54299" s="1" t="s">
        <v>182654</v>
      </c>
      <c r="H54299" s="1" t="s">
        <v>182655</v>
      </c>
      <c r="I54299" s="1" t="s">
        <v>181018</v>
      </c>
      <c r="J54299" s="1" t="s">
        <v>182693</v>
      </c>
    </row>
    <row r="54300" spans="1:10" x14ac:dyDescent="0.35">
      <c r="A54300" s="1" t="s">
        <v>28178</v>
      </c>
      <c r="B54300" s="1" t="s">
        <v>181013</v>
      </c>
      <c r="C54300" s="1" t="s">
        <v>75</v>
      </c>
      <c r="D54300" s="1" t="s">
        <v>182694</v>
      </c>
      <c r="E54300" s="1" t="s">
        <v>112325</v>
      </c>
      <c r="F54300" s="1" t="s">
        <v>182695</v>
      </c>
      <c r="G54300" s="1" t="s">
        <v>182654</v>
      </c>
      <c r="H54300" s="1" t="s">
        <v>182655</v>
      </c>
      <c r="I54300" s="1" t="s">
        <v>181018</v>
      </c>
      <c r="J54300" s="1" t="s">
        <v>182696</v>
      </c>
    </row>
    <row r="54301" spans="1:10" x14ac:dyDescent="0.35">
      <c r="A54301" s="1" t="s">
        <v>28178</v>
      </c>
      <c r="B54301" s="1" t="s">
        <v>181013</v>
      </c>
      <c r="C54301" s="1" t="s">
        <v>80</v>
      </c>
      <c r="D54301" s="1" t="s">
        <v>34332</v>
      </c>
      <c r="E54301" s="1" t="s">
        <v>182697</v>
      </c>
      <c r="F54301" s="1" t="s">
        <v>182698</v>
      </c>
      <c r="G54301" s="1" t="s">
        <v>182654</v>
      </c>
      <c r="H54301" s="1" t="s">
        <v>182655</v>
      </c>
      <c r="I54301" s="1" t="s">
        <v>181018</v>
      </c>
      <c r="J54301" s="1" t="s">
        <v>182699</v>
      </c>
    </row>
    <row r="54302" spans="1:10" x14ac:dyDescent="0.35">
      <c r="A54302" s="1" t="s">
        <v>28178</v>
      </c>
      <c r="B54302" s="1" t="s">
        <v>181013</v>
      </c>
      <c r="C54302" s="1" t="s">
        <v>85</v>
      </c>
      <c r="D54302" s="1" t="s">
        <v>82415</v>
      </c>
      <c r="E54302" s="1" t="s">
        <v>182700</v>
      </c>
      <c r="F54302" s="1" t="s">
        <v>182701</v>
      </c>
      <c r="G54302" s="1" t="s">
        <v>182654</v>
      </c>
      <c r="H54302" s="1" t="s">
        <v>182655</v>
      </c>
      <c r="I54302" s="1" t="s">
        <v>181018</v>
      </c>
      <c r="J54302" s="1" t="s">
        <v>182702</v>
      </c>
    </row>
    <row r="54303" spans="1:10" x14ac:dyDescent="0.35">
      <c r="A54303" s="1" t="s">
        <v>28178</v>
      </c>
      <c r="B54303" s="1" t="s">
        <v>181013</v>
      </c>
      <c r="C54303" s="1" t="s">
        <v>90</v>
      </c>
      <c r="D54303" s="1" t="s">
        <v>32916</v>
      </c>
      <c r="E54303" s="1" t="s">
        <v>182703</v>
      </c>
      <c r="F54303" s="1" t="s">
        <v>182704</v>
      </c>
      <c r="G54303" s="1" t="s">
        <v>182654</v>
      </c>
      <c r="H54303" s="1" t="s">
        <v>182655</v>
      </c>
      <c r="I54303" s="1" t="s">
        <v>181018</v>
      </c>
      <c r="J54303" s="1" t="s">
        <v>182705</v>
      </c>
    </row>
    <row r="54304" spans="1:10" x14ac:dyDescent="0.35">
      <c r="A54304" s="1" t="s">
        <v>28178</v>
      </c>
      <c r="B54304" s="1" t="s">
        <v>181013</v>
      </c>
      <c r="C54304" s="1" t="s">
        <v>95</v>
      </c>
      <c r="D54304" s="1" t="s">
        <v>51802</v>
      </c>
      <c r="E54304" s="1" t="s">
        <v>182706</v>
      </c>
      <c r="F54304" s="1" t="s">
        <v>182707</v>
      </c>
      <c r="G54304" s="1" t="s">
        <v>182654</v>
      </c>
      <c r="H54304" s="1" t="s">
        <v>182655</v>
      </c>
      <c r="I54304" s="1" t="s">
        <v>181018</v>
      </c>
      <c r="J54304" s="1" t="s">
        <v>182708</v>
      </c>
    </row>
    <row r="54305" spans="1:10" x14ac:dyDescent="0.35">
      <c r="A54305" s="1" t="s">
        <v>28178</v>
      </c>
      <c r="B54305" s="1" t="s">
        <v>181013</v>
      </c>
      <c r="C54305" s="1" t="s">
        <v>100</v>
      </c>
      <c r="D54305" s="1" t="s">
        <v>182709</v>
      </c>
      <c r="E54305" s="1" t="s">
        <v>182710</v>
      </c>
      <c r="F54305" s="1" t="s">
        <v>182711</v>
      </c>
      <c r="G54305" s="1" t="s">
        <v>182654</v>
      </c>
      <c r="H54305" s="1" t="s">
        <v>182655</v>
      </c>
      <c r="I54305" s="1" t="s">
        <v>181018</v>
      </c>
      <c r="J54305" s="1" t="s">
        <v>182712</v>
      </c>
    </row>
    <row r="54306" spans="1:10" x14ac:dyDescent="0.35">
      <c r="A54306" s="1" t="s">
        <v>28178</v>
      </c>
      <c r="B54306" s="1" t="s">
        <v>181013</v>
      </c>
      <c r="C54306" s="1" t="s">
        <v>105</v>
      </c>
      <c r="D54306" s="1" t="s">
        <v>182713</v>
      </c>
      <c r="E54306" s="1" t="s">
        <v>182714</v>
      </c>
      <c r="F54306" s="1" t="s">
        <v>182715</v>
      </c>
      <c r="G54306" s="1" t="s">
        <v>182654</v>
      </c>
      <c r="H54306" s="1" t="s">
        <v>182655</v>
      </c>
      <c r="I54306" s="1" t="s">
        <v>181018</v>
      </c>
      <c r="J54306" s="1" t="s">
        <v>182716</v>
      </c>
    </row>
    <row r="54307" spans="1:10" x14ac:dyDescent="0.35">
      <c r="A54307" s="1" t="s">
        <v>28178</v>
      </c>
      <c r="B54307" s="1" t="s">
        <v>181013</v>
      </c>
      <c r="C54307" s="1" t="s">
        <v>110</v>
      </c>
      <c r="D54307" s="1" t="s">
        <v>148978</v>
      </c>
      <c r="E54307" s="1" t="s">
        <v>182717</v>
      </c>
      <c r="F54307" s="1" t="s">
        <v>182718</v>
      </c>
      <c r="G54307" s="1" t="s">
        <v>182654</v>
      </c>
      <c r="H54307" s="1" t="s">
        <v>182655</v>
      </c>
      <c r="I54307" s="1" t="s">
        <v>181018</v>
      </c>
      <c r="J54307" s="1" t="s">
        <v>182719</v>
      </c>
    </row>
    <row r="54308" spans="1:10" x14ac:dyDescent="0.35">
      <c r="A54308" s="1" t="s">
        <v>28178</v>
      </c>
      <c r="B54308" s="1" t="s">
        <v>181013</v>
      </c>
      <c r="C54308" s="1" t="s">
        <v>115</v>
      </c>
      <c r="D54308" s="1" t="s">
        <v>182720</v>
      </c>
      <c r="E54308" s="1" t="s">
        <v>182721</v>
      </c>
      <c r="F54308" s="1" t="s">
        <v>182722</v>
      </c>
      <c r="G54308" s="1" t="s">
        <v>182654</v>
      </c>
      <c r="H54308" s="1" t="s">
        <v>182655</v>
      </c>
      <c r="I54308" s="1" t="s">
        <v>181018</v>
      </c>
      <c r="J54308" s="1" t="s">
        <v>182723</v>
      </c>
    </row>
    <row r="54309" spans="1:10" x14ac:dyDescent="0.35">
      <c r="A54309" s="1" t="s">
        <v>28178</v>
      </c>
      <c r="B54309" s="1" t="s">
        <v>181013</v>
      </c>
      <c r="C54309" s="1" t="s">
        <v>120</v>
      </c>
      <c r="D54309" s="1" t="s">
        <v>182724</v>
      </c>
      <c r="E54309" s="1" t="s">
        <v>182725</v>
      </c>
      <c r="F54309" s="1" t="s">
        <v>182726</v>
      </c>
      <c r="G54309" s="1" t="s">
        <v>182654</v>
      </c>
      <c r="H54309" s="1" t="s">
        <v>182655</v>
      </c>
      <c r="I54309" s="1" t="s">
        <v>181018</v>
      </c>
      <c r="J54309" s="1" t="s">
        <v>182727</v>
      </c>
    </row>
    <row r="54310" spans="1:10" x14ac:dyDescent="0.35">
      <c r="A54310" s="1" t="s">
        <v>28178</v>
      </c>
      <c r="B54310" s="1" t="s">
        <v>181013</v>
      </c>
      <c r="C54310" s="1" t="s">
        <v>125</v>
      </c>
      <c r="D54310" s="1" t="s">
        <v>46160</v>
      </c>
      <c r="E54310" s="1" t="s">
        <v>182728</v>
      </c>
      <c r="F54310" s="1" t="s">
        <v>182729</v>
      </c>
      <c r="G54310" s="1" t="s">
        <v>182654</v>
      </c>
      <c r="H54310" s="1" t="s">
        <v>182655</v>
      </c>
      <c r="I54310" s="1" t="s">
        <v>181018</v>
      </c>
      <c r="J54310" s="1" t="s">
        <v>182730</v>
      </c>
    </row>
    <row r="54311" spans="1:10" x14ac:dyDescent="0.35">
      <c r="A54311" s="1" t="s">
        <v>28178</v>
      </c>
      <c r="B54311" s="1" t="s">
        <v>181013</v>
      </c>
      <c r="C54311" s="1" t="s">
        <v>130</v>
      </c>
      <c r="D54311" s="1" t="s">
        <v>19875</v>
      </c>
      <c r="E54311" s="1" t="s">
        <v>182731</v>
      </c>
      <c r="F54311" s="1" t="s">
        <v>182732</v>
      </c>
      <c r="G54311" s="1" t="s">
        <v>182654</v>
      </c>
      <c r="H54311" s="1" t="s">
        <v>182655</v>
      </c>
      <c r="I54311" s="1" t="s">
        <v>181018</v>
      </c>
      <c r="J54311" s="1" t="s">
        <v>182733</v>
      </c>
    </row>
    <row r="54312" spans="1:10" x14ac:dyDescent="0.35">
      <c r="A54312" s="1" t="s">
        <v>28178</v>
      </c>
      <c r="B54312" s="1" t="s">
        <v>181013</v>
      </c>
      <c r="C54312" s="1" t="s">
        <v>135</v>
      </c>
      <c r="D54312" s="1" t="s">
        <v>182734</v>
      </c>
      <c r="E54312" s="1" t="s">
        <v>182735</v>
      </c>
      <c r="F54312" s="1" t="s">
        <v>182736</v>
      </c>
      <c r="G54312" s="1" t="s">
        <v>182654</v>
      </c>
      <c r="H54312" s="1" t="s">
        <v>182655</v>
      </c>
      <c r="I54312" s="1" t="s">
        <v>181018</v>
      </c>
      <c r="J54312" s="1" t="s">
        <v>182737</v>
      </c>
    </row>
    <row r="54313" spans="1:10" x14ac:dyDescent="0.35">
      <c r="A54313" s="1" t="s">
        <v>28178</v>
      </c>
      <c r="B54313" s="1" t="s">
        <v>181013</v>
      </c>
      <c r="C54313" s="1" t="s">
        <v>140</v>
      </c>
      <c r="D54313" s="1" t="s">
        <v>182738</v>
      </c>
      <c r="E54313" s="1" t="s">
        <v>182739</v>
      </c>
      <c r="F54313" s="1" t="s">
        <v>182740</v>
      </c>
      <c r="G54313" s="1" t="s">
        <v>182654</v>
      </c>
      <c r="H54313" s="1" t="s">
        <v>182655</v>
      </c>
      <c r="I54313" s="1" t="s">
        <v>181018</v>
      </c>
      <c r="J54313" s="1" t="s">
        <v>182741</v>
      </c>
    </row>
    <row r="54314" spans="1:10" x14ac:dyDescent="0.35">
      <c r="A54314" s="1" t="s">
        <v>28178</v>
      </c>
      <c r="B54314" s="1" t="s">
        <v>181013</v>
      </c>
      <c r="C54314" s="1" t="s">
        <v>145</v>
      </c>
      <c r="D54314" s="1" t="s">
        <v>38267</v>
      </c>
      <c r="E54314" s="1" t="s">
        <v>182742</v>
      </c>
      <c r="F54314" s="1" t="s">
        <v>182743</v>
      </c>
      <c r="G54314" s="1" t="s">
        <v>182654</v>
      </c>
      <c r="H54314" s="1" t="s">
        <v>182655</v>
      </c>
      <c r="I54314" s="1" t="s">
        <v>181018</v>
      </c>
      <c r="J54314" s="1" t="s">
        <v>182744</v>
      </c>
    </row>
    <row r="54315" spans="1:10" x14ac:dyDescent="0.35">
      <c r="A54315" s="1" t="s">
        <v>28178</v>
      </c>
      <c r="B54315" s="1" t="s">
        <v>181013</v>
      </c>
      <c r="C54315" s="1" t="s">
        <v>150</v>
      </c>
      <c r="D54315" s="1" t="s">
        <v>125556</v>
      </c>
      <c r="E54315" s="1" t="s">
        <v>182745</v>
      </c>
      <c r="F54315" s="1" t="s">
        <v>182746</v>
      </c>
      <c r="G54315" s="1" t="s">
        <v>182654</v>
      </c>
      <c r="H54315" s="1" t="s">
        <v>182655</v>
      </c>
      <c r="I54315" s="1" t="s">
        <v>181018</v>
      </c>
      <c r="J54315" s="1" t="s">
        <v>182747</v>
      </c>
    </row>
    <row r="54316" spans="1:10" x14ac:dyDescent="0.35">
      <c r="A54316" s="1" t="s">
        <v>28178</v>
      </c>
      <c r="B54316" s="1" t="s">
        <v>181013</v>
      </c>
      <c r="C54316" s="1" t="s">
        <v>155</v>
      </c>
      <c r="D54316" s="1" t="s">
        <v>42382</v>
      </c>
      <c r="E54316" s="1" t="s">
        <v>182748</v>
      </c>
      <c r="F54316" s="1" t="s">
        <v>182749</v>
      </c>
      <c r="G54316" s="1" t="s">
        <v>182654</v>
      </c>
      <c r="H54316" s="1" t="s">
        <v>182655</v>
      </c>
      <c r="I54316" s="1" t="s">
        <v>181018</v>
      </c>
      <c r="J54316" s="1" t="s">
        <v>182750</v>
      </c>
    </row>
    <row r="54317" spans="1:10" x14ac:dyDescent="0.35">
      <c r="A54317" s="1" t="s">
        <v>28178</v>
      </c>
      <c r="B54317" s="1" t="s">
        <v>181013</v>
      </c>
      <c r="C54317" s="1" t="s">
        <v>160</v>
      </c>
      <c r="D54317" s="1" t="s">
        <v>18278</v>
      </c>
      <c r="E54317" s="1" t="s">
        <v>182751</v>
      </c>
      <c r="F54317" s="1" t="s">
        <v>182752</v>
      </c>
      <c r="G54317" s="1" t="s">
        <v>182654</v>
      </c>
      <c r="H54317" s="1" t="s">
        <v>182655</v>
      </c>
      <c r="I54317" s="1" t="s">
        <v>181018</v>
      </c>
      <c r="J54317" s="1" t="s">
        <v>182753</v>
      </c>
    </row>
    <row r="54318" spans="1:10" x14ac:dyDescent="0.35">
      <c r="A54318" s="1" t="s">
        <v>28178</v>
      </c>
      <c r="B54318" s="1" t="s">
        <v>181013</v>
      </c>
      <c r="C54318" s="1" t="s">
        <v>165</v>
      </c>
      <c r="D54318" s="1" t="s">
        <v>124535</v>
      </c>
      <c r="E54318" s="1" t="s">
        <v>182754</v>
      </c>
      <c r="F54318" s="1" t="s">
        <v>182755</v>
      </c>
      <c r="G54318" s="1" t="s">
        <v>182654</v>
      </c>
      <c r="H54318" s="1" t="s">
        <v>182655</v>
      </c>
      <c r="I54318" s="1" t="s">
        <v>181018</v>
      </c>
      <c r="J54318" s="1" t="s">
        <v>182756</v>
      </c>
    </row>
    <row r="54319" spans="1:10" x14ac:dyDescent="0.35">
      <c r="A54319" s="1" t="s">
        <v>28178</v>
      </c>
      <c r="B54319" s="1" t="s">
        <v>181013</v>
      </c>
      <c r="C54319" s="1" t="s">
        <v>170</v>
      </c>
      <c r="D54319" s="1" t="s">
        <v>182757</v>
      </c>
      <c r="E54319" s="1" t="s">
        <v>182758</v>
      </c>
      <c r="F54319" s="1" t="s">
        <v>182759</v>
      </c>
      <c r="G54319" s="1" t="s">
        <v>182654</v>
      </c>
      <c r="H54319" s="1" t="s">
        <v>182655</v>
      </c>
      <c r="I54319" s="1" t="s">
        <v>181018</v>
      </c>
      <c r="J54319" s="1" t="s">
        <v>182760</v>
      </c>
    </row>
    <row r="54320" spans="1:10" x14ac:dyDescent="0.35">
      <c r="A54320" s="1" t="s">
        <v>143046</v>
      </c>
      <c r="B54320" s="1" t="s">
        <v>182761</v>
      </c>
      <c r="C54320" s="1" t="s">
        <v>8</v>
      </c>
      <c r="D54320" s="1" t="s">
        <v>46585</v>
      </c>
      <c r="E54320" s="1" t="s">
        <v>182762</v>
      </c>
      <c r="F54320" s="1" t="s">
        <v>182763</v>
      </c>
      <c r="G54320" s="1" t="s">
        <v>182764</v>
      </c>
      <c r="H54320" s="1" t="s">
        <v>182765</v>
      </c>
      <c r="I54320" s="1" t="s">
        <v>182766</v>
      </c>
      <c r="J54320" s="1" t="s">
        <v>13</v>
      </c>
    </row>
    <row r="54321" spans="1:10" x14ac:dyDescent="0.35">
      <c r="A54321" s="1" t="s">
        <v>143046</v>
      </c>
      <c r="B54321" s="1" t="s">
        <v>182761</v>
      </c>
      <c r="C54321" s="1" t="s">
        <v>15</v>
      </c>
      <c r="D54321" s="1" t="s">
        <v>71323</v>
      </c>
      <c r="E54321" s="1" t="s">
        <v>182767</v>
      </c>
      <c r="F54321" s="1" t="s">
        <v>182768</v>
      </c>
      <c r="G54321" s="1" t="s">
        <v>182764</v>
      </c>
      <c r="H54321" s="1" t="s">
        <v>182765</v>
      </c>
      <c r="I54321" s="1" t="s">
        <v>182766</v>
      </c>
      <c r="J54321" s="1" t="s">
        <v>182769</v>
      </c>
    </row>
    <row r="54322" spans="1:10" x14ac:dyDescent="0.35">
      <c r="A54322" s="1" t="s">
        <v>143046</v>
      </c>
      <c r="B54322" s="1" t="s">
        <v>182761</v>
      </c>
      <c r="C54322" s="1" t="s">
        <v>20</v>
      </c>
      <c r="D54322" s="1" t="s">
        <v>181995</v>
      </c>
      <c r="E54322" s="1" t="s">
        <v>182770</v>
      </c>
      <c r="F54322" s="1" t="s">
        <v>182771</v>
      </c>
      <c r="G54322" s="1" t="s">
        <v>182764</v>
      </c>
      <c r="H54322" s="1" t="s">
        <v>182765</v>
      </c>
      <c r="I54322" s="1" t="s">
        <v>182766</v>
      </c>
      <c r="J54322" s="1" t="s">
        <v>182772</v>
      </c>
    </row>
    <row r="54323" spans="1:10" x14ac:dyDescent="0.35">
      <c r="A54323" s="1" t="s">
        <v>143046</v>
      </c>
      <c r="B54323" s="1" t="s">
        <v>182761</v>
      </c>
      <c r="C54323" s="1" t="s">
        <v>25</v>
      </c>
      <c r="D54323" s="1" t="s">
        <v>168508</v>
      </c>
      <c r="E54323" s="1" t="s">
        <v>182773</v>
      </c>
      <c r="F54323" s="1" t="s">
        <v>182774</v>
      </c>
      <c r="G54323" s="1" t="s">
        <v>182764</v>
      </c>
      <c r="H54323" s="1" t="s">
        <v>182765</v>
      </c>
      <c r="I54323" s="1" t="s">
        <v>182766</v>
      </c>
      <c r="J54323" s="1" t="s">
        <v>182775</v>
      </c>
    </row>
    <row r="54324" spans="1:10" x14ac:dyDescent="0.35">
      <c r="A54324" s="1" t="s">
        <v>143046</v>
      </c>
      <c r="B54324" s="1" t="s">
        <v>182761</v>
      </c>
      <c r="C54324" s="1" t="s">
        <v>30</v>
      </c>
      <c r="D54324" s="1" t="s">
        <v>150737</v>
      </c>
      <c r="E54324" s="1" t="s">
        <v>182776</v>
      </c>
      <c r="F54324" s="1" t="s">
        <v>182777</v>
      </c>
      <c r="G54324" s="1" t="s">
        <v>182764</v>
      </c>
      <c r="H54324" s="1" t="s">
        <v>182765</v>
      </c>
      <c r="I54324" s="1" t="s">
        <v>182766</v>
      </c>
      <c r="J54324" s="1" t="s">
        <v>182778</v>
      </c>
    </row>
    <row r="54325" spans="1:10" x14ac:dyDescent="0.35">
      <c r="A54325" s="1" t="s">
        <v>143046</v>
      </c>
      <c r="B54325" s="1" t="s">
        <v>182761</v>
      </c>
      <c r="C54325" s="1" t="s">
        <v>35</v>
      </c>
      <c r="D54325" s="1" t="s">
        <v>182779</v>
      </c>
      <c r="E54325" s="1" t="s">
        <v>182780</v>
      </c>
      <c r="F54325" s="1" t="s">
        <v>182781</v>
      </c>
      <c r="G54325" s="1" t="s">
        <v>182764</v>
      </c>
      <c r="H54325" s="1" t="s">
        <v>182765</v>
      </c>
      <c r="I54325" s="1" t="s">
        <v>182766</v>
      </c>
      <c r="J54325" s="1" t="s">
        <v>182782</v>
      </c>
    </row>
    <row r="54326" spans="1:10" x14ac:dyDescent="0.35">
      <c r="A54326" s="1" t="s">
        <v>143046</v>
      </c>
      <c r="B54326" s="1" t="s">
        <v>182761</v>
      </c>
      <c r="C54326" s="1" t="s">
        <v>40</v>
      </c>
      <c r="D54326" s="1" t="s">
        <v>116002</v>
      </c>
      <c r="E54326" s="1" t="s">
        <v>182783</v>
      </c>
      <c r="F54326" s="1" t="s">
        <v>182784</v>
      </c>
      <c r="G54326" s="1" t="s">
        <v>182764</v>
      </c>
      <c r="H54326" s="1" t="s">
        <v>182765</v>
      </c>
      <c r="I54326" s="1" t="s">
        <v>182766</v>
      </c>
      <c r="J54326" s="1" t="s">
        <v>182785</v>
      </c>
    </row>
    <row r="54327" spans="1:10" x14ac:dyDescent="0.35">
      <c r="A54327" s="1" t="s">
        <v>143046</v>
      </c>
      <c r="B54327" s="1" t="s">
        <v>182761</v>
      </c>
      <c r="C54327" s="1" t="s">
        <v>45</v>
      </c>
      <c r="D54327" s="1" t="s">
        <v>148785</v>
      </c>
      <c r="E54327" s="1" t="s">
        <v>182786</v>
      </c>
      <c r="F54327" s="1" t="s">
        <v>182787</v>
      </c>
      <c r="G54327" s="1" t="s">
        <v>182764</v>
      </c>
      <c r="H54327" s="1" t="s">
        <v>182765</v>
      </c>
      <c r="I54327" s="1" t="s">
        <v>182766</v>
      </c>
      <c r="J54327" s="1" t="s">
        <v>182788</v>
      </c>
    </row>
    <row r="54328" spans="1:10" x14ac:dyDescent="0.35">
      <c r="A54328" s="1" t="s">
        <v>143046</v>
      </c>
      <c r="B54328" s="1" t="s">
        <v>182761</v>
      </c>
      <c r="C54328" s="1" t="s">
        <v>50</v>
      </c>
      <c r="D54328" s="1" t="s">
        <v>83513</v>
      </c>
      <c r="E54328" s="1" t="s">
        <v>182789</v>
      </c>
      <c r="F54328" s="1" t="s">
        <v>182790</v>
      </c>
      <c r="G54328" s="1" t="s">
        <v>182764</v>
      </c>
      <c r="H54328" s="1" t="s">
        <v>182765</v>
      </c>
      <c r="I54328" s="1" t="s">
        <v>182766</v>
      </c>
      <c r="J54328" s="1" t="s">
        <v>182791</v>
      </c>
    </row>
    <row r="54329" spans="1:10" x14ac:dyDescent="0.35">
      <c r="A54329" s="1" t="s">
        <v>143046</v>
      </c>
      <c r="B54329" s="1" t="s">
        <v>182761</v>
      </c>
      <c r="C54329" s="1" t="s">
        <v>55</v>
      </c>
      <c r="D54329" s="1" t="s">
        <v>178148</v>
      </c>
      <c r="E54329" s="1" t="s">
        <v>182792</v>
      </c>
      <c r="F54329" s="1" t="s">
        <v>182793</v>
      </c>
      <c r="G54329" s="1" t="s">
        <v>182764</v>
      </c>
      <c r="H54329" s="1" t="s">
        <v>182765</v>
      </c>
      <c r="I54329" s="1" t="s">
        <v>182766</v>
      </c>
      <c r="J54329" s="1" t="s">
        <v>182794</v>
      </c>
    </row>
    <row r="54330" spans="1:10" x14ac:dyDescent="0.35">
      <c r="A54330" s="1" t="s">
        <v>143046</v>
      </c>
      <c r="B54330" s="1" t="s">
        <v>182761</v>
      </c>
      <c r="C54330" s="1" t="s">
        <v>60</v>
      </c>
      <c r="D54330" s="1" t="s">
        <v>73820</v>
      </c>
      <c r="E54330" s="1" t="s">
        <v>182795</v>
      </c>
      <c r="F54330" s="1" t="s">
        <v>182796</v>
      </c>
      <c r="G54330" s="1" t="s">
        <v>182764</v>
      </c>
      <c r="H54330" s="1" t="s">
        <v>182765</v>
      </c>
      <c r="I54330" s="1" t="s">
        <v>182766</v>
      </c>
      <c r="J54330" s="1" t="s">
        <v>182797</v>
      </c>
    </row>
    <row r="54331" spans="1:10" x14ac:dyDescent="0.35">
      <c r="A54331" s="1" t="s">
        <v>143046</v>
      </c>
      <c r="B54331" s="1" t="s">
        <v>182761</v>
      </c>
      <c r="C54331" s="1" t="s">
        <v>65</v>
      </c>
      <c r="D54331" s="1" t="s">
        <v>173857</v>
      </c>
      <c r="E54331" s="1" t="s">
        <v>182798</v>
      </c>
      <c r="F54331" s="1" t="s">
        <v>182799</v>
      </c>
      <c r="G54331" s="1" t="s">
        <v>182764</v>
      </c>
      <c r="H54331" s="1" t="s">
        <v>182765</v>
      </c>
      <c r="I54331" s="1" t="s">
        <v>182766</v>
      </c>
      <c r="J54331" s="1" t="s">
        <v>182800</v>
      </c>
    </row>
    <row r="54332" spans="1:10" x14ac:dyDescent="0.35">
      <c r="A54332" s="1" t="s">
        <v>143046</v>
      </c>
      <c r="B54332" s="1" t="s">
        <v>182761</v>
      </c>
      <c r="C54332" s="1" t="s">
        <v>70</v>
      </c>
      <c r="D54332" s="1" t="s">
        <v>114748</v>
      </c>
      <c r="E54332" s="1" t="s">
        <v>182801</v>
      </c>
      <c r="F54332" s="1" t="s">
        <v>182802</v>
      </c>
      <c r="G54332" s="1" t="s">
        <v>182764</v>
      </c>
      <c r="H54332" s="1" t="s">
        <v>182765</v>
      </c>
      <c r="I54332" s="1" t="s">
        <v>182766</v>
      </c>
      <c r="J54332" s="1" t="s">
        <v>182803</v>
      </c>
    </row>
    <row r="54333" spans="1:10" x14ac:dyDescent="0.35">
      <c r="A54333" s="1" t="s">
        <v>143046</v>
      </c>
      <c r="B54333" s="1" t="s">
        <v>182761</v>
      </c>
      <c r="C54333" s="1" t="s">
        <v>75</v>
      </c>
      <c r="D54333" s="1" t="s">
        <v>174420</v>
      </c>
      <c r="E54333" s="1" t="s">
        <v>182804</v>
      </c>
      <c r="F54333" s="1" t="s">
        <v>182805</v>
      </c>
      <c r="G54333" s="1" t="s">
        <v>182764</v>
      </c>
      <c r="H54333" s="1" t="s">
        <v>182765</v>
      </c>
      <c r="I54333" s="1" t="s">
        <v>182766</v>
      </c>
      <c r="J54333" s="1" t="s">
        <v>182806</v>
      </c>
    </row>
    <row r="54334" spans="1:10" x14ac:dyDescent="0.35">
      <c r="A54334" s="1" t="s">
        <v>143046</v>
      </c>
      <c r="B54334" s="1" t="s">
        <v>182761</v>
      </c>
      <c r="C54334" s="1" t="s">
        <v>80</v>
      </c>
      <c r="D54334" s="1" t="s">
        <v>32711</v>
      </c>
      <c r="E54334" s="1" t="s">
        <v>182807</v>
      </c>
      <c r="F54334" s="1" t="s">
        <v>182808</v>
      </c>
      <c r="G54334" s="1" t="s">
        <v>182764</v>
      </c>
      <c r="H54334" s="1" t="s">
        <v>182765</v>
      </c>
      <c r="I54334" s="1" t="s">
        <v>182766</v>
      </c>
      <c r="J54334" s="1" t="s">
        <v>182809</v>
      </c>
    </row>
    <row r="54335" spans="1:10" x14ac:dyDescent="0.35">
      <c r="A54335" s="1" t="s">
        <v>143046</v>
      </c>
      <c r="B54335" s="1" t="s">
        <v>182761</v>
      </c>
      <c r="C54335" s="1" t="s">
        <v>85</v>
      </c>
      <c r="D54335" s="1" t="s">
        <v>182810</v>
      </c>
      <c r="E54335" s="1" t="s">
        <v>182811</v>
      </c>
      <c r="F54335" s="1" t="s">
        <v>182812</v>
      </c>
      <c r="G54335" s="1" t="s">
        <v>182764</v>
      </c>
      <c r="H54335" s="1" t="s">
        <v>182765</v>
      </c>
      <c r="I54335" s="1" t="s">
        <v>182766</v>
      </c>
      <c r="J54335" s="1" t="s">
        <v>143550</v>
      </c>
    </row>
    <row r="54336" spans="1:10" x14ac:dyDescent="0.35">
      <c r="A54336" s="1" t="s">
        <v>143046</v>
      </c>
      <c r="B54336" s="1" t="s">
        <v>182761</v>
      </c>
      <c r="C54336" s="1" t="s">
        <v>90</v>
      </c>
      <c r="D54336" s="1" t="s">
        <v>109427</v>
      </c>
      <c r="E54336" s="1" t="s">
        <v>182813</v>
      </c>
      <c r="F54336" s="1" t="s">
        <v>182814</v>
      </c>
      <c r="G54336" s="1" t="s">
        <v>182764</v>
      </c>
      <c r="H54336" s="1" t="s">
        <v>182765</v>
      </c>
      <c r="I54336" s="1" t="s">
        <v>182766</v>
      </c>
      <c r="J54336" s="1" t="s">
        <v>182815</v>
      </c>
    </row>
    <row r="54337" spans="1:10" x14ac:dyDescent="0.35">
      <c r="A54337" s="1" t="s">
        <v>143046</v>
      </c>
      <c r="B54337" s="1" t="s">
        <v>182761</v>
      </c>
      <c r="C54337" s="1" t="s">
        <v>95</v>
      </c>
      <c r="D54337" s="1" t="s">
        <v>182816</v>
      </c>
      <c r="E54337" s="1" t="s">
        <v>182817</v>
      </c>
      <c r="F54337" s="1" t="s">
        <v>182818</v>
      </c>
      <c r="G54337" s="1" t="s">
        <v>182764</v>
      </c>
      <c r="H54337" s="1" t="s">
        <v>182765</v>
      </c>
      <c r="I54337" s="1" t="s">
        <v>182766</v>
      </c>
      <c r="J54337" s="1" t="s">
        <v>182819</v>
      </c>
    </row>
    <row r="54338" spans="1:10" x14ac:dyDescent="0.35">
      <c r="A54338" s="1" t="s">
        <v>143046</v>
      </c>
      <c r="B54338" s="1" t="s">
        <v>182761</v>
      </c>
      <c r="C54338" s="1" t="s">
        <v>100</v>
      </c>
      <c r="D54338" s="1" t="s">
        <v>11393</v>
      </c>
      <c r="E54338" s="1" t="s">
        <v>182820</v>
      </c>
      <c r="F54338" s="1" t="s">
        <v>182821</v>
      </c>
      <c r="G54338" s="1" t="s">
        <v>182764</v>
      </c>
      <c r="H54338" s="1" t="s">
        <v>182765</v>
      </c>
      <c r="I54338" s="1" t="s">
        <v>182766</v>
      </c>
      <c r="J54338" s="1" t="s">
        <v>182822</v>
      </c>
    </row>
    <row r="54339" spans="1:10" x14ac:dyDescent="0.35">
      <c r="A54339" s="1" t="s">
        <v>143046</v>
      </c>
      <c r="B54339" s="1" t="s">
        <v>182761</v>
      </c>
      <c r="C54339" s="1" t="s">
        <v>105</v>
      </c>
      <c r="D54339" s="1" t="s">
        <v>173336</v>
      </c>
      <c r="E54339" s="1" t="s">
        <v>182823</v>
      </c>
      <c r="F54339" s="1" t="s">
        <v>182824</v>
      </c>
      <c r="G54339" s="1" t="s">
        <v>182764</v>
      </c>
      <c r="H54339" s="1" t="s">
        <v>182765</v>
      </c>
      <c r="I54339" s="1" t="s">
        <v>182766</v>
      </c>
      <c r="J54339" s="1" t="s">
        <v>182825</v>
      </c>
    </row>
    <row r="54340" spans="1:10" x14ac:dyDescent="0.35">
      <c r="A54340" s="1" t="s">
        <v>143046</v>
      </c>
      <c r="B54340" s="1" t="s">
        <v>182761</v>
      </c>
      <c r="C54340" s="1" t="s">
        <v>110</v>
      </c>
      <c r="D54340" s="1" t="s">
        <v>182826</v>
      </c>
      <c r="E54340" s="1" t="s">
        <v>182827</v>
      </c>
      <c r="F54340" s="1" t="s">
        <v>182828</v>
      </c>
      <c r="G54340" s="1" t="s">
        <v>182764</v>
      </c>
      <c r="H54340" s="1" t="s">
        <v>182765</v>
      </c>
      <c r="I54340" s="1" t="s">
        <v>182766</v>
      </c>
      <c r="J54340" s="1" t="s">
        <v>182829</v>
      </c>
    </row>
    <row r="54341" spans="1:10" x14ac:dyDescent="0.35">
      <c r="A54341" s="1" t="s">
        <v>143046</v>
      </c>
      <c r="B54341" s="1" t="s">
        <v>182761</v>
      </c>
      <c r="C54341" s="1" t="s">
        <v>115</v>
      </c>
      <c r="D54341" s="1" t="s">
        <v>182830</v>
      </c>
      <c r="E54341" s="1" t="s">
        <v>122717</v>
      </c>
      <c r="F54341" s="1" t="s">
        <v>182831</v>
      </c>
      <c r="G54341" s="1" t="s">
        <v>182764</v>
      </c>
      <c r="H54341" s="1" t="s">
        <v>182765</v>
      </c>
      <c r="I54341" s="1" t="s">
        <v>182766</v>
      </c>
      <c r="J54341" s="1" t="s">
        <v>182832</v>
      </c>
    </row>
    <row r="54342" spans="1:10" x14ac:dyDescent="0.35">
      <c r="A54342" s="1" t="s">
        <v>143046</v>
      </c>
      <c r="B54342" s="1" t="s">
        <v>182761</v>
      </c>
      <c r="C54342" s="1" t="s">
        <v>120</v>
      </c>
      <c r="D54342" s="1" t="s">
        <v>182833</v>
      </c>
      <c r="E54342" s="1" t="s">
        <v>182834</v>
      </c>
      <c r="F54342" s="1" t="s">
        <v>182835</v>
      </c>
      <c r="G54342" s="1" t="s">
        <v>182764</v>
      </c>
      <c r="H54342" s="1" t="s">
        <v>182765</v>
      </c>
      <c r="I54342" s="1" t="s">
        <v>182766</v>
      </c>
      <c r="J54342" s="1" t="s">
        <v>182836</v>
      </c>
    </row>
    <row r="54343" spans="1:10" x14ac:dyDescent="0.35">
      <c r="A54343" s="1" t="s">
        <v>143046</v>
      </c>
      <c r="B54343" s="1" t="s">
        <v>182761</v>
      </c>
      <c r="C54343" s="1" t="s">
        <v>125</v>
      </c>
      <c r="D54343" s="1" t="s">
        <v>182837</v>
      </c>
      <c r="E54343" s="1" t="s">
        <v>182838</v>
      </c>
      <c r="F54343" s="1" t="s">
        <v>182839</v>
      </c>
      <c r="G54343" s="1" t="s">
        <v>182764</v>
      </c>
      <c r="H54343" s="1" t="s">
        <v>182765</v>
      </c>
      <c r="I54343" s="1" t="s">
        <v>182766</v>
      </c>
      <c r="J54343" s="1" t="s">
        <v>182840</v>
      </c>
    </row>
    <row r="54344" spans="1:10" x14ac:dyDescent="0.35">
      <c r="A54344" s="1" t="s">
        <v>143046</v>
      </c>
      <c r="B54344" s="1" t="s">
        <v>182761</v>
      </c>
      <c r="C54344" s="1" t="s">
        <v>130</v>
      </c>
      <c r="D54344" s="1" t="s">
        <v>142195</v>
      </c>
      <c r="E54344" s="1" t="s">
        <v>182841</v>
      </c>
      <c r="F54344" s="1" t="s">
        <v>182842</v>
      </c>
      <c r="G54344" s="1" t="s">
        <v>182764</v>
      </c>
      <c r="H54344" s="1" t="s">
        <v>182765</v>
      </c>
      <c r="I54344" s="1" t="s">
        <v>182766</v>
      </c>
      <c r="J54344" s="1" t="s">
        <v>182843</v>
      </c>
    </row>
    <row r="54345" spans="1:10" x14ac:dyDescent="0.35">
      <c r="A54345" s="1" t="s">
        <v>143046</v>
      </c>
      <c r="B54345" s="1" t="s">
        <v>182761</v>
      </c>
      <c r="C54345" s="1" t="s">
        <v>135</v>
      </c>
      <c r="D54345" s="1" t="s">
        <v>63664</v>
      </c>
      <c r="E54345" s="1" t="s">
        <v>182844</v>
      </c>
      <c r="F54345" s="1" t="s">
        <v>182845</v>
      </c>
      <c r="G54345" s="1" t="s">
        <v>182764</v>
      </c>
      <c r="H54345" s="1" t="s">
        <v>182765</v>
      </c>
      <c r="I54345" s="1" t="s">
        <v>182766</v>
      </c>
      <c r="J54345" s="1" t="s">
        <v>182846</v>
      </c>
    </row>
    <row r="54346" spans="1:10" x14ac:dyDescent="0.35">
      <c r="A54346" s="1" t="s">
        <v>143046</v>
      </c>
      <c r="B54346" s="1" t="s">
        <v>182761</v>
      </c>
      <c r="C54346" s="1" t="s">
        <v>140</v>
      </c>
      <c r="D54346" s="1" t="s">
        <v>182847</v>
      </c>
      <c r="E54346" s="1" t="s">
        <v>182848</v>
      </c>
      <c r="F54346" s="1" t="s">
        <v>182849</v>
      </c>
      <c r="G54346" s="1" t="s">
        <v>182764</v>
      </c>
      <c r="H54346" s="1" t="s">
        <v>182765</v>
      </c>
      <c r="I54346" s="1" t="s">
        <v>182766</v>
      </c>
      <c r="J54346" s="1" t="s">
        <v>182850</v>
      </c>
    </row>
    <row r="54347" spans="1:10" x14ac:dyDescent="0.35">
      <c r="A54347" s="1" t="s">
        <v>143046</v>
      </c>
      <c r="B54347" s="1" t="s">
        <v>182761</v>
      </c>
      <c r="C54347" s="1" t="s">
        <v>145</v>
      </c>
      <c r="D54347" s="1" t="s">
        <v>182851</v>
      </c>
      <c r="E54347" s="1" t="s">
        <v>182852</v>
      </c>
      <c r="F54347" s="1" t="s">
        <v>182853</v>
      </c>
      <c r="G54347" s="1" t="s">
        <v>182764</v>
      </c>
      <c r="H54347" s="1" t="s">
        <v>182765</v>
      </c>
      <c r="I54347" s="1" t="s">
        <v>182766</v>
      </c>
      <c r="J54347" s="1" t="s">
        <v>182854</v>
      </c>
    </row>
    <row r="54348" spans="1:10" x14ac:dyDescent="0.35">
      <c r="A54348" s="1" t="s">
        <v>143046</v>
      </c>
      <c r="B54348" s="1" t="s">
        <v>182761</v>
      </c>
      <c r="C54348" s="1" t="s">
        <v>150</v>
      </c>
      <c r="D54348" s="1" t="s">
        <v>182855</v>
      </c>
      <c r="E54348" s="1" t="s">
        <v>182856</v>
      </c>
      <c r="F54348" s="1" t="s">
        <v>182857</v>
      </c>
      <c r="G54348" s="1" t="s">
        <v>182764</v>
      </c>
      <c r="H54348" s="1" t="s">
        <v>182765</v>
      </c>
      <c r="I54348" s="1" t="s">
        <v>182766</v>
      </c>
      <c r="J54348" s="1" t="s">
        <v>182858</v>
      </c>
    </row>
    <row r="54349" spans="1:10" x14ac:dyDescent="0.35">
      <c r="A54349" s="1" t="s">
        <v>143046</v>
      </c>
      <c r="B54349" s="1" t="s">
        <v>182761</v>
      </c>
      <c r="C54349" s="1" t="s">
        <v>155</v>
      </c>
      <c r="D54349" s="1" t="s">
        <v>102794</v>
      </c>
      <c r="E54349" s="1" t="s">
        <v>182859</v>
      </c>
      <c r="F54349" s="1" t="s">
        <v>182860</v>
      </c>
      <c r="G54349" s="1" t="s">
        <v>182764</v>
      </c>
      <c r="H54349" s="1" t="s">
        <v>182765</v>
      </c>
      <c r="I54349" s="1" t="s">
        <v>182766</v>
      </c>
      <c r="J54349" s="1" t="s">
        <v>182861</v>
      </c>
    </row>
    <row r="54350" spans="1:10" x14ac:dyDescent="0.35">
      <c r="A54350" s="1" t="s">
        <v>143046</v>
      </c>
      <c r="B54350" s="1" t="s">
        <v>182761</v>
      </c>
      <c r="C54350" s="1" t="s">
        <v>160</v>
      </c>
      <c r="D54350" s="1" t="s">
        <v>182862</v>
      </c>
      <c r="E54350" s="1" t="s">
        <v>182863</v>
      </c>
      <c r="F54350" s="1" t="s">
        <v>182864</v>
      </c>
      <c r="G54350" s="1" t="s">
        <v>182764</v>
      </c>
      <c r="H54350" s="1" t="s">
        <v>182765</v>
      </c>
      <c r="I54350" s="1" t="s">
        <v>182766</v>
      </c>
      <c r="J54350" s="1" t="s">
        <v>182865</v>
      </c>
    </row>
    <row r="54351" spans="1:10" x14ac:dyDescent="0.35">
      <c r="A54351" s="1" t="s">
        <v>143046</v>
      </c>
      <c r="B54351" s="1" t="s">
        <v>182761</v>
      </c>
      <c r="C54351" s="1" t="s">
        <v>165</v>
      </c>
      <c r="D54351" s="1" t="s">
        <v>137241</v>
      </c>
      <c r="E54351" s="1" t="s">
        <v>182866</v>
      </c>
      <c r="F54351" s="1" t="s">
        <v>182867</v>
      </c>
      <c r="G54351" s="1" t="s">
        <v>182764</v>
      </c>
      <c r="H54351" s="1" t="s">
        <v>182765</v>
      </c>
      <c r="I54351" s="1" t="s">
        <v>182766</v>
      </c>
      <c r="J54351" s="1" t="s">
        <v>182868</v>
      </c>
    </row>
    <row r="54352" spans="1:10" x14ac:dyDescent="0.35">
      <c r="A54352" s="1" t="s">
        <v>143046</v>
      </c>
      <c r="B54352" s="1" t="s">
        <v>182761</v>
      </c>
      <c r="C54352" s="1" t="s">
        <v>170</v>
      </c>
      <c r="D54352" s="1" t="s">
        <v>134341</v>
      </c>
      <c r="E54352" s="1" t="s">
        <v>182869</v>
      </c>
      <c r="F54352" s="1" t="s">
        <v>182870</v>
      </c>
      <c r="G54352" s="1" t="s">
        <v>182764</v>
      </c>
      <c r="H54352" s="1" t="s">
        <v>182765</v>
      </c>
      <c r="I54352" s="1" t="s">
        <v>182766</v>
      </c>
      <c r="J54352" s="1" t="s">
        <v>182871</v>
      </c>
    </row>
    <row r="54353" spans="1:10" x14ac:dyDescent="0.35">
      <c r="A54353" s="1" t="s">
        <v>14983</v>
      </c>
      <c r="B54353" s="1" t="s">
        <v>182761</v>
      </c>
      <c r="C54353" s="1" t="s">
        <v>8</v>
      </c>
      <c r="D54353" s="1" t="s">
        <v>47998</v>
      </c>
      <c r="E54353" s="1" t="s">
        <v>182872</v>
      </c>
      <c r="F54353" s="1" t="s">
        <v>182873</v>
      </c>
      <c r="G54353" s="1" t="s">
        <v>182874</v>
      </c>
      <c r="H54353" s="1" t="s">
        <v>182875</v>
      </c>
      <c r="I54353" s="1" t="s">
        <v>182766</v>
      </c>
      <c r="J54353" s="1" t="s">
        <v>13</v>
      </c>
    </row>
    <row r="54354" spans="1:10" x14ac:dyDescent="0.35">
      <c r="A54354" s="1" t="s">
        <v>14983</v>
      </c>
      <c r="B54354" s="1" t="s">
        <v>182761</v>
      </c>
      <c r="C54354" s="1" t="s">
        <v>15</v>
      </c>
      <c r="D54354" s="1" t="s">
        <v>125343</v>
      </c>
      <c r="E54354" s="1" t="s">
        <v>182876</v>
      </c>
      <c r="F54354" s="1" t="s">
        <v>182877</v>
      </c>
      <c r="G54354" s="1" t="s">
        <v>182874</v>
      </c>
      <c r="H54354" s="1" t="s">
        <v>182875</v>
      </c>
      <c r="I54354" s="1" t="s">
        <v>182766</v>
      </c>
      <c r="J54354" s="1" t="s">
        <v>182878</v>
      </c>
    </row>
    <row r="54355" spans="1:10" x14ac:dyDescent="0.35">
      <c r="A54355" s="1" t="s">
        <v>14983</v>
      </c>
      <c r="B54355" s="1" t="s">
        <v>182761</v>
      </c>
      <c r="C54355" s="1" t="s">
        <v>20</v>
      </c>
      <c r="D54355" s="1" t="s">
        <v>36969</v>
      </c>
      <c r="E54355" s="1" t="s">
        <v>182879</v>
      </c>
      <c r="F54355" s="1" t="s">
        <v>182880</v>
      </c>
      <c r="G54355" s="1" t="s">
        <v>182874</v>
      </c>
      <c r="H54355" s="1" t="s">
        <v>182875</v>
      </c>
      <c r="I54355" s="1" t="s">
        <v>182766</v>
      </c>
      <c r="J54355" s="1" t="s">
        <v>182881</v>
      </c>
    </row>
    <row r="54356" spans="1:10" x14ac:dyDescent="0.35">
      <c r="A54356" s="1" t="s">
        <v>14983</v>
      </c>
      <c r="B54356" s="1" t="s">
        <v>182761</v>
      </c>
      <c r="C54356" s="1" t="s">
        <v>25</v>
      </c>
      <c r="D54356" s="1" t="s">
        <v>182496</v>
      </c>
      <c r="E54356" s="1" t="s">
        <v>182882</v>
      </c>
      <c r="F54356" s="1" t="s">
        <v>182883</v>
      </c>
      <c r="G54356" s="1" t="s">
        <v>182874</v>
      </c>
      <c r="H54356" s="1" t="s">
        <v>182875</v>
      </c>
      <c r="I54356" s="1" t="s">
        <v>182766</v>
      </c>
      <c r="J54356" s="1" t="s">
        <v>182884</v>
      </c>
    </row>
    <row r="54357" spans="1:10" x14ac:dyDescent="0.35">
      <c r="A54357" s="1" t="s">
        <v>14983</v>
      </c>
      <c r="B54357" s="1" t="s">
        <v>182761</v>
      </c>
      <c r="C54357" s="1" t="s">
        <v>30</v>
      </c>
      <c r="D54357" s="1" t="s">
        <v>182885</v>
      </c>
      <c r="E54357" s="1" t="s">
        <v>182886</v>
      </c>
      <c r="F54357" s="1" t="s">
        <v>182887</v>
      </c>
      <c r="G54357" s="1" t="s">
        <v>182874</v>
      </c>
      <c r="H54357" s="1" t="s">
        <v>182875</v>
      </c>
      <c r="I54357" s="1" t="s">
        <v>182766</v>
      </c>
      <c r="J54357" s="1" t="s">
        <v>182888</v>
      </c>
    </row>
    <row r="54358" spans="1:10" x14ac:dyDescent="0.35">
      <c r="A54358" s="1" t="s">
        <v>14983</v>
      </c>
      <c r="B54358" s="1" t="s">
        <v>182761</v>
      </c>
      <c r="C54358" s="1" t="s">
        <v>35</v>
      </c>
      <c r="D54358" s="1" t="s">
        <v>37110</v>
      </c>
      <c r="E54358" s="1" t="s">
        <v>182889</v>
      </c>
      <c r="F54358" s="1" t="s">
        <v>182890</v>
      </c>
      <c r="G54358" s="1" t="s">
        <v>182874</v>
      </c>
      <c r="H54358" s="1" t="s">
        <v>182875</v>
      </c>
      <c r="I54358" s="1" t="s">
        <v>182766</v>
      </c>
      <c r="J54358" s="1" t="s">
        <v>182891</v>
      </c>
    </row>
    <row r="54359" spans="1:10" x14ac:dyDescent="0.35">
      <c r="A54359" s="1" t="s">
        <v>14983</v>
      </c>
      <c r="B54359" s="1" t="s">
        <v>182761</v>
      </c>
      <c r="C54359" s="1" t="s">
        <v>40</v>
      </c>
      <c r="D54359" s="1" t="s">
        <v>48812</v>
      </c>
      <c r="E54359" s="1" t="s">
        <v>182892</v>
      </c>
      <c r="F54359" s="1" t="s">
        <v>182893</v>
      </c>
      <c r="G54359" s="1" t="s">
        <v>182874</v>
      </c>
      <c r="H54359" s="1" t="s">
        <v>182875</v>
      </c>
      <c r="I54359" s="1" t="s">
        <v>182766</v>
      </c>
      <c r="J54359" s="1" t="s">
        <v>182894</v>
      </c>
    </row>
    <row r="54360" spans="1:10" x14ac:dyDescent="0.35">
      <c r="A54360" s="1" t="s">
        <v>14983</v>
      </c>
      <c r="B54360" s="1" t="s">
        <v>182761</v>
      </c>
      <c r="C54360" s="1" t="s">
        <v>45</v>
      </c>
      <c r="D54360" s="1" t="s">
        <v>43932</v>
      </c>
      <c r="E54360" s="1" t="s">
        <v>182895</v>
      </c>
      <c r="F54360" s="1" t="s">
        <v>182896</v>
      </c>
      <c r="G54360" s="1" t="s">
        <v>182874</v>
      </c>
      <c r="H54360" s="1" t="s">
        <v>182875</v>
      </c>
      <c r="I54360" s="1" t="s">
        <v>182766</v>
      </c>
      <c r="J54360" s="1" t="s">
        <v>182897</v>
      </c>
    </row>
    <row r="54361" spans="1:10" x14ac:dyDescent="0.35">
      <c r="A54361" s="1" t="s">
        <v>14983</v>
      </c>
      <c r="B54361" s="1" t="s">
        <v>182761</v>
      </c>
      <c r="C54361" s="1" t="s">
        <v>50</v>
      </c>
      <c r="D54361" s="1" t="s">
        <v>159916</v>
      </c>
      <c r="E54361" s="1" t="s">
        <v>182898</v>
      </c>
      <c r="F54361" s="1" t="s">
        <v>182899</v>
      </c>
      <c r="G54361" s="1" t="s">
        <v>182874</v>
      </c>
      <c r="H54361" s="1" t="s">
        <v>182875</v>
      </c>
      <c r="I54361" s="1" t="s">
        <v>182766</v>
      </c>
      <c r="J54361" s="1" t="s">
        <v>182900</v>
      </c>
    </row>
    <row r="54362" spans="1:10" x14ac:dyDescent="0.35">
      <c r="A54362" s="1" t="s">
        <v>14983</v>
      </c>
      <c r="B54362" s="1" t="s">
        <v>182761</v>
      </c>
      <c r="C54362" s="1" t="s">
        <v>55</v>
      </c>
      <c r="D54362" s="1" t="s">
        <v>182901</v>
      </c>
      <c r="E54362" s="1" t="s">
        <v>182902</v>
      </c>
      <c r="F54362" s="1" t="s">
        <v>182903</v>
      </c>
      <c r="G54362" s="1" t="s">
        <v>182874</v>
      </c>
      <c r="H54362" s="1" t="s">
        <v>182875</v>
      </c>
      <c r="I54362" s="1" t="s">
        <v>182766</v>
      </c>
      <c r="J54362" s="1" t="s">
        <v>182904</v>
      </c>
    </row>
    <row r="54363" spans="1:10" x14ac:dyDescent="0.35">
      <c r="A54363" s="1" t="s">
        <v>14983</v>
      </c>
      <c r="B54363" s="1" t="s">
        <v>182761</v>
      </c>
      <c r="C54363" s="1" t="s">
        <v>60</v>
      </c>
      <c r="D54363" s="1" t="s">
        <v>32039</v>
      </c>
      <c r="E54363" s="1" t="s">
        <v>182905</v>
      </c>
      <c r="F54363" s="1" t="s">
        <v>182906</v>
      </c>
      <c r="G54363" s="1" t="s">
        <v>182874</v>
      </c>
      <c r="H54363" s="1" t="s">
        <v>182875</v>
      </c>
      <c r="I54363" s="1" t="s">
        <v>182766</v>
      </c>
      <c r="J54363" s="1" t="s">
        <v>182907</v>
      </c>
    </row>
    <row r="54364" spans="1:10" x14ac:dyDescent="0.35">
      <c r="A54364" s="1" t="s">
        <v>14983</v>
      </c>
      <c r="B54364" s="1" t="s">
        <v>182761</v>
      </c>
      <c r="C54364" s="1" t="s">
        <v>65</v>
      </c>
      <c r="D54364" s="1" t="s">
        <v>182908</v>
      </c>
      <c r="E54364" s="1" t="s">
        <v>182909</v>
      </c>
      <c r="F54364" s="1" t="s">
        <v>182910</v>
      </c>
      <c r="G54364" s="1" t="s">
        <v>182874</v>
      </c>
      <c r="H54364" s="1" t="s">
        <v>182875</v>
      </c>
      <c r="I54364" s="1" t="s">
        <v>182766</v>
      </c>
      <c r="J54364" s="1" t="s">
        <v>182911</v>
      </c>
    </row>
    <row r="54365" spans="1:10" x14ac:dyDescent="0.35">
      <c r="A54365" s="1" t="s">
        <v>14983</v>
      </c>
      <c r="B54365" s="1" t="s">
        <v>182761</v>
      </c>
      <c r="C54365" s="1" t="s">
        <v>70</v>
      </c>
      <c r="D54365" s="1" t="s">
        <v>42250</v>
      </c>
      <c r="E54365" s="1" t="s">
        <v>182912</v>
      </c>
      <c r="F54365" s="1" t="s">
        <v>182913</v>
      </c>
      <c r="G54365" s="1" t="s">
        <v>182874</v>
      </c>
      <c r="H54365" s="1" t="s">
        <v>182875</v>
      </c>
      <c r="I54365" s="1" t="s">
        <v>182766</v>
      </c>
      <c r="J54365" s="1" t="s">
        <v>182914</v>
      </c>
    </row>
    <row r="54366" spans="1:10" x14ac:dyDescent="0.35">
      <c r="A54366" s="1" t="s">
        <v>14983</v>
      </c>
      <c r="B54366" s="1" t="s">
        <v>182761</v>
      </c>
      <c r="C54366" s="1" t="s">
        <v>75</v>
      </c>
      <c r="D54366" s="1" t="s">
        <v>179381</v>
      </c>
      <c r="E54366" s="1" t="s">
        <v>182915</v>
      </c>
      <c r="F54366" s="1" t="s">
        <v>182916</v>
      </c>
      <c r="G54366" s="1" t="s">
        <v>182874</v>
      </c>
      <c r="H54366" s="1" t="s">
        <v>182875</v>
      </c>
      <c r="I54366" s="1" t="s">
        <v>182766</v>
      </c>
      <c r="J54366" s="1" t="s">
        <v>182917</v>
      </c>
    </row>
    <row r="54367" spans="1:10" x14ac:dyDescent="0.35">
      <c r="A54367" s="1" t="s">
        <v>14983</v>
      </c>
      <c r="B54367" s="1" t="s">
        <v>182761</v>
      </c>
      <c r="C54367" s="1" t="s">
        <v>80</v>
      </c>
      <c r="D54367" s="1" t="s">
        <v>67734</v>
      </c>
      <c r="E54367" s="1" t="s">
        <v>182918</v>
      </c>
      <c r="F54367" s="1" t="s">
        <v>182919</v>
      </c>
      <c r="G54367" s="1" t="s">
        <v>182874</v>
      </c>
      <c r="H54367" s="1" t="s">
        <v>182875</v>
      </c>
      <c r="I54367" s="1" t="s">
        <v>182766</v>
      </c>
      <c r="J54367" s="1" t="s">
        <v>182920</v>
      </c>
    </row>
    <row r="54368" spans="1:10" x14ac:dyDescent="0.35">
      <c r="A54368" s="1" t="s">
        <v>14983</v>
      </c>
      <c r="B54368" s="1" t="s">
        <v>182761</v>
      </c>
      <c r="C54368" s="1" t="s">
        <v>85</v>
      </c>
      <c r="D54368" s="1" t="s">
        <v>78406</v>
      </c>
      <c r="E54368" s="1" t="s">
        <v>182921</v>
      </c>
      <c r="F54368" s="1" t="s">
        <v>182922</v>
      </c>
      <c r="G54368" s="1" t="s">
        <v>182874</v>
      </c>
      <c r="H54368" s="1" t="s">
        <v>182875</v>
      </c>
      <c r="I54368" s="1" t="s">
        <v>182766</v>
      </c>
      <c r="J54368" s="1" t="s">
        <v>182923</v>
      </c>
    </row>
    <row r="54369" spans="1:10" x14ac:dyDescent="0.35">
      <c r="A54369" s="1" t="s">
        <v>14983</v>
      </c>
      <c r="B54369" s="1" t="s">
        <v>182761</v>
      </c>
      <c r="C54369" s="1" t="s">
        <v>90</v>
      </c>
      <c r="D54369" s="1" t="s">
        <v>114822</v>
      </c>
      <c r="E54369" s="1" t="s">
        <v>182924</v>
      </c>
      <c r="F54369" s="1" t="s">
        <v>182925</v>
      </c>
      <c r="G54369" s="1" t="s">
        <v>182874</v>
      </c>
      <c r="H54369" s="1" t="s">
        <v>182875</v>
      </c>
      <c r="I54369" s="1" t="s">
        <v>182766</v>
      </c>
      <c r="J54369" s="1" t="s">
        <v>182926</v>
      </c>
    </row>
    <row r="54370" spans="1:10" x14ac:dyDescent="0.35">
      <c r="A54370" s="1" t="s">
        <v>14983</v>
      </c>
      <c r="B54370" s="1" t="s">
        <v>182761</v>
      </c>
      <c r="C54370" s="1" t="s">
        <v>95</v>
      </c>
      <c r="D54370" s="1" t="s">
        <v>182927</v>
      </c>
      <c r="E54370" s="1" t="s">
        <v>182928</v>
      </c>
      <c r="F54370" s="1" t="s">
        <v>182929</v>
      </c>
      <c r="G54370" s="1" t="s">
        <v>182874</v>
      </c>
      <c r="H54370" s="1" t="s">
        <v>182875</v>
      </c>
      <c r="I54370" s="1" t="s">
        <v>182766</v>
      </c>
      <c r="J54370" s="1" t="s">
        <v>182930</v>
      </c>
    </row>
    <row r="54371" spans="1:10" x14ac:dyDescent="0.35">
      <c r="A54371" s="1" t="s">
        <v>14983</v>
      </c>
      <c r="B54371" s="1" t="s">
        <v>182761</v>
      </c>
      <c r="C54371" s="1" t="s">
        <v>100</v>
      </c>
      <c r="D54371" s="1" t="s">
        <v>78537</v>
      </c>
      <c r="E54371" s="1" t="s">
        <v>182931</v>
      </c>
      <c r="F54371" s="1" t="s">
        <v>182932</v>
      </c>
      <c r="G54371" s="1" t="s">
        <v>182874</v>
      </c>
      <c r="H54371" s="1" t="s">
        <v>182875</v>
      </c>
      <c r="I54371" s="1" t="s">
        <v>182766</v>
      </c>
      <c r="J54371" s="1" t="s">
        <v>182933</v>
      </c>
    </row>
    <row r="54372" spans="1:10" x14ac:dyDescent="0.35">
      <c r="A54372" s="1" t="s">
        <v>14983</v>
      </c>
      <c r="B54372" s="1" t="s">
        <v>182761</v>
      </c>
      <c r="C54372" s="1" t="s">
        <v>105</v>
      </c>
      <c r="D54372" s="1" t="s">
        <v>182934</v>
      </c>
      <c r="E54372" s="1" t="s">
        <v>182935</v>
      </c>
      <c r="F54372" s="1" t="s">
        <v>182936</v>
      </c>
      <c r="G54372" s="1" t="s">
        <v>182874</v>
      </c>
      <c r="H54372" s="1" t="s">
        <v>182875</v>
      </c>
      <c r="I54372" s="1" t="s">
        <v>182766</v>
      </c>
      <c r="J54372" s="1" t="s">
        <v>182937</v>
      </c>
    </row>
    <row r="54373" spans="1:10" x14ac:dyDescent="0.35">
      <c r="A54373" s="1" t="s">
        <v>14983</v>
      </c>
      <c r="B54373" s="1" t="s">
        <v>182761</v>
      </c>
      <c r="C54373" s="1" t="s">
        <v>110</v>
      </c>
      <c r="D54373" s="1" t="s">
        <v>179677</v>
      </c>
      <c r="E54373" s="1" t="s">
        <v>182938</v>
      </c>
      <c r="F54373" s="1" t="s">
        <v>182939</v>
      </c>
      <c r="G54373" s="1" t="s">
        <v>182874</v>
      </c>
      <c r="H54373" s="1" t="s">
        <v>182875</v>
      </c>
      <c r="I54373" s="1" t="s">
        <v>182766</v>
      </c>
      <c r="J54373" s="1" t="s">
        <v>182940</v>
      </c>
    </row>
    <row r="54374" spans="1:10" x14ac:dyDescent="0.35">
      <c r="A54374" s="1" t="s">
        <v>14983</v>
      </c>
      <c r="B54374" s="1" t="s">
        <v>182761</v>
      </c>
      <c r="C54374" s="1" t="s">
        <v>115</v>
      </c>
      <c r="D54374" s="1" t="s">
        <v>109401</v>
      </c>
      <c r="E54374" s="1" t="s">
        <v>182941</v>
      </c>
      <c r="F54374" s="1" t="s">
        <v>182942</v>
      </c>
      <c r="G54374" s="1" t="s">
        <v>182874</v>
      </c>
      <c r="H54374" s="1" t="s">
        <v>182875</v>
      </c>
      <c r="I54374" s="1" t="s">
        <v>182766</v>
      </c>
      <c r="J54374" s="1" t="s">
        <v>182943</v>
      </c>
    </row>
    <row r="54375" spans="1:10" x14ac:dyDescent="0.35">
      <c r="A54375" s="1" t="s">
        <v>14983</v>
      </c>
      <c r="B54375" s="1" t="s">
        <v>182761</v>
      </c>
      <c r="C54375" s="1" t="s">
        <v>120</v>
      </c>
      <c r="D54375" s="1" t="s">
        <v>182944</v>
      </c>
      <c r="E54375" s="1" t="s">
        <v>182945</v>
      </c>
      <c r="F54375" s="1" t="s">
        <v>182946</v>
      </c>
      <c r="G54375" s="1" t="s">
        <v>182874</v>
      </c>
      <c r="H54375" s="1" t="s">
        <v>182875</v>
      </c>
      <c r="I54375" s="1" t="s">
        <v>182766</v>
      </c>
      <c r="J54375" s="1" t="s">
        <v>182947</v>
      </c>
    </row>
    <row r="54376" spans="1:10" x14ac:dyDescent="0.35">
      <c r="A54376" s="1" t="s">
        <v>14983</v>
      </c>
      <c r="B54376" s="1" t="s">
        <v>182761</v>
      </c>
      <c r="C54376" s="1" t="s">
        <v>125</v>
      </c>
      <c r="D54376" s="1" t="s">
        <v>182948</v>
      </c>
      <c r="E54376" s="1" t="s">
        <v>182949</v>
      </c>
      <c r="F54376" s="1" t="s">
        <v>182950</v>
      </c>
      <c r="G54376" s="1" t="s">
        <v>182874</v>
      </c>
      <c r="H54376" s="1" t="s">
        <v>182875</v>
      </c>
      <c r="I54376" s="1" t="s">
        <v>182766</v>
      </c>
      <c r="J54376" s="1" t="s">
        <v>182951</v>
      </c>
    </row>
    <row r="54377" spans="1:10" x14ac:dyDescent="0.35">
      <c r="A54377" s="1" t="s">
        <v>14983</v>
      </c>
      <c r="B54377" s="1" t="s">
        <v>182761</v>
      </c>
      <c r="C54377" s="1" t="s">
        <v>130</v>
      </c>
      <c r="D54377" s="1" t="s">
        <v>182952</v>
      </c>
      <c r="E54377" s="1" t="s">
        <v>182953</v>
      </c>
      <c r="F54377" s="1" t="s">
        <v>182954</v>
      </c>
      <c r="G54377" s="1" t="s">
        <v>182874</v>
      </c>
      <c r="H54377" s="1" t="s">
        <v>182875</v>
      </c>
      <c r="I54377" s="1" t="s">
        <v>182766</v>
      </c>
      <c r="J54377" s="1" t="s">
        <v>182955</v>
      </c>
    </row>
    <row r="54378" spans="1:10" x14ac:dyDescent="0.35">
      <c r="A54378" s="1" t="s">
        <v>14983</v>
      </c>
      <c r="B54378" s="1" t="s">
        <v>182761</v>
      </c>
      <c r="C54378" s="1" t="s">
        <v>135</v>
      </c>
      <c r="D54378" s="1" t="s">
        <v>182956</v>
      </c>
      <c r="E54378" s="1" t="s">
        <v>182957</v>
      </c>
      <c r="F54378" s="1" t="s">
        <v>182958</v>
      </c>
      <c r="G54378" s="1" t="s">
        <v>182874</v>
      </c>
      <c r="H54378" s="1" t="s">
        <v>182875</v>
      </c>
      <c r="I54378" s="1" t="s">
        <v>182766</v>
      </c>
      <c r="J54378" s="1" t="s">
        <v>182959</v>
      </c>
    </row>
    <row r="54379" spans="1:10" x14ac:dyDescent="0.35">
      <c r="A54379" s="1" t="s">
        <v>14983</v>
      </c>
      <c r="B54379" s="1" t="s">
        <v>182761</v>
      </c>
      <c r="C54379" s="1" t="s">
        <v>140</v>
      </c>
      <c r="D54379" s="1" t="s">
        <v>61117</v>
      </c>
      <c r="E54379" s="1" t="s">
        <v>182960</v>
      </c>
      <c r="F54379" s="1" t="s">
        <v>182961</v>
      </c>
      <c r="G54379" s="1" t="s">
        <v>182874</v>
      </c>
      <c r="H54379" s="1" t="s">
        <v>182875</v>
      </c>
      <c r="I54379" s="1" t="s">
        <v>182766</v>
      </c>
      <c r="J54379" s="1" t="s">
        <v>182962</v>
      </c>
    </row>
    <row r="54380" spans="1:10" x14ac:dyDescent="0.35">
      <c r="A54380" s="1" t="s">
        <v>14983</v>
      </c>
      <c r="B54380" s="1" t="s">
        <v>182761</v>
      </c>
      <c r="C54380" s="1" t="s">
        <v>145</v>
      </c>
      <c r="D54380" s="1" t="s">
        <v>57218</v>
      </c>
      <c r="E54380" s="1" t="s">
        <v>182963</v>
      </c>
      <c r="F54380" s="1" t="s">
        <v>182964</v>
      </c>
      <c r="G54380" s="1" t="s">
        <v>182874</v>
      </c>
      <c r="H54380" s="1" t="s">
        <v>182875</v>
      </c>
      <c r="I54380" s="1" t="s">
        <v>182766</v>
      </c>
      <c r="J54380" s="1" t="s">
        <v>182965</v>
      </c>
    </row>
    <row r="54381" spans="1:10" x14ac:dyDescent="0.35">
      <c r="A54381" s="1" t="s">
        <v>14983</v>
      </c>
      <c r="B54381" s="1" t="s">
        <v>182761</v>
      </c>
      <c r="C54381" s="1" t="s">
        <v>150</v>
      </c>
      <c r="D54381" s="1" t="s">
        <v>63690</v>
      </c>
      <c r="E54381" s="1" t="s">
        <v>182966</v>
      </c>
      <c r="F54381" s="1" t="s">
        <v>182967</v>
      </c>
      <c r="G54381" s="1" t="s">
        <v>182874</v>
      </c>
      <c r="H54381" s="1" t="s">
        <v>182875</v>
      </c>
      <c r="I54381" s="1" t="s">
        <v>182766</v>
      </c>
      <c r="J54381" s="1" t="s">
        <v>182968</v>
      </c>
    </row>
    <row r="54382" spans="1:10" x14ac:dyDescent="0.35">
      <c r="A54382" s="1" t="s">
        <v>14983</v>
      </c>
      <c r="B54382" s="1" t="s">
        <v>182761</v>
      </c>
      <c r="C54382" s="1" t="s">
        <v>155</v>
      </c>
      <c r="D54382" s="1" t="s">
        <v>26384</v>
      </c>
      <c r="E54382" s="1" t="s">
        <v>182969</v>
      </c>
      <c r="F54382" s="1" t="s">
        <v>182970</v>
      </c>
      <c r="G54382" s="1" t="s">
        <v>182874</v>
      </c>
      <c r="H54382" s="1" t="s">
        <v>182875</v>
      </c>
      <c r="I54382" s="1" t="s">
        <v>182766</v>
      </c>
      <c r="J54382" s="1" t="s">
        <v>182971</v>
      </c>
    </row>
    <row r="54383" spans="1:10" x14ac:dyDescent="0.35">
      <c r="A54383" s="1" t="s">
        <v>14983</v>
      </c>
      <c r="B54383" s="1" t="s">
        <v>182761</v>
      </c>
      <c r="C54383" s="1" t="s">
        <v>160</v>
      </c>
      <c r="D54383" s="1" t="s">
        <v>98608</v>
      </c>
      <c r="E54383" s="1" t="s">
        <v>182972</v>
      </c>
      <c r="F54383" s="1" t="s">
        <v>182973</v>
      </c>
      <c r="G54383" s="1" t="s">
        <v>182874</v>
      </c>
      <c r="H54383" s="1" t="s">
        <v>182875</v>
      </c>
      <c r="I54383" s="1" t="s">
        <v>182766</v>
      </c>
      <c r="J54383" s="1" t="s">
        <v>182974</v>
      </c>
    </row>
    <row r="54384" spans="1:10" x14ac:dyDescent="0.35">
      <c r="A54384" s="1" t="s">
        <v>14983</v>
      </c>
      <c r="B54384" s="1" t="s">
        <v>182761</v>
      </c>
      <c r="C54384" s="1" t="s">
        <v>165</v>
      </c>
      <c r="D54384" s="1" t="s">
        <v>63419</v>
      </c>
      <c r="E54384" s="1" t="s">
        <v>182975</v>
      </c>
      <c r="F54384" s="1" t="s">
        <v>182976</v>
      </c>
      <c r="G54384" s="1" t="s">
        <v>182874</v>
      </c>
      <c r="H54384" s="1" t="s">
        <v>182875</v>
      </c>
      <c r="I54384" s="1" t="s">
        <v>182766</v>
      </c>
      <c r="J54384" s="1" t="s">
        <v>182977</v>
      </c>
    </row>
    <row r="54385" spans="1:10" x14ac:dyDescent="0.35">
      <c r="A54385" s="1" t="s">
        <v>14983</v>
      </c>
      <c r="B54385" s="1" t="s">
        <v>182761</v>
      </c>
      <c r="C54385" s="1" t="s">
        <v>170</v>
      </c>
      <c r="D54385" s="1" t="s">
        <v>86620</v>
      </c>
      <c r="E54385" s="1" t="s">
        <v>182978</v>
      </c>
      <c r="F54385" s="1" t="s">
        <v>182979</v>
      </c>
      <c r="G54385" s="1" t="s">
        <v>182874</v>
      </c>
      <c r="H54385" s="1" t="s">
        <v>182875</v>
      </c>
      <c r="I54385" s="1" t="s">
        <v>182766</v>
      </c>
      <c r="J54385" s="1" t="s">
        <v>182980</v>
      </c>
    </row>
    <row r="54386" spans="1:10" x14ac:dyDescent="0.35">
      <c r="A54386" s="1" t="s">
        <v>6439</v>
      </c>
      <c r="B54386" s="1" t="s">
        <v>182761</v>
      </c>
      <c r="C54386" s="1" t="s">
        <v>8</v>
      </c>
      <c r="D54386" s="1" t="s">
        <v>74385</v>
      </c>
      <c r="E54386" s="1" t="s">
        <v>182981</v>
      </c>
      <c r="F54386" s="1" t="s">
        <v>182982</v>
      </c>
      <c r="G54386" s="1" t="s">
        <v>182983</v>
      </c>
      <c r="H54386" s="1" t="s">
        <v>182984</v>
      </c>
      <c r="I54386" s="1" t="s">
        <v>182766</v>
      </c>
      <c r="J54386" s="1" t="s">
        <v>13</v>
      </c>
    </row>
    <row r="54387" spans="1:10" x14ac:dyDescent="0.35">
      <c r="A54387" s="1" t="s">
        <v>6439</v>
      </c>
      <c r="B54387" s="1" t="s">
        <v>182761</v>
      </c>
      <c r="C54387" s="1" t="s">
        <v>15</v>
      </c>
      <c r="D54387" s="1" t="s">
        <v>182985</v>
      </c>
      <c r="E54387" s="1" t="s">
        <v>182986</v>
      </c>
      <c r="F54387" s="1" t="s">
        <v>182987</v>
      </c>
      <c r="G54387" s="1" t="s">
        <v>182983</v>
      </c>
      <c r="H54387" s="1" t="s">
        <v>182984</v>
      </c>
      <c r="I54387" s="1" t="s">
        <v>182766</v>
      </c>
      <c r="J54387" s="1" t="s">
        <v>182988</v>
      </c>
    </row>
    <row r="54388" spans="1:10" x14ac:dyDescent="0.35">
      <c r="A54388" s="1" t="s">
        <v>6439</v>
      </c>
      <c r="B54388" s="1" t="s">
        <v>182761</v>
      </c>
      <c r="C54388" s="1" t="s">
        <v>20</v>
      </c>
      <c r="D54388" s="1" t="s">
        <v>31537</v>
      </c>
      <c r="E54388" s="1" t="s">
        <v>182989</v>
      </c>
      <c r="F54388" s="1" t="s">
        <v>182990</v>
      </c>
      <c r="G54388" s="1" t="s">
        <v>182983</v>
      </c>
      <c r="H54388" s="1" t="s">
        <v>182984</v>
      </c>
      <c r="I54388" s="1" t="s">
        <v>182766</v>
      </c>
      <c r="J54388" s="1" t="s">
        <v>182991</v>
      </c>
    </row>
    <row r="54389" spans="1:10" x14ac:dyDescent="0.35">
      <c r="A54389" s="1" t="s">
        <v>6439</v>
      </c>
      <c r="B54389" s="1" t="s">
        <v>182761</v>
      </c>
      <c r="C54389" s="1" t="s">
        <v>25</v>
      </c>
      <c r="D54389" s="1" t="s">
        <v>17447</v>
      </c>
      <c r="E54389" s="1" t="s">
        <v>182992</v>
      </c>
      <c r="F54389" s="1" t="s">
        <v>182993</v>
      </c>
      <c r="G54389" s="1" t="s">
        <v>182983</v>
      </c>
      <c r="H54389" s="1" t="s">
        <v>182984</v>
      </c>
      <c r="I54389" s="1" t="s">
        <v>182766</v>
      </c>
      <c r="J54389" s="1" t="s">
        <v>182994</v>
      </c>
    </row>
    <row r="54390" spans="1:10" x14ac:dyDescent="0.35">
      <c r="A54390" s="1" t="s">
        <v>6439</v>
      </c>
      <c r="B54390" s="1" t="s">
        <v>182761</v>
      </c>
      <c r="C54390" s="1" t="s">
        <v>30</v>
      </c>
      <c r="D54390" s="1" t="s">
        <v>182995</v>
      </c>
      <c r="E54390" s="1" t="s">
        <v>182996</v>
      </c>
      <c r="F54390" s="1" t="s">
        <v>182997</v>
      </c>
      <c r="G54390" s="1" t="s">
        <v>182983</v>
      </c>
      <c r="H54390" s="1" t="s">
        <v>182984</v>
      </c>
      <c r="I54390" s="1" t="s">
        <v>182766</v>
      </c>
      <c r="J54390" s="1" t="s">
        <v>182998</v>
      </c>
    </row>
    <row r="54391" spans="1:10" x14ac:dyDescent="0.35">
      <c r="A54391" s="1" t="s">
        <v>6439</v>
      </c>
      <c r="B54391" s="1" t="s">
        <v>182761</v>
      </c>
      <c r="C54391" s="1" t="s">
        <v>35</v>
      </c>
      <c r="D54391" s="1" t="s">
        <v>182999</v>
      </c>
      <c r="E54391" s="1" t="s">
        <v>183000</v>
      </c>
      <c r="F54391" s="1" t="s">
        <v>183001</v>
      </c>
      <c r="G54391" s="1" t="s">
        <v>182983</v>
      </c>
      <c r="H54391" s="1" t="s">
        <v>182984</v>
      </c>
      <c r="I54391" s="1" t="s">
        <v>182766</v>
      </c>
      <c r="J54391" s="1" t="s">
        <v>183002</v>
      </c>
    </row>
    <row r="54392" spans="1:10" x14ac:dyDescent="0.35">
      <c r="A54392" s="1" t="s">
        <v>6439</v>
      </c>
      <c r="B54392" s="1" t="s">
        <v>182761</v>
      </c>
      <c r="C54392" s="1" t="s">
        <v>40</v>
      </c>
      <c r="D54392" s="1" t="s">
        <v>183003</v>
      </c>
      <c r="E54392" s="1" t="s">
        <v>183004</v>
      </c>
      <c r="F54392" s="1" t="s">
        <v>183005</v>
      </c>
      <c r="G54392" s="1" t="s">
        <v>182983</v>
      </c>
      <c r="H54392" s="1" t="s">
        <v>182984</v>
      </c>
      <c r="I54392" s="1" t="s">
        <v>182766</v>
      </c>
      <c r="J54392" s="1" t="s">
        <v>183006</v>
      </c>
    </row>
    <row r="54393" spans="1:10" x14ac:dyDescent="0.35">
      <c r="A54393" s="1" t="s">
        <v>6439</v>
      </c>
      <c r="B54393" s="1" t="s">
        <v>182761</v>
      </c>
      <c r="C54393" s="1" t="s">
        <v>45</v>
      </c>
      <c r="D54393" s="1" t="s">
        <v>3024</v>
      </c>
      <c r="E54393" s="1" t="s">
        <v>183007</v>
      </c>
      <c r="F54393" s="1" t="s">
        <v>183008</v>
      </c>
      <c r="G54393" s="1" t="s">
        <v>182983</v>
      </c>
      <c r="H54393" s="1" t="s">
        <v>182984</v>
      </c>
      <c r="I54393" s="1" t="s">
        <v>182766</v>
      </c>
      <c r="J54393" s="1" t="s">
        <v>183009</v>
      </c>
    </row>
    <row r="54394" spans="1:10" x14ac:dyDescent="0.35">
      <c r="A54394" s="1" t="s">
        <v>6439</v>
      </c>
      <c r="B54394" s="1" t="s">
        <v>182761</v>
      </c>
      <c r="C54394" s="1" t="s">
        <v>50</v>
      </c>
      <c r="D54394" s="1" t="s">
        <v>183010</v>
      </c>
      <c r="E54394" s="1" t="s">
        <v>183011</v>
      </c>
      <c r="F54394" s="1" t="s">
        <v>183012</v>
      </c>
      <c r="G54394" s="1" t="s">
        <v>182983</v>
      </c>
      <c r="H54394" s="1" t="s">
        <v>182984</v>
      </c>
      <c r="I54394" s="1" t="s">
        <v>182766</v>
      </c>
      <c r="J54394" s="1" t="s">
        <v>183013</v>
      </c>
    </row>
    <row r="54395" spans="1:10" x14ac:dyDescent="0.35">
      <c r="A54395" s="1" t="s">
        <v>6439</v>
      </c>
      <c r="B54395" s="1" t="s">
        <v>182761</v>
      </c>
      <c r="C54395" s="1" t="s">
        <v>55</v>
      </c>
      <c r="D54395" s="1" t="s">
        <v>183014</v>
      </c>
      <c r="E54395" s="1" t="s">
        <v>183015</v>
      </c>
      <c r="F54395" s="1" t="s">
        <v>183016</v>
      </c>
      <c r="G54395" s="1" t="s">
        <v>182983</v>
      </c>
      <c r="H54395" s="1" t="s">
        <v>182984</v>
      </c>
      <c r="I54395" s="1" t="s">
        <v>182766</v>
      </c>
      <c r="J54395" s="1" t="s">
        <v>183017</v>
      </c>
    </row>
    <row r="54396" spans="1:10" x14ac:dyDescent="0.35">
      <c r="A54396" s="1" t="s">
        <v>6439</v>
      </c>
      <c r="B54396" s="1" t="s">
        <v>182761</v>
      </c>
      <c r="C54396" s="1" t="s">
        <v>60</v>
      </c>
      <c r="D54396" s="1" t="s">
        <v>183018</v>
      </c>
      <c r="E54396" s="1" t="s">
        <v>183019</v>
      </c>
      <c r="F54396" s="1" t="s">
        <v>183020</v>
      </c>
      <c r="G54396" s="1" t="s">
        <v>182983</v>
      </c>
      <c r="H54396" s="1" t="s">
        <v>182984</v>
      </c>
      <c r="I54396" s="1" t="s">
        <v>182766</v>
      </c>
      <c r="J54396" s="1" t="s">
        <v>183021</v>
      </c>
    </row>
    <row r="54397" spans="1:10" x14ac:dyDescent="0.35">
      <c r="A54397" s="1" t="s">
        <v>6439</v>
      </c>
      <c r="B54397" s="1" t="s">
        <v>182761</v>
      </c>
      <c r="C54397" s="1" t="s">
        <v>65</v>
      </c>
      <c r="D54397" s="1" t="s">
        <v>147941</v>
      </c>
      <c r="E54397" s="1" t="s">
        <v>183022</v>
      </c>
      <c r="F54397" s="1" t="s">
        <v>183023</v>
      </c>
      <c r="G54397" s="1" t="s">
        <v>182983</v>
      </c>
      <c r="H54397" s="1" t="s">
        <v>182984</v>
      </c>
      <c r="I54397" s="1" t="s">
        <v>182766</v>
      </c>
      <c r="J54397" s="1" t="s">
        <v>183024</v>
      </c>
    </row>
    <row r="54398" spans="1:10" x14ac:dyDescent="0.35">
      <c r="A54398" s="1" t="s">
        <v>6439</v>
      </c>
      <c r="B54398" s="1" t="s">
        <v>182761</v>
      </c>
      <c r="C54398" s="1" t="s">
        <v>70</v>
      </c>
      <c r="D54398" s="1" t="s">
        <v>183025</v>
      </c>
      <c r="E54398" s="1" t="s">
        <v>183026</v>
      </c>
      <c r="F54398" s="1" t="s">
        <v>183027</v>
      </c>
      <c r="G54398" s="1" t="s">
        <v>182983</v>
      </c>
      <c r="H54398" s="1" t="s">
        <v>182984</v>
      </c>
      <c r="I54398" s="1" t="s">
        <v>182766</v>
      </c>
      <c r="J54398" s="1" t="s">
        <v>183028</v>
      </c>
    </row>
    <row r="54399" spans="1:10" x14ac:dyDescent="0.35">
      <c r="A54399" s="1" t="s">
        <v>6439</v>
      </c>
      <c r="B54399" s="1" t="s">
        <v>182761</v>
      </c>
      <c r="C54399" s="1" t="s">
        <v>75</v>
      </c>
      <c r="D54399" s="1" t="s">
        <v>82963</v>
      </c>
      <c r="E54399" s="1" t="s">
        <v>183029</v>
      </c>
      <c r="F54399" s="1" t="s">
        <v>183030</v>
      </c>
      <c r="G54399" s="1" t="s">
        <v>182983</v>
      </c>
      <c r="H54399" s="1" t="s">
        <v>182984</v>
      </c>
      <c r="I54399" s="1" t="s">
        <v>182766</v>
      </c>
      <c r="J54399" s="1" t="s">
        <v>183031</v>
      </c>
    </row>
    <row r="54400" spans="1:10" x14ac:dyDescent="0.35">
      <c r="A54400" s="1" t="s">
        <v>6439</v>
      </c>
      <c r="B54400" s="1" t="s">
        <v>182761</v>
      </c>
      <c r="C54400" s="1" t="s">
        <v>80</v>
      </c>
      <c r="D54400" s="1" t="s">
        <v>183032</v>
      </c>
      <c r="E54400" s="1" t="s">
        <v>183033</v>
      </c>
      <c r="F54400" s="1" t="s">
        <v>183034</v>
      </c>
      <c r="G54400" s="1" t="s">
        <v>182983</v>
      </c>
      <c r="H54400" s="1" t="s">
        <v>182984</v>
      </c>
      <c r="I54400" s="1" t="s">
        <v>182766</v>
      </c>
      <c r="J54400" s="1" t="s">
        <v>183035</v>
      </c>
    </row>
    <row r="54401" spans="1:10" x14ac:dyDescent="0.35">
      <c r="A54401" s="1" t="s">
        <v>6439</v>
      </c>
      <c r="B54401" s="1" t="s">
        <v>182761</v>
      </c>
      <c r="C54401" s="1" t="s">
        <v>85</v>
      </c>
      <c r="D54401" s="1" t="s">
        <v>183036</v>
      </c>
      <c r="E54401" s="1" t="s">
        <v>183037</v>
      </c>
      <c r="F54401" s="1" t="s">
        <v>183038</v>
      </c>
      <c r="G54401" s="1" t="s">
        <v>182983</v>
      </c>
      <c r="H54401" s="1" t="s">
        <v>182984</v>
      </c>
      <c r="I54401" s="1" t="s">
        <v>182766</v>
      </c>
      <c r="J54401" s="1" t="s">
        <v>183039</v>
      </c>
    </row>
    <row r="54402" spans="1:10" x14ac:dyDescent="0.35">
      <c r="A54402" s="1" t="s">
        <v>6439</v>
      </c>
      <c r="B54402" s="1" t="s">
        <v>182761</v>
      </c>
      <c r="C54402" s="1" t="s">
        <v>90</v>
      </c>
      <c r="D54402" s="1" t="s">
        <v>183040</v>
      </c>
      <c r="E54402" s="1" t="s">
        <v>183041</v>
      </c>
      <c r="F54402" s="1" t="s">
        <v>183042</v>
      </c>
      <c r="G54402" s="1" t="s">
        <v>182983</v>
      </c>
      <c r="H54402" s="1" t="s">
        <v>182984</v>
      </c>
      <c r="I54402" s="1" t="s">
        <v>182766</v>
      </c>
      <c r="J54402" s="1" t="s">
        <v>183043</v>
      </c>
    </row>
    <row r="54403" spans="1:10" x14ac:dyDescent="0.35">
      <c r="A54403" s="1" t="s">
        <v>6439</v>
      </c>
      <c r="B54403" s="1" t="s">
        <v>182761</v>
      </c>
      <c r="C54403" s="1" t="s">
        <v>95</v>
      </c>
      <c r="D54403" s="1" t="s">
        <v>183044</v>
      </c>
      <c r="E54403" s="1" t="s">
        <v>183045</v>
      </c>
      <c r="F54403" s="1" t="s">
        <v>53020</v>
      </c>
      <c r="G54403" s="1" t="s">
        <v>182983</v>
      </c>
      <c r="H54403" s="1" t="s">
        <v>182984</v>
      </c>
      <c r="I54403" s="1" t="s">
        <v>182766</v>
      </c>
      <c r="J54403" s="1" t="s">
        <v>183046</v>
      </c>
    </row>
    <row r="54404" spans="1:10" x14ac:dyDescent="0.35">
      <c r="A54404" s="1" t="s">
        <v>6439</v>
      </c>
      <c r="B54404" s="1" t="s">
        <v>182761</v>
      </c>
      <c r="C54404" s="1" t="s">
        <v>100</v>
      </c>
      <c r="D54404" s="1" t="s">
        <v>139027</v>
      </c>
      <c r="E54404" s="1" t="s">
        <v>183047</v>
      </c>
      <c r="F54404" s="1" t="s">
        <v>183048</v>
      </c>
      <c r="G54404" s="1" t="s">
        <v>182983</v>
      </c>
      <c r="H54404" s="1" t="s">
        <v>182984</v>
      </c>
      <c r="I54404" s="1" t="s">
        <v>182766</v>
      </c>
      <c r="J54404" s="1" t="s">
        <v>183049</v>
      </c>
    </row>
    <row r="54405" spans="1:10" x14ac:dyDescent="0.35">
      <c r="A54405" s="1" t="s">
        <v>6439</v>
      </c>
      <c r="B54405" s="1" t="s">
        <v>182761</v>
      </c>
      <c r="C54405" s="1" t="s">
        <v>105</v>
      </c>
      <c r="D54405" s="1" t="s">
        <v>183050</v>
      </c>
      <c r="E54405" s="1" t="s">
        <v>183051</v>
      </c>
      <c r="F54405" s="1" t="s">
        <v>183052</v>
      </c>
      <c r="G54405" s="1" t="s">
        <v>182983</v>
      </c>
      <c r="H54405" s="1" t="s">
        <v>182984</v>
      </c>
      <c r="I54405" s="1" t="s">
        <v>182766</v>
      </c>
      <c r="J54405" s="1" t="s">
        <v>183053</v>
      </c>
    </row>
    <row r="54406" spans="1:10" x14ac:dyDescent="0.35">
      <c r="A54406" s="1" t="s">
        <v>6439</v>
      </c>
      <c r="B54406" s="1" t="s">
        <v>182761</v>
      </c>
      <c r="C54406" s="1" t="s">
        <v>110</v>
      </c>
      <c r="D54406" s="1" t="s">
        <v>7629</v>
      </c>
      <c r="E54406" s="1" t="s">
        <v>183054</v>
      </c>
      <c r="F54406" s="1" t="s">
        <v>183055</v>
      </c>
      <c r="G54406" s="1" t="s">
        <v>182983</v>
      </c>
      <c r="H54406" s="1" t="s">
        <v>182984</v>
      </c>
      <c r="I54406" s="1" t="s">
        <v>182766</v>
      </c>
      <c r="J54406" s="1" t="s">
        <v>183056</v>
      </c>
    </row>
    <row r="54407" spans="1:10" x14ac:dyDescent="0.35">
      <c r="A54407" s="1" t="s">
        <v>6439</v>
      </c>
      <c r="B54407" s="1" t="s">
        <v>182761</v>
      </c>
      <c r="C54407" s="1" t="s">
        <v>115</v>
      </c>
      <c r="D54407" s="1" t="s">
        <v>183057</v>
      </c>
      <c r="E54407" s="1" t="s">
        <v>183058</v>
      </c>
      <c r="F54407" s="1" t="s">
        <v>183059</v>
      </c>
      <c r="G54407" s="1" t="s">
        <v>182983</v>
      </c>
      <c r="H54407" s="1" t="s">
        <v>182984</v>
      </c>
      <c r="I54407" s="1" t="s">
        <v>182766</v>
      </c>
      <c r="J54407" s="1" t="s">
        <v>183060</v>
      </c>
    </row>
    <row r="54408" spans="1:10" x14ac:dyDescent="0.35">
      <c r="A54408" s="1" t="s">
        <v>6439</v>
      </c>
      <c r="B54408" s="1" t="s">
        <v>182761</v>
      </c>
      <c r="C54408" s="1" t="s">
        <v>120</v>
      </c>
      <c r="D54408" s="1" t="s">
        <v>107525</v>
      </c>
      <c r="E54408" s="1" t="s">
        <v>183061</v>
      </c>
      <c r="F54408" s="1" t="s">
        <v>183062</v>
      </c>
      <c r="G54408" s="1" t="s">
        <v>182983</v>
      </c>
      <c r="H54408" s="1" t="s">
        <v>182984</v>
      </c>
      <c r="I54408" s="1" t="s">
        <v>182766</v>
      </c>
      <c r="J54408" s="1" t="s">
        <v>183063</v>
      </c>
    </row>
    <row r="54409" spans="1:10" x14ac:dyDescent="0.35">
      <c r="A54409" s="1" t="s">
        <v>6439</v>
      </c>
      <c r="B54409" s="1" t="s">
        <v>182761</v>
      </c>
      <c r="C54409" s="1" t="s">
        <v>125</v>
      </c>
      <c r="D54409" s="1" t="s">
        <v>174556</v>
      </c>
      <c r="E54409" s="1" t="s">
        <v>183064</v>
      </c>
      <c r="F54409" s="1" t="s">
        <v>183065</v>
      </c>
      <c r="G54409" s="1" t="s">
        <v>182983</v>
      </c>
      <c r="H54409" s="1" t="s">
        <v>182984</v>
      </c>
      <c r="I54409" s="1" t="s">
        <v>182766</v>
      </c>
      <c r="J54409" s="1" t="s">
        <v>183066</v>
      </c>
    </row>
    <row r="54410" spans="1:10" x14ac:dyDescent="0.35">
      <c r="A54410" s="1" t="s">
        <v>6439</v>
      </c>
      <c r="B54410" s="1" t="s">
        <v>182761</v>
      </c>
      <c r="C54410" s="1" t="s">
        <v>130</v>
      </c>
      <c r="D54410" s="1" t="s">
        <v>183067</v>
      </c>
      <c r="E54410" s="1" t="s">
        <v>183068</v>
      </c>
      <c r="F54410" s="1" t="s">
        <v>183069</v>
      </c>
      <c r="G54410" s="1" t="s">
        <v>182983</v>
      </c>
      <c r="H54410" s="1" t="s">
        <v>182984</v>
      </c>
      <c r="I54410" s="1" t="s">
        <v>182766</v>
      </c>
      <c r="J54410" s="1" t="s">
        <v>183070</v>
      </c>
    </row>
    <row r="54411" spans="1:10" x14ac:dyDescent="0.35">
      <c r="A54411" s="1" t="s">
        <v>6439</v>
      </c>
      <c r="B54411" s="1" t="s">
        <v>182761</v>
      </c>
      <c r="C54411" s="1" t="s">
        <v>135</v>
      </c>
      <c r="D54411" s="1" t="s">
        <v>130038</v>
      </c>
      <c r="E54411" s="1" t="s">
        <v>183071</v>
      </c>
      <c r="F54411" s="1" t="s">
        <v>183072</v>
      </c>
      <c r="G54411" s="1" t="s">
        <v>182983</v>
      </c>
      <c r="H54411" s="1" t="s">
        <v>182984</v>
      </c>
      <c r="I54411" s="1" t="s">
        <v>182766</v>
      </c>
      <c r="J54411" s="1" t="s">
        <v>183073</v>
      </c>
    </row>
    <row r="54412" spans="1:10" x14ac:dyDescent="0.35">
      <c r="A54412" s="1" t="s">
        <v>6439</v>
      </c>
      <c r="B54412" s="1" t="s">
        <v>182761</v>
      </c>
      <c r="C54412" s="1" t="s">
        <v>140</v>
      </c>
      <c r="D54412" s="1" t="s">
        <v>78444</v>
      </c>
      <c r="E54412" s="1" t="s">
        <v>183074</v>
      </c>
      <c r="F54412" s="1" t="s">
        <v>183075</v>
      </c>
      <c r="G54412" s="1" t="s">
        <v>182983</v>
      </c>
      <c r="H54412" s="1" t="s">
        <v>182984</v>
      </c>
      <c r="I54412" s="1" t="s">
        <v>182766</v>
      </c>
      <c r="J54412" s="1" t="s">
        <v>183076</v>
      </c>
    </row>
    <row r="54413" spans="1:10" x14ac:dyDescent="0.35">
      <c r="A54413" s="1" t="s">
        <v>6439</v>
      </c>
      <c r="B54413" s="1" t="s">
        <v>182761</v>
      </c>
      <c r="C54413" s="1" t="s">
        <v>145</v>
      </c>
      <c r="D54413" s="1" t="s">
        <v>139188</v>
      </c>
      <c r="E54413" s="1" t="s">
        <v>183077</v>
      </c>
      <c r="F54413" s="1" t="s">
        <v>183078</v>
      </c>
      <c r="G54413" s="1" t="s">
        <v>182983</v>
      </c>
      <c r="H54413" s="1" t="s">
        <v>182984</v>
      </c>
      <c r="I54413" s="1" t="s">
        <v>182766</v>
      </c>
      <c r="J54413" s="1" t="s">
        <v>183079</v>
      </c>
    </row>
    <row r="54414" spans="1:10" x14ac:dyDescent="0.35">
      <c r="A54414" s="1" t="s">
        <v>6439</v>
      </c>
      <c r="B54414" s="1" t="s">
        <v>182761</v>
      </c>
      <c r="C54414" s="1" t="s">
        <v>150</v>
      </c>
      <c r="D54414" s="1" t="s">
        <v>101870</v>
      </c>
      <c r="E54414" s="1" t="s">
        <v>183080</v>
      </c>
      <c r="F54414" s="1" t="s">
        <v>183081</v>
      </c>
      <c r="G54414" s="1" t="s">
        <v>182983</v>
      </c>
      <c r="H54414" s="1" t="s">
        <v>182984</v>
      </c>
      <c r="I54414" s="1" t="s">
        <v>182766</v>
      </c>
      <c r="J54414" s="1" t="s">
        <v>183082</v>
      </c>
    </row>
    <row r="54415" spans="1:10" x14ac:dyDescent="0.35">
      <c r="A54415" s="1" t="s">
        <v>6439</v>
      </c>
      <c r="B54415" s="1" t="s">
        <v>182761</v>
      </c>
      <c r="C54415" s="1" t="s">
        <v>155</v>
      </c>
      <c r="D54415" s="1" t="s">
        <v>78201</v>
      </c>
      <c r="E54415" s="1" t="s">
        <v>183083</v>
      </c>
      <c r="F54415" s="1" t="s">
        <v>183084</v>
      </c>
      <c r="G54415" s="1" t="s">
        <v>182983</v>
      </c>
      <c r="H54415" s="1" t="s">
        <v>182984</v>
      </c>
      <c r="I54415" s="1" t="s">
        <v>182766</v>
      </c>
      <c r="J54415" s="1" t="s">
        <v>183085</v>
      </c>
    </row>
    <row r="54416" spans="1:10" x14ac:dyDescent="0.35">
      <c r="A54416" s="1" t="s">
        <v>6439</v>
      </c>
      <c r="B54416" s="1" t="s">
        <v>182761</v>
      </c>
      <c r="C54416" s="1" t="s">
        <v>160</v>
      </c>
      <c r="D54416" s="1" t="s">
        <v>106044</v>
      </c>
      <c r="E54416" s="1" t="s">
        <v>183086</v>
      </c>
      <c r="F54416" s="1" t="s">
        <v>183087</v>
      </c>
      <c r="G54416" s="1" t="s">
        <v>182983</v>
      </c>
      <c r="H54416" s="1" t="s">
        <v>182984</v>
      </c>
      <c r="I54416" s="1" t="s">
        <v>182766</v>
      </c>
      <c r="J54416" s="1" t="s">
        <v>183088</v>
      </c>
    </row>
    <row r="54417" spans="1:10" x14ac:dyDescent="0.35">
      <c r="A54417" s="1" t="s">
        <v>6439</v>
      </c>
      <c r="B54417" s="1" t="s">
        <v>182761</v>
      </c>
      <c r="C54417" s="1" t="s">
        <v>165</v>
      </c>
      <c r="D54417" s="1" t="s">
        <v>147688</v>
      </c>
      <c r="E54417" s="1" t="s">
        <v>183089</v>
      </c>
      <c r="F54417" s="1" t="s">
        <v>183090</v>
      </c>
      <c r="G54417" s="1" t="s">
        <v>182983</v>
      </c>
      <c r="H54417" s="1" t="s">
        <v>182984</v>
      </c>
      <c r="I54417" s="1" t="s">
        <v>182766</v>
      </c>
      <c r="J54417" s="1" t="s">
        <v>183091</v>
      </c>
    </row>
    <row r="54418" spans="1:10" x14ac:dyDescent="0.35">
      <c r="A54418" s="1" t="s">
        <v>6439</v>
      </c>
      <c r="B54418" s="1" t="s">
        <v>182761</v>
      </c>
      <c r="C54418" s="1" t="s">
        <v>170</v>
      </c>
      <c r="D54418" s="1" t="s">
        <v>183092</v>
      </c>
      <c r="E54418" s="1" t="s">
        <v>183093</v>
      </c>
      <c r="F54418" s="1" t="s">
        <v>183094</v>
      </c>
      <c r="G54418" s="1" t="s">
        <v>182983</v>
      </c>
      <c r="H54418" s="1" t="s">
        <v>182984</v>
      </c>
      <c r="I54418" s="1" t="s">
        <v>182766</v>
      </c>
      <c r="J54418" s="1" t="s">
        <v>183095</v>
      </c>
    </row>
    <row r="54419" spans="1:10" x14ac:dyDescent="0.35">
      <c r="A54419" s="1" t="s">
        <v>9909</v>
      </c>
      <c r="B54419" s="1" t="s">
        <v>182761</v>
      </c>
      <c r="C54419" s="1" t="s">
        <v>8</v>
      </c>
      <c r="D54419" s="1" t="s">
        <v>6751</v>
      </c>
      <c r="E54419" s="1" t="s">
        <v>183096</v>
      </c>
      <c r="F54419" s="1" t="s">
        <v>183097</v>
      </c>
      <c r="G54419" s="1" t="s">
        <v>183098</v>
      </c>
      <c r="H54419" s="1" t="s">
        <v>183099</v>
      </c>
      <c r="I54419" s="1" t="s">
        <v>182766</v>
      </c>
      <c r="J54419" s="1" t="s">
        <v>13</v>
      </c>
    </row>
    <row r="54420" spans="1:10" x14ac:dyDescent="0.35">
      <c r="A54420" s="1" t="s">
        <v>9909</v>
      </c>
      <c r="B54420" s="1" t="s">
        <v>182761</v>
      </c>
      <c r="C54420" s="1" t="s">
        <v>15</v>
      </c>
      <c r="D54420" s="1" t="s">
        <v>183100</v>
      </c>
      <c r="E54420" s="1" t="s">
        <v>183101</v>
      </c>
      <c r="F54420" s="1" t="s">
        <v>183102</v>
      </c>
      <c r="G54420" s="1" t="s">
        <v>183098</v>
      </c>
      <c r="H54420" s="1" t="s">
        <v>183099</v>
      </c>
      <c r="I54420" s="1" t="s">
        <v>182766</v>
      </c>
      <c r="J54420" s="1" t="s">
        <v>183103</v>
      </c>
    </row>
    <row r="54421" spans="1:10" x14ac:dyDescent="0.35">
      <c r="A54421" s="1" t="s">
        <v>9909</v>
      </c>
      <c r="B54421" s="1" t="s">
        <v>182761</v>
      </c>
      <c r="C54421" s="1" t="s">
        <v>20</v>
      </c>
      <c r="D54421" s="1" t="s">
        <v>38338</v>
      </c>
      <c r="E54421" s="1" t="s">
        <v>183104</v>
      </c>
      <c r="F54421" s="1" t="s">
        <v>183105</v>
      </c>
      <c r="G54421" s="1" t="s">
        <v>183098</v>
      </c>
      <c r="H54421" s="1" t="s">
        <v>183099</v>
      </c>
      <c r="I54421" s="1" t="s">
        <v>182766</v>
      </c>
      <c r="J54421" s="1" t="s">
        <v>183106</v>
      </c>
    </row>
    <row r="54422" spans="1:10" x14ac:dyDescent="0.35">
      <c r="A54422" s="1" t="s">
        <v>9909</v>
      </c>
      <c r="B54422" s="1" t="s">
        <v>182761</v>
      </c>
      <c r="C54422" s="1" t="s">
        <v>25</v>
      </c>
      <c r="D54422" s="1" t="s">
        <v>110139</v>
      </c>
      <c r="E54422" s="1" t="s">
        <v>183107</v>
      </c>
      <c r="F54422" s="1" t="s">
        <v>183108</v>
      </c>
      <c r="G54422" s="1" t="s">
        <v>183098</v>
      </c>
      <c r="H54422" s="1" t="s">
        <v>183099</v>
      </c>
      <c r="I54422" s="1" t="s">
        <v>182766</v>
      </c>
      <c r="J54422" s="1" t="s">
        <v>183109</v>
      </c>
    </row>
    <row r="54423" spans="1:10" x14ac:dyDescent="0.35">
      <c r="A54423" s="1" t="s">
        <v>9909</v>
      </c>
      <c r="B54423" s="1" t="s">
        <v>182761</v>
      </c>
      <c r="C54423" s="1" t="s">
        <v>30</v>
      </c>
      <c r="D54423" s="1" t="s">
        <v>124385</v>
      </c>
      <c r="E54423" s="1" t="s">
        <v>183110</v>
      </c>
      <c r="F54423" s="1" t="s">
        <v>183111</v>
      </c>
      <c r="G54423" s="1" t="s">
        <v>183098</v>
      </c>
      <c r="H54423" s="1" t="s">
        <v>183099</v>
      </c>
      <c r="I54423" s="1" t="s">
        <v>182766</v>
      </c>
      <c r="J54423" s="1" t="s">
        <v>183112</v>
      </c>
    </row>
    <row r="54424" spans="1:10" x14ac:dyDescent="0.35">
      <c r="A54424" s="1" t="s">
        <v>9909</v>
      </c>
      <c r="B54424" s="1" t="s">
        <v>182761</v>
      </c>
      <c r="C54424" s="1" t="s">
        <v>35</v>
      </c>
      <c r="D54424" s="1" t="s">
        <v>74241</v>
      </c>
      <c r="E54424" s="1" t="s">
        <v>183113</v>
      </c>
      <c r="F54424" s="1" t="s">
        <v>6588</v>
      </c>
      <c r="G54424" s="1" t="s">
        <v>183098</v>
      </c>
      <c r="H54424" s="1" t="s">
        <v>183099</v>
      </c>
      <c r="I54424" s="1" t="s">
        <v>182766</v>
      </c>
      <c r="J54424" s="1" t="s">
        <v>183114</v>
      </c>
    </row>
    <row r="54425" spans="1:10" x14ac:dyDescent="0.35">
      <c r="A54425" s="1" t="s">
        <v>9909</v>
      </c>
      <c r="B54425" s="1" t="s">
        <v>182761</v>
      </c>
      <c r="C54425" s="1" t="s">
        <v>40</v>
      </c>
      <c r="D54425" s="1" t="s">
        <v>183115</v>
      </c>
      <c r="E54425" s="1" t="s">
        <v>183116</v>
      </c>
      <c r="F54425" s="1" t="s">
        <v>183117</v>
      </c>
      <c r="G54425" s="1" t="s">
        <v>183098</v>
      </c>
      <c r="H54425" s="1" t="s">
        <v>183099</v>
      </c>
      <c r="I54425" s="1" t="s">
        <v>182766</v>
      </c>
      <c r="J54425" s="1" t="s">
        <v>183118</v>
      </c>
    </row>
    <row r="54426" spans="1:10" x14ac:dyDescent="0.35">
      <c r="A54426" s="1" t="s">
        <v>9909</v>
      </c>
      <c r="B54426" s="1" t="s">
        <v>182761</v>
      </c>
      <c r="C54426" s="1" t="s">
        <v>45</v>
      </c>
      <c r="D54426" s="1" t="s">
        <v>183119</v>
      </c>
      <c r="E54426" s="1" t="s">
        <v>183120</v>
      </c>
      <c r="F54426" s="1" t="s">
        <v>183121</v>
      </c>
      <c r="G54426" s="1" t="s">
        <v>183098</v>
      </c>
      <c r="H54426" s="1" t="s">
        <v>183099</v>
      </c>
      <c r="I54426" s="1" t="s">
        <v>182766</v>
      </c>
      <c r="J54426" s="1" t="s">
        <v>183122</v>
      </c>
    </row>
    <row r="54427" spans="1:10" x14ac:dyDescent="0.35">
      <c r="A54427" s="1" t="s">
        <v>9909</v>
      </c>
      <c r="B54427" s="1" t="s">
        <v>182761</v>
      </c>
      <c r="C54427" s="1" t="s">
        <v>50</v>
      </c>
      <c r="D54427" s="1" t="s">
        <v>396</v>
      </c>
      <c r="E54427" s="1" t="s">
        <v>183123</v>
      </c>
      <c r="F54427" s="1" t="s">
        <v>183124</v>
      </c>
      <c r="G54427" s="1" t="s">
        <v>183098</v>
      </c>
      <c r="H54427" s="1" t="s">
        <v>183099</v>
      </c>
      <c r="I54427" s="1" t="s">
        <v>182766</v>
      </c>
      <c r="J54427" s="1" t="s">
        <v>183125</v>
      </c>
    </row>
    <row r="54428" spans="1:10" x14ac:dyDescent="0.35">
      <c r="A54428" s="1" t="s">
        <v>9909</v>
      </c>
      <c r="B54428" s="1" t="s">
        <v>182761</v>
      </c>
      <c r="C54428" s="1" t="s">
        <v>55</v>
      </c>
      <c r="D54428" s="1" t="s">
        <v>159472</v>
      </c>
      <c r="E54428" s="1" t="s">
        <v>183126</v>
      </c>
      <c r="F54428" s="1" t="s">
        <v>183127</v>
      </c>
      <c r="G54428" s="1" t="s">
        <v>183098</v>
      </c>
      <c r="H54428" s="1" t="s">
        <v>183099</v>
      </c>
      <c r="I54428" s="1" t="s">
        <v>182766</v>
      </c>
      <c r="J54428" s="1" t="s">
        <v>183128</v>
      </c>
    </row>
    <row r="54429" spans="1:10" x14ac:dyDescent="0.35">
      <c r="A54429" s="1" t="s">
        <v>9909</v>
      </c>
      <c r="B54429" s="1" t="s">
        <v>182761</v>
      </c>
      <c r="C54429" s="1" t="s">
        <v>60</v>
      </c>
      <c r="D54429" s="1" t="s">
        <v>182628</v>
      </c>
      <c r="E54429" s="1" t="s">
        <v>183129</v>
      </c>
      <c r="F54429" s="1" t="s">
        <v>183130</v>
      </c>
      <c r="G54429" s="1" t="s">
        <v>183098</v>
      </c>
      <c r="H54429" s="1" t="s">
        <v>183099</v>
      </c>
      <c r="I54429" s="1" t="s">
        <v>182766</v>
      </c>
      <c r="J54429" s="1" t="s">
        <v>183131</v>
      </c>
    </row>
    <row r="54430" spans="1:10" x14ac:dyDescent="0.35">
      <c r="A54430" s="1" t="s">
        <v>9909</v>
      </c>
      <c r="B54430" s="1" t="s">
        <v>182761</v>
      </c>
      <c r="C54430" s="1" t="s">
        <v>65</v>
      </c>
      <c r="D54430" s="1" t="s">
        <v>142242</v>
      </c>
      <c r="E54430" s="1" t="s">
        <v>183132</v>
      </c>
      <c r="F54430" s="1" t="s">
        <v>183133</v>
      </c>
      <c r="G54430" s="1" t="s">
        <v>183098</v>
      </c>
      <c r="H54430" s="1" t="s">
        <v>183099</v>
      </c>
      <c r="I54430" s="1" t="s">
        <v>182766</v>
      </c>
      <c r="J54430" s="1" t="s">
        <v>183134</v>
      </c>
    </row>
    <row r="54431" spans="1:10" x14ac:dyDescent="0.35">
      <c r="A54431" s="1" t="s">
        <v>9909</v>
      </c>
      <c r="B54431" s="1" t="s">
        <v>182761</v>
      </c>
      <c r="C54431" s="1" t="s">
        <v>70</v>
      </c>
      <c r="D54431" s="1" t="s">
        <v>183135</v>
      </c>
      <c r="E54431" s="1" t="s">
        <v>183136</v>
      </c>
      <c r="F54431" s="1" t="s">
        <v>183137</v>
      </c>
      <c r="G54431" s="1" t="s">
        <v>183098</v>
      </c>
      <c r="H54431" s="1" t="s">
        <v>183099</v>
      </c>
      <c r="I54431" s="1" t="s">
        <v>182766</v>
      </c>
      <c r="J54431" s="1" t="s">
        <v>183138</v>
      </c>
    </row>
    <row r="54432" spans="1:10" x14ac:dyDescent="0.35">
      <c r="A54432" s="1" t="s">
        <v>9909</v>
      </c>
      <c r="B54432" s="1" t="s">
        <v>182761</v>
      </c>
      <c r="C54432" s="1" t="s">
        <v>75</v>
      </c>
      <c r="D54432" s="1" t="s">
        <v>50008</v>
      </c>
      <c r="E54432" s="1" t="s">
        <v>183139</v>
      </c>
      <c r="F54432" s="1" t="s">
        <v>183140</v>
      </c>
      <c r="G54432" s="1" t="s">
        <v>183098</v>
      </c>
      <c r="H54432" s="1" t="s">
        <v>183099</v>
      </c>
      <c r="I54432" s="1" t="s">
        <v>182766</v>
      </c>
      <c r="J54432" s="1" t="s">
        <v>183141</v>
      </c>
    </row>
    <row r="54433" spans="1:10" x14ac:dyDescent="0.35">
      <c r="A54433" s="1" t="s">
        <v>9909</v>
      </c>
      <c r="B54433" s="1" t="s">
        <v>182761</v>
      </c>
      <c r="C54433" s="1" t="s">
        <v>80</v>
      </c>
      <c r="D54433" s="1" t="s">
        <v>183142</v>
      </c>
      <c r="E54433" s="1" t="s">
        <v>183143</v>
      </c>
      <c r="F54433" s="1" t="s">
        <v>183144</v>
      </c>
      <c r="G54433" s="1" t="s">
        <v>183098</v>
      </c>
      <c r="H54433" s="1" t="s">
        <v>183099</v>
      </c>
      <c r="I54433" s="1" t="s">
        <v>182766</v>
      </c>
      <c r="J54433" s="1" t="s">
        <v>183145</v>
      </c>
    </row>
    <row r="54434" spans="1:10" x14ac:dyDescent="0.35">
      <c r="A54434" s="1" t="s">
        <v>9909</v>
      </c>
      <c r="B54434" s="1" t="s">
        <v>182761</v>
      </c>
      <c r="C54434" s="1" t="s">
        <v>85</v>
      </c>
      <c r="D54434" s="1" t="s">
        <v>17655</v>
      </c>
      <c r="E54434" s="1" t="s">
        <v>183146</v>
      </c>
      <c r="F54434" s="1" t="s">
        <v>183147</v>
      </c>
      <c r="G54434" s="1" t="s">
        <v>183098</v>
      </c>
      <c r="H54434" s="1" t="s">
        <v>183099</v>
      </c>
      <c r="I54434" s="1" t="s">
        <v>182766</v>
      </c>
      <c r="J54434" s="1" t="s">
        <v>183148</v>
      </c>
    </row>
    <row r="54435" spans="1:10" x14ac:dyDescent="0.35">
      <c r="A54435" s="1" t="s">
        <v>9909</v>
      </c>
      <c r="B54435" s="1" t="s">
        <v>182761</v>
      </c>
      <c r="C54435" s="1" t="s">
        <v>90</v>
      </c>
      <c r="D54435" s="1" t="s">
        <v>82678</v>
      </c>
      <c r="E54435" s="1" t="s">
        <v>183149</v>
      </c>
      <c r="F54435" s="1" t="s">
        <v>183150</v>
      </c>
      <c r="G54435" s="1" t="s">
        <v>183098</v>
      </c>
      <c r="H54435" s="1" t="s">
        <v>183099</v>
      </c>
      <c r="I54435" s="1" t="s">
        <v>182766</v>
      </c>
      <c r="J54435" s="1" t="s">
        <v>183151</v>
      </c>
    </row>
    <row r="54436" spans="1:10" x14ac:dyDescent="0.35">
      <c r="A54436" s="1" t="s">
        <v>9909</v>
      </c>
      <c r="B54436" s="1" t="s">
        <v>182761</v>
      </c>
      <c r="C54436" s="1" t="s">
        <v>95</v>
      </c>
      <c r="D54436" s="1" t="s">
        <v>183152</v>
      </c>
      <c r="E54436" s="1" t="s">
        <v>183153</v>
      </c>
      <c r="F54436" s="1" t="s">
        <v>183154</v>
      </c>
      <c r="G54436" s="1" t="s">
        <v>183098</v>
      </c>
      <c r="H54436" s="1" t="s">
        <v>183099</v>
      </c>
      <c r="I54436" s="1" t="s">
        <v>182766</v>
      </c>
      <c r="J54436" s="1" t="s">
        <v>183155</v>
      </c>
    </row>
    <row r="54437" spans="1:10" x14ac:dyDescent="0.35">
      <c r="A54437" s="1" t="s">
        <v>9909</v>
      </c>
      <c r="B54437" s="1" t="s">
        <v>182761</v>
      </c>
      <c r="C54437" s="1" t="s">
        <v>100</v>
      </c>
      <c r="D54437" s="1" t="s">
        <v>183156</v>
      </c>
      <c r="E54437" s="1" t="s">
        <v>183157</v>
      </c>
      <c r="F54437" s="1" t="s">
        <v>183158</v>
      </c>
      <c r="G54437" s="1" t="s">
        <v>183098</v>
      </c>
      <c r="H54437" s="1" t="s">
        <v>183099</v>
      </c>
      <c r="I54437" s="1" t="s">
        <v>182766</v>
      </c>
      <c r="J54437" s="1" t="s">
        <v>183159</v>
      </c>
    </row>
    <row r="54438" spans="1:10" x14ac:dyDescent="0.35">
      <c r="A54438" s="1" t="s">
        <v>9909</v>
      </c>
      <c r="B54438" s="1" t="s">
        <v>182761</v>
      </c>
      <c r="C54438" s="1" t="s">
        <v>105</v>
      </c>
      <c r="D54438" s="1" t="s">
        <v>114066</v>
      </c>
      <c r="E54438" s="1" t="s">
        <v>183160</v>
      </c>
      <c r="F54438" s="1" t="s">
        <v>183161</v>
      </c>
      <c r="G54438" s="1" t="s">
        <v>183098</v>
      </c>
      <c r="H54438" s="1" t="s">
        <v>183099</v>
      </c>
      <c r="I54438" s="1" t="s">
        <v>182766</v>
      </c>
      <c r="J54438" s="1" t="s">
        <v>183162</v>
      </c>
    </row>
    <row r="54439" spans="1:10" x14ac:dyDescent="0.35">
      <c r="A54439" s="1" t="s">
        <v>9909</v>
      </c>
      <c r="B54439" s="1" t="s">
        <v>182761</v>
      </c>
      <c r="C54439" s="1" t="s">
        <v>110</v>
      </c>
      <c r="D54439" s="1" t="s">
        <v>17705</v>
      </c>
      <c r="E54439" s="1" t="s">
        <v>183163</v>
      </c>
      <c r="F54439" s="1" t="s">
        <v>183164</v>
      </c>
      <c r="G54439" s="1" t="s">
        <v>183098</v>
      </c>
      <c r="H54439" s="1" t="s">
        <v>183099</v>
      </c>
      <c r="I54439" s="1" t="s">
        <v>182766</v>
      </c>
      <c r="J54439" s="1" t="s">
        <v>183165</v>
      </c>
    </row>
    <row r="54440" spans="1:10" x14ac:dyDescent="0.35">
      <c r="A54440" s="1" t="s">
        <v>9909</v>
      </c>
      <c r="B54440" s="1" t="s">
        <v>182761</v>
      </c>
      <c r="C54440" s="1" t="s">
        <v>115</v>
      </c>
      <c r="D54440" s="1" t="s">
        <v>183166</v>
      </c>
      <c r="E54440" s="1" t="s">
        <v>183167</v>
      </c>
      <c r="F54440" s="1" t="s">
        <v>183168</v>
      </c>
      <c r="G54440" s="1" t="s">
        <v>183098</v>
      </c>
      <c r="H54440" s="1" t="s">
        <v>183099</v>
      </c>
      <c r="I54440" s="1" t="s">
        <v>182766</v>
      </c>
      <c r="J54440" s="1" t="s">
        <v>183169</v>
      </c>
    </row>
    <row r="54441" spans="1:10" x14ac:dyDescent="0.35">
      <c r="A54441" s="1" t="s">
        <v>9909</v>
      </c>
      <c r="B54441" s="1" t="s">
        <v>182761</v>
      </c>
      <c r="C54441" s="1" t="s">
        <v>120</v>
      </c>
      <c r="D54441" s="1" t="s">
        <v>179381</v>
      </c>
      <c r="E54441" s="1" t="s">
        <v>183170</v>
      </c>
      <c r="F54441" s="1" t="s">
        <v>183171</v>
      </c>
      <c r="G54441" s="1" t="s">
        <v>183098</v>
      </c>
      <c r="H54441" s="1" t="s">
        <v>183099</v>
      </c>
      <c r="I54441" s="1" t="s">
        <v>182766</v>
      </c>
      <c r="J54441" s="1" t="s">
        <v>183172</v>
      </c>
    </row>
    <row r="54442" spans="1:10" x14ac:dyDescent="0.35">
      <c r="A54442" s="1" t="s">
        <v>9909</v>
      </c>
      <c r="B54442" s="1" t="s">
        <v>182761</v>
      </c>
      <c r="C54442" s="1" t="s">
        <v>125</v>
      </c>
      <c r="D54442" s="1" t="s">
        <v>82955</v>
      </c>
      <c r="E54442" s="1" t="s">
        <v>183173</v>
      </c>
      <c r="F54442" s="1" t="s">
        <v>183174</v>
      </c>
      <c r="G54442" s="1" t="s">
        <v>183098</v>
      </c>
      <c r="H54442" s="1" t="s">
        <v>183099</v>
      </c>
      <c r="I54442" s="1" t="s">
        <v>182766</v>
      </c>
      <c r="J54442" s="1" t="s">
        <v>183175</v>
      </c>
    </row>
    <row r="54443" spans="1:10" x14ac:dyDescent="0.35">
      <c r="A54443" s="1" t="s">
        <v>9909</v>
      </c>
      <c r="B54443" s="1" t="s">
        <v>182761</v>
      </c>
      <c r="C54443" s="1" t="s">
        <v>130</v>
      </c>
      <c r="D54443" s="1" t="s">
        <v>183176</v>
      </c>
      <c r="E54443" s="1" t="s">
        <v>183177</v>
      </c>
      <c r="F54443" s="1" t="s">
        <v>183178</v>
      </c>
      <c r="G54443" s="1" t="s">
        <v>183098</v>
      </c>
      <c r="H54443" s="1" t="s">
        <v>183099</v>
      </c>
      <c r="I54443" s="1" t="s">
        <v>182766</v>
      </c>
      <c r="J54443" s="1" t="s">
        <v>183179</v>
      </c>
    </row>
    <row r="54444" spans="1:10" x14ac:dyDescent="0.35">
      <c r="A54444" s="1" t="s">
        <v>9909</v>
      </c>
      <c r="B54444" s="1" t="s">
        <v>182761</v>
      </c>
      <c r="C54444" s="1" t="s">
        <v>135</v>
      </c>
      <c r="D54444" s="1" t="s">
        <v>14653</v>
      </c>
      <c r="E54444" s="1" t="s">
        <v>183180</v>
      </c>
      <c r="F54444" s="1" t="s">
        <v>183181</v>
      </c>
      <c r="G54444" s="1" t="s">
        <v>183098</v>
      </c>
      <c r="H54444" s="1" t="s">
        <v>183099</v>
      </c>
      <c r="I54444" s="1" t="s">
        <v>182766</v>
      </c>
      <c r="J54444" s="1" t="s">
        <v>183182</v>
      </c>
    </row>
    <row r="54445" spans="1:10" x14ac:dyDescent="0.35">
      <c r="A54445" s="1" t="s">
        <v>9909</v>
      </c>
      <c r="B54445" s="1" t="s">
        <v>182761</v>
      </c>
      <c r="C54445" s="1" t="s">
        <v>140</v>
      </c>
      <c r="D54445" s="1" t="s">
        <v>30322</v>
      </c>
      <c r="E54445" s="1" t="s">
        <v>183183</v>
      </c>
      <c r="F54445" s="1" t="s">
        <v>183184</v>
      </c>
      <c r="G54445" s="1" t="s">
        <v>183098</v>
      </c>
      <c r="H54445" s="1" t="s">
        <v>183099</v>
      </c>
      <c r="I54445" s="1" t="s">
        <v>182766</v>
      </c>
      <c r="J54445" s="1" t="s">
        <v>183185</v>
      </c>
    </row>
    <row r="54446" spans="1:10" x14ac:dyDescent="0.35">
      <c r="A54446" s="1" t="s">
        <v>9909</v>
      </c>
      <c r="B54446" s="1" t="s">
        <v>182761</v>
      </c>
      <c r="C54446" s="1" t="s">
        <v>145</v>
      </c>
      <c r="D54446" s="1" t="s">
        <v>18752</v>
      </c>
      <c r="E54446" s="1" t="s">
        <v>183186</v>
      </c>
      <c r="F54446" s="1" t="s">
        <v>183187</v>
      </c>
      <c r="G54446" s="1" t="s">
        <v>183098</v>
      </c>
      <c r="H54446" s="1" t="s">
        <v>183099</v>
      </c>
      <c r="I54446" s="1" t="s">
        <v>182766</v>
      </c>
      <c r="J54446" s="1" t="s">
        <v>183188</v>
      </c>
    </row>
    <row r="54447" spans="1:10" x14ac:dyDescent="0.35">
      <c r="A54447" s="1" t="s">
        <v>9909</v>
      </c>
      <c r="B54447" s="1" t="s">
        <v>182761</v>
      </c>
      <c r="C54447" s="1" t="s">
        <v>150</v>
      </c>
      <c r="D54447" s="1" t="s">
        <v>183189</v>
      </c>
      <c r="E54447" s="1" t="s">
        <v>183190</v>
      </c>
      <c r="F54447" s="1" t="s">
        <v>183191</v>
      </c>
      <c r="G54447" s="1" t="s">
        <v>183098</v>
      </c>
      <c r="H54447" s="1" t="s">
        <v>183099</v>
      </c>
      <c r="I54447" s="1" t="s">
        <v>182766</v>
      </c>
      <c r="J54447" s="1" t="s">
        <v>183192</v>
      </c>
    </row>
    <row r="54448" spans="1:10" x14ac:dyDescent="0.35">
      <c r="A54448" s="1" t="s">
        <v>9909</v>
      </c>
      <c r="B54448" s="1" t="s">
        <v>182761</v>
      </c>
      <c r="C54448" s="1" t="s">
        <v>155</v>
      </c>
      <c r="D54448" s="1" t="s">
        <v>102169</v>
      </c>
      <c r="E54448" s="1" t="s">
        <v>183193</v>
      </c>
      <c r="F54448" s="1" t="s">
        <v>183194</v>
      </c>
      <c r="G54448" s="1" t="s">
        <v>183098</v>
      </c>
      <c r="H54448" s="1" t="s">
        <v>183099</v>
      </c>
      <c r="I54448" s="1" t="s">
        <v>182766</v>
      </c>
      <c r="J54448" s="1" t="s">
        <v>183195</v>
      </c>
    </row>
    <row r="54449" spans="1:10" x14ac:dyDescent="0.35">
      <c r="A54449" s="1" t="s">
        <v>9909</v>
      </c>
      <c r="B54449" s="1" t="s">
        <v>182761</v>
      </c>
      <c r="C54449" s="1" t="s">
        <v>160</v>
      </c>
      <c r="D54449" s="1" t="s">
        <v>154356</v>
      </c>
      <c r="E54449" s="1" t="s">
        <v>183196</v>
      </c>
      <c r="F54449" s="1" t="s">
        <v>183197</v>
      </c>
      <c r="G54449" s="1" t="s">
        <v>183098</v>
      </c>
      <c r="H54449" s="1" t="s">
        <v>183099</v>
      </c>
      <c r="I54449" s="1" t="s">
        <v>182766</v>
      </c>
      <c r="J54449" s="1" t="s">
        <v>183198</v>
      </c>
    </row>
    <row r="54450" spans="1:10" x14ac:dyDescent="0.35">
      <c r="A54450" s="1" t="s">
        <v>9909</v>
      </c>
      <c r="B54450" s="1" t="s">
        <v>182761</v>
      </c>
      <c r="C54450" s="1" t="s">
        <v>165</v>
      </c>
      <c r="D54450" s="1" t="s">
        <v>56183</v>
      </c>
      <c r="E54450" s="1" t="s">
        <v>183199</v>
      </c>
      <c r="F54450" s="1" t="s">
        <v>183200</v>
      </c>
      <c r="G54450" s="1" t="s">
        <v>183098</v>
      </c>
      <c r="H54450" s="1" t="s">
        <v>183099</v>
      </c>
      <c r="I54450" s="1" t="s">
        <v>182766</v>
      </c>
      <c r="J54450" s="1" t="s">
        <v>183201</v>
      </c>
    </row>
    <row r="54451" spans="1:10" x14ac:dyDescent="0.35">
      <c r="A54451" s="1" t="s">
        <v>9909</v>
      </c>
      <c r="B54451" s="1" t="s">
        <v>182761</v>
      </c>
      <c r="C54451" s="1" t="s">
        <v>170</v>
      </c>
      <c r="D54451" s="1" t="s">
        <v>101401</v>
      </c>
      <c r="E54451" s="1" t="s">
        <v>183202</v>
      </c>
      <c r="F54451" s="1" t="s">
        <v>183203</v>
      </c>
      <c r="G54451" s="1" t="s">
        <v>183098</v>
      </c>
      <c r="H54451" s="1" t="s">
        <v>183099</v>
      </c>
      <c r="I54451" s="1" t="s">
        <v>182766</v>
      </c>
      <c r="J54451" s="1" t="s">
        <v>183204</v>
      </c>
    </row>
    <row r="54452" spans="1:10" x14ac:dyDescent="0.35">
      <c r="A54452" s="1" t="s">
        <v>14987</v>
      </c>
      <c r="B54452" s="1" t="s">
        <v>182761</v>
      </c>
      <c r="C54452" s="1" t="s">
        <v>8</v>
      </c>
      <c r="D54452" s="1" t="s">
        <v>13561</v>
      </c>
      <c r="E54452" s="1" t="s">
        <v>183205</v>
      </c>
      <c r="F54452" s="1" t="s">
        <v>183206</v>
      </c>
      <c r="G54452" s="1" t="s">
        <v>183207</v>
      </c>
      <c r="H54452" s="1" t="s">
        <v>183208</v>
      </c>
      <c r="I54452" s="1" t="s">
        <v>182766</v>
      </c>
      <c r="J54452" s="1" t="s">
        <v>13</v>
      </c>
    </row>
    <row r="54453" spans="1:10" x14ac:dyDescent="0.35">
      <c r="A54453" s="1" t="s">
        <v>14987</v>
      </c>
      <c r="B54453" s="1" t="s">
        <v>182761</v>
      </c>
      <c r="C54453" s="1" t="s">
        <v>15</v>
      </c>
      <c r="D54453" s="1" t="s">
        <v>125871</v>
      </c>
      <c r="E54453" s="1" t="s">
        <v>183209</v>
      </c>
      <c r="F54453" s="1" t="s">
        <v>183210</v>
      </c>
      <c r="G54453" s="1" t="s">
        <v>183207</v>
      </c>
      <c r="H54453" s="1" t="s">
        <v>183208</v>
      </c>
      <c r="I54453" s="1" t="s">
        <v>182766</v>
      </c>
      <c r="J54453" s="1" t="s">
        <v>183211</v>
      </c>
    </row>
    <row r="54454" spans="1:10" x14ac:dyDescent="0.35">
      <c r="A54454" s="1" t="s">
        <v>14987</v>
      </c>
      <c r="B54454" s="1" t="s">
        <v>182761</v>
      </c>
      <c r="C54454" s="1" t="s">
        <v>20</v>
      </c>
      <c r="D54454" s="1" t="s">
        <v>31533</v>
      </c>
      <c r="E54454" s="1" t="s">
        <v>183212</v>
      </c>
      <c r="F54454" s="1" t="s">
        <v>183213</v>
      </c>
      <c r="G54454" s="1" t="s">
        <v>183207</v>
      </c>
      <c r="H54454" s="1" t="s">
        <v>183208</v>
      </c>
      <c r="I54454" s="1" t="s">
        <v>182766</v>
      </c>
      <c r="J54454" s="1" t="s">
        <v>183214</v>
      </c>
    </row>
    <row r="54455" spans="1:10" x14ac:dyDescent="0.35">
      <c r="A54455" s="1" t="s">
        <v>14987</v>
      </c>
      <c r="B54455" s="1" t="s">
        <v>182761</v>
      </c>
      <c r="C54455" s="1" t="s">
        <v>25</v>
      </c>
      <c r="D54455" s="1" t="s">
        <v>7199</v>
      </c>
      <c r="E54455" s="1" t="s">
        <v>183215</v>
      </c>
      <c r="F54455" s="1" t="s">
        <v>183216</v>
      </c>
      <c r="G54455" s="1" t="s">
        <v>183207</v>
      </c>
      <c r="H54455" s="1" t="s">
        <v>183208</v>
      </c>
      <c r="I54455" s="1" t="s">
        <v>182766</v>
      </c>
      <c r="J54455" s="1" t="s">
        <v>183217</v>
      </c>
    </row>
    <row r="54456" spans="1:10" x14ac:dyDescent="0.35">
      <c r="A54456" s="1" t="s">
        <v>14987</v>
      </c>
      <c r="B54456" s="1" t="s">
        <v>182761</v>
      </c>
      <c r="C54456" s="1" t="s">
        <v>30</v>
      </c>
      <c r="D54456" s="1" t="s">
        <v>31775</v>
      </c>
      <c r="E54456" s="1" t="s">
        <v>183218</v>
      </c>
      <c r="F54456" s="1" t="s">
        <v>183219</v>
      </c>
      <c r="G54456" s="1" t="s">
        <v>183207</v>
      </c>
      <c r="H54456" s="1" t="s">
        <v>183208</v>
      </c>
      <c r="I54456" s="1" t="s">
        <v>182766</v>
      </c>
      <c r="J54456" s="1" t="s">
        <v>183220</v>
      </c>
    </row>
    <row r="54457" spans="1:10" x14ac:dyDescent="0.35">
      <c r="A54457" s="1" t="s">
        <v>14987</v>
      </c>
      <c r="B54457" s="1" t="s">
        <v>182761</v>
      </c>
      <c r="C54457" s="1" t="s">
        <v>35</v>
      </c>
      <c r="D54457" s="1" t="s">
        <v>183221</v>
      </c>
      <c r="E54457" s="1" t="s">
        <v>183222</v>
      </c>
      <c r="F54457" s="1" t="s">
        <v>183223</v>
      </c>
      <c r="G54457" s="1" t="s">
        <v>183207</v>
      </c>
      <c r="H54457" s="1" t="s">
        <v>183208</v>
      </c>
      <c r="I54457" s="1" t="s">
        <v>182766</v>
      </c>
      <c r="J54457" s="1" t="s">
        <v>183224</v>
      </c>
    </row>
    <row r="54458" spans="1:10" x14ac:dyDescent="0.35">
      <c r="A54458" s="1" t="s">
        <v>14987</v>
      </c>
      <c r="B54458" s="1" t="s">
        <v>182761</v>
      </c>
      <c r="C54458" s="1" t="s">
        <v>40</v>
      </c>
      <c r="D54458" s="1" t="s">
        <v>181038</v>
      </c>
      <c r="E54458" s="1" t="s">
        <v>183225</v>
      </c>
      <c r="F54458" s="1" t="s">
        <v>183226</v>
      </c>
      <c r="G54458" s="1" t="s">
        <v>183207</v>
      </c>
      <c r="H54458" s="1" t="s">
        <v>183208</v>
      </c>
      <c r="I54458" s="1" t="s">
        <v>182766</v>
      </c>
      <c r="J54458" s="1" t="s">
        <v>183227</v>
      </c>
    </row>
    <row r="54459" spans="1:10" x14ac:dyDescent="0.35">
      <c r="A54459" s="1" t="s">
        <v>14987</v>
      </c>
      <c r="B54459" s="1" t="s">
        <v>182761</v>
      </c>
      <c r="C54459" s="1" t="s">
        <v>45</v>
      </c>
      <c r="D54459" s="1" t="s">
        <v>135414</v>
      </c>
      <c r="E54459" s="1" t="s">
        <v>183228</v>
      </c>
      <c r="F54459" s="1" t="s">
        <v>183229</v>
      </c>
      <c r="G54459" s="1" t="s">
        <v>183207</v>
      </c>
      <c r="H54459" s="1" t="s">
        <v>183208</v>
      </c>
      <c r="I54459" s="1" t="s">
        <v>182766</v>
      </c>
      <c r="J54459" s="1" t="s">
        <v>183230</v>
      </c>
    </row>
    <row r="54460" spans="1:10" x14ac:dyDescent="0.35">
      <c r="A54460" s="1" t="s">
        <v>14987</v>
      </c>
      <c r="B54460" s="1" t="s">
        <v>182761</v>
      </c>
      <c r="C54460" s="1" t="s">
        <v>50</v>
      </c>
      <c r="D54460" s="1" t="s">
        <v>44835</v>
      </c>
      <c r="E54460" s="1" t="s">
        <v>183231</v>
      </c>
      <c r="F54460" s="1" t="s">
        <v>183232</v>
      </c>
      <c r="G54460" s="1" t="s">
        <v>183207</v>
      </c>
      <c r="H54460" s="1" t="s">
        <v>183208</v>
      </c>
      <c r="I54460" s="1" t="s">
        <v>182766</v>
      </c>
      <c r="J54460" s="1" t="s">
        <v>183233</v>
      </c>
    </row>
    <row r="54461" spans="1:10" x14ac:dyDescent="0.35">
      <c r="A54461" s="1" t="s">
        <v>14987</v>
      </c>
      <c r="B54461" s="1" t="s">
        <v>182761</v>
      </c>
      <c r="C54461" s="1" t="s">
        <v>55</v>
      </c>
      <c r="D54461" s="1" t="s">
        <v>183234</v>
      </c>
      <c r="E54461" s="1" t="s">
        <v>183235</v>
      </c>
      <c r="F54461" s="1" t="s">
        <v>183236</v>
      </c>
      <c r="G54461" s="1" t="s">
        <v>183207</v>
      </c>
      <c r="H54461" s="1" t="s">
        <v>183208</v>
      </c>
      <c r="I54461" s="1" t="s">
        <v>182766</v>
      </c>
      <c r="J54461" s="1" t="s">
        <v>183237</v>
      </c>
    </row>
    <row r="54462" spans="1:10" x14ac:dyDescent="0.35">
      <c r="A54462" s="1" t="s">
        <v>14987</v>
      </c>
      <c r="B54462" s="1" t="s">
        <v>182761</v>
      </c>
      <c r="C54462" s="1" t="s">
        <v>60</v>
      </c>
      <c r="D54462" s="1" t="s">
        <v>123153</v>
      </c>
      <c r="E54462" s="1" t="s">
        <v>183238</v>
      </c>
      <c r="F54462" s="1" t="s">
        <v>183239</v>
      </c>
      <c r="G54462" s="1" t="s">
        <v>183207</v>
      </c>
      <c r="H54462" s="1" t="s">
        <v>183208</v>
      </c>
      <c r="I54462" s="1" t="s">
        <v>182766</v>
      </c>
      <c r="J54462" s="1" t="s">
        <v>183240</v>
      </c>
    </row>
    <row r="54463" spans="1:10" x14ac:dyDescent="0.35">
      <c r="A54463" s="1" t="s">
        <v>14987</v>
      </c>
      <c r="B54463" s="1" t="s">
        <v>182761</v>
      </c>
      <c r="C54463" s="1" t="s">
        <v>65</v>
      </c>
      <c r="D54463" s="1" t="s">
        <v>183241</v>
      </c>
      <c r="E54463" s="1" t="s">
        <v>183242</v>
      </c>
      <c r="F54463" s="1" t="s">
        <v>183243</v>
      </c>
      <c r="G54463" s="1" t="s">
        <v>183207</v>
      </c>
      <c r="H54463" s="1" t="s">
        <v>183208</v>
      </c>
      <c r="I54463" s="1" t="s">
        <v>182766</v>
      </c>
      <c r="J54463" s="1" t="s">
        <v>183244</v>
      </c>
    </row>
    <row r="54464" spans="1:10" x14ac:dyDescent="0.35">
      <c r="A54464" s="1" t="s">
        <v>14987</v>
      </c>
      <c r="B54464" s="1" t="s">
        <v>182761</v>
      </c>
      <c r="C54464" s="1" t="s">
        <v>70</v>
      </c>
      <c r="D54464" s="1" t="s">
        <v>183245</v>
      </c>
      <c r="E54464" s="1" t="s">
        <v>183246</v>
      </c>
      <c r="F54464" s="1" t="s">
        <v>183247</v>
      </c>
      <c r="G54464" s="1" t="s">
        <v>183207</v>
      </c>
      <c r="H54464" s="1" t="s">
        <v>183208</v>
      </c>
      <c r="I54464" s="1" t="s">
        <v>182766</v>
      </c>
      <c r="J54464" s="1" t="s">
        <v>183248</v>
      </c>
    </row>
    <row r="54465" spans="1:10" x14ac:dyDescent="0.35">
      <c r="A54465" s="1" t="s">
        <v>14987</v>
      </c>
      <c r="B54465" s="1" t="s">
        <v>182761</v>
      </c>
      <c r="C54465" s="1" t="s">
        <v>75</v>
      </c>
      <c r="D54465" s="1" t="s">
        <v>183249</v>
      </c>
      <c r="E54465" s="1" t="s">
        <v>183250</v>
      </c>
      <c r="F54465" s="1" t="s">
        <v>183251</v>
      </c>
      <c r="G54465" s="1" t="s">
        <v>183207</v>
      </c>
      <c r="H54465" s="1" t="s">
        <v>183208</v>
      </c>
      <c r="I54465" s="1" t="s">
        <v>182766</v>
      </c>
      <c r="J54465" s="1" t="s">
        <v>183252</v>
      </c>
    </row>
    <row r="54466" spans="1:10" x14ac:dyDescent="0.35">
      <c r="A54466" s="1" t="s">
        <v>14987</v>
      </c>
      <c r="B54466" s="1" t="s">
        <v>182761</v>
      </c>
      <c r="C54466" s="1" t="s">
        <v>80</v>
      </c>
      <c r="D54466" s="1" t="s">
        <v>106589</v>
      </c>
      <c r="E54466" s="1" t="s">
        <v>183253</v>
      </c>
      <c r="F54466" s="1" t="s">
        <v>183254</v>
      </c>
      <c r="G54466" s="1" t="s">
        <v>183207</v>
      </c>
      <c r="H54466" s="1" t="s">
        <v>183208</v>
      </c>
      <c r="I54466" s="1" t="s">
        <v>182766</v>
      </c>
      <c r="J54466" s="1" t="s">
        <v>183255</v>
      </c>
    </row>
    <row r="54467" spans="1:10" x14ac:dyDescent="0.35">
      <c r="A54467" s="1" t="s">
        <v>14987</v>
      </c>
      <c r="B54467" s="1" t="s">
        <v>182761</v>
      </c>
      <c r="C54467" s="1" t="s">
        <v>85</v>
      </c>
      <c r="D54467" s="1" t="s">
        <v>183256</v>
      </c>
      <c r="E54467" s="1" t="s">
        <v>183257</v>
      </c>
      <c r="F54467" s="1" t="s">
        <v>183258</v>
      </c>
      <c r="G54467" s="1" t="s">
        <v>183207</v>
      </c>
      <c r="H54467" s="1" t="s">
        <v>183208</v>
      </c>
      <c r="I54467" s="1" t="s">
        <v>182766</v>
      </c>
      <c r="J54467" s="1" t="s">
        <v>183259</v>
      </c>
    </row>
    <row r="54468" spans="1:10" x14ac:dyDescent="0.35">
      <c r="A54468" s="1" t="s">
        <v>14987</v>
      </c>
      <c r="B54468" s="1" t="s">
        <v>182761</v>
      </c>
      <c r="C54468" s="1" t="s">
        <v>90</v>
      </c>
      <c r="D54468" s="1" t="s">
        <v>78421</v>
      </c>
      <c r="E54468" s="1" t="s">
        <v>183260</v>
      </c>
      <c r="F54468" s="1" t="s">
        <v>183261</v>
      </c>
      <c r="G54468" s="1" t="s">
        <v>183207</v>
      </c>
      <c r="H54468" s="1" t="s">
        <v>183208</v>
      </c>
      <c r="I54468" s="1" t="s">
        <v>182766</v>
      </c>
      <c r="J54468" s="1" t="s">
        <v>183262</v>
      </c>
    </row>
    <row r="54469" spans="1:10" x14ac:dyDescent="0.35">
      <c r="A54469" s="1" t="s">
        <v>14987</v>
      </c>
      <c r="B54469" s="1" t="s">
        <v>182761</v>
      </c>
      <c r="C54469" s="1" t="s">
        <v>95</v>
      </c>
      <c r="D54469" s="1" t="s">
        <v>183263</v>
      </c>
      <c r="E54469" s="1" t="s">
        <v>183264</v>
      </c>
      <c r="F54469" s="1" t="s">
        <v>183265</v>
      </c>
      <c r="G54469" s="1" t="s">
        <v>183207</v>
      </c>
      <c r="H54469" s="1" t="s">
        <v>183208</v>
      </c>
      <c r="I54469" s="1" t="s">
        <v>182766</v>
      </c>
      <c r="J54469" s="1" t="s">
        <v>183266</v>
      </c>
    </row>
    <row r="54470" spans="1:10" x14ac:dyDescent="0.35">
      <c r="A54470" s="1" t="s">
        <v>14987</v>
      </c>
      <c r="B54470" s="1" t="s">
        <v>182761</v>
      </c>
      <c r="C54470" s="1" t="s">
        <v>100</v>
      </c>
      <c r="D54470" s="1" t="s">
        <v>152024</v>
      </c>
      <c r="E54470" s="1" t="s">
        <v>183267</v>
      </c>
      <c r="F54470" s="1" t="s">
        <v>183268</v>
      </c>
      <c r="G54470" s="1" t="s">
        <v>183207</v>
      </c>
      <c r="H54470" s="1" t="s">
        <v>183208</v>
      </c>
      <c r="I54470" s="1" t="s">
        <v>182766</v>
      </c>
      <c r="J54470" s="1" t="s">
        <v>183269</v>
      </c>
    </row>
    <row r="54471" spans="1:10" x14ac:dyDescent="0.35">
      <c r="A54471" s="1" t="s">
        <v>14987</v>
      </c>
      <c r="B54471" s="1" t="s">
        <v>182761</v>
      </c>
      <c r="C54471" s="1" t="s">
        <v>105</v>
      </c>
      <c r="D54471" s="1" t="s">
        <v>183270</v>
      </c>
      <c r="E54471" s="1" t="s">
        <v>183271</v>
      </c>
      <c r="F54471" s="1" t="s">
        <v>183272</v>
      </c>
      <c r="G54471" s="1" t="s">
        <v>183207</v>
      </c>
      <c r="H54471" s="1" t="s">
        <v>183208</v>
      </c>
      <c r="I54471" s="1" t="s">
        <v>182766</v>
      </c>
      <c r="J54471" s="1" t="s">
        <v>183273</v>
      </c>
    </row>
    <row r="54472" spans="1:10" x14ac:dyDescent="0.35">
      <c r="A54472" s="1" t="s">
        <v>14987</v>
      </c>
      <c r="B54472" s="1" t="s">
        <v>182761</v>
      </c>
      <c r="C54472" s="1" t="s">
        <v>110</v>
      </c>
      <c r="D54472" s="1" t="s">
        <v>183274</v>
      </c>
      <c r="E54472" s="1" t="s">
        <v>183275</v>
      </c>
      <c r="F54472" s="1" t="s">
        <v>183276</v>
      </c>
      <c r="G54472" s="1" t="s">
        <v>183207</v>
      </c>
      <c r="H54472" s="1" t="s">
        <v>183208</v>
      </c>
      <c r="I54472" s="1" t="s">
        <v>182766</v>
      </c>
      <c r="J54472" s="1" t="s">
        <v>183277</v>
      </c>
    </row>
    <row r="54473" spans="1:10" x14ac:dyDescent="0.35">
      <c r="A54473" s="1" t="s">
        <v>14987</v>
      </c>
      <c r="B54473" s="1" t="s">
        <v>182761</v>
      </c>
      <c r="C54473" s="1" t="s">
        <v>115</v>
      </c>
      <c r="D54473" s="1" t="s">
        <v>183278</v>
      </c>
      <c r="E54473" s="1" t="s">
        <v>183279</v>
      </c>
      <c r="F54473" s="1" t="s">
        <v>183280</v>
      </c>
      <c r="G54473" s="1" t="s">
        <v>183207</v>
      </c>
      <c r="H54473" s="1" t="s">
        <v>183208</v>
      </c>
      <c r="I54473" s="1" t="s">
        <v>182766</v>
      </c>
      <c r="J54473" s="1" t="s">
        <v>183281</v>
      </c>
    </row>
    <row r="54474" spans="1:10" x14ac:dyDescent="0.35">
      <c r="A54474" s="1" t="s">
        <v>14987</v>
      </c>
      <c r="B54474" s="1" t="s">
        <v>182761</v>
      </c>
      <c r="C54474" s="1" t="s">
        <v>120</v>
      </c>
      <c r="D54474" s="1" t="s">
        <v>183282</v>
      </c>
      <c r="E54474" s="1" t="s">
        <v>183283</v>
      </c>
      <c r="F54474" s="1" t="s">
        <v>183284</v>
      </c>
      <c r="G54474" s="1" t="s">
        <v>183207</v>
      </c>
      <c r="H54474" s="1" t="s">
        <v>183208</v>
      </c>
      <c r="I54474" s="1" t="s">
        <v>182766</v>
      </c>
      <c r="J54474" s="1" t="s">
        <v>183285</v>
      </c>
    </row>
    <row r="54475" spans="1:10" x14ac:dyDescent="0.35">
      <c r="A54475" s="1" t="s">
        <v>14987</v>
      </c>
      <c r="B54475" s="1" t="s">
        <v>182761</v>
      </c>
      <c r="C54475" s="1" t="s">
        <v>125</v>
      </c>
      <c r="D54475" s="1" t="s">
        <v>153007</v>
      </c>
      <c r="E54475" s="1" t="s">
        <v>183286</v>
      </c>
      <c r="F54475" s="1" t="s">
        <v>183287</v>
      </c>
      <c r="G54475" s="1" t="s">
        <v>183207</v>
      </c>
      <c r="H54475" s="1" t="s">
        <v>183208</v>
      </c>
      <c r="I54475" s="1" t="s">
        <v>182766</v>
      </c>
      <c r="J54475" s="1" t="s">
        <v>183288</v>
      </c>
    </row>
    <row r="54476" spans="1:10" x14ac:dyDescent="0.35">
      <c r="A54476" s="1" t="s">
        <v>14987</v>
      </c>
      <c r="B54476" s="1" t="s">
        <v>182761</v>
      </c>
      <c r="C54476" s="1" t="s">
        <v>130</v>
      </c>
      <c r="D54476" s="1" t="s">
        <v>183289</v>
      </c>
      <c r="E54476" s="1" t="s">
        <v>183290</v>
      </c>
      <c r="F54476" s="1" t="s">
        <v>183291</v>
      </c>
      <c r="G54476" s="1" t="s">
        <v>183207</v>
      </c>
      <c r="H54476" s="1" t="s">
        <v>183208</v>
      </c>
      <c r="I54476" s="1" t="s">
        <v>182766</v>
      </c>
      <c r="J54476" s="1" t="s">
        <v>183292</v>
      </c>
    </row>
    <row r="54477" spans="1:10" x14ac:dyDescent="0.35">
      <c r="A54477" s="1" t="s">
        <v>14987</v>
      </c>
      <c r="B54477" s="1" t="s">
        <v>182761</v>
      </c>
      <c r="C54477" s="1" t="s">
        <v>135</v>
      </c>
      <c r="D54477" s="1" t="s">
        <v>100900</v>
      </c>
      <c r="E54477" s="1" t="s">
        <v>183293</v>
      </c>
      <c r="F54477" s="1" t="s">
        <v>183294</v>
      </c>
      <c r="G54477" s="1" t="s">
        <v>183207</v>
      </c>
      <c r="H54477" s="1" t="s">
        <v>183208</v>
      </c>
      <c r="I54477" s="1" t="s">
        <v>182766</v>
      </c>
      <c r="J54477" s="1" t="s">
        <v>183295</v>
      </c>
    </row>
    <row r="54478" spans="1:10" x14ac:dyDescent="0.35">
      <c r="A54478" s="1" t="s">
        <v>14987</v>
      </c>
      <c r="B54478" s="1" t="s">
        <v>182761</v>
      </c>
      <c r="C54478" s="1" t="s">
        <v>140</v>
      </c>
      <c r="D54478" s="1" t="s">
        <v>21989</v>
      </c>
      <c r="E54478" s="1" t="s">
        <v>183296</v>
      </c>
      <c r="F54478" s="1" t="s">
        <v>183297</v>
      </c>
      <c r="G54478" s="1" t="s">
        <v>183207</v>
      </c>
      <c r="H54478" s="1" t="s">
        <v>183208</v>
      </c>
      <c r="I54478" s="1" t="s">
        <v>182766</v>
      </c>
      <c r="J54478" s="1" t="s">
        <v>183298</v>
      </c>
    </row>
    <row r="54479" spans="1:10" x14ac:dyDescent="0.35">
      <c r="A54479" s="1" t="s">
        <v>14987</v>
      </c>
      <c r="B54479" s="1" t="s">
        <v>182761</v>
      </c>
      <c r="C54479" s="1" t="s">
        <v>145</v>
      </c>
      <c r="D54479" s="1" t="s">
        <v>76120</v>
      </c>
      <c r="E54479" s="1" t="s">
        <v>183299</v>
      </c>
      <c r="F54479" s="1" t="s">
        <v>183300</v>
      </c>
      <c r="G54479" s="1" t="s">
        <v>183207</v>
      </c>
      <c r="H54479" s="1" t="s">
        <v>183208</v>
      </c>
      <c r="I54479" s="1" t="s">
        <v>182766</v>
      </c>
      <c r="J54479" s="1" t="s">
        <v>183301</v>
      </c>
    </row>
    <row r="54480" spans="1:10" x14ac:dyDescent="0.35">
      <c r="A54480" s="1" t="s">
        <v>14987</v>
      </c>
      <c r="B54480" s="1" t="s">
        <v>182761</v>
      </c>
      <c r="C54480" s="1" t="s">
        <v>150</v>
      </c>
      <c r="D54480" s="1" t="s">
        <v>183302</v>
      </c>
      <c r="E54480" s="1" t="s">
        <v>183303</v>
      </c>
      <c r="F54480" s="1" t="s">
        <v>183304</v>
      </c>
      <c r="G54480" s="1" t="s">
        <v>183207</v>
      </c>
      <c r="H54480" s="1" t="s">
        <v>183208</v>
      </c>
      <c r="I54480" s="1" t="s">
        <v>182766</v>
      </c>
      <c r="J54480" s="1" t="s">
        <v>183305</v>
      </c>
    </row>
    <row r="54481" spans="1:10" x14ac:dyDescent="0.35">
      <c r="A54481" s="1" t="s">
        <v>14987</v>
      </c>
      <c r="B54481" s="1" t="s">
        <v>182761</v>
      </c>
      <c r="C54481" s="1" t="s">
        <v>155</v>
      </c>
      <c r="D54481" s="1" t="s">
        <v>183306</v>
      </c>
      <c r="E54481" s="1" t="s">
        <v>183307</v>
      </c>
      <c r="F54481" s="1" t="s">
        <v>183308</v>
      </c>
      <c r="G54481" s="1" t="s">
        <v>183207</v>
      </c>
      <c r="H54481" s="1" t="s">
        <v>183208</v>
      </c>
      <c r="I54481" s="1" t="s">
        <v>182766</v>
      </c>
      <c r="J54481" s="1" t="s">
        <v>183309</v>
      </c>
    </row>
    <row r="54482" spans="1:10" x14ac:dyDescent="0.35">
      <c r="A54482" s="1" t="s">
        <v>14987</v>
      </c>
      <c r="B54482" s="1" t="s">
        <v>182761</v>
      </c>
      <c r="C54482" s="1" t="s">
        <v>160</v>
      </c>
      <c r="D54482" s="1" t="s">
        <v>59376</v>
      </c>
      <c r="E54482" s="1" t="s">
        <v>183310</v>
      </c>
      <c r="F54482" s="1" t="s">
        <v>183311</v>
      </c>
      <c r="G54482" s="1" t="s">
        <v>183207</v>
      </c>
      <c r="H54482" s="1" t="s">
        <v>183208</v>
      </c>
      <c r="I54482" s="1" t="s">
        <v>182766</v>
      </c>
      <c r="J54482" s="1" t="s">
        <v>183312</v>
      </c>
    </row>
    <row r="54483" spans="1:10" x14ac:dyDescent="0.35">
      <c r="A54483" s="1" t="s">
        <v>14987</v>
      </c>
      <c r="B54483" s="1" t="s">
        <v>182761</v>
      </c>
      <c r="C54483" s="1" t="s">
        <v>165</v>
      </c>
      <c r="D54483" s="1" t="s">
        <v>11437</v>
      </c>
      <c r="E54483" s="1" t="s">
        <v>183313</v>
      </c>
      <c r="F54483" s="1" t="s">
        <v>183314</v>
      </c>
      <c r="G54483" s="1" t="s">
        <v>183207</v>
      </c>
      <c r="H54483" s="1" t="s">
        <v>183208</v>
      </c>
      <c r="I54483" s="1" t="s">
        <v>182766</v>
      </c>
      <c r="J54483" s="1" t="s">
        <v>183315</v>
      </c>
    </row>
    <row r="54484" spans="1:10" x14ac:dyDescent="0.35">
      <c r="A54484" s="1" t="s">
        <v>14987</v>
      </c>
      <c r="B54484" s="1" t="s">
        <v>182761</v>
      </c>
      <c r="C54484" s="1" t="s">
        <v>170</v>
      </c>
      <c r="D54484" s="1" t="s">
        <v>183316</v>
      </c>
      <c r="E54484" s="1" t="s">
        <v>183317</v>
      </c>
      <c r="F54484" s="1" t="s">
        <v>183318</v>
      </c>
      <c r="G54484" s="1" t="s">
        <v>183207</v>
      </c>
      <c r="H54484" s="1" t="s">
        <v>183208</v>
      </c>
      <c r="I54484" s="1" t="s">
        <v>182766</v>
      </c>
      <c r="J54484" s="1" t="s">
        <v>183319</v>
      </c>
    </row>
    <row r="54485" spans="1:10" x14ac:dyDescent="0.35">
      <c r="A54485" s="1" t="s">
        <v>27745</v>
      </c>
      <c r="B54485" s="1" t="s">
        <v>182761</v>
      </c>
      <c r="C54485" s="1" t="s">
        <v>8</v>
      </c>
      <c r="D54485" s="1" t="s">
        <v>16436</v>
      </c>
      <c r="E54485" s="1" t="s">
        <v>183320</v>
      </c>
      <c r="F54485" s="1" t="s">
        <v>183321</v>
      </c>
      <c r="G54485" s="1" t="s">
        <v>183322</v>
      </c>
      <c r="H54485" s="1" t="s">
        <v>183323</v>
      </c>
      <c r="I54485" s="1" t="s">
        <v>182766</v>
      </c>
      <c r="J54485" s="1" t="s">
        <v>13</v>
      </c>
    </row>
    <row r="54486" spans="1:10" x14ac:dyDescent="0.35">
      <c r="A54486" s="1" t="s">
        <v>27745</v>
      </c>
      <c r="B54486" s="1" t="s">
        <v>182761</v>
      </c>
      <c r="C54486" s="1" t="s">
        <v>15</v>
      </c>
      <c r="D54486" s="1" t="s">
        <v>183119</v>
      </c>
      <c r="E54486" s="1" t="s">
        <v>183324</v>
      </c>
      <c r="F54486" s="1" t="s">
        <v>183325</v>
      </c>
      <c r="G54486" s="1" t="s">
        <v>183322</v>
      </c>
      <c r="H54486" s="1" t="s">
        <v>183323</v>
      </c>
      <c r="I54486" s="1" t="s">
        <v>182766</v>
      </c>
      <c r="J54486" s="1" t="s">
        <v>183326</v>
      </c>
    </row>
    <row r="54487" spans="1:10" x14ac:dyDescent="0.35">
      <c r="A54487" s="1" t="s">
        <v>27745</v>
      </c>
      <c r="B54487" s="1" t="s">
        <v>182761</v>
      </c>
      <c r="C54487" s="1" t="s">
        <v>20</v>
      </c>
      <c r="D54487" s="1" t="s">
        <v>135339</v>
      </c>
      <c r="E54487" s="1" t="s">
        <v>183327</v>
      </c>
      <c r="F54487" s="1" t="s">
        <v>183328</v>
      </c>
      <c r="G54487" s="1" t="s">
        <v>183322</v>
      </c>
      <c r="H54487" s="1" t="s">
        <v>183323</v>
      </c>
      <c r="I54487" s="1" t="s">
        <v>182766</v>
      </c>
      <c r="J54487" s="1" t="s">
        <v>183329</v>
      </c>
    </row>
    <row r="54488" spans="1:10" x14ac:dyDescent="0.35">
      <c r="A54488" s="1" t="s">
        <v>27745</v>
      </c>
      <c r="B54488" s="1" t="s">
        <v>182761</v>
      </c>
      <c r="C54488" s="1" t="s">
        <v>25</v>
      </c>
      <c r="D54488" s="1" t="s">
        <v>122124</v>
      </c>
      <c r="E54488" s="1" t="s">
        <v>183330</v>
      </c>
      <c r="F54488" s="1" t="s">
        <v>183331</v>
      </c>
      <c r="G54488" s="1" t="s">
        <v>183322</v>
      </c>
      <c r="H54488" s="1" t="s">
        <v>183323</v>
      </c>
      <c r="I54488" s="1" t="s">
        <v>182766</v>
      </c>
      <c r="J54488" s="1" t="s">
        <v>183332</v>
      </c>
    </row>
    <row r="54489" spans="1:10" x14ac:dyDescent="0.35">
      <c r="A54489" s="1" t="s">
        <v>27745</v>
      </c>
      <c r="B54489" s="1" t="s">
        <v>182761</v>
      </c>
      <c r="C54489" s="1" t="s">
        <v>30</v>
      </c>
      <c r="D54489" s="1" t="s">
        <v>183333</v>
      </c>
      <c r="E54489" s="1" t="s">
        <v>183334</v>
      </c>
      <c r="F54489" s="1" t="s">
        <v>183335</v>
      </c>
      <c r="G54489" s="1" t="s">
        <v>183322</v>
      </c>
      <c r="H54489" s="1" t="s">
        <v>183323</v>
      </c>
      <c r="I54489" s="1" t="s">
        <v>182766</v>
      </c>
      <c r="J54489" s="1" t="s">
        <v>183336</v>
      </c>
    </row>
    <row r="54490" spans="1:10" x14ac:dyDescent="0.35">
      <c r="A54490" s="1" t="s">
        <v>27745</v>
      </c>
      <c r="B54490" s="1" t="s">
        <v>182761</v>
      </c>
      <c r="C54490" s="1" t="s">
        <v>35</v>
      </c>
      <c r="D54490" s="1" t="s">
        <v>49274</v>
      </c>
      <c r="E54490" s="1" t="s">
        <v>183337</v>
      </c>
      <c r="F54490" s="1" t="s">
        <v>183338</v>
      </c>
      <c r="G54490" s="1" t="s">
        <v>183322</v>
      </c>
      <c r="H54490" s="1" t="s">
        <v>183323</v>
      </c>
      <c r="I54490" s="1" t="s">
        <v>182766</v>
      </c>
      <c r="J54490" s="1" t="s">
        <v>183339</v>
      </c>
    </row>
    <row r="54491" spans="1:10" x14ac:dyDescent="0.35">
      <c r="A54491" s="1" t="s">
        <v>27745</v>
      </c>
      <c r="B54491" s="1" t="s">
        <v>182761</v>
      </c>
      <c r="C54491" s="1" t="s">
        <v>40</v>
      </c>
      <c r="D54491" s="1" t="s">
        <v>150737</v>
      </c>
      <c r="E54491" s="1" t="s">
        <v>183340</v>
      </c>
      <c r="F54491" s="1" t="s">
        <v>183341</v>
      </c>
      <c r="G54491" s="1" t="s">
        <v>183322</v>
      </c>
      <c r="H54491" s="1" t="s">
        <v>183323</v>
      </c>
      <c r="I54491" s="1" t="s">
        <v>182766</v>
      </c>
      <c r="J54491" s="1" t="s">
        <v>183342</v>
      </c>
    </row>
    <row r="54492" spans="1:10" x14ac:dyDescent="0.35">
      <c r="A54492" s="1" t="s">
        <v>27745</v>
      </c>
      <c r="B54492" s="1" t="s">
        <v>182761</v>
      </c>
      <c r="C54492" s="1" t="s">
        <v>45</v>
      </c>
      <c r="D54492" s="1" t="s">
        <v>183343</v>
      </c>
      <c r="E54492" s="1" t="s">
        <v>183344</v>
      </c>
      <c r="F54492" s="1" t="s">
        <v>183345</v>
      </c>
      <c r="G54492" s="1" t="s">
        <v>183322</v>
      </c>
      <c r="H54492" s="1" t="s">
        <v>183323</v>
      </c>
      <c r="I54492" s="1" t="s">
        <v>182766</v>
      </c>
      <c r="J54492" s="1" t="s">
        <v>183346</v>
      </c>
    </row>
    <row r="54493" spans="1:10" x14ac:dyDescent="0.35">
      <c r="A54493" s="1" t="s">
        <v>27745</v>
      </c>
      <c r="B54493" s="1" t="s">
        <v>182761</v>
      </c>
      <c r="C54493" s="1" t="s">
        <v>50</v>
      </c>
      <c r="D54493" s="1" t="s">
        <v>183347</v>
      </c>
      <c r="E54493" s="1" t="s">
        <v>183348</v>
      </c>
      <c r="F54493" s="1" t="s">
        <v>183349</v>
      </c>
      <c r="G54493" s="1" t="s">
        <v>183322</v>
      </c>
      <c r="H54493" s="1" t="s">
        <v>183323</v>
      </c>
      <c r="I54493" s="1" t="s">
        <v>182766</v>
      </c>
      <c r="J54493" s="1" t="s">
        <v>183350</v>
      </c>
    </row>
    <row r="54494" spans="1:10" x14ac:dyDescent="0.35">
      <c r="A54494" s="1" t="s">
        <v>27745</v>
      </c>
      <c r="B54494" s="1" t="s">
        <v>182761</v>
      </c>
      <c r="C54494" s="1" t="s">
        <v>55</v>
      </c>
      <c r="D54494" s="1" t="s">
        <v>183351</v>
      </c>
      <c r="E54494" s="1" t="s">
        <v>183352</v>
      </c>
      <c r="F54494" s="1" t="s">
        <v>183353</v>
      </c>
      <c r="G54494" s="1" t="s">
        <v>183322</v>
      </c>
      <c r="H54494" s="1" t="s">
        <v>183323</v>
      </c>
      <c r="I54494" s="1" t="s">
        <v>182766</v>
      </c>
      <c r="J54494" s="1" t="s">
        <v>183354</v>
      </c>
    </row>
    <row r="54495" spans="1:10" x14ac:dyDescent="0.35">
      <c r="A54495" s="1" t="s">
        <v>27745</v>
      </c>
      <c r="B54495" s="1" t="s">
        <v>182761</v>
      </c>
      <c r="C54495" s="1" t="s">
        <v>60</v>
      </c>
      <c r="D54495" s="1" t="s">
        <v>72450</v>
      </c>
      <c r="E54495" s="1" t="s">
        <v>183355</v>
      </c>
      <c r="F54495" s="1" t="s">
        <v>183356</v>
      </c>
      <c r="G54495" s="1" t="s">
        <v>183322</v>
      </c>
      <c r="H54495" s="1" t="s">
        <v>183323</v>
      </c>
      <c r="I54495" s="1" t="s">
        <v>182766</v>
      </c>
      <c r="J54495" s="1" t="s">
        <v>183357</v>
      </c>
    </row>
    <row r="54496" spans="1:10" x14ac:dyDescent="0.35">
      <c r="A54496" s="1" t="s">
        <v>27745</v>
      </c>
      <c r="B54496" s="1" t="s">
        <v>182761</v>
      </c>
      <c r="C54496" s="1" t="s">
        <v>65</v>
      </c>
      <c r="D54496" s="1" t="s">
        <v>7187</v>
      </c>
      <c r="E54496" s="1" t="s">
        <v>183358</v>
      </c>
      <c r="F54496" s="1" t="s">
        <v>183359</v>
      </c>
      <c r="G54496" s="1" t="s">
        <v>183322</v>
      </c>
      <c r="H54496" s="1" t="s">
        <v>183323</v>
      </c>
      <c r="I54496" s="1" t="s">
        <v>182766</v>
      </c>
      <c r="J54496" s="1" t="s">
        <v>183360</v>
      </c>
    </row>
    <row r="54497" spans="1:10" x14ac:dyDescent="0.35">
      <c r="A54497" s="1" t="s">
        <v>27745</v>
      </c>
      <c r="B54497" s="1" t="s">
        <v>182761</v>
      </c>
      <c r="C54497" s="1" t="s">
        <v>70</v>
      </c>
      <c r="D54497" s="1" t="s">
        <v>183361</v>
      </c>
      <c r="E54497" s="1" t="s">
        <v>183362</v>
      </c>
      <c r="F54497" s="1" t="s">
        <v>183363</v>
      </c>
      <c r="G54497" s="1" t="s">
        <v>183322</v>
      </c>
      <c r="H54497" s="1" t="s">
        <v>183323</v>
      </c>
      <c r="I54497" s="1" t="s">
        <v>182766</v>
      </c>
      <c r="J54497" s="1" t="s">
        <v>183364</v>
      </c>
    </row>
    <row r="54498" spans="1:10" x14ac:dyDescent="0.35">
      <c r="A54498" s="1" t="s">
        <v>27745</v>
      </c>
      <c r="B54498" s="1" t="s">
        <v>182761</v>
      </c>
      <c r="C54498" s="1" t="s">
        <v>75</v>
      </c>
      <c r="D54498" s="1" t="s">
        <v>176594</v>
      </c>
      <c r="E54498" s="1" t="s">
        <v>183365</v>
      </c>
      <c r="F54498" s="1" t="s">
        <v>183366</v>
      </c>
      <c r="G54498" s="1" t="s">
        <v>183322</v>
      </c>
      <c r="H54498" s="1" t="s">
        <v>183323</v>
      </c>
      <c r="I54498" s="1" t="s">
        <v>182766</v>
      </c>
      <c r="J54498" s="1" t="s">
        <v>183367</v>
      </c>
    </row>
    <row r="54499" spans="1:10" x14ac:dyDescent="0.35">
      <c r="A54499" s="1" t="s">
        <v>27745</v>
      </c>
      <c r="B54499" s="1" t="s">
        <v>182761</v>
      </c>
      <c r="C54499" s="1" t="s">
        <v>80</v>
      </c>
      <c r="D54499" s="1" t="s">
        <v>183368</v>
      </c>
      <c r="E54499" s="1" t="s">
        <v>183369</v>
      </c>
      <c r="F54499" s="1" t="s">
        <v>183370</v>
      </c>
      <c r="G54499" s="1" t="s">
        <v>183322</v>
      </c>
      <c r="H54499" s="1" t="s">
        <v>183323</v>
      </c>
      <c r="I54499" s="1" t="s">
        <v>182766</v>
      </c>
      <c r="J54499" s="1" t="s">
        <v>183371</v>
      </c>
    </row>
    <row r="54500" spans="1:10" x14ac:dyDescent="0.35">
      <c r="A54500" s="1" t="s">
        <v>27745</v>
      </c>
      <c r="B54500" s="1" t="s">
        <v>182761</v>
      </c>
      <c r="C54500" s="1" t="s">
        <v>85</v>
      </c>
      <c r="D54500" s="1" t="s">
        <v>18922</v>
      </c>
      <c r="E54500" s="1" t="s">
        <v>183372</v>
      </c>
      <c r="F54500" s="1" t="s">
        <v>183373</v>
      </c>
      <c r="G54500" s="1" t="s">
        <v>183322</v>
      </c>
      <c r="H54500" s="1" t="s">
        <v>183323</v>
      </c>
      <c r="I54500" s="1" t="s">
        <v>182766</v>
      </c>
      <c r="J54500" s="1" t="s">
        <v>183374</v>
      </c>
    </row>
    <row r="54501" spans="1:10" x14ac:dyDescent="0.35">
      <c r="A54501" s="1" t="s">
        <v>27745</v>
      </c>
      <c r="B54501" s="1" t="s">
        <v>182761</v>
      </c>
      <c r="C54501" s="1" t="s">
        <v>90</v>
      </c>
      <c r="D54501" s="1" t="s">
        <v>83171</v>
      </c>
      <c r="E54501" s="1" t="s">
        <v>183375</v>
      </c>
      <c r="F54501" s="1" t="s">
        <v>183376</v>
      </c>
      <c r="G54501" s="1" t="s">
        <v>183322</v>
      </c>
      <c r="H54501" s="1" t="s">
        <v>183323</v>
      </c>
      <c r="I54501" s="1" t="s">
        <v>182766</v>
      </c>
      <c r="J54501" s="1" t="s">
        <v>183377</v>
      </c>
    </row>
    <row r="54502" spans="1:10" x14ac:dyDescent="0.35">
      <c r="A54502" s="1" t="s">
        <v>27745</v>
      </c>
      <c r="B54502" s="1" t="s">
        <v>182761</v>
      </c>
      <c r="C54502" s="1" t="s">
        <v>95</v>
      </c>
      <c r="D54502" s="1" t="s">
        <v>181432</v>
      </c>
      <c r="E54502" s="1" t="s">
        <v>183378</v>
      </c>
      <c r="F54502" s="1" t="s">
        <v>183379</v>
      </c>
      <c r="G54502" s="1" t="s">
        <v>183322</v>
      </c>
      <c r="H54502" s="1" t="s">
        <v>183323</v>
      </c>
      <c r="I54502" s="1" t="s">
        <v>182766</v>
      </c>
      <c r="J54502" s="1" t="s">
        <v>183380</v>
      </c>
    </row>
    <row r="54503" spans="1:10" x14ac:dyDescent="0.35">
      <c r="A54503" s="1" t="s">
        <v>27745</v>
      </c>
      <c r="B54503" s="1" t="s">
        <v>182761</v>
      </c>
      <c r="C54503" s="1" t="s">
        <v>100</v>
      </c>
      <c r="D54503" s="1" t="s">
        <v>183381</v>
      </c>
      <c r="E54503" s="1" t="s">
        <v>183382</v>
      </c>
      <c r="F54503" s="1" t="s">
        <v>183383</v>
      </c>
      <c r="G54503" s="1" t="s">
        <v>183322</v>
      </c>
      <c r="H54503" s="1" t="s">
        <v>183323</v>
      </c>
      <c r="I54503" s="1" t="s">
        <v>182766</v>
      </c>
      <c r="J54503" s="1" t="s">
        <v>183384</v>
      </c>
    </row>
    <row r="54504" spans="1:10" x14ac:dyDescent="0.35">
      <c r="A54504" s="1" t="s">
        <v>27745</v>
      </c>
      <c r="B54504" s="1" t="s">
        <v>182761</v>
      </c>
      <c r="C54504" s="1" t="s">
        <v>105</v>
      </c>
      <c r="D54504" s="1" t="s">
        <v>6803</v>
      </c>
      <c r="E54504" s="1" t="s">
        <v>183385</v>
      </c>
      <c r="F54504" s="1" t="s">
        <v>183386</v>
      </c>
      <c r="G54504" s="1" t="s">
        <v>183322</v>
      </c>
      <c r="H54504" s="1" t="s">
        <v>183323</v>
      </c>
      <c r="I54504" s="1" t="s">
        <v>182766</v>
      </c>
      <c r="J54504" s="1" t="s">
        <v>183387</v>
      </c>
    </row>
    <row r="54505" spans="1:10" x14ac:dyDescent="0.35">
      <c r="A54505" s="1" t="s">
        <v>27745</v>
      </c>
      <c r="B54505" s="1" t="s">
        <v>182761</v>
      </c>
      <c r="C54505" s="1" t="s">
        <v>110</v>
      </c>
      <c r="D54505" s="1" t="s">
        <v>183388</v>
      </c>
      <c r="E54505" s="1" t="s">
        <v>183389</v>
      </c>
      <c r="F54505" s="1" t="s">
        <v>183390</v>
      </c>
      <c r="G54505" s="1" t="s">
        <v>183322</v>
      </c>
      <c r="H54505" s="1" t="s">
        <v>183323</v>
      </c>
      <c r="I54505" s="1" t="s">
        <v>182766</v>
      </c>
      <c r="J54505" s="1" t="s">
        <v>183391</v>
      </c>
    </row>
    <row r="54506" spans="1:10" x14ac:dyDescent="0.35">
      <c r="A54506" s="1" t="s">
        <v>27745</v>
      </c>
      <c r="B54506" s="1" t="s">
        <v>182761</v>
      </c>
      <c r="C54506" s="1" t="s">
        <v>115</v>
      </c>
      <c r="D54506" s="1" t="s">
        <v>183392</v>
      </c>
      <c r="E54506" s="1" t="s">
        <v>183393</v>
      </c>
      <c r="F54506" s="1" t="s">
        <v>183394</v>
      </c>
      <c r="G54506" s="1" t="s">
        <v>183322</v>
      </c>
      <c r="H54506" s="1" t="s">
        <v>183323</v>
      </c>
      <c r="I54506" s="1" t="s">
        <v>182766</v>
      </c>
      <c r="J54506" s="1" t="s">
        <v>183395</v>
      </c>
    </row>
    <row r="54507" spans="1:10" x14ac:dyDescent="0.35">
      <c r="A54507" s="1" t="s">
        <v>27745</v>
      </c>
      <c r="B54507" s="1" t="s">
        <v>182761</v>
      </c>
      <c r="C54507" s="1" t="s">
        <v>120</v>
      </c>
      <c r="D54507" s="1" t="s">
        <v>183396</v>
      </c>
      <c r="E54507" s="1" t="s">
        <v>183397</v>
      </c>
      <c r="F54507" s="1" t="s">
        <v>183398</v>
      </c>
      <c r="G54507" s="1" t="s">
        <v>183322</v>
      </c>
      <c r="H54507" s="1" t="s">
        <v>183323</v>
      </c>
      <c r="I54507" s="1" t="s">
        <v>182766</v>
      </c>
      <c r="J54507" s="1" t="s">
        <v>183399</v>
      </c>
    </row>
    <row r="54508" spans="1:10" x14ac:dyDescent="0.35">
      <c r="A54508" s="1" t="s">
        <v>27745</v>
      </c>
      <c r="B54508" s="1" t="s">
        <v>182761</v>
      </c>
      <c r="C54508" s="1" t="s">
        <v>125</v>
      </c>
      <c r="D54508" s="1" t="s">
        <v>149823</v>
      </c>
      <c r="E54508" s="1" t="s">
        <v>183400</v>
      </c>
      <c r="F54508" s="1" t="s">
        <v>183401</v>
      </c>
      <c r="G54508" s="1" t="s">
        <v>183322</v>
      </c>
      <c r="H54508" s="1" t="s">
        <v>183323</v>
      </c>
      <c r="I54508" s="1" t="s">
        <v>182766</v>
      </c>
      <c r="J54508" s="1" t="s">
        <v>183402</v>
      </c>
    </row>
    <row r="54509" spans="1:10" x14ac:dyDescent="0.35">
      <c r="A54509" s="1" t="s">
        <v>27745</v>
      </c>
      <c r="B54509" s="1" t="s">
        <v>182761</v>
      </c>
      <c r="C54509" s="1" t="s">
        <v>130</v>
      </c>
      <c r="D54509" s="1" t="s">
        <v>183403</v>
      </c>
      <c r="E54509" s="1" t="s">
        <v>183404</v>
      </c>
      <c r="F54509" s="1" t="s">
        <v>183405</v>
      </c>
      <c r="G54509" s="1" t="s">
        <v>183322</v>
      </c>
      <c r="H54509" s="1" t="s">
        <v>183323</v>
      </c>
      <c r="I54509" s="1" t="s">
        <v>182766</v>
      </c>
      <c r="J54509" s="1" t="s">
        <v>183406</v>
      </c>
    </row>
    <row r="54510" spans="1:10" x14ac:dyDescent="0.35">
      <c r="A54510" s="1" t="s">
        <v>27745</v>
      </c>
      <c r="B54510" s="1" t="s">
        <v>182761</v>
      </c>
      <c r="C54510" s="1" t="s">
        <v>135</v>
      </c>
      <c r="D54510" s="1" t="s">
        <v>183407</v>
      </c>
      <c r="E54510" s="1" t="s">
        <v>183408</v>
      </c>
      <c r="F54510" s="1" t="s">
        <v>183409</v>
      </c>
      <c r="G54510" s="1" t="s">
        <v>183322</v>
      </c>
      <c r="H54510" s="1" t="s">
        <v>183323</v>
      </c>
      <c r="I54510" s="1" t="s">
        <v>182766</v>
      </c>
      <c r="J54510" s="1" t="s">
        <v>183410</v>
      </c>
    </row>
    <row r="54511" spans="1:10" x14ac:dyDescent="0.35">
      <c r="A54511" s="1" t="s">
        <v>27745</v>
      </c>
      <c r="B54511" s="1" t="s">
        <v>182761</v>
      </c>
      <c r="C54511" s="1" t="s">
        <v>140</v>
      </c>
      <c r="D54511" s="1" t="s">
        <v>175692</v>
      </c>
      <c r="E54511" s="1" t="s">
        <v>183411</v>
      </c>
      <c r="F54511" s="1" t="s">
        <v>183412</v>
      </c>
      <c r="G54511" s="1" t="s">
        <v>183322</v>
      </c>
      <c r="H54511" s="1" t="s">
        <v>183323</v>
      </c>
      <c r="I54511" s="1" t="s">
        <v>182766</v>
      </c>
      <c r="J54511" s="1" t="s">
        <v>183413</v>
      </c>
    </row>
    <row r="54512" spans="1:10" x14ac:dyDescent="0.35">
      <c r="A54512" s="1" t="s">
        <v>27745</v>
      </c>
      <c r="B54512" s="1" t="s">
        <v>182761</v>
      </c>
      <c r="C54512" s="1" t="s">
        <v>145</v>
      </c>
      <c r="D54512" s="1" t="s">
        <v>59875</v>
      </c>
      <c r="E54512" s="1" t="s">
        <v>183414</v>
      </c>
      <c r="F54512" s="1" t="s">
        <v>183415</v>
      </c>
      <c r="G54512" s="1" t="s">
        <v>183322</v>
      </c>
      <c r="H54512" s="1" t="s">
        <v>183323</v>
      </c>
      <c r="I54512" s="1" t="s">
        <v>182766</v>
      </c>
      <c r="J54512" s="1" t="s">
        <v>183416</v>
      </c>
    </row>
    <row r="54513" spans="1:10" x14ac:dyDescent="0.35">
      <c r="A54513" s="1" t="s">
        <v>27745</v>
      </c>
      <c r="B54513" s="1" t="s">
        <v>182761</v>
      </c>
      <c r="C54513" s="1" t="s">
        <v>150</v>
      </c>
      <c r="D54513" s="1" t="s">
        <v>183417</v>
      </c>
      <c r="E54513" s="1" t="s">
        <v>183418</v>
      </c>
      <c r="F54513" s="1" t="s">
        <v>183419</v>
      </c>
      <c r="G54513" s="1" t="s">
        <v>183322</v>
      </c>
      <c r="H54513" s="1" t="s">
        <v>183323</v>
      </c>
      <c r="I54513" s="1" t="s">
        <v>182766</v>
      </c>
      <c r="J54513" s="1" t="s">
        <v>183420</v>
      </c>
    </row>
    <row r="54514" spans="1:10" x14ac:dyDescent="0.35">
      <c r="A54514" s="1" t="s">
        <v>27745</v>
      </c>
      <c r="B54514" s="1" t="s">
        <v>182761</v>
      </c>
      <c r="C54514" s="1" t="s">
        <v>155</v>
      </c>
      <c r="D54514" s="1" t="s">
        <v>42294</v>
      </c>
      <c r="E54514" s="1" t="s">
        <v>183421</v>
      </c>
      <c r="F54514" s="1" t="s">
        <v>183422</v>
      </c>
      <c r="G54514" s="1" t="s">
        <v>183322</v>
      </c>
      <c r="H54514" s="1" t="s">
        <v>183323</v>
      </c>
      <c r="I54514" s="1" t="s">
        <v>182766</v>
      </c>
      <c r="J54514" s="1" t="s">
        <v>183423</v>
      </c>
    </row>
    <row r="54515" spans="1:10" x14ac:dyDescent="0.35">
      <c r="A54515" s="1" t="s">
        <v>27745</v>
      </c>
      <c r="B54515" s="1" t="s">
        <v>182761</v>
      </c>
      <c r="C54515" s="1" t="s">
        <v>160</v>
      </c>
      <c r="D54515" s="1" t="s">
        <v>183424</v>
      </c>
      <c r="E54515" s="1" t="s">
        <v>183425</v>
      </c>
      <c r="F54515" s="1" t="s">
        <v>183426</v>
      </c>
      <c r="G54515" s="1" t="s">
        <v>183322</v>
      </c>
      <c r="H54515" s="1" t="s">
        <v>183323</v>
      </c>
      <c r="I54515" s="1" t="s">
        <v>182766</v>
      </c>
      <c r="J54515" s="1" t="s">
        <v>183427</v>
      </c>
    </row>
    <row r="54516" spans="1:10" x14ac:dyDescent="0.35">
      <c r="A54516" s="1" t="s">
        <v>27745</v>
      </c>
      <c r="B54516" s="1" t="s">
        <v>182761</v>
      </c>
      <c r="C54516" s="1" t="s">
        <v>165</v>
      </c>
      <c r="D54516" s="1" t="s">
        <v>183428</v>
      </c>
      <c r="E54516" s="1" t="s">
        <v>183429</v>
      </c>
      <c r="F54516" s="1" t="s">
        <v>183430</v>
      </c>
      <c r="G54516" s="1" t="s">
        <v>183322</v>
      </c>
      <c r="H54516" s="1" t="s">
        <v>183323</v>
      </c>
      <c r="I54516" s="1" t="s">
        <v>182766</v>
      </c>
      <c r="J54516" s="1" t="s">
        <v>183431</v>
      </c>
    </row>
    <row r="54517" spans="1:10" x14ac:dyDescent="0.35">
      <c r="A54517" s="1" t="s">
        <v>27745</v>
      </c>
      <c r="B54517" s="1" t="s">
        <v>182761</v>
      </c>
      <c r="C54517" s="1" t="s">
        <v>170</v>
      </c>
      <c r="D54517" s="1" t="s">
        <v>183432</v>
      </c>
      <c r="E54517" s="1" t="s">
        <v>183433</v>
      </c>
      <c r="F54517" s="1" t="s">
        <v>183434</v>
      </c>
      <c r="G54517" s="1" t="s">
        <v>183322</v>
      </c>
      <c r="H54517" s="1" t="s">
        <v>183323</v>
      </c>
      <c r="I54517" s="1" t="s">
        <v>182766</v>
      </c>
      <c r="J54517" s="1" t="s">
        <v>183435</v>
      </c>
    </row>
    <row r="54518" spans="1:10" x14ac:dyDescent="0.35">
      <c r="A54518" s="1" t="s">
        <v>109578</v>
      </c>
      <c r="B54518" s="1" t="s">
        <v>182761</v>
      </c>
      <c r="C54518" s="1" t="s">
        <v>8</v>
      </c>
      <c r="D54518" s="1" t="s">
        <v>49863</v>
      </c>
      <c r="E54518" s="1" t="s">
        <v>16186</v>
      </c>
      <c r="F54518" s="1" t="s">
        <v>183436</v>
      </c>
      <c r="G54518" s="1" t="s">
        <v>183437</v>
      </c>
      <c r="H54518" s="1" t="s">
        <v>183438</v>
      </c>
      <c r="I54518" s="1" t="s">
        <v>182766</v>
      </c>
      <c r="J54518" s="1" t="s">
        <v>13</v>
      </c>
    </row>
    <row r="54519" spans="1:10" x14ac:dyDescent="0.35">
      <c r="A54519" s="1" t="s">
        <v>109578</v>
      </c>
      <c r="B54519" s="1" t="s">
        <v>182761</v>
      </c>
      <c r="C54519" s="1" t="s">
        <v>15</v>
      </c>
      <c r="D54519" s="1" t="s">
        <v>183439</v>
      </c>
      <c r="E54519" s="1" t="s">
        <v>58497</v>
      </c>
      <c r="F54519" s="1" t="s">
        <v>183440</v>
      </c>
      <c r="G54519" s="1" t="s">
        <v>183437</v>
      </c>
      <c r="H54519" s="1" t="s">
        <v>183438</v>
      </c>
      <c r="I54519" s="1" t="s">
        <v>182766</v>
      </c>
      <c r="J54519" s="1" t="s">
        <v>183441</v>
      </c>
    </row>
    <row r="54520" spans="1:10" x14ac:dyDescent="0.35">
      <c r="A54520" s="1" t="s">
        <v>109578</v>
      </c>
      <c r="B54520" s="1" t="s">
        <v>182761</v>
      </c>
      <c r="C54520" s="1" t="s">
        <v>20</v>
      </c>
      <c r="D54520" s="1" t="s">
        <v>169468</v>
      </c>
      <c r="E54520" s="1" t="s">
        <v>54074</v>
      </c>
      <c r="F54520" s="1" t="s">
        <v>183442</v>
      </c>
      <c r="G54520" s="1" t="s">
        <v>183437</v>
      </c>
      <c r="H54520" s="1" t="s">
        <v>183438</v>
      </c>
      <c r="I54520" s="1" t="s">
        <v>182766</v>
      </c>
      <c r="J54520" s="1" t="s">
        <v>183443</v>
      </c>
    </row>
    <row r="54521" spans="1:10" x14ac:dyDescent="0.35">
      <c r="A54521" s="1" t="s">
        <v>109578</v>
      </c>
      <c r="B54521" s="1" t="s">
        <v>182761</v>
      </c>
      <c r="C54521" s="1" t="s">
        <v>25</v>
      </c>
      <c r="D54521" s="1" t="s">
        <v>19484</v>
      </c>
      <c r="E54521" s="1" t="s">
        <v>21190</v>
      </c>
      <c r="F54521" s="1" t="s">
        <v>183444</v>
      </c>
      <c r="G54521" s="1" t="s">
        <v>183437</v>
      </c>
      <c r="H54521" s="1" t="s">
        <v>183438</v>
      </c>
      <c r="I54521" s="1" t="s">
        <v>182766</v>
      </c>
      <c r="J54521" s="1" t="s">
        <v>183445</v>
      </c>
    </row>
    <row r="54522" spans="1:10" x14ac:dyDescent="0.35">
      <c r="A54522" s="1" t="s">
        <v>109578</v>
      </c>
      <c r="B54522" s="1" t="s">
        <v>182761</v>
      </c>
      <c r="C54522" s="1" t="s">
        <v>30</v>
      </c>
      <c r="D54522" s="1" t="s">
        <v>118961</v>
      </c>
      <c r="E54522" s="1" t="s">
        <v>41344</v>
      </c>
      <c r="F54522" s="1" t="s">
        <v>183446</v>
      </c>
      <c r="G54522" s="1" t="s">
        <v>183437</v>
      </c>
      <c r="H54522" s="1" t="s">
        <v>183438</v>
      </c>
      <c r="I54522" s="1" t="s">
        <v>182766</v>
      </c>
      <c r="J54522" s="1" t="s">
        <v>183447</v>
      </c>
    </row>
    <row r="54523" spans="1:10" x14ac:dyDescent="0.35">
      <c r="A54523" s="1" t="s">
        <v>109578</v>
      </c>
      <c r="B54523" s="1" t="s">
        <v>182761</v>
      </c>
      <c r="C54523" s="1" t="s">
        <v>35</v>
      </c>
      <c r="D54523" s="1" t="s">
        <v>118744</v>
      </c>
      <c r="E54523" s="1" t="s">
        <v>55943</v>
      </c>
      <c r="F54523" s="1" t="s">
        <v>183448</v>
      </c>
      <c r="G54523" s="1" t="s">
        <v>183437</v>
      </c>
      <c r="H54523" s="1" t="s">
        <v>183438</v>
      </c>
      <c r="I54523" s="1" t="s">
        <v>182766</v>
      </c>
      <c r="J54523" s="1" t="s">
        <v>183449</v>
      </c>
    </row>
    <row r="54524" spans="1:10" x14ac:dyDescent="0.35">
      <c r="A54524" s="1" t="s">
        <v>109578</v>
      </c>
      <c r="B54524" s="1" t="s">
        <v>182761</v>
      </c>
      <c r="C54524" s="1" t="s">
        <v>40</v>
      </c>
      <c r="D54524" s="1" t="s">
        <v>72888</v>
      </c>
      <c r="E54524" s="1" t="s">
        <v>21791</v>
      </c>
      <c r="F54524" s="1" t="s">
        <v>59785</v>
      </c>
      <c r="G54524" s="1" t="s">
        <v>183437</v>
      </c>
      <c r="H54524" s="1" t="s">
        <v>183438</v>
      </c>
      <c r="I54524" s="1" t="s">
        <v>182766</v>
      </c>
      <c r="J54524" s="1" t="s">
        <v>183450</v>
      </c>
    </row>
    <row r="54525" spans="1:10" x14ac:dyDescent="0.35">
      <c r="A54525" s="1" t="s">
        <v>109578</v>
      </c>
      <c r="B54525" s="1" t="s">
        <v>182761</v>
      </c>
      <c r="C54525" s="1" t="s">
        <v>45</v>
      </c>
      <c r="D54525" s="1" t="s">
        <v>168971</v>
      </c>
      <c r="E54525" s="1" t="s">
        <v>57060</v>
      </c>
      <c r="F54525" s="1" t="s">
        <v>183451</v>
      </c>
      <c r="G54525" s="1" t="s">
        <v>183437</v>
      </c>
      <c r="H54525" s="1" t="s">
        <v>183438</v>
      </c>
      <c r="I54525" s="1" t="s">
        <v>182766</v>
      </c>
      <c r="J54525" s="1" t="s">
        <v>183452</v>
      </c>
    </row>
    <row r="54526" spans="1:10" x14ac:dyDescent="0.35">
      <c r="A54526" s="1" t="s">
        <v>109578</v>
      </c>
      <c r="B54526" s="1" t="s">
        <v>182761</v>
      </c>
      <c r="C54526" s="1" t="s">
        <v>50</v>
      </c>
      <c r="D54526" s="1" t="s">
        <v>109930</v>
      </c>
      <c r="E54526" s="1" t="s">
        <v>41407</v>
      </c>
      <c r="F54526" s="1" t="s">
        <v>64529</v>
      </c>
      <c r="G54526" s="1" t="s">
        <v>183437</v>
      </c>
      <c r="H54526" s="1" t="s">
        <v>183438</v>
      </c>
      <c r="I54526" s="1" t="s">
        <v>182766</v>
      </c>
      <c r="J54526" s="1" t="s">
        <v>183453</v>
      </c>
    </row>
    <row r="54527" spans="1:10" x14ac:dyDescent="0.35">
      <c r="A54527" s="1" t="s">
        <v>109578</v>
      </c>
      <c r="B54527" s="1" t="s">
        <v>182761</v>
      </c>
      <c r="C54527" s="1" t="s">
        <v>55</v>
      </c>
      <c r="D54527" s="1" t="s">
        <v>157750</v>
      </c>
      <c r="E54527" s="1" t="s">
        <v>24205</v>
      </c>
      <c r="F54527" s="1" t="s">
        <v>183454</v>
      </c>
      <c r="G54527" s="1" t="s">
        <v>183437</v>
      </c>
      <c r="H54527" s="1" t="s">
        <v>183438</v>
      </c>
      <c r="I54527" s="1" t="s">
        <v>182766</v>
      </c>
      <c r="J54527" s="1" t="s">
        <v>183455</v>
      </c>
    </row>
    <row r="54528" spans="1:10" x14ac:dyDescent="0.35">
      <c r="A54528" s="1" t="s">
        <v>109578</v>
      </c>
      <c r="B54528" s="1" t="s">
        <v>182761</v>
      </c>
      <c r="C54528" s="1" t="s">
        <v>60</v>
      </c>
      <c r="D54528" s="1" t="s">
        <v>35742</v>
      </c>
      <c r="E54528" s="1" t="s">
        <v>31869</v>
      </c>
      <c r="F54528" s="1" t="s">
        <v>183456</v>
      </c>
      <c r="G54528" s="1" t="s">
        <v>183437</v>
      </c>
      <c r="H54528" s="1" t="s">
        <v>183438</v>
      </c>
      <c r="I54528" s="1" t="s">
        <v>182766</v>
      </c>
      <c r="J54528" s="1" t="s">
        <v>183457</v>
      </c>
    </row>
    <row r="54529" spans="1:10" x14ac:dyDescent="0.35">
      <c r="A54529" s="1" t="s">
        <v>109578</v>
      </c>
      <c r="B54529" s="1" t="s">
        <v>182761</v>
      </c>
      <c r="C54529" s="1" t="s">
        <v>65</v>
      </c>
      <c r="D54529" s="1" t="s">
        <v>35442</v>
      </c>
      <c r="E54529" s="1" t="s">
        <v>12868</v>
      </c>
      <c r="F54529" s="1" t="s">
        <v>183458</v>
      </c>
      <c r="G54529" s="1" t="s">
        <v>183437</v>
      </c>
      <c r="H54529" s="1" t="s">
        <v>183438</v>
      </c>
      <c r="I54529" s="1" t="s">
        <v>182766</v>
      </c>
      <c r="J54529" s="1" t="s">
        <v>183459</v>
      </c>
    </row>
    <row r="54530" spans="1:10" x14ac:dyDescent="0.35">
      <c r="A54530" s="1" t="s">
        <v>109578</v>
      </c>
      <c r="B54530" s="1" t="s">
        <v>182761</v>
      </c>
      <c r="C54530" s="1" t="s">
        <v>70</v>
      </c>
      <c r="D54530" s="1" t="s">
        <v>158051</v>
      </c>
      <c r="E54530" s="1" t="s">
        <v>59323</v>
      </c>
      <c r="F54530" s="1" t="s">
        <v>94745</v>
      </c>
      <c r="G54530" s="1" t="s">
        <v>183437</v>
      </c>
      <c r="H54530" s="1" t="s">
        <v>183438</v>
      </c>
      <c r="I54530" s="1" t="s">
        <v>182766</v>
      </c>
      <c r="J54530" s="1" t="s">
        <v>183460</v>
      </c>
    </row>
    <row r="54531" spans="1:10" x14ac:dyDescent="0.35">
      <c r="A54531" s="1" t="s">
        <v>109578</v>
      </c>
      <c r="B54531" s="1" t="s">
        <v>182761</v>
      </c>
      <c r="C54531" s="1" t="s">
        <v>75</v>
      </c>
      <c r="D54531" s="1" t="s">
        <v>183461</v>
      </c>
      <c r="E54531" s="1" t="s">
        <v>21822</v>
      </c>
      <c r="F54531" s="1" t="s">
        <v>183462</v>
      </c>
      <c r="G54531" s="1" t="s">
        <v>183437</v>
      </c>
      <c r="H54531" s="1" t="s">
        <v>183438</v>
      </c>
      <c r="I54531" s="1" t="s">
        <v>182766</v>
      </c>
      <c r="J54531" s="1" t="s">
        <v>183463</v>
      </c>
    </row>
    <row r="54532" spans="1:10" x14ac:dyDescent="0.35">
      <c r="A54532" s="1" t="s">
        <v>109578</v>
      </c>
      <c r="B54532" s="1" t="s">
        <v>182761</v>
      </c>
      <c r="C54532" s="1" t="s">
        <v>80</v>
      </c>
      <c r="D54532" s="1" t="s">
        <v>49795</v>
      </c>
      <c r="E54532" s="1" t="s">
        <v>12825</v>
      </c>
      <c r="F54532" s="1" t="s">
        <v>183464</v>
      </c>
      <c r="G54532" s="1" t="s">
        <v>183437</v>
      </c>
      <c r="H54532" s="1" t="s">
        <v>183438</v>
      </c>
      <c r="I54532" s="1" t="s">
        <v>182766</v>
      </c>
      <c r="J54532" s="1" t="s">
        <v>183465</v>
      </c>
    </row>
    <row r="54533" spans="1:10" x14ac:dyDescent="0.35">
      <c r="A54533" s="1" t="s">
        <v>109578</v>
      </c>
      <c r="B54533" s="1" t="s">
        <v>182761</v>
      </c>
      <c r="C54533" s="1" t="s">
        <v>85</v>
      </c>
      <c r="D54533" s="1" t="s">
        <v>51596</v>
      </c>
      <c r="E54533" s="1" t="s">
        <v>57313</v>
      </c>
      <c r="F54533" s="1" t="s">
        <v>179475</v>
      </c>
      <c r="G54533" s="1" t="s">
        <v>183437</v>
      </c>
      <c r="H54533" s="1" t="s">
        <v>183438</v>
      </c>
      <c r="I54533" s="1" t="s">
        <v>182766</v>
      </c>
      <c r="J54533" s="1" t="s">
        <v>29101</v>
      </c>
    </row>
    <row r="54534" spans="1:10" x14ac:dyDescent="0.35">
      <c r="A54534" s="1" t="s">
        <v>109578</v>
      </c>
      <c r="B54534" s="1" t="s">
        <v>182761</v>
      </c>
      <c r="C54534" s="1" t="s">
        <v>90</v>
      </c>
      <c r="D54534" s="1" t="s">
        <v>155702</v>
      </c>
      <c r="E54534" s="1" t="s">
        <v>15361</v>
      </c>
      <c r="F54534" s="1" t="s">
        <v>183466</v>
      </c>
      <c r="G54534" s="1" t="s">
        <v>183437</v>
      </c>
      <c r="H54534" s="1" t="s">
        <v>183438</v>
      </c>
      <c r="I54534" s="1" t="s">
        <v>182766</v>
      </c>
      <c r="J54534" s="1" t="s">
        <v>183467</v>
      </c>
    </row>
    <row r="54535" spans="1:10" x14ac:dyDescent="0.35">
      <c r="A54535" s="1" t="s">
        <v>109578</v>
      </c>
      <c r="B54535" s="1" t="s">
        <v>182761</v>
      </c>
      <c r="C54535" s="1" t="s">
        <v>95</v>
      </c>
      <c r="D54535" s="1" t="s">
        <v>5417</v>
      </c>
      <c r="E54535" s="1" t="s">
        <v>53886</v>
      </c>
      <c r="F54535" s="1" t="s">
        <v>81107</v>
      </c>
      <c r="G54535" s="1" t="s">
        <v>183437</v>
      </c>
      <c r="H54535" s="1" t="s">
        <v>183438</v>
      </c>
      <c r="I54535" s="1" t="s">
        <v>182766</v>
      </c>
      <c r="J54535" s="1" t="s">
        <v>183468</v>
      </c>
    </row>
    <row r="54536" spans="1:10" x14ac:dyDescent="0.35">
      <c r="A54536" s="1" t="s">
        <v>109578</v>
      </c>
      <c r="B54536" s="1" t="s">
        <v>182761</v>
      </c>
      <c r="C54536" s="1" t="s">
        <v>100</v>
      </c>
      <c r="D54536" s="1" t="s">
        <v>171692</v>
      </c>
      <c r="E54536" s="1" t="s">
        <v>56134</v>
      </c>
      <c r="F54536" s="1" t="s">
        <v>183469</v>
      </c>
      <c r="G54536" s="1" t="s">
        <v>183437</v>
      </c>
      <c r="H54536" s="1" t="s">
        <v>183438</v>
      </c>
      <c r="I54536" s="1" t="s">
        <v>182766</v>
      </c>
      <c r="J54536" s="1" t="s">
        <v>183470</v>
      </c>
    </row>
    <row r="54537" spans="1:10" x14ac:dyDescent="0.35">
      <c r="A54537" s="1" t="s">
        <v>109578</v>
      </c>
      <c r="B54537" s="1" t="s">
        <v>182761</v>
      </c>
      <c r="C54537" s="1" t="s">
        <v>105</v>
      </c>
      <c r="D54537" s="1" t="s">
        <v>183471</v>
      </c>
      <c r="E54537" s="1" t="s">
        <v>15332</v>
      </c>
      <c r="F54537" s="1" t="s">
        <v>183472</v>
      </c>
      <c r="G54537" s="1" t="s">
        <v>183437</v>
      </c>
      <c r="H54537" s="1" t="s">
        <v>183438</v>
      </c>
      <c r="I54537" s="1" t="s">
        <v>182766</v>
      </c>
      <c r="J54537" s="1" t="s">
        <v>183473</v>
      </c>
    </row>
    <row r="54538" spans="1:10" x14ac:dyDescent="0.35">
      <c r="A54538" s="1" t="s">
        <v>109578</v>
      </c>
      <c r="B54538" s="1" t="s">
        <v>182761</v>
      </c>
      <c r="C54538" s="1" t="s">
        <v>110</v>
      </c>
      <c r="D54538" s="1" t="s">
        <v>183474</v>
      </c>
      <c r="E54538" s="1" t="s">
        <v>15293</v>
      </c>
      <c r="F54538" s="1" t="s">
        <v>183475</v>
      </c>
      <c r="G54538" s="1" t="s">
        <v>183437</v>
      </c>
      <c r="H54538" s="1" t="s">
        <v>183438</v>
      </c>
      <c r="I54538" s="1" t="s">
        <v>182766</v>
      </c>
      <c r="J54538" s="1" t="s">
        <v>183476</v>
      </c>
    </row>
    <row r="54539" spans="1:10" x14ac:dyDescent="0.35">
      <c r="A54539" s="1" t="s">
        <v>109578</v>
      </c>
      <c r="B54539" s="1" t="s">
        <v>182761</v>
      </c>
      <c r="C54539" s="1" t="s">
        <v>115</v>
      </c>
      <c r="D54539" s="1" t="s">
        <v>183477</v>
      </c>
      <c r="E54539" s="1" t="s">
        <v>24213</v>
      </c>
      <c r="F54539" s="1" t="s">
        <v>183478</v>
      </c>
      <c r="G54539" s="1" t="s">
        <v>183437</v>
      </c>
      <c r="H54539" s="1" t="s">
        <v>183438</v>
      </c>
      <c r="I54539" s="1" t="s">
        <v>182766</v>
      </c>
      <c r="J54539" s="1" t="s">
        <v>183479</v>
      </c>
    </row>
    <row r="54540" spans="1:10" x14ac:dyDescent="0.35">
      <c r="A54540" s="1" t="s">
        <v>109578</v>
      </c>
      <c r="B54540" s="1" t="s">
        <v>182761</v>
      </c>
      <c r="C54540" s="1" t="s">
        <v>120</v>
      </c>
      <c r="D54540" s="1" t="s">
        <v>183480</v>
      </c>
      <c r="E54540" s="1" t="s">
        <v>21956</v>
      </c>
      <c r="F54540" s="1" t="s">
        <v>183481</v>
      </c>
      <c r="G54540" s="1" t="s">
        <v>183437</v>
      </c>
      <c r="H54540" s="1" t="s">
        <v>183438</v>
      </c>
      <c r="I54540" s="1" t="s">
        <v>182766</v>
      </c>
      <c r="J54540" s="1" t="s">
        <v>183482</v>
      </c>
    </row>
    <row r="54541" spans="1:10" x14ac:dyDescent="0.35">
      <c r="A54541" s="1" t="s">
        <v>109578</v>
      </c>
      <c r="B54541" s="1" t="s">
        <v>182761</v>
      </c>
      <c r="C54541" s="1" t="s">
        <v>125</v>
      </c>
      <c r="D54541" s="1" t="s">
        <v>171297</v>
      </c>
      <c r="E54541" s="1" t="s">
        <v>15263</v>
      </c>
      <c r="F54541" s="1" t="s">
        <v>67261</v>
      </c>
      <c r="G54541" s="1" t="s">
        <v>183437</v>
      </c>
      <c r="H54541" s="1" t="s">
        <v>183438</v>
      </c>
      <c r="I54541" s="1" t="s">
        <v>182766</v>
      </c>
      <c r="J54541" s="1" t="s">
        <v>183483</v>
      </c>
    </row>
    <row r="54542" spans="1:10" x14ac:dyDescent="0.35">
      <c r="A54542" s="1" t="s">
        <v>109578</v>
      </c>
      <c r="B54542" s="1" t="s">
        <v>182761</v>
      </c>
      <c r="C54542" s="1" t="s">
        <v>130</v>
      </c>
      <c r="D54542" s="1" t="s">
        <v>149903</v>
      </c>
      <c r="E54542" s="1" t="s">
        <v>15837</v>
      </c>
      <c r="F54542" s="1" t="s">
        <v>183484</v>
      </c>
      <c r="G54542" s="1" t="s">
        <v>183437</v>
      </c>
      <c r="H54542" s="1" t="s">
        <v>183438</v>
      </c>
      <c r="I54542" s="1" t="s">
        <v>182766</v>
      </c>
      <c r="J54542" s="1" t="s">
        <v>183485</v>
      </c>
    </row>
    <row r="54543" spans="1:10" x14ac:dyDescent="0.35">
      <c r="A54543" s="1" t="s">
        <v>109578</v>
      </c>
      <c r="B54543" s="1" t="s">
        <v>182761</v>
      </c>
      <c r="C54543" s="1" t="s">
        <v>135</v>
      </c>
      <c r="D54543" s="1" t="s">
        <v>170101</v>
      </c>
      <c r="E54543" s="1" t="s">
        <v>15927</v>
      </c>
      <c r="F54543" s="1" t="s">
        <v>183486</v>
      </c>
      <c r="G54543" s="1" t="s">
        <v>183437</v>
      </c>
      <c r="H54543" s="1" t="s">
        <v>183438</v>
      </c>
      <c r="I54543" s="1" t="s">
        <v>182766</v>
      </c>
      <c r="J54543" s="1" t="s">
        <v>183487</v>
      </c>
    </row>
    <row r="54544" spans="1:10" x14ac:dyDescent="0.35">
      <c r="A54544" s="1" t="s">
        <v>109578</v>
      </c>
      <c r="B54544" s="1" t="s">
        <v>182761</v>
      </c>
      <c r="C54544" s="1" t="s">
        <v>140</v>
      </c>
      <c r="D54544" s="1" t="s">
        <v>183488</v>
      </c>
      <c r="E54544" s="1" t="s">
        <v>31480</v>
      </c>
      <c r="F54544" s="1" t="s">
        <v>156647</v>
      </c>
      <c r="G54544" s="1" t="s">
        <v>183437</v>
      </c>
      <c r="H54544" s="1" t="s">
        <v>183438</v>
      </c>
      <c r="I54544" s="1" t="s">
        <v>182766</v>
      </c>
      <c r="J54544" s="1" t="s">
        <v>183489</v>
      </c>
    </row>
    <row r="54545" spans="1:10" x14ac:dyDescent="0.35">
      <c r="A54545" s="1" t="s">
        <v>109578</v>
      </c>
      <c r="B54545" s="1" t="s">
        <v>182761</v>
      </c>
      <c r="C54545" s="1" t="s">
        <v>145</v>
      </c>
      <c r="D54545" s="1" t="s">
        <v>43875</v>
      </c>
      <c r="E54545" s="1" t="s">
        <v>56164</v>
      </c>
      <c r="F54545" s="1" t="s">
        <v>183490</v>
      </c>
      <c r="G54545" s="1" t="s">
        <v>183437</v>
      </c>
      <c r="H54545" s="1" t="s">
        <v>183438</v>
      </c>
      <c r="I54545" s="1" t="s">
        <v>182766</v>
      </c>
      <c r="J54545" s="1" t="s">
        <v>183491</v>
      </c>
    </row>
    <row r="54546" spans="1:10" x14ac:dyDescent="0.35">
      <c r="A54546" s="1" t="s">
        <v>109578</v>
      </c>
      <c r="B54546" s="1" t="s">
        <v>182761</v>
      </c>
      <c r="C54546" s="1" t="s">
        <v>150</v>
      </c>
      <c r="D54546" s="1" t="s">
        <v>183492</v>
      </c>
      <c r="E54546" s="1" t="s">
        <v>59742</v>
      </c>
      <c r="F54546" s="1" t="s">
        <v>102017</v>
      </c>
      <c r="G54546" s="1" t="s">
        <v>183437</v>
      </c>
      <c r="H54546" s="1" t="s">
        <v>183438</v>
      </c>
      <c r="I54546" s="1" t="s">
        <v>182766</v>
      </c>
      <c r="J54546" s="1" t="s">
        <v>183493</v>
      </c>
    </row>
    <row r="54547" spans="1:10" x14ac:dyDescent="0.35">
      <c r="A54547" s="1" t="s">
        <v>109578</v>
      </c>
      <c r="B54547" s="1" t="s">
        <v>182761</v>
      </c>
      <c r="C54547" s="1" t="s">
        <v>155</v>
      </c>
      <c r="D54547" s="1" t="s">
        <v>183494</v>
      </c>
      <c r="E54547" s="1" t="s">
        <v>30597</v>
      </c>
      <c r="F54547" s="1" t="s">
        <v>183495</v>
      </c>
      <c r="G54547" s="1" t="s">
        <v>183437</v>
      </c>
      <c r="H54547" s="1" t="s">
        <v>183438</v>
      </c>
      <c r="I54547" s="1" t="s">
        <v>182766</v>
      </c>
      <c r="J54547" s="1" t="s">
        <v>183496</v>
      </c>
    </row>
    <row r="54548" spans="1:10" x14ac:dyDescent="0.35">
      <c r="A54548" s="1" t="s">
        <v>109578</v>
      </c>
      <c r="B54548" s="1" t="s">
        <v>182761</v>
      </c>
      <c r="C54548" s="1" t="s">
        <v>160</v>
      </c>
      <c r="D54548" s="1" t="s">
        <v>82714</v>
      </c>
      <c r="E54548" s="1" t="s">
        <v>15896</v>
      </c>
      <c r="F54548" s="1" t="s">
        <v>183497</v>
      </c>
      <c r="G54548" s="1" t="s">
        <v>183437</v>
      </c>
      <c r="H54548" s="1" t="s">
        <v>183438</v>
      </c>
      <c r="I54548" s="1" t="s">
        <v>182766</v>
      </c>
      <c r="J54548" s="1" t="s">
        <v>183498</v>
      </c>
    </row>
    <row r="54549" spans="1:10" x14ac:dyDescent="0.35">
      <c r="A54549" s="1" t="s">
        <v>109578</v>
      </c>
      <c r="B54549" s="1" t="s">
        <v>182761</v>
      </c>
      <c r="C54549" s="1" t="s">
        <v>165</v>
      </c>
      <c r="D54549" s="1" t="s">
        <v>183499</v>
      </c>
      <c r="E54549" s="1" t="s">
        <v>21834</v>
      </c>
      <c r="F54549" s="1" t="s">
        <v>59891</v>
      </c>
      <c r="G54549" s="1" t="s">
        <v>183437</v>
      </c>
      <c r="H54549" s="1" t="s">
        <v>183438</v>
      </c>
      <c r="I54549" s="1" t="s">
        <v>182766</v>
      </c>
      <c r="J54549" s="1" t="s">
        <v>183500</v>
      </c>
    </row>
    <row r="54550" spans="1:10" x14ac:dyDescent="0.35">
      <c r="A54550" s="1" t="s">
        <v>109578</v>
      </c>
      <c r="B54550" s="1" t="s">
        <v>182761</v>
      </c>
      <c r="C54550" s="1" t="s">
        <v>170</v>
      </c>
      <c r="D54550" s="1" t="s">
        <v>153126</v>
      </c>
      <c r="E54550" s="1" t="s">
        <v>27058</v>
      </c>
      <c r="F54550" s="1" t="s">
        <v>183501</v>
      </c>
      <c r="G54550" s="1" t="s">
        <v>183437</v>
      </c>
      <c r="H54550" s="1" t="s">
        <v>183438</v>
      </c>
      <c r="I54550" s="1" t="s">
        <v>182766</v>
      </c>
      <c r="J54550" s="1" t="s">
        <v>183502</v>
      </c>
    </row>
    <row r="54551" spans="1:10" x14ac:dyDescent="0.35">
      <c r="A54551" s="1" t="s">
        <v>14240</v>
      </c>
      <c r="B54551" s="1" t="s">
        <v>182761</v>
      </c>
      <c r="C54551" s="1" t="s">
        <v>8</v>
      </c>
      <c r="D54551" s="1" t="s">
        <v>117624</v>
      </c>
      <c r="E54551" s="1" t="s">
        <v>183503</v>
      </c>
      <c r="F54551" s="1" t="s">
        <v>183504</v>
      </c>
      <c r="G54551" s="1" t="s">
        <v>183505</v>
      </c>
      <c r="H54551" s="1" t="s">
        <v>183506</v>
      </c>
      <c r="I54551" s="1" t="s">
        <v>182766</v>
      </c>
      <c r="J54551" s="1" t="s">
        <v>13</v>
      </c>
    </row>
    <row r="54552" spans="1:10" x14ac:dyDescent="0.35">
      <c r="A54552" s="1" t="s">
        <v>14240</v>
      </c>
      <c r="B54552" s="1" t="s">
        <v>182761</v>
      </c>
      <c r="C54552" s="1" t="s">
        <v>15</v>
      </c>
      <c r="D54552" s="1" t="s">
        <v>125290</v>
      </c>
      <c r="E54552" s="1" t="s">
        <v>183507</v>
      </c>
      <c r="F54552" s="1" t="s">
        <v>183508</v>
      </c>
      <c r="G54552" s="1" t="s">
        <v>183505</v>
      </c>
      <c r="H54552" s="1" t="s">
        <v>183506</v>
      </c>
      <c r="I54552" s="1" t="s">
        <v>182766</v>
      </c>
      <c r="J54552" s="1" t="s">
        <v>183509</v>
      </c>
    </row>
    <row r="54553" spans="1:10" x14ac:dyDescent="0.35">
      <c r="A54553" s="1" t="s">
        <v>14240</v>
      </c>
      <c r="B54553" s="1" t="s">
        <v>182761</v>
      </c>
      <c r="C54553" s="1" t="s">
        <v>20</v>
      </c>
      <c r="D54553" s="1" t="s">
        <v>183510</v>
      </c>
      <c r="E54553" s="1" t="s">
        <v>183511</v>
      </c>
      <c r="F54553" s="1" t="s">
        <v>183512</v>
      </c>
      <c r="G54553" s="1" t="s">
        <v>183505</v>
      </c>
      <c r="H54553" s="1" t="s">
        <v>183506</v>
      </c>
      <c r="I54553" s="1" t="s">
        <v>182766</v>
      </c>
      <c r="J54553" s="1" t="s">
        <v>183513</v>
      </c>
    </row>
    <row r="54554" spans="1:10" x14ac:dyDescent="0.35">
      <c r="A54554" s="1" t="s">
        <v>14240</v>
      </c>
      <c r="B54554" s="1" t="s">
        <v>182761</v>
      </c>
      <c r="C54554" s="1" t="s">
        <v>25</v>
      </c>
      <c r="D54554" s="1" t="s">
        <v>183514</v>
      </c>
      <c r="E54554" s="1" t="s">
        <v>183515</v>
      </c>
      <c r="F54554" s="1" t="s">
        <v>183516</v>
      </c>
      <c r="G54554" s="1" t="s">
        <v>183505</v>
      </c>
      <c r="H54554" s="1" t="s">
        <v>183506</v>
      </c>
      <c r="I54554" s="1" t="s">
        <v>182766</v>
      </c>
      <c r="J54554" s="1" t="s">
        <v>183517</v>
      </c>
    </row>
    <row r="54555" spans="1:10" x14ac:dyDescent="0.35">
      <c r="A54555" s="1" t="s">
        <v>14240</v>
      </c>
      <c r="B54555" s="1" t="s">
        <v>182761</v>
      </c>
      <c r="C54555" s="1" t="s">
        <v>30</v>
      </c>
      <c r="D54555" s="1" t="s">
        <v>47679</v>
      </c>
      <c r="E54555" s="1" t="s">
        <v>183518</v>
      </c>
      <c r="F54555" s="1" t="s">
        <v>183519</v>
      </c>
      <c r="G54555" s="1" t="s">
        <v>183505</v>
      </c>
      <c r="H54555" s="1" t="s">
        <v>183506</v>
      </c>
      <c r="I54555" s="1" t="s">
        <v>182766</v>
      </c>
      <c r="J54555" s="1" t="s">
        <v>183520</v>
      </c>
    </row>
    <row r="54556" spans="1:10" x14ac:dyDescent="0.35">
      <c r="A54556" s="1" t="s">
        <v>14240</v>
      </c>
      <c r="B54556" s="1" t="s">
        <v>182761</v>
      </c>
      <c r="C54556" s="1" t="s">
        <v>35</v>
      </c>
      <c r="D54556" s="1" t="s">
        <v>6735</v>
      </c>
      <c r="E54556" s="1" t="s">
        <v>183521</v>
      </c>
      <c r="F54556" s="1" t="s">
        <v>183522</v>
      </c>
      <c r="G54556" s="1" t="s">
        <v>183505</v>
      </c>
      <c r="H54556" s="1" t="s">
        <v>183506</v>
      </c>
      <c r="I54556" s="1" t="s">
        <v>182766</v>
      </c>
      <c r="J54556" s="1" t="s">
        <v>183523</v>
      </c>
    </row>
    <row r="54557" spans="1:10" x14ac:dyDescent="0.35">
      <c r="A54557" s="1" t="s">
        <v>14240</v>
      </c>
      <c r="B54557" s="1" t="s">
        <v>182761</v>
      </c>
      <c r="C54557" s="1" t="s">
        <v>40</v>
      </c>
      <c r="D54557" s="1" t="s">
        <v>183524</v>
      </c>
      <c r="E54557" s="1" t="s">
        <v>183525</v>
      </c>
      <c r="F54557" s="1" t="s">
        <v>183526</v>
      </c>
      <c r="G54557" s="1" t="s">
        <v>183505</v>
      </c>
      <c r="H54557" s="1" t="s">
        <v>183506</v>
      </c>
      <c r="I54557" s="1" t="s">
        <v>182766</v>
      </c>
      <c r="J54557" s="1" t="s">
        <v>183527</v>
      </c>
    </row>
    <row r="54558" spans="1:10" x14ac:dyDescent="0.35">
      <c r="A54558" s="1" t="s">
        <v>14240</v>
      </c>
      <c r="B54558" s="1" t="s">
        <v>182761</v>
      </c>
      <c r="C54558" s="1" t="s">
        <v>45</v>
      </c>
      <c r="D54558" s="1" t="s">
        <v>115531</v>
      </c>
      <c r="E54558" s="1" t="s">
        <v>183528</v>
      </c>
      <c r="F54558" s="1" t="s">
        <v>183529</v>
      </c>
      <c r="G54558" s="1" t="s">
        <v>183505</v>
      </c>
      <c r="H54558" s="1" t="s">
        <v>183506</v>
      </c>
      <c r="I54558" s="1" t="s">
        <v>182766</v>
      </c>
      <c r="J54558" s="1" t="s">
        <v>183530</v>
      </c>
    </row>
    <row r="54559" spans="1:10" x14ac:dyDescent="0.35">
      <c r="A54559" s="1" t="s">
        <v>14240</v>
      </c>
      <c r="B54559" s="1" t="s">
        <v>182761</v>
      </c>
      <c r="C54559" s="1" t="s">
        <v>50</v>
      </c>
      <c r="D54559" s="1" t="s">
        <v>183531</v>
      </c>
      <c r="E54559" s="1" t="s">
        <v>183532</v>
      </c>
      <c r="F54559" s="1" t="s">
        <v>183533</v>
      </c>
      <c r="G54559" s="1" t="s">
        <v>183505</v>
      </c>
      <c r="H54559" s="1" t="s">
        <v>183506</v>
      </c>
      <c r="I54559" s="1" t="s">
        <v>182766</v>
      </c>
      <c r="J54559" s="1" t="s">
        <v>183534</v>
      </c>
    </row>
    <row r="54560" spans="1:10" x14ac:dyDescent="0.35">
      <c r="A54560" s="1" t="s">
        <v>14240</v>
      </c>
      <c r="B54560" s="1" t="s">
        <v>182761</v>
      </c>
      <c r="C54560" s="1" t="s">
        <v>55</v>
      </c>
      <c r="D54560" s="1" t="s">
        <v>116313</v>
      </c>
      <c r="E54560" s="1" t="s">
        <v>183535</v>
      </c>
      <c r="F54560" s="1" t="s">
        <v>183536</v>
      </c>
      <c r="G54560" s="1" t="s">
        <v>183505</v>
      </c>
      <c r="H54560" s="1" t="s">
        <v>183506</v>
      </c>
      <c r="I54560" s="1" t="s">
        <v>182766</v>
      </c>
      <c r="J54560" s="1" t="s">
        <v>183537</v>
      </c>
    </row>
    <row r="54561" spans="1:10" x14ac:dyDescent="0.35">
      <c r="A54561" s="1" t="s">
        <v>14240</v>
      </c>
      <c r="B54561" s="1" t="s">
        <v>182761</v>
      </c>
      <c r="C54561" s="1" t="s">
        <v>60</v>
      </c>
      <c r="D54561" s="1" t="s">
        <v>33584</v>
      </c>
      <c r="E54561" s="1" t="s">
        <v>183538</v>
      </c>
      <c r="F54561" s="1" t="s">
        <v>183539</v>
      </c>
      <c r="G54561" s="1" t="s">
        <v>183505</v>
      </c>
      <c r="H54561" s="1" t="s">
        <v>183506</v>
      </c>
      <c r="I54561" s="1" t="s">
        <v>182766</v>
      </c>
      <c r="J54561" s="1" t="s">
        <v>183540</v>
      </c>
    </row>
    <row r="54562" spans="1:10" x14ac:dyDescent="0.35">
      <c r="A54562" s="1" t="s">
        <v>14240</v>
      </c>
      <c r="B54562" s="1" t="s">
        <v>182761</v>
      </c>
      <c r="C54562" s="1" t="s">
        <v>65</v>
      </c>
      <c r="D54562" s="1" t="s">
        <v>42925</v>
      </c>
      <c r="E54562" s="1" t="s">
        <v>183541</v>
      </c>
      <c r="F54562" s="1" t="s">
        <v>183542</v>
      </c>
      <c r="G54562" s="1" t="s">
        <v>183505</v>
      </c>
      <c r="H54562" s="1" t="s">
        <v>183506</v>
      </c>
      <c r="I54562" s="1" t="s">
        <v>182766</v>
      </c>
      <c r="J54562" s="1" t="s">
        <v>183543</v>
      </c>
    </row>
    <row r="54563" spans="1:10" x14ac:dyDescent="0.35">
      <c r="A54563" s="1" t="s">
        <v>14240</v>
      </c>
      <c r="B54563" s="1" t="s">
        <v>182761</v>
      </c>
      <c r="C54563" s="1" t="s">
        <v>70</v>
      </c>
      <c r="D54563" s="1" t="s">
        <v>38900</v>
      </c>
      <c r="E54563" s="1" t="s">
        <v>183544</v>
      </c>
      <c r="F54563" s="1" t="s">
        <v>183545</v>
      </c>
      <c r="G54563" s="1" t="s">
        <v>183505</v>
      </c>
      <c r="H54563" s="1" t="s">
        <v>183506</v>
      </c>
      <c r="I54563" s="1" t="s">
        <v>182766</v>
      </c>
      <c r="J54563" s="1" t="s">
        <v>183546</v>
      </c>
    </row>
    <row r="54564" spans="1:10" x14ac:dyDescent="0.35">
      <c r="A54564" s="1" t="s">
        <v>14240</v>
      </c>
      <c r="B54564" s="1" t="s">
        <v>182761</v>
      </c>
      <c r="C54564" s="1" t="s">
        <v>75</v>
      </c>
      <c r="D54564" s="1" t="s">
        <v>117611</v>
      </c>
      <c r="E54564" s="1" t="s">
        <v>183547</v>
      </c>
      <c r="F54564" s="1" t="s">
        <v>183548</v>
      </c>
      <c r="G54564" s="1" t="s">
        <v>183505</v>
      </c>
      <c r="H54564" s="1" t="s">
        <v>183506</v>
      </c>
      <c r="I54564" s="1" t="s">
        <v>182766</v>
      </c>
      <c r="J54564" s="1" t="s">
        <v>183549</v>
      </c>
    </row>
    <row r="54565" spans="1:10" x14ac:dyDescent="0.35">
      <c r="A54565" s="1" t="s">
        <v>14240</v>
      </c>
      <c r="B54565" s="1" t="s">
        <v>182761</v>
      </c>
      <c r="C54565" s="1" t="s">
        <v>80</v>
      </c>
      <c r="D54565" s="1" t="s">
        <v>30287</v>
      </c>
      <c r="E54565" s="1" t="s">
        <v>183550</v>
      </c>
      <c r="F54565" s="1" t="s">
        <v>183551</v>
      </c>
      <c r="G54565" s="1" t="s">
        <v>183505</v>
      </c>
      <c r="H54565" s="1" t="s">
        <v>183506</v>
      </c>
      <c r="I54565" s="1" t="s">
        <v>182766</v>
      </c>
      <c r="J54565" s="1" t="s">
        <v>183552</v>
      </c>
    </row>
    <row r="54566" spans="1:10" x14ac:dyDescent="0.35">
      <c r="A54566" s="1" t="s">
        <v>14240</v>
      </c>
      <c r="B54566" s="1" t="s">
        <v>182761</v>
      </c>
      <c r="C54566" s="1" t="s">
        <v>85</v>
      </c>
      <c r="D54566" s="1" t="s">
        <v>18243</v>
      </c>
      <c r="E54566" s="1" t="s">
        <v>183553</v>
      </c>
      <c r="F54566" s="1" t="s">
        <v>183554</v>
      </c>
      <c r="G54566" s="1" t="s">
        <v>183505</v>
      </c>
      <c r="H54566" s="1" t="s">
        <v>183506</v>
      </c>
      <c r="I54566" s="1" t="s">
        <v>182766</v>
      </c>
      <c r="J54566" s="1" t="s">
        <v>182693</v>
      </c>
    </row>
    <row r="54567" spans="1:10" x14ac:dyDescent="0.35">
      <c r="A54567" s="1" t="s">
        <v>14240</v>
      </c>
      <c r="B54567" s="1" t="s">
        <v>182761</v>
      </c>
      <c r="C54567" s="1" t="s">
        <v>90</v>
      </c>
      <c r="D54567" s="1" t="s">
        <v>13644</v>
      </c>
      <c r="E54567" s="1" t="s">
        <v>183555</v>
      </c>
      <c r="F54567" s="1" t="s">
        <v>183556</v>
      </c>
      <c r="G54567" s="1" t="s">
        <v>183505</v>
      </c>
      <c r="H54567" s="1" t="s">
        <v>183506</v>
      </c>
      <c r="I54567" s="1" t="s">
        <v>182766</v>
      </c>
      <c r="J54567" s="1" t="s">
        <v>183557</v>
      </c>
    </row>
    <row r="54568" spans="1:10" x14ac:dyDescent="0.35">
      <c r="A54568" s="1" t="s">
        <v>14240</v>
      </c>
      <c r="B54568" s="1" t="s">
        <v>182761</v>
      </c>
      <c r="C54568" s="1" t="s">
        <v>95</v>
      </c>
      <c r="D54568" s="1" t="s">
        <v>183558</v>
      </c>
      <c r="E54568" s="1" t="s">
        <v>183559</v>
      </c>
      <c r="F54568" s="1" t="s">
        <v>183560</v>
      </c>
      <c r="G54568" s="1" t="s">
        <v>183505</v>
      </c>
      <c r="H54568" s="1" t="s">
        <v>183506</v>
      </c>
      <c r="I54568" s="1" t="s">
        <v>182766</v>
      </c>
      <c r="J54568" s="1" t="s">
        <v>183561</v>
      </c>
    </row>
    <row r="54569" spans="1:10" x14ac:dyDescent="0.35">
      <c r="A54569" s="1" t="s">
        <v>14240</v>
      </c>
      <c r="B54569" s="1" t="s">
        <v>182761</v>
      </c>
      <c r="C54569" s="1" t="s">
        <v>100</v>
      </c>
      <c r="D54569" s="1" t="s">
        <v>49689</v>
      </c>
      <c r="E54569" s="1" t="s">
        <v>183562</v>
      </c>
      <c r="F54569" s="1" t="s">
        <v>183563</v>
      </c>
      <c r="G54569" s="1" t="s">
        <v>183505</v>
      </c>
      <c r="H54569" s="1" t="s">
        <v>183506</v>
      </c>
      <c r="I54569" s="1" t="s">
        <v>182766</v>
      </c>
      <c r="J54569" s="1" t="s">
        <v>183564</v>
      </c>
    </row>
    <row r="54570" spans="1:10" x14ac:dyDescent="0.35">
      <c r="A54570" s="1" t="s">
        <v>14240</v>
      </c>
      <c r="B54570" s="1" t="s">
        <v>182761</v>
      </c>
      <c r="C54570" s="1" t="s">
        <v>105</v>
      </c>
      <c r="D54570" s="1" t="s">
        <v>183565</v>
      </c>
      <c r="E54570" s="1" t="s">
        <v>183566</v>
      </c>
      <c r="F54570" s="1" t="s">
        <v>183567</v>
      </c>
      <c r="G54570" s="1" t="s">
        <v>183505</v>
      </c>
      <c r="H54570" s="1" t="s">
        <v>183506</v>
      </c>
      <c r="I54570" s="1" t="s">
        <v>182766</v>
      </c>
      <c r="J54570" s="1" t="s">
        <v>183568</v>
      </c>
    </row>
    <row r="54571" spans="1:10" x14ac:dyDescent="0.35">
      <c r="A54571" s="1" t="s">
        <v>14240</v>
      </c>
      <c r="B54571" s="1" t="s">
        <v>182761</v>
      </c>
      <c r="C54571" s="1" t="s">
        <v>110</v>
      </c>
      <c r="D54571" s="1" t="s">
        <v>183569</v>
      </c>
      <c r="E54571" s="1" t="s">
        <v>183570</v>
      </c>
      <c r="F54571" s="1" t="s">
        <v>183571</v>
      </c>
      <c r="G54571" s="1" t="s">
        <v>183505</v>
      </c>
      <c r="H54571" s="1" t="s">
        <v>183506</v>
      </c>
      <c r="I54571" s="1" t="s">
        <v>182766</v>
      </c>
      <c r="J54571" s="1" t="s">
        <v>183572</v>
      </c>
    </row>
    <row r="54572" spans="1:10" x14ac:dyDescent="0.35">
      <c r="A54572" s="1" t="s">
        <v>14240</v>
      </c>
      <c r="B54572" s="1" t="s">
        <v>182761</v>
      </c>
      <c r="C54572" s="1" t="s">
        <v>115</v>
      </c>
      <c r="D54572" s="1" t="s">
        <v>6799</v>
      </c>
      <c r="E54572" s="1" t="s">
        <v>183573</v>
      </c>
      <c r="F54572" s="1" t="s">
        <v>183574</v>
      </c>
      <c r="G54572" s="1" t="s">
        <v>183505</v>
      </c>
      <c r="H54572" s="1" t="s">
        <v>183506</v>
      </c>
      <c r="I54572" s="1" t="s">
        <v>182766</v>
      </c>
      <c r="J54572" s="1" t="s">
        <v>183575</v>
      </c>
    </row>
    <row r="54573" spans="1:10" x14ac:dyDescent="0.35">
      <c r="A54573" s="1" t="s">
        <v>14240</v>
      </c>
      <c r="B54573" s="1" t="s">
        <v>182761</v>
      </c>
      <c r="C54573" s="1" t="s">
        <v>120</v>
      </c>
      <c r="D54573" s="1" t="s">
        <v>149823</v>
      </c>
      <c r="E54573" s="1" t="s">
        <v>183538</v>
      </c>
      <c r="F54573" s="1" t="s">
        <v>183576</v>
      </c>
      <c r="G54573" s="1" t="s">
        <v>183505</v>
      </c>
      <c r="H54573" s="1" t="s">
        <v>183506</v>
      </c>
      <c r="I54573" s="1" t="s">
        <v>182766</v>
      </c>
      <c r="J54573" s="1" t="s">
        <v>183577</v>
      </c>
    </row>
    <row r="54574" spans="1:10" x14ac:dyDescent="0.35">
      <c r="A54574" s="1" t="s">
        <v>14240</v>
      </c>
      <c r="B54574" s="1" t="s">
        <v>182761</v>
      </c>
      <c r="C54574" s="1" t="s">
        <v>125</v>
      </c>
      <c r="D54574" s="1" t="s">
        <v>151112</v>
      </c>
      <c r="E54574" s="1" t="s">
        <v>183578</v>
      </c>
      <c r="F54574" s="1" t="s">
        <v>183579</v>
      </c>
      <c r="G54574" s="1" t="s">
        <v>183505</v>
      </c>
      <c r="H54574" s="1" t="s">
        <v>183506</v>
      </c>
      <c r="I54574" s="1" t="s">
        <v>182766</v>
      </c>
      <c r="J54574" s="1" t="s">
        <v>183580</v>
      </c>
    </row>
    <row r="54575" spans="1:10" x14ac:dyDescent="0.35">
      <c r="A54575" s="1" t="s">
        <v>14240</v>
      </c>
      <c r="B54575" s="1" t="s">
        <v>182761</v>
      </c>
      <c r="C54575" s="1" t="s">
        <v>130</v>
      </c>
      <c r="D54575" s="1" t="s">
        <v>183581</v>
      </c>
      <c r="E54575" s="1" t="s">
        <v>183582</v>
      </c>
      <c r="F54575" s="1" t="s">
        <v>183583</v>
      </c>
      <c r="G54575" s="1" t="s">
        <v>183505</v>
      </c>
      <c r="H54575" s="1" t="s">
        <v>183506</v>
      </c>
      <c r="I54575" s="1" t="s">
        <v>182766</v>
      </c>
      <c r="J54575" s="1" t="s">
        <v>183584</v>
      </c>
    </row>
    <row r="54576" spans="1:10" x14ac:dyDescent="0.35">
      <c r="A54576" s="1" t="s">
        <v>14240</v>
      </c>
      <c r="B54576" s="1" t="s">
        <v>182761</v>
      </c>
      <c r="C54576" s="1" t="s">
        <v>135</v>
      </c>
      <c r="D54576" s="1" t="s">
        <v>142300</v>
      </c>
      <c r="E54576" s="1" t="s">
        <v>183585</v>
      </c>
      <c r="F54576" s="1" t="s">
        <v>183586</v>
      </c>
      <c r="G54576" s="1" t="s">
        <v>183505</v>
      </c>
      <c r="H54576" s="1" t="s">
        <v>183506</v>
      </c>
      <c r="I54576" s="1" t="s">
        <v>182766</v>
      </c>
      <c r="J54576" s="1" t="s">
        <v>183587</v>
      </c>
    </row>
    <row r="54577" spans="1:10" x14ac:dyDescent="0.35">
      <c r="A54577" s="1" t="s">
        <v>14240</v>
      </c>
      <c r="B54577" s="1" t="s">
        <v>182761</v>
      </c>
      <c r="C54577" s="1" t="s">
        <v>140</v>
      </c>
      <c r="D54577" s="1" t="s">
        <v>5915</v>
      </c>
      <c r="E54577" s="1" t="s">
        <v>183588</v>
      </c>
      <c r="F54577" s="1" t="s">
        <v>183589</v>
      </c>
      <c r="G54577" s="1" t="s">
        <v>183505</v>
      </c>
      <c r="H54577" s="1" t="s">
        <v>183506</v>
      </c>
      <c r="I54577" s="1" t="s">
        <v>182766</v>
      </c>
      <c r="J54577" s="1" t="s">
        <v>183590</v>
      </c>
    </row>
    <row r="54578" spans="1:10" x14ac:dyDescent="0.35">
      <c r="A54578" s="1" t="s">
        <v>14240</v>
      </c>
      <c r="B54578" s="1" t="s">
        <v>182761</v>
      </c>
      <c r="C54578" s="1" t="s">
        <v>145</v>
      </c>
      <c r="D54578" s="1" t="s">
        <v>183591</v>
      </c>
      <c r="E54578" s="1" t="s">
        <v>183592</v>
      </c>
      <c r="F54578" s="1" t="s">
        <v>183593</v>
      </c>
      <c r="G54578" s="1" t="s">
        <v>183505</v>
      </c>
      <c r="H54578" s="1" t="s">
        <v>183506</v>
      </c>
      <c r="I54578" s="1" t="s">
        <v>182766</v>
      </c>
      <c r="J54578" s="1" t="s">
        <v>183594</v>
      </c>
    </row>
    <row r="54579" spans="1:10" x14ac:dyDescent="0.35">
      <c r="A54579" s="1" t="s">
        <v>14240</v>
      </c>
      <c r="B54579" s="1" t="s">
        <v>182761</v>
      </c>
      <c r="C54579" s="1" t="s">
        <v>150</v>
      </c>
      <c r="D54579" s="1" t="s">
        <v>52172</v>
      </c>
      <c r="E54579" s="1" t="s">
        <v>183595</v>
      </c>
      <c r="F54579" s="1" t="s">
        <v>183596</v>
      </c>
      <c r="G54579" s="1" t="s">
        <v>183505</v>
      </c>
      <c r="H54579" s="1" t="s">
        <v>183506</v>
      </c>
      <c r="I54579" s="1" t="s">
        <v>182766</v>
      </c>
      <c r="J54579" s="1" t="s">
        <v>183597</v>
      </c>
    </row>
    <row r="54580" spans="1:10" x14ac:dyDescent="0.35">
      <c r="A54580" s="1" t="s">
        <v>14240</v>
      </c>
      <c r="B54580" s="1" t="s">
        <v>182761</v>
      </c>
      <c r="C54580" s="1" t="s">
        <v>155</v>
      </c>
      <c r="D54580" s="1" t="s">
        <v>183598</v>
      </c>
      <c r="E54580" s="1" t="s">
        <v>183599</v>
      </c>
      <c r="F54580" s="1" t="s">
        <v>183600</v>
      </c>
      <c r="G54580" s="1" t="s">
        <v>183505</v>
      </c>
      <c r="H54580" s="1" t="s">
        <v>183506</v>
      </c>
      <c r="I54580" s="1" t="s">
        <v>182766</v>
      </c>
      <c r="J54580" s="1" t="s">
        <v>183601</v>
      </c>
    </row>
    <row r="54581" spans="1:10" x14ac:dyDescent="0.35">
      <c r="A54581" s="1" t="s">
        <v>14240</v>
      </c>
      <c r="B54581" s="1" t="s">
        <v>182761</v>
      </c>
      <c r="C54581" s="1" t="s">
        <v>160</v>
      </c>
      <c r="D54581" s="1" t="s">
        <v>108671</v>
      </c>
      <c r="E54581" s="1" t="s">
        <v>183602</v>
      </c>
      <c r="F54581" s="1" t="s">
        <v>183603</v>
      </c>
      <c r="G54581" s="1" t="s">
        <v>183505</v>
      </c>
      <c r="H54581" s="1" t="s">
        <v>183506</v>
      </c>
      <c r="I54581" s="1" t="s">
        <v>182766</v>
      </c>
      <c r="J54581" s="1" t="s">
        <v>183604</v>
      </c>
    </row>
    <row r="54582" spans="1:10" x14ac:dyDescent="0.35">
      <c r="A54582" s="1" t="s">
        <v>14240</v>
      </c>
      <c r="B54582" s="1" t="s">
        <v>182761</v>
      </c>
      <c r="C54582" s="1" t="s">
        <v>165</v>
      </c>
      <c r="D54582" s="1" t="s">
        <v>57455</v>
      </c>
      <c r="E54582" s="1" t="s">
        <v>183605</v>
      </c>
      <c r="F54582" s="1" t="s">
        <v>183606</v>
      </c>
      <c r="G54582" s="1" t="s">
        <v>183505</v>
      </c>
      <c r="H54582" s="1" t="s">
        <v>183506</v>
      </c>
      <c r="I54582" s="1" t="s">
        <v>182766</v>
      </c>
      <c r="J54582" s="1" t="s">
        <v>183607</v>
      </c>
    </row>
    <row r="54583" spans="1:10" x14ac:dyDescent="0.35">
      <c r="A54583" s="1" t="s">
        <v>14240</v>
      </c>
      <c r="B54583" s="1" t="s">
        <v>182761</v>
      </c>
      <c r="C54583" s="1" t="s">
        <v>170</v>
      </c>
      <c r="D54583" s="1" t="s">
        <v>59532</v>
      </c>
      <c r="E54583" s="1" t="s">
        <v>183608</v>
      </c>
      <c r="F54583" s="1" t="s">
        <v>183609</v>
      </c>
      <c r="G54583" s="1" t="s">
        <v>183505</v>
      </c>
      <c r="H54583" s="1" t="s">
        <v>183506</v>
      </c>
      <c r="I54583" s="1" t="s">
        <v>182766</v>
      </c>
      <c r="J54583" s="1" t="s">
        <v>183610</v>
      </c>
    </row>
    <row r="54584" spans="1:10" x14ac:dyDescent="0.35">
      <c r="A54584" s="1" t="s">
        <v>8666</v>
      </c>
      <c r="B54584" s="1" t="s">
        <v>182761</v>
      </c>
      <c r="C54584" s="1" t="s">
        <v>8</v>
      </c>
      <c r="D54584" s="1" t="s">
        <v>82231</v>
      </c>
      <c r="E54584" s="1" t="s">
        <v>183611</v>
      </c>
      <c r="F54584" s="1" t="s">
        <v>183612</v>
      </c>
      <c r="G54584" s="1" t="s">
        <v>183613</v>
      </c>
      <c r="H54584" s="1" t="s">
        <v>183614</v>
      </c>
      <c r="I54584" s="1" t="s">
        <v>182766</v>
      </c>
      <c r="J54584" s="1" t="s">
        <v>13</v>
      </c>
    </row>
    <row r="54585" spans="1:10" x14ac:dyDescent="0.35">
      <c r="A54585" s="1" t="s">
        <v>8666</v>
      </c>
      <c r="B54585" s="1" t="s">
        <v>182761</v>
      </c>
      <c r="C54585" s="1" t="s">
        <v>15</v>
      </c>
      <c r="D54585" s="1" t="s">
        <v>49662</v>
      </c>
      <c r="E54585" s="1" t="s">
        <v>183615</v>
      </c>
      <c r="F54585" s="1" t="s">
        <v>183616</v>
      </c>
      <c r="G54585" s="1" t="s">
        <v>183613</v>
      </c>
      <c r="H54585" s="1" t="s">
        <v>183614</v>
      </c>
      <c r="I54585" s="1" t="s">
        <v>182766</v>
      </c>
      <c r="J54585" s="1" t="s">
        <v>183617</v>
      </c>
    </row>
    <row r="54586" spans="1:10" x14ac:dyDescent="0.35">
      <c r="A54586" s="1" t="s">
        <v>8666</v>
      </c>
      <c r="B54586" s="1" t="s">
        <v>182761</v>
      </c>
      <c r="C54586" s="1" t="s">
        <v>20</v>
      </c>
      <c r="D54586" s="1" t="s">
        <v>73617</v>
      </c>
      <c r="E54586" s="1" t="s">
        <v>183618</v>
      </c>
      <c r="F54586" s="1" t="s">
        <v>183619</v>
      </c>
      <c r="G54586" s="1" t="s">
        <v>183613</v>
      </c>
      <c r="H54586" s="1" t="s">
        <v>183614</v>
      </c>
      <c r="I54586" s="1" t="s">
        <v>182766</v>
      </c>
      <c r="J54586" s="1" t="s">
        <v>183620</v>
      </c>
    </row>
    <row r="54587" spans="1:10" x14ac:dyDescent="0.35">
      <c r="A54587" s="1" t="s">
        <v>8666</v>
      </c>
      <c r="B54587" s="1" t="s">
        <v>182761</v>
      </c>
      <c r="C54587" s="1" t="s">
        <v>25</v>
      </c>
      <c r="D54587" s="1" t="s">
        <v>38454</v>
      </c>
      <c r="E54587" s="1" t="s">
        <v>183621</v>
      </c>
      <c r="F54587" s="1" t="s">
        <v>183622</v>
      </c>
      <c r="G54587" s="1" t="s">
        <v>183613</v>
      </c>
      <c r="H54587" s="1" t="s">
        <v>183614</v>
      </c>
      <c r="I54587" s="1" t="s">
        <v>182766</v>
      </c>
      <c r="J54587" s="1" t="s">
        <v>183623</v>
      </c>
    </row>
    <row r="54588" spans="1:10" x14ac:dyDescent="0.35">
      <c r="A54588" s="1" t="s">
        <v>8666</v>
      </c>
      <c r="B54588" s="1" t="s">
        <v>182761</v>
      </c>
      <c r="C54588" s="1" t="s">
        <v>30</v>
      </c>
      <c r="D54588" s="1" t="s">
        <v>183624</v>
      </c>
      <c r="E54588" s="1" t="s">
        <v>183625</v>
      </c>
      <c r="F54588" s="1" t="s">
        <v>183626</v>
      </c>
      <c r="G54588" s="1" t="s">
        <v>183613</v>
      </c>
      <c r="H54588" s="1" t="s">
        <v>183614</v>
      </c>
      <c r="I54588" s="1" t="s">
        <v>182766</v>
      </c>
      <c r="J54588" s="1" t="s">
        <v>183627</v>
      </c>
    </row>
    <row r="54589" spans="1:10" x14ac:dyDescent="0.35">
      <c r="A54589" s="1" t="s">
        <v>8666</v>
      </c>
      <c r="B54589" s="1" t="s">
        <v>182761</v>
      </c>
      <c r="C54589" s="1" t="s">
        <v>35</v>
      </c>
      <c r="D54589" s="1" t="s">
        <v>183628</v>
      </c>
      <c r="E54589" s="1" t="s">
        <v>183629</v>
      </c>
      <c r="F54589" s="1" t="s">
        <v>183630</v>
      </c>
      <c r="G54589" s="1" t="s">
        <v>183613</v>
      </c>
      <c r="H54589" s="1" t="s">
        <v>183614</v>
      </c>
      <c r="I54589" s="1" t="s">
        <v>182766</v>
      </c>
      <c r="J54589" s="1" t="s">
        <v>183631</v>
      </c>
    </row>
    <row r="54590" spans="1:10" x14ac:dyDescent="0.35">
      <c r="A54590" s="1" t="s">
        <v>8666</v>
      </c>
      <c r="B54590" s="1" t="s">
        <v>182761</v>
      </c>
      <c r="C54590" s="1" t="s">
        <v>40</v>
      </c>
      <c r="D54590" s="1" t="s">
        <v>43940</v>
      </c>
      <c r="E54590" s="1" t="s">
        <v>183632</v>
      </c>
      <c r="F54590" s="1" t="s">
        <v>183633</v>
      </c>
      <c r="G54590" s="1" t="s">
        <v>183613</v>
      </c>
      <c r="H54590" s="1" t="s">
        <v>183614</v>
      </c>
      <c r="I54590" s="1" t="s">
        <v>182766</v>
      </c>
      <c r="J54590" s="1" t="s">
        <v>183634</v>
      </c>
    </row>
    <row r="54591" spans="1:10" x14ac:dyDescent="0.35">
      <c r="A54591" s="1" t="s">
        <v>8666</v>
      </c>
      <c r="B54591" s="1" t="s">
        <v>182761</v>
      </c>
      <c r="C54591" s="1" t="s">
        <v>45</v>
      </c>
      <c r="D54591" s="1" t="s">
        <v>183635</v>
      </c>
      <c r="E54591" s="1" t="s">
        <v>183636</v>
      </c>
      <c r="F54591" s="1" t="s">
        <v>183637</v>
      </c>
      <c r="G54591" s="1" t="s">
        <v>183613</v>
      </c>
      <c r="H54591" s="1" t="s">
        <v>183614</v>
      </c>
      <c r="I54591" s="1" t="s">
        <v>182766</v>
      </c>
      <c r="J54591" s="1" t="s">
        <v>183638</v>
      </c>
    </row>
    <row r="54592" spans="1:10" x14ac:dyDescent="0.35">
      <c r="A54592" s="1" t="s">
        <v>8666</v>
      </c>
      <c r="B54592" s="1" t="s">
        <v>182761</v>
      </c>
      <c r="C54592" s="1" t="s">
        <v>50</v>
      </c>
      <c r="D54592" s="1" t="s">
        <v>33765</v>
      </c>
      <c r="E54592" s="1" t="s">
        <v>183639</v>
      </c>
      <c r="F54592" s="1" t="s">
        <v>183640</v>
      </c>
      <c r="G54592" s="1" t="s">
        <v>183613</v>
      </c>
      <c r="H54592" s="1" t="s">
        <v>183614</v>
      </c>
      <c r="I54592" s="1" t="s">
        <v>182766</v>
      </c>
      <c r="J54592" s="1" t="s">
        <v>183641</v>
      </c>
    </row>
    <row r="54593" spans="1:10" x14ac:dyDescent="0.35">
      <c r="A54593" s="1" t="s">
        <v>8666</v>
      </c>
      <c r="B54593" s="1" t="s">
        <v>182761</v>
      </c>
      <c r="C54593" s="1" t="s">
        <v>55</v>
      </c>
      <c r="D54593" s="1" t="s">
        <v>183642</v>
      </c>
      <c r="E54593" s="1" t="s">
        <v>183643</v>
      </c>
      <c r="F54593" s="1" t="s">
        <v>183644</v>
      </c>
      <c r="G54593" s="1" t="s">
        <v>183613</v>
      </c>
      <c r="H54593" s="1" t="s">
        <v>183614</v>
      </c>
      <c r="I54593" s="1" t="s">
        <v>182766</v>
      </c>
      <c r="J54593" s="1" t="s">
        <v>183645</v>
      </c>
    </row>
    <row r="54594" spans="1:10" x14ac:dyDescent="0.35">
      <c r="A54594" s="1" t="s">
        <v>8666</v>
      </c>
      <c r="B54594" s="1" t="s">
        <v>182761</v>
      </c>
      <c r="C54594" s="1" t="s">
        <v>60</v>
      </c>
      <c r="D54594" s="1" t="s">
        <v>83703</v>
      </c>
      <c r="E54594" s="1" t="s">
        <v>183646</v>
      </c>
      <c r="F54594" s="1" t="s">
        <v>183647</v>
      </c>
      <c r="G54594" s="1" t="s">
        <v>183613</v>
      </c>
      <c r="H54594" s="1" t="s">
        <v>183614</v>
      </c>
      <c r="I54594" s="1" t="s">
        <v>182766</v>
      </c>
      <c r="J54594" s="1" t="s">
        <v>183648</v>
      </c>
    </row>
    <row r="54595" spans="1:10" x14ac:dyDescent="0.35">
      <c r="A54595" s="1" t="s">
        <v>8666</v>
      </c>
      <c r="B54595" s="1" t="s">
        <v>182761</v>
      </c>
      <c r="C54595" s="1" t="s">
        <v>65</v>
      </c>
      <c r="D54595" s="1" t="s">
        <v>33892</v>
      </c>
      <c r="E54595" s="1" t="s">
        <v>183649</v>
      </c>
      <c r="F54595" s="1" t="s">
        <v>183650</v>
      </c>
      <c r="G54595" s="1" t="s">
        <v>183613</v>
      </c>
      <c r="H54595" s="1" t="s">
        <v>183614</v>
      </c>
      <c r="I54595" s="1" t="s">
        <v>182766</v>
      </c>
      <c r="J54595" s="1" t="s">
        <v>183651</v>
      </c>
    </row>
    <row r="54596" spans="1:10" x14ac:dyDescent="0.35">
      <c r="A54596" s="1" t="s">
        <v>8666</v>
      </c>
      <c r="B54596" s="1" t="s">
        <v>182761</v>
      </c>
      <c r="C54596" s="1" t="s">
        <v>70</v>
      </c>
      <c r="D54596" s="1" t="s">
        <v>105701</v>
      </c>
      <c r="E54596" s="1" t="s">
        <v>183652</v>
      </c>
      <c r="F54596" s="1" t="s">
        <v>183653</v>
      </c>
      <c r="G54596" s="1" t="s">
        <v>183613</v>
      </c>
      <c r="H54596" s="1" t="s">
        <v>183614</v>
      </c>
      <c r="I54596" s="1" t="s">
        <v>182766</v>
      </c>
      <c r="J54596" s="1" t="s">
        <v>183654</v>
      </c>
    </row>
    <row r="54597" spans="1:10" x14ac:dyDescent="0.35">
      <c r="A54597" s="1" t="s">
        <v>8666</v>
      </c>
      <c r="B54597" s="1" t="s">
        <v>182761</v>
      </c>
      <c r="C54597" s="1" t="s">
        <v>75</v>
      </c>
      <c r="D54597" s="1" t="s">
        <v>183655</v>
      </c>
      <c r="E54597" s="1" t="s">
        <v>183656</v>
      </c>
      <c r="F54597" s="1" t="s">
        <v>183657</v>
      </c>
      <c r="G54597" s="1" t="s">
        <v>183613</v>
      </c>
      <c r="H54597" s="1" t="s">
        <v>183614</v>
      </c>
      <c r="I54597" s="1" t="s">
        <v>182766</v>
      </c>
      <c r="J54597" s="1" t="s">
        <v>183658</v>
      </c>
    </row>
    <row r="54598" spans="1:10" x14ac:dyDescent="0.35">
      <c r="A54598" s="1" t="s">
        <v>8666</v>
      </c>
      <c r="B54598" s="1" t="s">
        <v>182761</v>
      </c>
      <c r="C54598" s="1" t="s">
        <v>80</v>
      </c>
      <c r="D54598" s="1" t="s">
        <v>183659</v>
      </c>
      <c r="E54598" s="1" t="s">
        <v>183660</v>
      </c>
      <c r="F54598" s="1" t="s">
        <v>183661</v>
      </c>
      <c r="G54598" s="1" t="s">
        <v>183613</v>
      </c>
      <c r="H54598" s="1" t="s">
        <v>183614</v>
      </c>
      <c r="I54598" s="1" t="s">
        <v>182766</v>
      </c>
      <c r="J54598" s="1" t="s">
        <v>183662</v>
      </c>
    </row>
    <row r="54599" spans="1:10" x14ac:dyDescent="0.35">
      <c r="A54599" s="1" t="s">
        <v>8666</v>
      </c>
      <c r="B54599" s="1" t="s">
        <v>182761</v>
      </c>
      <c r="C54599" s="1" t="s">
        <v>85</v>
      </c>
      <c r="D54599" s="1" t="s">
        <v>109088</v>
      </c>
      <c r="E54599" s="1" t="s">
        <v>183663</v>
      </c>
      <c r="F54599" s="1" t="s">
        <v>183664</v>
      </c>
      <c r="G54599" s="1" t="s">
        <v>183613</v>
      </c>
      <c r="H54599" s="1" t="s">
        <v>183614</v>
      </c>
      <c r="I54599" s="1" t="s">
        <v>182766</v>
      </c>
      <c r="J54599" s="1" t="s">
        <v>183665</v>
      </c>
    </row>
    <row r="54600" spans="1:10" x14ac:dyDescent="0.35">
      <c r="A54600" s="1" t="s">
        <v>8666</v>
      </c>
      <c r="B54600" s="1" t="s">
        <v>182761</v>
      </c>
      <c r="C54600" s="1" t="s">
        <v>90</v>
      </c>
      <c r="D54600" s="1" t="s">
        <v>24192</v>
      </c>
      <c r="E54600" s="1" t="s">
        <v>183666</v>
      </c>
      <c r="F54600" s="1" t="s">
        <v>183667</v>
      </c>
      <c r="G54600" s="1" t="s">
        <v>183613</v>
      </c>
      <c r="H54600" s="1" t="s">
        <v>183614</v>
      </c>
      <c r="I54600" s="1" t="s">
        <v>182766</v>
      </c>
      <c r="J54600" s="1" t="s">
        <v>183668</v>
      </c>
    </row>
    <row r="54601" spans="1:10" x14ac:dyDescent="0.35">
      <c r="A54601" s="1" t="s">
        <v>8666</v>
      </c>
      <c r="B54601" s="1" t="s">
        <v>182761</v>
      </c>
      <c r="C54601" s="1" t="s">
        <v>95</v>
      </c>
      <c r="D54601" s="1" t="s">
        <v>159981</v>
      </c>
      <c r="E54601" s="1" t="s">
        <v>183669</v>
      </c>
      <c r="F54601" s="1" t="s">
        <v>183670</v>
      </c>
      <c r="G54601" s="1" t="s">
        <v>183613</v>
      </c>
      <c r="H54601" s="1" t="s">
        <v>183614</v>
      </c>
      <c r="I54601" s="1" t="s">
        <v>182766</v>
      </c>
      <c r="J54601" s="1" t="s">
        <v>183671</v>
      </c>
    </row>
    <row r="54602" spans="1:10" x14ac:dyDescent="0.35">
      <c r="A54602" s="1" t="s">
        <v>8666</v>
      </c>
      <c r="B54602" s="1" t="s">
        <v>182761</v>
      </c>
      <c r="C54602" s="1" t="s">
        <v>100</v>
      </c>
      <c r="D54602" s="1" t="s">
        <v>98763</v>
      </c>
      <c r="E54602" s="1" t="s">
        <v>183672</v>
      </c>
      <c r="F54602" s="1" t="s">
        <v>183673</v>
      </c>
      <c r="G54602" s="1" t="s">
        <v>183613</v>
      </c>
      <c r="H54602" s="1" t="s">
        <v>183614</v>
      </c>
      <c r="I54602" s="1" t="s">
        <v>182766</v>
      </c>
      <c r="J54602" s="1" t="s">
        <v>183674</v>
      </c>
    </row>
    <row r="54603" spans="1:10" x14ac:dyDescent="0.35">
      <c r="A54603" s="1" t="s">
        <v>8666</v>
      </c>
      <c r="B54603" s="1" t="s">
        <v>182761</v>
      </c>
      <c r="C54603" s="1" t="s">
        <v>105</v>
      </c>
      <c r="D54603" s="1" t="s">
        <v>14665</v>
      </c>
      <c r="E54603" s="1" t="s">
        <v>183675</v>
      </c>
      <c r="F54603" s="1" t="s">
        <v>183676</v>
      </c>
      <c r="G54603" s="1" t="s">
        <v>183613</v>
      </c>
      <c r="H54603" s="1" t="s">
        <v>183614</v>
      </c>
      <c r="I54603" s="1" t="s">
        <v>182766</v>
      </c>
      <c r="J54603" s="1" t="s">
        <v>183677</v>
      </c>
    </row>
    <row r="54604" spans="1:10" x14ac:dyDescent="0.35">
      <c r="A54604" s="1" t="s">
        <v>8666</v>
      </c>
      <c r="B54604" s="1" t="s">
        <v>182761</v>
      </c>
      <c r="C54604" s="1" t="s">
        <v>110</v>
      </c>
      <c r="D54604" s="1" t="s">
        <v>183678</v>
      </c>
      <c r="E54604" s="1" t="s">
        <v>183679</v>
      </c>
      <c r="F54604" s="1" t="s">
        <v>183680</v>
      </c>
      <c r="G54604" s="1" t="s">
        <v>183613</v>
      </c>
      <c r="H54604" s="1" t="s">
        <v>183614</v>
      </c>
      <c r="I54604" s="1" t="s">
        <v>182766</v>
      </c>
      <c r="J54604" s="1" t="s">
        <v>183681</v>
      </c>
    </row>
    <row r="54605" spans="1:10" x14ac:dyDescent="0.35">
      <c r="A54605" s="1" t="s">
        <v>8666</v>
      </c>
      <c r="B54605" s="1" t="s">
        <v>182761</v>
      </c>
      <c r="C54605" s="1" t="s">
        <v>115</v>
      </c>
      <c r="D54605" s="1" t="s">
        <v>133339</v>
      </c>
      <c r="E54605" s="1" t="s">
        <v>183682</v>
      </c>
      <c r="F54605" s="1" t="s">
        <v>183683</v>
      </c>
      <c r="G54605" s="1" t="s">
        <v>183613</v>
      </c>
      <c r="H54605" s="1" t="s">
        <v>183614</v>
      </c>
      <c r="I54605" s="1" t="s">
        <v>182766</v>
      </c>
      <c r="J54605" s="1" t="s">
        <v>183684</v>
      </c>
    </row>
    <row r="54606" spans="1:10" x14ac:dyDescent="0.35">
      <c r="A54606" s="1" t="s">
        <v>8666</v>
      </c>
      <c r="B54606" s="1" t="s">
        <v>182761</v>
      </c>
      <c r="C54606" s="1" t="s">
        <v>120</v>
      </c>
      <c r="D54606" s="1" t="s">
        <v>69026</v>
      </c>
      <c r="E54606" s="1" t="s">
        <v>183685</v>
      </c>
      <c r="F54606" s="1" t="s">
        <v>183686</v>
      </c>
      <c r="G54606" s="1" t="s">
        <v>183613</v>
      </c>
      <c r="H54606" s="1" t="s">
        <v>183614</v>
      </c>
      <c r="I54606" s="1" t="s">
        <v>182766</v>
      </c>
      <c r="J54606" s="1" t="s">
        <v>183687</v>
      </c>
    </row>
    <row r="54607" spans="1:10" x14ac:dyDescent="0.35">
      <c r="A54607" s="1" t="s">
        <v>8666</v>
      </c>
      <c r="B54607" s="1" t="s">
        <v>182761</v>
      </c>
      <c r="C54607" s="1" t="s">
        <v>125</v>
      </c>
      <c r="D54607" s="1" t="s">
        <v>54382</v>
      </c>
      <c r="E54607" s="1" t="s">
        <v>183688</v>
      </c>
      <c r="F54607" s="1" t="s">
        <v>183689</v>
      </c>
      <c r="G54607" s="1" t="s">
        <v>183613</v>
      </c>
      <c r="H54607" s="1" t="s">
        <v>183614</v>
      </c>
      <c r="I54607" s="1" t="s">
        <v>182766</v>
      </c>
      <c r="J54607" s="1" t="s">
        <v>183690</v>
      </c>
    </row>
    <row r="54608" spans="1:10" x14ac:dyDescent="0.35">
      <c r="A54608" s="1" t="s">
        <v>8666</v>
      </c>
      <c r="B54608" s="1" t="s">
        <v>182761</v>
      </c>
      <c r="C54608" s="1" t="s">
        <v>130</v>
      </c>
      <c r="D54608" s="1" t="s">
        <v>183691</v>
      </c>
      <c r="E54608" s="1" t="s">
        <v>183692</v>
      </c>
      <c r="F54608" s="1" t="s">
        <v>183693</v>
      </c>
      <c r="G54608" s="1" t="s">
        <v>183613</v>
      </c>
      <c r="H54608" s="1" t="s">
        <v>183614</v>
      </c>
      <c r="I54608" s="1" t="s">
        <v>182766</v>
      </c>
      <c r="J54608" s="1" t="s">
        <v>183694</v>
      </c>
    </row>
    <row r="54609" spans="1:10" x14ac:dyDescent="0.35">
      <c r="A54609" s="1" t="s">
        <v>8666</v>
      </c>
      <c r="B54609" s="1" t="s">
        <v>182761</v>
      </c>
      <c r="C54609" s="1" t="s">
        <v>135</v>
      </c>
      <c r="D54609" s="1" t="s">
        <v>162681</v>
      </c>
      <c r="E54609" s="1" t="s">
        <v>183695</v>
      </c>
      <c r="F54609" s="1" t="s">
        <v>183696</v>
      </c>
      <c r="G54609" s="1" t="s">
        <v>183613</v>
      </c>
      <c r="H54609" s="1" t="s">
        <v>183614</v>
      </c>
      <c r="I54609" s="1" t="s">
        <v>182766</v>
      </c>
      <c r="J54609" s="1" t="s">
        <v>183697</v>
      </c>
    </row>
    <row r="54610" spans="1:10" x14ac:dyDescent="0.35">
      <c r="A54610" s="1" t="s">
        <v>8666</v>
      </c>
      <c r="B54610" s="1" t="s">
        <v>182761</v>
      </c>
      <c r="C54610" s="1" t="s">
        <v>140</v>
      </c>
      <c r="D54610" s="1" t="s">
        <v>134923</v>
      </c>
      <c r="E54610" s="1" t="s">
        <v>183698</v>
      </c>
      <c r="F54610" s="1" t="s">
        <v>183699</v>
      </c>
      <c r="G54610" s="1" t="s">
        <v>183613</v>
      </c>
      <c r="H54610" s="1" t="s">
        <v>183614</v>
      </c>
      <c r="I54610" s="1" t="s">
        <v>182766</v>
      </c>
      <c r="J54610" s="1" t="s">
        <v>183700</v>
      </c>
    </row>
    <row r="54611" spans="1:10" x14ac:dyDescent="0.35">
      <c r="A54611" s="1" t="s">
        <v>8666</v>
      </c>
      <c r="B54611" s="1" t="s">
        <v>182761</v>
      </c>
      <c r="C54611" s="1" t="s">
        <v>145</v>
      </c>
      <c r="D54611" s="1" t="s">
        <v>92101</v>
      </c>
      <c r="E54611" s="1" t="s">
        <v>183701</v>
      </c>
      <c r="F54611" s="1" t="s">
        <v>183702</v>
      </c>
      <c r="G54611" s="1" t="s">
        <v>183613</v>
      </c>
      <c r="H54611" s="1" t="s">
        <v>183614</v>
      </c>
      <c r="I54611" s="1" t="s">
        <v>182766</v>
      </c>
      <c r="J54611" s="1" t="s">
        <v>183703</v>
      </c>
    </row>
    <row r="54612" spans="1:10" x14ac:dyDescent="0.35">
      <c r="A54612" s="1" t="s">
        <v>8666</v>
      </c>
      <c r="B54612" s="1" t="s">
        <v>182761</v>
      </c>
      <c r="C54612" s="1" t="s">
        <v>150</v>
      </c>
      <c r="D54612" s="1" t="s">
        <v>183704</v>
      </c>
      <c r="E54612" s="1" t="s">
        <v>183705</v>
      </c>
      <c r="F54612" s="1" t="s">
        <v>183706</v>
      </c>
      <c r="G54612" s="1" t="s">
        <v>183613</v>
      </c>
      <c r="H54612" s="1" t="s">
        <v>183614</v>
      </c>
      <c r="I54612" s="1" t="s">
        <v>182766</v>
      </c>
      <c r="J54612" s="1" t="s">
        <v>183707</v>
      </c>
    </row>
    <row r="54613" spans="1:10" x14ac:dyDescent="0.35">
      <c r="A54613" s="1" t="s">
        <v>8666</v>
      </c>
      <c r="B54613" s="1" t="s">
        <v>182761</v>
      </c>
      <c r="C54613" s="1" t="s">
        <v>155</v>
      </c>
      <c r="D54613" s="1" t="s">
        <v>183708</v>
      </c>
      <c r="E54613" s="1" t="s">
        <v>183709</v>
      </c>
      <c r="F54613" s="1" t="s">
        <v>183710</v>
      </c>
      <c r="G54613" s="1" t="s">
        <v>183613</v>
      </c>
      <c r="H54613" s="1" t="s">
        <v>183614</v>
      </c>
      <c r="I54613" s="1" t="s">
        <v>182766</v>
      </c>
      <c r="J54613" s="1" t="s">
        <v>183711</v>
      </c>
    </row>
    <row r="54614" spans="1:10" x14ac:dyDescent="0.35">
      <c r="A54614" s="1" t="s">
        <v>8666</v>
      </c>
      <c r="B54614" s="1" t="s">
        <v>182761</v>
      </c>
      <c r="C54614" s="1" t="s">
        <v>160</v>
      </c>
      <c r="D54614" s="1" t="s">
        <v>183712</v>
      </c>
      <c r="E54614" s="1" t="s">
        <v>183713</v>
      </c>
      <c r="F54614" s="1" t="s">
        <v>183714</v>
      </c>
      <c r="G54614" s="1" t="s">
        <v>183613</v>
      </c>
      <c r="H54614" s="1" t="s">
        <v>183614</v>
      </c>
      <c r="I54614" s="1" t="s">
        <v>182766</v>
      </c>
      <c r="J54614" s="1" t="s">
        <v>183715</v>
      </c>
    </row>
    <row r="54615" spans="1:10" x14ac:dyDescent="0.35">
      <c r="A54615" s="1" t="s">
        <v>8666</v>
      </c>
      <c r="B54615" s="1" t="s">
        <v>182761</v>
      </c>
      <c r="C54615" s="1" t="s">
        <v>165</v>
      </c>
      <c r="D54615" s="1" t="s">
        <v>183716</v>
      </c>
      <c r="E54615" s="1" t="s">
        <v>183717</v>
      </c>
      <c r="F54615" s="1" t="s">
        <v>183718</v>
      </c>
      <c r="G54615" s="1" t="s">
        <v>183613</v>
      </c>
      <c r="H54615" s="1" t="s">
        <v>183614</v>
      </c>
      <c r="I54615" s="1" t="s">
        <v>182766</v>
      </c>
      <c r="J54615" s="1" t="s">
        <v>183719</v>
      </c>
    </row>
    <row r="54616" spans="1:10" x14ac:dyDescent="0.35">
      <c r="A54616" s="1" t="s">
        <v>8666</v>
      </c>
      <c r="B54616" s="1" t="s">
        <v>182761</v>
      </c>
      <c r="C54616" s="1" t="s">
        <v>170</v>
      </c>
      <c r="D54616" s="1" t="s">
        <v>140486</v>
      </c>
      <c r="E54616" s="1" t="s">
        <v>183720</v>
      </c>
      <c r="F54616" s="1" t="s">
        <v>183721</v>
      </c>
      <c r="G54616" s="1" t="s">
        <v>183613</v>
      </c>
      <c r="H54616" s="1" t="s">
        <v>183614</v>
      </c>
      <c r="I54616" s="1" t="s">
        <v>182766</v>
      </c>
      <c r="J54616" s="1" t="s">
        <v>183722</v>
      </c>
    </row>
    <row r="54617" spans="1:10" x14ac:dyDescent="0.35">
      <c r="A54617" s="1" t="s">
        <v>29764</v>
      </c>
      <c r="B54617" s="1" t="s">
        <v>182761</v>
      </c>
      <c r="C54617" s="1" t="s">
        <v>8</v>
      </c>
      <c r="D54617" s="1" t="s">
        <v>182476</v>
      </c>
      <c r="E54617" s="1" t="s">
        <v>183723</v>
      </c>
      <c r="F54617" s="1" t="s">
        <v>183724</v>
      </c>
      <c r="G54617" s="1" t="s">
        <v>183725</v>
      </c>
      <c r="H54617" s="1" t="s">
        <v>183726</v>
      </c>
      <c r="I54617" s="1" t="s">
        <v>182766</v>
      </c>
      <c r="J54617" s="1" t="s">
        <v>13</v>
      </c>
    </row>
    <row r="54618" spans="1:10" x14ac:dyDescent="0.35">
      <c r="A54618" s="1" t="s">
        <v>29764</v>
      </c>
      <c r="B54618" s="1" t="s">
        <v>182761</v>
      </c>
      <c r="C54618" s="1" t="s">
        <v>15</v>
      </c>
      <c r="D54618" s="1" t="s">
        <v>10554</v>
      </c>
      <c r="E54618" s="1" t="s">
        <v>183727</v>
      </c>
      <c r="F54618" s="1" t="s">
        <v>183728</v>
      </c>
      <c r="G54618" s="1" t="s">
        <v>183725</v>
      </c>
      <c r="H54618" s="1" t="s">
        <v>183726</v>
      </c>
      <c r="I54618" s="1" t="s">
        <v>182766</v>
      </c>
      <c r="J54618" s="1" t="s">
        <v>183729</v>
      </c>
    </row>
    <row r="54619" spans="1:10" x14ac:dyDescent="0.35">
      <c r="A54619" s="1" t="s">
        <v>29764</v>
      </c>
      <c r="B54619" s="1" t="s">
        <v>182761</v>
      </c>
      <c r="C54619" s="1" t="s">
        <v>20</v>
      </c>
      <c r="D54619" s="1" t="s">
        <v>72982</v>
      </c>
      <c r="E54619" s="1" t="s">
        <v>183730</v>
      </c>
      <c r="F54619" s="1" t="s">
        <v>183731</v>
      </c>
      <c r="G54619" s="1" t="s">
        <v>183725</v>
      </c>
      <c r="H54619" s="1" t="s">
        <v>183726</v>
      </c>
      <c r="I54619" s="1" t="s">
        <v>182766</v>
      </c>
      <c r="J54619" s="1" t="s">
        <v>183732</v>
      </c>
    </row>
    <row r="54620" spans="1:10" x14ac:dyDescent="0.35">
      <c r="A54620" s="1" t="s">
        <v>29764</v>
      </c>
      <c r="B54620" s="1" t="s">
        <v>182761</v>
      </c>
      <c r="C54620" s="1" t="s">
        <v>25</v>
      </c>
      <c r="D54620" s="1" t="s">
        <v>31116</v>
      </c>
      <c r="E54620" s="1" t="s">
        <v>183733</v>
      </c>
      <c r="F54620" s="1" t="s">
        <v>183734</v>
      </c>
      <c r="G54620" s="1" t="s">
        <v>183725</v>
      </c>
      <c r="H54620" s="1" t="s">
        <v>183726</v>
      </c>
      <c r="I54620" s="1" t="s">
        <v>182766</v>
      </c>
      <c r="J54620" s="1" t="s">
        <v>183735</v>
      </c>
    </row>
    <row r="54621" spans="1:10" x14ac:dyDescent="0.35">
      <c r="A54621" s="1" t="s">
        <v>29764</v>
      </c>
      <c r="B54621" s="1" t="s">
        <v>182761</v>
      </c>
      <c r="C54621" s="1" t="s">
        <v>30</v>
      </c>
      <c r="D54621" s="1" t="s">
        <v>45419</v>
      </c>
      <c r="E54621" s="1" t="s">
        <v>183736</v>
      </c>
      <c r="F54621" s="1" t="s">
        <v>183737</v>
      </c>
      <c r="G54621" s="1" t="s">
        <v>183725</v>
      </c>
      <c r="H54621" s="1" t="s">
        <v>183726</v>
      </c>
      <c r="I54621" s="1" t="s">
        <v>182766</v>
      </c>
      <c r="J54621" s="1" t="s">
        <v>183738</v>
      </c>
    </row>
    <row r="54622" spans="1:10" x14ac:dyDescent="0.35">
      <c r="A54622" s="1" t="s">
        <v>29764</v>
      </c>
      <c r="B54622" s="1" t="s">
        <v>182761</v>
      </c>
      <c r="C54622" s="1" t="s">
        <v>35</v>
      </c>
      <c r="D54622" s="1" t="s">
        <v>183739</v>
      </c>
      <c r="E54622" s="1" t="s">
        <v>183740</v>
      </c>
      <c r="F54622" s="1" t="s">
        <v>183741</v>
      </c>
      <c r="G54622" s="1" t="s">
        <v>183725</v>
      </c>
      <c r="H54622" s="1" t="s">
        <v>183726</v>
      </c>
      <c r="I54622" s="1" t="s">
        <v>182766</v>
      </c>
      <c r="J54622" s="1" t="s">
        <v>183742</v>
      </c>
    </row>
    <row r="54623" spans="1:10" x14ac:dyDescent="0.35">
      <c r="A54623" s="1" t="s">
        <v>29764</v>
      </c>
      <c r="B54623" s="1" t="s">
        <v>182761</v>
      </c>
      <c r="C54623" s="1" t="s">
        <v>40</v>
      </c>
      <c r="D54623" s="1" t="s">
        <v>125779</v>
      </c>
      <c r="E54623" s="1" t="s">
        <v>183743</v>
      </c>
      <c r="F54623" s="1" t="s">
        <v>183744</v>
      </c>
      <c r="G54623" s="1" t="s">
        <v>183725</v>
      </c>
      <c r="H54623" s="1" t="s">
        <v>183726</v>
      </c>
      <c r="I54623" s="1" t="s">
        <v>182766</v>
      </c>
      <c r="J54623" s="1" t="s">
        <v>183745</v>
      </c>
    </row>
    <row r="54624" spans="1:10" x14ac:dyDescent="0.35">
      <c r="A54624" s="1" t="s">
        <v>29764</v>
      </c>
      <c r="B54624" s="1" t="s">
        <v>182761</v>
      </c>
      <c r="C54624" s="1" t="s">
        <v>45</v>
      </c>
      <c r="D54624" s="1" t="s">
        <v>183746</v>
      </c>
      <c r="E54624" s="1" t="s">
        <v>183747</v>
      </c>
      <c r="F54624" s="1" t="s">
        <v>183748</v>
      </c>
      <c r="G54624" s="1" t="s">
        <v>183725</v>
      </c>
      <c r="H54624" s="1" t="s">
        <v>183726</v>
      </c>
      <c r="I54624" s="1" t="s">
        <v>182766</v>
      </c>
      <c r="J54624" s="1" t="s">
        <v>183749</v>
      </c>
    </row>
    <row r="54625" spans="1:10" x14ac:dyDescent="0.35">
      <c r="A54625" s="1" t="s">
        <v>29764</v>
      </c>
      <c r="B54625" s="1" t="s">
        <v>182761</v>
      </c>
      <c r="C54625" s="1" t="s">
        <v>50</v>
      </c>
      <c r="D54625" s="1" t="s">
        <v>31492</v>
      </c>
      <c r="E54625" s="1" t="s">
        <v>183750</v>
      </c>
      <c r="F54625" s="1" t="s">
        <v>183751</v>
      </c>
      <c r="G54625" s="1" t="s">
        <v>183725</v>
      </c>
      <c r="H54625" s="1" t="s">
        <v>183726</v>
      </c>
      <c r="I54625" s="1" t="s">
        <v>182766</v>
      </c>
      <c r="J54625" s="1" t="s">
        <v>183752</v>
      </c>
    </row>
    <row r="54626" spans="1:10" x14ac:dyDescent="0.35">
      <c r="A54626" s="1" t="s">
        <v>29764</v>
      </c>
      <c r="B54626" s="1" t="s">
        <v>182761</v>
      </c>
      <c r="C54626" s="1" t="s">
        <v>55</v>
      </c>
      <c r="D54626" s="1" t="s">
        <v>72311</v>
      </c>
      <c r="E54626" s="1" t="s">
        <v>183753</v>
      </c>
      <c r="F54626" s="1" t="s">
        <v>183754</v>
      </c>
      <c r="G54626" s="1" t="s">
        <v>183725</v>
      </c>
      <c r="H54626" s="1" t="s">
        <v>183726</v>
      </c>
      <c r="I54626" s="1" t="s">
        <v>182766</v>
      </c>
      <c r="J54626" s="1" t="s">
        <v>183755</v>
      </c>
    </row>
    <row r="54627" spans="1:10" x14ac:dyDescent="0.35">
      <c r="A54627" s="1" t="s">
        <v>29764</v>
      </c>
      <c r="B54627" s="1" t="s">
        <v>182761</v>
      </c>
      <c r="C54627" s="1" t="s">
        <v>60</v>
      </c>
      <c r="D54627" s="1" t="s">
        <v>148327</v>
      </c>
      <c r="E54627" s="1" t="s">
        <v>183756</v>
      </c>
      <c r="F54627" s="1" t="s">
        <v>183757</v>
      </c>
      <c r="G54627" s="1" t="s">
        <v>183725</v>
      </c>
      <c r="H54627" s="1" t="s">
        <v>183726</v>
      </c>
      <c r="I54627" s="1" t="s">
        <v>182766</v>
      </c>
      <c r="J54627" s="1" t="s">
        <v>183758</v>
      </c>
    </row>
    <row r="54628" spans="1:10" x14ac:dyDescent="0.35">
      <c r="A54628" s="1" t="s">
        <v>29764</v>
      </c>
      <c r="B54628" s="1" t="s">
        <v>182761</v>
      </c>
      <c r="C54628" s="1" t="s">
        <v>65</v>
      </c>
      <c r="D54628" s="1" t="s">
        <v>32205</v>
      </c>
      <c r="E54628" s="1" t="s">
        <v>183759</v>
      </c>
      <c r="F54628" s="1" t="s">
        <v>183760</v>
      </c>
      <c r="G54628" s="1" t="s">
        <v>183725</v>
      </c>
      <c r="H54628" s="1" t="s">
        <v>183726</v>
      </c>
      <c r="I54628" s="1" t="s">
        <v>182766</v>
      </c>
      <c r="J54628" s="1" t="s">
        <v>183761</v>
      </c>
    </row>
    <row r="54629" spans="1:10" x14ac:dyDescent="0.35">
      <c r="A54629" s="1" t="s">
        <v>29764</v>
      </c>
      <c r="B54629" s="1" t="s">
        <v>182761</v>
      </c>
      <c r="C54629" s="1" t="s">
        <v>70</v>
      </c>
      <c r="D54629" s="1" t="s">
        <v>3663</v>
      </c>
      <c r="E54629" s="1" t="s">
        <v>183762</v>
      </c>
      <c r="F54629" s="1" t="s">
        <v>183763</v>
      </c>
      <c r="G54629" s="1" t="s">
        <v>183725</v>
      </c>
      <c r="H54629" s="1" t="s">
        <v>183726</v>
      </c>
      <c r="I54629" s="1" t="s">
        <v>182766</v>
      </c>
      <c r="J54629" s="1" t="s">
        <v>183764</v>
      </c>
    </row>
    <row r="54630" spans="1:10" x14ac:dyDescent="0.35">
      <c r="A54630" s="1" t="s">
        <v>29764</v>
      </c>
      <c r="B54630" s="1" t="s">
        <v>182761</v>
      </c>
      <c r="C54630" s="1" t="s">
        <v>75</v>
      </c>
      <c r="D54630" s="1" t="s">
        <v>183765</v>
      </c>
      <c r="E54630" s="1" t="s">
        <v>183766</v>
      </c>
      <c r="F54630" s="1" t="s">
        <v>183767</v>
      </c>
      <c r="G54630" s="1" t="s">
        <v>183725</v>
      </c>
      <c r="H54630" s="1" t="s">
        <v>183726</v>
      </c>
      <c r="I54630" s="1" t="s">
        <v>182766</v>
      </c>
      <c r="J54630" s="1" t="s">
        <v>183768</v>
      </c>
    </row>
    <row r="54631" spans="1:10" x14ac:dyDescent="0.35">
      <c r="A54631" s="1" t="s">
        <v>29764</v>
      </c>
      <c r="B54631" s="1" t="s">
        <v>182761</v>
      </c>
      <c r="C54631" s="1" t="s">
        <v>80</v>
      </c>
      <c r="D54631" s="1" t="s">
        <v>173276</v>
      </c>
      <c r="E54631" s="1" t="s">
        <v>183769</v>
      </c>
      <c r="F54631" s="1" t="s">
        <v>183770</v>
      </c>
      <c r="G54631" s="1" t="s">
        <v>183725</v>
      </c>
      <c r="H54631" s="1" t="s">
        <v>183726</v>
      </c>
      <c r="I54631" s="1" t="s">
        <v>182766</v>
      </c>
      <c r="J54631" s="1" t="s">
        <v>183771</v>
      </c>
    </row>
    <row r="54632" spans="1:10" x14ac:dyDescent="0.35">
      <c r="A54632" s="1" t="s">
        <v>29764</v>
      </c>
      <c r="B54632" s="1" t="s">
        <v>182761</v>
      </c>
      <c r="C54632" s="1" t="s">
        <v>85</v>
      </c>
      <c r="D54632" s="1" t="s">
        <v>154907</v>
      </c>
      <c r="E54632" s="1" t="s">
        <v>183772</v>
      </c>
      <c r="F54632" s="1" t="s">
        <v>183773</v>
      </c>
      <c r="G54632" s="1" t="s">
        <v>183725</v>
      </c>
      <c r="H54632" s="1" t="s">
        <v>183726</v>
      </c>
      <c r="I54632" s="1" t="s">
        <v>182766</v>
      </c>
      <c r="J54632" s="1" t="s">
        <v>183774</v>
      </c>
    </row>
    <row r="54633" spans="1:10" x14ac:dyDescent="0.35">
      <c r="A54633" s="1" t="s">
        <v>29764</v>
      </c>
      <c r="B54633" s="1" t="s">
        <v>182761</v>
      </c>
      <c r="C54633" s="1" t="s">
        <v>90</v>
      </c>
      <c r="D54633" s="1" t="s">
        <v>112958</v>
      </c>
      <c r="E54633" s="1" t="s">
        <v>183775</v>
      </c>
      <c r="F54633" s="1" t="s">
        <v>183776</v>
      </c>
      <c r="G54633" s="1" t="s">
        <v>183725</v>
      </c>
      <c r="H54633" s="1" t="s">
        <v>183726</v>
      </c>
      <c r="I54633" s="1" t="s">
        <v>182766</v>
      </c>
      <c r="J54633" s="1" t="s">
        <v>183777</v>
      </c>
    </row>
    <row r="54634" spans="1:10" x14ac:dyDescent="0.35">
      <c r="A54634" s="1" t="s">
        <v>29764</v>
      </c>
      <c r="B54634" s="1" t="s">
        <v>182761</v>
      </c>
      <c r="C54634" s="1" t="s">
        <v>95</v>
      </c>
      <c r="D54634" s="1" t="s">
        <v>30566</v>
      </c>
      <c r="E54634" s="1" t="s">
        <v>183778</v>
      </c>
      <c r="F54634" s="1" t="s">
        <v>183779</v>
      </c>
      <c r="G54634" s="1" t="s">
        <v>183725</v>
      </c>
      <c r="H54634" s="1" t="s">
        <v>183726</v>
      </c>
      <c r="I54634" s="1" t="s">
        <v>182766</v>
      </c>
      <c r="J54634" s="1" t="s">
        <v>183780</v>
      </c>
    </row>
    <row r="54635" spans="1:10" x14ac:dyDescent="0.35">
      <c r="A54635" s="1" t="s">
        <v>29764</v>
      </c>
      <c r="B54635" s="1" t="s">
        <v>182761</v>
      </c>
      <c r="C54635" s="1" t="s">
        <v>100</v>
      </c>
      <c r="D54635" s="1" t="s">
        <v>183635</v>
      </c>
      <c r="E54635" s="1" t="s">
        <v>183781</v>
      </c>
      <c r="F54635" s="1" t="s">
        <v>183782</v>
      </c>
      <c r="G54635" s="1" t="s">
        <v>183725</v>
      </c>
      <c r="H54635" s="1" t="s">
        <v>183726</v>
      </c>
      <c r="I54635" s="1" t="s">
        <v>182766</v>
      </c>
      <c r="J54635" s="1" t="s">
        <v>183783</v>
      </c>
    </row>
    <row r="54636" spans="1:10" x14ac:dyDescent="0.35">
      <c r="A54636" s="1" t="s">
        <v>29764</v>
      </c>
      <c r="B54636" s="1" t="s">
        <v>182761</v>
      </c>
      <c r="C54636" s="1" t="s">
        <v>105</v>
      </c>
      <c r="D54636" s="1" t="s">
        <v>74393</v>
      </c>
      <c r="E54636" s="1" t="s">
        <v>183784</v>
      </c>
      <c r="F54636" s="1" t="s">
        <v>183785</v>
      </c>
      <c r="G54636" s="1" t="s">
        <v>183725</v>
      </c>
      <c r="H54636" s="1" t="s">
        <v>183726</v>
      </c>
      <c r="I54636" s="1" t="s">
        <v>182766</v>
      </c>
      <c r="J54636" s="1" t="s">
        <v>183786</v>
      </c>
    </row>
    <row r="54637" spans="1:10" x14ac:dyDescent="0.35">
      <c r="A54637" s="1" t="s">
        <v>29764</v>
      </c>
      <c r="B54637" s="1" t="s">
        <v>182761</v>
      </c>
      <c r="C54637" s="1" t="s">
        <v>110</v>
      </c>
      <c r="D54637" s="1" t="s">
        <v>49708</v>
      </c>
      <c r="E54637" s="1" t="s">
        <v>183787</v>
      </c>
      <c r="F54637" s="1" t="s">
        <v>183788</v>
      </c>
      <c r="G54637" s="1" t="s">
        <v>183725</v>
      </c>
      <c r="H54637" s="1" t="s">
        <v>183726</v>
      </c>
      <c r="I54637" s="1" t="s">
        <v>182766</v>
      </c>
      <c r="J54637" s="1" t="s">
        <v>183789</v>
      </c>
    </row>
    <row r="54638" spans="1:10" x14ac:dyDescent="0.35">
      <c r="A54638" s="1" t="s">
        <v>29764</v>
      </c>
      <c r="B54638" s="1" t="s">
        <v>182761</v>
      </c>
      <c r="C54638" s="1" t="s">
        <v>115</v>
      </c>
      <c r="D54638" s="1" t="s">
        <v>183790</v>
      </c>
      <c r="E54638" s="1" t="s">
        <v>183791</v>
      </c>
      <c r="F54638" s="1" t="s">
        <v>183792</v>
      </c>
      <c r="G54638" s="1" t="s">
        <v>183725</v>
      </c>
      <c r="H54638" s="1" t="s">
        <v>183726</v>
      </c>
      <c r="I54638" s="1" t="s">
        <v>182766</v>
      </c>
      <c r="J54638" s="1" t="s">
        <v>183793</v>
      </c>
    </row>
    <row r="54639" spans="1:10" x14ac:dyDescent="0.35">
      <c r="A54639" s="1" t="s">
        <v>29764</v>
      </c>
      <c r="B54639" s="1" t="s">
        <v>182761</v>
      </c>
      <c r="C54639" s="1" t="s">
        <v>120</v>
      </c>
      <c r="D54639" s="1" t="s">
        <v>183794</v>
      </c>
      <c r="E54639" s="1" t="s">
        <v>183795</v>
      </c>
      <c r="F54639" s="1" t="s">
        <v>183796</v>
      </c>
      <c r="G54639" s="1" t="s">
        <v>183725</v>
      </c>
      <c r="H54639" s="1" t="s">
        <v>183726</v>
      </c>
      <c r="I54639" s="1" t="s">
        <v>182766</v>
      </c>
      <c r="J54639" s="1" t="s">
        <v>183797</v>
      </c>
    </row>
    <row r="54640" spans="1:10" x14ac:dyDescent="0.35">
      <c r="A54640" s="1" t="s">
        <v>29764</v>
      </c>
      <c r="B54640" s="1" t="s">
        <v>182761</v>
      </c>
      <c r="C54640" s="1" t="s">
        <v>125</v>
      </c>
      <c r="D54640" s="1" t="s">
        <v>183798</v>
      </c>
      <c r="E54640" s="1" t="s">
        <v>183799</v>
      </c>
      <c r="F54640" s="1" t="s">
        <v>183800</v>
      </c>
      <c r="G54640" s="1" t="s">
        <v>183725</v>
      </c>
      <c r="H54640" s="1" t="s">
        <v>183726</v>
      </c>
      <c r="I54640" s="1" t="s">
        <v>182766</v>
      </c>
      <c r="J54640" s="1" t="s">
        <v>183801</v>
      </c>
    </row>
    <row r="54641" spans="1:10" x14ac:dyDescent="0.35">
      <c r="A54641" s="1" t="s">
        <v>29764</v>
      </c>
      <c r="B54641" s="1" t="s">
        <v>182761</v>
      </c>
      <c r="C54641" s="1" t="s">
        <v>130</v>
      </c>
      <c r="D54641" s="1" t="s">
        <v>183802</v>
      </c>
      <c r="E54641" s="1" t="s">
        <v>183803</v>
      </c>
      <c r="F54641" s="1" t="s">
        <v>183804</v>
      </c>
      <c r="G54641" s="1" t="s">
        <v>183725</v>
      </c>
      <c r="H54641" s="1" t="s">
        <v>183726</v>
      </c>
      <c r="I54641" s="1" t="s">
        <v>182766</v>
      </c>
      <c r="J54641" s="1" t="s">
        <v>183805</v>
      </c>
    </row>
    <row r="54642" spans="1:10" x14ac:dyDescent="0.35">
      <c r="A54642" s="1" t="s">
        <v>29764</v>
      </c>
      <c r="B54642" s="1" t="s">
        <v>182761</v>
      </c>
      <c r="C54642" s="1" t="s">
        <v>135</v>
      </c>
      <c r="D54642" s="1" t="s">
        <v>183806</v>
      </c>
      <c r="E54642" s="1" t="s">
        <v>183807</v>
      </c>
      <c r="F54642" s="1" t="s">
        <v>183808</v>
      </c>
      <c r="G54642" s="1" t="s">
        <v>183725</v>
      </c>
      <c r="H54642" s="1" t="s">
        <v>183726</v>
      </c>
      <c r="I54642" s="1" t="s">
        <v>182766</v>
      </c>
      <c r="J54642" s="1" t="s">
        <v>183809</v>
      </c>
    </row>
    <row r="54643" spans="1:10" x14ac:dyDescent="0.35">
      <c r="A54643" s="1" t="s">
        <v>29764</v>
      </c>
      <c r="B54643" s="1" t="s">
        <v>182761</v>
      </c>
      <c r="C54643" s="1" t="s">
        <v>140</v>
      </c>
      <c r="D54643" s="1" t="s">
        <v>183810</v>
      </c>
      <c r="E54643" s="1" t="s">
        <v>183811</v>
      </c>
      <c r="F54643" s="1" t="s">
        <v>183812</v>
      </c>
      <c r="G54643" s="1" t="s">
        <v>183725</v>
      </c>
      <c r="H54643" s="1" t="s">
        <v>183726</v>
      </c>
      <c r="I54643" s="1" t="s">
        <v>182766</v>
      </c>
      <c r="J54643" s="1" t="s">
        <v>183813</v>
      </c>
    </row>
    <row r="54644" spans="1:10" x14ac:dyDescent="0.35">
      <c r="A54644" s="1" t="s">
        <v>29764</v>
      </c>
      <c r="B54644" s="1" t="s">
        <v>182761</v>
      </c>
      <c r="C54644" s="1" t="s">
        <v>145</v>
      </c>
      <c r="D54644" s="1" t="s">
        <v>183814</v>
      </c>
      <c r="E54644" s="1" t="s">
        <v>183815</v>
      </c>
      <c r="F54644" s="1" t="s">
        <v>183816</v>
      </c>
      <c r="G54644" s="1" t="s">
        <v>183725</v>
      </c>
      <c r="H54644" s="1" t="s">
        <v>183726</v>
      </c>
      <c r="I54644" s="1" t="s">
        <v>182766</v>
      </c>
      <c r="J54644" s="1" t="s">
        <v>183817</v>
      </c>
    </row>
    <row r="54645" spans="1:10" x14ac:dyDescent="0.35">
      <c r="A54645" s="1" t="s">
        <v>29764</v>
      </c>
      <c r="B54645" s="1" t="s">
        <v>182761</v>
      </c>
      <c r="C54645" s="1" t="s">
        <v>150</v>
      </c>
      <c r="D54645" s="1" t="s">
        <v>183818</v>
      </c>
      <c r="E54645" s="1" t="s">
        <v>183819</v>
      </c>
      <c r="F54645" s="1" t="s">
        <v>183820</v>
      </c>
      <c r="G54645" s="1" t="s">
        <v>183725</v>
      </c>
      <c r="H54645" s="1" t="s">
        <v>183726</v>
      </c>
      <c r="I54645" s="1" t="s">
        <v>182766</v>
      </c>
      <c r="J54645" s="1" t="s">
        <v>183821</v>
      </c>
    </row>
    <row r="54646" spans="1:10" x14ac:dyDescent="0.35">
      <c r="A54646" s="1" t="s">
        <v>29764</v>
      </c>
      <c r="B54646" s="1" t="s">
        <v>182761</v>
      </c>
      <c r="C54646" s="1" t="s">
        <v>155</v>
      </c>
      <c r="D54646" s="1" t="s">
        <v>183822</v>
      </c>
      <c r="E54646" s="1" t="s">
        <v>183823</v>
      </c>
      <c r="F54646" s="1" t="s">
        <v>183824</v>
      </c>
      <c r="G54646" s="1" t="s">
        <v>183725</v>
      </c>
      <c r="H54646" s="1" t="s">
        <v>183726</v>
      </c>
      <c r="I54646" s="1" t="s">
        <v>182766</v>
      </c>
      <c r="J54646" s="1" t="s">
        <v>183825</v>
      </c>
    </row>
    <row r="54647" spans="1:10" x14ac:dyDescent="0.35">
      <c r="A54647" s="1" t="s">
        <v>29764</v>
      </c>
      <c r="B54647" s="1" t="s">
        <v>182761</v>
      </c>
      <c r="C54647" s="1" t="s">
        <v>160</v>
      </c>
      <c r="D54647" s="1" t="s">
        <v>183826</v>
      </c>
      <c r="E54647" s="1" t="s">
        <v>183827</v>
      </c>
      <c r="F54647" s="1" t="s">
        <v>183828</v>
      </c>
      <c r="G54647" s="1" t="s">
        <v>183725</v>
      </c>
      <c r="H54647" s="1" t="s">
        <v>183726</v>
      </c>
      <c r="I54647" s="1" t="s">
        <v>182766</v>
      </c>
      <c r="J54647" s="1" t="s">
        <v>183829</v>
      </c>
    </row>
    <row r="54648" spans="1:10" x14ac:dyDescent="0.35">
      <c r="A54648" s="1" t="s">
        <v>29764</v>
      </c>
      <c r="B54648" s="1" t="s">
        <v>182761</v>
      </c>
      <c r="C54648" s="1" t="s">
        <v>165</v>
      </c>
      <c r="D54648" s="1" t="s">
        <v>183830</v>
      </c>
      <c r="E54648" s="1" t="s">
        <v>183831</v>
      </c>
      <c r="F54648" s="1" t="s">
        <v>90007</v>
      </c>
      <c r="G54648" s="1" t="s">
        <v>183725</v>
      </c>
      <c r="H54648" s="1" t="s">
        <v>183726</v>
      </c>
      <c r="I54648" s="1" t="s">
        <v>182766</v>
      </c>
      <c r="J54648" s="1" t="s">
        <v>183832</v>
      </c>
    </row>
    <row r="54649" spans="1:10" x14ac:dyDescent="0.35">
      <c r="A54649" s="1" t="s">
        <v>29764</v>
      </c>
      <c r="B54649" s="1" t="s">
        <v>182761</v>
      </c>
      <c r="C54649" s="1" t="s">
        <v>170</v>
      </c>
      <c r="D54649" s="1" t="s">
        <v>183833</v>
      </c>
      <c r="E54649" s="1" t="s">
        <v>183834</v>
      </c>
      <c r="F54649" s="1" t="s">
        <v>183835</v>
      </c>
      <c r="G54649" s="1" t="s">
        <v>183725</v>
      </c>
      <c r="H54649" s="1" t="s">
        <v>183726</v>
      </c>
      <c r="I54649" s="1" t="s">
        <v>182766</v>
      </c>
      <c r="J54649" s="1" t="s">
        <v>183836</v>
      </c>
    </row>
    <row r="54650" spans="1:10" x14ac:dyDescent="0.35">
      <c r="A54650" s="1" t="s">
        <v>5697</v>
      </c>
      <c r="B54650" s="1" t="s">
        <v>182761</v>
      </c>
      <c r="C54650" s="1" t="s">
        <v>8</v>
      </c>
      <c r="D54650" s="1" t="s">
        <v>26</v>
      </c>
      <c r="E54650" s="1" t="s">
        <v>183837</v>
      </c>
      <c r="F54650" s="1" t="s">
        <v>183838</v>
      </c>
      <c r="G54650" s="1" t="s">
        <v>183839</v>
      </c>
      <c r="H54650" s="1" t="s">
        <v>183840</v>
      </c>
      <c r="I54650" s="1" t="s">
        <v>182766</v>
      </c>
      <c r="J54650" s="1" t="s">
        <v>13</v>
      </c>
    </row>
    <row r="54651" spans="1:10" x14ac:dyDescent="0.35">
      <c r="A54651" s="1" t="s">
        <v>5697</v>
      </c>
      <c r="B54651" s="1" t="s">
        <v>182761</v>
      </c>
      <c r="C54651" s="1" t="s">
        <v>15</v>
      </c>
      <c r="D54651" s="1" t="s">
        <v>31261</v>
      </c>
      <c r="E54651" s="1" t="s">
        <v>183841</v>
      </c>
      <c r="F54651" s="1" t="s">
        <v>183842</v>
      </c>
      <c r="G54651" s="1" t="s">
        <v>183839</v>
      </c>
      <c r="H54651" s="1" t="s">
        <v>183840</v>
      </c>
      <c r="I54651" s="1" t="s">
        <v>182766</v>
      </c>
      <c r="J54651" s="1" t="s">
        <v>183843</v>
      </c>
    </row>
    <row r="54652" spans="1:10" x14ac:dyDescent="0.35">
      <c r="A54652" s="1" t="s">
        <v>5697</v>
      </c>
      <c r="B54652" s="1" t="s">
        <v>182761</v>
      </c>
      <c r="C54652" s="1" t="s">
        <v>20</v>
      </c>
      <c r="D54652" s="1" t="s">
        <v>115471</v>
      </c>
      <c r="E54652" s="1" t="s">
        <v>183844</v>
      </c>
      <c r="F54652" s="1" t="s">
        <v>183845</v>
      </c>
      <c r="G54652" s="1" t="s">
        <v>183839</v>
      </c>
      <c r="H54652" s="1" t="s">
        <v>183840</v>
      </c>
      <c r="I54652" s="1" t="s">
        <v>182766</v>
      </c>
      <c r="J54652" s="1" t="s">
        <v>183846</v>
      </c>
    </row>
    <row r="54653" spans="1:10" x14ac:dyDescent="0.35">
      <c r="A54653" s="1" t="s">
        <v>5697</v>
      </c>
      <c r="B54653" s="1" t="s">
        <v>182761</v>
      </c>
      <c r="C54653" s="1" t="s">
        <v>25</v>
      </c>
      <c r="D54653" s="1" t="s">
        <v>31128</v>
      </c>
      <c r="E54653" s="1" t="s">
        <v>183847</v>
      </c>
      <c r="F54653" s="1" t="s">
        <v>183848</v>
      </c>
      <c r="G54653" s="1" t="s">
        <v>183839</v>
      </c>
      <c r="H54653" s="1" t="s">
        <v>183840</v>
      </c>
      <c r="I54653" s="1" t="s">
        <v>182766</v>
      </c>
      <c r="J54653" s="1" t="s">
        <v>183849</v>
      </c>
    </row>
    <row r="54654" spans="1:10" x14ac:dyDescent="0.35">
      <c r="A54654" s="1" t="s">
        <v>5697</v>
      </c>
      <c r="B54654" s="1" t="s">
        <v>182761</v>
      </c>
      <c r="C54654" s="1" t="s">
        <v>30</v>
      </c>
      <c r="D54654" s="1" t="s">
        <v>34942</v>
      </c>
      <c r="E54654" s="1" t="s">
        <v>183850</v>
      </c>
      <c r="F54654" s="1" t="s">
        <v>183851</v>
      </c>
      <c r="G54654" s="1" t="s">
        <v>183839</v>
      </c>
      <c r="H54654" s="1" t="s">
        <v>183840</v>
      </c>
      <c r="I54654" s="1" t="s">
        <v>182766</v>
      </c>
      <c r="J54654" s="1" t="s">
        <v>183852</v>
      </c>
    </row>
    <row r="54655" spans="1:10" x14ac:dyDescent="0.35">
      <c r="A54655" s="1" t="s">
        <v>5697</v>
      </c>
      <c r="B54655" s="1" t="s">
        <v>182761</v>
      </c>
      <c r="C54655" s="1" t="s">
        <v>35</v>
      </c>
      <c r="D54655" s="1" t="s">
        <v>35442</v>
      </c>
      <c r="E54655" s="1" t="s">
        <v>183853</v>
      </c>
      <c r="F54655" s="1" t="s">
        <v>183854</v>
      </c>
      <c r="G54655" s="1" t="s">
        <v>183839</v>
      </c>
      <c r="H54655" s="1" t="s">
        <v>183840</v>
      </c>
      <c r="I54655" s="1" t="s">
        <v>182766</v>
      </c>
      <c r="J54655" s="1" t="s">
        <v>183855</v>
      </c>
    </row>
    <row r="54656" spans="1:10" x14ac:dyDescent="0.35">
      <c r="A54656" s="1" t="s">
        <v>5697</v>
      </c>
      <c r="B54656" s="1" t="s">
        <v>182761</v>
      </c>
      <c r="C54656" s="1" t="s">
        <v>40</v>
      </c>
      <c r="D54656" s="1" t="s">
        <v>257</v>
      </c>
      <c r="E54656" s="1" t="s">
        <v>183856</v>
      </c>
      <c r="F54656" s="1" t="s">
        <v>183857</v>
      </c>
      <c r="G54656" s="1" t="s">
        <v>183839</v>
      </c>
      <c r="H54656" s="1" t="s">
        <v>183840</v>
      </c>
      <c r="I54656" s="1" t="s">
        <v>182766</v>
      </c>
      <c r="J54656" s="1" t="s">
        <v>183858</v>
      </c>
    </row>
    <row r="54657" spans="1:10" x14ac:dyDescent="0.35">
      <c r="A54657" s="1" t="s">
        <v>5697</v>
      </c>
      <c r="B54657" s="1" t="s">
        <v>182761</v>
      </c>
      <c r="C54657" s="1" t="s">
        <v>45</v>
      </c>
      <c r="D54657" s="1" t="s">
        <v>83087</v>
      </c>
      <c r="E54657" s="1" t="s">
        <v>183859</v>
      </c>
      <c r="F54657" s="1" t="s">
        <v>183860</v>
      </c>
      <c r="G54657" s="1" t="s">
        <v>183839</v>
      </c>
      <c r="H54657" s="1" t="s">
        <v>183840</v>
      </c>
      <c r="I54657" s="1" t="s">
        <v>182766</v>
      </c>
      <c r="J54657" s="1" t="s">
        <v>183861</v>
      </c>
    </row>
    <row r="54658" spans="1:10" x14ac:dyDescent="0.35">
      <c r="A54658" s="1" t="s">
        <v>5697</v>
      </c>
      <c r="B54658" s="1" t="s">
        <v>182761</v>
      </c>
      <c r="C54658" s="1" t="s">
        <v>50</v>
      </c>
      <c r="D54658" s="1" t="s">
        <v>121791</v>
      </c>
      <c r="E54658" s="1" t="s">
        <v>183862</v>
      </c>
      <c r="F54658" s="1" t="s">
        <v>183863</v>
      </c>
      <c r="G54658" s="1" t="s">
        <v>183839</v>
      </c>
      <c r="H54658" s="1" t="s">
        <v>183840</v>
      </c>
      <c r="I54658" s="1" t="s">
        <v>182766</v>
      </c>
      <c r="J54658" s="1" t="s">
        <v>183864</v>
      </c>
    </row>
    <row r="54659" spans="1:10" x14ac:dyDescent="0.35">
      <c r="A54659" s="1" t="s">
        <v>5697</v>
      </c>
      <c r="B54659" s="1" t="s">
        <v>182761</v>
      </c>
      <c r="C54659" s="1" t="s">
        <v>55</v>
      </c>
      <c r="D54659" s="1" t="s">
        <v>30712</v>
      </c>
      <c r="E54659" s="1" t="s">
        <v>183865</v>
      </c>
      <c r="F54659" s="1" t="s">
        <v>183866</v>
      </c>
      <c r="G54659" s="1" t="s">
        <v>183839</v>
      </c>
      <c r="H54659" s="1" t="s">
        <v>183840</v>
      </c>
      <c r="I54659" s="1" t="s">
        <v>182766</v>
      </c>
      <c r="J54659" s="1" t="s">
        <v>183867</v>
      </c>
    </row>
    <row r="54660" spans="1:10" x14ac:dyDescent="0.35">
      <c r="A54660" s="1" t="s">
        <v>5697</v>
      </c>
      <c r="B54660" s="1" t="s">
        <v>182761</v>
      </c>
      <c r="C54660" s="1" t="s">
        <v>60</v>
      </c>
      <c r="D54660" s="1" t="s">
        <v>183868</v>
      </c>
      <c r="E54660" s="1" t="s">
        <v>183869</v>
      </c>
      <c r="F54660" s="1" t="s">
        <v>183870</v>
      </c>
      <c r="G54660" s="1" t="s">
        <v>183839</v>
      </c>
      <c r="H54660" s="1" t="s">
        <v>183840</v>
      </c>
      <c r="I54660" s="1" t="s">
        <v>182766</v>
      </c>
      <c r="J54660" s="1" t="s">
        <v>183871</v>
      </c>
    </row>
    <row r="54661" spans="1:10" x14ac:dyDescent="0.35">
      <c r="A54661" s="1" t="s">
        <v>5697</v>
      </c>
      <c r="B54661" s="1" t="s">
        <v>182761</v>
      </c>
      <c r="C54661" s="1" t="s">
        <v>65</v>
      </c>
      <c r="D54661" s="1" t="s">
        <v>7219</v>
      </c>
      <c r="E54661" s="1" t="s">
        <v>183872</v>
      </c>
      <c r="F54661" s="1" t="s">
        <v>183873</v>
      </c>
      <c r="G54661" s="1" t="s">
        <v>183839</v>
      </c>
      <c r="H54661" s="1" t="s">
        <v>183840</v>
      </c>
      <c r="I54661" s="1" t="s">
        <v>182766</v>
      </c>
      <c r="J54661" s="1" t="s">
        <v>183874</v>
      </c>
    </row>
    <row r="54662" spans="1:10" x14ac:dyDescent="0.35">
      <c r="A54662" s="1" t="s">
        <v>5697</v>
      </c>
      <c r="B54662" s="1" t="s">
        <v>182761</v>
      </c>
      <c r="C54662" s="1" t="s">
        <v>70</v>
      </c>
      <c r="D54662" s="1" t="s">
        <v>183875</v>
      </c>
      <c r="E54662" s="1" t="s">
        <v>183876</v>
      </c>
      <c r="F54662" s="1" t="s">
        <v>183877</v>
      </c>
      <c r="G54662" s="1" t="s">
        <v>183839</v>
      </c>
      <c r="H54662" s="1" t="s">
        <v>183840</v>
      </c>
      <c r="I54662" s="1" t="s">
        <v>182766</v>
      </c>
      <c r="J54662" s="1" t="s">
        <v>183878</v>
      </c>
    </row>
    <row r="54663" spans="1:10" x14ac:dyDescent="0.35">
      <c r="A54663" s="1" t="s">
        <v>5697</v>
      </c>
      <c r="B54663" s="1" t="s">
        <v>182761</v>
      </c>
      <c r="C54663" s="1" t="s">
        <v>75</v>
      </c>
      <c r="D54663" s="1" t="s">
        <v>135664</v>
      </c>
      <c r="E54663" s="1" t="s">
        <v>183879</v>
      </c>
      <c r="F54663" s="1" t="s">
        <v>183880</v>
      </c>
      <c r="G54663" s="1" t="s">
        <v>183839</v>
      </c>
      <c r="H54663" s="1" t="s">
        <v>183840</v>
      </c>
      <c r="I54663" s="1" t="s">
        <v>182766</v>
      </c>
      <c r="J54663" s="1" t="s">
        <v>183881</v>
      </c>
    </row>
    <row r="54664" spans="1:10" x14ac:dyDescent="0.35">
      <c r="A54664" s="1" t="s">
        <v>5697</v>
      </c>
      <c r="B54664" s="1" t="s">
        <v>182761</v>
      </c>
      <c r="C54664" s="1" t="s">
        <v>80</v>
      </c>
      <c r="D54664" s="1" t="s">
        <v>104993</v>
      </c>
      <c r="E54664" s="1" t="s">
        <v>183882</v>
      </c>
      <c r="F54664" s="1" t="s">
        <v>183883</v>
      </c>
      <c r="G54664" s="1" t="s">
        <v>183839</v>
      </c>
      <c r="H54664" s="1" t="s">
        <v>183840</v>
      </c>
      <c r="I54664" s="1" t="s">
        <v>182766</v>
      </c>
      <c r="J54664" s="1" t="s">
        <v>183884</v>
      </c>
    </row>
    <row r="54665" spans="1:10" x14ac:dyDescent="0.35">
      <c r="A54665" s="1" t="s">
        <v>5697</v>
      </c>
      <c r="B54665" s="1" t="s">
        <v>182761</v>
      </c>
      <c r="C54665" s="1" t="s">
        <v>85</v>
      </c>
      <c r="D54665" s="1" t="s">
        <v>675</v>
      </c>
      <c r="E54665" s="1" t="s">
        <v>183885</v>
      </c>
      <c r="F54665" s="1" t="s">
        <v>183886</v>
      </c>
      <c r="G54665" s="1" t="s">
        <v>183839</v>
      </c>
      <c r="H54665" s="1" t="s">
        <v>183840</v>
      </c>
      <c r="I54665" s="1" t="s">
        <v>182766</v>
      </c>
      <c r="J54665" s="1" t="s">
        <v>183887</v>
      </c>
    </row>
    <row r="54666" spans="1:10" x14ac:dyDescent="0.35">
      <c r="A54666" s="1" t="s">
        <v>5697</v>
      </c>
      <c r="B54666" s="1" t="s">
        <v>182761</v>
      </c>
      <c r="C54666" s="1" t="s">
        <v>90</v>
      </c>
      <c r="D54666" s="1" t="s">
        <v>5187</v>
      </c>
      <c r="E54666" s="1" t="s">
        <v>183888</v>
      </c>
      <c r="F54666" s="1" t="s">
        <v>183889</v>
      </c>
      <c r="G54666" s="1" t="s">
        <v>183839</v>
      </c>
      <c r="H54666" s="1" t="s">
        <v>183840</v>
      </c>
      <c r="I54666" s="1" t="s">
        <v>182766</v>
      </c>
      <c r="J54666" s="1" t="s">
        <v>183890</v>
      </c>
    </row>
    <row r="54667" spans="1:10" x14ac:dyDescent="0.35">
      <c r="A54667" s="1" t="s">
        <v>5697</v>
      </c>
      <c r="B54667" s="1" t="s">
        <v>182761</v>
      </c>
      <c r="C54667" s="1" t="s">
        <v>95</v>
      </c>
      <c r="D54667" s="1" t="s">
        <v>47885</v>
      </c>
      <c r="E54667" s="1" t="s">
        <v>183891</v>
      </c>
      <c r="F54667" s="1" t="s">
        <v>183892</v>
      </c>
      <c r="G54667" s="1" t="s">
        <v>183839</v>
      </c>
      <c r="H54667" s="1" t="s">
        <v>183840</v>
      </c>
      <c r="I54667" s="1" t="s">
        <v>182766</v>
      </c>
      <c r="J54667" s="1" t="s">
        <v>183893</v>
      </c>
    </row>
    <row r="54668" spans="1:10" x14ac:dyDescent="0.35">
      <c r="A54668" s="1" t="s">
        <v>5697</v>
      </c>
      <c r="B54668" s="1" t="s">
        <v>182761</v>
      </c>
      <c r="C54668" s="1" t="s">
        <v>100</v>
      </c>
      <c r="D54668" s="1" t="s">
        <v>177768</v>
      </c>
      <c r="E54668" s="1" t="s">
        <v>183894</v>
      </c>
      <c r="F54668" s="1" t="s">
        <v>183895</v>
      </c>
      <c r="G54668" s="1" t="s">
        <v>183839</v>
      </c>
      <c r="H54668" s="1" t="s">
        <v>183840</v>
      </c>
      <c r="I54668" s="1" t="s">
        <v>182766</v>
      </c>
      <c r="J54668" s="1" t="s">
        <v>183896</v>
      </c>
    </row>
    <row r="54669" spans="1:10" x14ac:dyDescent="0.35">
      <c r="A54669" s="1" t="s">
        <v>5697</v>
      </c>
      <c r="B54669" s="1" t="s">
        <v>182761</v>
      </c>
      <c r="C54669" s="1" t="s">
        <v>105</v>
      </c>
      <c r="D54669" s="1" t="s">
        <v>123903</v>
      </c>
      <c r="E54669" s="1" t="s">
        <v>183897</v>
      </c>
      <c r="F54669" s="1" t="s">
        <v>183898</v>
      </c>
      <c r="G54669" s="1" t="s">
        <v>183839</v>
      </c>
      <c r="H54669" s="1" t="s">
        <v>183840</v>
      </c>
      <c r="I54669" s="1" t="s">
        <v>182766</v>
      </c>
      <c r="J54669" s="1" t="s">
        <v>183899</v>
      </c>
    </row>
    <row r="54670" spans="1:10" x14ac:dyDescent="0.35">
      <c r="A54670" s="1" t="s">
        <v>5697</v>
      </c>
      <c r="B54670" s="1" t="s">
        <v>182761</v>
      </c>
      <c r="C54670" s="1" t="s">
        <v>110</v>
      </c>
      <c r="D54670" s="1" t="s">
        <v>13401</v>
      </c>
      <c r="E54670" s="1" t="s">
        <v>183900</v>
      </c>
      <c r="F54670" s="1" t="s">
        <v>183901</v>
      </c>
      <c r="G54670" s="1" t="s">
        <v>183839</v>
      </c>
      <c r="H54670" s="1" t="s">
        <v>183840</v>
      </c>
      <c r="I54670" s="1" t="s">
        <v>182766</v>
      </c>
      <c r="J54670" s="1" t="s">
        <v>183902</v>
      </c>
    </row>
    <row r="54671" spans="1:10" x14ac:dyDescent="0.35">
      <c r="A54671" s="1" t="s">
        <v>5697</v>
      </c>
      <c r="B54671" s="1" t="s">
        <v>182761</v>
      </c>
      <c r="C54671" s="1" t="s">
        <v>115</v>
      </c>
      <c r="D54671" s="1" t="s">
        <v>156823</v>
      </c>
      <c r="E54671" s="1" t="s">
        <v>183903</v>
      </c>
      <c r="F54671" s="1" t="s">
        <v>183904</v>
      </c>
      <c r="G54671" s="1" t="s">
        <v>183839</v>
      </c>
      <c r="H54671" s="1" t="s">
        <v>183840</v>
      </c>
      <c r="I54671" s="1" t="s">
        <v>182766</v>
      </c>
      <c r="J54671" s="1" t="s">
        <v>183905</v>
      </c>
    </row>
    <row r="54672" spans="1:10" x14ac:dyDescent="0.35">
      <c r="A54672" s="1" t="s">
        <v>5697</v>
      </c>
      <c r="B54672" s="1" t="s">
        <v>182761</v>
      </c>
      <c r="C54672" s="1" t="s">
        <v>120</v>
      </c>
      <c r="D54672" s="1" t="s">
        <v>183906</v>
      </c>
      <c r="E54672" s="1" t="s">
        <v>183907</v>
      </c>
      <c r="F54672" s="1" t="s">
        <v>183908</v>
      </c>
      <c r="G54672" s="1" t="s">
        <v>183839</v>
      </c>
      <c r="H54672" s="1" t="s">
        <v>183840</v>
      </c>
      <c r="I54672" s="1" t="s">
        <v>182766</v>
      </c>
      <c r="J54672" s="1" t="s">
        <v>183909</v>
      </c>
    </row>
    <row r="54673" spans="1:10" x14ac:dyDescent="0.35">
      <c r="A54673" s="1" t="s">
        <v>5697</v>
      </c>
      <c r="B54673" s="1" t="s">
        <v>182761</v>
      </c>
      <c r="C54673" s="1" t="s">
        <v>125</v>
      </c>
      <c r="D54673" s="1" t="s">
        <v>183910</v>
      </c>
      <c r="E54673" s="1" t="s">
        <v>183911</v>
      </c>
      <c r="F54673" s="1" t="s">
        <v>183912</v>
      </c>
      <c r="G54673" s="1" t="s">
        <v>183839</v>
      </c>
      <c r="H54673" s="1" t="s">
        <v>183840</v>
      </c>
      <c r="I54673" s="1" t="s">
        <v>182766</v>
      </c>
      <c r="J54673" s="1" t="s">
        <v>183913</v>
      </c>
    </row>
    <row r="54674" spans="1:10" x14ac:dyDescent="0.35">
      <c r="A54674" s="1" t="s">
        <v>5697</v>
      </c>
      <c r="B54674" s="1" t="s">
        <v>182761</v>
      </c>
      <c r="C54674" s="1" t="s">
        <v>130</v>
      </c>
      <c r="D54674" s="1" t="s">
        <v>154554</v>
      </c>
      <c r="E54674" s="1" t="s">
        <v>183914</v>
      </c>
      <c r="F54674" s="1" t="s">
        <v>183915</v>
      </c>
      <c r="G54674" s="1" t="s">
        <v>183839</v>
      </c>
      <c r="H54674" s="1" t="s">
        <v>183840</v>
      </c>
      <c r="I54674" s="1" t="s">
        <v>182766</v>
      </c>
      <c r="J54674" s="1" t="s">
        <v>183916</v>
      </c>
    </row>
    <row r="54675" spans="1:10" x14ac:dyDescent="0.35">
      <c r="A54675" s="1" t="s">
        <v>5697</v>
      </c>
      <c r="B54675" s="1" t="s">
        <v>182761</v>
      </c>
      <c r="C54675" s="1" t="s">
        <v>135</v>
      </c>
      <c r="D54675" s="1" t="s">
        <v>183917</v>
      </c>
      <c r="E54675" s="1" t="s">
        <v>183918</v>
      </c>
      <c r="F54675" s="1" t="s">
        <v>183919</v>
      </c>
      <c r="G54675" s="1" t="s">
        <v>183839</v>
      </c>
      <c r="H54675" s="1" t="s">
        <v>183840</v>
      </c>
      <c r="I54675" s="1" t="s">
        <v>182766</v>
      </c>
      <c r="J54675" s="1" t="s">
        <v>183920</v>
      </c>
    </row>
    <row r="54676" spans="1:10" x14ac:dyDescent="0.35">
      <c r="A54676" s="1" t="s">
        <v>5697</v>
      </c>
      <c r="B54676" s="1" t="s">
        <v>182761</v>
      </c>
      <c r="C54676" s="1" t="s">
        <v>140</v>
      </c>
      <c r="D54676" s="1" t="s">
        <v>183921</v>
      </c>
      <c r="E54676" s="1" t="s">
        <v>183922</v>
      </c>
      <c r="F54676" s="1" t="s">
        <v>183923</v>
      </c>
      <c r="G54676" s="1" t="s">
        <v>183839</v>
      </c>
      <c r="H54676" s="1" t="s">
        <v>183840</v>
      </c>
      <c r="I54676" s="1" t="s">
        <v>182766</v>
      </c>
      <c r="J54676" s="1" t="s">
        <v>183924</v>
      </c>
    </row>
    <row r="54677" spans="1:10" x14ac:dyDescent="0.35">
      <c r="A54677" s="1" t="s">
        <v>5697</v>
      </c>
      <c r="B54677" s="1" t="s">
        <v>182761</v>
      </c>
      <c r="C54677" s="1" t="s">
        <v>145</v>
      </c>
      <c r="D54677" s="1" t="s">
        <v>183925</v>
      </c>
      <c r="E54677" s="1" t="s">
        <v>183926</v>
      </c>
      <c r="F54677" s="1" t="s">
        <v>183927</v>
      </c>
      <c r="G54677" s="1" t="s">
        <v>183839</v>
      </c>
      <c r="H54677" s="1" t="s">
        <v>183840</v>
      </c>
      <c r="I54677" s="1" t="s">
        <v>182766</v>
      </c>
      <c r="J54677" s="1" t="s">
        <v>183928</v>
      </c>
    </row>
    <row r="54678" spans="1:10" x14ac:dyDescent="0.35">
      <c r="A54678" s="1" t="s">
        <v>5697</v>
      </c>
      <c r="B54678" s="1" t="s">
        <v>182761</v>
      </c>
      <c r="C54678" s="1" t="s">
        <v>150</v>
      </c>
      <c r="D54678" s="1" t="s">
        <v>183929</v>
      </c>
      <c r="E54678" s="1" t="s">
        <v>183930</v>
      </c>
      <c r="F54678" s="1" t="s">
        <v>183931</v>
      </c>
      <c r="G54678" s="1" t="s">
        <v>183839</v>
      </c>
      <c r="H54678" s="1" t="s">
        <v>183840</v>
      </c>
      <c r="I54678" s="1" t="s">
        <v>182766</v>
      </c>
      <c r="J54678" s="1" t="s">
        <v>183932</v>
      </c>
    </row>
    <row r="54679" spans="1:10" x14ac:dyDescent="0.35">
      <c r="A54679" s="1" t="s">
        <v>5697</v>
      </c>
      <c r="B54679" s="1" t="s">
        <v>182761</v>
      </c>
      <c r="C54679" s="1" t="s">
        <v>155</v>
      </c>
      <c r="D54679" s="1" t="s">
        <v>176533</v>
      </c>
      <c r="E54679" s="1" t="s">
        <v>183933</v>
      </c>
      <c r="F54679" s="1" t="s">
        <v>183934</v>
      </c>
      <c r="G54679" s="1" t="s">
        <v>183839</v>
      </c>
      <c r="H54679" s="1" t="s">
        <v>183840</v>
      </c>
      <c r="I54679" s="1" t="s">
        <v>182766</v>
      </c>
      <c r="J54679" s="1" t="s">
        <v>183935</v>
      </c>
    </row>
    <row r="54680" spans="1:10" x14ac:dyDescent="0.35">
      <c r="A54680" s="1" t="s">
        <v>5697</v>
      </c>
      <c r="B54680" s="1" t="s">
        <v>182761</v>
      </c>
      <c r="C54680" s="1" t="s">
        <v>160</v>
      </c>
      <c r="D54680" s="1" t="s">
        <v>74585</v>
      </c>
      <c r="E54680" s="1" t="s">
        <v>183936</v>
      </c>
      <c r="F54680" s="1" t="s">
        <v>183937</v>
      </c>
      <c r="G54680" s="1" t="s">
        <v>183839</v>
      </c>
      <c r="H54680" s="1" t="s">
        <v>183840</v>
      </c>
      <c r="I54680" s="1" t="s">
        <v>182766</v>
      </c>
      <c r="J54680" s="1" t="s">
        <v>183938</v>
      </c>
    </row>
    <row r="54681" spans="1:10" x14ac:dyDescent="0.35">
      <c r="A54681" s="1" t="s">
        <v>5697</v>
      </c>
      <c r="B54681" s="1" t="s">
        <v>182761</v>
      </c>
      <c r="C54681" s="1" t="s">
        <v>165</v>
      </c>
      <c r="D54681" s="1" t="s">
        <v>113368</v>
      </c>
      <c r="E54681" s="1" t="s">
        <v>183939</v>
      </c>
      <c r="F54681" s="1" t="s">
        <v>183940</v>
      </c>
      <c r="G54681" s="1" t="s">
        <v>183839</v>
      </c>
      <c r="H54681" s="1" t="s">
        <v>183840</v>
      </c>
      <c r="I54681" s="1" t="s">
        <v>182766</v>
      </c>
      <c r="J54681" s="1" t="s">
        <v>183941</v>
      </c>
    </row>
    <row r="54682" spans="1:10" x14ac:dyDescent="0.35">
      <c r="A54682" s="1" t="s">
        <v>5697</v>
      </c>
      <c r="B54682" s="1" t="s">
        <v>182761</v>
      </c>
      <c r="C54682" s="1" t="s">
        <v>170</v>
      </c>
      <c r="D54682" s="1" t="s">
        <v>67719</v>
      </c>
      <c r="E54682" s="1" t="s">
        <v>183942</v>
      </c>
      <c r="F54682" s="1" t="s">
        <v>183943</v>
      </c>
      <c r="G54682" s="1" t="s">
        <v>183839</v>
      </c>
      <c r="H54682" s="1" t="s">
        <v>183840</v>
      </c>
      <c r="I54682" s="1" t="s">
        <v>182766</v>
      </c>
      <c r="J54682" s="1" t="s">
        <v>183944</v>
      </c>
    </row>
    <row r="54683" spans="1:10" x14ac:dyDescent="0.35">
      <c r="A54683" s="1" t="s">
        <v>146061</v>
      </c>
      <c r="B54683" s="1" t="s">
        <v>182761</v>
      </c>
      <c r="C54683" s="1" t="s">
        <v>8</v>
      </c>
      <c r="D54683" s="1" t="s">
        <v>31315</v>
      </c>
      <c r="E54683" s="1" t="s">
        <v>183945</v>
      </c>
      <c r="F54683" s="1" t="s">
        <v>183946</v>
      </c>
      <c r="G54683" s="1" t="s">
        <v>183947</v>
      </c>
      <c r="H54683" s="1" t="s">
        <v>183948</v>
      </c>
      <c r="I54683" s="1" t="s">
        <v>182766</v>
      </c>
      <c r="J54683" s="1" t="s">
        <v>13</v>
      </c>
    </row>
    <row r="54684" spans="1:10" x14ac:dyDescent="0.35">
      <c r="A54684" s="1" t="s">
        <v>146061</v>
      </c>
      <c r="B54684" s="1" t="s">
        <v>182761</v>
      </c>
      <c r="C54684" s="1" t="s">
        <v>15</v>
      </c>
      <c r="D54684" s="1" t="s">
        <v>126561</v>
      </c>
      <c r="E54684" s="1" t="s">
        <v>183949</v>
      </c>
      <c r="F54684" s="1" t="s">
        <v>183950</v>
      </c>
      <c r="G54684" s="1" t="s">
        <v>183947</v>
      </c>
      <c r="H54684" s="1" t="s">
        <v>183948</v>
      </c>
      <c r="I54684" s="1" t="s">
        <v>182766</v>
      </c>
      <c r="J54684" s="1" t="s">
        <v>183951</v>
      </c>
    </row>
    <row r="54685" spans="1:10" x14ac:dyDescent="0.35">
      <c r="A54685" s="1" t="s">
        <v>146061</v>
      </c>
      <c r="B54685" s="1" t="s">
        <v>182761</v>
      </c>
      <c r="C54685" s="1" t="s">
        <v>20</v>
      </c>
      <c r="D54685" s="1" t="s">
        <v>43255</v>
      </c>
      <c r="E54685" s="1" t="s">
        <v>183952</v>
      </c>
      <c r="F54685" s="1" t="s">
        <v>183953</v>
      </c>
      <c r="G54685" s="1" t="s">
        <v>183947</v>
      </c>
      <c r="H54685" s="1" t="s">
        <v>183948</v>
      </c>
      <c r="I54685" s="1" t="s">
        <v>182766</v>
      </c>
      <c r="J54685" s="1" t="s">
        <v>183954</v>
      </c>
    </row>
    <row r="54686" spans="1:10" x14ac:dyDescent="0.35">
      <c r="A54686" s="1" t="s">
        <v>146061</v>
      </c>
      <c r="B54686" s="1" t="s">
        <v>182761</v>
      </c>
      <c r="C54686" s="1" t="s">
        <v>25</v>
      </c>
      <c r="D54686" s="1" t="s">
        <v>16392</v>
      </c>
      <c r="E54686" s="1" t="s">
        <v>183955</v>
      </c>
      <c r="F54686" s="1" t="s">
        <v>183956</v>
      </c>
      <c r="G54686" s="1" t="s">
        <v>183947</v>
      </c>
      <c r="H54686" s="1" t="s">
        <v>183948</v>
      </c>
      <c r="I54686" s="1" t="s">
        <v>182766</v>
      </c>
      <c r="J54686" s="1" t="s">
        <v>183957</v>
      </c>
    </row>
    <row r="54687" spans="1:10" x14ac:dyDescent="0.35">
      <c r="A54687" s="1" t="s">
        <v>146061</v>
      </c>
      <c r="B54687" s="1" t="s">
        <v>182761</v>
      </c>
      <c r="C54687" s="1" t="s">
        <v>30</v>
      </c>
      <c r="D54687" s="1" t="s">
        <v>117722</v>
      </c>
      <c r="E54687" s="1" t="s">
        <v>183958</v>
      </c>
      <c r="F54687" s="1" t="s">
        <v>183959</v>
      </c>
      <c r="G54687" s="1" t="s">
        <v>183947</v>
      </c>
      <c r="H54687" s="1" t="s">
        <v>183948</v>
      </c>
      <c r="I54687" s="1" t="s">
        <v>182766</v>
      </c>
      <c r="J54687" s="1" t="s">
        <v>183960</v>
      </c>
    </row>
    <row r="54688" spans="1:10" x14ac:dyDescent="0.35">
      <c r="A54688" s="1" t="s">
        <v>146061</v>
      </c>
      <c r="B54688" s="1" t="s">
        <v>182761</v>
      </c>
      <c r="C54688" s="1" t="s">
        <v>35</v>
      </c>
      <c r="D54688" s="1" t="s">
        <v>182070</v>
      </c>
      <c r="E54688" s="1" t="s">
        <v>183961</v>
      </c>
      <c r="F54688" s="1" t="s">
        <v>183962</v>
      </c>
      <c r="G54688" s="1" t="s">
        <v>183947</v>
      </c>
      <c r="H54688" s="1" t="s">
        <v>183948</v>
      </c>
      <c r="I54688" s="1" t="s">
        <v>182766</v>
      </c>
      <c r="J54688" s="1" t="s">
        <v>183963</v>
      </c>
    </row>
    <row r="54689" spans="1:10" x14ac:dyDescent="0.35">
      <c r="A54689" s="1" t="s">
        <v>146061</v>
      </c>
      <c r="B54689" s="1" t="s">
        <v>182761</v>
      </c>
      <c r="C54689" s="1" t="s">
        <v>40</v>
      </c>
      <c r="D54689" s="1" t="s">
        <v>74958</v>
      </c>
      <c r="E54689" s="1" t="s">
        <v>183964</v>
      </c>
      <c r="F54689" s="1" t="s">
        <v>183965</v>
      </c>
      <c r="G54689" s="1" t="s">
        <v>183947</v>
      </c>
      <c r="H54689" s="1" t="s">
        <v>183948</v>
      </c>
      <c r="I54689" s="1" t="s">
        <v>182766</v>
      </c>
      <c r="J54689" s="1" t="s">
        <v>183966</v>
      </c>
    </row>
    <row r="54690" spans="1:10" x14ac:dyDescent="0.35">
      <c r="A54690" s="1" t="s">
        <v>146061</v>
      </c>
      <c r="B54690" s="1" t="s">
        <v>182761</v>
      </c>
      <c r="C54690" s="1" t="s">
        <v>45</v>
      </c>
      <c r="D54690" s="1" t="s">
        <v>183967</v>
      </c>
      <c r="E54690" s="1" t="s">
        <v>183968</v>
      </c>
      <c r="F54690" s="1" t="s">
        <v>183969</v>
      </c>
      <c r="G54690" s="1" t="s">
        <v>183947</v>
      </c>
      <c r="H54690" s="1" t="s">
        <v>183948</v>
      </c>
      <c r="I54690" s="1" t="s">
        <v>182766</v>
      </c>
      <c r="J54690" s="1" t="s">
        <v>183970</v>
      </c>
    </row>
    <row r="54691" spans="1:10" x14ac:dyDescent="0.35">
      <c r="A54691" s="1" t="s">
        <v>146061</v>
      </c>
      <c r="B54691" s="1" t="s">
        <v>182761</v>
      </c>
      <c r="C54691" s="1" t="s">
        <v>50</v>
      </c>
      <c r="D54691" s="1" t="s">
        <v>46501</v>
      </c>
      <c r="E54691" s="1" t="s">
        <v>183971</v>
      </c>
      <c r="F54691" s="1" t="s">
        <v>183972</v>
      </c>
      <c r="G54691" s="1" t="s">
        <v>183947</v>
      </c>
      <c r="H54691" s="1" t="s">
        <v>183948</v>
      </c>
      <c r="I54691" s="1" t="s">
        <v>182766</v>
      </c>
      <c r="J54691" s="1" t="s">
        <v>183973</v>
      </c>
    </row>
    <row r="54692" spans="1:10" x14ac:dyDescent="0.35">
      <c r="A54692" s="1" t="s">
        <v>146061</v>
      </c>
      <c r="B54692" s="1" t="s">
        <v>182761</v>
      </c>
      <c r="C54692" s="1" t="s">
        <v>55</v>
      </c>
      <c r="D54692" s="1" t="s">
        <v>182632</v>
      </c>
      <c r="E54692" s="1" t="s">
        <v>183974</v>
      </c>
      <c r="F54692" s="1" t="s">
        <v>183975</v>
      </c>
      <c r="G54692" s="1" t="s">
        <v>183947</v>
      </c>
      <c r="H54692" s="1" t="s">
        <v>183948</v>
      </c>
      <c r="I54692" s="1" t="s">
        <v>182766</v>
      </c>
      <c r="J54692" s="1" t="s">
        <v>183976</v>
      </c>
    </row>
    <row r="54693" spans="1:10" x14ac:dyDescent="0.35">
      <c r="A54693" s="1" t="s">
        <v>146061</v>
      </c>
      <c r="B54693" s="1" t="s">
        <v>182761</v>
      </c>
      <c r="C54693" s="1" t="s">
        <v>60</v>
      </c>
      <c r="D54693" s="1" t="s">
        <v>183977</v>
      </c>
      <c r="E54693" s="1" t="s">
        <v>183978</v>
      </c>
      <c r="F54693" s="1" t="s">
        <v>183979</v>
      </c>
      <c r="G54693" s="1" t="s">
        <v>183947</v>
      </c>
      <c r="H54693" s="1" t="s">
        <v>183948</v>
      </c>
      <c r="I54693" s="1" t="s">
        <v>182766</v>
      </c>
      <c r="J54693" s="1" t="s">
        <v>183980</v>
      </c>
    </row>
    <row r="54694" spans="1:10" x14ac:dyDescent="0.35">
      <c r="A54694" s="1" t="s">
        <v>146061</v>
      </c>
      <c r="B54694" s="1" t="s">
        <v>182761</v>
      </c>
      <c r="C54694" s="1" t="s">
        <v>65</v>
      </c>
      <c r="D54694" s="1" t="s">
        <v>14845</v>
      </c>
      <c r="E54694" s="1" t="s">
        <v>183981</v>
      </c>
      <c r="F54694" s="1" t="s">
        <v>183982</v>
      </c>
      <c r="G54694" s="1" t="s">
        <v>183947</v>
      </c>
      <c r="H54694" s="1" t="s">
        <v>183948</v>
      </c>
      <c r="I54694" s="1" t="s">
        <v>182766</v>
      </c>
      <c r="J54694" s="1" t="s">
        <v>183983</v>
      </c>
    </row>
    <row r="54695" spans="1:10" x14ac:dyDescent="0.35">
      <c r="A54695" s="1" t="s">
        <v>146061</v>
      </c>
      <c r="B54695" s="1" t="s">
        <v>182761</v>
      </c>
      <c r="C54695" s="1" t="s">
        <v>70</v>
      </c>
      <c r="D54695" s="1" t="s">
        <v>154223</v>
      </c>
      <c r="E54695" s="1" t="s">
        <v>183984</v>
      </c>
      <c r="F54695" s="1" t="s">
        <v>183985</v>
      </c>
      <c r="G54695" s="1" t="s">
        <v>183947</v>
      </c>
      <c r="H54695" s="1" t="s">
        <v>183948</v>
      </c>
      <c r="I54695" s="1" t="s">
        <v>182766</v>
      </c>
      <c r="J54695" s="1" t="s">
        <v>183986</v>
      </c>
    </row>
    <row r="54696" spans="1:10" x14ac:dyDescent="0.35">
      <c r="A54696" s="1" t="s">
        <v>146061</v>
      </c>
      <c r="B54696" s="1" t="s">
        <v>182761</v>
      </c>
      <c r="C54696" s="1" t="s">
        <v>75</v>
      </c>
      <c r="D54696" s="1" t="s">
        <v>183987</v>
      </c>
      <c r="E54696" s="1" t="s">
        <v>183988</v>
      </c>
      <c r="F54696" s="1" t="s">
        <v>183989</v>
      </c>
      <c r="G54696" s="1" t="s">
        <v>183947</v>
      </c>
      <c r="H54696" s="1" t="s">
        <v>183948</v>
      </c>
      <c r="I54696" s="1" t="s">
        <v>182766</v>
      </c>
      <c r="J54696" s="1" t="s">
        <v>183990</v>
      </c>
    </row>
    <row r="54697" spans="1:10" x14ac:dyDescent="0.35">
      <c r="A54697" s="1" t="s">
        <v>146061</v>
      </c>
      <c r="B54697" s="1" t="s">
        <v>182761</v>
      </c>
      <c r="C54697" s="1" t="s">
        <v>80</v>
      </c>
      <c r="D54697" s="1" t="s">
        <v>183991</v>
      </c>
      <c r="E54697" s="1" t="s">
        <v>183992</v>
      </c>
      <c r="F54697" s="1" t="s">
        <v>183993</v>
      </c>
      <c r="G54697" s="1" t="s">
        <v>183947</v>
      </c>
      <c r="H54697" s="1" t="s">
        <v>183948</v>
      </c>
      <c r="I54697" s="1" t="s">
        <v>182766</v>
      </c>
      <c r="J54697" s="1" t="s">
        <v>183994</v>
      </c>
    </row>
    <row r="54698" spans="1:10" x14ac:dyDescent="0.35">
      <c r="A54698" s="1" t="s">
        <v>146061</v>
      </c>
      <c r="B54698" s="1" t="s">
        <v>182761</v>
      </c>
      <c r="C54698" s="1" t="s">
        <v>85</v>
      </c>
      <c r="D54698" s="1" t="s">
        <v>183995</v>
      </c>
      <c r="E54698" s="1" t="s">
        <v>183996</v>
      </c>
      <c r="F54698" s="1" t="s">
        <v>183997</v>
      </c>
      <c r="G54698" s="1" t="s">
        <v>183947</v>
      </c>
      <c r="H54698" s="1" t="s">
        <v>183948</v>
      </c>
      <c r="I54698" s="1" t="s">
        <v>182766</v>
      </c>
      <c r="J54698" s="1" t="s">
        <v>183998</v>
      </c>
    </row>
    <row r="54699" spans="1:10" x14ac:dyDescent="0.35">
      <c r="A54699" s="1" t="s">
        <v>146061</v>
      </c>
      <c r="B54699" s="1" t="s">
        <v>182761</v>
      </c>
      <c r="C54699" s="1" t="s">
        <v>90</v>
      </c>
      <c r="D54699" s="1" t="s">
        <v>44112</v>
      </c>
      <c r="E54699" s="1" t="s">
        <v>183999</v>
      </c>
      <c r="F54699" s="1" t="s">
        <v>184000</v>
      </c>
      <c r="G54699" s="1" t="s">
        <v>183947</v>
      </c>
      <c r="H54699" s="1" t="s">
        <v>183948</v>
      </c>
      <c r="I54699" s="1" t="s">
        <v>182766</v>
      </c>
      <c r="J54699" s="1" t="s">
        <v>184001</v>
      </c>
    </row>
    <row r="54700" spans="1:10" x14ac:dyDescent="0.35">
      <c r="A54700" s="1" t="s">
        <v>146061</v>
      </c>
      <c r="B54700" s="1" t="s">
        <v>182761</v>
      </c>
      <c r="C54700" s="1" t="s">
        <v>95</v>
      </c>
      <c r="D54700" s="1" t="s">
        <v>184002</v>
      </c>
      <c r="E54700" s="1" t="s">
        <v>184003</v>
      </c>
      <c r="F54700" s="1" t="s">
        <v>184004</v>
      </c>
      <c r="G54700" s="1" t="s">
        <v>183947</v>
      </c>
      <c r="H54700" s="1" t="s">
        <v>183948</v>
      </c>
      <c r="I54700" s="1" t="s">
        <v>182766</v>
      </c>
      <c r="J54700" s="1" t="s">
        <v>184005</v>
      </c>
    </row>
    <row r="54701" spans="1:10" x14ac:dyDescent="0.35">
      <c r="A54701" s="1" t="s">
        <v>146061</v>
      </c>
      <c r="B54701" s="1" t="s">
        <v>182761</v>
      </c>
      <c r="C54701" s="1" t="s">
        <v>100</v>
      </c>
      <c r="D54701" s="1" t="s">
        <v>184006</v>
      </c>
      <c r="E54701" s="1" t="s">
        <v>184007</v>
      </c>
      <c r="F54701" s="1" t="s">
        <v>184008</v>
      </c>
      <c r="G54701" s="1" t="s">
        <v>183947</v>
      </c>
      <c r="H54701" s="1" t="s">
        <v>183948</v>
      </c>
      <c r="I54701" s="1" t="s">
        <v>182766</v>
      </c>
      <c r="J54701" s="1" t="s">
        <v>184009</v>
      </c>
    </row>
    <row r="54702" spans="1:10" x14ac:dyDescent="0.35">
      <c r="A54702" s="1" t="s">
        <v>146061</v>
      </c>
      <c r="B54702" s="1" t="s">
        <v>182761</v>
      </c>
      <c r="C54702" s="1" t="s">
        <v>105</v>
      </c>
      <c r="D54702" s="1" t="s">
        <v>184010</v>
      </c>
      <c r="E54702" s="1" t="s">
        <v>184011</v>
      </c>
      <c r="F54702" s="1" t="s">
        <v>184012</v>
      </c>
      <c r="G54702" s="1" t="s">
        <v>183947</v>
      </c>
      <c r="H54702" s="1" t="s">
        <v>183948</v>
      </c>
      <c r="I54702" s="1" t="s">
        <v>182766</v>
      </c>
      <c r="J54702" s="1" t="s">
        <v>184013</v>
      </c>
    </row>
    <row r="54703" spans="1:10" x14ac:dyDescent="0.35">
      <c r="A54703" s="1" t="s">
        <v>146061</v>
      </c>
      <c r="B54703" s="1" t="s">
        <v>182761</v>
      </c>
      <c r="C54703" s="1" t="s">
        <v>110</v>
      </c>
      <c r="D54703" s="1" t="s">
        <v>3758</v>
      </c>
      <c r="E54703" s="1" t="s">
        <v>184014</v>
      </c>
      <c r="F54703" s="1" t="s">
        <v>184015</v>
      </c>
      <c r="G54703" s="1" t="s">
        <v>183947</v>
      </c>
      <c r="H54703" s="1" t="s">
        <v>183948</v>
      </c>
      <c r="I54703" s="1" t="s">
        <v>182766</v>
      </c>
      <c r="J54703" s="1" t="s">
        <v>184016</v>
      </c>
    </row>
    <row r="54704" spans="1:10" x14ac:dyDescent="0.35">
      <c r="A54704" s="1" t="s">
        <v>146061</v>
      </c>
      <c r="B54704" s="1" t="s">
        <v>182761</v>
      </c>
      <c r="C54704" s="1" t="s">
        <v>115</v>
      </c>
      <c r="D54704" s="1" t="s">
        <v>184017</v>
      </c>
      <c r="E54704" s="1" t="s">
        <v>184018</v>
      </c>
      <c r="F54704" s="1" t="s">
        <v>184019</v>
      </c>
      <c r="G54704" s="1" t="s">
        <v>183947</v>
      </c>
      <c r="H54704" s="1" t="s">
        <v>183948</v>
      </c>
      <c r="I54704" s="1" t="s">
        <v>182766</v>
      </c>
      <c r="J54704" s="1" t="s">
        <v>184020</v>
      </c>
    </row>
    <row r="54705" spans="1:10" x14ac:dyDescent="0.35">
      <c r="A54705" s="1" t="s">
        <v>146061</v>
      </c>
      <c r="B54705" s="1" t="s">
        <v>182761</v>
      </c>
      <c r="C54705" s="1" t="s">
        <v>120</v>
      </c>
      <c r="D54705" s="1" t="s">
        <v>10662</v>
      </c>
      <c r="E54705" s="1" t="s">
        <v>184021</v>
      </c>
      <c r="F54705" s="1" t="s">
        <v>184022</v>
      </c>
      <c r="G54705" s="1" t="s">
        <v>183947</v>
      </c>
      <c r="H54705" s="1" t="s">
        <v>183948</v>
      </c>
      <c r="I54705" s="1" t="s">
        <v>182766</v>
      </c>
      <c r="J54705" s="1" t="s">
        <v>184023</v>
      </c>
    </row>
    <row r="54706" spans="1:10" x14ac:dyDescent="0.35">
      <c r="A54706" s="1" t="s">
        <v>146061</v>
      </c>
      <c r="B54706" s="1" t="s">
        <v>182761</v>
      </c>
      <c r="C54706" s="1" t="s">
        <v>125</v>
      </c>
      <c r="D54706" s="1" t="s">
        <v>106987</v>
      </c>
      <c r="E54706" s="1" t="s">
        <v>184024</v>
      </c>
      <c r="F54706" s="1" t="s">
        <v>184025</v>
      </c>
      <c r="G54706" s="1" t="s">
        <v>183947</v>
      </c>
      <c r="H54706" s="1" t="s">
        <v>183948</v>
      </c>
      <c r="I54706" s="1" t="s">
        <v>182766</v>
      </c>
      <c r="J54706" s="1" t="s">
        <v>184026</v>
      </c>
    </row>
    <row r="54707" spans="1:10" x14ac:dyDescent="0.35">
      <c r="A54707" s="1" t="s">
        <v>146061</v>
      </c>
      <c r="B54707" s="1" t="s">
        <v>182761</v>
      </c>
      <c r="C54707" s="1" t="s">
        <v>130</v>
      </c>
      <c r="D54707" s="1" t="s">
        <v>184027</v>
      </c>
      <c r="E54707" s="1" t="s">
        <v>184028</v>
      </c>
      <c r="F54707" s="1" t="s">
        <v>184029</v>
      </c>
      <c r="G54707" s="1" t="s">
        <v>183947</v>
      </c>
      <c r="H54707" s="1" t="s">
        <v>183948</v>
      </c>
      <c r="I54707" s="1" t="s">
        <v>182766</v>
      </c>
      <c r="J54707" s="1" t="s">
        <v>184030</v>
      </c>
    </row>
    <row r="54708" spans="1:10" x14ac:dyDescent="0.35">
      <c r="A54708" s="1" t="s">
        <v>146061</v>
      </c>
      <c r="B54708" s="1" t="s">
        <v>182761</v>
      </c>
      <c r="C54708" s="1" t="s">
        <v>135</v>
      </c>
      <c r="D54708" s="1" t="s">
        <v>184031</v>
      </c>
      <c r="E54708" s="1" t="s">
        <v>184032</v>
      </c>
      <c r="F54708" s="1" t="s">
        <v>184033</v>
      </c>
      <c r="G54708" s="1" t="s">
        <v>183947</v>
      </c>
      <c r="H54708" s="1" t="s">
        <v>183948</v>
      </c>
      <c r="I54708" s="1" t="s">
        <v>182766</v>
      </c>
      <c r="J54708" s="1" t="s">
        <v>184034</v>
      </c>
    </row>
    <row r="54709" spans="1:10" x14ac:dyDescent="0.35">
      <c r="A54709" s="1" t="s">
        <v>146061</v>
      </c>
      <c r="B54709" s="1" t="s">
        <v>182761</v>
      </c>
      <c r="C54709" s="1" t="s">
        <v>140</v>
      </c>
      <c r="D54709" s="1" t="s">
        <v>184035</v>
      </c>
      <c r="E54709" s="1" t="s">
        <v>184036</v>
      </c>
      <c r="F54709" s="1" t="s">
        <v>184037</v>
      </c>
      <c r="G54709" s="1" t="s">
        <v>183947</v>
      </c>
      <c r="H54709" s="1" t="s">
        <v>183948</v>
      </c>
      <c r="I54709" s="1" t="s">
        <v>182766</v>
      </c>
      <c r="J54709" s="1" t="s">
        <v>184038</v>
      </c>
    </row>
    <row r="54710" spans="1:10" x14ac:dyDescent="0.35">
      <c r="A54710" s="1" t="s">
        <v>146061</v>
      </c>
      <c r="B54710" s="1" t="s">
        <v>182761</v>
      </c>
      <c r="C54710" s="1" t="s">
        <v>145</v>
      </c>
      <c r="D54710" s="1" t="s">
        <v>106616</v>
      </c>
      <c r="E54710" s="1" t="s">
        <v>184039</v>
      </c>
      <c r="F54710" s="1" t="s">
        <v>184040</v>
      </c>
      <c r="G54710" s="1" t="s">
        <v>183947</v>
      </c>
      <c r="H54710" s="1" t="s">
        <v>183948</v>
      </c>
      <c r="I54710" s="1" t="s">
        <v>182766</v>
      </c>
      <c r="J54710" s="1" t="s">
        <v>184041</v>
      </c>
    </row>
    <row r="54711" spans="1:10" x14ac:dyDescent="0.35">
      <c r="A54711" s="1" t="s">
        <v>146061</v>
      </c>
      <c r="B54711" s="1" t="s">
        <v>182761</v>
      </c>
      <c r="C54711" s="1" t="s">
        <v>150</v>
      </c>
      <c r="D54711" s="1" t="s">
        <v>171164</v>
      </c>
      <c r="E54711" s="1" t="s">
        <v>184042</v>
      </c>
      <c r="F54711" s="1" t="s">
        <v>133480</v>
      </c>
      <c r="G54711" s="1" t="s">
        <v>183947</v>
      </c>
      <c r="H54711" s="1" t="s">
        <v>183948</v>
      </c>
      <c r="I54711" s="1" t="s">
        <v>182766</v>
      </c>
      <c r="J54711" s="1" t="s">
        <v>184043</v>
      </c>
    </row>
    <row r="54712" spans="1:10" x14ac:dyDescent="0.35">
      <c r="A54712" s="1" t="s">
        <v>146061</v>
      </c>
      <c r="B54712" s="1" t="s">
        <v>182761</v>
      </c>
      <c r="C54712" s="1" t="s">
        <v>155</v>
      </c>
      <c r="D54712" s="1" t="s">
        <v>177921</v>
      </c>
      <c r="E54712" s="1" t="s">
        <v>184044</v>
      </c>
      <c r="F54712" s="1" t="s">
        <v>184045</v>
      </c>
      <c r="G54712" s="1" t="s">
        <v>183947</v>
      </c>
      <c r="H54712" s="1" t="s">
        <v>183948</v>
      </c>
      <c r="I54712" s="1" t="s">
        <v>182766</v>
      </c>
      <c r="J54712" s="1" t="s">
        <v>184046</v>
      </c>
    </row>
    <row r="54713" spans="1:10" x14ac:dyDescent="0.35">
      <c r="A54713" s="1" t="s">
        <v>146061</v>
      </c>
      <c r="B54713" s="1" t="s">
        <v>182761</v>
      </c>
      <c r="C54713" s="1" t="s">
        <v>160</v>
      </c>
      <c r="D54713" s="1" t="s">
        <v>108744</v>
      </c>
      <c r="E54713" s="1" t="s">
        <v>184047</v>
      </c>
      <c r="F54713" s="1" t="s">
        <v>184048</v>
      </c>
      <c r="G54713" s="1" t="s">
        <v>183947</v>
      </c>
      <c r="H54713" s="1" t="s">
        <v>183948</v>
      </c>
      <c r="I54713" s="1" t="s">
        <v>182766</v>
      </c>
      <c r="J54713" s="1" t="s">
        <v>184049</v>
      </c>
    </row>
    <row r="54714" spans="1:10" x14ac:dyDescent="0.35">
      <c r="A54714" s="1" t="s">
        <v>146061</v>
      </c>
      <c r="B54714" s="1" t="s">
        <v>182761</v>
      </c>
      <c r="C54714" s="1" t="s">
        <v>165</v>
      </c>
      <c r="D54714" s="1" t="s">
        <v>138052</v>
      </c>
      <c r="E54714" s="1" t="s">
        <v>184050</v>
      </c>
      <c r="F54714" s="1" t="s">
        <v>184051</v>
      </c>
      <c r="G54714" s="1" t="s">
        <v>183947</v>
      </c>
      <c r="H54714" s="1" t="s">
        <v>183948</v>
      </c>
      <c r="I54714" s="1" t="s">
        <v>182766</v>
      </c>
      <c r="J54714" s="1" t="s">
        <v>184052</v>
      </c>
    </row>
    <row r="54715" spans="1:10" x14ac:dyDescent="0.35">
      <c r="A54715" s="1" t="s">
        <v>146061</v>
      </c>
      <c r="B54715" s="1" t="s">
        <v>182761</v>
      </c>
      <c r="C54715" s="1" t="s">
        <v>170</v>
      </c>
      <c r="D54715" s="1" t="s">
        <v>184053</v>
      </c>
      <c r="E54715" s="1" t="s">
        <v>184054</v>
      </c>
      <c r="F54715" s="1" t="s">
        <v>184055</v>
      </c>
      <c r="G54715" s="1" t="s">
        <v>183947</v>
      </c>
      <c r="H54715" s="1" t="s">
        <v>183948</v>
      </c>
      <c r="I54715" s="1" t="s">
        <v>182766</v>
      </c>
      <c r="J54715" s="1" t="s">
        <v>184056</v>
      </c>
    </row>
    <row r="54716" spans="1:10" x14ac:dyDescent="0.35">
      <c r="A54716" s="1" t="s">
        <v>109789</v>
      </c>
      <c r="B54716" s="1" t="s">
        <v>182761</v>
      </c>
      <c r="C54716" s="1" t="s">
        <v>8</v>
      </c>
      <c r="D54716" s="1" t="s">
        <v>25647</v>
      </c>
      <c r="E54716" s="1" t="s">
        <v>184057</v>
      </c>
      <c r="F54716" s="1" t="s">
        <v>184058</v>
      </c>
      <c r="G54716" s="1" t="s">
        <v>184059</v>
      </c>
      <c r="H54716" s="1" t="s">
        <v>184060</v>
      </c>
      <c r="I54716" s="1" t="s">
        <v>182766</v>
      </c>
      <c r="J54716" s="1" t="s">
        <v>13</v>
      </c>
    </row>
    <row r="54717" spans="1:10" x14ac:dyDescent="0.35">
      <c r="A54717" s="1" t="s">
        <v>109789</v>
      </c>
      <c r="B54717" s="1" t="s">
        <v>182761</v>
      </c>
      <c r="C54717" s="1" t="s">
        <v>15</v>
      </c>
      <c r="D54717" s="1" t="s">
        <v>3834</v>
      </c>
      <c r="E54717" s="1" t="s">
        <v>184061</v>
      </c>
      <c r="F54717" s="1" t="s">
        <v>184062</v>
      </c>
      <c r="G54717" s="1" t="s">
        <v>184059</v>
      </c>
      <c r="H54717" s="1" t="s">
        <v>184060</v>
      </c>
      <c r="I54717" s="1" t="s">
        <v>182766</v>
      </c>
      <c r="J54717" s="1" t="s">
        <v>184063</v>
      </c>
    </row>
    <row r="54718" spans="1:10" x14ac:dyDescent="0.35">
      <c r="A54718" s="1" t="s">
        <v>109789</v>
      </c>
      <c r="B54718" s="1" t="s">
        <v>182761</v>
      </c>
      <c r="C54718" s="1" t="s">
        <v>20</v>
      </c>
      <c r="D54718" s="1" t="s">
        <v>141722</v>
      </c>
      <c r="E54718" s="1" t="s">
        <v>184064</v>
      </c>
      <c r="F54718" s="1" t="s">
        <v>184065</v>
      </c>
      <c r="G54718" s="1" t="s">
        <v>184059</v>
      </c>
      <c r="H54718" s="1" t="s">
        <v>184060</v>
      </c>
      <c r="I54718" s="1" t="s">
        <v>182766</v>
      </c>
      <c r="J54718" s="1" t="s">
        <v>184066</v>
      </c>
    </row>
    <row r="54719" spans="1:10" x14ac:dyDescent="0.35">
      <c r="A54719" s="1" t="s">
        <v>109789</v>
      </c>
      <c r="B54719" s="1" t="s">
        <v>182761</v>
      </c>
      <c r="C54719" s="1" t="s">
        <v>25</v>
      </c>
      <c r="D54719" s="1" t="s">
        <v>15683</v>
      </c>
      <c r="E54719" s="1" t="s">
        <v>184067</v>
      </c>
      <c r="F54719" s="1" t="s">
        <v>184068</v>
      </c>
      <c r="G54719" s="1" t="s">
        <v>184059</v>
      </c>
      <c r="H54719" s="1" t="s">
        <v>184060</v>
      </c>
      <c r="I54719" s="1" t="s">
        <v>182766</v>
      </c>
      <c r="J54719" s="1" t="s">
        <v>184069</v>
      </c>
    </row>
    <row r="54720" spans="1:10" x14ac:dyDescent="0.35">
      <c r="A54720" s="1" t="s">
        <v>109789</v>
      </c>
      <c r="B54720" s="1" t="s">
        <v>182761</v>
      </c>
      <c r="C54720" s="1" t="s">
        <v>30</v>
      </c>
      <c r="D54720" s="1" t="s">
        <v>184070</v>
      </c>
      <c r="E54720" s="1" t="s">
        <v>184071</v>
      </c>
      <c r="F54720" s="1" t="s">
        <v>184072</v>
      </c>
      <c r="G54720" s="1" t="s">
        <v>184059</v>
      </c>
      <c r="H54720" s="1" t="s">
        <v>184060</v>
      </c>
      <c r="I54720" s="1" t="s">
        <v>182766</v>
      </c>
      <c r="J54720" s="1" t="s">
        <v>184073</v>
      </c>
    </row>
    <row r="54721" spans="1:10" x14ac:dyDescent="0.35">
      <c r="A54721" s="1" t="s">
        <v>109789</v>
      </c>
      <c r="B54721" s="1" t="s">
        <v>182761</v>
      </c>
      <c r="C54721" s="1" t="s">
        <v>35</v>
      </c>
      <c r="D54721" s="1" t="s">
        <v>155360</v>
      </c>
      <c r="E54721" s="1" t="s">
        <v>184074</v>
      </c>
      <c r="F54721" s="1" t="s">
        <v>184075</v>
      </c>
      <c r="G54721" s="1" t="s">
        <v>184059</v>
      </c>
      <c r="H54721" s="1" t="s">
        <v>184060</v>
      </c>
      <c r="I54721" s="1" t="s">
        <v>182766</v>
      </c>
      <c r="J54721" s="1" t="s">
        <v>184076</v>
      </c>
    </row>
    <row r="54722" spans="1:10" x14ac:dyDescent="0.35">
      <c r="A54722" s="1" t="s">
        <v>109789</v>
      </c>
      <c r="B54722" s="1" t="s">
        <v>182761</v>
      </c>
      <c r="C54722" s="1" t="s">
        <v>40</v>
      </c>
      <c r="D54722" s="1" t="s">
        <v>184077</v>
      </c>
      <c r="E54722" s="1" t="s">
        <v>184078</v>
      </c>
      <c r="F54722" s="1" t="s">
        <v>184079</v>
      </c>
      <c r="G54722" s="1" t="s">
        <v>184059</v>
      </c>
      <c r="H54722" s="1" t="s">
        <v>184060</v>
      </c>
      <c r="I54722" s="1" t="s">
        <v>182766</v>
      </c>
      <c r="J54722" s="1" t="s">
        <v>184080</v>
      </c>
    </row>
    <row r="54723" spans="1:10" x14ac:dyDescent="0.35">
      <c r="A54723" s="1" t="s">
        <v>109789</v>
      </c>
      <c r="B54723" s="1" t="s">
        <v>182761</v>
      </c>
      <c r="C54723" s="1" t="s">
        <v>45</v>
      </c>
      <c r="D54723" s="1" t="s">
        <v>8895</v>
      </c>
      <c r="E54723" s="1" t="s">
        <v>175138</v>
      </c>
      <c r="F54723" s="1" t="s">
        <v>184081</v>
      </c>
      <c r="G54723" s="1" t="s">
        <v>184059</v>
      </c>
      <c r="H54723" s="1" t="s">
        <v>184060</v>
      </c>
      <c r="I54723" s="1" t="s">
        <v>182766</v>
      </c>
      <c r="J54723" s="1" t="s">
        <v>184082</v>
      </c>
    </row>
    <row r="54724" spans="1:10" x14ac:dyDescent="0.35">
      <c r="A54724" s="1" t="s">
        <v>109789</v>
      </c>
      <c r="B54724" s="1" t="s">
        <v>182761</v>
      </c>
      <c r="C54724" s="1" t="s">
        <v>50</v>
      </c>
      <c r="D54724" s="1" t="s">
        <v>184083</v>
      </c>
      <c r="E54724" s="1" t="s">
        <v>184084</v>
      </c>
      <c r="F54724" s="1" t="s">
        <v>184085</v>
      </c>
      <c r="G54724" s="1" t="s">
        <v>184059</v>
      </c>
      <c r="H54724" s="1" t="s">
        <v>184060</v>
      </c>
      <c r="I54724" s="1" t="s">
        <v>182766</v>
      </c>
      <c r="J54724" s="1" t="s">
        <v>184086</v>
      </c>
    </row>
    <row r="54725" spans="1:10" x14ac:dyDescent="0.35">
      <c r="A54725" s="1" t="s">
        <v>109789</v>
      </c>
      <c r="B54725" s="1" t="s">
        <v>182761</v>
      </c>
      <c r="C54725" s="1" t="s">
        <v>55</v>
      </c>
      <c r="D54725" s="1" t="s">
        <v>83534</v>
      </c>
      <c r="E54725" s="1" t="s">
        <v>184087</v>
      </c>
      <c r="F54725" s="1" t="s">
        <v>184088</v>
      </c>
      <c r="G54725" s="1" t="s">
        <v>184059</v>
      </c>
      <c r="H54725" s="1" t="s">
        <v>184060</v>
      </c>
      <c r="I54725" s="1" t="s">
        <v>182766</v>
      </c>
      <c r="J54725" s="1" t="s">
        <v>184089</v>
      </c>
    </row>
    <row r="54726" spans="1:10" x14ac:dyDescent="0.35">
      <c r="A54726" s="1" t="s">
        <v>109789</v>
      </c>
      <c r="B54726" s="1" t="s">
        <v>182761</v>
      </c>
      <c r="C54726" s="1" t="s">
        <v>60</v>
      </c>
      <c r="D54726" s="1" t="s">
        <v>113093</v>
      </c>
      <c r="E54726" s="1" t="s">
        <v>184090</v>
      </c>
      <c r="F54726" s="1" t="s">
        <v>184091</v>
      </c>
      <c r="G54726" s="1" t="s">
        <v>184059</v>
      </c>
      <c r="H54726" s="1" t="s">
        <v>184060</v>
      </c>
      <c r="I54726" s="1" t="s">
        <v>182766</v>
      </c>
      <c r="J54726" s="1" t="s">
        <v>184092</v>
      </c>
    </row>
    <row r="54727" spans="1:10" x14ac:dyDescent="0.35">
      <c r="A54727" s="1" t="s">
        <v>109789</v>
      </c>
      <c r="B54727" s="1" t="s">
        <v>182761</v>
      </c>
      <c r="C54727" s="1" t="s">
        <v>65</v>
      </c>
      <c r="D54727" s="1" t="s">
        <v>83695</v>
      </c>
      <c r="E54727" s="1" t="s">
        <v>54295</v>
      </c>
      <c r="F54727" s="1" t="s">
        <v>184093</v>
      </c>
      <c r="G54727" s="1" t="s">
        <v>184059</v>
      </c>
      <c r="H54727" s="1" t="s">
        <v>184060</v>
      </c>
      <c r="I54727" s="1" t="s">
        <v>182766</v>
      </c>
      <c r="J54727" s="1" t="s">
        <v>184094</v>
      </c>
    </row>
    <row r="54728" spans="1:10" x14ac:dyDescent="0.35">
      <c r="A54728" s="1" t="s">
        <v>109789</v>
      </c>
      <c r="B54728" s="1" t="s">
        <v>182761</v>
      </c>
      <c r="C54728" s="1" t="s">
        <v>70</v>
      </c>
      <c r="D54728" s="1" t="s">
        <v>184095</v>
      </c>
      <c r="E54728" s="1" t="s">
        <v>184096</v>
      </c>
      <c r="F54728" s="1" t="s">
        <v>184097</v>
      </c>
      <c r="G54728" s="1" t="s">
        <v>184059</v>
      </c>
      <c r="H54728" s="1" t="s">
        <v>184060</v>
      </c>
      <c r="I54728" s="1" t="s">
        <v>182766</v>
      </c>
      <c r="J54728" s="1" t="s">
        <v>184098</v>
      </c>
    </row>
    <row r="54729" spans="1:10" x14ac:dyDescent="0.35">
      <c r="A54729" s="1" t="s">
        <v>109789</v>
      </c>
      <c r="B54729" s="1" t="s">
        <v>182761</v>
      </c>
      <c r="C54729" s="1" t="s">
        <v>75</v>
      </c>
      <c r="D54729" s="1" t="s">
        <v>184099</v>
      </c>
      <c r="E54729" s="1" t="s">
        <v>184100</v>
      </c>
      <c r="F54729" s="1" t="s">
        <v>184101</v>
      </c>
      <c r="G54729" s="1" t="s">
        <v>184059</v>
      </c>
      <c r="H54729" s="1" t="s">
        <v>184060</v>
      </c>
      <c r="I54729" s="1" t="s">
        <v>182766</v>
      </c>
      <c r="J54729" s="1" t="s">
        <v>184102</v>
      </c>
    </row>
    <row r="54730" spans="1:10" x14ac:dyDescent="0.35">
      <c r="A54730" s="1" t="s">
        <v>109789</v>
      </c>
      <c r="B54730" s="1" t="s">
        <v>182761</v>
      </c>
      <c r="C54730" s="1" t="s">
        <v>80</v>
      </c>
      <c r="D54730" s="1" t="s">
        <v>106829</v>
      </c>
      <c r="E54730" s="1" t="s">
        <v>184103</v>
      </c>
      <c r="F54730" s="1" t="s">
        <v>184104</v>
      </c>
      <c r="G54730" s="1" t="s">
        <v>184059</v>
      </c>
      <c r="H54730" s="1" t="s">
        <v>184060</v>
      </c>
      <c r="I54730" s="1" t="s">
        <v>182766</v>
      </c>
      <c r="J54730" s="1" t="s">
        <v>184105</v>
      </c>
    </row>
    <row r="54731" spans="1:10" x14ac:dyDescent="0.35">
      <c r="A54731" s="1" t="s">
        <v>109789</v>
      </c>
      <c r="B54731" s="1" t="s">
        <v>182761</v>
      </c>
      <c r="C54731" s="1" t="s">
        <v>85</v>
      </c>
      <c r="D54731" s="1" t="s">
        <v>151013</v>
      </c>
      <c r="E54731" s="1" t="s">
        <v>184106</v>
      </c>
      <c r="F54731" s="1" t="s">
        <v>184107</v>
      </c>
      <c r="G54731" s="1" t="s">
        <v>184059</v>
      </c>
      <c r="H54731" s="1" t="s">
        <v>184060</v>
      </c>
      <c r="I54731" s="1" t="s">
        <v>182766</v>
      </c>
      <c r="J54731" s="1" t="s">
        <v>184108</v>
      </c>
    </row>
    <row r="54732" spans="1:10" x14ac:dyDescent="0.35">
      <c r="A54732" s="1" t="s">
        <v>109789</v>
      </c>
      <c r="B54732" s="1" t="s">
        <v>182761</v>
      </c>
      <c r="C54732" s="1" t="s">
        <v>90</v>
      </c>
      <c r="D54732" s="1" t="s">
        <v>59890</v>
      </c>
      <c r="E54732" s="1" t="s">
        <v>184109</v>
      </c>
      <c r="F54732" s="1" t="s">
        <v>184110</v>
      </c>
      <c r="G54732" s="1" t="s">
        <v>184059</v>
      </c>
      <c r="H54732" s="1" t="s">
        <v>184060</v>
      </c>
      <c r="I54732" s="1" t="s">
        <v>182766</v>
      </c>
      <c r="J54732" s="1" t="s">
        <v>184111</v>
      </c>
    </row>
    <row r="54733" spans="1:10" x14ac:dyDescent="0.35">
      <c r="A54733" s="1" t="s">
        <v>109789</v>
      </c>
      <c r="B54733" s="1" t="s">
        <v>182761</v>
      </c>
      <c r="C54733" s="1" t="s">
        <v>95</v>
      </c>
      <c r="D54733" s="1" t="s">
        <v>184112</v>
      </c>
      <c r="E54733" s="1" t="s">
        <v>184113</v>
      </c>
      <c r="F54733" s="1" t="s">
        <v>184114</v>
      </c>
      <c r="G54733" s="1" t="s">
        <v>184059</v>
      </c>
      <c r="H54733" s="1" t="s">
        <v>184060</v>
      </c>
      <c r="I54733" s="1" t="s">
        <v>182766</v>
      </c>
      <c r="J54733" s="1" t="s">
        <v>184115</v>
      </c>
    </row>
    <row r="54734" spans="1:10" x14ac:dyDescent="0.35">
      <c r="A54734" s="1" t="s">
        <v>109789</v>
      </c>
      <c r="B54734" s="1" t="s">
        <v>182761</v>
      </c>
      <c r="C54734" s="1" t="s">
        <v>100</v>
      </c>
      <c r="D54734" s="1" t="s">
        <v>101286</v>
      </c>
      <c r="E54734" s="1" t="s">
        <v>184116</v>
      </c>
      <c r="F54734" s="1" t="s">
        <v>184117</v>
      </c>
      <c r="G54734" s="1" t="s">
        <v>184059</v>
      </c>
      <c r="H54734" s="1" t="s">
        <v>184060</v>
      </c>
      <c r="I54734" s="1" t="s">
        <v>182766</v>
      </c>
      <c r="J54734" s="1" t="s">
        <v>184118</v>
      </c>
    </row>
    <row r="54735" spans="1:10" x14ac:dyDescent="0.35">
      <c r="A54735" s="1" t="s">
        <v>109789</v>
      </c>
      <c r="B54735" s="1" t="s">
        <v>182761</v>
      </c>
      <c r="C54735" s="1" t="s">
        <v>105</v>
      </c>
      <c r="D54735" s="1" t="s">
        <v>64705</v>
      </c>
      <c r="E54735" s="1" t="s">
        <v>184119</v>
      </c>
      <c r="F54735" s="1" t="s">
        <v>184120</v>
      </c>
      <c r="G54735" s="1" t="s">
        <v>184059</v>
      </c>
      <c r="H54735" s="1" t="s">
        <v>184060</v>
      </c>
      <c r="I54735" s="1" t="s">
        <v>182766</v>
      </c>
      <c r="J54735" s="1" t="s">
        <v>184121</v>
      </c>
    </row>
    <row r="54736" spans="1:10" x14ac:dyDescent="0.35">
      <c r="A54736" s="1" t="s">
        <v>109789</v>
      </c>
      <c r="B54736" s="1" t="s">
        <v>182761</v>
      </c>
      <c r="C54736" s="1" t="s">
        <v>110</v>
      </c>
      <c r="D54736" s="1" t="s">
        <v>9520</v>
      </c>
      <c r="E54736" s="1" t="s">
        <v>184122</v>
      </c>
      <c r="F54736" s="1" t="s">
        <v>184123</v>
      </c>
      <c r="G54736" s="1" t="s">
        <v>184059</v>
      </c>
      <c r="H54736" s="1" t="s">
        <v>184060</v>
      </c>
      <c r="I54736" s="1" t="s">
        <v>182766</v>
      </c>
      <c r="J54736" s="1" t="s">
        <v>184124</v>
      </c>
    </row>
    <row r="54737" spans="1:10" x14ac:dyDescent="0.35">
      <c r="A54737" s="1" t="s">
        <v>109789</v>
      </c>
      <c r="B54737" s="1" t="s">
        <v>182761</v>
      </c>
      <c r="C54737" s="1" t="s">
        <v>115</v>
      </c>
      <c r="D54737" s="1" t="s">
        <v>177929</v>
      </c>
      <c r="E54737" s="1" t="s">
        <v>184125</v>
      </c>
      <c r="F54737" s="1" t="s">
        <v>184126</v>
      </c>
      <c r="G54737" s="1" t="s">
        <v>184059</v>
      </c>
      <c r="H54737" s="1" t="s">
        <v>184060</v>
      </c>
      <c r="I54737" s="1" t="s">
        <v>182766</v>
      </c>
      <c r="J54737" s="1" t="s">
        <v>184127</v>
      </c>
    </row>
    <row r="54738" spans="1:10" x14ac:dyDescent="0.35">
      <c r="A54738" s="1" t="s">
        <v>109789</v>
      </c>
      <c r="B54738" s="1" t="s">
        <v>182761</v>
      </c>
      <c r="C54738" s="1" t="s">
        <v>120</v>
      </c>
      <c r="D54738" s="1" t="s">
        <v>101213</v>
      </c>
      <c r="E54738" s="1" t="s">
        <v>184128</v>
      </c>
      <c r="F54738" s="1" t="s">
        <v>184129</v>
      </c>
      <c r="G54738" s="1" t="s">
        <v>184059</v>
      </c>
      <c r="H54738" s="1" t="s">
        <v>184060</v>
      </c>
      <c r="I54738" s="1" t="s">
        <v>182766</v>
      </c>
      <c r="J54738" s="1" t="s">
        <v>184130</v>
      </c>
    </row>
    <row r="54739" spans="1:10" x14ac:dyDescent="0.35">
      <c r="A54739" s="1" t="s">
        <v>109789</v>
      </c>
      <c r="B54739" s="1" t="s">
        <v>182761</v>
      </c>
      <c r="C54739" s="1" t="s">
        <v>125</v>
      </c>
      <c r="D54739" s="1" t="s">
        <v>178916</v>
      </c>
      <c r="E54739" s="1" t="s">
        <v>184131</v>
      </c>
      <c r="F54739" s="1" t="s">
        <v>184132</v>
      </c>
      <c r="G54739" s="1" t="s">
        <v>184059</v>
      </c>
      <c r="H54739" s="1" t="s">
        <v>184060</v>
      </c>
      <c r="I54739" s="1" t="s">
        <v>182766</v>
      </c>
      <c r="J54739" s="1" t="s">
        <v>184133</v>
      </c>
    </row>
    <row r="54740" spans="1:10" x14ac:dyDescent="0.35">
      <c r="A54740" s="1" t="s">
        <v>109789</v>
      </c>
      <c r="B54740" s="1" t="s">
        <v>182761</v>
      </c>
      <c r="C54740" s="1" t="s">
        <v>130</v>
      </c>
      <c r="D54740" s="1" t="s">
        <v>184134</v>
      </c>
      <c r="E54740" s="1" t="s">
        <v>184135</v>
      </c>
      <c r="F54740" s="1" t="s">
        <v>184136</v>
      </c>
      <c r="G54740" s="1" t="s">
        <v>184059</v>
      </c>
      <c r="H54740" s="1" t="s">
        <v>184060</v>
      </c>
      <c r="I54740" s="1" t="s">
        <v>182766</v>
      </c>
      <c r="J54740" s="1" t="s">
        <v>184137</v>
      </c>
    </row>
    <row r="54741" spans="1:10" x14ac:dyDescent="0.35">
      <c r="A54741" s="1" t="s">
        <v>109789</v>
      </c>
      <c r="B54741" s="1" t="s">
        <v>182761</v>
      </c>
      <c r="C54741" s="1" t="s">
        <v>135</v>
      </c>
      <c r="D54741" s="1" t="s">
        <v>67587</v>
      </c>
      <c r="E54741" s="1" t="s">
        <v>184138</v>
      </c>
      <c r="F54741" s="1" t="s">
        <v>184139</v>
      </c>
      <c r="G54741" s="1" t="s">
        <v>184059</v>
      </c>
      <c r="H54741" s="1" t="s">
        <v>184060</v>
      </c>
      <c r="I54741" s="1" t="s">
        <v>182766</v>
      </c>
      <c r="J54741" s="1" t="s">
        <v>184140</v>
      </c>
    </row>
    <row r="54742" spans="1:10" x14ac:dyDescent="0.35">
      <c r="A54742" s="1" t="s">
        <v>109789</v>
      </c>
      <c r="B54742" s="1" t="s">
        <v>182761</v>
      </c>
      <c r="C54742" s="1" t="s">
        <v>140</v>
      </c>
      <c r="D54742" s="1" t="s">
        <v>139112</v>
      </c>
      <c r="E54742" s="1" t="s">
        <v>184141</v>
      </c>
      <c r="F54742" s="1" t="s">
        <v>184142</v>
      </c>
      <c r="G54742" s="1" t="s">
        <v>184059</v>
      </c>
      <c r="H54742" s="1" t="s">
        <v>184060</v>
      </c>
      <c r="I54742" s="1" t="s">
        <v>182766</v>
      </c>
      <c r="J54742" s="1" t="s">
        <v>184143</v>
      </c>
    </row>
    <row r="54743" spans="1:10" x14ac:dyDescent="0.35">
      <c r="A54743" s="1" t="s">
        <v>109789</v>
      </c>
      <c r="B54743" s="1" t="s">
        <v>182761</v>
      </c>
      <c r="C54743" s="1" t="s">
        <v>145</v>
      </c>
      <c r="D54743" s="1" t="s">
        <v>184144</v>
      </c>
      <c r="E54743" s="1" t="s">
        <v>184145</v>
      </c>
      <c r="F54743" s="1" t="s">
        <v>184146</v>
      </c>
      <c r="G54743" s="1" t="s">
        <v>184059</v>
      </c>
      <c r="H54743" s="1" t="s">
        <v>184060</v>
      </c>
      <c r="I54743" s="1" t="s">
        <v>182766</v>
      </c>
      <c r="J54743" s="1" t="s">
        <v>184147</v>
      </c>
    </row>
    <row r="54744" spans="1:10" x14ac:dyDescent="0.35">
      <c r="A54744" s="1" t="s">
        <v>109789</v>
      </c>
      <c r="B54744" s="1" t="s">
        <v>182761</v>
      </c>
      <c r="C54744" s="1" t="s">
        <v>150</v>
      </c>
      <c r="D54744" s="1" t="s">
        <v>184148</v>
      </c>
      <c r="E54744" s="1" t="s">
        <v>184149</v>
      </c>
      <c r="F54744" s="1" t="s">
        <v>184150</v>
      </c>
      <c r="G54744" s="1" t="s">
        <v>184059</v>
      </c>
      <c r="H54744" s="1" t="s">
        <v>184060</v>
      </c>
      <c r="I54744" s="1" t="s">
        <v>182766</v>
      </c>
      <c r="J54744" s="1" t="s">
        <v>184151</v>
      </c>
    </row>
    <row r="54745" spans="1:10" x14ac:dyDescent="0.35">
      <c r="A54745" s="1" t="s">
        <v>109789</v>
      </c>
      <c r="B54745" s="1" t="s">
        <v>182761</v>
      </c>
      <c r="C54745" s="1" t="s">
        <v>155</v>
      </c>
      <c r="D54745" s="1" t="s">
        <v>21500</v>
      </c>
      <c r="E54745" s="1" t="s">
        <v>184152</v>
      </c>
      <c r="F54745" s="1" t="s">
        <v>184153</v>
      </c>
      <c r="G54745" s="1" t="s">
        <v>184059</v>
      </c>
      <c r="H54745" s="1" t="s">
        <v>184060</v>
      </c>
      <c r="I54745" s="1" t="s">
        <v>182766</v>
      </c>
      <c r="J54745" s="1" t="s">
        <v>184154</v>
      </c>
    </row>
    <row r="54746" spans="1:10" x14ac:dyDescent="0.35">
      <c r="A54746" s="1" t="s">
        <v>109789</v>
      </c>
      <c r="B54746" s="1" t="s">
        <v>182761</v>
      </c>
      <c r="C54746" s="1" t="s">
        <v>160</v>
      </c>
      <c r="D54746" s="1" t="s">
        <v>184155</v>
      </c>
      <c r="E54746" s="1" t="s">
        <v>184156</v>
      </c>
      <c r="F54746" s="1" t="s">
        <v>184157</v>
      </c>
      <c r="G54746" s="1" t="s">
        <v>184059</v>
      </c>
      <c r="H54746" s="1" t="s">
        <v>184060</v>
      </c>
      <c r="I54746" s="1" t="s">
        <v>182766</v>
      </c>
      <c r="J54746" s="1" t="s">
        <v>184158</v>
      </c>
    </row>
    <row r="54747" spans="1:10" x14ac:dyDescent="0.35">
      <c r="A54747" s="1" t="s">
        <v>109789</v>
      </c>
      <c r="B54747" s="1" t="s">
        <v>182761</v>
      </c>
      <c r="C54747" s="1" t="s">
        <v>165</v>
      </c>
      <c r="D54747" s="1" t="s">
        <v>24794</v>
      </c>
      <c r="E54747" s="1" t="s">
        <v>184159</v>
      </c>
      <c r="F54747" s="1" t="s">
        <v>184160</v>
      </c>
      <c r="G54747" s="1" t="s">
        <v>184059</v>
      </c>
      <c r="H54747" s="1" t="s">
        <v>184060</v>
      </c>
      <c r="I54747" s="1" t="s">
        <v>182766</v>
      </c>
      <c r="J54747" s="1" t="s">
        <v>184161</v>
      </c>
    </row>
    <row r="54748" spans="1:10" x14ac:dyDescent="0.35">
      <c r="A54748" s="1" t="s">
        <v>109789</v>
      </c>
      <c r="B54748" s="1" t="s">
        <v>182761</v>
      </c>
      <c r="C54748" s="1" t="s">
        <v>170</v>
      </c>
      <c r="D54748" s="1" t="s">
        <v>133881</v>
      </c>
      <c r="E54748" s="1" t="s">
        <v>184162</v>
      </c>
      <c r="F54748" s="1" t="s">
        <v>184163</v>
      </c>
      <c r="G54748" s="1" t="s">
        <v>184059</v>
      </c>
      <c r="H54748" s="1" t="s">
        <v>184060</v>
      </c>
      <c r="I54748" s="1" t="s">
        <v>182766</v>
      </c>
      <c r="J54748" s="1" t="s">
        <v>184164</v>
      </c>
    </row>
    <row r="54749" spans="1:10" x14ac:dyDescent="0.35">
      <c r="A54749" s="1" t="s">
        <v>27615</v>
      </c>
      <c r="B54749" s="1" t="s">
        <v>182761</v>
      </c>
      <c r="C54749" s="1" t="s">
        <v>8</v>
      </c>
      <c r="D54749" s="1" t="s">
        <v>184165</v>
      </c>
      <c r="E54749" s="1" t="s">
        <v>184166</v>
      </c>
      <c r="F54749" s="1" t="s">
        <v>184167</v>
      </c>
      <c r="G54749" s="1" t="s">
        <v>184168</v>
      </c>
      <c r="H54749" s="1" t="s">
        <v>184169</v>
      </c>
      <c r="I54749" s="1" t="s">
        <v>182766</v>
      </c>
      <c r="J54749" s="1" t="s">
        <v>13</v>
      </c>
    </row>
    <row r="54750" spans="1:10" x14ac:dyDescent="0.35">
      <c r="A54750" s="1" t="s">
        <v>27615</v>
      </c>
      <c r="B54750" s="1" t="s">
        <v>182761</v>
      </c>
      <c r="C54750" s="1" t="s">
        <v>15</v>
      </c>
      <c r="D54750" s="1" t="s">
        <v>177682</v>
      </c>
      <c r="E54750" s="1" t="s">
        <v>184170</v>
      </c>
      <c r="F54750" s="1" t="s">
        <v>184171</v>
      </c>
      <c r="G54750" s="1" t="s">
        <v>184168</v>
      </c>
      <c r="H54750" s="1" t="s">
        <v>184169</v>
      </c>
      <c r="I54750" s="1" t="s">
        <v>182766</v>
      </c>
      <c r="J54750" s="1" t="s">
        <v>184172</v>
      </c>
    </row>
    <row r="54751" spans="1:10" x14ac:dyDescent="0.35">
      <c r="A54751" s="1" t="s">
        <v>27615</v>
      </c>
      <c r="B54751" s="1" t="s">
        <v>182761</v>
      </c>
      <c r="C54751" s="1" t="s">
        <v>20</v>
      </c>
      <c r="D54751" s="1" t="s">
        <v>45947</v>
      </c>
      <c r="E54751" s="1" t="s">
        <v>184173</v>
      </c>
      <c r="F54751" s="1" t="s">
        <v>184174</v>
      </c>
      <c r="G54751" s="1" t="s">
        <v>184168</v>
      </c>
      <c r="H54751" s="1" t="s">
        <v>184169</v>
      </c>
      <c r="I54751" s="1" t="s">
        <v>182766</v>
      </c>
      <c r="J54751" s="1" t="s">
        <v>184175</v>
      </c>
    </row>
    <row r="54752" spans="1:10" x14ac:dyDescent="0.35">
      <c r="A54752" s="1" t="s">
        <v>27615</v>
      </c>
      <c r="B54752" s="1" t="s">
        <v>182761</v>
      </c>
      <c r="C54752" s="1" t="s">
        <v>25</v>
      </c>
      <c r="D54752" s="1" t="s">
        <v>184176</v>
      </c>
      <c r="E54752" s="1" t="s">
        <v>184177</v>
      </c>
      <c r="F54752" s="1" t="s">
        <v>184178</v>
      </c>
      <c r="G54752" s="1" t="s">
        <v>184168</v>
      </c>
      <c r="H54752" s="1" t="s">
        <v>184169</v>
      </c>
      <c r="I54752" s="1" t="s">
        <v>182766</v>
      </c>
      <c r="J54752" s="1" t="s">
        <v>184179</v>
      </c>
    </row>
    <row r="54753" spans="1:10" x14ac:dyDescent="0.35">
      <c r="A54753" s="1" t="s">
        <v>27615</v>
      </c>
      <c r="B54753" s="1" t="s">
        <v>182761</v>
      </c>
      <c r="C54753" s="1" t="s">
        <v>30</v>
      </c>
      <c r="D54753" s="1" t="s">
        <v>14390</v>
      </c>
      <c r="E54753" s="1" t="s">
        <v>184180</v>
      </c>
      <c r="F54753" s="1" t="s">
        <v>184181</v>
      </c>
      <c r="G54753" s="1" t="s">
        <v>184168</v>
      </c>
      <c r="H54753" s="1" t="s">
        <v>184169</v>
      </c>
      <c r="I54753" s="1" t="s">
        <v>182766</v>
      </c>
      <c r="J54753" s="1" t="s">
        <v>184182</v>
      </c>
    </row>
    <row r="54754" spans="1:10" x14ac:dyDescent="0.35">
      <c r="A54754" s="1" t="s">
        <v>27615</v>
      </c>
      <c r="B54754" s="1" t="s">
        <v>182761</v>
      </c>
      <c r="C54754" s="1" t="s">
        <v>35</v>
      </c>
      <c r="D54754" s="1" t="s">
        <v>173105</v>
      </c>
      <c r="E54754" s="1" t="s">
        <v>184183</v>
      </c>
      <c r="F54754" s="1" t="s">
        <v>184184</v>
      </c>
      <c r="G54754" s="1" t="s">
        <v>184168</v>
      </c>
      <c r="H54754" s="1" t="s">
        <v>184169</v>
      </c>
      <c r="I54754" s="1" t="s">
        <v>182766</v>
      </c>
      <c r="J54754" s="1" t="s">
        <v>184185</v>
      </c>
    </row>
    <row r="54755" spans="1:10" x14ac:dyDescent="0.35">
      <c r="A54755" s="1" t="s">
        <v>27615</v>
      </c>
      <c r="B54755" s="1" t="s">
        <v>182761</v>
      </c>
      <c r="C54755" s="1" t="s">
        <v>40</v>
      </c>
      <c r="D54755" s="1" t="s">
        <v>184186</v>
      </c>
      <c r="E54755" s="1" t="s">
        <v>184187</v>
      </c>
      <c r="F54755" s="1" t="s">
        <v>184188</v>
      </c>
      <c r="G54755" s="1" t="s">
        <v>184168</v>
      </c>
      <c r="H54755" s="1" t="s">
        <v>184169</v>
      </c>
      <c r="I54755" s="1" t="s">
        <v>182766</v>
      </c>
      <c r="J54755" s="1" t="s">
        <v>184189</v>
      </c>
    </row>
    <row r="54756" spans="1:10" x14ac:dyDescent="0.35">
      <c r="A54756" s="1" t="s">
        <v>27615</v>
      </c>
      <c r="B54756" s="1" t="s">
        <v>182761</v>
      </c>
      <c r="C54756" s="1" t="s">
        <v>45</v>
      </c>
      <c r="D54756" s="1" t="s">
        <v>46053</v>
      </c>
      <c r="E54756" s="1" t="s">
        <v>184190</v>
      </c>
      <c r="F54756" s="1" t="s">
        <v>184191</v>
      </c>
      <c r="G54756" s="1" t="s">
        <v>184168</v>
      </c>
      <c r="H54756" s="1" t="s">
        <v>184169</v>
      </c>
      <c r="I54756" s="1" t="s">
        <v>182766</v>
      </c>
      <c r="J54756" s="1" t="s">
        <v>184192</v>
      </c>
    </row>
    <row r="54757" spans="1:10" x14ac:dyDescent="0.35">
      <c r="A54757" s="1" t="s">
        <v>27615</v>
      </c>
      <c r="B54757" s="1" t="s">
        <v>182761</v>
      </c>
      <c r="C54757" s="1" t="s">
        <v>50</v>
      </c>
      <c r="D54757" s="1" t="s">
        <v>104275</v>
      </c>
      <c r="E54757" s="1" t="s">
        <v>184193</v>
      </c>
      <c r="F54757" s="1" t="s">
        <v>184194</v>
      </c>
      <c r="G54757" s="1" t="s">
        <v>184168</v>
      </c>
      <c r="H54757" s="1" t="s">
        <v>184169</v>
      </c>
      <c r="I54757" s="1" t="s">
        <v>182766</v>
      </c>
      <c r="J54757" s="1" t="s">
        <v>184195</v>
      </c>
    </row>
    <row r="54758" spans="1:10" x14ac:dyDescent="0.35">
      <c r="A54758" s="1" t="s">
        <v>27615</v>
      </c>
      <c r="B54758" s="1" t="s">
        <v>182761</v>
      </c>
      <c r="C54758" s="1" t="s">
        <v>55</v>
      </c>
      <c r="D54758" s="1" t="s">
        <v>3188</v>
      </c>
      <c r="E54758" s="1" t="s">
        <v>184196</v>
      </c>
      <c r="F54758" s="1" t="s">
        <v>184197</v>
      </c>
      <c r="G54758" s="1" t="s">
        <v>184168</v>
      </c>
      <c r="H54758" s="1" t="s">
        <v>184169</v>
      </c>
      <c r="I54758" s="1" t="s">
        <v>182766</v>
      </c>
      <c r="J54758" s="1" t="s">
        <v>184198</v>
      </c>
    </row>
    <row r="54759" spans="1:10" x14ac:dyDescent="0.35">
      <c r="A54759" s="1" t="s">
        <v>27615</v>
      </c>
      <c r="B54759" s="1" t="s">
        <v>182761</v>
      </c>
      <c r="C54759" s="1" t="s">
        <v>60</v>
      </c>
      <c r="D54759" s="1" t="s">
        <v>179278</v>
      </c>
      <c r="E54759" s="1" t="s">
        <v>184199</v>
      </c>
      <c r="F54759" s="1" t="s">
        <v>184200</v>
      </c>
      <c r="G54759" s="1" t="s">
        <v>184168</v>
      </c>
      <c r="H54759" s="1" t="s">
        <v>184169</v>
      </c>
      <c r="I54759" s="1" t="s">
        <v>182766</v>
      </c>
      <c r="J54759" s="1" t="s">
        <v>184201</v>
      </c>
    </row>
    <row r="54760" spans="1:10" x14ac:dyDescent="0.35">
      <c r="A54760" s="1" t="s">
        <v>27615</v>
      </c>
      <c r="B54760" s="1" t="s">
        <v>182761</v>
      </c>
      <c r="C54760" s="1" t="s">
        <v>65</v>
      </c>
      <c r="D54760" s="1" t="s">
        <v>184202</v>
      </c>
      <c r="E54760" s="1" t="s">
        <v>184203</v>
      </c>
      <c r="F54760" s="1" t="s">
        <v>184204</v>
      </c>
      <c r="G54760" s="1" t="s">
        <v>184168</v>
      </c>
      <c r="H54760" s="1" t="s">
        <v>184169</v>
      </c>
      <c r="I54760" s="1" t="s">
        <v>182766</v>
      </c>
      <c r="J54760" s="1" t="s">
        <v>184205</v>
      </c>
    </row>
    <row r="54761" spans="1:10" x14ac:dyDescent="0.35">
      <c r="A54761" s="1" t="s">
        <v>27615</v>
      </c>
      <c r="B54761" s="1" t="s">
        <v>182761</v>
      </c>
      <c r="C54761" s="1" t="s">
        <v>70</v>
      </c>
      <c r="D54761" s="1" t="s">
        <v>184206</v>
      </c>
      <c r="E54761" s="1" t="s">
        <v>184207</v>
      </c>
      <c r="F54761" s="1" t="s">
        <v>184208</v>
      </c>
      <c r="G54761" s="1" t="s">
        <v>184168</v>
      </c>
      <c r="H54761" s="1" t="s">
        <v>184169</v>
      </c>
      <c r="I54761" s="1" t="s">
        <v>182766</v>
      </c>
      <c r="J54761" s="1" t="s">
        <v>184209</v>
      </c>
    </row>
    <row r="54762" spans="1:10" x14ac:dyDescent="0.35">
      <c r="A54762" s="1" t="s">
        <v>27615</v>
      </c>
      <c r="B54762" s="1" t="s">
        <v>182761</v>
      </c>
      <c r="C54762" s="1" t="s">
        <v>75</v>
      </c>
      <c r="D54762" s="1" t="s">
        <v>100894</v>
      </c>
      <c r="E54762" s="1" t="s">
        <v>184210</v>
      </c>
      <c r="F54762" s="1" t="s">
        <v>184211</v>
      </c>
      <c r="G54762" s="1" t="s">
        <v>184168</v>
      </c>
      <c r="H54762" s="1" t="s">
        <v>184169</v>
      </c>
      <c r="I54762" s="1" t="s">
        <v>182766</v>
      </c>
      <c r="J54762" s="1" t="s">
        <v>184212</v>
      </c>
    </row>
    <row r="54763" spans="1:10" x14ac:dyDescent="0.35">
      <c r="A54763" s="1" t="s">
        <v>27615</v>
      </c>
      <c r="B54763" s="1" t="s">
        <v>182761</v>
      </c>
      <c r="C54763" s="1" t="s">
        <v>80</v>
      </c>
      <c r="D54763" s="1" t="s">
        <v>184213</v>
      </c>
      <c r="E54763" s="1" t="s">
        <v>184214</v>
      </c>
      <c r="F54763" s="1" t="s">
        <v>184215</v>
      </c>
      <c r="G54763" s="1" t="s">
        <v>184168</v>
      </c>
      <c r="H54763" s="1" t="s">
        <v>184169</v>
      </c>
      <c r="I54763" s="1" t="s">
        <v>182766</v>
      </c>
      <c r="J54763" s="1" t="s">
        <v>184216</v>
      </c>
    </row>
    <row r="54764" spans="1:10" x14ac:dyDescent="0.35">
      <c r="A54764" s="1" t="s">
        <v>27615</v>
      </c>
      <c r="B54764" s="1" t="s">
        <v>182761</v>
      </c>
      <c r="C54764" s="1" t="s">
        <v>85</v>
      </c>
      <c r="D54764" s="1" t="s">
        <v>184217</v>
      </c>
      <c r="E54764" s="1" t="s">
        <v>184218</v>
      </c>
      <c r="F54764" s="1" t="s">
        <v>184219</v>
      </c>
      <c r="G54764" s="1" t="s">
        <v>184168</v>
      </c>
      <c r="H54764" s="1" t="s">
        <v>184169</v>
      </c>
      <c r="I54764" s="1" t="s">
        <v>182766</v>
      </c>
      <c r="J54764" s="1" t="s">
        <v>184220</v>
      </c>
    </row>
    <row r="54765" spans="1:10" x14ac:dyDescent="0.35">
      <c r="A54765" s="1" t="s">
        <v>27615</v>
      </c>
      <c r="B54765" s="1" t="s">
        <v>182761</v>
      </c>
      <c r="C54765" s="1" t="s">
        <v>90</v>
      </c>
      <c r="D54765" s="1" t="s">
        <v>52485</v>
      </c>
      <c r="E54765" s="1" t="s">
        <v>184221</v>
      </c>
      <c r="F54765" s="1" t="s">
        <v>184222</v>
      </c>
      <c r="G54765" s="1" t="s">
        <v>184168</v>
      </c>
      <c r="H54765" s="1" t="s">
        <v>184169</v>
      </c>
      <c r="I54765" s="1" t="s">
        <v>182766</v>
      </c>
      <c r="J54765" s="1" t="s">
        <v>184223</v>
      </c>
    </row>
    <row r="54766" spans="1:10" x14ac:dyDescent="0.35">
      <c r="A54766" s="1" t="s">
        <v>27615</v>
      </c>
      <c r="B54766" s="1" t="s">
        <v>182761</v>
      </c>
      <c r="C54766" s="1" t="s">
        <v>95</v>
      </c>
      <c r="D54766" s="1" t="s">
        <v>149528</v>
      </c>
      <c r="E54766" s="1" t="s">
        <v>184224</v>
      </c>
      <c r="F54766" s="1" t="s">
        <v>184225</v>
      </c>
      <c r="G54766" s="1" t="s">
        <v>184168</v>
      </c>
      <c r="H54766" s="1" t="s">
        <v>184169</v>
      </c>
      <c r="I54766" s="1" t="s">
        <v>182766</v>
      </c>
      <c r="J54766" s="1" t="s">
        <v>184226</v>
      </c>
    </row>
    <row r="54767" spans="1:10" x14ac:dyDescent="0.35">
      <c r="A54767" s="1" t="s">
        <v>27615</v>
      </c>
      <c r="B54767" s="1" t="s">
        <v>182761</v>
      </c>
      <c r="C54767" s="1" t="s">
        <v>100</v>
      </c>
      <c r="D54767" s="1" t="s">
        <v>169174</v>
      </c>
      <c r="E54767" s="1" t="s">
        <v>184227</v>
      </c>
      <c r="F54767" s="1" t="s">
        <v>184228</v>
      </c>
      <c r="G54767" s="1" t="s">
        <v>184168</v>
      </c>
      <c r="H54767" s="1" t="s">
        <v>184169</v>
      </c>
      <c r="I54767" s="1" t="s">
        <v>182766</v>
      </c>
      <c r="J54767" s="1" t="s">
        <v>184229</v>
      </c>
    </row>
    <row r="54768" spans="1:10" x14ac:dyDescent="0.35">
      <c r="A54768" s="1" t="s">
        <v>27615</v>
      </c>
      <c r="B54768" s="1" t="s">
        <v>182761</v>
      </c>
      <c r="C54768" s="1" t="s">
        <v>105</v>
      </c>
      <c r="D54768" s="1" t="s">
        <v>130660</v>
      </c>
      <c r="E54768" s="1" t="s">
        <v>184230</v>
      </c>
      <c r="F54768" s="1" t="s">
        <v>184231</v>
      </c>
      <c r="G54768" s="1" t="s">
        <v>184168</v>
      </c>
      <c r="H54768" s="1" t="s">
        <v>184169</v>
      </c>
      <c r="I54768" s="1" t="s">
        <v>182766</v>
      </c>
      <c r="J54768" s="1" t="s">
        <v>184232</v>
      </c>
    </row>
    <row r="54769" spans="1:10" x14ac:dyDescent="0.35">
      <c r="A54769" s="1" t="s">
        <v>27615</v>
      </c>
      <c r="B54769" s="1" t="s">
        <v>182761</v>
      </c>
      <c r="C54769" s="1" t="s">
        <v>110</v>
      </c>
      <c r="D54769" s="1" t="s">
        <v>184233</v>
      </c>
      <c r="E54769" s="1" t="s">
        <v>92572</v>
      </c>
      <c r="F54769" s="1" t="s">
        <v>184234</v>
      </c>
      <c r="G54769" s="1" t="s">
        <v>184168</v>
      </c>
      <c r="H54769" s="1" t="s">
        <v>184169</v>
      </c>
      <c r="I54769" s="1" t="s">
        <v>182766</v>
      </c>
      <c r="J54769" s="1" t="s">
        <v>184235</v>
      </c>
    </row>
    <row r="54770" spans="1:10" x14ac:dyDescent="0.35">
      <c r="A54770" s="1" t="s">
        <v>27615</v>
      </c>
      <c r="B54770" s="1" t="s">
        <v>182761</v>
      </c>
      <c r="C54770" s="1" t="s">
        <v>115</v>
      </c>
      <c r="D54770" s="1" t="s">
        <v>90277</v>
      </c>
      <c r="E54770" s="1" t="s">
        <v>184236</v>
      </c>
      <c r="F54770" s="1" t="s">
        <v>184237</v>
      </c>
      <c r="G54770" s="1" t="s">
        <v>184168</v>
      </c>
      <c r="H54770" s="1" t="s">
        <v>184169</v>
      </c>
      <c r="I54770" s="1" t="s">
        <v>182766</v>
      </c>
      <c r="J54770" s="1" t="s">
        <v>184238</v>
      </c>
    </row>
    <row r="54771" spans="1:10" x14ac:dyDescent="0.35">
      <c r="A54771" s="1" t="s">
        <v>27615</v>
      </c>
      <c r="B54771" s="1" t="s">
        <v>182761</v>
      </c>
      <c r="C54771" s="1" t="s">
        <v>120</v>
      </c>
      <c r="D54771" s="1" t="s">
        <v>9500</v>
      </c>
      <c r="E54771" s="1" t="s">
        <v>184239</v>
      </c>
      <c r="F54771" s="1" t="s">
        <v>184240</v>
      </c>
      <c r="G54771" s="1" t="s">
        <v>184168</v>
      </c>
      <c r="H54771" s="1" t="s">
        <v>184169</v>
      </c>
      <c r="I54771" s="1" t="s">
        <v>182766</v>
      </c>
      <c r="J54771" s="1" t="s">
        <v>184241</v>
      </c>
    </row>
    <row r="54772" spans="1:10" x14ac:dyDescent="0.35">
      <c r="A54772" s="1" t="s">
        <v>27615</v>
      </c>
      <c r="B54772" s="1" t="s">
        <v>182761</v>
      </c>
      <c r="C54772" s="1" t="s">
        <v>125</v>
      </c>
      <c r="D54772" s="1" t="s">
        <v>55739</v>
      </c>
      <c r="E54772" s="1" t="s">
        <v>184242</v>
      </c>
      <c r="F54772" s="1" t="s">
        <v>184243</v>
      </c>
      <c r="G54772" s="1" t="s">
        <v>184168</v>
      </c>
      <c r="H54772" s="1" t="s">
        <v>184169</v>
      </c>
      <c r="I54772" s="1" t="s">
        <v>182766</v>
      </c>
      <c r="J54772" s="1" t="s">
        <v>184244</v>
      </c>
    </row>
    <row r="54773" spans="1:10" x14ac:dyDescent="0.35">
      <c r="A54773" s="1" t="s">
        <v>27615</v>
      </c>
      <c r="B54773" s="1" t="s">
        <v>182761</v>
      </c>
      <c r="C54773" s="1" t="s">
        <v>130</v>
      </c>
      <c r="D54773" s="1" t="s">
        <v>56130</v>
      </c>
      <c r="E54773" s="1" t="s">
        <v>184245</v>
      </c>
      <c r="F54773" s="1" t="s">
        <v>184246</v>
      </c>
      <c r="G54773" s="1" t="s">
        <v>184168</v>
      </c>
      <c r="H54773" s="1" t="s">
        <v>184169</v>
      </c>
      <c r="I54773" s="1" t="s">
        <v>182766</v>
      </c>
      <c r="J54773" s="1" t="s">
        <v>184247</v>
      </c>
    </row>
    <row r="54774" spans="1:10" x14ac:dyDescent="0.35">
      <c r="A54774" s="1" t="s">
        <v>27615</v>
      </c>
      <c r="B54774" s="1" t="s">
        <v>182761</v>
      </c>
      <c r="C54774" s="1" t="s">
        <v>135</v>
      </c>
      <c r="D54774" s="1" t="s">
        <v>184248</v>
      </c>
      <c r="E54774" s="1" t="s">
        <v>184249</v>
      </c>
      <c r="F54774" s="1" t="s">
        <v>184250</v>
      </c>
      <c r="G54774" s="1" t="s">
        <v>184168</v>
      </c>
      <c r="H54774" s="1" t="s">
        <v>184169</v>
      </c>
      <c r="I54774" s="1" t="s">
        <v>182766</v>
      </c>
      <c r="J54774" s="1" t="s">
        <v>184251</v>
      </c>
    </row>
    <row r="54775" spans="1:10" x14ac:dyDescent="0.35">
      <c r="A54775" s="1" t="s">
        <v>27615</v>
      </c>
      <c r="B54775" s="1" t="s">
        <v>182761</v>
      </c>
      <c r="C54775" s="1" t="s">
        <v>140</v>
      </c>
      <c r="D54775" s="1" t="s">
        <v>109318</v>
      </c>
      <c r="E54775" s="1" t="s">
        <v>184252</v>
      </c>
      <c r="F54775" s="1" t="s">
        <v>184253</v>
      </c>
      <c r="G54775" s="1" t="s">
        <v>184168</v>
      </c>
      <c r="H54775" s="1" t="s">
        <v>184169</v>
      </c>
      <c r="I54775" s="1" t="s">
        <v>182766</v>
      </c>
      <c r="J54775" s="1" t="s">
        <v>184254</v>
      </c>
    </row>
    <row r="54776" spans="1:10" x14ac:dyDescent="0.35">
      <c r="A54776" s="1" t="s">
        <v>27615</v>
      </c>
      <c r="B54776" s="1" t="s">
        <v>182761</v>
      </c>
      <c r="C54776" s="1" t="s">
        <v>145</v>
      </c>
      <c r="D54776" s="1" t="s">
        <v>64773</v>
      </c>
      <c r="E54776" s="1" t="s">
        <v>184255</v>
      </c>
      <c r="F54776" s="1" t="s">
        <v>184256</v>
      </c>
      <c r="G54776" s="1" t="s">
        <v>184168</v>
      </c>
      <c r="H54776" s="1" t="s">
        <v>184169</v>
      </c>
      <c r="I54776" s="1" t="s">
        <v>182766</v>
      </c>
      <c r="J54776" s="1" t="s">
        <v>184257</v>
      </c>
    </row>
    <row r="54777" spans="1:10" x14ac:dyDescent="0.35">
      <c r="A54777" s="1" t="s">
        <v>27615</v>
      </c>
      <c r="B54777" s="1" t="s">
        <v>182761</v>
      </c>
      <c r="C54777" s="1" t="s">
        <v>150</v>
      </c>
      <c r="D54777" s="1" t="s">
        <v>55795</v>
      </c>
      <c r="E54777" s="1" t="s">
        <v>184258</v>
      </c>
      <c r="F54777" s="1" t="s">
        <v>184259</v>
      </c>
      <c r="G54777" s="1" t="s">
        <v>184168</v>
      </c>
      <c r="H54777" s="1" t="s">
        <v>184169</v>
      </c>
      <c r="I54777" s="1" t="s">
        <v>182766</v>
      </c>
      <c r="J54777" s="1" t="s">
        <v>184260</v>
      </c>
    </row>
    <row r="54778" spans="1:10" x14ac:dyDescent="0.35">
      <c r="A54778" s="1" t="s">
        <v>27615</v>
      </c>
      <c r="B54778" s="1" t="s">
        <v>182761</v>
      </c>
      <c r="C54778" s="1" t="s">
        <v>155</v>
      </c>
      <c r="D54778" s="1" t="s">
        <v>56926</v>
      </c>
      <c r="E54778" s="1" t="s">
        <v>184261</v>
      </c>
      <c r="F54778" s="1" t="s">
        <v>124371</v>
      </c>
      <c r="G54778" s="1" t="s">
        <v>184168</v>
      </c>
      <c r="H54778" s="1" t="s">
        <v>184169</v>
      </c>
      <c r="I54778" s="1" t="s">
        <v>182766</v>
      </c>
      <c r="J54778" s="1" t="s">
        <v>184262</v>
      </c>
    </row>
    <row r="54779" spans="1:10" x14ac:dyDescent="0.35">
      <c r="A54779" s="1" t="s">
        <v>27615</v>
      </c>
      <c r="B54779" s="1" t="s">
        <v>182761</v>
      </c>
      <c r="C54779" s="1" t="s">
        <v>160</v>
      </c>
      <c r="D54779" s="1" t="s">
        <v>58767</v>
      </c>
      <c r="E54779" s="1" t="s">
        <v>184263</v>
      </c>
      <c r="F54779" s="1" t="s">
        <v>184264</v>
      </c>
      <c r="G54779" s="1" t="s">
        <v>184168</v>
      </c>
      <c r="H54779" s="1" t="s">
        <v>184169</v>
      </c>
      <c r="I54779" s="1" t="s">
        <v>182766</v>
      </c>
      <c r="J54779" s="1" t="s">
        <v>184265</v>
      </c>
    </row>
    <row r="54780" spans="1:10" x14ac:dyDescent="0.35">
      <c r="A54780" s="1" t="s">
        <v>27615</v>
      </c>
      <c r="B54780" s="1" t="s">
        <v>182761</v>
      </c>
      <c r="C54780" s="1" t="s">
        <v>165</v>
      </c>
      <c r="D54780" s="1" t="s">
        <v>21386</v>
      </c>
      <c r="E54780" s="1" t="s">
        <v>184266</v>
      </c>
      <c r="F54780" s="1" t="s">
        <v>184267</v>
      </c>
      <c r="G54780" s="1" t="s">
        <v>184168</v>
      </c>
      <c r="H54780" s="1" t="s">
        <v>184169</v>
      </c>
      <c r="I54780" s="1" t="s">
        <v>182766</v>
      </c>
      <c r="J54780" s="1" t="s">
        <v>184268</v>
      </c>
    </row>
    <row r="54781" spans="1:10" x14ac:dyDescent="0.35">
      <c r="A54781" s="1" t="s">
        <v>27615</v>
      </c>
      <c r="B54781" s="1" t="s">
        <v>182761</v>
      </c>
      <c r="C54781" s="1" t="s">
        <v>170</v>
      </c>
      <c r="D54781" s="1" t="s">
        <v>184269</v>
      </c>
      <c r="E54781" s="1" t="s">
        <v>184270</v>
      </c>
      <c r="F54781" s="1" t="s">
        <v>184271</v>
      </c>
      <c r="G54781" s="1" t="s">
        <v>184168</v>
      </c>
      <c r="H54781" s="1" t="s">
        <v>184169</v>
      </c>
      <c r="I54781" s="1" t="s">
        <v>182766</v>
      </c>
      <c r="J54781" s="1" t="s">
        <v>184272</v>
      </c>
    </row>
    <row r="54782" spans="1:10" x14ac:dyDescent="0.35">
      <c r="A54782" s="1" t="s">
        <v>111012</v>
      </c>
      <c r="B54782" s="1" t="s">
        <v>182761</v>
      </c>
      <c r="C54782" s="1" t="s">
        <v>8</v>
      </c>
      <c r="D54782" s="1" t="s">
        <v>184273</v>
      </c>
      <c r="E54782" s="1" t="s">
        <v>184274</v>
      </c>
      <c r="F54782" s="1" t="s">
        <v>184275</v>
      </c>
      <c r="G54782" s="1" t="s">
        <v>184276</v>
      </c>
      <c r="H54782" s="1" t="s">
        <v>184277</v>
      </c>
      <c r="I54782" s="1" t="s">
        <v>182766</v>
      </c>
      <c r="J54782" s="1" t="s">
        <v>13</v>
      </c>
    </row>
    <row r="54783" spans="1:10" x14ac:dyDescent="0.35">
      <c r="A54783" s="1" t="s">
        <v>111012</v>
      </c>
      <c r="B54783" s="1" t="s">
        <v>182761</v>
      </c>
      <c r="C54783" s="1" t="s">
        <v>15</v>
      </c>
      <c r="D54783" s="1" t="s">
        <v>30298</v>
      </c>
      <c r="E54783" s="1" t="s">
        <v>184278</v>
      </c>
      <c r="F54783" s="1" t="s">
        <v>184279</v>
      </c>
      <c r="G54783" s="1" t="s">
        <v>184276</v>
      </c>
      <c r="H54783" s="1" t="s">
        <v>184277</v>
      </c>
      <c r="I54783" s="1" t="s">
        <v>182766</v>
      </c>
      <c r="J54783" s="1" t="s">
        <v>184280</v>
      </c>
    </row>
    <row r="54784" spans="1:10" x14ac:dyDescent="0.35">
      <c r="A54784" s="1" t="s">
        <v>111012</v>
      </c>
      <c r="B54784" s="1" t="s">
        <v>182761</v>
      </c>
      <c r="C54784" s="1" t="s">
        <v>20</v>
      </c>
      <c r="D54784" s="1" t="s">
        <v>72594</v>
      </c>
      <c r="E54784" s="1" t="s">
        <v>184281</v>
      </c>
      <c r="F54784" s="1" t="s">
        <v>184282</v>
      </c>
      <c r="G54784" s="1" t="s">
        <v>184276</v>
      </c>
      <c r="H54784" s="1" t="s">
        <v>184277</v>
      </c>
      <c r="I54784" s="1" t="s">
        <v>182766</v>
      </c>
      <c r="J54784" s="1" t="s">
        <v>184283</v>
      </c>
    </row>
    <row r="54785" spans="1:10" x14ac:dyDescent="0.35">
      <c r="A54785" s="1" t="s">
        <v>111012</v>
      </c>
      <c r="B54785" s="1" t="s">
        <v>182761</v>
      </c>
      <c r="C54785" s="1" t="s">
        <v>25</v>
      </c>
      <c r="D54785" s="1" t="s">
        <v>75332</v>
      </c>
      <c r="E54785" s="1" t="s">
        <v>184284</v>
      </c>
      <c r="F54785" s="1" t="s">
        <v>184285</v>
      </c>
      <c r="G54785" s="1" t="s">
        <v>184276</v>
      </c>
      <c r="H54785" s="1" t="s">
        <v>184277</v>
      </c>
      <c r="I54785" s="1" t="s">
        <v>182766</v>
      </c>
      <c r="J54785" s="1" t="s">
        <v>184286</v>
      </c>
    </row>
    <row r="54786" spans="1:10" x14ac:dyDescent="0.35">
      <c r="A54786" s="1" t="s">
        <v>111012</v>
      </c>
      <c r="B54786" s="1" t="s">
        <v>182761</v>
      </c>
      <c r="C54786" s="1" t="s">
        <v>30</v>
      </c>
      <c r="D54786" s="1" t="s">
        <v>142233</v>
      </c>
      <c r="E54786" s="1" t="s">
        <v>184287</v>
      </c>
      <c r="F54786" s="1" t="s">
        <v>184288</v>
      </c>
      <c r="G54786" s="1" t="s">
        <v>184276</v>
      </c>
      <c r="H54786" s="1" t="s">
        <v>184277</v>
      </c>
      <c r="I54786" s="1" t="s">
        <v>182766</v>
      </c>
      <c r="J54786" s="1" t="s">
        <v>184289</v>
      </c>
    </row>
    <row r="54787" spans="1:10" x14ac:dyDescent="0.35">
      <c r="A54787" s="1" t="s">
        <v>111012</v>
      </c>
      <c r="B54787" s="1" t="s">
        <v>182761</v>
      </c>
      <c r="C54787" s="1" t="s">
        <v>35</v>
      </c>
      <c r="D54787" s="1" t="s">
        <v>9079</v>
      </c>
      <c r="E54787" s="1" t="s">
        <v>184290</v>
      </c>
      <c r="F54787" s="1" t="s">
        <v>184291</v>
      </c>
      <c r="G54787" s="1" t="s">
        <v>184276</v>
      </c>
      <c r="H54787" s="1" t="s">
        <v>184277</v>
      </c>
      <c r="I54787" s="1" t="s">
        <v>182766</v>
      </c>
      <c r="J54787" s="1" t="s">
        <v>184292</v>
      </c>
    </row>
    <row r="54788" spans="1:10" x14ac:dyDescent="0.35">
      <c r="A54788" s="1" t="s">
        <v>111012</v>
      </c>
      <c r="B54788" s="1" t="s">
        <v>182761</v>
      </c>
      <c r="C54788" s="1" t="s">
        <v>40</v>
      </c>
      <c r="D54788" s="1" t="s">
        <v>113613</v>
      </c>
      <c r="E54788" s="1" t="s">
        <v>184293</v>
      </c>
      <c r="F54788" s="1" t="s">
        <v>184294</v>
      </c>
      <c r="G54788" s="1" t="s">
        <v>184276</v>
      </c>
      <c r="H54788" s="1" t="s">
        <v>184277</v>
      </c>
      <c r="I54788" s="1" t="s">
        <v>182766</v>
      </c>
      <c r="J54788" s="1" t="s">
        <v>184295</v>
      </c>
    </row>
    <row r="54789" spans="1:10" x14ac:dyDescent="0.35">
      <c r="A54789" s="1" t="s">
        <v>111012</v>
      </c>
      <c r="B54789" s="1" t="s">
        <v>182761</v>
      </c>
      <c r="C54789" s="1" t="s">
        <v>45</v>
      </c>
      <c r="D54789" s="1" t="s">
        <v>3826</v>
      </c>
      <c r="E54789" s="1" t="s">
        <v>184296</v>
      </c>
      <c r="F54789" s="1" t="s">
        <v>184297</v>
      </c>
      <c r="G54789" s="1" t="s">
        <v>184276</v>
      </c>
      <c r="H54789" s="1" t="s">
        <v>184277</v>
      </c>
      <c r="I54789" s="1" t="s">
        <v>182766</v>
      </c>
      <c r="J54789" s="1" t="s">
        <v>184298</v>
      </c>
    </row>
    <row r="54790" spans="1:10" x14ac:dyDescent="0.35">
      <c r="A54790" s="1" t="s">
        <v>111012</v>
      </c>
      <c r="B54790" s="1" t="s">
        <v>182761</v>
      </c>
      <c r="C54790" s="1" t="s">
        <v>50</v>
      </c>
      <c r="D54790" s="1" t="s">
        <v>36603</v>
      </c>
      <c r="E54790" s="1" t="s">
        <v>184299</v>
      </c>
      <c r="F54790" s="1" t="s">
        <v>184300</v>
      </c>
      <c r="G54790" s="1" t="s">
        <v>184276</v>
      </c>
      <c r="H54790" s="1" t="s">
        <v>184277</v>
      </c>
      <c r="I54790" s="1" t="s">
        <v>182766</v>
      </c>
      <c r="J54790" s="1" t="s">
        <v>184301</v>
      </c>
    </row>
    <row r="54791" spans="1:10" x14ac:dyDescent="0.35">
      <c r="A54791" s="1" t="s">
        <v>111012</v>
      </c>
      <c r="B54791" s="1" t="s">
        <v>182761</v>
      </c>
      <c r="C54791" s="1" t="s">
        <v>55</v>
      </c>
      <c r="D54791" s="1" t="s">
        <v>32461</v>
      </c>
      <c r="E54791" s="1" t="s">
        <v>184302</v>
      </c>
      <c r="F54791" s="1" t="s">
        <v>184303</v>
      </c>
      <c r="G54791" s="1" t="s">
        <v>184276</v>
      </c>
      <c r="H54791" s="1" t="s">
        <v>184277</v>
      </c>
      <c r="I54791" s="1" t="s">
        <v>182766</v>
      </c>
      <c r="J54791" s="1" t="s">
        <v>184304</v>
      </c>
    </row>
    <row r="54792" spans="1:10" x14ac:dyDescent="0.35">
      <c r="A54792" s="1" t="s">
        <v>111012</v>
      </c>
      <c r="B54792" s="1" t="s">
        <v>182761</v>
      </c>
      <c r="C54792" s="1" t="s">
        <v>60</v>
      </c>
      <c r="D54792" s="1" t="s">
        <v>184305</v>
      </c>
      <c r="E54792" s="1" t="s">
        <v>184306</v>
      </c>
      <c r="F54792" s="1" t="s">
        <v>184307</v>
      </c>
      <c r="G54792" s="1" t="s">
        <v>184276</v>
      </c>
      <c r="H54792" s="1" t="s">
        <v>184277</v>
      </c>
      <c r="I54792" s="1" t="s">
        <v>182766</v>
      </c>
      <c r="J54792" s="1" t="s">
        <v>184308</v>
      </c>
    </row>
    <row r="54793" spans="1:10" x14ac:dyDescent="0.35">
      <c r="A54793" s="1" t="s">
        <v>111012</v>
      </c>
      <c r="B54793" s="1" t="s">
        <v>182761</v>
      </c>
      <c r="C54793" s="1" t="s">
        <v>65</v>
      </c>
      <c r="D54793" s="1" t="s">
        <v>173985</v>
      </c>
      <c r="E54793" s="1" t="s">
        <v>184309</v>
      </c>
      <c r="F54793" s="1" t="s">
        <v>184310</v>
      </c>
      <c r="G54793" s="1" t="s">
        <v>184276</v>
      </c>
      <c r="H54793" s="1" t="s">
        <v>184277</v>
      </c>
      <c r="I54793" s="1" t="s">
        <v>182766</v>
      </c>
      <c r="J54793" s="1" t="s">
        <v>184311</v>
      </c>
    </row>
    <row r="54794" spans="1:10" x14ac:dyDescent="0.35">
      <c r="A54794" s="1" t="s">
        <v>111012</v>
      </c>
      <c r="B54794" s="1" t="s">
        <v>182761</v>
      </c>
      <c r="C54794" s="1" t="s">
        <v>70</v>
      </c>
      <c r="D54794" s="1" t="s">
        <v>182208</v>
      </c>
      <c r="E54794" s="1" t="s">
        <v>184312</v>
      </c>
      <c r="F54794" s="1" t="s">
        <v>184313</v>
      </c>
      <c r="G54794" s="1" t="s">
        <v>184276</v>
      </c>
      <c r="H54794" s="1" t="s">
        <v>184277</v>
      </c>
      <c r="I54794" s="1" t="s">
        <v>182766</v>
      </c>
      <c r="J54794" s="1" t="s">
        <v>184314</v>
      </c>
    </row>
    <row r="54795" spans="1:10" x14ac:dyDescent="0.35">
      <c r="A54795" s="1" t="s">
        <v>111012</v>
      </c>
      <c r="B54795" s="1" t="s">
        <v>182761</v>
      </c>
      <c r="C54795" s="1" t="s">
        <v>75</v>
      </c>
      <c r="D54795" s="1" t="s">
        <v>113083</v>
      </c>
      <c r="E54795" s="1" t="s">
        <v>184315</v>
      </c>
      <c r="F54795" s="1" t="s">
        <v>184316</v>
      </c>
      <c r="G54795" s="1" t="s">
        <v>184276</v>
      </c>
      <c r="H54795" s="1" t="s">
        <v>184277</v>
      </c>
      <c r="I54795" s="1" t="s">
        <v>182766</v>
      </c>
      <c r="J54795" s="1" t="s">
        <v>184317</v>
      </c>
    </row>
    <row r="54796" spans="1:10" x14ac:dyDescent="0.35">
      <c r="A54796" s="1" t="s">
        <v>111012</v>
      </c>
      <c r="B54796" s="1" t="s">
        <v>182761</v>
      </c>
      <c r="C54796" s="1" t="s">
        <v>80</v>
      </c>
      <c r="D54796" s="1" t="s">
        <v>173788</v>
      </c>
      <c r="E54796" s="1" t="s">
        <v>184318</v>
      </c>
      <c r="F54796" s="1" t="s">
        <v>184319</v>
      </c>
      <c r="G54796" s="1" t="s">
        <v>184276</v>
      </c>
      <c r="H54796" s="1" t="s">
        <v>184277</v>
      </c>
      <c r="I54796" s="1" t="s">
        <v>182766</v>
      </c>
      <c r="J54796" s="1" t="s">
        <v>184320</v>
      </c>
    </row>
    <row r="54797" spans="1:10" x14ac:dyDescent="0.35">
      <c r="A54797" s="1" t="s">
        <v>111012</v>
      </c>
      <c r="B54797" s="1" t="s">
        <v>182761</v>
      </c>
      <c r="C54797" s="1" t="s">
        <v>85</v>
      </c>
      <c r="D54797" s="1" t="s">
        <v>184321</v>
      </c>
      <c r="E54797" s="1" t="s">
        <v>184322</v>
      </c>
      <c r="F54797" s="1" t="s">
        <v>184323</v>
      </c>
      <c r="G54797" s="1" t="s">
        <v>184276</v>
      </c>
      <c r="H54797" s="1" t="s">
        <v>184277</v>
      </c>
      <c r="I54797" s="1" t="s">
        <v>182766</v>
      </c>
      <c r="J54797" s="1" t="s">
        <v>184324</v>
      </c>
    </row>
    <row r="54798" spans="1:10" x14ac:dyDescent="0.35">
      <c r="A54798" s="1" t="s">
        <v>111012</v>
      </c>
      <c r="B54798" s="1" t="s">
        <v>182761</v>
      </c>
      <c r="C54798" s="1" t="s">
        <v>90</v>
      </c>
      <c r="D54798" s="1" t="s">
        <v>117789</v>
      </c>
      <c r="E54798" s="1" t="s">
        <v>184325</v>
      </c>
      <c r="F54798" s="1" t="s">
        <v>184326</v>
      </c>
      <c r="G54798" s="1" t="s">
        <v>184276</v>
      </c>
      <c r="H54798" s="1" t="s">
        <v>184277</v>
      </c>
      <c r="I54798" s="1" t="s">
        <v>182766</v>
      </c>
      <c r="J54798" s="1" t="s">
        <v>184327</v>
      </c>
    </row>
    <row r="54799" spans="1:10" x14ac:dyDescent="0.35">
      <c r="A54799" s="1" t="s">
        <v>111012</v>
      </c>
      <c r="B54799" s="1" t="s">
        <v>182761</v>
      </c>
      <c r="C54799" s="1" t="s">
        <v>95</v>
      </c>
      <c r="D54799" s="1" t="s">
        <v>150525</v>
      </c>
      <c r="E54799" s="1" t="s">
        <v>184328</v>
      </c>
      <c r="F54799" s="1" t="s">
        <v>184329</v>
      </c>
      <c r="G54799" s="1" t="s">
        <v>184276</v>
      </c>
      <c r="H54799" s="1" t="s">
        <v>184277</v>
      </c>
      <c r="I54799" s="1" t="s">
        <v>182766</v>
      </c>
      <c r="J54799" s="1" t="s">
        <v>184330</v>
      </c>
    </row>
    <row r="54800" spans="1:10" x14ac:dyDescent="0.35">
      <c r="A54800" s="1" t="s">
        <v>111012</v>
      </c>
      <c r="B54800" s="1" t="s">
        <v>182761</v>
      </c>
      <c r="C54800" s="1" t="s">
        <v>100</v>
      </c>
      <c r="D54800" s="1" t="s">
        <v>184331</v>
      </c>
      <c r="E54800" s="1" t="s">
        <v>184332</v>
      </c>
      <c r="F54800" s="1" t="s">
        <v>184333</v>
      </c>
      <c r="G54800" s="1" t="s">
        <v>184276</v>
      </c>
      <c r="H54800" s="1" t="s">
        <v>184277</v>
      </c>
      <c r="I54800" s="1" t="s">
        <v>182766</v>
      </c>
      <c r="J54800" s="1" t="s">
        <v>184334</v>
      </c>
    </row>
    <row r="54801" spans="1:10" x14ac:dyDescent="0.35">
      <c r="A54801" s="1" t="s">
        <v>111012</v>
      </c>
      <c r="B54801" s="1" t="s">
        <v>182761</v>
      </c>
      <c r="C54801" s="1" t="s">
        <v>105</v>
      </c>
      <c r="D54801" s="1" t="s">
        <v>184335</v>
      </c>
      <c r="E54801" s="1" t="s">
        <v>184336</v>
      </c>
      <c r="F54801" s="1" t="s">
        <v>184337</v>
      </c>
      <c r="G54801" s="1" t="s">
        <v>184276</v>
      </c>
      <c r="H54801" s="1" t="s">
        <v>184277</v>
      </c>
      <c r="I54801" s="1" t="s">
        <v>182766</v>
      </c>
      <c r="J54801" s="1" t="s">
        <v>184338</v>
      </c>
    </row>
    <row r="54802" spans="1:10" x14ac:dyDescent="0.35">
      <c r="A54802" s="1" t="s">
        <v>111012</v>
      </c>
      <c r="B54802" s="1" t="s">
        <v>182761</v>
      </c>
      <c r="C54802" s="1" t="s">
        <v>110</v>
      </c>
      <c r="D54802" s="1" t="s">
        <v>184339</v>
      </c>
      <c r="E54802" s="1" t="s">
        <v>184340</v>
      </c>
      <c r="F54802" s="1" t="s">
        <v>184341</v>
      </c>
      <c r="G54802" s="1" t="s">
        <v>184276</v>
      </c>
      <c r="H54802" s="1" t="s">
        <v>184277</v>
      </c>
      <c r="I54802" s="1" t="s">
        <v>182766</v>
      </c>
      <c r="J54802" s="1" t="s">
        <v>184342</v>
      </c>
    </row>
    <row r="54803" spans="1:10" x14ac:dyDescent="0.35">
      <c r="A54803" s="1" t="s">
        <v>111012</v>
      </c>
      <c r="B54803" s="1" t="s">
        <v>182761</v>
      </c>
      <c r="C54803" s="1" t="s">
        <v>115</v>
      </c>
      <c r="D54803" s="1" t="s">
        <v>184343</v>
      </c>
      <c r="E54803" s="1" t="s">
        <v>184344</v>
      </c>
      <c r="F54803" s="1" t="s">
        <v>184345</v>
      </c>
      <c r="G54803" s="1" t="s">
        <v>184276</v>
      </c>
      <c r="H54803" s="1" t="s">
        <v>184277</v>
      </c>
      <c r="I54803" s="1" t="s">
        <v>182766</v>
      </c>
      <c r="J54803" s="1" t="s">
        <v>184346</v>
      </c>
    </row>
    <row r="54804" spans="1:10" x14ac:dyDescent="0.35">
      <c r="A54804" s="1" t="s">
        <v>111012</v>
      </c>
      <c r="B54804" s="1" t="s">
        <v>182761</v>
      </c>
      <c r="C54804" s="1" t="s">
        <v>120</v>
      </c>
      <c r="D54804" s="1" t="s">
        <v>175433</v>
      </c>
      <c r="E54804" s="1" t="s">
        <v>184347</v>
      </c>
      <c r="F54804" s="1" t="s">
        <v>184348</v>
      </c>
      <c r="G54804" s="1" t="s">
        <v>184276</v>
      </c>
      <c r="H54804" s="1" t="s">
        <v>184277</v>
      </c>
      <c r="I54804" s="1" t="s">
        <v>182766</v>
      </c>
      <c r="J54804" s="1" t="s">
        <v>184349</v>
      </c>
    </row>
    <row r="54805" spans="1:10" x14ac:dyDescent="0.35">
      <c r="A54805" s="1" t="s">
        <v>111012</v>
      </c>
      <c r="B54805" s="1" t="s">
        <v>182761</v>
      </c>
      <c r="C54805" s="1" t="s">
        <v>125</v>
      </c>
      <c r="D54805" s="1" t="s">
        <v>184350</v>
      </c>
      <c r="E54805" s="1" t="s">
        <v>184351</v>
      </c>
      <c r="F54805" s="1" t="s">
        <v>184352</v>
      </c>
      <c r="G54805" s="1" t="s">
        <v>184276</v>
      </c>
      <c r="H54805" s="1" t="s">
        <v>184277</v>
      </c>
      <c r="I54805" s="1" t="s">
        <v>182766</v>
      </c>
      <c r="J54805" s="1" t="s">
        <v>184353</v>
      </c>
    </row>
    <row r="54806" spans="1:10" x14ac:dyDescent="0.35">
      <c r="A54806" s="1" t="s">
        <v>111012</v>
      </c>
      <c r="B54806" s="1" t="s">
        <v>182761</v>
      </c>
      <c r="C54806" s="1" t="s">
        <v>130</v>
      </c>
      <c r="D54806" s="1" t="s">
        <v>184354</v>
      </c>
      <c r="E54806" s="1" t="s">
        <v>184355</v>
      </c>
      <c r="F54806" s="1" t="s">
        <v>184356</v>
      </c>
      <c r="G54806" s="1" t="s">
        <v>184276</v>
      </c>
      <c r="H54806" s="1" t="s">
        <v>184277</v>
      </c>
      <c r="I54806" s="1" t="s">
        <v>182766</v>
      </c>
      <c r="J54806" s="1" t="s">
        <v>184357</v>
      </c>
    </row>
    <row r="54807" spans="1:10" x14ac:dyDescent="0.35">
      <c r="A54807" s="1" t="s">
        <v>111012</v>
      </c>
      <c r="B54807" s="1" t="s">
        <v>182761</v>
      </c>
      <c r="C54807" s="1" t="s">
        <v>135</v>
      </c>
      <c r="D54807" s="1" t="s">
        <v>160907</v>
      </c>
      <c r="E54807" s="1" t="s">
        <v>184358</v>
      </c>
      <c r="F54807" s="1" t="s">
        <v>184359</v>
      </c>
      <c r="G54807" s="1" t="s">
        <v>184276</v>
      </c>
      <c r="H54807" s="1" t="s">
        <v>184277</v>
      </c>
      <c r="I54807" s="1" t="s">
        <v>182766</v>
      </c>
      <c r="J54807" s="1" t="s">
        <v>184360</v>
      </c>
    </row>
    <row r="54808" spans="1:10" x14ac:dyDescent="0.35">
      <c r="A54808" s="1" t="s">
        <v>111012</v>
      </c>
      <c r="B54808" s="1" t="s">
        <v>182761</v>
      </c>
      <c r="C54808" s="1" t="s">
        <v>140</v>
      </c>
      <c r="D54808" s="1" t="s">
        <v>155030</v>
      </c>
      <c r="E54808" s="1" t="s">
        <v>184361</v>
      </c>
      <c r="F54808" s="1" t="s">
        <v>184362</v>
      </c>
      <c r="G54808" s="1" t="s">
        <v>184276</v>
      </c>
      <c r="H54808" s="1" t="s">
        <v>184277</v>
      </c>
      <c r="I54808" s="1" t="s">
        <v>182766</v>
      </c>
      <c r="J54808" s="1" t="s">
        <v>184363</v>
      </c>
    </row>
    <row r="54809" spans="1:10" x14ac:dyDescent="0.35">
      <c r="A54809" s="1" t="s">
        <v>111012</v>
      </c>
      <c r="B54809" s="1" t="s">
        <v>182761</v>
      </c>
      <c r="C54809" s="1" t="s">
        <v>145</v>
      </c>
      <c r="D54809" s="1" t="s">
        <v>61079</v>
      </c>
      <c r="E54809" s="1" t="s">
        <v>184364</v>
      </c>
      <c r="F54809" s="1" t="s">
        <v>184365</v>
      </c>
      <c r="G54809" s="1" t="s">
        <v>184276</v>
      </c>
      <c r="H54809" s="1" t="s">
        <v>184277</v>
      </c>
      <c r="I54809" s="1" t="s">
        <v>182766</v>
      </c>
      <c r="J54809" s="1" t="s">
        <v>184366</v>
      </c>
    </row>
    <row r="54810" spans="1:10" x14ac:dyDescent="0.35">
      <c r="A54810" s="1" t="s">
        <v>111012</v>
      </c>
      <c r="B54810" s="1" t="s">
        <v>182761</v>
      </c>
      <c r="C54810" s="1" t="s">
        <v>150</v>
      </c>
      <c r="D54810" s="1" t="s">
        <v>184367</v>
      </c>
      <c r="E54810" s="1" t="s">
        <v>184368</v>
      </c>
      <c r="F54810" s="1" t="s">
        <v>184369</v>
      </c>
      <c r="G54810" s="1" t="s">
        <v>184276</v>
      </c>
      <c r="H54810" s="1" t="s">
        <v>184277</v>
      </c>
      <c r="I54810" s="1" t="s">
        <v>182766</v>
      </c>
      <c r="J54810" s="1" t="s">
        <v>184370</v>
      </c>
    </row>
    <row r="54811" spans="1:10" x14ac:dyDescent="0.35">
      <c r="A54811" s="1" t="s">
        <v>111012</v>
      </c>
      <c r="B54811" s="1" t="s">
        <v>182761</v>
      </c>
      <c r="C54811" s="1" t="s">
        <v>155</v>
      </c>
      <c r="D54811" s="1" t="s">
        <v>184371</v>
      </c>
      <c r="E54811" s="1" t="s">
        <v>184372</v>
      </c>
      <c r="F54811" s="1" t="s">
        <v>184373</v>
      </c>
      <c r="G54811" s="1" t="s">
        <v>184276</v>
      </c>
      <c r="H54811" s="1" t="s">
        <v>184277</v>
      </c>
      <c r="I54811" s="1" t="s">
        <v>182766</v>
      </c>
      <c r="J54811" s="1" t="s">
        <v>184374</v>
      </c>
    </row>
    <row r="54812" spans="1:10" x14ac:dyDescent="0.35">
      <c r="A54812" s="1" t="s">
        <v>111012</v>
      </c>
      <c r="B54812" s="1" t="s">
        <v>182761</v>
      </c>
      <c r="C54812" s="1" t="s">
        <v>160</v>
      </c>
      <c r="D54812" s="1" t="s">
        <v>153471</v>
      </c>
      <c r="E54812" s="1" t="s">
        <v>184375</v>
      </c>
      <c r="F54812" s="1" t="s">
        <v>184376</v>
      </c>
      <c r="G54812" s="1" t="s">
        <v>184276</v>
      </c>
      <c r="H54812" s="1" t="s">
        <v>184277</v>
      </c>
      <c r="I54812" s="1" t="s">
        <v>182766</v>
      </c>
      <c r="J54812" s="1" t="s">
        <v>184377</v>
      </c>
    </row>
    <row r="54813" spans="1:10" x14ac:dyDescent="0.35">
      <c r="A54813" s="1" t="s">
        <v>111012</v>
      </c>
      <c r="B54813" s="1" t="s">
        <v>182761</v>
      </c>
      <c r="C54813" s="1" t="s">
        <v>165</v>
      </c>
      <c r="D54813" s="1" t="s">
        <v>52301</v>
      </c>
      <c r="E54813" s="1" t="s">
        <v>184378</v>
      </c>
      <c r="F54813" s="1" t="s">
        <v>184379</v>
      </c>
      <c r="G54813" s="1" t="s">
        <v>184276</v>
      </c>
      <c r="H54813" s="1" t="s">
        <v>184277</v>
      </c>
      <c r="I54813" s="1" t="s">
        <v>182766</v>
      </c>
      <c r="J54813" s="1" t="s">
        <v>184380</v>
      </c>
    </row>
    <row r="54814" spans="1:10" x14ac:dyDescent="0.35">
      <c r="A54814" s="1" t="s">
        <v>111012</v>
      </c>
      <c r="B54814" s="1" t="s">
        <v>182761</v>
      </c>
      <c r="C54814" s="1" t="s">
        <v>170</v>
      </c>
      <c r="D54814" s="1" t="s">
        <v>152177</v>
      </c>
      <c r="E54814" s="1" t="s">
        <v>184381</v>
      </c>
      <c r="F54814" s="1" t="s">
        <v>184382</v>
      </c>
      <c r="G54814" s="1" t="s">
        <v>184276</v>
      </c>
      <c r="H54814" s="1" t="s">
        <v>184277</v>
      </c>
      <c r="I54814" s="1" t="s">
        <v>182766</v>
      </c>
      <c r="J54814" s="1" t="s">
        <v>184383</v>
      </c>
    </row>
    <row r="54815" spans="1:10" x14ac:dyDescent="0.35">
      <c r="A54815" s="1" t="s">
        <v>143197</v>
      </c>
      <c r="B54815" s="1" t="s">
        <v>182761</v>
      </c>
      <c r="C54815" s="1" t="s">
        <v>8</v>
      </c>
      <c r="D54815" s="1" t="s">
        <v>184384</v>
      </c>
      <c r="E54815" s="1" t="s">
        <v>184385</v>
      </c>
      <c r="F54815" s="1" t="s">
        <v>184386</v>
      </c>
      <c r="G54815" s="1" t="s">
        <v>184387</v>
      </c>
      <c r="H54815" s="1" t="s">
        <v>184388</v>
      </c>
      <c r="I54815" s="1" t="s">
        <v>182766</v>
      </c>
      <c r="J54815" s="1" t="s">
        <v>13</v>
      </c>
    </row>
    <row r="54816" spans="1:10" x14ac:dyDescent="0.35">
      <c r="A54816" s="1" t="s">
        <v>143197</v>
      </c>
      <c r="B54816" s="1" t="s">
        <v>182761</v>
      </c>
      <c r="C54816" s="1" t="s">
        <v>15</v>
      </c>
      <c r="D54816" s="1" t="s">
        <v>51625</v>
      </c>
      <c r="E54816" s="1" t="s">
        <v>184389</v>
      </c>
      <c r="F54816" s="1" t="s">
        <v>184390</v>
      </c>
      <c r="G54816" s="1" t="s">
        <v>184387</v>
      </c>
      <c r="H54816" s="1" t="s">
        <v>184388</v>
      </c>
      <c r="I54816" s="1" t="s">
        <v>182766</v>
      </c>
      <c r="J54816" s="1" t="s">
        <v>184391</v>
      </c>
    </row>
    <row r="54817" spans="1:10" x14ac:dyDescent="0.35">
      <c r="A54817" s="1" t="s">
        <v>143197</v>
      </c>
      <c r="B54817" s="1" t="s">
        <v>182761</v>
      </c>
      <c r="C54817" s="1" t="s">
        <v>20</v>
      </c>
      <c r="D54817" s="1" t="s">
        <v>30999</v>
      </c>
      <c r="E54817" s="1" t="s">
        <v>184392</v>
      </c>
      <c r="F54817" s="1" t="s">
        <v>184393</v>
      </c>
      <c r="G54817" s="1" t="s">
        <v>184387</v>
      </c>
      <c r="H54817" s="1" t="s">
        <v>184388</v>
      </c>
      <c r="I54817" s="1" t="s">
        <v>182766</v>
      </c>
      <c r="J54817" s="1" t="s">
        <v>184394</v>
      </c>
    </row>
    <row r="54818" spans="1:10" x14ac:dyDescent="0.35">
      <c r="A54818" s="1" t="s">
        <v>143197</v>
      </c>
      <c r="B54818" s="1" t="s">
        <v>182761</v>
      </c>
      <c r="C54818" s="1" t="s">
        <v>25</v>
      </c>
      <c r="D54818" s="1" t="s">
        <v>135345</v>
      </c>
      <c r="E54818" s="1" t="s">
        <v>184395</v>
      </c>
      <c r="F54818" s="1" t="s">
        <v>184396</v>
      </c>
      <c r="G54818" s="1" t="s">
        <v>184387</v>
      </c>
      <c r="H54818" s="1" t="s">
        <v>184388</v>
      </c>
      <c r="I54818" s="1" t="s">
        <v>182766</v>
      </c>
      <c r="J54818" s="1" t="s">
        <v>184397</v>
      </c>
    </row>
    <row r="54819" spans="1:10" x14ac:dyDescent="0.35">
      <c r="A54819" s="1" t="s">
        <v>143197</v>
      </c>
      <c r="B54819" s="1" t="s">
        <v>182761</v>
      </c>
      <c r="C54819" s="1" t="s">
        <v>30</v>
      </c>
      <c r="D54819" s="1" t="s">
        <v>176153</v>
      </c>
      <c r="E54819" s="1" t="s">
        <v>184398</v>
      </c>
      <c r="F54819" s="1" t="s">
        <v>184399</v>
      </c>
      <c r="G54819" s="1" t="s">
        <v>184387</v>
      </c>
      <c r="H54819" s="1" t="s">
        <v>184388</v>
      </c>
      <c r="I54819" s="1" t="s">
        <v>182766</v>
      </c>
      <c r="J54819" s="1" t="s">
        <v>184400</v>
      </c>
    </row>
    <row r="54820" spans="1:10" x14ac:dyDescent="0.35">
      <c r="A54820" s="1" t="s">
        <v>143197</v>
      </c>
      <c r="B54820" s="1" t="s">
        <v>182761</v>
      </c>
      <c r="C54820" s="1" t="s">
        <v>35</v>
      </c>
      <c r="D54820" s="1" t="s">
        <v>110121</v>
      </c>
      <c r="E54820" s="1" t="s">
        <v>184401</v>
      </c>
      <c r="F54820" s="1" t="s">
        <v>184402</v>
      </c>
      <c r="G54820" s="1" t="s">
        <v>184387</v>
      </c>
      <c r="H54820" s="1" t="s">
        <v>184388</v>
      </c>
      <c r="I54820" s="1" t="s">
        <v>182766</v>
      </c>
      <c r="J54820" s="1" t="s">
        <v>184403</v>
      </c>
    </row>
    <row r="54821" spans="1:10" x14ac:dyDescent="0.35">
      <c r="A54821" s="1" t="s">
        <v>143197</v>
      </c>
      <c r="B54821" s="1" t="s">
        <v>182761</v>
      </c>
      <c r="C54821" s="1" t="s">
        <v>40</v>
      </c>
      <c r="D54821" s="1" t="s">
        <v>184404</v>
      </c>
      <c r="E54821" s="1" t="s">
        <v>184405</v>
      </c>
      <c r="F54821" s="1" t="s">
        <v>184406</v>
      </c>
      <c r="G54821" s="1" t="s">
        <v>184387</v>
      </c>
      <c r="H54821" s="1" t="s">
        <v>184388</v>
      </c>
      <c r="I54821" s="1" t="s">
        <v>182766</v>
      </c>
      <c r="J54821" s="1" t="s">
        <v>184407</v>
      </c>
    </row>
    <row r="54822" spans="1:10" x14ac:dyDescent="0.35">
      <c r="A54822" s="1" t="s">
        <v>143197</v>
      </c>
      <c r="B54822" s="1" t="s">
        <v>182761</v>
      </c>
      <c r="C54822" s="1" t="s">
        <v>45</v>
      </c>
      <c r="D54822" s="1" t="s">
        <v>184408</v>
      </c>
      <c r="E54822" s="1" t="s">
        <v>184409</v>
      </c>
      <c r="F54822" s="1" t="s">
        <v>184410</v>
      </c>
      <c r="G54822" s="1" t="s">
        <v>184387</v>
      </c>
      <c r="H54822" s="1" t="s">
        <v>184388</v>
      </c>
      <c r="I54822" s="1" t="s">
        <v>182766</v>
      </c>
      <c r="J54822" s="1" t="s">
        <v>184411</v>
      </c>
    </row>
    <row r="54823" spans="1:10" x14ac:dyDescent="0.35">
      <c r="A54823" s="1" t="s">
        <v>143197</v>
      </c>
      <c r="B54823" s="1" t="s">
        <v>182761</v>
      </c>
      <c r="C54823" s="1" t="s">
        <v>50</v>
      </c>
      <c r="D54823" s="1" t="s">
        <v>158290</v>
      </c>
      <c r="E54823" s="1" t="s">
        <v>184412</v>
      </c>
      <c r="F54823" s="1" t="s">
        <v>184413</v>
      </c>
      <c r="G54823" s="1" t="s">
        <v>184387</v>
      </c>
      <c r="H54823" s="1" t="s">
        <v>184388</v>
      </c>
      <c r="I54823" s="1" t="s">
        <v>182766</v>
      </c>
      <c r="J54823" s="1" t="s">
        <v>184414</v>
      </c>
    </row>
    <row r="54824" spans="1:10" x14ac:dyDescent="0.35">
      <c r="A54824" s="1" t="s">
        <v>143197</v>
      </c>
      <c r="B54824" s="1" t="s">
        <v>182761</v>
      </c>
      <c r="C54824" s="1" t="s">
        <v>55</v>
      </c>
      <c r="D54824" s="1" t="s">
        <v>38604</v>
      </c>
      <c r="E54824" s="1" t="s">
        <v>184415</v>
      </c>
      <c r="F54824" s="1" t="s">
        <v>184416</v>
      </c>
      <c r="G54824" s="1" t="s">
        <v>184387</v>
      </c>
      <c r="H54824" s="1" t="s">
        <v>184388</v>
      </c>
      <c r="I54824" s="1" t="s">
        <v>182766</v>
      </c>
      <c r="J54824" s="1" t="s">
        <v>184417</v>
      </c>
    </row>
    <row r="54825" spans="1:10" x14ac:dyDescent="0.35">
      <c r="A54825" s="1" t="s">
        <v>143197</v>
      </c>
      <c r="B54825" s="1" t="s">
        <v>182761</v>
      </c>
      <c r="C54825" s="1" t="s">
        <v>60</v>
      </c>
      <c r="D54825" s="1" t="s">
        <v>110951</v>
      </c>
      <c r="E54825" s="1" t="s">
        <v>184418</v>
      </c>
      <c r="F54825" s="1" t="s">
        <v>184419</v>
      </c>
      <c r="G54825" s="1" t="s">
        <v>184387</v>
      </c>
      <c r="H54825" s="1" t="s">
        <v>184388</v>
      </c>
      <c r="I54825" s="1" t="s">
        <v>182766</v>
      </c>
      <c r="J54825" s="1" t="s">
        <v>184420</v>
      </c>
    </row>
    <row r="54826" spans="1:10" x14ac:dyDescent="0.35">
      <c r="A54826" s="1" t="s">
        <v>143197</v>
      </c>
      <c r="B54826" s="1" t="s">
        <v>182761</v>
      </c>
      <c r="C54826" s="1" t="s">
        <v>65</v>
      </c>
      <c r="D54826" s="1" t="s">
        <v>135460</v>
      </c>
      <c r="E54826" s="1" t="s">
        <v>184421</v>
      </c>
      <c r="F54826" s="1" t="s">
        <v>184422</v>
      </c>
      <c r="G54826" s="1" t="s">
        <v>184387</v>
      </c>
      <c r="H54826" s="1" t="s">
        <v>184388</v>
      </c>
      <c r="I54826" s="1" t="s">
        <v>182766</v>
      </c>
      <c r="J54826" s="1" t="s">
        <v>184423</v>
      </c>
    </row>
    <row r="54827" spans="1:10" x14ac:dyDescent="0.35">
      <c r="A54827" s="1" t="s">
        <v>143197</v>
      </c>
      <c r="B54827" s="1" t="s">
        <v>182761</v>
      </c>
      <c r="C54827" s="1" t="s">
        <v>70</v>
      </c>
      <c r="D54827" s="1" t="s">
        <v>184424</v>
      </c>
      <c r="E54827" s="1" t="s">
        <v>184425</v>
      </c>
      <c r="F54827" s="1" t="s">
        <v>184426</v>
      </c>
      <c r="G54827" s="1" t="s">
        <v>184387</v>
      </c>
      <c r="H54827" s="1" t="s">
        <v>184388</v>
      </c>
      <c r="I54827" s="1" t="s">
        <v>182766</v>
      </c>
      <c r="J54827" s="1" t="s">
        <v>184427</v>
      </c>
    </row>
    <row r="54828" spans="1:10" x14ac:dyDescent="0.35">
      <c r="A54828" s="1" t="s">
        <v>143197</v>
      </c>
      <c r="B54828" s="1" t="s">
        <v>182761</v>
      </c>
      <c r="C54828" s="1" t="s">
        <v>75</v>
      </c>
      <c r="D54828" s="1" t="s">
        <v>181291</v>
      </c>
      <c r="E54828" s="1" t="s">
        <v>184428</v>
      </c>
      <c r="F54828" s="1" t="s">
        <v>184429</v>
      </c>
      <c r="G54828" s="1" t="s">
        <v>184387</v>
      </c>
      <c r="H54828" s="1" t="s">
        <v>184388</v>
      </c>
      <c r="I54828" s="1" t="s">
        <v>182766</v>
      </c>
      <c r="J54828" s="1" t="s">
        <v>184430</v>
      </c>
    </row>
    <row r="54829" spans="1:10" x14ac:dyDescent="0.35">
      <c r="A54829" s="1" t="s">
        <v>143197</v>
      </c>
      <c r="B54829" s="1" t="s">
        <v>182761</v>
      </c>
      <c r="C54829" s="1" t="s">
        <v>80</v>
      </c>
      <c r="D54829" s="1" t="s">
        <v>35469</v>
      </c>
      <c r="E54829" s="1" t="s">
        <v>184431</v>
      </c>
      <c r="F54829" s="1" t="s">
        <v>184432</v>
      </c>
      <c r="G54829" s="1" t="s">
        <v>184387</v>
      </c>
      <c r="H54829" s="1" t="s">
        <v>184388</v>
      </c>
      <c r="I54829" s="1" t="s">
        <v>182766</v>
      </c>
      <c r="J54829" s="1" t="s">
        <v>184433</v>
      </c>
    </row>
    <row r="54830" spans="1:10" x14ac:dyDescent="0.35">
      <c r="A54830" s="1" t="s">
        <v>143197</v>
      </c>
      <c r="B54830" s="1" t="s">
        <v>182761</v>
      </c>
      <c r="C54830" s="1" t="s">
        <v>85</v>
      </c>
      <c r="D54830" s="1" t="s">
        <v>82447</v>
      </c>
      <c r="E54830" s="1" t="s">
        <v>184434</v>
      </c>
      <c r="F54830" s="1" t="s">
        <v>184435</v>
      </c>
      <c r="G54830" s="1" t="s">
        <v>184387</v>
      </c>
      <c r="H54830" s="1" t="s">
        <v>184388</v>
      </c>
      <c r="I54830" s="1" t="s">
        <v>182766</v>
      </c>
      <c r="J54830" s="1" t="s">
        <v>184436</v>
      </c>
    </row>
    <row r="54831" spans="1:10" x14ac:dyDescent="0.35">
      <c r="A54831" s="1" t="s">
        <v>143197</v>
      </c>
      <c r="B54831" s="1" t="s">
        <v>182761</v>
      </c>
      <c r="C54831" s="1" t="s">
        <v>90</v>
      </c>
      <c r="D54831" s="1" t="s">
        <v>184437</v>
      </c>
      <c r="E54831" s="1" t="s">
        <v>184438</v>
      </c>
      <c r="F54831" s="1" t="s">
        <v>184439</v>
      </c>
      <c r="G54831" s="1" t="s">
        <v>184387</v>
      </c>
      <c r="H54831" s="1" t="s">
        <v>184388</v>
      </c>
      <c r="I54831" s="1" t="s">
        <v>182766</v>
      </c>
      <c r="J54831" s="1" t="s">
        <v>184440</v>
      </c>
    </row>
    <row r="54832" spans="1:10" x14ac:dyDescent="0.35">
      <c r="A54832" s="1" t="s">
        <v>143197</v>
      </c>
      <c r="B54832" s="1" t="s">
        <v>182761</v>
      </c>
      <c r="C54832" s="1" t="s">
        <v>95</v>
      </c>
      <c r="D54832" s="1" t="s">
        <v>184441</v>
      </c>
      <c r="E54832" s="1" t="s">
        <v>184442</v>
      </c>
      <c r="F54832" s="1" t="s">
        <v>184443</v>
      </c>
      <c r="G54832" s="1" t="s">
        <v>184387</v>
      </c>
      <c r="H54832" s="1" t="s">
        <v>184388</v>
      </c>
      <c r="I54832" s="1" t="s">
        <v>182766</v>
      </c>
      <c r="J54832" s="1" t="s">
        <v>184444</v>
      </c>
    </row>
    <row r="54833" spans="1:10" x14ac:dyDescent="0.35">
      <c r="A54833" s="1" t="s">
        <v>143197</v>
      </c>
      <c r="B54833" s="1" t="s">
        <v>182761</v>
      </c>
      <c r="C54833" s="1" t="s">
        <v>100</v>
      </c>
      <c r="D54833" s="1" t="s">
        <v>184445</v>
      </c>
      <c r="E54833" s="1" t="s">
        <v>184446</v>
      </c>
      <c r="F54833" s="1" t="s">
        <v>184447</v>
      </c>
      <c r="G54833" s="1" t="s">
        <v>184387</v>
      </c>
      <c r="H54833" s="1" t="s">
        <v>184388</v>
      </c>
      <c r="I54833" s="1" t="s">
        <v>182766</v>
      </c>
      <c r="J54833" s="1" t="s">
        <v>184448</v>
      </c>
    </row>
    <row r="54834" spans="1:10" x14ac:dyDescent="0.35">
      <c r="A54834" s="1" t="s">
        <v>143197</v>
      </c>
      <c r="B54834" s="1" t="s">
        <v>182761</v>
      </c>
      <c r="C54834" s="1" t="s">
        <v>105</v>
      </c>
      <c r="D54834" s="1" t="s">
        <v>184449</v>
      </c>
      <c r="E54834" s="1" t="s">
        <v>184450</v>
      </c>
      <c r="F54834" s="1" t="s">
        <v>184451</v>
      </c>
      <c r="G54834" s="1" t="s">
        <v>184387</v>
      </c>
      <c r="H54834" s="1" t="s">
        <v>184388</v>
      </c>
      <c r="I54834" s="1" t="s">
        <v>182766</v>
      </c>
      <c r="J54834" s="1" t="s">
        <v>184452</v>
      </c>
    </row>
    <row r="54835" spans="1:10" x14ac:dyDescent="0.35">
      <c r="A54835" s="1" t="s">
        <v>143197</v>
      </c>
      <c r="B54835" s="1" t="s">
        <v>182761</v>
      </c>
      <c r="C54835" s="1" t="s">
        <v>110</v>
      </c>
      <c r="D54835" s="1" t="s">
        <v>184453</v>
      </c>
      <c r="E54835" s="1" t="s">
        <v>184454</v>
      </c>
      <c r="F54835" s="1" t="s">
        <v>184455</v>
      </c>
      <c r="G54835" s="1" t="s">
        <v>184387</v>
      </c>
      <c r="H54835" s="1" t="s">
        <v>184388</v>
      </c>
      <c r="I54835" s="1" t="s">
        <v>182766</v>
      </c>
      <c r="J54835" s="1" t="s">
        <v>184456</v>
      </c>
    </row>
    <row r="54836" spans="1:10" x14ac:dyDescent="0.35">
      <c r="A54836" s="1" t="s">
        <v>143197</v>
      </c>
      <c r="B54836" s="1" t="s">
        <v>182761</v>
      </c>
      <c r="C54836" s="1" t="s">
        <v>115</v>
      </c>
      <c r="D54836" s="1" t="s">
        <v>82911</v>
      </c>
      <c r="E54836" s="1" t="s">
        <v>184457</v>
      </c>
      <c r="F54836" s="1" t="s">
        <v>184458</v>
      </c>
      <c r="G54836" s="1" t="s">
        <v>184387</v>
      </c>
      <c r="H54836" s="1" t="s">
        <v>184388</v>
      </c>
      <c r="I54836" s="1" t="s">
        <v>182766</v>
      </c>
      <c r="J54836" s="1" t="s">
        <v>184459</v>
      </c>
    </row>
    <row r="54837" spans="1:10" x14ac:dyDescent="0.35">
      <c r="A54837" s="1" t="s">
        <v>143197</v>
      </c>
      <c r="B54837" s="1" t="s">
        <v>182761</v>
      </c>
      <c r="C54837" s="1" t="s">
        <v>120</v>
      </c>
      <c r="D54837" s="1" t="s">
        <v>184460</v>
      </c>
      <c r="E54837" s="1" t="s">
        <v>184461</v>
      </c>
      <c r="F54837" s="1" t="s">
        <v>184462</v>
      </c>
      <c r="G54837" s="1" t="s">
        <v>184387</v>
      </c>
      <c r="H54837" s="1" t="s">
        <v>184388</v>
      </c>
      <c r="I54837" s="1" t="s">
        <v>182766</v>
      </c>
      <c r="J54837" s="1" t="s">
        <v>184463</v>
      </c>
    </row>
    <row r="54838" spans="1:10" x14ac:dyDescent="0.35">
      <c r="A54838" s="1" t="s">
        <v>143197</v>
      </c>
      <c r="B54838" s="1" t="s">
        <v>182761</v>
      </c>
      <c r="C54838" s="1" t="s">
        <v>125</v>
      </c>
      <c r="D54838" s="1" t="s">
        <v>184464</v>
      </c>
      <c r="E54838" s="1" t="s">
        <v>184465</v>
      </c>
      <c r="F54838" s="1" t="s">
        <v>184466</v>
      </c>
      <c r="G54838" s="1" t="s">
        <v>184387</v>
      </c>
      <c r="H54838" s="1" t="s">
        <v>184388</v>
      </c>
      <c r="I54838" s="1" t="s">
        <v>182766</v>
      </c>
      <c r="J54838" s="1" t="s">
        <v>184467</v>
      </c>
    </row>
    <row r="54839" spans="1:10" x14ac:dyDescent="0.35">
      <c r="A54839" s="1" t="s">
        <v>143197</v>
      </c>
      <c r="B54839" s="1" t="s">
        <v>182761</v>
      </c>
      <c r="C54839" s="1" t="s">
        <v>130</v>
      </c>
      <c r="D54839" s="1" t="s">
        <v>32727</v>
      </c>
      <c r="E54839" s="1" t="s">
        <v>184468</v>
      </c>
      <c r="F54839" s="1" t="s">
        <v>184469</v>
      </c>
      <c r="G54839" s="1" t="s">
        <v>184387</v>
      </c>
      <c r="H54839" s="1" t="s">
        <v>184388</v>
      </c>
      <c r="I54839" s="1" t="s">
        <v>182766</v>
      </c>
      <c r="J54839" s="1" t="s">
        <v>184470</v>
      </c>
    </row>
    <row r="54840" spans="1:10" x14ac:dyDescent="0.35">
      <c r="A54840" s="1" t="s">
        <v>143197</v>
      </c>
      <c r="B54840" s="1" t="s">
        <v>182761</v>
      </c>
      <c r="C54840" s="1" t="s">
        <v>135</v>
      </c>
      <c r="D54840" s="1" t="s">
        <v>184471</v>
      </c>
      <c r="E54840" s="1" t="s">
        <v>184472</v>
      </c>
      <c r="F54840" s="1" t="s">
        <v>184473</v>
      </c>
      <c r="G54840" s="1" t="s">
        <v>184387</v>
      </c>
      <c r="H54840" s="1" t="s">
        <v>184388</v>
      </c>
      <c r="I54840" s="1" t="s">
        <v>182766</v>
      </c>
      <c r="J54840" s="1" t="s">
        <v>184474</v>
      </c>
    </row>
    <row r="54841" spans="1:10" x14ac:dyDescent="0.35">
      <c r="A54841" s="1" t="s">
        <v>143197</v>
      </c>
      <c r="B54841" s="1" t="s">
        <v>182761</v>
      </c>
      <c r="C54841" s="1" t="s">
        <v>140</v>
      </c>
      <c r="D54841" s="1" t="s">
        <v>100889</v>
      </c>
      <c r="E54841" s="1" t="s">
        <v>184475</v>
      </c>
      <c r="F54841" s="1" t="s">
        <v>184476</v>
      </c>
      <c r="G54841" s="1" t="s">
        <v>184387</v>
      </c>
      <c r="H54841" s="1" t="s">
        <v>184388</v>
      </c>
      <c r="I54841" s="1" t="s">
        <v>182766</v>
      </c>
      <c r="J54841" s="1" t="s">
        <v>184477</v>
      </c>
    </row>
    <row r="54842" spans="1:10" x14ac:dyDescent="0.35">
      <c r="A54842" s="1" t="s">
        <v>143197</v>
      </c>
      <c r="B54842" s="1" t="s">
        <v>182761</v>
      </c>
      <c r="C54842" s="1" t="s">
        <v>145</v>
      </c>
      <c r="D54842" s="1" t="s">
        <v>184478</v>
      </c>
      <c r="E54842" s="1" t="s">
        <v>184479</v>
      </c>
      <c r="F54842" s="1" t="s">
        <v>184480</v>
      </c>
      <c r="G54842" s="1" t="s">
        <v>184387</v>
      </c>
      <c r="H54842" s="1" t="s">
        <v>184388</v>
      </c>
      <c r="I54842" s="1" t="s">
        <v>182766</v>
      </c>
      <c r="J54842" s="1" t="s">
        <v>184481</v>
      </c>
    </row>
    <row r="54843" spans="1:10" x14ac:dyDescent="0.35">
      <c r="A54843" s="1" t="s">
        <v>143197</v>
      </c>
      <c r="B54843" s="1" t="s">
        <v>182761</v>
      </c>
      <c r="C54843" s="1" t="s">
        <v>150</v>
      </c>
      <c r="D54843" s="1" t="s">
        <v>184482</v>
      </c>
      <c r="E54843" s="1" t="s">
        <v>184483</v>
      </c>
      <c r="F54843" s="1" t="s">
        <v>184484</v>
      </c>
      <c r="G54843" s="1" t="s">
        <v>184387</v>
      </c>
      <c r="H54843" s="1" t="s">
        <v>184388</v>
      </c>
      <c r="I54843" s="1" t="s">
        <v>182766</v>
      </c>
      <c r="J54843" s="1" t="s">
        <v>184485</v>
      </c>
    </row>
    <row r="54844" spans="1:10" x14ac:dyDescent="0.35">
      <c r="A54844" s="1" t="s">
        <v>143197</v>
      </c>
      <c r="B54844" s="1" t="s">
        <v>182761</v>
      </c>
      <c r="C54844" s="1" t="s">
        <v>155</v>
      </c>
      <c r="D54844" s="1" t="s">
        <v>184486</v>
      </c>
      <c r="E54844" s="1" t="s">
        <v>184487</v>
      </c>
      <c r="F54844" s="1" t="s">
        <v>184488</v>
      </c>
      <c r="G54844" s="1" t="s">
        <v>184387</v>
      </c>
      <c r="H54844" s="1" t="s">
        <v>184388</v>
      </c>
      <c r="I54844" s="1" t="s">
        <v>182766</v>
      </c>
      <c r="J54844" s="1" t="s">
        <v>184489</v>
      </c>
    </row>
    <row r="54845" spans="1:10" x14ac:dyDescent="0.35">
      <c r="A54845" s="1" t="s">
        <v>143197</v>
      </c>
      <c r="B54845" s="1" t="s">
        <v>182761</v>
      </c>
      <c r="C54845" s="1" t="s">
        <v>160</v>
      </c>
      <c r="D54845" s="1" t="s">
        <v>184490</v>
      </c>
      <c r="E54845" s="1" t="s">
        <v>184491</v>
      </c>
      <c r="F54845" s="1" t="s">
        <v>184492</v>
      </c>
      <c r="G54845" s="1" t="s">
        <v>184387</v>
      </c>
      <c r="H54845" s="1" t="s">
        <v>184388</v>
      </c>
      <c r="I54845" s="1" t="s">
        <v>182766</v>
      </c>
      <c r="J54845" s="1" t="s">
        <v>184493</v>
      </c>
    </row>
    <row r="54846" spans="1:10" x14ac:dyDescent="0.35">
      <c r="A54846" s="1" t="s">
        <v>143197</v>
      </c>
      <c r="B54846" s="1" t="s">
        <v>182761</v>
      </c>
      <c r="C54846" s="1" t="s">
        <v>165</v>
      </c>
      <c r="D54846" s="1" t="s">
        <v>64004</v>
      </c>
      <c r="E54846" s="1" t="s">
        <v>184494</v>
      </c>
      <c r="F54846" s="1" t="s">
        <v>184495</v>
      </c>
      <c r="G54846" s="1" t="s">
        <v>184387</v>
      </c>
      <c r="H54846" s="1" t="s">
        <v>184388</v>
      </c>
      <c r="I54846" s="1" t="s">
        <v>182766</v>
      </c>
      <c r="J54846" s="1" t="s">
        <v>184496</v>
      </c>
    </row>
    <row r="54847" spans="1:10" x14ac:dyDescent="0.35">
      <c r="A54847" s="1" t="s">
        <v>143197</v>
      </c>
      <c r="B54847" s="1" t="s">
        <v>182761</v>
      </c>
      <c r="C54847" s="1" t="s">
        <v>170</v>
      </c>
      <c r="D54847" s="1" t="s">
        <v>184497</v>
      </c>
      <c r="E54847" s="1" t="s">
        <v>184498</v>
      </c>
      <c r="F54847" s="1" t="s">
        <v>184499</v>
      </c>
      <c r="G54847" s="1" t="s">
        <v>184387</v>
      </c>
      <c r="H54847" s="1" t="s">
        <v>184388</v>
      </c>
      <c r="I54847" s="1" t="s">
        <v>182766</v>
      </c>
      <c r="J54847" s="1" t="s">
        <v>184500</v>
      </c>
    </row>
    <row r="54848" spans="1:10" x14ac:dyDescent="0.35">
      <c r="A54848" s="1" t="s">
        <v>27965</v>
      </c>
      <c r="B54848" s="1" t="s">
        <v>182761</v>
      </c>
      <c r="C54848" s="1" t="s">
        <v>8</v>
      </c>
      <c r="D54848" s="1" t="s">
        <v>177248</v>
      </c>
      <c r="E54848" s="1" t="s">
        <v>184501</v>
      </c>
      <c r="F54848" s="1" t="s">
        <v>184502</v>
      </c>
      <c r="G54848" s="1" t="s">
        <v>184503</v>
      </c>
      <c r="H54848" s="1" t="s">
        <v>184504</v>
      </c>
      <c r="I54848" s="1" t="s">
        <v>182766</v>
      </c>
      <c r="J54848" s="1" t="s">
        <v>13</v>
      </c>
    </row>
    <row r="54849" spans="1:10" x14ac:dyDescent="0.35">
      <c r="A54849" s="1" t="s">
        <v>27965</v>
      </c>
      <c r="B54849" s="1" t="s">
        <v>182761</v>
      </c>
      <c r="C54849" s="1" t="s">
        <v>15</v>
      </c>
      <c r="D54849" s="1" t="s">
        <v>73881</v>
      </c>
      <c r="E54849" s="1" t="s">
        <v>184505</v>
      </c>
      <c r="F54849" s="1" t="s">
        <v>184506</v>
      </c>
      <c r="G54849" s="1" t="s">
        <v>184503</v>
      </c>
      <c r="H54849" s="1" t="s">
        <v>184504</v>
      </c>
      <c r="I54849" s="1" t="s">
        <v>182766</v>
      </c>
      <c r="J54849" s="1" t="s">
        <v>184507</v>
      </c>
    </row>
    <row r="54850" spans="1:10" x14ac:dyDescent="0.35">
      <c r="A54850" s="1" t="s">
        <v>27965</v>
      </c>
      <c r="B54850" s="1" t="s">
        <v>182761</v>
      </c>
      <c r="C54850" s="1" t="s">
        <v>20</v>
      </c>
      <c r="D54850" s="1" t="s">
        <v>184508</v>
      </c>
      <c r="E54850" s="1" t="s">
        <v>184509</v>
      </c>
      <c r="F54850" s="1" t="s">
        <v>184510</v>
      </c>
      <c r="G54850" s="1" t="s">
        <v>184503</v>
      </c>
      <c r="H54850" s="1" t="s">
        <v>184504</v>
      </c>
      <c r="I54850" s="1" t="s">
        <v>182766</v>
      </c>
      <c r="J54850" s="1" t="s">
        <v>184511</v>
      </c>
    </row>
    <row r="54851" spans="1:10" x14ac:dyDescent="0.35">
      <c r="A54851" s="1" t="s">
        <v>27965</v>
      </c>
      <c r="B54851" s="1" t="s">
        <v>182761</v>
      </c>
      <c r="C54851" s="1" t="s">
        <v>25</v>
      </c>
      <c r="D54851" s="1" t="s">
        <v>73401</v>
      </c>
      <c r="E54851" s="1" t="s">
        <v>184512</v>
      </c>
      <c r="F54851" s="1" t="s">
        <v>184513</v>
      </c>
      <c r="G54851" s="1" t="s">
        <v>184503</v>
      </c>
      <c r="H54851" s="1" t="s">
        <v>184504</v>
      </c>
      <c r="I54851" s="1" t="s">
        <v>182766</v>
      </c>
      <c r="J54851" s="1" t="s">
        <v>184514</v>
      </c>
    </row>
    <row r="54852" spans="1:10" x14ac:dyDescent="0.35">
      <c r="A54852" s="1" t="s">
        <v>27965</v>
      </c>
      <c r="B54852" s="1" t="s">
        <v>182761</v>
      </c>
      <c r="C54852" s="1" t="s">
        <v>30</v>
      </c>
      <c r="D54852" s="1" t="s">
        <v>4153</v>
      </c>
      <c r="E54852" s="1" t="s">
        <v>184515</v>
      </c>
      <c r="F54852" s="1" t="s">
        <v>184516</v>
      </c>
      <c r="G54852" s="1" t="s">
        <v>184503</v>
      </c>
      <c r="H54852" s="1" t="s">
        <v>184504</v>
      </c>
      <c r="I54852" s="1" t="s">
        <v>182766</v>
      </c>
      <c r="J54852" s="1" t="s">
        <v>184517</v>
      </c>
    </row>
    <row r="54853" spans="1:10" x14ac:dyDescent="0.35">
      <c r="A54853" s="1" t="s">
        <v>27965</v>
      </c>
      <c r="B54853" s="1" t="s">
        <v>182761</v>
      </c>
      <c r="C54853" s="1" t="s">
        <v>35</v>
      </c>
      <c r="D54853" s="1" t="s">
        <v>38596</v>
      </c>
      <c r="E54853" s="1" t="s">
        <v>184518</v>
      </c>
      <c r="F54853" s="1" t="s">
        <v>184519</v>
      </c>
      <c r="G54853" s="1" t="s">
        <v>184503</v>
      </c>
      <c r="H54853" s="1" t="s">
        <v>184504</v>
      </c>
      <c r="I54853" s="1" t="s">
        <v>182766</v>
      </c>
      <c r="J54853" s="1" t="s">
        <v>184520</v>
      </c>
    </row>
    <row r="54854" spans="1:10" x14ac:dyDescent="0.35">
      <c r="A54854" s="1" t="s">
        <v>27965</v>
      </c>
      <c r="B54854" s="1" t="s">
        <v>182761</v>
      </c>
      <c r="C54854" s="1" t="s">
        <v>40</v>
      </c>
      <c r="D54854" s="1" t="s">
        <v>837</v>
      </c>
      <c r="E54854" s="1" t="s">
        <v>184521</v>
      </c>
      <c r="F54854" s="1" t="s">
        <v>184522</v>
      </c>
      <c r="G54854" s="1" t="s">
        <v>184503</v>
      </c>
      <c r="H54854" s="1" t="s">
        <v>184504</v>
      </c>
      <c r="I54854" s="1" t="s">
        <v>182766</v>
      </c>
      <c r="J54854" s="1" t="s">
        <v>184523</v>
      </c>
    </row>
    <row r="54855" spans="1:10" x14ac:dyDescent="0.35">
      <c r="A54855" s="1" t="s">
        <v>27965</v>
      </c>
      <c r="B54855" s="1" t="s">
        <v>182761</v>
      </c>
      <c r="C54855" s="1" t="s">
        <v>45</v>
      </c>
      <c r="D54855" s="1" t="s">
        <v>17879</v>
      </c>
      <c r="E54855" s="1" t="s">
        <v>184524</v>
      </c>
      <c r="F54855" s="1" t="s">
        <v>184525</v>
      </c>
      <c r="G54855" s="1" t="s">
        <v>184503</v>
      </c>
      <c r="H54855" s="1" t="s">
        <v>184504</v>
      </c>
      <c r="I54855" s="1" t="s">
        <v>182766</v>
      </c>
      <c r="J54855" s="1" t="s">
        <v>184526</v>
      </c>
    </row>
    <row r="54856" spans="1:10" x14ac:dyDescent="0.35">
      <c r="A54856" s="1" t="s">
        <v>27965</v>
      </c>
      <c r="B54856" s="1" t="s">
        <v>182761</v>
      </c>
      <c r="C54856" s="1" t="s">
        <v>50</v>
      </c>
      <c r="D54856" s="1" t="s">
        <v>118212</v>
      </c>
      <c r="E54856" s="1" t="s">
        <v>184527</v>
      </c>
      <c r="F54856" s="1" t="s">
        <v>184528</v>
      </c>
      <c r="G54856" s="1" t="s">
        <v>184503</v>
      </c>
      <c r="H54856" s="1" t="s">
        <v>184504</v>
      </c>
      <c r="I54856" s="1" t="s">
        <v>182766</v>
      </c>
      <c r="J54856" s="1" t="s">
        <v>184529</v>
      </c>
    </row>
    <row r="54857" spans="1:10" x14ac:dyDescent="0.35">
      <c r="A54857" s="1" t="s">
        <v>27965</v>
      </c>
      <c r="B54857" s="1" t="s">
        <v>182761</v>
      </c>
      <c r="C54857" s="1" t="s">
        <v>55</v>
      </c>
      <c r="D54857" s="1" t="s">
        <v>115967</v>
      </c>
      <c r="E54857" s="1" t="s">
        <v>184530</v>
      </c>
      <c r="F54857" s="1" t="s">
        <v>184531</v>
      </c>
      <c r="G54857" s="1" t="s">
        <v>184503</v>
      </c>
      <c r="H54857" s="1" t="s">
        <v>184504</v>
      </c>
      <c r="I54857" s="1" t="s">
        <v>182766</v>
      </c>
      <c r="J54857" s="1" t="s">
        <v>184532</v>
      </c>
    </row>
    <row r="54858" spans="1:10" x14ac:dyDescent="0.35">
      <c r="A54858" s="1" t="s">
        <v>27965</v>
      </c>
      <c r="B54858" s="1" t="s">
        <v>182761</v>
      </c>
      <c r="C54858" s="1" t="s">
        <v>60</v>
      </c>
      <c r="D54858" s="1" t="s">
        <v>184533</v>
      </c>
      <c r="E54858" s="1" t="s">
        <v>184534</v>
      </c>
      <c r="F54858" s="1" t="s">
        <v>184535</v>
      </c>
      <c r="G54858" s="1" t="s">
        <v>184503</v>
      </c>
      <c r="H54858" s="1" t="s">
        <v>184504</v>
      </c>
      <c r="I54858" s="1" t="s">
        <v>182766</v>
      </c>
      <c r="J54858" s="1" t="s">
        <v>184536</v>
      </c>
    </row>
    <row r="54859" spans="1:10" x14ac:dyDescent="0.35">
      <c r="A54859" s="1" t="s">
        <v>27965</v>
      </c>
      <c r="B54859" s="1" t="s">
        <v>182761</v>
      </c>
      <c r="C54859" s="1" t="s">
        <v>65</v>
      </c>
      <c r="D54859" s="1" t="s">
        <v>652</v>
      </c>
      <c r="E54859" s="1" t="s">
        <v>184537</v>
      </c>
      <c r="F54859" s="1" t="s">
        <v>184538</v>
      </c>
      <c r="G54859" s="1" t="s">
        <v>184503</v>
      </c>
      <c r="H54859" s="1" t="s">
        <v>184504</v>
      </c>
      <c r="I54859" s="1" t="s">
        <v>182766</v>
      </c>
      <c r="J54859" s="1" t="s">
        <v>184539</v>
      </c>
    </row>
    <row r="54860" spans="1:10" x14ac:dyDescent="0.35">
      <c r="A54860" s="1" t="s">
        <v>27965</v>
      </c>
      <c r="B54860" s="1" t="s">
        <v>182761</v>
      </c>
      <c r="C54860" s="1" t="s">
        <v>70</v>
      </c>
      <c r="D54860" s="1" t="s">
        <v>75066</v>
      </c>
      <c r="E54860" s="1" t="s">
        <v>184540</v>
      </c>
      <c r="F54860" s="1" t="s">
        <v>184541</v>
      </c>
      <c r="G54860" s="1" t="s">
        <v>184503</v>
      </c>
      <c r="H54860" s="1" t="s">
        <v>184504</v>
      </c>
      <c r="I54860" s="1" t="s">
        <v>182766</v>
      </c>
      <c r="J54860" s="1" t="s">
        <v>184542</v>
      </c>
    </row>
    <row r="54861" spans="1:10" x14ac:dyDescent="0.35">
      <c r="A54861" s="1" t="s">
        <v>27965</v>
      </c>
      <c r="B54861" s="1" t="s">
        <v>182761</v>
      </c>
      <c r="C54861" s="1" t="s">
        <v>75</v>
      </c>
      <c r="D54861" s="1" t="s">
        <v>150603</v>
      </c>
      <c r="E54861" s="1" t="s">
        <v>184543</v>
      </c>
      <c r="F54861" s="1" t="s">
        <v>184544</v>
      </c>
      <c r="G54861" s="1" t="s">
        <v>184503</v>
      </c>
      <c r="H54861" s="1" t="s">
        <v>184504</v>
      </c>
      <c r="I54861" s="1" t="s">
        <v>182766</v>
      </c>
      <c r="J54861" s="1" t="s">
        <v>184545</v>
      </c>
    </row>
    <row r="54862" spans="1:10" x14ac:dyDescent="0.35">
      <c r="A54862" s="1" t="s">
        <v>27965</v>
      </c>
      <c r="B54862" s="1" t="s">
        <v>182761</v>
      </c>
      <c r="C54862" s="1" t="s">
        <v>80</v>
      </c>
      <c r="D54862" s="1" t="s">
        <v>184546</v>
      </c>
      <c r="E54862" s="1" t="s">
        <v>184547</v>
      </c>
      <c r="F54862" s="1" t="s">
        <v>184548</v>
      </c>
      <c r="G54862" s="1" t="s">
        <v>184503</v>
      </c>
      <c r="H54862" s="1" t="s">
        <v>184504</v>
      </c>
      <c r="I54862" s="1" t="s">
        <v>182766</v>
      </c>
      <c r="J54862" s="1" t="s">
        <v>184549</v>
      </c>
    </row>
    <row r="54863" spans="1:10" x14ac:dyDescent="0.35">
      <c r="A54863" s="1" t="s">
        <v>27965</v>
      </c>
      <c r="B54863" s="1" t="s">
        <v>182761</v>
      </c>
      <c r="C54863" s="1" t="s">
        <v>85</v>
      </c>
      <c r="D54863" s="1" t="s">
        <v>114619</v>
      </c>
      <c r="E54863" s="1" t="s">
        <v>184550</v>
      </c>
      <c r="F54863" s="1" t="s">
        <v>184551</v>
      </c>
      <c r="G54863" s="1" t="s">
        <v>184503</v>
      </c>
      <c r="H54863" s="1" t="s">
        <v>184504</v>
      </c>
      <c r="I54863" s="1" t="s">
        <v>182766</v>
      </c>
      <c r="J54863" s="1" t="s">
        <v>184552</v>
      </c>
    </row>
    <row r="54864" spans="1:10" x14ac:dyDescent="0.35">
      <c r="A54864" s="1" t="s">
        <v>27965</v>
      </c>
      <c r="B54864" s="1" t="s">
        <v>182761</v>
      </c>
      <c r="C54864" s="1" t="s">
        <v>90</v>
      </c>
      <c r="D54864" s="1" t="s">
        <v>184553</v>
      </c>
      <c r="E54864" s="1" t="s">
        <v>184554</v>
      </c>
      <c r="F54864" s="1" t="s">
        <v>184555</v>
      </c>
      <c r="G54864" s="1" t="s">
        <v>184503</v>
      </c>
      <c r="H54864" s="1" t="s">
        <v>184504</v>
      </c>
      <c r="I54864" s="1" t="s">
        <v>182766</v>
      </c>
      <c r="J54864" s="1" t="s">
        <v>184556</v>
      </c>
    </row>
    <row r="54865" spans="1:10" x14ac:dyDescent="0.35">
      <c r="A54865" s="1" t="s">
        <v>27965</v>
      </c>
      <c r="B54865" s="1" t="s">
        <v>182761</v>
      </c>
      <c r="C54865" s="1" t="s">
        <v>95</v>
      </c>
      <c r="D54865" s="1" t="s">
        <v>121029</v>
      </c>
      <c r="E54865" s="1" t="s">
        <v>184557</v>
      </c>
      <c r="F54865" s="1" t="s">
        <v>184558</v>
      </c>
      <c r="G54865" s="1" t="s">
        <v>184503</v>
      </c>
      <c r="H54865" s="1" t="s">
        <v>184504</v>
      </c>
      <c r="I54865" s="1" t="s">
        <v>182766</v>
      </c>
      <c r="J54865" s="1" t="s">
        <v>184559</v>
      </c>
    </row>
    <row r="54866" spans="1:10" x14ac:dyDescent="0.35">
      <c r="A54866" s="1" t="s">
        <v>27965</v>
      </c>
      <c r="B54866" s="1" t="s">
        <v>182761</v>
      </c>
      <c r="C54866" s="1" t="s">
        <v>100</v>
      </c>
      <c r="D54866" s="1" t="s">
        <v>184343</v>
      </c>
      <c r="E54866" s="1" t="s">
        <v>184560</v>
      </c>
      <c r="F54866" s="1" t="s">
        <v>184561</v>
      </c>
      <c r="G54866" s="1" t="s">
        <v>184503</v>
      </c>
      <c r="H54866" s="1" t="s">
        <v>184504</v>
      </c>
      <c r="I54866" s="1" t="s">
        <v>182766</v>
      </c>
      <c r="J54866" s="1" t="s">
        <v>184562</v>
      </c>
    </row>
    <row r="54867" spans="1:10" x14ac:dyDescent="0.35">
      <c r="A54867" s="1" t="s">
        <v>27965</v>
      </c>
      <c r="B54867" s="1" t="s">
        <v>182761</v>
      </c>
      <c r="C54867" s="1" t="s">
        <v>105</v>
      </c>
      <c r="D54867" s="1" t="s">
        <v>19132</v>
      </c>
      <c r="E54867" s="1" t="s">
        <v>184563</v>
      </c>
      <c r="F54867" s="1" t="s">
        <v>184564</v>
      </c>
      <c r="G54867" s="1" t="s">
        <v>184503</v>
      </c>
      <c r="H54867" s="1" t="s">
        <v>184504</v>
      </c>
      <c r="I54867" s="1" t="s">
        <v>182766</v>
      </c>
      <c r="J54867" s="1" t="s">
        <v>184565</v>
      </c>
    </row>
    <row r="54868" spans="1:10" x14ac:dyDescent="0.35">
      <c r="A54868" s="1" t="s">
        <v>27965</v>
      </c>
      <c r="B54868" s="1" t="s">
        <v>182761</v>
      </c>
      <c r="C54868" s="1" t="s">
        <v>110</v>
      </c>
      <c r="D54868" s="1" t="s">
        <v>142067</v>
      </c>
      <c r="E54868" s="1" t="s">
        <v>184566</v>
      </c>
      <c r="F54868" s="1" t="s">
        <v>184567</v>
      </c>
      <c r="G54868" s="1" t="s">
        <v>184503</v>
      </c>
      <c r="H54868" s="1" t="s">
        <v>184504</v>
      </c>
      <c r="I54868" s="1" t="s">
        <v>182766</v>
      </c>
      <c r="J54868" s="1" t="s">
        <v>184568</v>
      </c>
    </row>
    <row r="54869" spans="1:10" x14ac:dyDescent="0.35">
      <c r="A54869" s="1" t="s">
        <v>27965</v>
      </c>
      <c r="B54869" s="1" t="s">
        <v>182761</v>
      </c>
      <c r="C54869" s="1" t="s">
        <v>115</v>
      </c>
      <c r="D54869" s="1" t="s">
        <v>121032</v>
      </c>
      <c r="E54869" s="1" t="s">
        <v>184569</v>
      </c>
      <c r="F54869" s="1" t="s">
        <v>184570</v>
      </c>
      <c r="G54869" s="1" t="s">
        <v>184503</v>
      </c>
      <c r="H54869" s="1" t="s">
        <v>184504</v>
      </c>
      <c r="I54869" s="1" t="s">
        <v>182766</v>
      </c>
      <c r="J54869" s="1" t="s">
        <v>184571</v>
      </c>
    </row>
    <row r="54870" spans="1:10" x14ac:dyDescent="0.35">
      <c r="A54870" s="1" t="s">
        <v>27965</v>
      </c>
      <c r="B54870" s="1" t="s">
        <v>182761</v>
      </c>
      <c r="C54870" s="1" t="s">
        <v>120</v>
      </c>
      <c r="D54870" s="1" t="s">
        <v>18338</v>
      </c>
      <c r="E54870" s="1" t="s">
        <v>184572</v>
      </c>
      <c r="F54870" s="1" t="s">
        <v>184573</v>
      </c>
      <c r="G54870" s="1" t="s">
        <v>184503</v>
      </c>
      <c r="H54870" s="1" t="s">
        <v>184504</v>
      </c>
      <c r="I54870" s="1" t="s">
        <v>182766</v>
      </c>
      <c r="J54870" s="1" t="s">
        <v>184574</v>
      </c>
    </row>
    <row r="54871" spans="1:10" x14ac:dyDescent="0.35">
      <c r="A54871" s="1" t="s">
        <v>27965</v>
      </c>
      <c r="B54871" s="1" t="s">
        <v>182761</v>
      </c>
      <c r="C54871" s="1" t="s">
        <v>125</v>
      </c>
      <c r="D54871" s="1" t="s">
        <v>11628</v>
      </c>
      <c r="E54871" s="1" t="s">
        <v>184575</v>
      </c>
      <c r="F54871" s="1" t="s">
        <v>184576</v>
      </c>
      <c r="G54871" s="1" t="s">
        <v>184503</v>
      </c>
      <c r="H54871" s="1" t="s">
        <v>184504</v>
      </c>
      <c r="I54871" s="1" t="s">
        <v>182766</v>
      </c>
      <c r="J54871" s="1" t="s">
        <v>184577</v>
      </c>
    </row>
    <row r="54872" spans="1:10" x14ac:dyDescent="0.35">
      <c r="A54872" s="1" t="s">
        <v>27965</v>
      </c>
      <c r="B54872" s="1" t="s">
        <v>182761</v>
      </c>
      <c r="C54872" s="1" t="s">
        <v>130</v>
      </c>
      <c r="D54872" s="1" t="s">
        <v>184578</v>
      </c>
      <c r="E54872" s="1" t="s">
        <v>184579</v>
      </c>
      <c r="F54872" s="1" t="s">
        <v>184580</v>
      </c>
      <c r="G54872" s="1" t="s">
        <v>184503</v>
      </c>
      <c r="H54872" s="1" t="s">
        <v>184504</v>
      </c>
      <c r="I54872" s="1" t="s">
        <v>182766</v>
      </c>
      <c r="J54872" s="1" t="s">
        <v>184581</v>
      </c>
    </row>
    <row r="54873" spans="1:10" x14ac:dyDescent="0.35">
      <c r="A54873" s="1" t="s">
        <v>27965</v>
      </c>
      <c r="B54873" s="1" t="s">
        <v>182761</v>
      </c>
      <c r="C54873" s="1" t="s">
        <v>135</v>
      </c>
      <c r="D54873" s="1" t="s">
        <v>42692</v>
      </c>
      <c r="E54873" s="1" t="s">
        <v>184582</v>
      </c>
      <c r="F54873" s="1" t="s">
        <v>184583</v>
      </c>
      <c r="G54873" s="1" t="s">
        <v>184503</v>
      </c>
      <c r="H54873" s="1" t="s">
        <v>184504</v>
      </c>
      <c r="I54873" s="1" t="s">
        <v>182766</v>
      </c>
      <c r="J54873" s="1" t="s">
        <v>184584</v>
      </c>
    </row>
    <row r="54874" spans="1:10" x14ac:dyDescent="0.35">
      <c r="A54874" s="1" t="s">
        <v>27965</v>
      </c>
      <c r="B54874" s="1" t="s">
        <v>182761</v>
      </c>
      <c r="C54874" s="1" t="s">
        <v>140</v>
      </c>
      <c r="D54874" s="1" t="s">
        <v>184585</v>
      </c>
      <c r="E54874" s="1" t="s">
        <v>184586</v>
      </c>
      <c r="F54874" s="1" t="s">
        <v>184587</v>
      </c>
      <c r="G54874" s="1" t="s">
        <v>184503</v>
      </c>
      <c r="H54874" s="1" t="s">
        <v>184504</v>
      </c>
      <c r="I54874" s="1" t="s">
        <v>182766</v>
      </c>
      <c r="J54874" s="1" t="s">
        <v>184588</v>
      </c>
    </row>
    <row r="54875" spans="1:10" x14ac:dyDescent="0.35">
      <c r="A54875" s="1" t="s">
        <v>27965</v>
      </c>
      <c r="B54875" s="1" t="s">
        <v>182761</v>
      </c>
      <c r="C54875" s="1" t="s">
        <v>145</v>
      </c>
      <c r="D54875" s="1" t="s">
        <v>184589</v>
      </c>
      <c r="E54875" s="1" t="s">
        <v>184590</v>
      </c>
      <c r="F54875" s="1" t="s">
        <v>184591</v>
      </c>
      <c r="G54875" s="1" t="s">
        <v>184503</v>
      </c>
      <c r="H54875" s="1" t="s">
        <v>184504</v>
      </c>
      <c r="I54875" s="1" t="s">
        <v>182766</v>
      </c>
      <c r="J54875" s="1" t="s">
        <v>184592</v>
      </c>
    </row>
    <row r="54876" spans="1:10" x14ac:dyDescent="0.35">
      <c r="A54876" s="1" t="s">
        <v>27965</v>
      </c>
      <c r="B54876" s="1" t="s">
        <v>182761</v>
      </c>
      <c r="C54876" s="1" t="s">
        <v>150</v>
      </c>
      <c r="D54876" s="1" t="s">
        <v>184593</v>
      </c>
      <c r="E54876" s="1" t="s">
        <v>184594</v>
      </c>
      <c r="F54876" s="1" t="s">
        <v>184595</v>
      </c>
      <c r="G54876" s="1" t="s">
        <v>184503</v>
      </c>
      <c r="H54876" s="1" t="s">
        <v>184504</v>
      </c>
      <c r="I54876" s="1" t="s">
        <v>182766</v>
      </c>
      <c r="J54876" s="1" t="s">
        <v>184596</v>
      </c>
    </row>
    <row r="54877" spans="1:10" x14ac:dyDescent="0.35">
      <c r="A54877" s="1" t="s">
        <v>27965</v>
      </c>
      <c r="B54877" s="1" t="s">
        <v>182761</v>
      </c>
      <c r="C54877" s="1" t="s">
        <v>155</v>
      </c>
      <c r="D54877" s="1" t="s">
        <v>16925</v>
      </c>
      <c r="E54877" s="1" t="s">
        <v>184597</v>
      </c>
      <c r="F54877" s="1" t="s">
        <v>184598</v>
      </c>
      <c r="G54877" s="1" t="s">
        <v>184503</v>
      </c>
      <c r="H54877" s="1" t="s">
        <v>184504</v>
      </c>
      <c r="I54877" s="1" t="s">
        <v>182766</v>
      </c>
      <c r="J54877" s="1" t="s">
        <v>184599</v>
      </c>
    </row>
    <row r="54878" spans="1:10" x14ac:dyDescent="0.35">
      <c r="A54878" s="1" t="s">
        <v>27965</v>
      </c>
      <c r="B54878" s="1" t="s">
        <v>182761</v>
      </c>
      <c r="C54878" s="1" t="s">
        <v>160</v>
      </c>
      <c r="D54878" s="1" t="s">
        <v>184600</v>
      </c>
      <c r="E54878" s="1" t="s">
        <v>184601</v>
      </c>
      <c r="F54878" s="1" t="s">
        <v>184602</v>
      </c>
      <c r="G54878" s="1" t="s">
        <v>184503</v>
      </c>
      <c r="H54878" s="1" t="s">
        <v>184504</v>
      </c>
      <c r="I54878" s="1" t="s">
        <v>182766</v>
      </c>
      <c r="J54878" s="1" t="s">
        <v>184603</v>
      </c>
    </row>
    <row r="54879" spans="1:10" x14ac:dyDescent="0.35">
      <c r="A54879" s="1" t="s">
        <v>27965</v>
      </c>
      <c r="B54879" s="1" t="s">
        <v>182761</v>
      </c>
      <c r="C54879" s="1" t="s">
        <v>165</v>
      </c>
      <c r="D54879" s="1" t="s">
        <v>179459</v>
      </c>
      <c r="E54879" s="1" t="s">
        <v>184604</v>
      </c>
      <c r="F54879" s="1" t="s">
        <v>184605</v>
      </c>
      <c r="G54879" s="1" t="s">
        <v>184503</v>
      </c>
      <c r="H54879" s="1" t="s">
        <v>184504</v>
      </c>
      <c r="I54879" s="1" t="s">
        <v>182766</v>
      </c>
      <c r="J54879" s="1" t="s">
        <v>184606</v>
      </c>
    </row>
    <row r="54880" spans="1:10" x14ac:dyDescent="0.35">
      <c r="A54880" s="1" t="s">
        <v>27965</v>
      </c>
      <c r="B54880" s="1" t="s">
        <v>182761</v>
      </c>
      <c r="C54880" s="1" t="s">
        <v>170</v>
      </c>
      <c r="D54880" s="1" t="s">
        <v>184607</v>
      </c>
      <c r="E54880" s="1" t="s">
        <v>184608</v>
      </c>
      <c r="F54880" s="1" t="s">
        <v>184609</v>
      </c>
      <c r="G54880" s="1" t="s">
        <v>184503</v>
      </c>
      <c r="H54880" s="1" t="s">
        <v>184504</v>
      </c>
      <c r="I54880" s="1" t="s">
        <v>182766</v>
      </c>
      <c r="J54880" s="1" t="s">
        <v>184610</v>
      </c>
    </row>
    <row r="54881" spans="1:10" x14ac:dyDescent="0.35">
      <c r="A54881" s="1" t="s">
        <v>143489</v>
      </c>
      <c r="B54881" s="1" t="s">
        <v>182761</v>
      </c>
      <c r="C54881" s="1" t="s">
        <v>8</v>
      </c>
      <c r="D54881" s="1" t="s">
        <v>177259</v>
      </c>
      <c r="E54881" s="1" t="s">
        <v>15432</v>
      </c>
      <c r="F54881" s="1" t="s">
        <v>184611</v>
      </c>
      <c r="G54881" s="1" t="s">
        <v>184612</v>
      </c>
      <c r="H54881" s="1" t="s">
        <v>184613</v>
      </c>
      <c r="I54881" s="1" t="s">
        <v>182766</v>
      </c>
      <c r="J54881" s="1" t="s">
        <v>13</v>
      </c>
    </row>
    <row r="54882" spans="1:10" x14ac:dyDescent="0.35">
      <c r="A54882" s="1" t="s">
        <v>143489</v>
      </c>
      <c r="B54882" s="1" t="s">
        <v>182761</v>
      </c>
      <c r="C54882" s="1" t="s">
        <v>15</v>
      </c>
      <c r="D54882" s="1" t="s">
        <v>3070</v>
      </c>
      <c r="E54882" s="1" t="s">
        <v>60525</v>
      </c>
      <c r="F54882" s="1" t="s">
        <v>58157</v>
      </c>
      <c r="G54882" s="1" t="s">
        <v>184612</v>
      </c>
      <c r="H54882" s="1" t="s">
        <v>184613</v>
      </c>
      <c r="I54882" s="1" t="s">
        <v>182766</v>
      </c>
      <c r="J54882" s="1" t="s">
        <v>184614</v>
      </c>
    </row>
    <row r="54883" spans="1:10" x14ac:dyDescent="0.35">
      <c r="A54883" s="1" t="s">
        <v>143489</v>
      </c>
      <c r="B54883" s="1" t="s">
        <v>182761</v>
      </c>
      <c r="C54883" s="1" t="s">
        <v>20</v>
      </c>
      <c r="D54883" s="1" t="s">
        <v>38342</v>
      </c>
      <c r="E54883" s="1" t="s">
        <v>60752</v>
      </c>
      <c r="F54883" s="1" t="s">
        <v>184615</v>
      </c>
      <c r="G54883" s="1" t="s">
        <v>184612</v>
      </c>
      <c r="H54883" s="1" t="s">
        <v>184613</v>
      </c>
      <c r="I54883" s="1" t="s">
        <v>182766</v>
      </c>
      <c r="J54883" s="1" t="s">
        <v>184616</v>
      </c>
    </row>
    <row r="54884" spans="1:10" x14ac:dyDescent="0.35">
      <c r="A54884" s="1" t="s">
        <v>143489</v>
      </c>
      <c r="B54884" s="1" t="s">
        <v>182761</v>
      </c>
      <c r="C54884" s="1" t="s">
        <v>25</v>
      </c>
      <c r="D54884" s="1" t="s">
        <v>71191</v>
      </c>
      <c r="E54884" s="1" t="s">
        <v>55286</v>
      </c>
      <c r="F54884" s="1" t="s">
        <v>184617</v>
      </c>
      <c r="G54884" s="1" t="s">
        <v>184612</v>
      </c>
      <c r="H54884" s="1" t="s">
        <v>184613</v>
      </c>
      <c r="I54884" s="1" t="s">
        <v>182766</v>
      </c>
      <c r="J54884" s="1" t="s">
        <v>184618</v>
      </c>
    </row>
    <row r="54885" spans="1:10" x14ac:dyDescent="0.35">
      <c r="A54885" s="1" t="s">
        <v>143489</v>
      </c>
      <c r="B54885" s="1" t="s">
        <v>182761</v>
      </c>
      <c r="C54885" s="1" t="s">
        <v>30</v>
      </c>
      <c r="D54885" s="1" t="s">
        <v>82339</v>
      </c>
      <c r="E54885" s="1" t="s">
        <v>15595</v>
      </c>
      <c r="F54885" s="1" t="s">
        <v>184619</v>
      </c>
      <c r="G54885" s="1" t="s">
        <v>184612</v>
      </c>
      <c r="H54885" s="1" t="s">
        <v>184613</v>
      </c>
      <c r="I54885" s="1" t="s">
        <v>182766</v>
      </c>
      <c r="J54885" s="1" t="s">
        <v>184620</v>
      </c>
    </row>
    <row r="54886" spans="1:10" x14ac:dyDescent="0.35">
      <c r="A54886" s="1" t="s">
        <v>143489</v>
      </c>
      <c r="B54886" s="1" t="s">
        <v>182761</v>
      </c>
      <c r="C54886" s="1" t="s">
        <v>35</v>
      </c>
      <c r="D54886" s="1" t="s">
        <v>7203</v>
      </c>
      <c r="E54886" s="1" t="s">
        <v>63480</v>
      </c>
      <c r="F54886" s="1" t="s">
        <v>107274</v>
      </c>
      <c r="G54886" s="1" t="s">
        <v>184612</v>
      </c>
      <c r="H54886" s="1" t="s">
        <v>184613</v>
      </c>
      <c r="I54886" s="1" t="s">
        <v>182766</v>
      </c>
      <c r="J54886" s="1" t="s">
        <v>184621</v>
      </c>
    </row>
    <row r="54887" spans="1:10" x14ac:dyDescent="0.35">
      <c r="A54887" s="1" t="s">
        <v>143489</v>
      </c>
      <c r="B54887" s="1" t="s">
        <v>182761</v>
      </c>
      <c r="C54887" s="1" t="s">
        <v>40</v>
      </c>
      <c r="D54887" s="1" t="s">
        <v>31537</v>
      </c>
      <c r="E54887" s="1" t="s">
        <v>62154</v>
      </c>
      <c r="F54887" s="1" t="s">
        <v>184622</v>
      </c>
      <c r="G54887" s="1" t="s">
        <v>184612</v>
      </c>
      <c r="H54887" s="1" t="s">
        <v>184613</v>
      </c>
      <c r="I54887" s="1" t="s">
        <v>182766</v>
      </c>
      <c r="J54887" s="1" t="s">
        <v>184623</v>
      </c>
    </row>
    <row r="54888" spans="1:10" x14ac:dyDescent="0.35">
      <c r="A54888" s="1" t="s">
        <v>143489</v>
      </c>
      <c r="B54888" s="1" t="s">
        <v>182761</v>
      </c>
      <c r="C54888" s="1" t="s">
        <v>45</v>
      </c>
      <c r="D54888" s="1" t="s">
        <v>140972</v>
      </c>
      <c r="E54888" s="1" t="s">
        <v>61432</v>
      </c>
      <c r="F54888" s="1" t="s">
        <v>62265</v>
      </c>
      <c r="G54888" s="1" t="s">
        <v>184612</v>
      </c>
      <c r="H54888" s="1" t="s">
        <v>184613</v>
      </c>
      <c r="I54888" s="1" t="s">
        <v>182766</v>
      </c>
      <c r="J54888" s="1" t="s">
        <v>184624</v>
      </c>
    </row>
    <row r="54889" spans="1:10" x14ac:dyDescent="0.35">
      <c r="A54889" s="1" t="s">
        <v>143489</v>
      </c>
      <c r="B54889" s="1" t="s">
        <v>182761</v>
      </c>
      <c r="C54889" s="1" t="s">
        <v>50</v>
      </c>
      <c r="D54889" s="1" t="s">
        <v>36577</v>
      </c>
      <c r="E54889" s="1" t="s">
        <v>68942</v>
      </c>
      <c r="F54889" s="1" t="s">
        <v>184625</v>
      </c>
      <c r="G54889" s="1" t="s">
        <v>184612</v>
      </c>
      <c r="H54889" s="1" t="s">
        <v>184613</v>
      </c>
      <c r="I54889" s="1" t="s">
        <v>182766</v>
      </c>
      <c r="J54889" s="1" t="s">
        <v>184626</v>
      </c>
    </row>
    <row r="54890" spans="1:10" x14ac:dyDescent="0.35">
      <c r="A54890" s="1" t="s">
        <v>143489</v>
      </c>
      <c r="B54890" s="1" t="s">
        <v>182761</v>
      </c>
      <c r="C54890" s="1" t="s">
        <v>55</v>
      </c>
      <c r="D54890" s="1" t="s">
        <v>184627</v>
      </c>
      <c r="E54890" s="1" t="s">
        <v>26251</v>
      </c>
      <c r="F54890" s="1" t="s">
        <v>184628</v>
      </c>
      <c r="G54890" s="1" t="s">
        <v>184612</v>
      </c>
      <c r="H54890" s="1" t="s">
        <v>184613</v>
      </c>
      <c r="I54890" s="1" t="s">
        <v>182766</v>
      </c>
      <c r="J54890" s="1" t="s">
        <v>184629</v>
      </c>
    </row>
    <row r="54891" spans="1:10" x14ac:dyDescent="0.35">
      <c r="A54891" s="1" t="s">
        <v>143489</v>
      </c>
      <c r="B54891" s="1" t="s">
        <v>182761</v>
      </c>
      <c r="C54891" s="1" t="s">
        <v>60</v>
      </c>
      <c r="D54891" s="1" t="s">
        <v>176583</v>
      </c>
      <c r="E54891" s="1" t="s">
        <v>134039</v>
      </c>
      <c r="F54891" s="1" t="s">
        <v>184630</v>
      </c>
      <c r="G54891" s="1" t="s">
        <v>184612</v>
      </c>
      <c r="H54891" s="1" t="s">
        <v>184613</v>
      </c>
      <c r="I54891" s="1" t="s">
        <v>182766</v>
      </c>
      <c r="J54891" s="1" t="s">
        <v>151623</v>
      </c>
    </row>
    <row r="54892" spans="1:10" x14ac:dyDescent="0.35">
      <c r="A54892" s="1" t="s">
        <v>143489</v>
      </c>
      <c r="B54892" s="1" t="s">
        <v>182761</v>
      </c>
      <c r="C54892" s="1" t="s">
        <v>65</v>
      </c>
      <c r="D54892" s="1" t="s">
        <v>184631</v>
      </c>
      <c r="E54892" s="1" t="s">
        <v>15829</v>
      </c>
      <c r="F54892" s="1" t="s">
        <v>184632</v>
      </c>
      <c r="G54892" s="1" t="s">
        <v>184612</v>
      </c>
      <c r="H54892" s="1" t="s">
        <v>184613</v>
      </c>
      <c r="I54892" s="1" t="s">
        <v>182766</v>
      </c>
      <c r="J54892" s="1" t="s">
        <v>184633</v>
      </c>
    </row>
    <row r="54893" spans="1:10" x14ac:dyDescent="0.35">
      <c r="A54893" s="1" t="s">
        <v>143489</v>
      </c>
      <c r="B54893" s="1" t="s">
        <v>182761</v>
      </c>
      <c r="C54893" s="1" t="s">
        <v>70</v>
      </c>
      <c r="D54893" s="1" t="s">
        <v>172649</v>
      </c>
      <c r="E54893" s="1" t="s">
        <v>65426</v>
      </c>
      <c r="F54893" s="1" t="s">
        <v>184634</v>
      </c>
      <c r="G54893" s="1" t="s">
        <v>184612</v>
      </c>
      <c r="H54893" s="1" t="s">
        <v>184613</v>
      </c>
      <c r="I54893" s="1" t="s">
        <v>182766</v>
      </c>
      <c r="J54893" s="1" t="s">
        <v>184635</v>
      </c>
    </row>
    <row r="54894" spans="1:10" x14ac:dyDescent="0.35">
      <c r="A54894" s="1" t="s">
        <v>143489</v>
      </c>
      <c r="B54894" s="1" t="s">
        <v>182761</v>
      </c>
      <c r="C54894" s="1" t="s">
        <v>75</v>
      </c>
      <c r="D54894" s="1" t="s">
        <v>47968</v>
      </c>
      <c r="E54894" s="1" t="s">
        <v>55964</v>
      </c>
      <c r="F54894" s="1" t="s">
        <v>184636</v>
      </c>
      <c r="G54894" s="1" t="s">
        <v>184612</v>
      </c>
      <c r="H54894" s="1" t="s">
        <v>184613</v>
      </c>
      <c r="I54894" s="1" t="s">
        <v>182766</v>
      </c>
      <c r="J54894" s="1" t="s">
        <v>184637</v>
      </c>
    </row>
    <row r="54895" spans="1:10" x14ac:dyDescent="0.35">
      <c r="A54895" s="1" t="s">
        <v>143489</v>
      </c>
      <c r="B54895" s="1" t="s">
        <v>182761</v>
      </c>
      <c r="C54895" s="1" t="s">
        <v>80</v>
      </c>
      <c r="D54895" s="1" t="s">
        <v>184638</v>
      </c>
      <c r="E54895" s="1" t="s">
        <v>65430</v>
      </c>
      <c r="F54895" s="1" t="s">
        <v>69329</v>
      </c>
      <c r="G54895" s="1" t="s">
        <v>184612</v>
      </c>
      <c r="H54895" s="1" t="s">
        <v>184613</v>
      </c>
      <c r="I54895" s="1" t="s">
        <v>182766</v>
      </c>
      <c r="J54895" s="1" t="s">
        <v>184639</v>
      </c>
    </row>
    <row r="54896" spans="1:10" x14ac:dyDescent="0.35">
      <c r="A54896" s="1" t="s">
        <v>143489</v>
      </c>
      <c r="B54896" s="1" t="s">
        <v>182761</v>
      </c>
      <c r="C54896" s="1" t="s">
        <v>85</v>
      </c>
      <c r="D54896" s="1" t="s">
        <v>33845</v>
      </c>
      <c r="E54896" s="1" t="s">
        <v>54110</v>
      </c>
      <c r="F54896" s="1" t="s">
        <v>184640</v>
      </c>
      <c r="G54896" s="1" t="s">
        <v>184612</v>
      </c>
      <c r="H54896" s="1" t="s">
        <v>184613</v>
      </c>
      <c r="I54896" s="1" t="s">
        <v>182766</v>
      </c>
      <c r="J54896" s="1" t="s">
        <v>92182</v>
      </c>
    </row>
    <row r="54897" spans="1:10" x14ac:dyDescent="0.35">
      <c r="A54897" s="1" t="s">
        <v>143489</v>
      </c>
      <c r="B54897" s="1" t="s">
        <v>182761</v>
      </c>
      <c r="C54897" s="1" t="s">
        <v>90</v>
      </c>
      <c r="D54897" s="1" t="s">
        <v>184641</v>
      </c>
      <c r="E54897" s="1" t="s">
        <v>16109</v>
      </c>
      <c r="F54897" s="1" t="s">
        <v>184642</v>
      </c>
      <c r="G54897" s="1" t="s">
        <v>184612</v>
      </c>
      <c r="H54897" s="1" t="s">
        <v>184613</v>
      </c>
      <c r="I54897" s="1" t="s">
        <v>182766</v>
      </c>
      <c r="J54897" s="1" t="s">
        <v>184643</v>
      </c>
    </row>
    <row r="54898" spans="1:10" x14ac:dyDescent="0.35">
      <c r="A54898" s="1" t="s">
        <v>143489</v>
      </c>
      <c r="B54898" s="1" t="s">
        <v>182761</v>
      </c>
      <c r="C54898" s="1" t="s">
        <v>95</v>
      </c>
      <c r="D54898" s="1" t="s">
        <v>49658</v>
      </c>
      <c r="E54898" s="1" t="s">
        <v>27164</v>
      </c>
      <c r="F54898" s="1" t="s">
        <v>89284</v>
      </c>
      <c r="G54898" s="1" t="s">
        <v>184612</v>
      </c>
      <c r="H54898" s="1" t="s">
        <v>184613</v>
      </c>
      <c r="I54898" s="1" t="s">
        <v>182766</v>
      </c>
      <c r="J54898" s="1" t="s">
        <v>184644</v>
      </c>
    </row>
    <row r="54899" spans="1:10" x14ac:dyDescent="0.35">
      <c r="A54899" s="1" t="s">
        <v>143489</v>
      </c>
      <c r="B54899" s="1" t="s">
        <v>182761</v>
      </c>
      <c r="C54899" s="1" t="s">
        <v>100</v>
      </c>
      <c r="D54899" s="1" t="s">
        <v>184645</v>
      </c>
      <c r="E54899" s="1" t="s">
        <v>15606</v>
      </c>
      <c r="F54899" s="1" t="s">
        <v>184646</v>
      </c>
      <c r="G54899" s="1" t="s">
        <v>184612</v>
      </c>
      <c r="H54899" s="1" t="s">
        <v>184613</v>
      </c>
      <c r="I54899" s="1" t="s">
        <v>182766</v>
      </c>
      <c r="J54899" s="1" t="s">
        <v>184647</v>
      </c>
    </row>
    <row r="54900" spans="1:10" x14ac:dyDescent="0.35">
      <c r="A54900" s="1" t="s">
        <v>143489</v>
      </c>
      <c r="B54900" s="1" t="s">
        <v>182761</v>
      </c>
      <c r="C54900" s="1" t="s">
        <v>105</v>
      </c>
      <c r="D54900" s="1" t="s">
        <v>155270</v>
      </c>
      <c r="E54900" s="1" t="s">
        <v>54720</v>
      </c>
      <c r="F54900" s="1" t="s">
        <v>184648</v>
      </c>
      <c r="G54900" s="1" t="s">
        <v>184612</v>
      </c>
      <c r="H54900" s="1" t="s">
        <v>184613</v>
      </c>
      <c r="I54900" s="1" t="s">
        <v>182766</v>
      </c>
      <c r="J54900" s="1" t="s">
        <v>184649</v>
      </c>
    </row>
    <row r="54901" spans="1:10" x14ac:dyDescent="0.35">
      <c r="A54901" s="1" t="s">
        <v>143489</v>
      </c>
      <c r="B54901" s="1" t="s">
        <v>182761</v>
      </c>
      <c r="C54901" s="1" t="s">
        <v>110</v>
      </c>
      <c r="D54901" s="1" t="s">
        <v>115052</v>
      </c>
      <c r="E54901" s="1" t="s">
        <v>57145</v>
      </c>
      <c r="F54901" s="1" t="s">
        <v>184650</v>
      </c>
      <c r="G54901" s="1" t="s">
        <v>184612</v>
      </c>
      <c r="H54901" s="1" t="s">
        <v>184613</v>
      </c>
      <c r="I54901" s="1" t="s">
        <v>182766</v>
      </c>
      <c r="J54901" s="1" t="s">
        <v>184651</v>
      </c>
    </row>
    <row r="54902" spans="1:10" x14ac:dyDescent="0.35">
      <c r="A54902" s="1" t="s">
        <v>143489</v>
      </c>
      <c r="B54902" s="1" t="s">
        <v>182761</v>
      </c>
      <c r="C54902" s="1" t="s">
        <v>115</v>
      </c>
      <c r="D54902" s="1" t="s">
        <v>184652</v>
      </c>
      <c r="E54902" s="1" t="s">
        <v>15837</v>
      </c>
      <c r="F54902" s="1" t="s">
        <v>184653</v>
      </c>
      <c r="G54902" s="1" t="s">
        <v>184612</v>
      </c>
      <c r="H54902" s="1" t="s">
        <v>184613</v>
      </c>
      <c r="I54902" s="1" t="s">
        <v>182766</v>
      </c>
      <c r="J54902" s="1" t="s">
        <v>184654</v>
      </c>
    </row>
    <row r="54903" spans="1:10" x14ac:dyDescent="0.35">
      <c r="A54903" s="1" t="s">
        <v>143489</v>
      </c>
      <c r="B54903" s="1" t="s">
        <v>182761</v>
      </c>
      <c r="C54903" s="1" t="s">
        <v>120</v>
      </c>
      <c r="D54903" s="1" t="s">
        <v>184655</v>
      </c>
      <c r="E54903" s="1" t="s">
        <v>60856</v>
      </c>
      <c r="F54903" s="1" t="s">
        <v>127787</v>
      </c>
      <c r="G54903" s="1" t="s">
        <v>184612</v>
      </c>
      <c r="H54903" s="1" t="s">
        <v>184613</v>
      </c>
      <c r="I54903" s="1" t="s">
        <v>182766</v>
      </c>
      <c r="J54903" s="1" t="s">
        <v>83829</v>
      </c>
    </row>
    <row r="54904" spans="1:10" x14ac:dyDescent="0.35">
      <c r="A54904" s="1" t="s">
        <v>143489</v>
      </c>
      <c r="B54904" s="1" t="s">
        <v>182761</v>
      </c>
      <c r="C54904" s="1" t="s">
        <v>125</v>
      </c>
      <c r="D54904" s="1" t="s">
        <v>184656</v>
      </c>
      <c r="E54904" s="1" t="s">
        <v>31824</v>
      </c>
      <c r="F54904" s="1" t="s">
        <v>60741</v>
      </c>
      <c r="G54904" s="1" t="s">
        <v>184612</v>
      </c>
      <c r="H54904" s="1" t="s">
        <v>184613</v>
      </c>
      <c r="I54904" s="1" t="s">
        <v>182766</v>
      </c>
      <c r="J54904" s="1" t="s">
        <v>184657</v>
      </c>
    </row>
    <row r="54905" spans="1:10" x14ac:dyDescent="0.35">
      <c r="A54905" s="1" t="s">
        <v>143489</v>
      </c>
      <c r="B54905" s="1" t="s">
        <v>182761</v>
      </c>
      <c r="C54905" s="1" t="s">
        <v>130</v>
      </c>
      <c r="D54905" s="1" t="s">
        <v>13326</v>
      </c>
      <c r="E54905" s="1" t="s">
        <v>107459</v>
      </c>
      <c r="F54905" s="1" t="s">
        <v>173360</v>
      </c>
      <c r="G54905" s="1" t="s">
        <v>184612</v>
      </c>
      <c r="H54905" s="1" t="s">
        <v>184613</v>
      </c>
      <c r="I54905" s="1" t="s">
        <v>182766</v>
      </c>
      <c r="J54905" s="1" t="s">
        <v>184658</v>
      </c>
    </row>
    <row r="54906" spans="1:10" x14ac:dyDescent="0.35">
      <c r="A54906" s="1" t="s">
        <v>143489</v>
      </c>
      <c r="B54906" s="1" t="s">
        <v>182761</v>
      </c>
      <c r="C54906" s="1" t="s">
        <v>135</v>
      </c>
      <c r="D54906" s="1" t="s">
        <v>184659</v>
      </c>
      <c r="E54906" s="1" t="s">
        <v>99172</v>
      </c>
      <c r="F54906" s="1" t="s">
        <v>184660</v>
      </c>
      <c r="G54906" s="1" t="s">
        <v>184612</v>
      </c>
      <c r="H54906" s="1" t="s">
        <v>184613</v>
      </c>
      <c r="I54906" s="1" t="s">
        <v>182766</v>
      </c>
      <c r="J54906" s="1" t="s">
        <v>184661</v>
      </c>
    </row>
    <row r="54907" spans="1:10" x14ac:dyDescent="0.35">
      <c r="A54907" s="1" t="s">
        <v>143489</v>
      </c>
      <c r="B54907" s="1" t="s">
        <v>182761</v>
      </c>
      <c r="C54907" s="1" t="s">
        <v>140</v>
      </c>
      <c r="D54907" s="1" t="s">
        <v>184662</v>
      </c>
      <c r="E54907" s="1" t="s">
        <v>184663</v>
      </c>
      <c r="F54907" s="1" t="s">
        <v>184664</v>
      </c>
      <c r="G54907" s="1" t="s">
        <v>184612</v>
      </c>
      <c r="H54907" s="1" t="s">
        <v>184613</v>
      </c>
      <c r="I54907" s="1" t="s">
        <v>182766</v>
      </c>
      <c r="J54907" s="1" t="s">
        <v>184665</v>
      </c>
    </row>
    <row r="54908" spans="1:10" x14ac:dyDescent="0.35">
      <c r="A54908" s="1" t="s">
        <v>143489</v>
      </c>
      <c r="B54908" s="1" t="s">
        <v>182761</v>
      </c>
      <c r="C54908" s="1" t="s">
        <v>145</v>
      </c>
      <c r="D54908" s="1" t="s">
        <v>114091</v>
      </c>
      <c r="E54908" s="1" t="s">
        <v>134039</v>
      </c>
      <c r="F54908" s="1" t="s">
        <v>105998</v>
      </c>
      <c r="G54908" s="1" t="s">
        <v>184612</v>
      </c>
      <c r="H54908" s="1" t="s">
        <v>184613</v>
      </c>
      <c r="I54908" s="1" t="s">
        <v>182766</v>
      </c>
      <c r="J54908" s="1" t="s">
        <v>184666</v>
      </c>
    </row>
    <row r="54909" spans="1:10" x14ac:dyDescent="0.35">
      <c r="A54909" s="1" t="s">
        <v>143489</v>
      </c>
      <c r="B54909" s="1" t="s">
        <v>182761</v>
      </c>
      <c r="C54909" s="1" t="s">
        <v>150</v>
      </c>
      <c r="D54909" s="1" t="s">
        <v>6840</v>
      </c>
      <c r="E54909" s="1" t="s">
        <v>65435</v>
      </c>
      <c r="F54909" s="1" t="s">
        <v>184667</v>
      </c>
      <c r="G54909" s="1" t="s">
        <v>184612</v>
      </c>
      <c r="H54909" s="1" t="s">
        <v>184613</v>
      </c>
      <c r="I54909" s="1" t="s">
        <v>182766</v>
      </c>
      <c r="J54909" s="1" t="s">
        <v>184668</v>
      </c>
    </row>
    <row r="54910" spans="1:10" x14ac:dyDescent="0.35">
      <c r="A54910" s="1" t="s">
        <v>143489</v>
      </c>
      <c r="B54910" s="1" t="s">
        <v>182761</v>
      </c>
      <c r="C54910" s="1" t="s">
        <v>155</v>
      </c>
      <c r="D54910" s="1" t="s">
        <v>22002</v>
      </c>
      <c r="E54910" s="1" t="s">
        <v>130300</v>
      </c>
      <c r="F54910" s="1" t="s">
        <v>184669</v>
      </c>
      <c r="G54910" s="1" t="s">
        <v>184612</v>
      </c>
      <c r="H54910" s="1" t="s">
        <v>184613</v>
      </c>
      <c r="I54910" s="1" t="s">
        <v>182766</v>
      </c>
      <c r="J54910" s="1" t="s">
        <v>184670</v>
      </c>
    </row>
    <row r="54911" spans="1:10" x14ac:dyDescent="0.35">
      <c r="A54911" s="1" t="s">
        <v>143489</v>
      </c>
      <c r="B54911" s="1" t="s">
        <v>182761</v>
      </c>
      <c r="C54911" s="1" t="s">
        <v>160</v>
      </c>
      <c r="D54911" s="1" t="s">
        <v>124908</v>
      </c>
      <c r="E54911" s="1" t="s">
        <v>131027</v>
      </c>
      <c r="F54911" s="1" t="s">
        <v>184671</v>
      </c>
      <c r="G54911" s="1" t="s">
        <v>184612</v>
      </c>
      <c r="H54911" s="1" t="s">
        <v>184613</v>
      </c>
      <c r="I54911" s="1" t="s">
        <v>182766</v>
      </c>
      <c r="J54911" s="1" t="s">
        <v>184672</v>
      </c>
    </row>
    <row r="54912" spans="1:10" x14ac:dyDescent="0.35">
      <c r="A54912" s="1" t="s">
        <v>143489</v>
      </c>
      <c r="B54912" s="1" t="s">
        <v>182761</v>
      </c>
      <c r="C54912" s="1" t="s">
        <v>165</v>
      </c>
      <c r="D54912" s="1" t="s">
        <v>126633</v>
      </c>
      <c r="E54912" s="1" t="s">
        <v>32094</v>
      </c>
      <c r="F54912" s="1" t="s">
        <v>103739</v>
      </c>
      <c r="G54912" s="1" t="s">
        <v>184612</v>
      </c>
      <c r="H54912" s="1" t="s">
        <v>184613</v>
      </c>
      <c r="I54912" s="1" t="s">
        <v>182766</v>
      </c>
      <c r="J54912" s="1" t="s">
        <v>184673</v>
      </c>
    </row>
    <row r="54913" spans="1:10" x14ac:dyDescent="0.35">
      <c r="A54913" s="1" t="s">
        <v>143489</v>
      </c>
      <c r="B54913" s="1" t="s">
        <v>182761</v>
      </c>
      <c r="C54913" s="1" t="s">
        <v>170</v>
      </c>
      <c r="D54913" s="1" t="s">
        <v>126247</v>
      </c>
      <c r="E54913" s="1" t="s">
        <v>71228</v>
      </c>
      <c r="F54913" s="1" t="s">
        <v>184674</v>
      </c>
      <c r="G54913" s="1" t="s">
        <v>184612</v>
      </c>
      <c r="H54913" s="1" t="s">
        <v>184613</v>
      </c>
      <c r="I54913" s="1" t="s">
        <v>182766</v>
      </c>
      <c r="J54913" s="1" t="s">
        <v>184675</v>
      </c>
    </row>
    <row r="54914" spans="1:10" x14ac:dyDescent="0.35">
      <c r="A54914" s="1" t="s">
        <v>9403</v>
      </c>
      <c r="B54914" s="1" t="s">
        <v>182761</v>
      </c>
      <c r="C54914" s="1" t="s">
        <v>8</v>
      </c>
      <c r="D54914" s="1" t="s">
        <v>35121</v>
      </c>
      <c r="E54914" s="1" t="s">
        <v>184676</v>
      </c>
      <c r="F54914" s="1" t="s">
        <v>184677</v>
      </c>
      <c r="G54914" s="1" t="s">
        <v>184678</v>
      </c>
      <c r="H54914" s="1" t="s">
        <v>184679</v>
      </c>
      <c r="I54914" s="1" t="s">
        <v>182766</v>
      </c>
      <c r="J54914" s="1" t="s">
        <v>13</v>
      </c>
    </row>
    <row r="54915" spans="1:10" x14ac:dyDescent="0.35">
      <c r="A54915" s="1" t="s">
        <v>9403</v>
      </c>
      <c r="B54915" s="1" t="s">
        <v>182761</v>
      </c>
      <c r="C54915" s="1" t="s">
        <v>15</v>
      </c>
      <c r="D54915" s="1" t="s">
        <v>49102</v>
      </c>
      <c r="E54915" s="1" t="s">
        <v>184680</v>
      </c>
      <c r="F54915" s="1" t="s">
        <v>184681</v>
      </c>
      <c r="G54915" s="1" t="s">
        <v>184678</v>
      </c>
      <c r="H54915" s="1" t="s">
        <v>184679</v>
      </c>
      <c r="I54915" s="1" t="s">
        <v>182766</v>
      </c>
      <c r="J54915" s="1" t="s">
        <v>184682</v>
      </c>
    </row>
    <row r="54916" spans="1:10" x14ac:dyDescent="0.35">
      <c r="A54916" s="1" t="s">
        <v>9403</v>
      </c>
      <c r="B54916" s="1" t="s">
        <v>182761</v>
      </c>
      <c r="C54916" s="1" t="s">
        <v>20</v>
      </c>
      <c r="D54916" s="1" t="s">
        <v>112017</v>
      </c>
      <c r="E54916" s="1" t="s">
        <v>184683</v>
      </c>
      <c r="F54916" s="1" t="s">
        <v>184684</v>
      </c>
      <c r="G54916" s="1" t="s">
        <v>184678</v>
      </c>
      <c r="H54916" s="1" t="s">
        <v>184679</v>
      </c>
      <c r="I54916" s="1" t="s">
        <v>182766</v>
      </c>
      <c r="J54916" s="1" t="s">
        <v>184685</v>
      </c>
    </row>
    <row r="54917" spans="1:10" x14ac:dyDescent="0.35">
      <c r="A54917" s="1" t="s">
        <v>9403</v>
      </c>
      <c r="B54917" s="1" t="s">
        <v>182761</v>
      </c>
      <c r="C54917" s="1" t="s">
        <v>25</v>
      </c>
      <c r="D54917" s="1" t="s">
        <v>144211</v>
      </c>
      <c r="E54917" s="1" t="s">
        <v>184686</v>
      </c>
      <c r="F54917" s="1" t="s">
        <v>184687</v>
      </c>
      <c r="G54917" s="1" t="s">
        <v>184678</v>
      </c>
      <c r="H54917" s="1" t="s">
        <v>184679</v>
      </c>
      <c r="I54917" s="1" t="s">
        <v>182766</v>
      </c>
      <c r="J54917" s="1" t="s">
        <v>184688</v>
      </c>
    </row>
    <row r="54918" spans="1:10" x14ac:dyDescent="0.35">
      <c r="A54918" s="1" t="s">
        <v>9403</v>
      </c>
      <c r="B54918" s="1" t="s">
        <v>182761</v>
      </c>
      <c r="C54918" s="1" t="s">
        <v>30</v>
      </c>
      <c r="D54918" s="1" t="s">
        <v>157123</v>
      </c>
      <c r="E54918" s="1" t="s">
        <v>184689</v>
      </c>
      <c r="F54918" s="1" t="s">
        <v>184690</v>
      </c>
      <c r="G54918" s="1" t="s">
        <v>184678</v>
      </c>
      <c r="H54918" s="1" t="s">
        <v>184679</v>
      </c>
      <c r="I54918" s="1" t="s">
        <v>182766</v>
      </c>
      <c r="J54918" s="1" t="s">
        <v>184691</v>
      </c>
    </row>
    <row r="54919" spans="1:10" x14ac:dyDescent="0.35">
      <c r="A54919" s="1" t="s">
        <v>9403</v>
      </c>
      <c r="B54919" s="1" t="s">
        <v>182761</v>
      </c>
      <c r="C54919" s="1" t="s">
        <v>35</v>
      </c>
      <c r="D54919" s="1" t="s">
        <v>7108</v>
      </c>
      <c r="E54919" s="1" t="s">
        <v>184692</v>
      </c>
      <c r="F54919" s="1" t="s">
        <v>184693</v>
      </c>
      <c r="G54919" s="1" t="s">
        <v>184678</v>
      </c>
      <c r="H54919" s="1" t="s">
        <v>184679</v>
      </c>
      <c r="I54919" s="1" t="s">
        <v>182766</v>
      </c>
      <c r="J54919" s="1" t="s">
        <v>162004</v>
      </c>
    </row>
    <row r="54920" spans="1:10" x14ac:dyDescent="0.35">
      <c r="A54920" s="1" t="s">
        <v>9403</v>
      </c>
      <c r="B54920" s="1" t="s">
        <v>182761</v>
      </c>
      <c r="C54920" s="1" t="s">
        <v>40</v>
      </c>
      <c r="D54920" s="1" t="s">
        <v>47106</v>
      </c>
      <c r="E54920" s="1" t="s">
        <v>184694</v>
      </c>
      <c r="F54920" s="1" t="s">
        <v>184695</v>
      </c>
      <c r="G54920" s="1" t="s">
        <v>184678</v>
      </c>
      <c r="H54920" s="1" t="s">
        <v>184679</v>
      </c>
      <c r="I54920" s="1" t="s">
        <v>182766</v>
      </c>
      <c r="J54920" s="1" t="s">
        <v>184696</v>
      </c>
    </row>
    <row r="54921" spans="1:10" x14ac:dyDescent="0.35">
      <c r="A54921" s="1" t="s">
        <v>9403</v>
      </c>
      <c r="B54921" s="1" t="s">
        <v>182761</v>
      </c>
      <c r="C54921" s="1" t="s">
        <v>45</v>
      </c>
      <c r="D54921" s="1" t="s">
        <v>72791</v>
      </c>
      <c r="E54921" s="1" t="s">
        <v>184697</v>
      </c>
      <c r="F54921" s="1" t="s">
        <v>184698</v>
      </c>
      <c r="G54921" s="1" t="s">
        <v>184678</v>
      </c>
      <c r="H54921" s="1" t="s">
        <v>184679</v>
      </c>
      <c r="I54921" s="1" t="s">
        <v>182766</v>
      </c>
      <c r="J54921" s="1" t="s">
        <v>184699</v>
      </c>
    </row>
    <row r="54922" spans="1:10" x14ac:dyDescent="0.35">
      <c r="A54922" s="1" t="s">
        <v>9403</v>
      </c>
      <c r="B54922" s="1" t="s">
        <v>182761</v>
      </c>
      <c r="C54922" s="1" t="s">
        <v>50</v>
      </c>
      <c r="D54922" s="1" t="s">
        <v>37363</v>
      </c>
      <c r="E54922" s="1" t="s">
        <v>184700</v>
      </c>
      <c r="F54922" s="1" t="s">
        <v>184701</v>
      </c>
      <c r="G54922" s="1" t="s">
        <v>184678</v>
      </c>
      <c r="H54922" s="1" t="s">
        <v>184679</v>
      </c>
      <c r="I54922" s="1" t="s">
        <v>182766</v>
      </c>
      <c r="J54922" s="1" t="s">
        <v>184702</v>
      </c>
    </row>
    <row r="54923" spans="1:10" x14ac:dyDescent="0.35">
      <c r="A54923" s="1" t="s">
        <v>9403</v>
      </c>
      <c r="B54923" s="1" t="s">
        <v>182761</v>
      </c>
      <c r="C54923" s="1" t="s">
        <v>55</v>
      </c>
      <c r="D54923" s="1" t="s">
        <v>33564</v>
      </c>
      <c r="E54923" s="1" t="s">
        <v>184703</v>
      </c>
      <c r="F54923" s="1" t="s">
        <v>184704</v>
      </c>
      <c r="G54923" s="1" t="s">
        <v>184678</v>
      </c>
      <c r="H54923" s="1" t="s">
        <v>184679</v>
      </c>
      <c r="I54923" s="1" t="s">
        <v>182766</v>
      </c>
      <c r="J54923" s="1" t="s">
        <v>184705</v>
      </c>
    </row>
    <row r="54924" spans="1:10" x14ac:dyDescent="0.35">
      <c r="A54924" s="1" t="s">
        <v>9403</v>
      </c>
      <c r="B54924" s="1" t="s">
        <v>182761</v>
      </c>
      <c r="C54924" s="1" t="s">
        <v>60</v>
      </c>
      <c r="D54924" s="1" t="s">
        <v>4559</v>
      </c>
      <c r="E54924" s="1" t="s">
        <v>184706</v>
      </c>
      <c r="F54924" s="1" t="s">
        <v>184707</v>
      </c>
      <c r="G54924" s="1" t="s">
        <v>184678</v>
      </c>
      <c r="H54924" s="1" t="s">
        <v>184679</v>
      </c>
      <c r="I54924" s="1" t="s">
        <v>182766</v>
      </c>
      <c r="J54924" s="1" t="s">
        <v>184708</v>
      </c>
    </row>
    <row r="54925" spans="1:10" x14ac:dyDescent="0.35">
      <c r="A54925" s="1" t="s">
        <v>9403</v>
      </c>
      <c r="B54925" s="1" t="s">
        <v>182761</v>
      </c>
      <c r="C54925" s="1" t="s">
        <v>65</v>
      </c>
      <c r="D54925" s="1" t="s">
        <v>32560</v>
      </c>
      <c r="E54925" s="1" t="s">
        <v>184709</v>
      </c>
      <c r="F54925" s="1" t="s">
        <v>184710</v>
      </c>
      <c r="G54925" s="1" t="s">
        <v>184678</v>
      </c>
      <c r="H54925" s="1" t="s">
        <v>184679</v>
      </c>
      <c r="I54925" s="1" t="s">
        <v>182766</v>
      </c>
      <c r="J54925" s="1" t="s">
        <v>184711</v>
      </c>
    </row>
    <row r="54926" spans="1:10" x14ac:dyDescent="0.35">
      <c r="A54926" s="1" t="s">
        <v>9403</v>
      </c>
      <c r="B54926" s="1" t="s">
        <v>182761</v>
      </c>
      <c r="C54926" s="1" t="s">
        <v>70</v>
      </c>
      <c r="D54926" s="1" t="s">
        <v>30596</v>
      </c>
      <c r="E54926" s="1" t="s">
        <v>184712</v>
      </c>
      <c r="F54926" s="1" t="s">
        <v>184713</v>
      </c>
      <c r="G54926" s="1" t="s">
        <v>184678</v>
      </c>
      <c r="H54926" s="1" t="s">
        <v>184679</v>
      </c>
      <c r="I54926" s="1" t="s">
        <v>182766</v>
      </c>
      <c r="J54926" s="1" t="s">
        <v>184714</v>
      </c>
    </row>
    <row r="54927" spans="1:10" x14ac:dyDescent="0.35">
      <c r="A54927" s="1" t="s">
        <v>9403</v>
      </c>
      <c r="B54927" s="1" t="s">
        <v>182761</v>
      </c>
      <c r="C54927" s="1" t="s">
        <v>75</v>
      </c>
      <c r="D54927" s="1" t="s">
        <v>126380</v>
      </c>
      <c r="E54927" s="1" t="s">
        <v>184715</v>
      </c>
      <c r="F54927" s="1" t="s">
        <v>184716</v>
      </c>
      <c r="G54927" s="1" t="s">
        <v>184678</v>
      </c>
      <c r="H54927" s="1" t="s">
        <v>184679</v>
      </c>
      <c r="I54927" s="1" t="s">
        <v>182766</v>
      </c>
      <c r="J54927" s="1" t="s">
        <v>184717</v>
      </c>
    </row>
    <row r="54928" spans="1:10" x14ac:dyDescent="0.35">
      <c r="A54928" s="1" t="s">
        <v>9403</v>
      </c>
      <c r="B54928" s="1" t="s">
        <v>182761</v>
      </c>
      <c r="C54928" s="1" t="s">
        <v>80</v>
      </c>
      <c r="D54928" s="1" t="s">
        <v>156834</v>
      </c>
      <c r="E54928" s="1" t="s">
        <v>184718</v>
      </c>
      <c r="F54928" s="1" t="s">
        <v>184719</v>
      </c>
      <c r="G54928" s="1" t="s">
        <v>184678</v>
      </c>
      <c r="H54928" s="1" t="s">
        <v>184679</v>
      </c>
      <c r="I54928" s="1" t="s">
        <v>182766</v>
      </c>
      <c r="J54928" s="1" t="s">
        <v>184720</v>
      </c>
    </row>
    <row r="54929" spans="1:10" x14ac:dyDescent="0.35">
      <c r="A54929" s="1" t="s">
        <v>9403</v>
      </c>
      <c r="B54929" s="1" t="s">
        <v>182761</v>
      </c>
      <c r="C54929" s="1" t="s">
        <v>85</v>
      </c>
      <c r="D54929" s="1" t="s">
        <v>110438</v>
      </c>
      <c r="E54929" s="1" t="s">
        <v>184721</v>
      </c>
      <c r="F54929" s="1" t="s">
        <v>184722</v>
      </c>
      <c r="G54929" s="1" t="s">
        <v>184678</v>
      </c>
      <c r="H54929" s="1" t="s">
        <v>184679</v>
      </c>
      <c r="I54929" s="1" t="s">
        <v>182766</v>
      </c>
      <c r="J54929" s="1" t="s">
        <v>184723</v>
      </c>
    </row>
    <row r="54930" spans="1:10" x14ac:dyDescent="0.35">
      <c r="A54930" s="1" t="s">
        <v>9403</v>
      </c>
      <c r="B54930" s="1" t="s">
        <v>182761</v>
      </c>
      <c r="C54930" s="1" t="s">
        <v>90</v>
      </c>
      <c r="D54930" s="1" t="s">
        <v>184724</v>
      </c>
      <c r="E54930" s="1" t="s">
        <v>184725</v>
      </c>
      <c r="F54930" s="1" t="s">
        <v>184726</v>
      </c>
      <c r="G54930" s="1" t="s">
        <v>184678</v>
      </c>
      <c r="H54930" s="1" t="s">
        <v>184679</v>
      </c>
      <c r="I54930" s="1" t="s">
        <v>182766</v>
      </c>
      <c r="J54930" s="1" t="s">
        <v>184727</v>
      </c>
    </row>
    <row r="54931" spans="1:10" x14ac:dyDescent="0.35">
      <c r="A54931" s="1" t="s">
        <v>9403</v>
      </c>
      <c r="B54931" s="1" t="s">
        <v>182761</v>
      </c>
      <c r="C54931" s="1" t="s">
        <v>95</v>
      </c>
      <c r="D54931" s="1" t="s">
        <v>71315</v>
      </c>
      <c r="E54931" s="1" t="s">
        <v>184728</v>
      </c>
      <c r="F54931" s="1" t="s">
        <v>184729</v>
      </c>
      <c r="G54931" s="1" t="s">
        <v>184678</v>
      </c>
      <c r="H54931" s="1" t="s">
        <v>184679</v>
      </c>
      <c r="I54931" s="1" t="s">
        <v>182766</v>
      </c>
      <c r="J54931" s="1" t="s">
        <v>184730</v>
      </c>
    </row>
    <row r="54932" spans="1:10" x14ac:dyDescent="0.35">
      <c r="A54932" s="1" t="s">
        <v>9403</v>
      </c>
      <c r="B54932" s="1" t="s">
        <v>182761</v>
      </c>
      <c r="C54932" s="1" t="s">
        <v>100</v>
      </c>
      <c r="D54932" s="1" t="s">
        <v>184731</v>
      </c>
      <c r="E54932" s="1" t="s">
        <v>184732</v>
      </c>
      <c r="F54932" s="1" t="s">
        <v>184733</v>
      </c>
      <c r="G54932" s="1" t="s">
        <v>184678</v>
      </c>
      <c r="H54932" s="1" t="s">
        <v>184679</v>
      </c>
      <c r="I54932" s="1" t="s">
        <v>182766</v>
      </c>
      <c r="J54932" s="1" t="s">
        <v>184734</v>
      </c>
    </row>
    <row r="54933" spans="1:10" x14ac:dyDescent="0.35">
      <c r="A54933" s="1" t="s">
        <v>9403</v>
      </c>
      <c r="B54933" s="1" t="s">
        <v>182761</v>
      </c>
      <c r="C54933" s="1" t="s">
        <v>105</v>
      </c>
      <c r="D54933" s="1" t="s">
        <v>9432</v>
      </c>
      <c r="E54933" s="1" t="s">
        <v>184735</v>
      </c>
      <c r="F54933" s="1" t="s">
        <v>184736</v>
      </c>
      <c r="G54933" s="1" t="s">
        <v>184678</v>
      </c>
      <c r="H54933" s="1" t="s">
        <v>184679</v>
      </c>
      <c r="I54933" s="1" t="s">
        <v>182766</v>
      </c>
      <c r="J54933" s="1" t="s">
        <v>184737</v>
      </c>
    </row>
    <row r="54934" spans="1:10" x14ac:dyDescent="0.35">
      <c r="A54934" s="1" t="s">
        <v>9403</v>
      </c>
      <c r="B54934" s="1" t="s">
        <v>182761</v>
      </c>
      <c r="C54934" s="1" t="s">
        <v>110</v>
      </c>
      <c r="D54934" s="1" t="s">
        <v>184738</v>
      </c>
      <c r="E54934" s="1" t="s">
        <v>184739</v>
      </c>
      <c r="F54934" s="1" t="s">
        <v>184740</v>
      </c>
      <c r="G54934" s="1" t="s">
        <v>184678</v>
      </c>
      <c r="H54934" s="1" t="s">
        <v>184679</v>
      </c>
      <c r="I54934" s="1" t="s">
        <v>182766</v>
      </c>
      <c r="J54934" s="1" t="s">
        <v>184741</v>
      </c>
    </row>
    <row r="54935" spans="1:10" x14ac:dyDescent="0.35">
      <c r="A54935" s="1" t="s">
        <v>9403</v>
      </c>
      <c r="B54935" s="1" t="s">
        <v>182761</v>
      </c>
      <c r="C54935" s="1" t="s">
        <v>115</v>
      </c>
      <c r="D54935" s="1" t="s">
        <v>184742</v>
      </c>
      <c r="E54935" s="1" t="s">
        <v>184743</v>
      </c>
      <c r="F54935" s="1" t="s">
        <v>184744</v>
      </c>
      <c r="G54935" s="1" t="s">
        <v>184678</v>
      </c>
      <c r="H54935" s="1" t="s">
        <v>184679</v>
      </c>
      <c r="I54935" s="1" t="s">
        <v>182766</v>
      </c>
      <c r="J54935" s="1" t="s">
        <v>184745</v>
      </c>
    </row>
    <row r="54936" spans="1:10" x14ac:dyDescent="0.35">
      <c r="A54936" s="1" t="s">
        <v>9403</v>
      </c>
      <c r="B54936" s="1" t="s">
        <v>182761</v>
      </c>
      <c r="C54936" s="1" t="s">
        <v>120</v>
      </c>
      <c r="D54936" s="1" t="s">
        <v>184746</v>
      </c>
      <c r="E54936" s="1" t="s">
        <v>184747</v>
      </c>
      <c r="F54936" s="1" t="s">
        <v>184748</v>
      </c>
      <c r="G54936" s="1" t="s">
        <v>184678</v>
      </c>
      <c r="H54936" s="1" t="s">
        <v>184679</v>
      </c>
      <c r="I54936" s="1" t="s">
        <v>182766</v>
      </c>
      <c r="J54936" s="1" t="s">
        <v>184749</v>
      </c>
    </row>
    <row r="54937" spans="1:10" x14ac:dyDescent="0.35">
      <c r="A54937" s="1" t="s">
        <v>9403</v>
      </c>
      <c r="B54937" s="1" t="s">
        <v>182761</v>
      </c>
      <c r="C54937" s="1" t="s">
        <v>125</v>
      </c>
      <c r="D54937" s="1" t="s">
        <v>174228</v>
      </c>
      <c r="E54937" s="1" t="s">
        <v>184750</v>
      </c>
      <c r="F54937" s="1" t="s">
        <v>184751</v>
      </c>
      <c r="G54937" s="1" t="s">
        <v>184678</v>
      </c>
      <c r="H54937" s="1" t="s">
        <v>184679</v>
      </c>
      <c r="I54937" s="1" t="s">
        <v>182766</v>
      </c>
      <c r="J54937" s="1" t="s">
        <v>184752</v>
      </c>
    </row>
    <row r="54938" spans="1:10" x14ac:dyDescent="0.35">
      <c r="A54938" s="1" t="s">
        <v>9403</v>
      </c>
      <c r="B54938" s="1" t="s">
        <v>182761</v>
      </c>
      <c r="C54938" s="1" t="s">
        <v>130</v>
      </c>
      <c r="D54938" s="1" t="s">
        <v>13101</v>
      </c>
      <c r="E54938" s="1" t="s">
        <v>184753</v>
      </c>
      <c r="F54938" s="1" t="s">
        <v>184754</v>
      </c>
      <c r="G54938" s="1" t="s">
        <v>184678</v>
      </c>
      <c r="H54938" s="1" t="s">
        <v>184679</v>
      </c>
      <c r="I54938" s="1" t="s">
        <v>182766</v>
      </c>
      <c r="J54938" s="1" t="s">
        <v>184755</v>
      </c>
    </row>
    <row r="54939" spans="1:10" x14ac:dyDescent="0.35">
      <c r="A54939" s="1" t="s">
        <v>9403</v>
      </c>
      <c r="B54939" s="1" t="s">
        <v>182761</v>
      </c>
      <c r="C54939" s="1" t="s">
        <v>135</v>
      </c>
      <c r="D54939" s="1" t="s">
        <v>184756</v>
      </c>
      <c r="E54939" s="1" t="s">
        <v>184757</v>
      </c>
      <c r="F54939" s="1" t="s">
        <v>184758</v>
      </c>
      <c r="G54939" s="1" t="s">
        <v>184678</v>
      </c>
      <c r="H54939" s="1" t="s">
        <v>184679</v>
      </c>
      <c r="I54939" s="1" t="s">
        <v>182766</v>
      </c>
      <c r="J54939" s="1" t="s">
        <v>184759</v>
      </c>
    </row>
    <row r="54940" spans="1:10" x14ac:dyDescent="0.35">
      <c r="A54940" s="1" t="s">
        <v>9403</v>
      </c>
      <c r="B54940" s="1" t="s">
        <v>182761</v>
      </c>
      <c r="C54940" s="1" t="s">
        <v>140</v>
      </c>
      <c r="D54940" s="1" t="s">
        <v>70698</v>
      </c>
      <c r="E54940" s="1" t="s">
        <v>184760</v>
      </c>
      <c r="F54940" s="1" t="s">
        <v>184761</v>
      </c>
      <c r="G54940" s="1" t="s">
        <v>184678</v>
      </c>
      <c r="H54940" s="1" t="s">
        <v>184679</v>
      </c>
      <c r="I54940" s="1" t="s">
        <v>182766</v>
      </c>
      <c r="J54940" s="1" t="s">
        <v>184762</v>
      </c>
    </row>
    <row r="54941" spans="1:10" x14ac:dyDescent="0.35">
      <c r="A54941" s="1" t="s">
        <v>9403</v>
      </c>
      <c r="B54941" s="1" t="s">
        <v>182761</v>
      </c>
      <c r="C54941" s="1" t="s">
        <v>145</v>
      </c>
      <c r="D54941" s="1" t="s">
        <v>184763</v>
      </c>
      <c r="E54941" s="1" t="s">
        <v>184764</v>
      </c>
      <c r="F54941" s="1" t="s">
        <v>184765</v>
      </c>
      <c r="G54941" s="1" t="s">
        <v>184678</v>
      </c>
      <c r="H54941" s="1" t="s">
        <v>184679</v>
      </c>
      <c r="I54941" s="1" t="s">
        <v>182766</v>
      </c>
      <c r="J54941" s="1" t="s">
        <v>184766</v>
      </c>
    </row>
    <row r="54942" spans="1:10" x14ac:dyDescent="0.35">
      <c r="A54942" s="1" t="s">
        <v>9403</v>
      </c>
      <c r="B54942" s="1" t="s">
        <v>182761</v>
      </c>
      <c r="C54942" s="1" t="s">
        <v>150</v>
      </c>
      <c r="D54942" s="1" t="s">
        <v>77193</v>
      </c>
      <c r="E54942" s="1" t="s">
        <v>184767</v>
      </c>
      <c r="F54942" s="1" t="s">
        <v>184768</v>
      </c>
      <c r="G54942" s="1" t="s">
        <v>184678</v>
      </c>
      <c r="H54942" s="1" t="s">
        <v>184679</v>
      </c>
      <c r="I54942" s="1" t="s">
        <v>182766</v>
      </c>
      <c r="J54942" s="1" t="s">
        <v>184769</v>
      </c>
    </row>
    <row r="54943" spans="1:10" x14ac:dyDescent="0.35">
      <c r="A54943" s="1" t="s">
        <v>9403</v>
      </c>
      <c r="B54943" s="1" t="s">
        <v>182761</v>
      </c>
      <c r="C54943" s="1" t="s">
        <v>155</v>
      </c>
      <c r="D54943" s="1" t="s">
        <v>184770</v>
      </c>
      <c r="E54943" s="1" t="s">
        <v>184771</v>
      </c>
      <c r="F54943" s="1" t="s">
        <v>184772</v>
      </c>
      <c r="G54943" s="1" t="s">
        <v>184678</v>
      </c>
      <c r="H54943" s="1" t="s">
        <v>184679</v>
      </c>
      <c r="I54943" s="1" t="s">
        <v>182766</v>
      </c>
      <c r="J54943" s="1" t="s">
        <v>184773</v>
      </c>
    </row>
    <row r="54944" spans="1:10" x14ac:dyDescent="0.35">
      <c r="A54944" s="1" t="s">
        <v>9403</v>
      </c>
      <c r="B54944" s="1" t="s">
        <v>182761</v>
      </c>
      <c r="C54944" s="1" t="s">
        <v>160</v>
      </c>
      <c r="D54944" s="1" t="s">
        <v>6807</v>
      </c>
      <c r="E54944" s="1" t="s">
        <v>184774</v>
      </c>
      <c r="F54944" s="1" t="s">
        <v>184775</v>
      </c>
      <c r="G54944" s="1" t="s">
        <v>184678</v>
      </c>
      <c r="H54944" s="1" t="s">
        <v>184679</v>
      </c>
      <c r="I54944" s="1" t="s">
        <v>182766</v>
      </c>
      <c r="J54944" s="1" t="s">
        <v>184776</v>
      </c>
    </row>
    <row r="54945" spans="1:10" x14ac:dyDescent="0.35">
      <c r="A54945" s="1" t="s">
        <v>9403</v>
      </c>
      <c r="B54945" s="1" t="s">
        <v>182761</v>
      </c>
      <c r="C54945" s="1" t="s">
        <v>165</v>
      </c>
      <c r="D54945" s="1" t="s">
        <v>98364</v>
      </c>
      <c r="E54945" s="1" t="s">
        <v>184777</v>
      </c>
      <c r="F54945" s="1" t="s">
        <v>184778</v>
      </c>
      <c r="G54945" s="1" t="s">
        <v>184678</v>
      </c>
      <c r="H54945" s="1" t="s">
        <v>184679</v>
      </c>
      <c r="I54945" s="1" t="s">
        <v>182766</v>
      </c>
      <c r="J54945" s="1" t="s">
        <v>184779</v>
      </c>
    </row>
    <row r="54946" spans="1:10" x14ac:dyDescent="0.35">
      <c r="A54946" s="1" t="s">
        <v>9403</v>
      </c>
      <c r="B54946" s="1" t="s">
        <v>182761</v>
      </c>
      <c r="C54946" s="1" t="s">
        <v>170</v>
      </c>
      <c r="D54946" s="1" t="s">
        <v>183818</v>
      </c>
      <c r="E54946" s="1" t="s">
        <v>184780</v>
      </c>
      <c r="F54946" s="1" t="s">
        <v>184781</v>
      </c>
      <c r="G54946" s="1" t="s">
        <v>184678</v>
      </c>
      <c r="H54946" s="1" t="s">
        <v>184679</v>
      </c>
      <c r="I54946" s="1" t="s">
        <v>182766</v>
      </c>
      <c r="J54946" s="1" t="s">
        <v>184782</v>
      </c>
    </row>
    <row r="54947" spans="1:10" x14ac:dyDescent="0.35">
      <c r="A54947" s="1" t="s">
        <v>144572</v>
      </c>
      <c r="B54947" s="1" t="s">
        <v>182761</v>
      </c>
      <c r="C54947" s="1" t="s">
        <v>8</v>
      </c>
      <c r="D54947" s="1" t="s">
        <v>184783</v>
      </c>
      <c r="E54947" s="1" t="s">
        <v>184784</v>
      </c>
      <c r="F54947" s="1" t="s">
        <v>184785</v>
      </c>
      <c r="G54947" s="1" t="s">
        <v>184786</v>
      </c>
      <c r="H54947" s="1" t="s">
        <v>184787</v>
      </c>
      <c r="I54947" s="1" t="s">
        <v>182766</v>
      </c>
      <c r="J54947" s="1" t="s">
        <v>13</v>
      </c>
    </row>
    <row r="54948" spans="1:10" x14ac:dyDescent="0.35">
      <c r="A54948" s="1" t="s">
        <v>144572</v>
      </c>
      <c r="B54948" s="1" t="s">
        <v>182761</v>
      </c>
      <c r="C54948" s="1" t="s">
        <v>15</v>
      </c>
      <c r="D54948" s="1" t="s">
        <v>184788</v>
      </c>
      <c r="E54948" s="1" t="s">
        <v>184789</v>
      </c>
      <c r="F54948" s="1" t="s">
        <v>184790</v>
      </c>
      <c r="G54948" s="1" t="s">
        <v>184786</v>
      </c>
      <c r="H54948" s="1" t="s">
        <v>184787</v>
      </c>
      <c r="I54948" s="1" t="s">
        <v>182766</v>
      </c>
      <c r="J54948" s="1" t="s">
        <v>184791</v>
      </c>
    </row>
    <row r="54949" spans="1:10" x14ac:dyDescent="0.35">
      <c r="A54949" s="1" t="s">
        <v>144572</v>
      </c>
      <c r="B54949" s="1" t="s">
        <v>182761</v>
      </c>
      <c r="C54949" s="1" t="s">
        <v>20</v>
      </c>
      <c r="D54949" s="1" t="s">
        <v>184792</v>
      </c>
      <c r="E54949" s="1" t="s">
        <v>184793</v>
      </c>
      <c r="F54949" s="1" t="s">
        <v>184794</v>
      </c>
      <c r="G54949" s="1" t="s">
        <v>184786</v>
      </c>
      <c r="H54949" s="1" t="s">
        <v>184787</v>
      </c>
      <c r="I54949" s="1" t="s">
        <v>182766</v>
      </c>
      <c r="J54949" s="1" t="s">
        <v>184795</v>
      </c>
    </row>
    <row r="54950" spans="1:10" x14ac:dyDescent="0.35">
      <c r="A54950" s="1" t="s">
        <v>144572</v>
      </c>
      <c r="B54950" s="1" t="s">
        <v>182761</v>
      </c>
      <c r="C54950" s="1" t="s">
        <v>25</v>
      </c>
      <c r="D54950" s="1" t="s">
        <v>184796</v>
      </c>
      <c r="E54950" s="1" t="s">
        <v>184797</v>
      </c>
      <c r="F54950" s="1" t="s">
        <v>184798</v>
      </c>
      <c r="G54950" s="1" t="s">
        <v>184786</v>
      </c>
      <c r="H54950" s="1" t="s">
        <v>184787</v>
      </c>
      <c r="I54950" s="1" t="s">
        <v>182766</v>
      </c>
      <c r="J54950" s="1" t="s">
        <v>184799</v>
      </c>
    </row>
    <row r="54951" spans="1:10" x14ac:dyDescent="0.35">
      <c r="A54951" s="1" t="s">
        <v>144572</v>
      </c>
      <c r="B54951" s="1" t="s">
        <v>182761</v>
      </c>
      <c r="C54951" s="1" t="s">
        <v>30</v>
      </c>
      <c r="D54951" s="1" t="s">
        <v>182999</v>
      </c>
      <c r="E54951" s="1" t="s">
        <v>184800</v>
      </c>
      <c r="F54951" s="1" t="s">
        <v>184801</v>
      </c>
      <c r="G54951" s="1" t="s">
        <v>184786</v>
      </c>
      <c r="H54951" s="1" t="s">
        <v>184787</v>
      </c>
      <c r="I54951" s="1" t="s">
        <v>182766</v>
      </c>
      <c r="J54951" s="1" t="s">
        <v>184802</v>
      </c>
    </row>
    <row r="54952" spans="1:10" x14ac:dyDescent="0.35">
      <c r="A54952" s="1" t="s">
        <v>144572</v>
      </c>
      <c r="B54952" s="1" t="s">
        <v>182761</v>
      </c>
      <c r="C54952" s="1" t="s">
        <v>35</v>
      </c>
      <c r="D54952" s="1" t="s">
        <v>13401</v>
      </c>
      <c r="E54952" s="1" t="s">
        <v>184803</v>
      </c>
      <c r="F54952" s="1" t="s">
        <v>184804</v>
      </c>
      <c r="G54952" s="1" t="s">
        <v>184786</v>
      </c>
      <c r="H54952" s="1" t="s">
        <v>184787</v>
      </c>
      <c r="I54952" s="1" t="s">
        <v>182766</v>
      </c>
      <c r="J54952" s="1" t="s">
        <v>184805</v>
      </c>
    </row>
    <row r="54953" spans="1:10" x14ac:dyDescent="0.35">
      <c r="A54953" s="1" t="s">
        <v>144572</v>
      </c>
      <c r="B54953" s="1" t="s">
        <v>182761</v>
      </c>
      <c r="C54953" s="1" t="s">
        <v>40</v>
      </c>
      <c r="D54953" s="1" t="s">
        <v>3873</v>
      </c>
      <c r="E54953" s="1" t="s">
        <v>184806</v>
      </c>
      <c r="F54953" s="1" t="s">
        <v>184807</v>
      </c>
      <c r="G54953" s="1" t="s">
        <v>184786</v>
      </c>
      <c r="H54953" s="1" t="s">
        <v>184787</v>
      </c>
      <c r="I54953" s="1" t="s">
        <v>182766</v>
      </c>
      <c r="J54953" s="1" t="s">
        <v>184808</v>
      </c>
    </row>
    <row r="54954" spans="1:10" x14ac:dyDescent="0.35">
      <c r="A54954" s="1" t="s">
        <v>144572</v>
      </c>
      <c r="B54954" s="1" t="s">
        <v>182761</v>
      </c>
      <c r="C54954" s="1" t="s">
        <v>45</v>
      </c>
      <c r="D54954" s="1" t="s">
        <v>83656</v>
      </c>
      <c r="E54954" s="1" t="s">
        <v>184809</v>
      </c>
      <c r="F54954" s="1" t="s">
        <v>184810</v>
      </c>
      <c r="G54954" s="1" t="s">
        <v>184786</v>
      </c>
      <c r="H54954" s="1" t="s">
        <v>184787</v>
      </c>
      <c r="I54954" s="1" t="s">
        <v>182766</v>
      </c>
      <c r="J54954" s="1" t="s">
        <v>184811</v>
      </c>
    </row>
    <row r="54955" spans="1:10" x14ac:dyDescent="0.35">
      <c r="A54955" s="1" t="s">
        <v>144572</v>
      </c>
      <c r="B54955" s="1" t="s">
        <v>182761</v>
      </c>
      <c r="C54955" s="1" t="s">
        <v>50</v>
      </c>
      <c r="D54955" s="1" t="s">
        <v>31197</v>
      </c>
      <c r="E54955" s="1" t="s">
        <v>184812</v>
      </c>
      <c r="F54955" s="1" t="s">
        <v>184813</v>
      </c>
      <c r="G54955" s="1" t="s">
        <v>184786</v>
      </c>
      <c r="H54955" s="1" t="s">
        <v>184787</v>
      </c>
      <c r="I54955" s="1" t="s">
        <v>182766</v>
      </c>
      <c r="J54955" s="1" t="s">
        <v>184814</v>
      </c>
    </row>
    <row r="54956" spans="1:10" x14ac:dyDescent="0.35">
      <c r="A54956" s="1" t="s">
        <v>144572</v>
      </c>
      <c r="B54956" s="1" t="s">
        <v>182761</v>
      </c>
      <c r="C54956" s="1" t="s">
        <v>55</v>
      </c>
      <c r="D54956" s="1" t="s">
        <v>31879</v>
      </c>
      <c r="E54956" s="1" t="s">
        <v>184815</v>
      </c>
      <c r="F54956" s="1" t="s">
        <v>184816</v>
      </c>
      <c r="G54956" s="1" t="s">
        <v>184786</v>
      </c>
      <c r="H54956" s="1" t="s">
        <v>184787</v>
      </c>
      <c r="I54956" s="1" t="s">
        <v>182766</v>
      </c>
      <c r="J54956" s="1" t="s">
        <v>184817</v>
      </c>
    </row>
    <row r="54957" spans="1:10" x14ac:dyDescent="0.35">
      <c r="A54957" s="1" t="s">
        <v>144572</v>
      </c>
      <c r="B54957" s="1" t="s">
        <v>182761</v>
      </c>
      <c r="C54957" s="1" t="s">
        <v>60</v>
      </c>
      <c r="D54957" s="1" t="s">
        <v>10598</v>
      </c>
      <c r="E54957" s="1" t="s">
        <v>184818</v>
      </c>
      <c r="F54957" s="1" t="s">
        <v>184819</v>
      </c>
      <c r="G54957" s="1" t="s">
        <v>184786</v>
      </c>
      <c r="H54957" s="1" t="s">
        <v>184787</v>
      </c>
      <c r="I54957" s="1" t="s">
        <v>182766</v>
      </c>
      <c r="J54957" s="1" t="s">
        <v>184820</v>
      </c>
    </row>
    <row r="54958" spans="1:10" x14ac:dyDescent="0.35">
      <c r="A54958" s="1" t="s">
        <v>144572</v>
      </c>
      <c r="B54958" s="1" t="s">
        <v>182761</v>
      </c>
      <c r="C54958" s="1" t="s">
        <v>65</v>
      </c>
      <c r="D54958" s="1" t="s">
        <v>184821</v>
      </c>
      <c r="E54958" s="1" t="s">
        <v>184822</v>
      </c>
      <c r="F54958" s="1" t="s">
        <v>184823</v>
      </c>
      <c r="G54958" s="1" t="s">
        <v>184786</v>
      </c>
      <c r="H54958" s="1" t="s">
        <v>184787</v>
      </c>
      <c r="I54958" s="1" t="s">
        <v>182766</v>
      </c>
      <c r="J54958" s="1" t="s">
        <v>184824</v>
      </c>
    </row>
    <row r="54959" spans="1:10" x14ac:dyDescent="0.35">
      <c r="A54959" s="1" t="s">
        <v>144572</v>
      </c>
      <c r="B54959" s="1" t="s">
        <v>182761</v>
      </c>
      <c r="C54959" s="1" t="s">
        <v>70</v>
      </c>
      <c r="D54959" s="1" t="s">
        <v>184825</v>
      </c>
      <c r="E54959" s="1" t="s">
        <v>184826</v>
      </c>
      <c r="F54959" s="1" t="s">
        <v>184827</v>
      </c>
      <c r="G54959" s="1" t="s">
        <v>184786</v>
      </c>
      <c r="H54959" s="1" t="s">
        <v>184787</v>
      </c>
      <c r="I54959" s="1" t="s">
        <v>182766</v>
      </c>
      <c r="J54959" s="1" t="s">
        <v>184828</v>
      </c>
    </row>
    <row r="54960" spans="1:10" x14ac:dyDescent="0.35">
      <c r="A54960" s="1" t="s">
        <v>144572</v>
      </c>
      <c r="B54960" s="1" t="s">
        <v>182761</v>
      </c>
      <c r="C54960" s="1" t="s">
        <v>75</v>
      </c>
      <c r="D54960" s="1" t="s">
        <v>19199</v>
      </c>
      <c r="E54960" s="1" t="s">
        <v>184829</v>
      </c>
      <c r="F54960" s="1" t="s">
        <v>184830</v>
      </c>
      <c r="G54960" s="1" t="s">
        <v>184786</v>
      </c>
      <c r="H54960" s="1" t="s">
        <v>184787</v>
      </c>
      <c r="I54960" s="1" t="s">
        <v>182766</v>
      </c>
      <c r="J54960" s="1" t="s">
        <v>184831</v>
      </c>
    </row>
    <row r="54961" spans="1:10" x14ac:dyDescent="0.35">
      <c r="A54961" s="1" t="s">
        <v>144572</v>
      </c>
      <c r="B54961" s="1" t="s">
        <v>182761</v>
      </c>
      <c r="C54961" s="1" t="s">
        <v>80</v>
      </c>
      <c r="D54961" s="1" t="s">
        <v>37279</v>
      </c>
      <c r="E54961" s="1" t="s">
        <v>184832</v>
      </c>
      <c r="F54961" s="1" t="s">
        <v>184833</v>
      </c>
      <c r="G54961" s="1" t="s">
        <v>184786</v>
      </c>
      <c r="H54961" s="1" t="s">
        <v>184787</v>
      </c>
      <c r="I54961" s="1" t="s">
        <v>182766</v>
      </c>
      <c r="J54961" s="1" t="s">
        <v>184834</v>
      </c>
    </row>
    <row r="54962" spans="1:10" x14ac:dyDescent="0.35">
      <c r="A54962" s="1" t="s">
        <v>144572</v>
      </c>
      <c r="B54962" s="1" t="s">
        <v>182761</v>
      </c>
      <c r="C54962" s="1" t="s">
        <v>85</v>
      </c>
      <c r="D54962" s="1" t="s">
        <v>169812</v>
      </c>
      <c r="E54962" s="1" t="s">
        <v>184835</v>
      </c>
      <c r="F54962" s="1" t="s">
        <v>184836</v>
      </c>
      <c r="G54962" s="1" t="s">
        <v>184786</v>
      </c>
      <c r="H54962" s="1" t="s">
        <v>184787</v>
      </c>
      <c r="I54962" s="1" t="s">
        <v>182766</v>
      </c>
      <c r="J54962" s="1" t="s">
        <v>184837</v>
      </c>
    </row>
    <row r="54963" spans="1:10" x14ac:dyDescent="0.35">
      <c r="A54963" s="1" t="s">
        <v>144572</v>
      </c>
      <c r="B54963" s="1" t="s">
        <v>182761</v>
      </c>
      <c r="C54963" s="1" t="s">
        <v>90</v>
      </c>
      <c r="D54963" s="1" t="s">
        <v>184838</v>
      </c>
      <c r="E54963" s="1" t="s">
        <v>184839</v>
      </c>
      <c r="F54963" s="1" t="s">
        <v>184840</v>
      </c>
      <c r="G54963" s="1" t="s">
        <v>184786</v>
      </c>
      <c r="H54963" s="1" t="s">
        <v>184787</v>
      </c>
      <c r="I54963" s="1" t="s">
        <v>182766</v>
      </c>
      <c r="J54963" s="1" t="s">
        <v>184841</v>
      </c>
    </row>
    <row r="54964" spans="1:10" x14ac:dyDescent="0.35">
      <c r="A54964" s="1" t="s">
        <v>144572</v>
      </c>
      <c r="B54964" s="1" t="s">
        <v>182761</v>
      </c>
      <c r="C54964" s="1" t="s">
        <v>95</v>
      </c>
      <c r="D54964" s="1" t="s">
        <v>184842</v>
      </c>
      <c r="E54964" s="1" t="s">
        <v>184843</v>
      </c>
      <c r="F54964" s="1" t="s">
        <v>184844</v>
      </c>
      <c r="G54964" s="1" t="s">
        <v>184786</v>
      </c>
      <c r="H54964" s="1" t="s">
        <v>184787</v>
      </c>
      <c r="I54964" s="1" t="s">
        <v>182766</v>
      </c>
      <c r="J54964" s="1" t="s">
        <v>184845</v>
      </c>
    </row>
    <row r="54965" spans="1:10" x14ac:dyDescent="0.35">
      <c r="A54965" s="1" t="s">
        <v>144572</v>
      </c>
      <c r="B54965" s="1" t="s">
        <v>182761</v>
      </c>
      <c r="C54965" s="1" t="s">
        <v>100</v>
      </c>
      <c r="D54965" s="1" t="s">
        <v>184846</v>
      </c>
      <c r="E54965" s="1" t="s">
        <v>184847</v>
      </c>
      <c r="F54965" s="1" t="s">
        <v>184848</v>
      </c>
      <c r="G54965" s="1" t="s">
        <v>184786</v>
      </c>
      <c r="H54965" s="1" t="s">
        <v>184787</v>
      </c>
      <c r="I54965" s="1" t="s">
        <v>182766</v>
      </c>
      <c r="J54965" s="1" t="s">
        <v>184849</v>
      </c>
    </row>
    <row r="54966" spans="1:10" x14ac:dyDescent="0.35">
      <c r="A54966" s="1" t="s">
        <v>144572</v>
      </c>
      <c r="B54966" s="1" t="s">
        <v>182761</v>
      </c>
      <c r="C54966" s="1" t="s">
        <v>105</v>
      </c>
      <c r="D54966" s="1" t="s">
        <v>184850</v>
      </c>
      <c r="E54966" s="1" t="s">
        <v>184851</v>
      </c>
      <c r="F54966" s="1" t="s">
        <v>184852</v>
      </c>
      <c r="G54966" s="1" t="s">
        <v>184786</v>
      </c>
      <c r="H54966" s="1" t="s">
        <v>184787</v>
      </c>
      <c r="I54966" s="1" t="s">
        <v>182766</v>
      </c>
      <c r="J54966" s="1" t="s">
        <v>184853</v>
      </c>
    </row>
    <row r="54967" spans="1:10" x14ac:dyDescent="0.35">
      <c r="A54967" s="1" t="s">
        <v>144572</v>
      </c>
      <c r="B54967" s="1" t="s">
        <v>182761</v>
      </c>
      <c r="C54967" s="1" t="s">
        <v>110</v>
      </c>
      <c r="D54967" s="1" t="s">
        <v>184854</v>
      </c>
      <c r="E54967" s="1" t="s">
        <v>184855</v>
      </c>
      <c r="F54967" s="1" t="s">
        <v>184856</v>
      </c>
      <c r="G54967" s="1" t="s">
        <v>184786</v>
      </c>
      <c r="H54967" s="1" t="s">
        <v>184787</v>
      </c>
      <c r="I54967" s="1" t="s">
        <v>182766</v>
      </c>
      <c r="J54967" s="1" t="s">
        <v>184857</v>
      </c>
    </row>
    <row r="54968" spans="1:10" x14ac:dyDescent="0.35">
      <c r="A54968" s="1" t="s">
        <v>144572</v>
      </c>
      <c r="B54968" s="1" t="s">
        <v>182761</v>
      </c>
      <c r="C54968" s="1" t="s">
        <v>115</v>
      </c>
      <c r="D54968" s="1" t="s">
        <v>166394</v>
      </c>
      <c r="E54968" s="1" t="s">
        <v>184858</v>
      </c>
      <c r="F54968" s="1" t="s">
        <v>184859</v>
      </c>
      <c r="G54968" s="1" t="s">
        <v>184786</v>
      </c>
      <c r="H54968" s="1" t="s">
        <v>184787</v>
      </c>
      <c r="I54968" s="1" t="s">
        <v>182766</v>
      </c>
      <c r="J54968" s="1" t="s">
        <v>184860</v>
      </c>
    </row>
    <row r="54969" spans="1:10" x14ac:dyDescent="0.35">
      <c r="A54969" s="1" t="s">
        <v>144572</v>
      </c>
      <c r="B54969" s="1" t="s">
        <v>182761</v>
      </c>
      <c r="C54969" s="1" t="s">
        <v>120</v>
      </c>
      <c r="D54969" s="1" t="s">
        <v>17072</v>
      </c>
      <c r="E54969" s="1" t="s">
        <v>184861</v>
      </c>
      <c r="F54969" s="1" t="s">
        <v>184862</v>
      </c>
      <c r="G54969" s="1" t="s">
        <v>184786</v>
      </c>
      <c r="H54969" s="1" t="s">
        <v>184787</v>
      </c>
      <c r="I54969" s="1" t="s">
        <v>182766</v>
      </c>
      <c r="J54969" s="1" t="s">
        <v>184863</v>
      </c>
    </row>
    <row r="54970" spans="1:10" x14ac:dyDescent="0.35">
      <c r="A54970" s="1" t="s">
        <v>144572</v>
      </c>
      <c r="B54970" s="1" t="s">
        <v>182761</v>
      </c>
      <c r="C54970" s="1" t="s">
        <v>125</v>
      </c>
      <c r="D54970" s="1" t="s">
        <v>179945</v>
      </c>
      <c r="E54970" s="1" t="s">
        <v>184864</v>
      </c>
      <c r="F54970" s="1" t="s">
        <v>184865</v>
      </c>
      <c r="G54970" s="1" t="s">
        <v>184786</v>
      </c>
      <c r="H54970" s="1" t="s">
        <v>184787</v>
      </c>
      <c r="I54970" s="1" t="s">
        <v>182766</v>
      </c>
      <c r="J54970" s="1" t="s">
        <v>184866</v>
      </c>
    </row>
    <row r="54971" spans="1:10" x14ac:dyDescent="0.35">
      <c r="A54971" s="1" t="s">
        <v>144572</v>
      </c>
      <c r="B54971" s="1" t="s">
        <v>182761</v>
      </c>
      <c r="C54971" s="1" t="s">
        <v>130</v>
      </c>
      <c r="D54971" s="1" t="s">
        <v>38726</v>
      </c>
      <c r="E54971" s="1" t="s">
        <v>184867</v>
      </c>
      <c r="F54971" s="1" t="s">
        <v>184868</v>
      </c>
      <c r="G54971" s="1" t="s">
        <v>184786</v>
      </c>
      <c r="H54971" s="1" t="s">
        <v>184787</v>
      </c>
      <c r="I54971" s="1" t="s">
        <v>182766</v>
      </c>
      <c r="J54971" s="1" t="s">
        <v>184869</v>
      </c>
    </row>
    <row r="54972" spans="1:10" x14ac:dyDescent="0.35">
      <c r="A54972" s="1" t="s">
        <v>144572</v>
      </c>
      <c r="B54972" s="1" t="s">
        <v>182761</v>
      </c>
      <c r="C54972" s="1" t="s">
        <v>135</v>
      </c>
      <c r="D54972" s="1" t="s">
        <v>184870</v>
      </c>
      <c r="E54972" s="1" t="s">
        <v>184871</v>
      </c>
      <c r="F54972" s="1" t="s">
        <v>184872</v>
      </c>
      <c r="G54972" s="1" t="s">
        <v>184786</v>
      </c>
      <c r="H54972" s="1" t="s">
        <v>184787</v>
      </c>
      <c r="I54972" s="1" t="s">
        <v>182766</v>
      </c>
      <c r="J54972" s="1" t="s">
        <v>184873</v>
      </c>
    </row>
    <row r="54973" spans="1:10" x14ac:dyDescent="0.35">
      <c r="A54973" s="1" t="s">
        <v>144572</v>
      </c>
      <c r="B54973" s="1" t="s">
        <v>182761</v>
      </c>
      <c r="C54973" s="1" t="s">
        <v>140</v>
      </c>
      <c r="D54973" s="1" t="s">
        <v>130660</v>
      </c>
      <c r="E54973" s="1" t="s">
        <v>184874</v>
      </c>
      <c r="F54973" s="1" t="s">
        <v>184875</v>
      </c>
      <c r="G54973" s="1" t="s">
        <v>184786</v>
      </c>
      <c r="H54973" s="1" t="s">
        <v>184787</v>
      </c>
      <c r="I54973" s="1" t="s">
        <v>182766</v>
      </c>
      <c r="J54973" s="1" t="s">
        <v>184876</v>
      </c>
    </row>
    <row r="54974" spans="1:10" x14ac:dyDescent="0.35">
      <c r="A54974" s="1" t="s">
        <v>144572</v>
      </c>
      <c r="B54974" s="1" t="s">
        <v>182761</v>
      </c>
      <c r="C54974" s="1" t="s">
        <v>145</v>
      </c>
      <c r="D54974" s="1" t="s">
        <v>53783</v>
      </c>
      <c r="E54974" s="1" t="s">
        <v>184877</v>
      </c>
      <c r="F54974" s="1" t="s">
        <v>184878</v>
      </c>
      <c r="G54974" s="1" t="s">
        <v>184786</v>
      </c>
      <c r="H54974" s="1" t="s">
        <v>184787</v>
      </c>
      <c r="I54974" s="1" t="s">
        <v>182766</v>
      </c>
      <c r="J54974" s="1" t="s">
        <v>184879</v>
      </c>
    </row>
    <row r="54975" spans="1:10" x14ac:dyDescent="0.35">
      <c r="A54975" s="1" t="s">
        <v>144572</v>
      </c>
      <c r="B54975" s="1" t="s">
        <v>182761</v>
      </c>
      <c r="C54975" s="1" t="s">
        <v>150</v>
      </c>
      <c r="D54975" s="1" t="s">
        <v>87783</v>
      </c>
      <c r="E54975" s="1" t="s">
        <v>184880</v>
      </c>
      <c r="F54975" s="1" t="s">
        <v>184881</v>
      </c>
      <c r="G54975" s="1" t="s">
        <v>184786</v>
      </c>
      <c r="H54975" s="1" t="s">
        <v>184787</v>
      </c>
      <c r="I54975" s="1" t="s">
        <v>182766</v>
      </c>
      <c r="J54975" s="1" t="s">
        <v>184882</v>
      </c>
    </row>
    <row r="54976" spans="1:10" x14ac:dyDescent="0.35">
      <c r="A54976" s="1" t="s">
        <v>144572</v>
      </c>
      <c r="B54976" s="1" t="s">
        <v>182761</v>
      </c>
      <c r="C54976" s="1" t="s">
        <v>155</v>
      </c>
      <c r="D54976" s="1" t="s">
        <v>58227</v>
      </c>
      <c r="E54976" s="1" t="s">
        <v>184883</v>
      </c>
      <c r="F54976" s="1" t="s">
        <v>184884</v>
      </c>
      <c r="G54976" s="1" t="s">
        <v>184786</v>
      </c>
      <c r="H54976" s="1" t="s">
        <v>184787</v>
      </c>
      <c r="I54976" s="1" t="s">
        <v>182766</v>
      </c>
      <c r="J54976" s="1" t="s">
        <v>184885</v>
      </c>
    </row>
    <row r="54977" spans="1:10" x14ac:dyDescent="0.35">
      <c r="A54977" s="1" t="s">
        <v>144572</v>
      </c>
      <c r="B54977" s="1" t="s">
        <v>182761</v>
      </c>
      <c r="C54977" s="1" t="s">
        <v>160</v>
      </c>
      <c r="D54977" s="1" t="s">
        <v>166692</v>
      </c>
      <c r="E54977" s="1" t="s">
        <v>184886</v>
      </c>
      <c r="F54977" s="1" t="s">
        <v>184887</v>
      </c>
      <c r="G54977" s="1" t="s">
        <v>184786</v>
      </c>
      <c r="H54977" s="1" t="s">
        <v>184787</v>
      </c>
      <c r="I54977" s="1" t="s">
        <v>182766</v>
      </c>
      <c r="J54977" s="1" t="s">
        <v>184888</v>
      </c>
    </row>
    <row r="54978" spans="1:10" x14ac:dyDescent="0.35">
      <c r="A54978" s="1" t="s">
        <v>144572</v>
      </c>
      <c r="B54978" s="1" t="s">
        <v>182761</v>
      </c>
      <c r="C54978" s="1" t="s">
        <v>165</v>
      </c>
      <c r="D54978" s="1" t="s">
        <v>184889</v>
      </c>
      <c r="E54978" s="1" t="s">
        <v>184890</v>
      </c>
      <c r="F54978" s="1" t="s">
        <v>184891</v>
      </c>
      <c r="G54978" s="1" t="s">
        <v>184786</v>
      </c>
      <c r="H54978" s="1" t="s">
        <v>184787</v>
      </c>
      <c r="I54978" s="1" t="s">
        <v>182766</v>
      </c>
      <c r="J54978" s="1" t="s">
        <v>184892</v>
      </c>
    </row>
    <row r="54979" spans="1:10" x14ac:dyDescent="0.35">
      <c r="A54979" s="1" t="s">
        <v>144572</v>
      </c>
      <c r="B54979" s="1" t="s">
        <v>182761</v>
      </c>
      <c r="C54979" s="1" t="s">
        <v>170</v>
      </c>
      <c r="D54979" s="1" t="s">
        <v>63208</v>
      </c>
      <c r="E54979" s="1" t="s">
        <v>184893</v>
      </c>
      <c r="F54979" s="1" t="s">
        <v>184894</v>
      </c>
      <c r="G54979" s="1" t="s">
        <v>184786</v>
      </c>
      <c r="H54979" s="1" t="s">
        <v>184787</v>
      </c>
      <c r="I54979" s="1" t="s">
        <v>182766</v>
      </c>
      <c r="J54979" s="1" t="s">
        <v>184895</v>
      </c>
    </row>
    <row r="54980" spans="1:10" x14ac:dyDescent="0.35">
      <c r="A54980" s="1" t="s">
        <v>30016</v>
      </c>
      <c r="B54980" s="1" t="s">
        <v>182761</v>
      </c>
      <c r="C54980" s="1" t="s">
        <v>8</v>
      </c>
      <c r="D54980" s="1" t="s">
        <v>184896</v>
      </c>
      <c r="E54980" s="1" t="s">
        <v>184897</v>
      </c>
      <c r="F54980" s="1" t="s">
        <v>184898</v>
      </c>
      <c r="G54980" s="1" t="s">
        <v>184899</v>
      </c>
      <c r="H54980" s="1" t="s">
        <v>184900</v>
      </c>
      <c r="I54980" s="1" t="s">
        <v>182766</v>
      </c>
      <c r="J54980" s="1" t="s">
        <v>13</v>
      </c>
    </row>
    <row r="54981" spans="1:10" x14ac:dyDescent="0.35">
      <c r="A54981" s="1" t="s">
        <v>30016</v>
      </c>
      <c r="B54981" s="1" t="s">
        <v>182761</v>
      </c>
      <c r="C54981" s="1" t="s">
        <v>15</v>
      </c>
      <c r="D54981" s="1" t="s">
        <v>184901</v>
      </c>
      <c r="E54981" s="1" t="s">
        <v>184902</v>
      </c>
      <c r="F54981" s="1" t="s">
        <v>184903</v>
      </c>
      <c r="G54981" s="1" t="s">
        <v>184899</v>
      </c>
      <c r="H54981" s="1" t="s">
        <v>184900</v>
      </c>
      <c r="I54981" s="1" t="s">
        <v>182766</v>
      </c>
      <c r="J54981" s="1" t="s">
        <v>184904</v>
      </c>
    </row>
    <row r="54982" spans="1:10" x14ac:dyDescent="0.35">
      <c r="A54982" s="1" t="s">
        <v>30016</v>
      </c>
      <c r="B54982" s="1" t="s">
        <v>182761</v>
      </c>
      <c r="C54982" s="1" t="s">
        <v>20</v>
      </c>
      <c r="D54982" s="1" t="s">
        <v>184905</v>
      </c>
      <c r="E54982" s="1" t="s">
        <v>184906</v>
      </c>
      <c r="F54982" s="1" t="s">
        <v>184907</v>
      </c>
      <c r="G54982" s="1" t="s">
        <v>184899</v>
      </c>
      <c r="H54982" s="1" t="s">
        <v>184900</v>
      </c>
      <c r="I54982" s="1" t="s">
        <v>182766</v>
      </c>
      <c r="J54982" s="1" t="s">
        <v>184908</v>
      </c>
    </row>
    <row r="54983" spans="1:10" x14ac:dyDescent="0.35">
      <c r="A54983" s="1" t="s">
        <v>30016</v>
      </c>
      <c r="B54983" s="1" t="s">
        <v>182761</v>
      </c>
      <c r="C54983" s="1" t="s">
        <v>25</v>
      </c>
      <c r="D54983" s="1" t="s">
        <v>184909</v>
      </c>
      <c r="E54983" s="1" t="s">
        <v>184910</v>
      </c>
      <c r="F54983" s="1" t="s">
        <v>184911</v>
      </c>
      <c r="G54983" s="1" t="s">
        <v>184899</v>
      </c>
      <c r="H54983" s="1" t="s">
        <v>184900</v>
      </c>
      <c r="I54983" s="1" t="s">
        <v>182766</v>
      </c>
      <c r="J54983" s="1" t="s">
        <v>184912</v>
      </c>
    </row>
    <row r="54984" spans="1:10" x14ac:dyDescent="0.35">
      <c r="A54984" s="1" t="s">
        <v>30016</v>
      </c>
      <c r="B54984" s="1" t="s">
        <v>182761</v>
      </c>
      <c r="C54984" s="1" t="s">
        <v>30</v>
      </c>
      <c r="D54984" s="1" t="s">
        <v>184913</v>
      </c>
      <c r="E54984" s="1" t="s">
        <v>184914</v>
      </c>
      <c r="F54984" s="1" t="s">
        <v>184915</v>
      </c>
      <c r="G54984" s="1" t="s">
        <v>184899</v>
      </c>
      <c r="H54984" s="1" t="s">
        <v>184900</v>
      </c>
      <c r="I54984" s="1" t="s">
        <v>182766</v>
      </c>
      <c r="J54984" s="1" t="s">
        <v>184916</v>
      </c>
    </row>
    <row r="54985" spans="1:10" x14ac:dyDescent="0.35">
      <c r="A54985" s="1" t="s">
        <v>30016</v>
      </c>
      <c r="B54985" s="1" t="s">
        <v>182761</v>
      </c>
      <c r="C54985" s="1" t="s">
        <v>35</v>
      </c>
      <c r="D54985" s="1" t="s">
        <v>44967</v>
      </c>
      <c r="E54985" s="1" t="s">
        <v>184917</v>
      </c>
      <c r="F54985" s="1" t="s">
        <v>184918</v>
      </c>
      <c r="G54985" s="1" t="s">
        <v>184899</v>
      </c>
      <c r="H54985" s="1" t="s">
        <v>184900</v>
      </c>
      <c r="I54985" s="1" t="s">
        <v>182766</v>
      </c>
      <c r="J54985" s="1" t="s">
        <v>184919</v>
      </c>
    </row>
    <row r="54986" spans="1:10" x14ac:dyDescent="0.35">
      <c r="A54986" s="1" t="s">
        <v>30016</v>
      </c>
      <c r="B54986" s="1" t="s">
        <v>182761</v>
      </c>
      <c r="C54986" s="1" t="s">
        <v>40</v>
      </c>
      <c r="D54986" s="1" t="s">
        <v>113200</v>
      </c>
      <c r="E54986" s="1" t="s">
        <v>184920</v>
      </c>
      <c r="F54986" s="1" t="s">
        <v>184921</v>
      </c>
      <c r="G54986" s="1" t="s">
        <v>184899</v>
      </c>
      <c r="H54986" s="1" t="s">
        <v>184900</v>
      </c>
      <c r="I54986" s="1" t="s">
        <v>182766</v>
      </c>
      <c r="J54986" s="1" t="s">
        <v>184922</v>
      </c>
    </row>
    <row r="54987" spans="1:10" x14ac:dyDescent="0.35">
      <c r="A54987" s="1" t="s">
        <v>30016</v>
      </c>
      <c r="B54987" s="1" t="s">
        <v>182761</v>
      </c>
      <c r="C54987" s="1" t="s">
        <v>45</v>
      </c>
      <c r="D54987" s="1" t="s">
        <v>104624</v>
      </c>
      <c r="E54987" s="1" t="s">
        <v>184923</v>
      </c>
      <c r="F54987" s="1" t="s">
        <v>184924</v>
      </c>
      <c r="G54987" s="1" t="s">
        <v>184899</v>
      </c>
      <c r="H54987" s="1" t="s">
        <v>184900</v>
      </c>
      <c r="I54987" s="1" t="s">
        <v>182766</v>
      </c>
      <c r="J54987" s="1" t="s">
        <v>184925</v>
      </c>
    </row>
    <row r="54988" spans="1:10" x14ac:dyDescent="0.35">
      <c r="A54988" s="1" t="s">
        <v>30016</v>
      </c>
      <c r="B54988" s="1" t="s">
        <v>182761</v>
      </c>
      <c r="C54988" s="1" t="s">
        <v>50</v>
      </c>
      <c r="D54988" s="1" t="s">
        <v>184742</v>
      </c>
      <c r="E54988" s="1" t="s">
        <v>184926</v>
      </c>
      <c r="F54988" s="1" t="s">
        <v>184927</v>
      </c>
      <c r="G54988" s="1" t="s">
        <v>184899</v>
      </c>
      <c r="H54988" s="1" t="s">
        <v>184900</v>
      </c>
      <c r="I54988" s="1" t="s">
        <v>182766</v>
      </c>
      <c r="J54988" s="1" t="s">
        <v>184928</v>
      </c>
    </row>
    <row r="54989" spans="1:10" x14ac:dyDescent="0.35">
      <c r="A54989" s="1" t="s">
        <v>30016</v>
      </c>
      <c r="B54989" s="1" t="s">
        <v>182761</v>
      </c>
      <c r="C54989" s="1" t="s">
        <v>55</v>
      </c>
      <c r="D54989" s="1" t="s">
        <v>144903</v>
      </c>
      <c r="E54989" s="1" t="s">
        <v>184929</v>
      </c>
      <c r="F54989" s="1" t="s">
        <v>184930</v>
      </c>
      <c r="G54989" s="1" t="s">
        <v>184899</v>
      </c>
      <c r="H54989" s="1" t="s">
        <v>184900</v>
      </c>
      <c r="I54989" s="1" t="s">
        <v>182766</v>
      </c>
      <c r="J54989" s="1" t="s">
        <v>184931</v>
      </c>
    </row>
    <row r="54990" spans="1:10" x14ac:dyDescent="0.35">
      <c r="A54990" s="1" t="s">
        <v>30016</v>
      </c>
      <c r="B54990" s="1" t="s">
        <v>182761</v>
      </c>
      <c r="C54990" s="1" t="s">
        <v>60</v>
      </c>
      <c r="D54990" s="1" t="s">
        <v>184932</v>
      </c>
      <c r="E54990" s="1" t="s">
        <v>184933</v>
      </c>
      <c r="F54990" s="1" t="s">
        <v>184934</v>
      </c>
      <c r="G54990" s="1" t="s">
        <v>184899</v>
      </c>
      <c r="H54990" s="1" t="s">
        <v>184900</v>
      </c>
      <c r="I54990" s="1" t="s">
        <v>182766</v>
      </c>
      <c r="J54990" s="1" t="s">
        <v>184935</v>
      </c>
    </row>
    <row r="54991" spans="1:10" x14ac:dyDescent="0.35">
      <c r="A54991" s="1" t="s">
        <v>30016</v>
      </c>
      <c r="B54991" s="1" t="s">
        <v>182761</v>
      </c>
      <c r="C54991" s="1" t="s">
        <v>65</v>
      </c>
      <c r="D54991" s="1" t="s">
        <v>184936</v>
      </c>
      <c r="E54991" s="1" t="s">
        <v>184937</v>
      </c>
      <c r="F54991" s="1" t="s">
        <v>184938</v>
      </c>
      <c r="G54991" s="1" t="s">
        <v>184899</v>
      </c>
      <c r="H54991" s="1" t="s">
        <v>184900</v>
      </c>
      <c r="I54991" s="1" t="s">
        <v>182766</v>
      </c>
      <c r="J54991" s="1" t="s">
        <v>184939</v>
      </c>
    </row>
    <row r="54992" spans="1:10" x14ac:dyDescent="0.35">
      <c r="A54992" s="1" t="s">
        <v>30016</v>
      </c>
      <c r="B54992" s="1" t="s">
        <v>182761</v>
      </c>
      <c r="C54992" s="1" t="s">
        <v>70</v>
      </c>
      <c r="D54992" s="1" t="s">
        <v>182496</v>
      </c>
      <c r="E54992" s="1" t="s">
        <v>184940</v>
      </c>
      <c r="F54992" s="1" t="s">
        <v>184941</v>
      </c>
      <c r="G54992" s="1" t="s">
        <v>184899</v>
      </c>
      <c r="H54992" s="1" t="s">
        <v>184900</v>
      </c>
      <c r="I54992" s="1" t="s">
        <v>182766</v>
      </c>
      <c r="J54992" s="1" t="s">
        <v>184942</v>
      </c>
    </row>
    <row r="54993" spans="1:10" x14ac:dyDescent="0.35">
      <c r="A54993" s="1" t="s">
        <v>30016</v>
      </c>
      <c r="B54993" s="1" t="s">
        <v>182761</v>
      </c>
      <c r="C54993" s="1" t="s">
        <v>75</v>
      </c>
      <c r="D54993" s="1" t="s">
        <v>8842</v>
      </c>
      <c r="E54993" s="1" t="s">
        <v>184943</v>
      </c>
      <c r="F54993" s="1" t="s">
        <v>184944</v>
      </c>
      <c r="G54993" s="1" t="s">
        <v>184899</v>
      </c>
      <c r="H54993" s="1" t="s">
        <v>184900</v>
      </c>
      <c r="I54993" s="1" t="s">
        <v>182766</v>
      </c>
      <c r="J54993" s="1" t="s">
        <v>184945</v>
      </c>
    </row>
    <row r="54994" spans="1:10" x14ac:dyDescent="0.35">
      <c r="A54994" s="1" t="s">
        <v>30016</v>
      </c>
      <c r="B54994" s="1" t="s">
        <v>182761</v>
      </c>
      <c r="C54994" s="1" t="s">
        <v>80</v>
      </c>
      <c r="D54994" s="1" t="s">
        <v>83134</v>
      </c>
      <c r="E54994" s="1" t="s">
        <v>184946</v>
      </c>
      <c r="F54994" s="1" t="s">
        <v>184947</v>
      </c>
      <c r="G54994" s="1" t="s">
        <v>184899</v>
      </c>
      <c r="H54994" s="1" t="s">
        <v>184900</v>
      </c>
      <c r="I54994" s="1" t="s">
        <v>182766</v>
      </c>
      <c r="J54994" s="1" t="s">
        <v>184948</v>
      </c>
    </row>
    <row r="54995" spans="1:10" x14ac:dyDescent="0.35">
      <c r="A54995" s="1" t="s">
        <v>30016</v>
      </c>
      <c r="B54995" s="1" t="s">
        <v>182761</v>
      </c>
      <c r="C54995" s="1" t="s">
        <v>85</v>
      </c>
      <c r="D54995" s="1" t="s">
        <v>177558</v>
      </c>
      <c r="E54995" s="1" t="s">
        <v>184949</v>
      </c>
      <c r="F54995" s="1" t="s">
        <v>184950</v>
      </c>
      <c r="G54995" s="1" t="s">
        <v>184899</v>
      </c>
      <c r="H54995" s="1" t="s">
        <v>184900</v>
      </c>
      <c r="I54995" s="1" t="s">
        <v>182766</v>
      </c>
      <c r="J54995" s="1" t="s">
        <v>184951</v>
      </c>
    </row>
    <row r="54996" spans="1:10" x14ac:dyDescent="0.35">
      <c r="A54996" s="1" t="s">
        <v>30016</v>
      </c>
      <c r="B54996" s="1" t="s">
        <v>182761</v>
      </c>
      <c r="C54996" s="1" t="s">
        <v>90</v>
      </c>
      <c r="D54996" s="1" t="s">
        <v>184952</v>
      </c>
      <c r="E54996" s="1" t="s">
        <v>184953</v>
      </c>
      <c r="F54996" s="1" t="s">
        <v>184954</v>
      </c>
      <c r="G54996" s="1" t="s">
        <v>184899</v>
      </c>
      <c r="H54996" s="1" t="s">
        <v>184900</v>
      </c>
      <c r="I54996" s="1" t="s">
        <v>182766</v>
      </c>
      <c r="J54996" s="1" t="s">
        <v>184955</v>
      </c>
    </row>
    <row r="54997" spans="1:10" x14ac:dyDescent="0.35">
      <c r="A54997" s="1" t="s">
        <v>30016</v>
      </c>
      <c r="B54997" s="1" t="s">
        <v>182761</v>
      </c>
      <c r="C54997" s="1" t="s">
        <v>95</v>
      </c>
      <c r="D54997" s="1" t="s">
        <v>184956</v>
      </c>
      <c r="E54997" s="1" t="s">
        <v>184957</v>
      </c>
      <c r="F54997" s="1" t="s">
        <v>184958</v>
      </c>
      <c r="G54997" s="1" t="s">
        <v>184899</v>
      </c>
      <c r="H54997" s="1" t="s">
        <v>184900</v>
      </c>
      <c r="I54997" s="1" t="s">
        <v>182766</v>
      </c>
      <c r="J54997" s="1" t="s">
        <v>184959</v>
      </c>
    </row>
    <row r="54998" spans="1:10" x14ac:dyDescent="0.35">
      <c r="A54998" s="1" t="s">
        <v>30016</v>
      </c>
      <c r="B54998" s="1" t="s">
        <v>182761</v>
      </c>
      <c r="C54998" s="1" t="s">
        <v>100</v>
      </c>
      <c r="D54998" s="1" t="s">
        <v>184960</v>
      </c>
      <c r="E54998" s="1" t="s">
        <v>184961</v>
      </c>
      <c r="F54998" s="1" t="s">
        <v>184962</v>
      </c>
      <c r="G54998" s="1" t="s">
        <v>184899</v>
      </c>
      <c r="H54998" s="1" t="s">
        <v>184900</v>
      </c>
      <c r="I54998" s="1" t="s">
        <v>182766</v>
      </c>
      <c r="J54998" s="1" t="s">
        <v>184963</v>
      </c>
    </row>
    <row r="54999" spans="1:10" x14ac:dyDescent="0.35">
      <c r="A54999" s="1" t="s">
        <v>30016</v>
      </c>
      <c r="B54999" s="1" t="s">
        <v>182761</v>
      </c>
      <c r="C54999" s="1" t="s">
        <v>105</v>
      </c>
      <c r="D54999" s="1" t="s">
        <v>184964</v>
      </c>
      <c r="E54999" s="1" t="s">
        <v>184965</v>
      </c>
      <c r="F54999" s="1" t="s">
        <v>184966</v>
      </c>
      <c r="G54999" s="1" t="s">
        <v>184899</v>
      </c>
      <c r="H54999" s="1" t="s">
        <v>184900</v>
      </c>
      <c r="I54999" s="1" t="s">
        <v>182766</v>
      </c>
      <c r="J54999" s="1" t="s">
        <v>184967</v>
      </c>
    </row>
    <row r="55000" spans="1:10" x14ac:dyDescent="0.35">
      <c r="A55000" s="1" t="s">
        <v>30016</v>
      </c>
      <c r="B55000" s="1" t="s">
        <v>182761</v>
      </c>
      <c r="C55000" s="1" t="s">
        <v>110</v>
      </c>
      <c r="D55000" s="1" t="s">
        <v>184968</v>
      </c>
      <c r="E55000" s="1" t="s">
        <v>184969</v>
      </c>
      <c r="F55000" s="1" t="s">
        <v>184970</v>
      </c>
      <c r="G55000" s="1" t="s">
        <v>184899</v>
      </c>
      <c r="H55000" s="1" t="s">
        <v>184900</v>
      </c>
      <c r="I55000" s="1" t="s">
        <v>182766</v>
      </c>
      <c r="J55000" s="1" t="s">
        <v>184971</v>
      </c>
    </row>
    <row r="55001" spans="1:10" x14ac:dyDescent="0.35">
      <c r="A55001" s="1" t="s">
        <v>30016</v>
      </c>
      <c r="B55001" s="1" t="s">
        <v>182761</v>
      </c>
      <c r="C55001" s="1" t="s">
        <v>115</v>
      </c>
      <c r="D55001" s="1" t="s">
        <v>141322</v>
      </c>
      <c r="E55001" s="1" t="s">
        <v>184972</v>
      </c>
      <c r="F55001" s="1" t="s">
        <v>184973</v>
      </c>
      <c r="G55001" s="1" t="s">
        <v>184899</v>
      </c>
      <c r="H55001" s="1" t="s">
        <v>184900</v>
      </c>
      <c r="I55001" s="1" t="s">
        <v>182766</v>
      </c>
      <c r="J55001" s="1" t="s">
        <v>184974</v>
      </c>
    </row>
    <row r="55002" spans="1:10" x14ac:dyDescent="0.35">
      <c r="A55002" s="1" t="s">
        <v>30016</v>
      </c>
      <c r="B55002" s="1" t="s">
        <v>182761</v>
      </c>
      <c r="C55002" s="1" t="s">
        <v>120</v>
      </c>
      <c r="D55002" s="1" t="s">
        <v>184975</v>
      </c>
      <c r="E55002" s="1" t="s">
        <v>184976</v>
      </c>
      <c r="F55002" s="1" t="s">
        <v>184977</v>
      </c>
      <c r="G55002" s="1" t="s">
        <v>184899</v>
      </c>
      <c r="H55002" s="1" t="s">
        <v>184900</v>
      </c>
      <c r="I55002" s="1" t="s">
        <v>182766</v>
      </c>
      <c r="J55002" s="1" t="s">
        <v>184978</v>
      </c>
    </row>
    <row r="55003" spans="1:10" x14ac:dyDescent="0.35">
      <c r="A55003" s="1" t="s">
        <v>30016</v>
      </c>
      <c r="B55003" s="1" t="s">
        <v>182761</v>
      </c>
      <c r="C55003" s="1" t="s">
        <v>125</v>
      </c>
      <c r="D55003" s="1" t="s">
        <v>184979</v>
      </c>
      <c r="E55003" s="1" t="s">
        <v>184980</v>
      </c>
      <c r="F55003" s="1" t="s">
        <v>184981</v>
      </c>
      <c r="G55003" s="1" t="s">
        <v>184899</v>
      </c>
      <c r="H55003" s="1" t="s">
        <v>184900</v>
      </c>
      <c r="I55003" s="1" t="s">
        <v>182766</v>
      </c>
      <c r="J55003" s="1" t="s">
        <v>184982</v>
      </c>
    </row>
    <row r="55004" spans="1:10" x14ac:dyDescent="0.35">
      <c r="A55004" s="1" t="s">
        <v>30016</v>
      </c>
      <c r="B55004" s="1" t="s">
        <v>182761</v>
      </c>
      <c r="C55004" s="1" t="s">
        <v>130</v>
      </c>
      <c r="D55004" s="1" t="s">
        <v>82481</v>
      </c>
      <c r="E55004" s="1" t="s">
        <v>184983</v>
      </c>
      <c r="F55004" s="1" t="s">
        <v>184984</v>
      </c>
      <c r="G55004" s="1" t="s">
        <v>184899</v>
      </c>
      <c r="H55004" s="1" t="s">
        <v>184900</v>
      </c>
      <c r="I55004" s="1" t="s">
        <v>182766</v>
      </c>
      <c r="J55004" s="1" t="s">
        <v>184985</v>
      </c>
    </row>
    <row r="55005" spans="1:10" x14ac:dyDescent="0.35">
      <c r="A55005" s="1" t="s">
        <v>30016</v>
      </c>
      <c r="B55005" s="1" t="s">
        <v>182761</v>
      </c>
      <c r="C55005" s="1" t="s">
        <v>135</v>
      </c>
      <c r="D55005" s="1" t="s">
        <v>171140</v>
      </c>
      <c r="E55005" s="1" t="s">
        <v>184986</v>
      </c>
      <c r="F55005" s="1" t="s">
        <v>184987</v>
      </c>
      <c r="G55005" s="1" t="s">
        <v>184899</v>
      </c>
      <c r="H55005" s="1" t="s">
        <v>184900</v>
      </c>
      <c r="I55005" s="1" t="s">
        <v>182766</v>
      </c>
      <c r="J55005" s="1" t="s">
        <v>184988</v>
      </c>
    </row>
    <row r="55006" spans="1:10" x14ac:dyDescent="0.35">
      <c r="A55006" s="1" t="s">
        <v>30016</v>
      </c>
      <c r="B55006" s="1" t="s">
        <v>182761</v>
      </c>
      <c r="C55006" s="1" t="s">
        <v>140</v>
      </c>
      <c r="D55006" s="1" t="s">
        <v>184989</v>
      </c>
      <c r="E55006" s="1" t="s">
        <v>184990</v>
      </c>
      <c r="F55006" s="1" t="s">
        <v>184991</v>
      </c>
      <c r="G55006" s="1" t="s">
        <v>184899</v>
      </c>
      <c r="H55006" s="1" t="s">
        <v>184900</v>
      </c>
      <c r="I55006" s="1" t="s">
        <v>182766</v>
      </c>
      <c r="J55006" s="1" t="s">
        <v>184992</v>
      </c>
    </row>
    <row r="55007" spans="1:10" x14ac:dyDescent="0.35">
      <c r="A55007" s="1" t="s">
        <v>30016</v>
      </c>
      <c r="B55007" s="1" t="s">
        <v>182761</v>
      </c>
      <c r="C55007" s="1" t="s">
        <v>145</v>
      </c>
      <c r="D55007" s="1" t="s">
        <v>152549</v>
      </c>
      <c r="E55007" s="1" t="s">
        <v>184993</v>
      </c>
      <c r="F55007" s="1" t="s">
        <v>184994</v>
      </c>
      <c r="G55007" s="1" t="s">
        <v>184899</v>
      </c>
      <c r="H55007" s="1" t="s">
        <v>184900</v>
      </c>
      <c r="I55007" s="1" t="s">
        <v>182766</v>
      </c>
      <c r="J55007" s="1" t="s">
        <v>184995</v>
      </c>
    </row>
    <row r="55008" spans="1:10" x14ac:dyDescent="0.35">
      <c r="A55008" s="1" t="s">
        <v>30016</v>
      </c>
      <c r="B55008" s="1" t="s">
        <v>182761</v>
      </c>
      <c r="C55008" s="1" t="s">
        <v>150</v>
      </c>
      <c r="D55008" s="1" t="s">
        <v>59881</v>
      </c>
      <c r="E55008" s="1" t="s">
        <v>184996</v>
      </c>
      <c r="F55008" s="1" t="s">
        <v>184997</v>
      </c>
      <c r="G55008" s="1" t="s">
        <v>184899</v>
      </c>
      <c r="H55008" s="1" t="s">
        <v>184900</v>
      </c>
      <c r="I55008" s="1" t="s">
        <v>182766</v>
      </c>
      <c r="J55008" s="1" t="s">
        <v>184998</v>
      </c>
    </row>
    <row r="55009" spans="1:10" x14ac:dyDescent="0.35">
      <c r="A55009" s="1" t="s">
        <v>30016</v>
      </c>
      <c r="B55009" s="1" t="s">
        <v>182761</v>
      </c>
      <c r="C55009" s="1" t="s">
        <v>155</v>
      </c>
      <c r="D55009" s="1" t="s">
        <v>184999</v>
      </c>
      <c r="E55009" s="1" t="s">
        <v>185000</v>
      </c>
      <c r="F55009" s="1" t="s">
        <v>185001</v>
      </c>
      <c r="G55009" s="1" t="s">
        <v>184899</v>
      </c>
      <c r="H55009" s="1" t="s">
        <v>184900</v>
      </c>
      <c r="I55009" s="1" t="s">
        <v>182766</v>
      </c>
      <c r="J55009" s="1" t="s">
        <v>185002</v>
      </c>
    </row>
    <row r="55010" spans="1:10" x14ac:dyDescent="0.35">
      <c r="A55010" s="1" t="s">
        <v>30016</v>
      </c>
      <c r="B55010" s="1" t="s">
        <v>182761</v>
      </c>
      <c r="C55010" s="1" t="s">
        <v>160</v>
      </c>
      <c r="D55010" s="1" t="s">
        <v>160370</v>
      </c>
      <c r="E55010" s="1" t="s">
        <v>185003</v>
      </c>
      <c r="F55010" s="1" t="s">
        <v>185004</v>
      </c>
      <c r="G55010" s="1" t="s">
        <v>184899</v>
      </c>
      <c r="H55010" s="1" t="s">
        <v>184900</v>
      </c>
      <c r="I55010" s="1" t="s">
        <v>182766</v>
      </c>
      <c r="J55010" s="1" t="s">
        <v>185005</v>
      </c>
    </row>
    <row r="55011" spans="1:10" x14ac:dyDescent="0.35">
      <c r="A55011" s="1" t="s">
        <v>30016</v>
      </c>
      <c r="B55011" s="1" t="s">
        <v>182761</v>
      </c>
      <c r="C55011" s="1" t="s">
        <v>165</v>
      </c>
      <c r="D55011" s="1" t="s">
        <v>185006</v>
      </c>
      <c r="E55011" s="1" t="s">
        <v>185007</v>
      </c>
      <c r="F55011" s="1" t="s">
        <v>185008</v>
      </c>
      <c r="G55011" s="1" t="s">
        <v>184899</v>
      </c>
      <c r="H55011" s="1" t="s">
        <v>184900</v>
      </c>
      <c r="I55011" s="1" t="s">
        <v>182766</v>
      </c>
      <c r="J55011" s="1" t="s">
        <v>185009</v>
      </c>
    </row>
    <row r="55012" spans="1:10" x14ac:dyDescent="0.35">
      <c r="A55012" s="1" t="s">
        <v>30016</v>
      </c>
      <c r="B55012" s="1" t="s">
        <v>182761</v>
      </c>
      <c r="C55012" s="1" t="s">
        <v>170</v>
      </c>
      <c r="D55012" s="1" t="s">
        <v>152634</v>
      </c>
      <c r="E55012" s="1" t="s">
        <v>185010</v>
      </c>
      <c r="F55012" s="1" t="s">
        <v>185011</v>
      </c>
      <c r="G55012" s="1" t="s">
        <v>184899</v>
      </c>
      <c r="H55012" s="1" t="s">
        <v>184900</v>
      </c>
      <c r="I55012" s="1" t="s">
        <v>182766</v>
      </c>
      <c r="J55012" s="1" t="s">
        <v>185012</v>
      </c>
    </row>
    <row r="55013" spans="1:10" x14ac:dyDescent="0.35">
      <c r="A55013" s="1" t="s">
        <v>46100</v>
      </c>
      <c r="B55013" s="1" t="s">
        <v>182761</v>
      </c>
      <c r="C55013" s="1" t="s">
        <v>8</v>
      </c>
      <c r="D55013" s="1" t="s">
        <v>185013</v>
      </c>
      <c r="E55013" s="1" t="s">
        <v>185014</v>
      </c>
      <c r="F55013" s="1" t="s">
        <v>185015</v>
      </c>
      <c r="G55013" s="1" t="s">
        <v>185016</v>
      </c>
      <c r="H55013" s="1" t="s">
        <v>185017</v>
      </c>
      <c r="I55013" s="1" t="s">
        <v>182766</v>
      </c>
      <c r="J55013" s="1" t="s">
        <v>13</v>
      </c>
    </row>
    <row r="55014" spans="1:10" x14ac:dyDescent="0.35">
      <c r="A55014" s="1" t="s">
        <v>46100</v>
      </c>
      <c r="B55014" s="1" t="s">
        <v>182761</v>
      </c>
      <c r="C55014" s="1" t="s">
        <v>15</v>
      </c>
      <c r="D55014" s="1" t="s">
        <v>185018</v>
      </c>
      <c r="E55014" s="1" t="s">
        <v>185019</v>
      </c>
      <c r="F55014" s="1" t="s">
        <v>185020</v>
      </c>
      <c r="G55014" s="1" t="s">
        <v>185016</v>
      </c>
      <c r="H55014" s="1" t="s">
        <v>185017</v>
      </c>
      <c r="I55014" s="1" t="s">
        <v>182766</v>
      </c>
      <c r="J55014" s="1" t="s">
        <v>185021</v>
      </c>
    </row>
    <row r="55015" spans="1:10" x14ac:dyDescent="0.35">
      <c r="A55015" s="1" t="s">
        <v>46100</v>
      </c>
      <c r="B55015" s="1" t="s">
        <v>182761</v>
      </c>
      <c r="C55015" s="1" t="s">
        <v>20</v>
      </c>
      <c r="D55015" s="1" t="s">
        <v>185022</v>
      </c>
      <c r="E55015" s="1" t="s">
        <v>185023</v>
      </c>
      <c r="F55015" s="1" t="s">
        <v>185024</v>
      </c>
      <c r="G55015" s="1" t="s">
        <v>185016</v>
      </c>
      <c r="H55015" s="1" t="s">
        <v>185017</v>
      </c>
      <c r="I55015" s="1" t="s">
        <v>182766</v>
      </c>
      <c r="J55015" s="1" t="s">
        <v>185025</v>
      </c>
    </row>
    <row r="55016" spans="1:10" x14ac:dyDescent="0.35">
      <c r="A55016" s="1" t="s">
        <v>46100</v>
      </c>
      <c r="B55016" s="1" t="s">
        <v>182761</v>
      </c>
      <c r="C55016" s="1" t="s">
        <v>25</v>
      </c>
      <c r="D55016" s="1" t="s">
        <v>31865</v>
      </c>
      <c r="E55016" s="1" t="s">
        <v>185026</v>
      </c>
      <c r="F55016" s="1" t="s">
        <v>185027</v>
      </c>
      <c r="G55016" s="1" t="s">
        <v>185016</v>
      </c>
      <c r="H55016" s="1" t="s">
        <v>185017</v>
      </c>
      <c r="I55016" s="1" t="s">
        <v>182766</v>
      </c>
      <c r="J55016" s="1" t="s">
        <v>185028</v>
      </c>
    </row>
    <row r="55017" spans="1:10" x14ac:dyDescent="0.35">
      <c r="A55017" s="1" t="s">
        <v>46100</v>
      </c>
      <c r="B55017" s="1" t="s">
        <v>182761</v>
      </c>
      <c r="C55017" s="1" t="s">
        <v>30</v>
      </c>
      <c r="D55017" s="1" t="s">
        <v>177138</v>
      </c>
      <c r="E55017" s="1" t="s">
        <v>185029</v>
      </c>
      <c r="F55017" s="1" t="s">
        <v>185030</v>
      </c>
      <c r="G55017" s="1" t="s">
        <v>185016</v>
      </c>
      <c r="H55017" s="1" t="s">
        <v>185017</v>
      </c>
      <c r="I55017" s="1" t="s">
        <v>182766</v>
      </c>
      <c r="J55017" s="1" t="s">
        <v>185031</v>
      </c>
    </row>
    <row r="55018" spans="1:10" x14ac:dyDescent="0.35">
      <c r="A55018" s="1" t="s">
        <v>46100</v>
      </c>
      <c r="B55018" s="1" t="s">
        <v>182761</v>
      </c>
      <c r="C55018" s="1" t="s">
        <v>35</v>
      </c>
      <c r="D55018" s="1" t="s">
        <v>172649</v>
      </c>
      <c r="E55018" s="1" t="s">
        <v>185032</v>
      </c>
      <c r="F55018" s="1" t="s">
        <v>185033</v>
      </c>
      <c r="G55018" s="1" t="s">
        <v>185016</v>
      </c>
      <c r="H55018" s="1" t="s">
        <v>185017</v>
      </c>
      <c r="I55018" s="1" t="s">
        <v>182766</v>
      </c>
      <c r="J55018" s="1" t="s">
        <v>185034</v>
      </c>
    </row>
    <row r="55019" spans="1:10" x14ac:dyDescent="0.35">
      <c r="A55019" s="1" t="s">
        <v>46100</v>
      </c>
      <c r="B55019" s="1" t="s">
        <v>182761</v>
      </c>
      <c r="C55019" s="1" t="s">
        <v>40</v>
      </c>
      <c r="D55019" s="1" t="s">
        <v>153699</v>
      </c>
      <c r="E55019" s="1" t="s">
        <v>185035</v>
      </c>
      <c r="F55019" s="1" t="s">
        <v>185036</v>
      </c>
      <c r="G55019" s="1" t="s">
        <v>185016</v>
      </c>
      <c r="H55019" s="1" t="s">
        <v>185017</v>
      </c>
      <c r="I55019" s="1" t="s">
        <v>182766</v>
      </c>
      <c r="J55019" s="1" t="s">
        <v>185037</v>
      </c>
    </row>
    <row r="55020" spans="1:10" x14ac:dyDescent="0.35">
      <c r="A55020" s="1" t="s">
        <v>46100</v>
      </c>
      <c r="B55020" s="1" t="s">
        <v>182761</v>
      </c>
      <c r="C55020" s="1" t="s">
        <v>45</v>
      </c>
      <c r="D55020" s="1" t="s">
        <v>74160</v>
      </c>
      <c r="E55020" s="1" t="s">
        <v>185038</v>
      </c>
      <c r="F55020" s="1" t="s">
        <v>185039</v>
      </c>
      <c r="G55020" s="1" t="s">
        <v>185016</v>
      </c>
      <c r="H55020" s="1" t="s">
        <v>185017</v>
      </c>
      <c r="I55020" s="1" t="s">
        <v>182766</v>
      </c>
      <c r="J55020" s="1" t="s">
        <v>185040</v>
      </c>
    </row>
    <row r="55021" spans="1:10" x14ac:dyDescent="0.35">
      <c r="A55021" s="1" t="s">
        <v>46100</v>
      </c>
      <c r="B55021" s="1" t="s">
        <v>182761</v>
      </c>
      <c r="C55021" s="1" t="s">
        <v>50</v>
      </c>
      <c r="D55021" s="1" t="s">
        <v>49712</v>
      </c>
      <c r="E55021" s="1" t="s">
        <v>101475</v>
      </c>
      <c r="F55021" s="1" t="s">
        <v>185041</v>
      </c>
      <c r="G55021" s="1" t="s">
        <v>185016</v>
      </c>
      <c r="H55021" s="1" t="s">
        <v>185017</v>
      </c>
      <c r="I55021" s="1" t="s">
        <v>182766</v>
      </c>
      <c r="J55021" s="1" t="s">
        <v>185042</v>
      </c>
    </row>
    <row r="55022" spans="1:10" x14ac:dyDescent="0.35">
      <c r="A55022" s="1" t="s">
        <v>46100</v>
      </c>
      <c r="B55022" s="1" t="s">
        <v>182761</v>
      </c>
      <c r="C55022" s="1" t="s">
        <v>55</v>
      </c>
      <c r="D55022" s="1" t="s">
        <v>171</v>
      </c>
      <c r="E55022" s="1" t="s">
        <v>185043</v>
      </c>
      <c r="F55022" s="1" t="s">
        <v>185044</v>
      </c>
      <c r="G55022" s="1" t="s">
        <v>185016</v>
      </c>
      <c r="H55022" s="1" t="s">
        <v>185017</v>
      </c>
      <c r="I55022" s="1" t="s">
        <v>182766</v>
      </c>
      <c r="J55022" s="1" t="s">
        <v>185045</v>
      </c>
    </row>
    <row r="55023" spans="1:10" x14ac:dyDescent="0.35">
      <c r="A55023" s="1" t="s">
        <v>46100</v>
      </c>
      <c r="B55023" s="1" t="s">
        <v>182761</v>
      </c>
      <c r="C55023" s="1" t="s">
        <v>60</v>
      </c>
      <c r="D55023" s="1" t="s">
        <v>49951</v>
      </c>
      <c r="E55023" s="1" t="s">
        <v>185046</v>
      </c>
      <c r="F55023" s="1" t="s">
        <v>185047</v>
      </c>
      <c r="G55023" s="1" t="s">
        <v>185016</v>
      </c>
      <c r="H55023" s="1" t="s">
        <v>185017</v>
      </c>
      <c r="I55023" s="1" t="s">
        <v>182766</v>
      </c>
      <c r="J55023" s="1" t="s">
        <v>185048</v>
      </c>
    </row>
    <row r="55024" spans="1:10" x14ac:dyDescent="0.35">
      <c r="A55024" s="1" t="s">
        <v>46100</v>
      </c>
      <c r="B55024" s="1" t="s">
        <v>182761</v>
      </c>
      <c r="C55024" s="1" t="s">
        <v>65</v>
      </c>
      <c r="D55024" s="1" t="s">
        <v>185049</v>
      </c>
      <c r="E55024" s="1" t="s">
        <v>185050</v>
      </c>
      <c r="F55024" s="1" t="s">
        <v>185051</v>
      </c>
      <c r="G55024" s="1" t="s">
        <v>185016</v>
      </c>
      <c r="H55024" s="1" t="s">
        <v>185017</v>
      </c>
      <c r="I55024" s="1" t="s">
        <v>182766</v>
      </c>
      <c r="J55024" s="1" t="s">
        <v>185052</v>
      </c>
    </row>
    <row r="55025" spans="1:10" x14ac:dyDescent="0.35">
      <c r="A55025" s="1" t="s">
        <v>46100</v>
      </c>
      <c r="B55025" s="1" t="s">
        <v>182761</v>
      </c>
      <c r="C55025" s="1" t="s">
        <v>70</v>
      </c>
      <c r="D55025" s="1" t="s">
        <v>113349</v>
      </c>
      <c r="E55025" s="1" t="s">
        <v>185053</v>
      </c>
      <c r="F55025" s="1" t="s">
        <v>185054</v>
      </c>
      <c r="G55025" s="1" t="s">
        <v>185016</v>
      </c>
      <c r="H55025" s="1" t="s">
        <v>185017</v>
      </c>
      <c r="I55025" s="1" t="s">
        <v>182766</v>
      </c>
      <c r="J55025" s="1" t="s">
        <v>185055</v>
      </c>
    </row>
    <row r="55026" spans="1:10" x14ac:dyDescent="0.35">
      <c r="A55026" s="1" t="s">
        <v>46100</v>
      </c>
      <c r="B55026" s="1" t="s">
        <v>182761</v>
      </c>
      <c r="C55026" s="1" t="s">
        <v>75</v>
      </c>
      <c r="D55026" s="1" t="s">
        <v>185056</v>
      </c>
      <c r="E55026" s="1" t="s">
        <v>185057</v>
      </c>
      <c r="F55026" s="1" t="s">
        <v>185058</v>
      </c>
      <c r="G55026" s="1" t="s">
        <v>185016</v>
      </c>
      <c r="H55026" s="1" t="s">
        <v>185017</v>
      </c>
      <c r="I55026" s="1" t="s">
        <v>182766</v>
      </c>
      <c r="J55026" s="1" t="s">
        <v>185059</v>
      </c>
    </row>
    <row r="55027" spans="1:10" x14ac:dyDescent="0.35">
      <c r="A55027" s="1" t="s">
        <v>46100</v>
      </c>
      <c r="B55027" s="1" t="s">
        <v>182761</v>
      </c>
      <c r="C55027" s="1" t="s">
        <v>80</v>
      </c>
      <c r="D55027" s="1" t="s">
        <v>185060</v>
      </c>
      <c r="E55027" s="1" t="s">
        <v>185061</v>
      </c>
      <c r="F55027" s="1" t="s">
        <v>185062</v>
      </c>
      <c r="G55027" s="1" t="s">
        <v>185016</v>
      </c>
      <c r="H55027" s="1" t="s">
        <v>185017</v>
      </c>
      <c r="I55027" s="1" t="s">
        <v>182766</v>
      </c>
      <c r="J55027" s="1" t="s">
        <v>185063</v>
      </c>
    </row>
    <row r="55028" spans="1:10" x14ac:dyDescent="0.35">
      <c r="A55028" s="1" t="s">
        <v>46100</v>
      </c>
      <c r="B55028" s="1" t="s">
        <v>182761</v>
      </c>
      <c r="C55028" s="1" t="s">
        <v>85</v>
      </c>
      <c r="D55028" s="1" t="s">
        <v>82269</v>
      </c>
      <c r="E55028" s="1" t="s">
        <v>185064</v>
      </c>
      <c r="F55028" s="1" t="s">
        <v>185065</v>
      </c>
      <c r="G55028" s="1" t="s">
        <v>185016</v>
      </c>
      <c r="H55028" s="1" t="s">
        <v>185017</v>
      </c>
      <c r="I55028" s="1" t="s">
        <v>182766</v>
      </c>
      <c r="J55028" s="1" t="s">
        <v>185066</v>
      </c>
    </row>
    <row r="55029" spans="1:10" x14ac:dyDescent="0.35">
      <c r="A55029" s="1" t="s">
        <v>46100</v>
      </c>
      <c r="B55029" s="1" t="s">
        <v>182761</v>
      </c>
      <c r="C55029" s="1" t="s">
        <v>90</v>
      </c>
      <c r="D55029" s="1" t="s">
        <v>185067</v>
      </c>
      <c r="E55029" s="1" t="s">
        <v>185068</v>
      </c>
      <c r="F55029" s="1" t="s">
        <v>185069</v>
      </c>
      <c r="G55029" s="1" t="s">
        <v>185016</v>
      </c>
      <c r="H55029" s="1" t="s">
        <v>185017</v>
      </c>
      <c r="I55029" s="1" t="s">
        <v>182766</v>
      </c>
      <c r="J55029" s="1" t="s">
        <v>185070</v>
      </c>
    </row>
    <row r="55030" spans="1:10" x14ac:dyDescent="0.35">
      <c r="A55030" s="1" t="s">
        <v>46100</v>
      </c>
      <c r="B55030" s="1" t="s">
        <v>182761</v>
      </c>
      <c r="C55030" s="1" t="s">
        <v>95</v>
      </c>
      <c r="D55030" s="1" t="s">
        <v>185071</v>
      </c>
      <c r="E55030" s="1" t="s">
        <v>185072</v>
      </c>
      <c r="F55030" s="1" t="s">
        <v>185073</v>
      </c>
      <c r="G55030" s="1" t="s">
        <v>185016</v>
      </c>
      <c r="H55030" s="1" t="s">
        <v>185017</v>
      </c>
      <c r="I55030" s="1" t="s">
        <v>182766</v>
      </c>
      <c r="J55030" s="1" t="s">
        <v>185074</v>
      </c>
    </row>
    <row r="55031" spans="1:10" x14ac:dyDescent="0.35">
      <c r="A55031" s="1" t="s">
        <v>46100</v>
      </c>
      <c r="B55031" s="1" t="s">
        <v>182761</v>
      </c>
      <c r="C55031" s="1" t="s">
        <v>100</v>
      </c>
      <c r="D55031" s="1" t="s">
        <v>109096</v>
      </c>
      <c r="E55031" s="1" t="s">
        <v>185075</v>
      </c>
      <c r="F55031" s="1" t="s">
        <v>185076</v>
      </c>
      <c r="G55031" s="1" t="s">
        <v>185016</v>
      </c>
      <c r="H55031" s="1" t="s">
        <v>185017</v>
      </c>
      <c r="I55031" s="1" t="s">
        <v>182766</v>
      </c>
      <c r="J55031" s="1" t="s">
        <v>185077</v>
      </c>
    </row>
    <row r="55032" spans="1:10" x14ac:dyDescent="0.35">
      <c r="A55032" s="1" t="s">
        <v>46100</v>
      </c>
      <c r="B55032" s="1" t="s">
        <v>182761</v>
      </c>
      <c r="C55032" s="1" t="s">
        <v>105</v>
      </c>
      <c r="D55032" s="1" t="s">
        <v>5915</v>
      </c>
      <c r="E55032" s="1" t="s">
        <v>185078</v>
      </c>
      <c r="F55032" s="1" t="s">
        <v>185079</v>
      </c>
      <c r="G55032" s="1" t="s">
        <v>185016</v>
      </c>
      <c r="H55032" s="1" t="s">
        <v>185017</v>
      </c>
      <c r="I55032" s="1" t="s">
        <v>182766</v>
      </c>
      <c r="J55032" s="1" t="s">
        <v>185080</v>
      </c>
    </row>
    <row r="55033" spans="1:10" x14ac:dyDescent="0.35">
      <c r="A55033" s="1" t="s">
        <v>46100</v>
      </c>
      <c r="B55033" s="1" t="s">
        <v>182761</v>
      </c>
      <c r="C55033" s="1" t="s">
        <v>110</v>
      </c>
      <c r="D55033" s="1" t="s">
        <v>16806</v>
      </c>
      <c r="E55033" s="1" t="s">
        <v>185081</v>
      </c>
      <c r="F55033" s="1" t="s">
        <v>185082</v>
      </c>
      <c r="G55033" s="1" t="s">
        <v>185016</v>
      </c>
      <c r="H55033" s="1" t="s">
        <v>185017</v>
      </c>
      <c r="I55033" s="1" t="s">
        <v>182766</v>
      </c>
      <c r="J55033" s="1" t="s">
        <v>185083</v>
      </c>
    </row>
    <row r="55034" spans="1:10" x14ac:dyDescent="0.35">
      <c r="A55034" s="1" t="s">
        <v>46100</v>
      </c>
      <c r="B55034" s="1" t="s">
        <v>182761</v>
      </c>
      <c r="C55034" s="1" t="s">
        <v>115</v>
      </c>
      <c r="D55034" s="1" t="s">
        <v>109008</v>
      </c>
      <c r="E55034" s="1" t="s">
        <v>185084</v>
      </c>
      <c r="F55034" s="1" t="s">
        <v>185085</v>
      </c>
      <c r="G55034" s="1" t="s">
        <v>185016</v>
      </c>
      <c r="H55034" s="1" t="s">
        <v>185017</v>
      </c>
      <c r="I55034" s="1" t="s">
        <v>182766</v>
      </c>
      <c r="J55034" s="1" t="s">
        <v>185086</v>
      </c>
    </row>
    <row r="55035" spans="1:10" x14ac:dyDescent="0.35">
      <c r="A55035" s="1" t="s">
        <v>46100</v>
      </c>
      <c r="B55035" s="1" t="s">
        <v>182761</v>
      </c>
      <c r="C55035" s="1" t="s">
        <v>120</v>
      </c>
      <c r="D55035" s="1" t="s">
        <v>126676</v>
      </c>
      <c r="E55035" s="1" t="s">
        <v>185087</v>
      </c>
      <c r="F55035" s="1" t="s">
        <v>185088</v>
      </c>
      <c r="G55035" s="1" t="s">
        <v>185016</v>
      </c>
      <c r="H55035" s="1" t="s">
        <v>185017</v>
      </c>
      <c r="I55035" s="1" t="s">
        <v>182766</v>
      </c>
      <c r="J55035" s="1" t="s">
        <v>185089</v>
      </c>
    </row>
    <row r="55036" spans="1:10" x14ac:dyDescent="0.35">
      <c r="A55036" s="1" t="s">
        <v>46100</v>
      </c>
      <c r="B55036" s="1" t="s">
        <v>182761</v>
      </c>
      <c r="C55036" s="1" t="s">
        <v>125</v>
      </c>
      <c r="D55036" s="1" t="s">
        <v>152553</v>
      </c>
      <c r="E55036" s="1" t="s">
        <v>185090</v>
      </c>
      <c r="F55036" s="1" t="s">
        <v>185091</v>
      </c>
      <c r="G55036" s="1" t="s">
        <v>185016</v>
      </c>
      <c r="H55036" s="1" t="s">
        <v>185017</v>
      </c>
      <c r="I55036" s="1" t="s">
        <v>182766</v>
      </c>
      <c r="J55036" s="1" t="s">
        <v>185092</v>
      </c>
    </row>
    <row r="55037" spans="1:10" x14ac:dyDescent="0.35">
      <c r="A55037" s="1" t="s">
        <v>46100</v>
      </c>
      <c r="B55037" s="1" t="s">
        <v>182761</v>
      </c>
      <c r="C55037" s="1" t="s">
        <v>130</v>
      </c>
      <c r="D55037" s="1" t="s">
        <v>100130</v>
      </c>
      <c r="E55037" s="1" t="s">
        <v>185093</v>
      </c>
      <c r="F55037" s="1" t="s">
        <v>185094</v>
      </c>
      <c r="G55037" s="1" t="s">
        <v>185016</v>
      </c>
      <c r="H55037" s="1" t="s">
        <v>185017</v>
      </c>
      <c r="I55037" s="1" t="s">
        <v>182766</v>
      </c>
      <c r="J55037" s="1" t="s">
        <v>185095</v>
      </c>
    </row>
    <row r="55038" spans="1:10" x14ac:dyDescent="0.35">
      <c r="A55038" s="1" t="s">
        <v>46100</v>
      </c>
      <c r="B55038" s="1" t="s">
        <v>182761</v>
      </c>
      <c r="C55038" s="1" t="s">
        <v>135</v>
      </c>
      <c r="D55038" s="1" t="s">
        <v>185096</v>
      </c>
      <c r="E55038" s="1" t="s">
        <v>185097</v>
      </c>
      <c r="F55038" s="1" t="s">
        <v>185098</v>
      </c>
      <c r="G55038" s="1" t="s">
        <v>185016</v>
      </c>
      <c r="H55038" s="1" t="s">
        <v>185017</v>
      </c>
      <c r="I55038" s="1" t="s">
        <v>182766</v>
      </c>
      <c r="J55038" s="1" t="s">
        <v>185099</v>
      </c>
    </row>
    <row r="55039" spans="1:10" x14ac:dyDescent="0.35">
      <c r="A55039" s="1" t="s">
        <v>46100</v>
      </c>
      <c r="B55039" s="1" t="s">
        <v>182761</v>
      </c>
      <c r="C55039" s="1" t="s">
        <v>140</v>
      </c>
      <c r="D55039" s="1" t="s">
        <v>32747</v>
      </c>
      <c r="E55039" s="1" t="s">
        <v>185100</v>
      </c>
      <c r="F55039" s="1" t="s">
        <v>185101</v>
      </c>
      <c r="G55039" s="1" t="s">
        <v>185016</v>
      </c>
      <c r="H55039" s="1" t="s">
        <v>185017</v>
      </c>
      <c r="I55039" s="1" t="s">
        <v>182766</v>
      </c>
      <c r="J55039" s="1" t="s">
        <v>185102</v>
      </c>
    </row>
    <row r="55040" spans="1:10" x14ac:dyDescent="0.35">
      <c r="A55040" s="1" t="s">
        <v>46100</v>
      </c>
      <c r="B55040" s="1" t="s">
        <v>182761</v>
      </c>
      <c r="C55040" s="1" t="s">
        <v>145</v>
      </c>
      <c r="D55040" s="1" t="s">
        <v>77327</v>
      </c>
      <c r="E55040" s="1" t="s">
        <v>185103</v>
      </c>
      <c r="F55040" s="1" t="s">
        <v>185104</v>
      </c>
      <c r="G55040" s="1" t="s">
        <v>185016</v>
      </c>
      <c r="H55040" s="1" t="s">
        <v>185017</v>
      </c>
      <c r="I55040" s="1" t="s">
        <v>182766</v>
      </c>
      <c r="J55040" s="1" t="s">
        <v>185105</v>
      </c>
    </row>
    <row r="55041" spans="1:10" x14ac:dyDescent="0.35">
      <c r="A55041" s="1" t="s">
        <v>46100</v>
      </c>
      <c r="B55041" s="1" t="s">
        <v>182761</v>
      </c>
      <c r="C55041" s="1" t="s">
        <v>150</v>
      </c>
      <c r="D55041" s="1" t="s">
        <v>59261</v>
      </c>
      <c r="E55041" s="1" t="s">
        <v>185106</v>
      </c>
      <c r="F55041" s="1" t="s">
        <v>185107</v>
      </c>
      <c r="G55041" s="1" t="s">
        <v>185016</v>
      </c>
      <c r="H55041" s="1" t="s">
        <v>185017</v>
      </c>
      <c r="I55041" s="1" t="s">
        <v>182766</v>
      </c>
      <c r="J55041" s="1" t="s">
        <v>185108</v>
      </c>
    </row>
    <row r="55042" spans="1:10" x14ac:dyDescent="0.35">
      <c r="A55042" s="1" t="s">
        <v>46100</v>
      </c>
      <c r="B55042" s="1" t="s">
        <v>182761</v>
      </c>
      <c r="C55042" s="1" t="s">
        <v>155</v>
      </c>
      <c r="D55042" s="1" t="s">
        <v>185109</v>
      </c>
      <c r="E55042" s="1" t="s">
        <v>185110</v>
      </c>
      <c r="F55042" s="1" t="s">
        <v>185111</v>
      </c>
      <c r="G55042" s="1" t="s">
        <v>185016</v>
      </c>
      <c r="H55042" s="1" t="s">
        <v>185017</v>
      </c>
      <c r="I55042" s="1" t="s">
        <v>182766</v>
      </c>
      <c r="J55042" s="1" t="s">
        <v>185112</v>
      </c>
    </row>
    <row r="55043" spans="1:10" x14ac:dyDescent="0.35">
      <c r="A55043" s="1" t="s">
        <v>46100</v>
      </c>
      <c r="B55043" s="1" t="s">
        <v>182761</v>
      </c>
      <c r="C55043" s="1" t="s">
        <v>160</v>
      </c>
      <c r="D55043" s="1" t="s">
        <v>68663</v>
      </c>
      <c r="E55043" s="1" t="s">
        <v>185113</v>
      </c>
      <c r="F55043" s="1" t="s">
        <v>185114</v>
      </c>
      <c r="G55043" s="1" t="s">
        <v>185016</v>
      </c>
      <c r="H55043" s="1" t="s">
        <v>185017</v>
      </c>
      <c r="I55043" s="1" t="s">
        <v>182766</v>
      </c>
      <c r="J55043" s="1" t="s">
        <v>185115</v>
      </c>
    </row>
    <row r="55044" spans="1:10" x14ac:dyDescent="0.35">
      <c r="A55044" s="1" t="s">
        <v>46100</v>
      </c>
      <c r="B55044" s="1" t="s">
        <v>182761</v>
      </c>
      <c r="C55044" s="1" t="s">
        <v>165</v>
      </c>
      <c r="D55044" s="1" t="s">
        <v>185116</v>
      </c>
      <c r="E55044" s="1" t="s">
        <v>185117</v>
      </c>
      <c r="F55044" s="1" t="s">
        <v>185118</v>
      </c>
      <c r="G55044" s="1" t="s">
        <v>185016</v>
      </c>
      <c r="H55044" s="1" t="s">
        <v>185017</v>
      </c>
      <c r="I55044" s="1" t="s">
        <v>182766</v>
      </c>
      <c r="J55044" s="1" t="s">
        <v>185119</v>
      </c>
    </row>
    <row r="55045" spans="1:10" x14ac:dyDescent="0.35">
      <c r="A55045" s="1" t="s">
        <v>46100</v>
      </c>
      <c r="B55045" s="1" t="s">
        <v>182761</v>
      </c>
      <c r="C55045" s="1" t="s">
        <v>170</v>
      </c>
      <c r="D55045" s="1" t="s">
        <v>127809</v>
      </c>
      <c r="E55045" s="1" t="s">
        <v>185120</v>
      </c>
      <c r="F55045" s="1" t="s">
        <v>185121</v>
      </c>
      <c r="G55045" s="1" t="s">
        <v>185016</v>
      </c>
      <c r="H55045" s="1" t="s">
        <v>185017</v>
      </c>
      <c r="I55045" s="1" t="s">
        <v>182766</v>
      </c>
      <c r="J55045" s="1" t="s">
        <v>185122</v>
      </c>
    </row>
    <row r="55046" spans="1:10" x14ac:dyDescent="0.35">
      <c r="A55046" s="1" t="s">
        <v>14991</v>
      </c>
      <c r="B55046" s="1" t="s">
        <v>182761</v>
      </c>
      <c r="C55046" s="1" t="s">
        <v>8</v>
      </c>
      <c r="D55046" s="1" t="s">
        <v>28706</v>
      </c>
      <c r="E55046" s="1" t="s">
        <v>185123</v>
      </c>
      <c r="F55046" s="1" t="s">
        <v>185124</v>
      </c>
      <c r="G55046" s="1" t="s">
        <v>185125</v>
      </c>
      <c r="H55046" s="1" t="s">
        <v>185126</v>
      </c>
      <c r="I55046" s="1" t="s">
        <v>182766</v>
      </c>
      <c r="J55046" s="1" t="s">
        <v>13</v>
      </c>
    </row>
    <row r="55047" spans="1:10" x14ac:dyDescent="0.35">
      <c r="A55047" s="1" t="s">
        <v>14991</v>
      </c>
      <c r="B55047" s="1" t="s">
        <v>182761</v>
      </c>
      <c r="C55047" s="1" t="s">
        <v>15</v>
      </c>
      <c r="D55047" s="1" t="s">
        <v>66</v>
      </c>
      <c r="E55047" s="1" t="s">
        <v>185127</v>
      </c>
      <c r="F55047" s="1" t="s">
        <v>185128</v>
      </c>
      <c r="G55047" s="1" t="s">
        <v>185125</v>
      </c>
      <c r="H55047" s="1" t="s">
        <v>185126</v>
      </c>
      <c r="I55047" s="1" t="s">
        <v>182766</v>
      </c>
      <c r="J55047" s="1" t="s">
        <v>185129</v>
      </c>
    </row>
    <row r="55048" spans="1:10" x14ac:dyDescent="0.35">
      <c r="A55048" s="1" t="s">
        <v>14991</v>
      </c>
      <c r="B55048" s="1" t="s">
        <v>182761</v>
      </c>
      <c r="C55048" s="1" t="s">
        <v>20</v>
      </c>
      <c r="D55048" s="1" t="s">
        <v>17794</v>
      </c>
      <c r="E55048" s="1" t="s">
        <v>185130</v>
      </c>
      <c r="F55048" s="1" t="s">
        <v>185131</v>
      </c>
      <c r="G55048" s="1" t="s">
        <v>185125</v>
      </c>
      <c r="H55048" s="1" t="s">
        <v>185126</v>
      </c>
      <c r="I55048" s="1" t="s">
        <v>182766</v>
      </c>
      <c r="J55048" s="1" t="s">
        <v>185132</v>
      </c>
    </row>
    <row r="55049" spans="1:10" x14ac:dyDescent="0.35">
      <c r="A55049" s="1" t="s">
        <v>14991</v>
      </c>
      <c r="B55049" s="1" t="s">
        <v>182761</v>
      </c>
      <c r="C55049" s="1" t="s">
        <v>25</v>
      </c>
      <c r="D55049" s="1" t="s">
        <v>4169</v>
      </c>
      <c r="E55049" s="1" t="s">
        <v>185133</v>
      </c>
      <c r="F55049" s="1" t="s">
        <v>185134</v>
      </c>
      <c r="G55049" s="1" t="s">
        <v>185125</v>
      </c>
      <c r="H55049" s="1" t="s">
        <v>185126</v>
      </c>
      <c r="I55049" s="1" t="s">
        <v>182766</v>
      </c>
      <c r="J55049" s="1" t="s">
        <v>185135</v>
      </c>
    </row>
    <row r="55050" spans="1:10" x14ac:dyDescent="0.35">
      <c r="A55050" s="1" t="s">
        <v>14991</v>
      </c>
      <c r="B55050" s="1" t="s">
        <v>182761</v>
      </c>
      <c r="C55050" s="1" t="s">
        <v>30</v>
      </c>
      <c r="D55050" s="1" t="s">
        <v>35486</v>
      </c>
      <c r="E55050" s="1" t="s">
        <v>185136</v>
      </c>
      <c r="F55050" s="1" t="s">
        <v>185137</v>
      </c>
      <c r="G55050" s="1" t="s">
        <v>185125</v>
      </c>
      <c r="H55050" s="1" t="s">
        <v>185126</v>
      </c>
      <c r="I55050" s="1" t="s">
        <v>182766</v>
      </c>
      <c r="J55050" s="1" t="s">
        <v>185138</v>
      </c>
    </row>
    <row r="55051" spans="1:10" x14ac:dyDescent="0.35">
      <c r="A55051" s="1" t="s">
        <v>14991</v>
      </c>
      <c r="B55051" s="1" t="s">
        <v>182761</v>
      </c>
      <c r="C55051" s="1" t="s">
        <v>35</v>
      </c>
      <c r="D55051" s="1" t="s">
        <v>73466</v>
      </c>
      <c r="E55051" s="1" t="s">
        <v>185139</v>
      </c>
      <c r="F55051" s="1" t="s">
        <v>185140</v>
      </c>
      <c r="G55051" s="1" t="s">
        <v>185125</v>
      </c>
      <c r="H55051" s="1" t="s">
        <v>185126</v>
      </c>
      <c r="I55051" s="1" t="s">
        <v>182766</v>
      </c>
      <c r="J55051" s="1" t="s">
        <v>185141</v>
      </c>
    </row>
    <row r="55052" spans="1:10" x14ac:dyDescent="0.35">
      <c r="A55052" s="1" t="s">
        <v>14991</v>
      </c>
      <c r="B55052" s="1" t="s">
        <v>182761</v>
      </c>
      <c r="C55052" s="1" t="s">
        <v>40</v>
      </c>
      <c r="D55052" s="1" t="s">
        <v>160468</v>
      </c>
      <c r="E55052" s="1" t="s">
        <v>185142</v>
      </c>
      <c r="F55052" s="1" t="s">
        <v>185143</v>
      </c>
      <c r="G55052" s="1" t="s">
        <v>185125</v>
      </c>
      <c r="H55052" s="1" t="s">
        <v>185126</v>
      </c>
      <c r="I55052" s="1" t="s">
        <v>182766</v>
      </c>
      <c r="J55052" s="1" t="s">
        <v>185144</v>
      </c>
    </row>
    <row r="55053" spans="1:10" x14ac:dyDescent="0.35">
      <c r="A55053" s="1" t="s">
        <v>14991</v>
      </c>
      <c r="B55053" s="1" t="s">
        <v>182761</v>
      </c>
      <c r="C55053" s="1" t="s">
        <v>45</v>
      </c>
      <c r="D55053" s="1" t="s">
        <v>5171</v>
      </c>
      <c r="E55053" s="1" t="s">
        <v>185145</v>
      </c>
      <c r="F55053" s="1" t="s">
        <v>185146</v>
      </c>
      <c r="G55053" s="1" t="s">
        <v>185125</v>
      </c>
      <c r="H55053" s="1" t="s">
        <v>185126</v>
      </c>
      <c r="I55053" s="1" t="s">
        <v>182766</v>
      </c>
      <c r="J55053" s="1" t="s">
        <v>185147</v>
      </c>
    </row>
    <row r="55054" spans="1:10" x14ac:dyDescent="0.35">
      <c r="A55054" s="1" t="s">
        <v>14991</v>
      </c>
      <c r="B55054" s="1" t="s">
        <v>182761</v>
      </c>
      <c r="C55054" s="1" t="s">
        <v>50</v>
      </c>
      <c r="D55054" s="1" t="s">
        <v>185148</v>
      </c>
      <c r="E55054" s="1" t="s">
        <v>185149</v>
      </c>
      <c r="F55054" s="1" t="s">
        <v>185150</v>
      </c>
      <c r="G55054" s="1" t="s">
        <v>185125</v>
      </c>
      <c r="H55054" s="1" t="s">
        <v>185126</v>
      </c>
      <c r="I55054" s="1" t="s">
        <v>182766</v>
      </c>
      <c r="J55054" s="1" t="s">
        <v>185151</v>
      </c>
    </row>
    <row r="55055" spans="1:10" x14ac:dyDescent="0.35">
      <c r="A55055" s="1" t="s">
        <v>14991</v>
      </c>
      <c r="B55055" s="1" t="s">
        <v>182761</v>
      </c>
      <c r="C55055" s="1" t="s">
        <v>55</v>
      </c>
      <c r="D55055" s="1" t="s">
        <v>123341</v>
      </c>
      <c r="E55055" s="1" t="s">
        <v>185152</v>
      </c>
      <c r="F55055" s="1" t="s">
        <v>185153</v>
      </c>
      <c r="G55055" s="1" t="s">
        <v>185125</v>
      </c>
      <c r="H55055" s="1" t="s">
        <v>185126</v>
      </c>
      <c r="I55055" s="1" t="s">
        <v>182766</v>
      </c>
      <c r="J55055" s="1" t="s">
        <v>185154</v>
      </c>
    </row>
    <row r="55056" spans="1:10" x14ac:dyDescent="0.35">
      <c r="A55056" s="1" t="s">
        <v>14991</v>
      </c>
      <c r="B55056" s="1" t="s">
        <v>182761</v>
      </c>
      <c r="C55056" s="1" t="s">
        <v>60</v>
      </c>
      <c r="D55056" s="1" t="s">
        <v>35836</v>
      </c>
      <c r="E55056" s="1" t="s">
        <v>185155</v>
      </c>
      <c r="F55056" s="1" t="s">
        <v>185156</v>
      </c>
      <c r="G55056" s="1" t="s">
        <v>185125</v>
      </c>
      <c r="H55056" s="1" t="s">
        <v>185126</v>
      </c>
      <c r="I55056" s="1" t="s">
        <v>182766</v>
      </c>
      <c r="J55056" s="1" t="s">
        <v>185157</v>
      </c>
    </row>
    <row r="55057" spans="1:10" x14ac:dyDescent="0.35">
      <c r="A55057" s="1" t="s">
        <v>14991</v>
      </c>
      <c r="B55057" s="1" t="s">
        <v>182761</v>
      </c>
      <c r="C55057" s="1" t="s">
        <v>65</v>
      </c>
      <c r="D55057" s="1" t="s">
        <v>185158</v>
      </c>
      <c r="E55057" s="1" t="s">
        <v>185159</v>
      </c>
      <c r="F55057" s="1" t="s">
        <v>185160</v>
      </c>
      <c r="G55057" s="1" t="s">
        <v>185125</v>
      </c>
      <c r="H55057" s="1" t="s">
        <v>185126</v>
      </c>
      <c r="I55057" s="1" t="s">
        <v>182766</v>
      </c>
      <c r="J55057" s="1" t="s">
        <v>185161</v>
      </c>
    </row>
    <row r="55058" spans="1:10" x14ac:dyDescent="0.35">
      <c r="A55058" s="1" t="s">
        <v>14991</v>
      </c>
      <c r="B55058" s="1" t="s">
        <v>182761</v>
      </c>
      <c r="C55058" s="1" t="s">
        <v>70</v>
      </c>
      <c r="D55058" s="1" t="s">
        <v>185162</v>
      </c>
      <c r="E55058" s="1" t="s">
        <v>185163</v>
      </c>
      <c r="F55058" s="1" t="s">
        <v>185164</v>
      </c>
      <c r="G55058" s="1" t="s">
        <v>185125</v>
      </c>
      <c r="H55058" s="1" t="s">
        <v>185126</v>
      </c>
      <c r="I55058" s="1" t="s">
        <v>182766</v>
      </c>
      <c r="J55058" s="1" t="s">
        <v>185165</v>
      </c>
    </row>
    <row r="55059" spans="1:10" x14ac:dyDescent="0.35">
      <c r="A55059" s="1" t="s">
        <v>14991</v>
      </c>
      <c r="B55059" s="1" t="s">
        <v>182761</v>
      </c>
      <c r="C55059" s="1" t="s">
        <v>75</v>
      </c>
      <c r="D55059" s="1" t="s">
        <v>48746</v>
      </c>
      <c r="E55059" s="1" t="s">
        <v>185166</v>
      </c>
      <c r="F55059" s="1" t="s">
        <v>185167</v>
      </c>
      <c r="G55059" s="1" t="s">
        <v>185125</v>
      </c>
      <c r="H55059" s="1" t="s">
        <v>185126</v>
      </c>
      <c r="I55059" s="1" t="s">
        <v>182766</v>
      </c>
      <c r="J55059" s="1" t="s">
        <v>185168</v>
      </c>
    </row>
    <row r="55060" spans="1:10" x14ac:dyDescent="0.35">
      <c r="A55060" s="1" t="s">
        <v>14991</v>
      </c>
      <c r="B55060" s="1" t="s">
        <v>182761</v>
      </c>
      <c r="C55060" s="1" t="s">
        <v>80</v>
      </c>
      <c r="D55060" s="1" t="s">
        <v>185169</v>
      </c>
      <c r="E55060" s="1" t="s">
        <v>185170</v>
      </c>
      <c r="F55060" s="1" t="s">
        <v>185171</v>
      </c>
      <c r="G55060" s="1" t="s">
        <v>185125</v>
      </c>
      <c r="H55060" s="1" t="s">
        <v>185126</v>
      </c>
      <c r="I55060" s="1" t="s">
        <v>182766</v>
      </c>
      <c r="J55060" s="1" t="s">
        <v>185172</v>
      </c>
    </row>
    <row r="55061" spans="1:10" x14ac:dyDescent="0.35">
      <c r="A55061" s="1" t="s">
        <v>14991</v>
      </c>
      <c r="B55061" s="1" t="s">
        <v>182761</v>
      </c>
      <c r="C55061" s="1" t="s">
        <v>85</v>
      </c>
      <c r="D55061" s="1" t="s">
        <v>178784</v>
      </c>
      <c r="E55061" s="1" t="s">
        <v>185173</v>
      </c>
      <c r="F55061" s="1" t="s">
        <v>185174</v>
      </c>
      <c r="G55061" s="1" t="s">
        <v>185125</v>
      </c>
      <c r="H55061" s="1" t="s">
        <v>185126</v>
      </c>
      <c r="I55061" s="1" t="s">
        <v>182766</v>
      </c>
      <c r="J55061" s="1" t="s">
        <v>185175</v>
      </c>
    </row>
    <row r="55062" spans="1:10" x14ac:dyDescent="0.35">
      <c r="A55062" s="1" t="s">
        <v>14991</v>
      </c>
      <c r="B55062" s="1" t="s">
        <v>182761</v>
      </c>
      <c r="C55062" s="1" t="s">
        <v>90</v>
      </c>
      <c r="D55062" s="1" t="s">
        <v>13295</v>
      </c>
      <c r="E55062" s="1" t="s">
        <v>185176</v>
      </c>
      <c r="F55062" s="1" t="s">
        <v>185177</v>
      </c>
      <c r="G55062" s="1" t="s">
        <v>185125</v>
      </c>
      <c r="H55062" s="1" t="s">
        <v>185126</v>
      </c>
      <c r="I55062" s="1" t="s">
        <v>182766</v>
      </c>
      <c r="J55062" s="1" t="s">
        <v>185178</v>
      </c>
    </row>
    <row r="55063" spans="1:10" x14ac:dyDescent="0.35">
      <c r="A55063" s="1" t="s">
        <v>14991</v>
      </c>
      <c r="B55063" s="1" t="s">
        <v>182761</v>
      </c>
      <c r="C55063" s="1" t="s">
        <v>95</v>
      </c>
      <c r="D55063" s="1" t="s">
        <v>185179</v>
      </c>
      <c r="E55063" s="1" t="s">
        <v>185180</v>
      </c>
      <c r="F55063" s="1" t="s">
        <v>185181</v>
      </c>
      <c r="G55063" s="1" t="s">
        <v>185125</v>
      </c>
      <c r="H55063" s="1" t="s">
        <v>185126</v>
      </c>
      <c r="I55063" s="1" t="s">
        <v>182766</v>
      </c>
      <c r="J55063" s="1" t="s">
        <v>185182</v>
      </c>
    </row>
    <row r="55064" spans="1:10" x14ac:dyDescent="0.35">
      <c r="A55064" s="1" t="s">
        <v>14991</v>
      </c>
      <c r="B55064" s="1" t="s">
        <v>182761</v>
      </c>
      <c r="C55064" s="1" t="s">
        <v>100</v>
      </c>
      <c r="D55064" s="1" t="s">
        <v>142047</v>
      </c>
      <c r="E55064" s="1" t="s">
        <v>185183</v>
      </c>
      <c r="F55064" s="1" t="s">
        <v>185184</v>
      </c>
      <c r="G55064" s="1" t="s">
        <v>185125</v>
      </c>
      <c r="H55064" s="1" t="s">
        <v>185126</v>
      </c>
      <c r="I55064" s="1" t="s">
        <v>182766</v>
      </c>
      <c r="J55064" s="1" t="s">
        <v>185185</v>
      </c>
    </row>
    <row r="55065" spans="1:10" x14ac:dyDescent="0.35">
      <c r="A55065" s="1" t="s">
        <v>14991</v>
      </c>
      <c r="B55065" s="1" t="s">
        <v>182761</v>
      </c>
      <c r="C55065" s="1" t="s">
        <v>105</v>
      </c>
      <c r="D55065" s="1" t="s">
        <v>33730</v>
      </c>
      <c r="E55065" s="1" t="s">
        <v>185186</v>
      </c>
      <c r="F55065" s="1" t="s">
        <v>185187</v>
      </c>
      <c r="G55065" s="1" t="s">
        <v>185125</v>
      </c>
      <c r="H55065" s="1" t="s">
        <v>185126</v>
      </c>
      <c r="I55065" s="1" t="s">
        <v>182766</v>
      </c>
      <c r="J55065" s="1" t="s">
        <v>185188</v>
      </c>
    </row>
    <row r="55066" spans="1:10" x14ac:dyDescent="0.35">
      <c r="A55066" s="1" t="s">
        <v>14991</v>
      </c>
      <c r="B55066" s="1" t="s">
        <v>182761</v>
      </c>
      <c r="C55066" s="1" t="s">
        <v>110</v>
      </c>
      <c r="D55066" s="1" t="s">
        <v>17613</v>
      </c>
      <c r="E55066" s="1" t="s">
        <v>185189</v>
      </c>
      <c r="F55066" s="1" t="s">
        <v>185190</v>
      </c>
      <c r="G55066" s="1" t="s">
        <v>185125</v>
      </c>
      <c r="H55066" s="1" t="s">
        <v>185126</v>
      </c>
      <c r="I55066" s="1" t="s">
        <v>182766</v>
      </c>
      <c r="J55066" s="1" t="s">
        <v>185191</v>
      </c>
    </row>
    <row r="55067" spans="1:10" x14ac:dyDescent="0.35">
      <c r="A55067" s="1" t="s">
        <v>14991</v>
      </c>
      <c r="B55067" s="1" t="s">
        <v>182761</v>
      </c>
      <c r="C55067" s="1" t="s">
        <v>115</v>
      </c>
      <c r="D55067" s="1" t="s">
        <v>185192</v>
      </c>
      <c r="E55067" s="1" t="s">
        <v>185193</v>
      </c>
      <c r="F55067" s="1" t="s">
        <v>185194</v>
      </c>
      <c r="G55067" s="1" t="s">
        <v>185125</v>
      </c>
      <c r="H55067" s="1" t="s">
        <v>185126</v>
      </c>
      <c r="I55067" s="1" t="s">
        <v>182766</v>
      </c>
      <c r="J55067" s="1" t="s">
        <v>185195</v>
      </c>
    </row>
    <row r="55068" spans="1:10" x14ac:dyDescent="0.35">
      <c r="A55068" s="1" t="s">
        <v>14991</v>
      </c>
      <c r="B55068" s="1" t="s">
        <v>182761</v>
      </c>
      <c r="C55068" s="1" t="s">
        <v>120</v>
      </c>
      <c r="D55068" s="1" t="s">
        <v>185196</v>
      </c>
      <c r="E55068" s="1" t="s">
        <v>185197</v>
      </c>
      <c r="F55068" s="1" t="s">
        <v>185198</v>
      </c>
      <c r="G55068" s="1" t="s">
        <v>185125</v>
      </c>
      <c r="H55068" s="1" t="s">
        <v>185126</v>
      </c>
      <c r="I55068" s="1" t="s">
        <v>182766</v>
      </c>
      <c r="J55068" s="1" t="s">
        <v>185199</v>
      </c>
    </row>
    <row r="55069" spans="1:10" x14ac:dyDescent="0.35">
      <c r="A55069" s="1" t="s">
        <v>14991</v>
      </c>
      <c r="B55069" s="1" t="s">
        <v>182761</v>
      </c>
      <c r="C55069" s="1" t="s">
        <v>125</v>
      </c>
      <c r="D55069" s="1" t="s">
        <v>185200</v>
      </c>
      <c r="E55069" s="1" t="s">
        <v>185201</v>
      </c>
      <c r="F55069" s="1" t="s">
        <v>185202</v>
      </c>
      <c r="G55069" s="1" t="s">
        <v>185125</v>
      </c>
      <c r="H55069" s="1" t="s">
        <v>185126</v>
      </c>
      <c r="I55069" s="1" t="s">
        <v>182766</v>
      </c>
      <c r="J55069" s="1" t="s">
        <v>185203</v>
      </c>
    </row>
    <row r="55070" spans="1:10" x14ac:dyDescent="0.35">
      <c r="A55070" s="1" t="s">
        <v>14991</v>
      </c>
      <c r="B55070" s="1" t="s">
        <v>182761</v>
      </c>
      <c r="C55070" s="1" t="s">
        <v>130</v>
      </c>
      <c r="D55070" s="1" t="s">
        <v>185204</v>
      </c>
      <c r="E55070" s="1" t="s">
        <v>185205</v>
      </c>
      <c r="F55070" s="1" t="s">
        <v>185206</v>
      </c>
      <c r="G55070" s="1" t="s">
        <v>185125</v>
      </c>
      <c r="H55070" s="1" t="s">
        <v>185126</v>
      </c>
      <c r="I55070" s="1" t="s">
        <v>182766</v>
      </c>
      <c r="J55070" s="1" t="s">
        <v>185207</v>
      </c>
    </row>
    <row r="55071" spans="1:10" x14ac:dyDescent="0.35">
      <c r="A55071" s="1" t="s">
        <v>14991</v>
      </c>
      <c r="B55071" s="1" t="s">
        <v>182761</v>
      </c>
      <c r="C55071" s="1" t="s">
        <v>135</v>
      </c>
      <c r="D55071" s="1" t="s">
        <v>33988</v>
      </c>
      <c r="E55071" s="1" t="s">
        <v>185208</v>
      </c>
      <c r="F55071" s="1" t="s">
        <v>185209</v>
      </c>
      <c r="G55071" s="1" t="s">
        <v>185125</v>
      </c>
      <c r="H55071" s="1" t="s">
        <v>185126</v>
      </c>
      <c r="I55071" s="1" t="s">
        <v>182766</v>
      </c>
      <c r="J55071" s="1" t="s">
        <v>185210</v>
      </c>
    </row>
    <row r="55072" spans="1:10" x14ac:dyDescent="0.35">
      <c r="A55072" s="1" t="s">
        <v>14991</v>
      </c>
      <c r="B55072" s="1" t="s">
        <v>182761</v>
      </c>
      <c r="C55072" s="1" t="s">
        <v>140</v>
      </c>
      <c r="D55072" s="1" t="s">
        <v>185211</v>
      </c>
      <c r="E55072" s="1" t="s">
        <v>185212</v>
      </c>
      <c r="F55072" s="1" t="s">
        <v>185213</v>
      </c>
      <c r="G55072" s="1" t="s">
        <v>185125</v>
      </c>
      <c r="H55072" s="1" t="s">
        <v>185126</v>
      </c>
      <c r="I55072" s="1" t="s">
        <v>182766</v>
      </c>
      <c r="J55072" s="1" t="s">
        <v>185214</v>
      </c>
    </row>
    <row r="55073" spans="1:10" x14ac:dyDescent="0.35">
      <c r="A55073" s="1" t="s">
        <v>14991</v>
      </c>
      <c r="B55073" s="1" t="s">
        <v>182761</v>
      </c>
      <c r="C55073" s="1" t="s">
        <v>145</v>
      </c>
      <c r="D55073" s="1" t="s">
        <v>82737</v>
      </c>
      <c r="E55073" s="1" t="s">
        <v>185215</v>
      </c>
      <c r="F55073" s="1" t="s">
        <v>185216</v>
      </c>
      <c r="G55073" s="1" t="s">
        <v>185125</v>
      </c>
      <c r="H55073" s="1" t="s">
        <v>185126</v>
      </c>
      <c r="I55073" s="1" t="s">
        <v>182766</v>
      </c>
      <c r="J55073" s="1" t="s">
        <v>185217</v>
      </c>
    </row>
    <row r="55074" spans="1:10" x14ac:dyDescent="0.35">
      <c r="A55074" s="1" t="s">
        <v>14991</v>
      </c>
      <c r="B55074" s="1" t="s">
        <v>182761</v>
      </c>
      <c r="C55074" s="1" t="s">
        <v>150</v>
      </c>
      <c r="D55074" s="1" t="s">
        <v>185218</v>
      </c>
      <c r="E55074" s="1" t="s">
        <v>185219</v>
      </c>
      <c r="F55074" s="1" t="s">
        <v>185220</v>
      </c>
      <c r="G55074" s="1" t="s">
        <v>185125</v>
      </c>
      <c r="H55074" s="1" t="s">
        <v>185126</v>
      </c>
      <c r="I55074" s="1" t="s">
        <v>182766</v>
      </c>
      <c r="J55074" s="1" t="s">
        <v>185221</v>
      </c>
    </row>
    <row r="55075" spans="1:10" x14ac:dyDescent="0.35">
      <c r="A55075" s="1" t="s">
        <v>14991</v>
      </c>
      <c r="B55075" s="1" t="s">
        <v>182761</v>
      </c>
      <c r="C55075" s="1" t="s">
        <v>155</v>
      </c>
      <c r="D55075" s="1" t="s">
        <v>185222</v>
      </c>
      <c r="E55075" s="1" t="s">
        <v>185223</v>
      </c>
      <c r="F55075" s="1" t="s">
        <v>185224</v>
      </c>
      <c r="G55075" s="1" t="s">
        <v>185125</v>
      </c>
      <c r="H55075" s="1" t="s">
        <v>185126</v>
      </c>
      <c r="I55075" s="1" t="s">
        <v>182766</v>
      </c>
      <c r="J55075" s="1" t="s">
        <v>185225</v>
      </c>
    </row>
    <row r="55076" spans="1:10" x14ac:dyDescent="0.35">
      <c r="A55076" s="1" t="s">
        <v>14991</v>
      </c>
      <c r="B55076" s="1" t="s">
        <v>182761</v>
      </c>
      <c r="C55076" s="1" t="s">
        <v>160</v>
      </c>
      <c r="D55076" s="1" t="s">
        <v>185226</v>
      </c>
      <c r="E55076" s="1" t="s">
        <v>185227</v>
      </c>
      <c r="F55076" s="1" t="s">
        <v>185228</v>
      </c>
      <c r="G55076" s="1" t="s">
        <v>185125</v>
      </c>
      <c r="H55076" s="1" t="s">
        <v>185126</v>
      </c>
      <c r="I55076" s="1" t="s">
        <v>182766</v>
      </c>
      <c r="J55076" s="1" t="s">
        <v>185229</v>
      </c>
    </row>
    <row r="55077" spans="1:10" x14ac:dyDescent="0.35">
      <c r="A55077" s="1" t="s">
        <v>14991</v>
      </c>
      <c r="B55077" s="1" t="s">
        <v>182761</v>
      </c>
      <c r="C55077" s="1" t="s">
        <v>165</v>
      </c>
      <c r="D55077" s="1" t="s">
        <v>185230</v>
      </c>
      <c r="E55077" s="1" t="s">
        <v>185231</v>
      </c>
      <c r="F55077" s="1" t="s">
        <v>185232</v>
      </c>
      <c r="G55077" s="1" t="s">
        <v>185125</v>
      </c>
      <c r="H55077" s="1" t="s">
        <v>185126</v>
      </c>
      <c r="I55077" s="1" t="s">
        <v>182766</v>
      </c>
      <c r="J55077" s="1" t="s">
        <v>185233</v>
      </c>
    </row>
    <row r="55078" spans="1:10" x14ac:dyDescent="0.35">
      <c r="A55078" s="1" t="s">
        <v>14991</v>
      </c>
      <c r="B55078" s="1" t="s">
        <v>182761</v>
      </c>
      <c r="C55078" s="1" t="s">
        <v>170</v>
      </c>
      <c r="D55078" s="1" t="s">
        <v>175113</v>
      </c>
      <c r="E55078" s="1" t="s">
        <v>185234</v>
      </c>
      <c r="F55078" s="1" t="s">
        <v>185235</v>
      </c>
      <c r="G55078" s="1" t="s">
        <v>185125</v>
      </c>
      <c r="H55078" s="1" t="s">
        <v>185126</v>
      </c>
      <c r="I55078" s="1" t="s">
        <v>182766</v>
      </c>
      <c r="J55078" s="1" t="s">
        <v>185236</v>
      </c>
    </row>
    <row r="55079" spans="1:10" x14ac:dyDescent="0.35">
      <c r="A55079" s="1" t="s">
        <v>10292</v>
      </c>
      <c r="B55079" s="1" t="s">
        <v>182761</v>
      </c>
      <c r="C55079" s="1" t="s">
        <v>8</v>
      </c>
      <c r="D55079" s="1" t="s">
        <v>153276</v>
      </c>
      <c r="E55079" s="1" t="s">
        <v>185237</v>
      </c>
      <c r="F55079" s="1" t="s">
        <v>185238</v>
      </c>
      <c r="G55079" s="1" t="s">
        <v>185239</v>
      </c>
      <c r="H55079" s="1" t="s">
        <v>185240</v>
      </c>
      <c r="I55079" s="1" t="s">
        <v>182766</v>
      </c>
      <c r="J55079" s="1" t="s">
        <v>13</v>
      </c>
    </row>
    <row r="55080" spans="1:10" x14ac:dyDescent="0.35">
      <c r="A55080" s="1" t="s">
        <v>10292</v>
      </c>
      <c r="B55080" s="1" t="s">
        <v>182761</v>
      </c>
      <c r="C55080" s="1" t="s">
        <v>15</v>
      </c>
      <c r="D55080" s="1" t="s">
        <v>185241</v>
      </c>
      <c r="E55080" s="1" t="s">
        <v>185242</v>
      </c>
      <c r="F55080" s="1" t="s">
        <v>185243</v>
      </c>
      <c r="G55080" s="1" t="s">
        <v>185239</v>
      </c>
      <c r="H55080" s="1" t="s">
        <v>185240</v>
      </c>
      <c r="I55080" s="1" t="s">
        <v>182766</v>
      </c>
      <c r="J55080" s="1" t="s">
        <v>185244</v>
      </c>
    </row>
    <row r="55081" spans="1:10" x14ac:dyDescent="0.35">
      <c r="A55081" s="1" t="s">
        <v>10292</v>
      </c>
      <c r="B55081" s="1" t="s">
        <v>182761</v>
      </c>
      <c r="C55081" s="1" t="s">
        <v>20</v>
      </c>
      <c r="D55081" s="1" t="s">
        <v>47953</v>
      </c>
      <c r="E55081" s="1" t="s">
        <v>185245</v>
      </c>
      <c r="F55081" s="1" t="s">
        <v>185246</v>
      </c>
      <c r="G55081" s="1" t="s">
        <v>185239</v>
      </c>
      <c r="H55081" s="1" t="s">
        <v>185240</v>
      </c>
      <c r="I55081" s="1" t="s">
        <v>182766</v>
      </c>
      <c r="J55081" s="1" t="s">
        <v>185247</v>
      </c>
    </row>
    <row r="55082" spans="1:10" x14ac:dyDescent="0.35">
      <c r="A55082" s="1" t="s">
        <v>10292</v>
      </c>
      <c r="B55082" s="1" t="s">
        <v>182761</v>
      </c>
      <c r="C55082" s="1" t="s">
        <v>25</v>
      </c>
      <c r="D55082" s="1" t="s">
        <v>17133</v>
      </c>
      <c r="E55082" s="1" t="s">
        <v>185248</v>
      </c>
      <c r="F55082" s="1" t="s">
        <v>185249</v>
      </c>
      <c r="G55082" s="1" t="s">
        <v>185239</v>
      </c>
      <c r="H55082" s="1" t="s">
        <v>185240</v>
      </c>
      <c r="I55082" s="1" t="s">
        <v>182766</v>
      </c>
      <c r="J55082" s="1" t="s">
        <v>185250</v>
      </c>
    </row>
    <row r="55083" spans="1:10" x14ac:dyDescent="0.35">
      <c r="A55083" s="1" t="s">
        <v>10292</v>
      </c>
      <c r="B55083" s="1" t="s">
        <v>182761</v>
      </c>
      <c r="C55083" s="1" t="s">
        <v>30</v>
      </c>
      <c r="D55083" s="1" t="s">
        <v>185251</v>
      </c>
      <c r="E55083" s="1" t="s">
        <v>185252</v>
      </c>
      <c r="F55083" s="1" t="s">
        <v>185253</v>
      </c>
      <c r="G55083" s="1" t="s">
        <v>185239</v>
      </c>
      <c r="H55083" s="1" t="s">
        <v>185240</v>
      </c>
      <c r="I55083" s="1" t="s">
        <v>182766</v>
      </c>
      <c r="J55083" s="1" t="s">
        <v>185254</v>
      </c>
    </row>
    <row r="55084" spans="1:10" x14ac:dyDescent="0.35">
      <c r="A55084" s="1" t="s">
        <v>10292</v>
      </c>
      <c r="B55084" s="1" t="s">
        <v>182761</v>
      </c>
      <c r="C55084" s="1" t="s">
        <v>35</v>
      </c>
      <c r="D55084" s="1" t="s">
        <v>5405</v>
      </c>
      <c r="E55084" s="1" t="s">
        <v>185255</v>
      </c>
      <c r="F55084" s="1" t="s">
        <v>185256</v>
      </c>
      <c r="G55084" s="1" t="s">
        <v>185239</v>
      </c>
      <c r="H55084" s="1" t="s">
        <v>185240</v>
      </c>
      <c r="I55084" s="1" t="s">
        <v>182766</v>
      </c>
      <c r="J55084" s="1" t="s">
        <v>185257</v>
      </c>
    </row>
    <row r="55085" spans="1:10" x14ac:dyDescent="0.35">
      <c r="A55085" s="1" t="s">
        <v>10292</v>
      </c>
      <c r="B55085" s="1" t="s">
        <v>182761</v>
      </c>
      <c r="C55085" s="1" t="s">
        <v>40</v>
      </c>
      <c r="D55085" s="1" t="s">
        <v>32179</v>
      </c>
      <c r="E55085" s="1" t="s">
        <v>185258</v>
      </c>
      <c r="F55085" s="1" t="s">
        <v>185259</v>
      </c>
      <c r="G55085" s="1" t="s">
        <v>185239</v>
      </c>
      <c r="H55085" s="1" t="s">
        <v>185240</v>
      </c>
      <c r="I55085" s="1" t="s">
        <v>182766</v>
      </c>
      <c r="J55085" s="1" t="s">
        <v>185260</v>
      </c>
    </row>
    <row r="55086" spans="1:10" x14ac:dyDescent="0.35">
      <c r="A55086" s="1" t="s">
        <v>10292</v>
      </c>
      <c r="B55086" s="1" t="s">
        <v>182761</v>
      </c>
      <c r="C55086" s="1" t="s">
        <v>45</v>
      </c>
      <c r="D55086" s="1" t="s">
        <v>144877</v>
      </c>
      <c r="E55086" s="1" t="s">
        <v>185261</v>
      </c>
      <c r="F55086" s="1" t="s">
        <v>185262</v>
      </c>
      <c r="G55086" s="1" t="s">
        <v>185239</v>
      </c>
      <c r="H55086" s="1" t="s">
        <v>185240</v>
      </c>
      <c r="I55086" s="1" t="s">
        <v>182766</v>
      </c>
      <c r="J55086" s="1" t="s">
        <v>185263</v>
      </c>
    </row>
    <row r="55087" spans="1:10" x14ac:dyDescent="0.35">
      <c r="A55087" s="1" t="s">
        <v>10292</v>
      </c>
      <c r="B55087" s="1" t="s">
        <v>182761</v>
      </c>
      <c r="C55087" s="1" t="s">
        <v>50</v>
      </c>
      <c r="D55087" s="1" t="s">
        <v>72429</v>
      </c>
      <c r="E55087" s="1" t="s">
        <v>185264</v>
      </c>
      <c r="F55087" s="1" t="s">
        <v>185265</v>
      </c>
      <c r="G55087" s="1" t="s">
        <v>185239</v>
      </c>
      <c r="H55087" s="1" t="s">
        <v>185240</v>
      </c>
      <c r="I55087" s="1" t="s">
        <v>182766</v>
      </c>
      <c r="J55087" s="1" t="s">
        <v>185266</v>
      </c>
    </row>
    <row r="55088" spans="1:10" x14ac:dyDescent="0.35">
      <c r="A55088" s="1" t="s">
        <v>10292</v>
      </c>
      <c r="B55088" s="1" t="s">
        <v>182761</v>
      </c>
      <c r="C55088" s="1" t="s">
        <v>55</v>
      </c>
      <c r="D55088" s="1" t="s">
        <v>49927</v>
      </c>
      <c r="E55088" s="1" t="s">
        <v>185267</v>
      </c>
      <c r="F55088" s="1" t="s">
        <v>185268</v>
      </c>
      <c r="G55088" s="1" t="s">
        <v>185239</v>
      </c>
      <c r="H55088" s="1" t="s">
        <v>185240</v>
      </c>
      <c r="I55088" s="1" t="s">
        <v>182766</v>
      </c>
      <c r="J55088" s="1" t="s">
        <v>185269</v>
      </c>
    </row>
    <row r="55089" spans="1:10" x14ac:dyDescent="0.35">
      <c r="A55089" s="1" t="s">
        <v>10292</v>
      </c>
      <c r="B55089" s="1" t="s">
        <v>182761</v>
      </c>
      <c r="C55089" s="1" t="s">
        <v>60</v>
      </c>
      <c r="D55089" s="1" t="s">
        <v>185270</v>
      </c>
      <c r="E55089" s="1" t="s">
        <v>185271</v>
      </c>
      <c r="F55089" s="1" t="s">
        <v>185272</v>
      </c>
      <c r="G55089" s="1" t="s">
        <v>185239</v>
      </c>
      <c r="H55089" s="1" t="s">
        <v>185240</v>
      </c>
      <c r="I55089" s="1" t="s">
        <v>182766</v>
      </c>
      <c r="J55089" s="1" t="s">
        <v>185273</v>
      </c>
    </row>
    <row r="55090" spans="1:10" x14ac:dyDescent="0.35">
      <c r="A55090" s="1" t="s">
        <v>10292</v>
      </c>
      <c r="B55090" s="1" t="s">
        <v>182761</v>
      </c>
      <c r="C55090" s="1" t="s">
        <v>65</v>
      </c>
      <c r="D55090" s="1" t="s">
        <v>82087</v>
      </c>
      <c r="E55090" s="1" t="s">
        <v>185274</v>
      </c>
      <c r="F55090" s="1" t="s">
        <v>185275</v>
      </c>
      <c r="G55090" s="1" t="s">
        <v>185239</v>
      </c>
      <c r="H55090" s="1" t="s">
        <v>185240</v>
      </c>
      <c r="I55090" s="1" t="s">
        <v>182766</v>
      </c>
      <c r="J55090" s="1" t="s">
        <v>185276</v>
      </c>
    </row>
    <row r="55091" spans="1:10" x14ac:dyDescent="0.35">
      <c r="A55091" s="1" t="s">
        <v>10292</v>
      </c>
      <c r="B55091" s="1" t="s">
        <v>182761</v>
      </c>
      <c r="C55091" s="1" t="s">
        <v>70</v>
      </c>
      <c r="D55091" s="1" t="s">
        <v>149663</v>
      </c>
      <c r="E55091" s="1" t="s">
        <v>185277</v>
      </c>
      <c r="F55091" s="1" t="s">
        <v>185278</v>
      </c>
      <c r="G55091" s="1" t="s">
        <v>185239</v>
      </c>
      <c r="H55091" s="1" t="s">
        <v>185240</v>
      </c>
      <c r="I55091" s="1" t="s">
        <v>182766</v>
      </c>
      <c r="J55091" s="1" t="s">
        <v>185279</v>
      </c>
    </row>
    <row r="55092" spans="1:10" x14ac:dyDescent="0.35">
      <c r="A55092" s="1" t="s">
        <v>10292</v>
      </c>
      <c r="B55092" s="1" t="s">
        <v>182761</v>
      </c>
      <c r="C55092" s="1" t="s">
        <v>75</v>
      </c>
      <c r="D55092" s="1" t="s">
        <v>45687</v>
      </c>
      <c r="E55092" s="1" t="s">
        <v>185280</v>
      </c>
      <c r="F55092" s="1" t="s">
        <v>185281</v>
      </c>
      <c r="G55092" s="1" t="s">
        <v>185239</v>
      </c>
      <c r="H55092" s="1" t="s">
        <v>185240</v>
      </c>
      <c r="I55092" s="1" t="s">
        <v>182766</v>
      </c>
      <c r="J55092" s="1" t="s">
        <v>185282</v>
      </c>
    </row>
    <row r="55093" spans="1:10" x14ac:dyDescent="0.35">
      <c r="A55093" s="1" t="s">
        <v>10292</v>
      </c>
      <c r="B55093" s="1" t="s">
        <v>182761</v>
      </c>
      <c r="C55093" s="1" t="s">
        <v>80</v>
      </c>
      <c r="D55093" s="1" t="s">
        <v>134988</v>
      </c>
      <c r="E55093" s="1" t="s">
        <v>185283</v>
      </c>
      <c r="F55093" s="1" t="s">
        <v>162789</v>
      </c>
      <c r="G55093" s="1" t="s">
        <v>185239</v>
      </c>
      <c r="H55093" s="1" t="s">
        <v>185240</v>
      </c>
      <c r="I55093" s="1" t="s">
        <v>182766</v>
      </c>
      <c r="J55093" s="1" t="s">
        <v>185284</v>
      </c>
    </row>
    <row r="55094" spans="1:10" x14ac:dyDescent="0.35">
      <c r="A55094" s="1" t="s">
        <v>10292</v>
      </c>
      <c r="B55094" s="1" t="s">
        <v>182761</v>
      </c>
      <c r="C55094" s="1" t="s">
        <v>85</v>
      </c>
      <c r="D55094" s="1" t="s">
        <v>159916</v>
      </c>
      <c r="E55094" s="1" t="s">
        <v>185285</v>
      </c>
      <c r="F55094" s="1" t="s">
        <v>185286</v>
      </c>
      <c r="G55094" s="1" t="s">
        <v>185239</v>
      </c>
      <c r="H55094" s="1" t="s">
        <v>185240</v>
      </c>
      <c r="I55094" s="1" t="s">
        <v>182766</v>
      </c>
      <c r="J55094" s="1" t="s">
        <v>185287</v>
      </c>
    </row>
    <row r="55095" spans="1:10" x14ac:dyDescent="0.35">
      <c r="A55095" s="1" t="s">
        <v>10292</v>
      </c>
      <c r="B55095" s="1" t="s">
        <v>182761</v>
      </c>
      <c r="C55095" s="1" t="s">
        <v>90</v>
      </c>
      <c r="D55095" s="1" t="s">
        <v>185288</v>
      </c>
      <c r="E55095" s="1" t="s">
        <v>185289</v>
      </c>
      <c r="F55095" s="1" t="s">
        <v>185290</v>
      </c>
      <c r="G55095" s="1" t="s">
        <v>185239</v>
      </c>
      <c r="H55095" s="1" t="s">
        <v>185240</v>
      </c>
      <c r="I55095" s="1" t="s">
        <v>182766</v>
      </c>
      <c r="J55095" s="1" t="s">
        <v>185291</v>
      </c>
    </row>
    <row r="55096" spans="1:10" x14ac:dyDescent="0.35">
      <c r="A55096" s="1" t="s">
        <v>10292</v>
      </c>
      <c r="B55096" s="1" t="s">
        <v>182761</v>
      </c>
      <c r="C55096" s="1" t="s">
        <v>95</v>
      </c>
      <c r="D55096" s="1" t="s">
        <v>155378</v>
      </c>
      <c r="E55096" s="1" t="s">
        <v>185292</v>
      </c>
      <c r="F55096" s="1" t="s">
        <v>185293</v>
      </c>
      <c r="G55096" s="1" t="s">
        <v>185239</v>
      </c>
      <c r="H55096" s="1" t="s">
        <v>185240</v>
      </c>
      <c r="I55096" s="1" t="s">
        <v>182766</v>
      </c>
      <c r="J55096" s="1" t="s">
        <v>185294</v>
      </c>
    </row>
    <row r="55097" spans="1:10" x14ac:dyDescent="0.35">
      <c r="A55097" s="1" t="s">
        <v>10292</v>
      </c>
      <c r="B55097" s="1" t="s">
        <v>182761</v>
      </c>
      <c r="C55097" s="1" t="s">
        <v>100</v>
      </c>
      <c r="D55097" s="1" t="s">
        <v>185295</v>
      </c>
      <c r="E55097" s="1" t="s">
        <v>185296</v>
      </c>
      <c r="F55097" s="1" t="s">
        <v>185297</v>
      </c>
      <c r="G55097" s="1" t="s">
        <v>185239</v>
      </c>
      <c r="H55097" s="1" t="s">
        <v>185240</v>
      </c>
      <c r="I55097" s="1" t="s">
        <v>182766</v>
      </c>
      <c r="J55097" s="1" t="s">
        <v>185298</v>
      </c>
    </row>
    <row r="55098" spans="1:10" x14ac:dyDescent="0.35">
      <c r="A55098" s="1" t="s">
        <v>10292</v>
      </c>
      <c r="B55098" s="1" t="s">
        <v>182761</v>
      </c>
      <c r="C55098" s="1" t="s">
        <v>105</v>
      </c>
      <c r="D55098" s="1" t="s">
        <v>185299</v>
      </c>
      <c r="E55098" s="1" t="s">
        <v>185300</v>
      </c>
      <c r="F55098" s="1" t="s">
        <v>185301</v>
      </c>
      <c r="G55098" s="1" t="s">
        <v>185239</v>
      </c>
      <c r="H55098" s="1" t="s">
        <v>185240</v>
      </c>
      <c r="I55098" s="1" t="s">
        <v>182766</v>
      </c>
      <c r="J55098" s="1" t="s">
        <v>185302</v>
      </c>
    </row>
    <row r="55099" spans="1:10" x14ac:dyDescent="0.35">
      <c r="A55099" s="1" t="s">
        <v>10292</v>
      </c>
      <c r="B55099" s="1" t="s">
        <v>182761</v>
      </c>
      <c r="C55099" s="1" t="s">
        <v>110</v>
      </c>
      <c r="D55099" s="1" t="s">
        <v>185303</v>
      </c>
      <c r="E55099" s="1" t="s">
        <v>185304</v>
      </c>
      <c r="F55099" s="1" t="s">
        <v>185305</v>
      </c>
      <c r="G55099" s="1" t="s">
        <v>185239</v>
      </c>
      <c r="H55099" s="1" t="s">
        <v>185240</v>
      </c>
      <c r="I55099" s="1" t="s">
        <v>182766</v>
      </c>
      <c r="J55099" s="1" t="s">
        <v>185306</v>
      </c>
    </row>
    <row r="55100" spans="1:10" x14ac:dyDescent="0.35">
      <c r="A55100" s="1" t="s">
        <v>10292</v>
      </c>
      <c r="B55100" s="1" t="s">
        <v>182761</v>
      </c>
      <c r="C55100" s="1" t="s">
        <v>115</v>
      </c>
      <c r="D55100" s="1" t="s">
        <v>31928</v>
      </c>
      <c r="E55100" s="1" t="s">
        <v>185307</v>
      </c>
      <c r="F55100" s="1" t="s">
        <v>185308</v>
      </c>
      <c r="G55100" s="1" t="s">
        <v>185239</v>
      </c>
      <c r="H55100" s="1" t="s">
        <v>185240</v>
      </c>
      <c r="I55100" s="1" t="s">
        <v>182766</v>
      </c>
      <c r="J55100" s="1" t="s">
        <v>185309</v>
      </c>
    </row>
    <row r="55101" spans="1:10" x14ac:dyDescent="0.35">
      <c r="A55101" s="1" t="s">
        <v>10292</v>
      </c>
      <c r="B55101" s="1" t="s">
        <v>182761</v>
      </c>
      <c r="C55101" s="1" t="s">
        <v>120</v>
      </c>
      <c r="D55101" s="1" t="s">
        <v>142067</v>
      </c>
      <c r="E55101" s="1" t="s">
        <v>185310</v>
      </c>
      <c r="F55101" s="1" t="s">
        <v>185311</v>
      </c>
      <c r="G55101" s="1" t="s">
        <v>185239</v>
      </c>
      <c r="H55101" s="1" t="s">
        <v>185240</v>
      </c>
      <c r="I55101" s="1" t="s">
        <v>182766</v>
      </c>
      <c r="J55101" s="1" t="s">
        <v>185312</v>
      </c>
    </row>
    <row r="55102" spans="1:10" x14ac:dyDescent="0.35">
      <c r="A55102" s="1" t="s">
        <v>10292</v>
      </c>
      <c r="B55102" s="1" t="s">
        <v>182761</v>
      </c>
      <c r="C55102" s="1" t="s">
        <v>125</v>
      </c>
      <c r="D55102" s="1" t="s">
        <v>185313</v>
      </c>
      <c r="E55102" s="1" t="s">
        <v>185314</v>
      </c>
      <c r="F55102" s="1" t="s">
        <v>185315</v>
      </c>
      <c r="G55102" s="1" t="s">
        <v>185239</v>
      </c>
      <c r="H55102" s="1" t="s">
        <v>185240</v>
      </c>
      <c r="I55102" s="1" t="s">
        <v>182766</v>
      </c>
      <c r="J55102" s="1" t="s">
        <v>185316</v>
      </c>
    </row>
    <row r="55103" spans="1:10" x14ac:dyDescent="0.35">
      <c r="A55103" s="1" t="s">
        <v>10292</v>
      </c>
      <c r="B55103" s="1" t="s">
        <v>182761</v>
      </c>
      <c r="C55103" s="1" t="s">
        <v>130</v>
      </c>
      <c r="D55103" s="1" t="s">
        <v>175688</v>
      </c>
      <c r="E55103" s="1" t="s">
        <v>185317</v>
      </c>
      <c r="F55103" s="1" t="s">
        <v>185318</v>
      </c>
      <c r="G55103" s="1" t="s">
        <v>185239</v>
      </c>
      <c r="H55103" s="1" t="s">
        <v>185240</v>
      </c>
      <c r="I55103" s="1" t="s">
        <v>182766</v>
      </c>
      <c r="J55103" s="1" t="s">
        <v>185319</v>
      </c>
    </row>
    <row r="55104" spans="1:10" x14ac:dyDescent="0.35">
      <c r="A55104" s="1" t="s">
        <v>10292</v>
      </c>
      <c r="B55104" s="1" t="s">
        <v>182761</v>
      </c>
      <c r="C55104" s="1" t="s">
        <v>135</v>
      </c>
      <c r="D55104" s="1" t="s">
        <v>113146</v>
      </c>
      <c r="E55104" s="1" t="s">
        <v>185320</v>
      </c>
      <c r="F55104" s="1" t="s">
        <v>185321</v>
      </c>
      <c r="G55104" s="1" t="s">
        <v>185239</v>
      </c>
      <c r="H55104" s="1" t="s">
        <v>185240</v>
      </c>
      <c r="I55104" s="1" t="s">
        <v>182766</v>
      </c>
      <c r="J55104" s="1" t="s">
        <v>185322</v>
      </c>
    </row>
    <row r="55105" spans="1:10" x14ac:dyDescent="0.35">
      <c r="A55105" s="1" t="s">
        <v>10292</v>
      </c>
      <c r="B55105" s="1" t="s">
        <v>182761</v>
      </c>
      <c r="C55105" s="1" t="s">
        <v>140</v>
      </c>
      <c r="D55105" s="1" t="s">
        <v>185323</v>
      </c>
      <c r="E55105" s="1" t="s">
        <v>185324</v>
      </c>
      <c r="F55105" s="1" t="s">
        <v>185325</v>
      </c>
      <c r="G55105" s="1" t="s">
        <v>185239</v>
      </c>
      <c r="H55105" s="1" t="s">
        <v>185240</v>
      </c>
      <c r="I55105" s="1" t="s">
        <v>182766</v>
      </c>
      <c r="J55105" s="1" t="s">
        <v>185326</v>
      </c>
    </row>
    <row r="55106" spans="1:10" x14ac:dyDescent="0.35">
      <c r="A55106" s="1" t="s">
        <v>10292</v>
      </c>
      <c r="B55106" s="1" t="s">
        <v>182761</v>
      </c>
      <c r="C55106" s="1" t="s">
        <v>145</v>
      </c>
      <c r="D55106" s="1" t="s">
        <v>89850</v>
      </c>
      <c r="E55106" s="1" t="s">
        <v>185327</v>
      </c>
      <c r="F55106" s="1" t="s">
        <v>185328</v>
      </c>
      <c r="G55106" s="1" t="s">
        <v>185239</v>
      </c>
      <c r="H55106" s="1" t="s">
        <v>185240</v>
      </c>
      <c r="I55106" s="1" t="s">
        <v>182766</v>
      </c>
      <c r="J55106" s="1" t="s">
        <v>185329</v>
      </c>
    </row>
    <row r="55107" spans="1:10" x14ac:dyDescent="0.35">
      <c r="A55107" s="1" t="s">
        <v>10292</v>
      </c>
      <c r="B55107" s="1" t="s">
        <v>182761</v>
      </c>
      <c r="C55107" s="1" t="s">
        <v>150</v>
      </c>
      <c r="D55107" s="1" t="s">
        <v>98594</v>
      </c>
      <c r="E55107" s="1" t="s">
        <v>185330</v>
      </c>
      <c r="F55107" s="1" t="s">
        <v>185331</v>
      </c>
      <c r="G55107" s="1" t="s">
        <v>185239</v>
      </c>
      <c r="H55107" s="1" t="s">
        <v>185240</v>
      </c>
      <c r="I55107" s="1" t="s">
        <v>182766</v>
      </c>
      <c r="J55107" s="1" t="s">
        <v>185332</v>
      </c>
    </row>
    <row r="55108" spans="1:10" x14ac:dyDescent="0.35">
      <c r="A55108" s="1" t="s">
        <v>10292</v>
      </c>
      <c r="B55108" s="1" t="s">
        <v>182761</v>
      </c>
      <c r="C55108" s="1" t="s">
        <v>155</v>
      </c>
      <c r="D55108" s="1" t="s">
        <v>130942</v>
      </c>
      <c r="E55108" s="1" t="s">
        <v>185333</v>
      </c>
      <c r="F55108" s="1" t="s">
        <v>185334</v>
      </c>
      <c r="G55108" s="1" t="s">
        <v>185239</v>
      </c>
      <c r="H55108" s="1" t="s">
        <v>185240</v>
      </c>
      <c r="I55108" s="1" t="s">
        <v>182766</v>
      </c>
      <c r="J55108" s="1" t="s">
        <v>185335</v>
      </c>
    </row>
    <row r="55109" spans="1:10" x14ac:dyDescent="0.35">
      <c r="A55109" s="1" t="s">
        <v>10292</v>
      </c>
      <c r="B55109" s="1" t="s">
        <v>182761</v>
      </c>
      <c r="C55109" s="1" t="s">
        <v>160</v>
      </c>
      <c r="D55109" s="1" t="s">
        <v>185336</v>
      </c>
      <c r="E55109" s="1" t="s">
        <v>185337</v>
      </c>
      <c r="F55109" s="1" t="s">
        <v>185338</v>
      </c>
      <c r="G55109" s="1" t="s">
        <v>185239</v>
      </c>
      <c r="H55109" s="1" t="s">
        <v>185240</v>
      </c>
      <c r="I55109" s="1" t="s">
        <v>182766</v>
      </c>
      <c r="J55109" s="1" t="s">
        <v>185339</v>
      </c>
    </row>
    <row r="55110" spans="1:10" x14ac:dyDescent="0.35">
      <c r="A55110" s="1" t="s">
        <v>10292</v>
      </c>
      <c r="B55110" s="1" t="s">
        <v>182761</v>
      </c>
      <c r="C55110" s="1" t="s">
        <v>165</v>
      </c>
      <c r="D55110" s="1" t="s">
        <v>86556</v>
      </c>
      <c r="E55110" s="1" t="s">
        <v>185340</v>
      </c>
      <c r="F55110" s="1" t="s">
        <v>185341</v>
      </c>
      <c r="G55110" s="1" t="s">
        <v>185239</v>
      </c>
      <c r="H55110" s="1" t="s">
        <v>185240</v>
      </c>
      <c r="I55110" s="1" t="s">
        <v>182766</v>
      </c>
      <c r="J55110" s="1" t="s">
        <v>185342</v>
      </c>
    </row>
    <row r="55111" spans="1:10" x14ac:dyDescent="0.35">
      <c r="A55111" s="1" t="s">
        <v>10292</v>
      </c>
      <c r="B55111" s="1" t="s">
        <v>182761</v>
      </c>
      <c r="C55111" s="1" t="s">
        <v>170</v>
      </c>
      <c r="D55111" s="1" t="s">
        <v>95939</v>
      </c>
      <c r="E55111" s="1" t="s">
        <v>185343</v>
      </c>
      <c r="F55111" s="1" t="s">
        <v>185344</v>
      </c>
      <c r="G55111" s="1" t="s">
        <v>185239</v>
      </c>
      <c r="H55111" s="1" t="s">
        <v>185240</v>
      </c>
      <c r="I55111" s="1" t="s">
        <v>182766</v>
      </c>
      <c r="J55111" s="1" t="s">
        <v>185345</v>
      </c>
    </row>
    <row r="55112" spans="1:10" x14ac:dyDescent="0.35">
      <c r="A55112" s="1" t="s">
        <v>145903</v>
      </c>
      <c r="B55112" s="1" t="s">
        <v>182761</v>
      </c>
      <c r="C55112" s="1" t="s">
        <v>8</v>
      </c>
      <c r="D55112" s="1" t="s">
        <v>640</v>
      </c>
      <c r="E55112" s="1" t="s">
        <v>185346</v>
      </c>
      <c r="F55112" s="1" t="s">
        <v>185347</v>
      </c>
      <c r="G55112" s="1" t="s">
        <v>185348</v>
      </c>
      <c r="H55112" s="1" t="s">
        <v>185349</v>
      </c>
      <c r="I55112" s="1" t="s">
        <v>182766</v>
      </c>
      <c r="J55112" s="1" t="s">
        <v>13</v>
      </c>
    </row>
    <row r="55113" spans="1:10" x14ac:dyDescent="0.35">
      <c r="A55113" s="1" t="s">
        <v>145903</v>
      </c>
      <c r="B55113" s="1" t="s">
        <v>182761</v>
      </c>
      <c r="C55113" s="1" t="s">
        <v>15</v>
      </c>
      <c r="D55113" s="1" t="s">
        <v>157878</v>
      </c>
      <c r="E55113" s="1" t="s">
        <v>185350</v>
      </c>
      <c r="F55113" s="1" t="s">
        <v>185351</v>
      </c>
      <c r="G55113" s="1" t="s">
        <v>185348</v>
      </c>
      <c r="H55113" s="1" t="s">
        <v>185349</v>
      </c>
      <c r="I55113" s="1" t="s">
        <v>182766</v>
      </c>
      <c r="J55113" s="1" t="s">
        <v>185352</v>
      </c>
    </row>
    <row r="55114" spans="1:10" x14ac:dyDescent="0.35">
      <c r="A55114" s="1" t="s">
        <v>145903</v>
      </c>
      <c r="B55114" s="1" t="s">
        <v>182761</v>
      </c>
      <c r="C55114" s="1" t="s">
        <v>20</v>
      </c>
      <c r="D55114" s="1" t="s">
        <v>19798</v>
      </c>
      <c r="E55114" s="1" t="s">
        <v>185353</v>
      </c>
      <c r="F55114" s="1" t="s">
        <v>185354</v>
      </c>
      <c r="G55114" s="1" t="s">
        <v>185348</v>
      </c>
      <c r="H55114" s="1" t="s">
        <v>185349</v>
      </c>
      <c r="I55114" s="1" t="s">
        <v>182766</v>
      </c>
      <c r="J55114" s="1" t="s">
        <v>185355</v>
      </c>
    </row>
    <row r="55115" spans="1:10" x14ac:dyDescent="0.35">
      <c r="A55115" s="1" t="s">
        <v>145903</v>
      </c>
      <c r="B55115" s="1" t="s">
        <v>182761</v>
      </c>
      <c r="C55115" s="1" t="s">
        <v>25</v>
      </c>
      <c r="D55115" s="1" t="s">
        <v>159784</v>
      </c>
      <c r="E55115" s="1" t="s">
        <v>185356</v>
      </c>
      <c r="F55115" s="1" t="s">
        <v>185357</v>
      </c>
      <c r="G55115" s="1" t="s">
        <v>185348</v>
      </c>
      <c r="H55115" s="1" t="s">
        <v>185349</v>
      </c>
      <c r="I55115" s="1" t="s">
        <v>182766</v>
      </c>
      <c r="J55115" s="1" t="s">
        <v>185358</v>
      </c>
    </row>
    <row r="55116" spans="1:10" x14ac:dyDescent="0.35">
      <c r="A55116" s="1" t="s">
        <v>145903</v>
      </c>
      <c r="B55116" s="1" t="s">
        <v>182761</v>
      </c>
      <c r="C55116" s="1" t="s">
        <v>30</v>
      </c>
      <c r="D55116" s="1" t="s">
        <v>185359</v>
      </c>
      <c r="E55116" s="1" t="s">
        <v>185360</v>
      </c>
      <c r="F55116" s="1" t="s">
        <v>185361</v>
      </c>
      <c r="G55116" s="1" t="s">
        <v>185348</v>
      </c>
      <c r="H55116" s="1" t="s">
        <v>185349</v>
      </c>
      <c r="I55116" s="1" t="s">
        <v>182766</v>
      </c>
      <c r="J55116" s="1" t="s">
        <v>185362</v>
      </c>
    </row>
    <row r="55117" spans="1:10" x14ac:dyDescent="0.35">
      <c r="A55117" s="1" t="s">
        <v>145903</v>
      </c>
      <c r="B55117" s="1" t="s">
        <v>182761</v>
      </c>
      <c r="C55117" s="1" t="s">
        <v>35</v>
      </c>
      <c r="D55117" s="1" t="s">
        <v>125294</v>
      </c>
      <c r="E55117" s="1" t="s">
        <v>185363</v>
      </c>
      <c r="F55117" s="1" t="s">
        <v>185364</v>
      </c>
      <c r="G55117" s="1" t="s">
        <v>185348</v>
      </c>
      <c r="H55117" s="1" t="s">
        <v>185349</v>
      </c>
      <c r="I55117" s="1" t="s">
        <v>182766</v>
      </c>
      <c r="J55117" s="1" t="s">
        <v>185365</v>
      </c>
    </row>
    <row r="55118" spans="1:10" x14ac:dyDescent="0.35">
      <c r="A55118" s="1" t="s">
        <v>145903</v>
      </c>
      <c r="B55118" s="1" t="s">
        <v>182761</v>
      </c>
      <c r="C55118" s="1" t="s">
        <v>40</v>
      </c>
      <c r="D55118" s="1" t="s">
        <v>151032</v>
      </c>
      <c r="E55118" s="1" t="s">
        <v>185366</v>
      </c>
      <c r="F55118" s="1" t="s">
        <v>185367</v>
      </c>
      <c r="G55118" s="1" t="s">
        <v>185348</v>
      </c>
      <c r="H55118" s="1" t="s">
        <v>185349</v>
      </c>
      <c r="I55118" s="1" t="s">
        <v>182766</v>
      </c>
      <c r="J55118" s="1" t="s">
        <v>185368</v>
      </c>
    </row>
    <row r="55119" spans="1:10" x14ac:dyDescent="0.35">
      <c r="A55119" s="1" t="s">
        <v>145903</v>
      </c>
      <c r="B55119" s="1" t="s">
        <v>182761</v>
      </c>
      <c r="C55119" s="1" t="s">
        <v>45</v>
      </c>
      <c r="D55119" s="1" t="s">
        <v>123541</v>
      </c>
      <c r="E55119" s="1" t="s">
        <v>185369</v>
      </c>
      <c r="F55119" s="1" t="s">
        <v>185370</v>
      </c>
      <c r="G55119" s="1" t="s">
        <v>185348</v>
      </c>
      <c r="H55119" s="1" t="s">
        <v>185349</v>
      </c>
      <c r="I55119" s="1" t="s">
        <v>182766</v>
      </c>
      <c r="J55119" s="1" t="s">
        <v>185371</v>
      </c>
    </row>
    <row r="55120" spans="1:10" x14ac:dyDescent="0.35">
      <c r="A55120" s="1" t="s">
        <v>145903</v>
      </c>
      <c r="B55120" s="1" t="s">
        <v>182761</v>
      </c>
      <c r="C55120" s="1" t="s">
        <v>50</v>
      </c>
      <c r="D55120" s="1" t="s">
        <v>119744</v>
      </c>
      <c r="E55120" s="1" t="s">
        <v>185372</v>
      </c>
      <c r="F55120" s="1" t="s">
        <v>185373</v>
      </c>
      <c r="G55120" s="1" t="s">
        <v>185348</v>
      </c>
      <c r="H55120" s="1" t="s">
        <v>185349</v>
      </c>
      <c r="I55120" s="1" t="s">
        <v>182766</v>
      </c>
      <c r="J55120" s="1" t="s">
        <v>185374</v>
      </c>
    </row>
    <row r="55121" spans="1:10" x14ac:dyDescent="0.35">
      <c r="A55121" s="1" t="s">
        <v>145903</v>
      </c>
      <c r="B55121" s="1" t="s">
        <v>182761</v>
      </c>
      <c r="C55121" s="1" t="s">
        <v>55</v>
      </c>
      <c r="D55121" s="1" t="s">
        <v>124360</v>
      </c>
      <c r="E55121" s="1" t="s">
        <v>185375</v>
      </c>
      <c r="F55121" s="1" t="s">
        <v>185376</v>
      </c>
      <c r="G55121" s="1" t="s">
        <v>185348</v>
      </c>
      <c r="H55121" s="1" t="s">
        <v>185349</v>
      </c>
      <c r="I55121" s="1" t="s">
        <v>182766</v>
      </c>
      <c r="J55121" s="1" t="s">
        <v>185377</v>
      </c>
    </row>
    <row r="55122" spans="1:10" x14ac:dyDescent="0.35">
      <c r="A55122" s="1" t="s">
        <v>145903</v>
      </c>
      <c r="B55122" s="1" t="s">
        <v>182761</v>
      </c>
      <c r="C55122" s="1" t="s">
        <v>60</v>
      </c>
      <c r="D55122" s="1" t="s">
        <v>178125</v>
      </c>
      <c r="E55122" s="1" t="s">
        <v>185378</v>
      </c>
      <c r="F55122" s="1" t="s">
        <v>185379</v>
      </c>
      <c r="G55122" s="1" t="s">
        <v>185348</v>
      </c>
      <c r="H55122" s="1" t="s">
        <v>185349</v>
      </c>
      <c r="I55122" s="1" t="s">
        <v>182766</v>
      </c>
      <c r="J55122" s="1" t="s">
        <v>185380</v>
      </c>
    </row>
    <row r="55123" spans="1:10" x14ac:dyDescent="0.35">
      <c r="A55123" s="1" t="s">
        <v>145903</v>
      </c>
      <c r="B55123" s="1" t="s">
        <v>182761</v>
      </c>
      <c r="C55123" s="1" t="s">
        <v>65</v>
      </c>
      <c r="D55123" s="1" t="s">
        <v>185381</v>
      </c>
      <c r="E55123" s="1" t="s">
        <v>185382</v>
      </c>
      <c r="F55123" s="1" t="s">
        <v>185383</v>
      </c>
      <c r="G55123" s="1" t="s">
        <v>185348</v>
      </c>
      <c r="H55123" s="1" t="s">
        <v>185349</v>
      </c>
      <c r="I55123" s="1" t="s">
        <v>182766</v>
      </c>
      <c r="J55123" s="1" t="s">
        <v>185384</v>
      </c>
    </row>
    <row r="55124" spans="1:10" x14ac:dyDescent="0.35">
      <c r="A55124" s="1" t="s">
        <v>145903</v>
      </c>
      <c r="B55124" s="1" t="s">
        <v>182761</v>
      </c>
      <c r="C55124" s="1" t="s">
        <v>70</v>
      </c>
      <c r="D55124" s="1" t="s">
        <v>12397</v>
      </c>
      <c r="E55124" s="1" t="s">
        <v>185385</v>
      </c>
      <c r="F55124" s="1" t="s">
        <v>185386</v>
      </c>
      <c r="G55124" s="1" t="s">
        <v>185348</v>
      </c>
      <c r="H55124" s="1" t="s">
        <v>185349</v>
      </c>
      <c r="I55124" s="1" t="s">
        <v>182766</v>
      </c>
      <c r="J55124" s="1" t="s">
        <v>185387</v>
      </c>
    </row>
    <row r="55125" spans="1:10" x14ac:dyDescent="0.35">
      <c r="A55125" s="1" t="s">
        <v>145903</v>
      </c>
      <c r="B55125" s="1" t="s">
        <v>182761</v>
      </c>
      <c r="C55125" s="1" t="s">
        <v>75</v>
      </c>
      <c r="D55125" s="1" t="s">
        <v>17921</v>
      </c>
      <c r="E55125" s="1" t="s">
        <v>185388</v>
      </c>
      <c r="F55125" s="1" t="s">
        <v>185389</v>
      </c>
      <c r="G55125" s="1" t="s">
        <v>185348</v>
      </c>
      <c r="H55125" s="1" t="s">
        <v>185349</v>
      </c>
      <c r="I55125" s="1" t="s">
        <v>182766</v>
      </c>
      <c r="J55125" s="1" t="s">
        <v>185390</v>
      </c>
    </row>
    <row r="55126" spans="1:10" x14ac:dyDescent="0.35">
      <c r="A55126" s="1" t="s">
        <v>145903</v>
      </c>
      <c r="B55126" s="1" t="s">
        <v>182761</v>
      </c>
      <c r="C55126" s="1" t="s">
        <v>80</v>
      </c>
      <c r="D55126" s="1" t="s">
        <v>185391</v>
      </c>
      <c r="E55126" s="1" t="s">
        <v>185392</v>
      </c>
      <c r="F55126" s="1" t="s">
        <v>185393</v>
      </c>
      <c r="G55126" s="1" t="s">
        <v>185348</v>
      </c>
      <c r="H55126" s="1" t="s">
        <v>185349</v>
      </c>
      <c r="I55126" s="1" t="s">
        <v>182766</v>
      </c>
      <c r="J55126" s="1" t="s">
        <v>185394</v>
      </c>
    </row>
    <row r="55127" spans="1:10" x14ac:dyDescent="0.35">
      <c r="A55127" s="1" t="s">
        <v>145903</v>
      </c>
      <c r="B55127" s="1" t="s">
        <v>182761</v>
      </c>
      <c r="C55127" s="1" t="s">
        <v>85</v>
      </c>
      <c r="D55127" s="1" t="s">
        <v>136</v>
      </c>
      <c r="E55127" s="1" t="s">
        <v>185395</v>
      </c>
      <c r="F55127" s="1" t="s">
        <v>185396</v>
      </c>
      <c r="G55127" s="1" t="s">
        <v>185348</v>
      </c>
      <c r="H55127" s="1" t="s">
        <v>185349</v>
      </c>
      <c r="I55127" s="1" t="s">
        <v>182766</v>
      </c>
      <c r="J55127" s="1" t="s">
        <v>185397</v>
      </c>
    </row>
    <row r="55128" spans="1:10" x14ac:dyDescent="0.35">
      <c r="A55128" s="1" t="s">
        <v>145903</v>
      </c>
      <c r="B55128" s="1" t="s">
        <v>182761</v>
      </c>
      <c r="C55128" s="1" t="s">
        <v>90</v>
      </c>
      <c r="D55128" s="1" t="s">
        <v>177269</v>
      </c>
      <c r="E55128" s="1" t="s">
        <v>185398</v>
      </c>
      <c r="F55128" s="1" t="s">
        <v>185399</v>
      </c>
      <c r="G55128" s="1" t="s">
        <v>185348</v>
      </c>
      <c r="H55128" s="1" t="s">
        <v>185349</v>
      </c>
      <c r="I55128" s="1" t="s">
        <v>182766</v>
      </c>
      <c r="J55128" s="1" t="s">
        <v>185400</v>
      </c>
    </row>
    <row r="55129" spans="1:10" x14ac:dyDescent="0.35">
      <c r="A55129" s="1" t="s">
        <v>145903</v>
      </c>
      <c r="B55129" s="1" t="s">
        <v>182761</v>
      </c>
      <c r="C55129" s="1" t="s">
        <v>95</v>
      </c>
      <c r="D55129" s="1" t="s">
        <v>185401</v>
      </c>
      <c r="E55129" s="1" t="s">
        <v>185402</v>
      </c>
      <c r="F55129" s="1" t="s">
        <v>185403</v>
      </c>
      <c r="G55129" s="1" t="s">
        <v>185348</v>
      </c>
      <c r="H55129" s="1" t="s">
        <v>185349</v>
      </c>
      <c r="I55129" s="1" t="s">
        <v>182766</v>
      </c>
      <c r="J55129" s="1" t="s">
        <v>185404</v>
      </c>
    </row>
    <row r="55130" spans="1:10" x14ac:dyDescent="0.35">
      <c r="A55130" s="1" t="s">
        <v>145903</v>
      </c>
      <c r="B55130" s="1" t="s">
        <v>182761</v>
      </c>
      <c r="C55130" s="1" t="s">
        <v>100</v>
      </c>
      <c r="D55130" s="1" t="s">
        <v>3340</v>
      </c>
      <c r="E55130" s="1" t="s">
        <v>185405</v>
      </c>
      <c r="F55130" s="1" t="s">
        <v>185406</v>
      </c>
      <c r="G55130" s="1" t="s">
        <v>185348</v>
      </c>
      <c r="H55130" s="1" t="s">
        <v>185349</v>
      </c>
      <c r="I55130" s="1" t="s">
        <v>182766</v>
      </c>
      <c r="J55130" s="1" t="s">
        <v>185407</v>
      </c>
    </row>
    <row r="55131" spans="1:10" x14ac:dyDescent="0.35">
      <c r="A55131" s="1" t="s">
        <v>145903</v>
      </c>
      <c r="B55131" s="1" t="s">
        <v>182761</v>
      </c>
      <c r="C55131" s="1" t="s">
        <v>105</v>
      </c>
      <c r="D55131" s="1" t="s">
        <v>185408</v>
      </c>
      <c r="E55131" s="1" t="s">
        <v>185409</v>
      </c>
      <c r="F55131" s="1" t="s">
        <v>185410</v>
      </c>
      <c r="G55131" s="1" t="s">
        <v>185348</v>
      </c>
      <c r="H55131" s="1" t="s">
        <v>185349</v>
      </c>
      <c r="I55131" s="1" t="s">
        <v>182766</v>
      </c>
      <c r="J55131" s="1" t="s">
        <v>185411</v>
      </c>
    </row>
    <row r="55132" spans="1:10" x14ac:dyDescent="0.35">
      <c r="A55132" s="1" t="s">
        <v>145903</v>
      </c>
      <c r="B55132" s="1" t="s">
        <v>182761</v>
      </c>
      <c r="C55132" s="1" t="s">
        <v>110</v>
      </c>
      <c r="D55132" s="1" t="s">
        <v>185412</v>
      </c>
      <c r="E55132" s="1" t="s">
        <v>185413</v>
      </c>
      <c r="F55132" s="1" t="s">
        <v>185414</v>
      </c>
      <c r="G55132" s="1" t="s">
        <v>185348</v>
      </c>
      <c r="H55132" s="1" t="s">
        <v>185349</v>
      </c>
      <c r="I55132" s="1" t="s">
        <v>182766</v>
      </c>
      <c r="J55132" s="1" t="s">
        <v>185415</v>
      </c>
    </row>
    <row r="55133" spans="1:10" x14ac:dyDescent="0.35">
      <c r="A55133" s="1" t="s">
        <v>145903</v>
      </c>
      <c r="B55133" s="1" t="s">
        <v>182761</v>
      </c>
      <c r="C55133" s="1" t="s">
        <v>115</v>
      </c>
      <c r="D55133" s="1" t="s">
        <v>153758</v>
      </c>
      <c r="E55133" s="1" t="s">
        <v>185416</v>
      </c>
      <c r="F55133" s="1" t="s">
        <v>185417</v>
      </c>
      <c r="G55133" s="1" t="s">
        <v>185348</v>
      </c>
      <c r="H55133" s="1" t="s">
        <v>185349</v>
      </c>
      <c r="I55133" s="1" t="s">
        <v>182766</v>
      </c>
      <c r="J55133" s="1" t="s">
        <v>185418</v>
      </c>
    </row>
    <row r="55134" spans="1:10" x14ac:dyDescent="0.35">
      <c r="A55134" s="1" t="s">
        <v>145903</v>
      </c>
      <c r="B55134" s="1" t="s">
        <v>182761</v>
      </c>
      <c r="C55134" s="1" t="s">
        <v>120</v>
      </c>
      <c r="D55134" s="1" t="s">
        <v>185419</v>
      </c>
      <c r="E55134" s="1" t="s">
        <v>185420</v>
      </c>
      <c r="F55134" s="1" t="s">
        <v>185421</v>
      </c>
      <c r="G55134" s="1" t="s">
        <v>185348</v>
      </c>
      <c r="H55134" s="1" t="s">
        <v>185349</v>
      </c>
      <c r="I55134" s="1" t="s">
        <v>182766</v>
      </c>
      <c r="J55134" s="1" t="s">
        <v>185422</v>
      </c>
    </row>
    <row r="55135" spans="1:10" x14ac:dyDescent="0.35">
      <c r="A55135" s="1" t="s">
        <v>145903</v>
      </c>
      <c r="B55135" s="1" t="s">
        <v>182761</v>
      </c>
      <c r="C55135" s="1" t="s">
        <v>125</v>
      </c>
      <c r="D55135" s="1" t="s">
        <v>183492</v>
      </c>
      <c r="E55135" s="1" t="s">
        <v>185423</v>
      </c>
      <c r="F55135" s="1" t="s">
        <v>185424</v>
      </c>
      <c r="G55135" s="1" t="s">
        <v>185348</v>
      </c>
      <c r="H55135" s="1" t="s">
        <v>185349</v>
      </c>
      <c r="I55135" s="1" t="s">
        <v>182766</v>
      </c>
      <c r="J55135" s="1" t="s">
        <v>185425</v>
      </c>
    </row>
    <row r="55136" spans="1:10" x14ac:dyDescent="0.35">
      <c r="A55136" s="1" t="s">
        <v>145903</v>
      </c>
      <c r="B55136" s="1" t="s">
        <v>182761</v>
      </c>
      <c r="C55136" s="1" t="s">
        <v>130</v>
      </c>
      <c r="D55136" s="1" t="s">
        <v>185426</v>
      </c>
      <c r="E55136" s="1" t="s">
        <v>185427</v>
      </c>
      <c r="F55136" s="1" t="s">
        <v>185428</v>
      </c>
      <c r="G55136" s="1" t="s">
        <v>185348</v>
      </c>
      <c r="H55136" s="1" t="s">
        <v>185349</v>
      </c>
      <c r="I55136" s="1" t="s">
        <v>182766</v>
      </c>
      <c r="J55136" s="1" t="s">
        <v>185429</v>
      </c>
    </row>
    <row r="55137" spans="1:10" x14ac:dyDescent="0.35">
      <c r="A55137" s="1" t="s">
        <v>145903</v>
      </c>
      <c r="B55137" s="1" t="s">
        <v>182761</v>
      </c>
      <c r="C55137" s="1" t="s">
        <v>135</v>
      </c>
      <c r="D55137" s="1" t="s">
        <v>11495</v>
      </c>
      <c r="E55137" s="1" t="s">
        <v>185430</v>
      </c>
      <c r="F55137" s="1" t="s">
        <v>185431</v>
      </c>
      <c r="G55137" s="1" t="s">
        <v>185348</v>
      </c>
      <c r="H55137" s="1" t="s">
        <v>185349</v>
      </c>
      <c r="I55137" s="1" t="s">
        <v>182766</v>
      </c>
      <c r="J55137" s="1" t="s">
        <v>185432</v>
      </c>
    </row>
    <row r="55138" spans="1:10" x14ac:dyDescent="0.35">
      <c r="A55138" s="1" t="s">
        <v>145903</v>
      </c>
      <c r="B55138" s="1" t="s">
        <v>182761</v>
      </c>
      <c r="C55138" s="1" t="s">
        <v>140</v>
      </c>
      <c r="D55138" s="1" t="s">
        <v>14283</v>
      </c>
      <c r="E55138" s="1" t="s">
        <v>185433</v>
      </c>
      <c r="F55138" s="1" t="s">
        <v>185434</v>
      </c>
      <c r="G55138" s="1" t="s">
        <v>185348</v>
      </c>
      <c r="H55138" s="1" t="s">
        <v>185349</v>
      </c>
      <c r="I55138" s="1" t="s">
        <v>182766</v>
      </c>
      <c r="J55138" s="1" t="s">
        <v>185435</v>
      </c>
    </row>
    <row r="55139" spans="1:10" x14ac:dyDescent="0.35">
      <c r="A55139" s="1" t="s">
        <v>145903</v>
      </c>
      <c r="B55139" s="1" t="s">
        <v>182761</v>
      </c>
      <c r="C55139" s="1" t="s">
        <v>145</v>
      </c>
      <c r="D55139" s="1" t="s">
        <v>185436</v>
      </c>
      <c r="E55139" s="1" t="s">
        <v>185437</v>
      </c>
      <c r="F55139" s="1" t="s">
        <v>185438</v>
      </c>
      <c r="G55139" s="1" t="s">
        <v>185348</v>
      </c>
      <c r="H55139" s="1" t="s">
        <v>185349</v>
      </c>
      <c r="I55139" s="1" t="s">
        <v>182766</v>
      </c>
      <c r="J55139" s="1" t="s">
        <v>185439</v>
      </c>
    </row>
    <row r="55140" spans="1:10" x14ac:dyDescent="0.35">
      <c r="A55140" s="1" t="s">
        <v>145903</v>
      </c>
      <c r="B55140" s="1" t="s">
        <v>182761</v>
      </c>
      <c r="C55140" s="1" t="s">
        <v>150</v>
      </c>
      <c r="D55140" s="1" t="s">
        <v>109162</v>
      </c>
      <c r="E55140" s="1" t="s">
        <v>185440</v>
      </c>
      <c r="F55140" s="1" t="s">
        <v>185441</v>
      </c>
      <c r="G55140" s="1" t="s">
        <v>185348</v>
      </c>
      <c r="H55140" s="1" t="s">
        <v>185349</v>
      </c>
      <c r="I55140" s="1" t="s">
        <v>182766</v>
      </c>
      <c r="J55140" s="1" t="s">
        <v>185442</v>
      </c>
    </row>
    <row r="55141" spans="1:10" x14ac:dyDescent="0.35">
      <c r="A55141" s="1" t="s">
        <v>145903</v>
      </c>
      <c r="B55141" s="1" t="s">
        <v>182761</v>
      </c>
      <c r="C55141" s="1" t="s">
        <v>155</v>
      </c>
      <c r="D55141" s="1" t="s">
        <v>85685</v>
      </c>
      <c r="E55141" s="1" t="s">
        <v>185443</v>
      </c>
      <c r="F55141" s="1" t="s">
        <v>185444</v>
      </c>
      <c r="G55141" s="1" t="s">
        <v>185348</v>
      </c>
      <c r="H55141" s="1" t="s">
        <v>185349</v>
      </c>
      <c r="I55141" s="1" t="s">
        <v>182766</v>
      </c>
      <c r="J55141" s="1" t="s">
        <v>185445</v>
      </c>
    </row>
    <row r="55142" spans="1:10" x14ac:dyDescent="0.35">
      <c r="A55142" s="1" t="s">
        <v>145903</v>
      </c>
      <c r="B55142" s="1" t="s">
        <v>182761</v>
      </c>
      <c r="C55142" s="1" t="s">
        <v>160</v>
      </c>
      <c r="D55142" s="1" t="s">
        <v>16842</v>
      </c>
      <c r="E55142" s="1" t="s">
        <v>185446</v>
      </c>
      <c r="F55142" s="1" t="s">
        <v>185447</v>
      </c>
      <c r="G55142" s="1" t="s">
        <v>185348</v>
      </c>
      <c r="H55142" s="1" t="s">
        <v>185349</v>
      </c>
      <c r="I55142" s="1" t="s">
        <v>182766</v>
      </c>
      <c r="J55142" s="1" t="s">
        <v>185448</v>
      </c>
    </row>
    <row r="55143" spans="1:10" x14ac:dyDescent="0.35">
      <c r="A55143" s="1" t="s">
        <v>145903</v>
      </c>
      <c r="B55143" s="1" t="s">
        <v>182761</v>
      </c>
      <c r="C55143" s="1" t="s">
        <v>165</v>
      </c>
      <c r="D55143" s="1" t="s">
        <v>185449</v>
      </c>
      <c r="E55143" s="1" t="s">
        <v>185450</v>
      </c>
      <c r="F55143" s="1" t="s">
        <v>185451</v>
      </c>
      <c r="G55143" s="1" t="s">
        <v>185348</v>
      </c>
      <c r="H55143" s="1" t="s">
        <v>185349</v>
      </c>
      <c r="I55143" s="1" t="s">
        <v>182766</v>
      </c>
      <c r="J55143" s="1" t="s">
        <v>185452</v>
      </c>
    </row>
    <row r="55144" spans="1:10" x14ac:dyDescent="0.35">
      <c r="A55144" s="1" t="s">
        <v>145903</v>
      </c>
      <c r="B55144" s="1" t="s">
        <v>182761</v>
      </c>
      <c r="C55144" s="1" t="s">
        <v>170</v>
      </c>
      <c r="D55144" s="1" t="s">
        <v>79775</v>
      </c>
      <c r="E55144" s="1" t="s">
        <v>185453</v>
      </c>
      <c r="F55144" s="1" t="s">
        <v>185454</v>
      </c>
      <c r="G55144" s="1" t="s">
        <v>185348</v>
      </c>
      <c r="H55144" s="1" t="s">
        <v>185349</v>
      </c>
      <c r="I55144" s="1" t="s">
        <v>182766</v>
      </c>
      <c r="J55144" s="1" t="s">
        <v>185455</v>
      </c>
    </row>
    <row r="55145" spans="1:10" x14ac:dyDescent="0.35">
      <c r="A55145" s="1" t="s">
        <v>185456</v>
      </c>
      <c r="B55145" s="1" t="s">
        <v>182761</v>
      </c>
      <c r="C55145" s="1" t="s">
        <v>8</v>
      </c>
      <c r="D55145" s="1" t="s">
        <v>115531</v>
      </c>
      <c r="E55145" s="1" t="s">
        <v>185457</v>
      </c>
      <c r="F55145" s="1" t="s">
        <v>185458</v>
      </c>
      <c r="G55145" s="1" t="s">
        <v>185459</v>
      </c>
      <c r="H55145" s="1" t="s">
        <v>185460</v>
      </c>
      <c r="I55145" s="1" t="s">
        <v>182766</v>
      </c>
      <c r="J55145" s="1" t="s">
        <v>13</v>
      </c>
    </row>
    <row r="55146" spans="1:10" x14ac:dyDescent="0.35">
      <c r="A55146" s="1" t="s">
        <v>185456</v>
      </c>
      <c r="B55146" s="1" t="s">
        <v>182761</v>
      </c>
      <c r="C55146" s="1" t="s">
        <v>15</v>
      </c>
      <c r="D55146" s="1" t="s">
        <v>118543</v>
      </c>
      <c r="E55146" s="1" t="s">
        <v>185461</v>
      </c>
      <c r="F55146" s="1" t="s">
        <v>185462</v>
      </c>
      <c r="G55146" s="1" t="s">
        <v>185459</v>
      </c>
      <c r="H55146" s="1" t="s">
        <v>185460</v>
      </c>
      <c r="I55146" s="1" t="s">
        <v>182766</v>
      </c>
      <c r="J55146" s="1" t="s">
        <v>185463</v>
      </c>
    </row>
    <row r="55147" spans="1:10" x14ac:dyDescent="0.35">
      <c r="A55147" s="1" t="s">
        <v>185456</v>
      </c>
      <c r="B55147" s="1" t="s">
        <v>182761</v>
      </c>
      <c r="C55147" s="1" t="s">
        <v>20</v>
      </c>
      <c r="D55147" s="1" t="s">
        <v>118315</v>
      </c>
      <c r="E55147" s="1" t="s">
        <v>185464</v>
      </c>
      <c r="F55147" s="1" t="s">
        <v>185465</v>
      </c>
      <c r="G55147" s="1" t="s">
        <v>185459</v>
      </c>
      <c r="H55147" s="1" t="s">
        <v>185460</v>
      </c>
      <c r="I55147" s="1" t="s">
        <v>182766</v>
      </c>
      <c r="J55147" s="1" t="s">
        <v>185466</v>
      </c>
    </row>
    <row r="55148" spans="1:10" x14ac:dyDescent="0.35">
      <c r="A55148" s="1" t="s">
        <v>185456</v>
      </c>
      <c r="B55148" s="1" t="s">
        <v>182761</v>
      </c>
      <c r="C55148" s="1" t="s">
        <v>25</v>
      </c>
      <c r="D55148" s="1" t="s">
        <v>699</v>
      </c>
      <c r="E55148" s="1" t="s">
        <v>185467</v>
      </c>
      <c r="F55148" s="1" t="s">
        <v>185468</v>
      </c>
      <c r="G55148" s="1" t="s">
        <v>185459</v>
      </c>
      <c r="H55148" s="1" t="s">
        <v>185460</v>
      </c>
      <c r="I55148" s="1" t="s">
        <v>182766</v>
      </c>
      <c r="J55148" s="1" t="s">
        <v>185469</v>
      </c>
    </row>
    <row r="55149" spans="1:10" x14ac:dyDescent="0.35">
      <c r="A55149" s="1" t="s">
        <v>185456</v>
      </c>
      <c r="B55149" s="1" t="s">
        <v>182761</v>
      </c>
      <c r="C55149" s="1" t="s">
        <v>30</v>
      </c>
      <c r="D55149" s="1" t="s">
        <v>72982</v>
      </c>
      <c r="E55149" s="1" t="s">
        <v>185470</v>
      </c>
      <c r="F55149" s="1" t="s">
        <v>185471</v>
      </c>
      <c r="G55149" s="1" t="s">
        <v>185459</v>
      </c>
      <c r="H55149" s="1" t="s">
        <v>185460</v>
      </c>
      <c r="I55149" s="1" t="s">
        <v>182766</v>
      </c>
      <c r="J55149" s="1" t="s">
        <v>185472</v>
      </c>
    </row>
    <row r="55150" spans="1:10" x14ac:dyDescent="0.35">
      <c r="A55150" s="1" t="s">
        <v>185456</v>
      </c>
      <c r="B55150" s="1" t="s">
        <v>182761</v>
      </c>
      <c r="C55150" s="1" t="s">
        <v>35</v>
      </c>
      <c r="D55150" s="1" t="s">
        <v>24832</v>
      </c>
      <c r="E55150" s="1" t="s">
        <v>185473</v>
      </c>
      <c r="F55150" s="1" t="s">
        <v>185474</v>
      </c>
      <c r="G55150" s="1" t="s">
        <v>185459</v>
      </c>
      <c r="H55150" s="1" t="s">
        <v>185460</v>
      </c>
      <c r="I55150" s="1" t="s">
        <v>182766</v>
      </c>
      <c r="J55150" s="1" t="s">
        <v>185475</v>
      </c>
    </row>
    <row r="55151" spans="1:10" x14ac:dyDescent="0.35">
      <c r="A55151" s="1" t="s">
        <v>185456</v>
      </c>
      <c r="B55151" s="1" t="s">
        <v>182761</v>
      </c>
      <c r="C55151" s="1" t="s">
        <v>40</v>
      </c>
      <c r="D55151" s="1" t="s">
        <v>15914</v>
      </c>
      <c r="E55151" s="1" t="s">
        <v>185476</v>
      </c>
      <c r="F55151" s="1" t="s">
        <v>185477</v>
      </c>
      <c r="G55151" s="1" t="s">
        <v>185459</v>
      </c>
      <c r="H55151" s="1" t="s">
        <v>185460</v>
      </c>
      <c r="I55151" s="1" t="s">
        <v>182766</v>
      </c>
      <c r="J55151" s="1" t="s">
        <v>185478</v>
      </c>
    </row>
    <row r="55152" spans="1:10" x14ac:dyDescent="0.35">
      <c r="A55152" s="1" t="s">
        <v>185456</v>
      </c>
      <c r="B55152" s="1" t="s">
        <v>182761</v>
      </c>
      <c r="C55152" s="1" t="s">
        <v>45</v>
      </c>
      <c r="D55152" s="1" t="s">
        <v>185479</v>
      </c>
      <c r="E55152" s="1" t="s">
        <v>185480</v>
      </c>
      <c r="F55152" s="1" t="s">
        <v>185481</v>
      </c>
      <c r="G55152" s="1" t="s">
        <v>185459</v>
      </c>
      <c r="H55152" s="1" t="s">
        <v>185460</v>
      </c>
      <c r="I55152" s="1" t="s">
        <v>182766</v>
      </c>
      <c r="J55152" s="1" t="s">
        <v>185482</v>
      </c>
    </row>
    <row r="55153" spans="1:10" x14ac:dyDescent="0.35">
      <c r="A55153" s="1" t="s">
        <v>185456</v>
      </c>
      <c r="B55153" s="1" t="s">
        <v>182761</v>
      </c>
      <c r="C55153" s="1" t="s">
        <v>50</v>
      </c>
      <c r="D55153" s="1" t="s">
        <v>70956</v>
      </c>
      <c r="E55153" s="1" t="s">
        <v>185483</v>
      </c>
      <c r="F55153" s="1" t="s">
        <v>185484</v>
      </c>
      <c r="G55153" s="1" t="s">
        <v>185459</v>
      </c>
      <c r="H55153" s="1" t="s">
        <v>185460</v>
      </c>
      <c r="I55153" s="1" t="s">
        <v>182766</v>
      </c>
      <c r="J55153" s="1" t="s">
        <v>185485</v>
      </c>
    </row>
    <row r="55154" spans="1:10" x14ac:dyDescent="0.35">
      <c r="A55154" s="1" t="s">
        <v>185456</v>
      </c>
      <c r="B55154" s="1" t="s">
        <v>182761</v>
      </c>
      <c r="C55154" s="1" t="s">
        <v>55</v>
      </c>
      <c r="D55154" s="1" t="s">
        <v>185486</v>
      </c>
      <c r="E55154" s="1" t="s">
        <v>185487</v>
      </c>
      <c r="F55154" s="1" t="s">
        <v>185488</v>
      </c>
      <c r="G55154" s="1" t="s">
        <v>185459</v>
      </c>
      <c r="H55154" s="1" t="s">
        <v>185460</v>
      </c>
      <c r="I55154" s="1" t="s">
        <v>182766</v>
      </c>
      <c r="J55154" s="1" t="s">
        <v>185489</v>
      </c>
    </row>
    <row r="55155" spans="1:10" x14ac:dyDescent="0.35">
      <c r="A55155" s="1" t="s">
        <v>185456</v>
      </c>
      <c r="B55155" s="1" t="s">
        <v>182761</v>
      </c>
      <c r="C55155" s="1" t="s">
        <v>60</v>
      </c>
      <c r="D55155" s="1" t="s">
        <v>46568</v>
      </c>
      <c r="E55155" s="1" t="s">
        <v>185490</v>
      </c>
      <c r="F55155" s="1" t="s">
        <v>185491</v>
      </c>
      <c r="G55155" s="1" t="s">
        <v>185459</v>
      </c>
      <c r="H55155" s="1" t="s">
        <v>185460</v>
      </c>
      <c r="I55155" s="1" t="s">
        <v>182766</v>
      </c>
      <c r="J55155" s="1" t="s">
        <v>185492</v>
      </c>
    </row>
    <row r="55156" spans="1:10" x14ac:dyDescent="0.35">
      <c r="A55156" s="1" t="s">
        <v>185456</v>
      </c>
      <c r="B55156" s="1" t="s">
        <v>182761</v>
      </c>
      <c r="C55156" s="1" t="s">
        <v>65</v>
      </c>
      <c r="D55156" s="1" t="s">
        <v>7211</v>
      </c>
      <c r="E55156" s="1" t="s">
        <v>185493</v>
      </c>
      <c r="F55156" s="1" t="s">
        <v>185494</v>
      </c>
      <c r="G55156" s="1" t="s">
        <v>185459</v>
      </c>
      <c r="H55156" s="1" t="s">
        <v>185460</v>
      </c>
      <c r="I55156" s="1" t="s">
        <v>182766</v>
      </c>
      <c r="J55156" s="1" t="s">
        <v>185495</v>
      </c>
    </row>
    <row r="55157" spans="1:10" x14ac:dyDescent="0.35">
      <c r="A55157" s="1" t="s">
        <v>185456</v>
      </c>
      <c r="B55157" s="1" t="s">
        <v>182761</v>
      </c>
      <c r="C55157" s="1" t="s">
        <v>70</v>
      </c>
      <c r="D55157" s="1" t="s">
        <v>118336</v>
      </c>
      <c r="E55157" s="1" t="s">
        <v>185496</v>
      </c>
      <c r="F55157" s="1" t="s">
        <v>185497</v>
      </c>
      <c r="G55157" s="1" t="s">
        <v>185459</v>
      </c>
      <c r="H55157" s="1" t="s">
        <v>185460</v>
      </c>
      <c r="I55157" s="1" t="s">
        <v>182766</v>
      </c>
      <c r="J55157" s="1" t="s">
        <v>185498</v>
      </c>
    </row>
    <row r="55158" spans="1:10" x14ac:dyDescent="0.35">
      <c r="A55158" s="1" t="s">
        <v>185456</v>
      </c>
      <c r="B55158" s="1" t="s">
        <v>182761</v>
      </c>
      <c r="C55158" s="1" t="s">
        <v>75</v>
      </c>
      <c r="D55158" s="1" t="s">
        <v>185499</v>
      </c>
      <c r="E55158" s="1" t="s">
        <v>185500</v>
      </c>
      <c r="F55158" s="1" t="s">
        <v>185501</v>
      </c>
      <c r="G55158" s="1" t="s">
        <v>185459</v>
      </c>
      <c r="H55158" s="1" t="s">
        <v>185460</v>
      </c>
      <c r="I55158" s="1" t="s">
        <v>182766</v>
      </c>
      <c r="J55158" s="1" t="s">
        <v>185502</v>
      </c>
    </row>
    <row r="55159" spans="1:10" x14ac:dyDescent="0.35">
      <c r="A55159" s="1" t="s">
        <v>185456</v>
      </c>
      <c r="B55159" s="1" t="s">
        <v>182761</v>
      </c>
      <c r="C55159" s="1" t="s">
        <v>80</v>
      </c>
      <c r="D55159" s="1" t="s">
        <v>74353</v>
      </c>
      <c r="E55159" s="1" t="s">
        <v>185503</v>
      </c>
      <c r="F55159" s="1" t="s">
        <v>185504</v>
      </c>
      <c r="G55159" s="1" t="s">
        <v>185459</v>
      </c>
      <c r="H55159" s="1" t="s">
        <v>185460</v>
      </c>
      <c r="I55159" s="1" t="s">
        <v>182766</v>
      </c>
      <c r="J55159" s="1" t="s">
        <v>185505</v>
      </c>
    </row>
    <row r="55160" spans="1:10" x14ac:dyDescent="0.35">
      <c r="A55160" s="1" t="s">
        <v>185456</v>
      </c>
      <c r="B55160" s="1" t="s">
        <v>182761</v>
      </c>
      <c r="C55160" s="1" t="s">
        <v>85</v>
      </c>
      <c r="D55160" s="1" t="s">
        <v>185506</v>
      </c>
      <c r="E55160" s="1" t="s">
        <v>185507</v>
      </c>
      <c r="F55160" s="1" t="s">
        <v>185508</v>
      </c>
      <c r="G55160" s="1" t="s">
        <v>185459</v>
      </c>
      <c r="H55160" s="1" t="s">
        <v>185460</v>
      </c>
      <c r="I55160" s="1" t="s">
        <v>182766</v>
      </c>
      <c r="J55160" s="1" t="s">
        <v>185509</v>
      </c>
    </row>
    <row r="55161" spans="1:10" x14ac:dyDescent="0.35">
      <c r="A55161" s="1" t="s">
        <v>185456</v>
      </c>
      <c r="B55161" s="1" t="s">
        <v>182761</v>
      </c>
      <c r="C55161" s="1" t="s">
        <v>90</v>
      </c>
      <c r="D55161" s="1" t="s">
        <v>4229</v>
      </c>
      <c r="E55161" s="1" t="s">
        <v>185510</v>
      </c>
      <c r="F55161" s="1" t="s">
        <v>185511</v>
      </c>
      <c r="G55161" s="1" t="s">
        <v>185459</v>
      </c>
      <c r="H55161" s="1" t="s">
        <v>185460</v>
      </c>
      <c r="I55161" s="1" t="s">
        <v>182766</v>
      </c>
      <c r="J55161" s="1" t="s">
        <v>185512</v>
      </c>
    </row>
    <row r="55162" spans="1:10" x14ac:dyDescent="0.35">
      <c r="A55162" s="1" t="s">
        <v>185456</v>
      </c>
      <c r="B55162" s="1" t="s">
        <v>182761</v>
      </c>
      <c r="C55162" s="1" t="s">
        <v>95</v>
      </c>
      <c r="D55162" s="1" t="s">
        <v>185513</v>
      </c>
      <c r="E55162" s="1" t="s">
        <v>185514</v>
      </c>
      <c r="F55162" s="1" t="s">
        <v>185515</v>
      </c>
      <c r="G55162" s="1" t="s">
        <v>185459</v>
      </c>
      <c r="H55162" s="1" t="s">
        <v>185460</v>
      </c>
      <c r="I55162" s="1" t="s">
        <v>182766</v>
      </c>
      <c r="J55162" s="1" t="s">
        <v>185516</v>
      </c>
    </row>
    <row r="55163" spans="1:10" x14ac:dyDescent="0.35">
      <c r="A55163" s="1" t="s">
        <v>185456</v>
      </c>
      <c r="B55163" s="1" t="s">
        <v>182761</v>
      </c>
      <c r="C55163" s="1" t="s">
        <v>100</v>
      </c>
      <c r="D55163" s="1" t="s">
        <v>185517</v>
      </c>
      <c r="E55163" s="1" t="s">
        <v>185518</v>
      </c>
      <c r="F55163" s="1" t="s">
        <v>185519</v>
      </c>
      <c r="G55163" s="1" t="s">
        <v>185459</v>
      </c>
      <c r="H55163" s="1" t="s">
        <v>185460</v>
      </c>
      <c r="I55163" s="1" t="s">
        <v>182766</v>
      </c>
      <c r="J55163" s="1" t="s">
        <v>185520</v>
      </c>
    </row>
    <row r="55164" spans="1:10" x14ac:dyDescent="0.35">
      <c r="A55164" s="1" t="s">
        <v>185456</v>
      </c>
      <c r="B55164" s="1" t="s">
        <v>182761</v>
      </c>
      <c r="C55164" s="1" t="s">
        <v>105</v>
      </c>
      <c r="D55164" s="1" t="s">
        <v>74385</v>
      </c>
      <c r="E55164" s="1" t="s">
        <v>185521</v>
      </c>
      <c r="F55164" s="1" t="s">
        <v>185522</v>
      </c>
      <c r="G55164" s="1" t="s">
        <v>185459</v>
      </c>
      <c r="H55164" s="1" t="s">
        <v>185460</v>
      </c>
      <c r="I55164" s="1" t="s">
        <v>182766</v>
      </c>
      <c r="J55164" s="1" t="s">
        <v>185523</v>
      </c>
    </row>
    <row r="55165" spans="1:10" x14ac:dyDescent="0.35">
      <c r="A55165" s="1" t="s">
        <v>185456</v>
      </c>
      <c r="B55165" s="1" t="s">
        <v>182761</v>
      </c>
      <c r="C55165" s="1" t="s">
        <v>110</v>
      </c>
      <c r="D55165" s="1" t="s">
        <v>47140</v>
      </c>
      <c r="E55165" s="1" t="s">
        <v>185524</v>
      </c>
      <c r="F55165" s="1" t="s">
        <v>185525</v>
      </c>
      <c r="G55165" s="1" t="s">
        <v>185459</v>
      </c>
      <c r="H55165" s="1" t="s">
        <v>185460</v>
      </c>
      <c r="I55165" s="1" t="s">
        <v>182766</v>
      </c>
      <c r="J55165" s="1" t="s">
        <v>185526</v>
      </c>
    </row>
    <row r="55166" spans="1:10" x14ac:dyDescent="0.35">
      <c r="A55166" s="1" t="s">
        <v>185456</v>
      </c>
      <c r="B55166" s="1" t="s">
        <v>182761</v>
      </c>
      <c r="C55166" s="1" t="s">
        <v>115</v>
      </c>
      <c r="D55166" s="1" t="s">
        <v>43179</v>
      </c>
      <c r="E55166" s="1" t="s">
        <v>185527</v>
      </c>
      <c r="F55166" s="1" t="s">
        <v>185528</v>
      </c>
      <c r="G55166" s="1" t="s">
        <v>185459</v>
      </c>
      <c r="H55166" s="1" t="s">
        <v>185460</v>
      </c>
      <c r="I55166" s="1" t="s">
        <v>182766</v>
      </c>
      <c r="J55166" s="1" t="s">
        <v>185529</v>
      </c>
    </row>
    <row r="55167" spans="1:10" x14ac:dyDescent="0.35">
      <c r="A55167" s="1" t="s">
        <v>185456</v>
      </c>
      <c r="B55167" s="1" t="s">
        <v>182761</v>
      </c>
      <c r="C55167" s="1" t="s">
        <v>120</v>
      </c>
      <c r="D55167" s="1" t="s">
        <v>82485</v>
      </c>
      <c r="E55167" s="1" t="s">
        <v>185530</v>
      </c>
      <c r="F55167" s="1" t="s">
        <v>185531</v>
      </c>
      <c r="G55167" s="1" t="s">
        <v>185459</v>
      </c>
      <c r="H55167" s="1" t="s">
        <v>185460</v>
      </c>
      <c r="I55167" s="1" t="s">
        <v>182766</v>
      </c>
      <c r="J55167" s="1" t="s">
        <v>185532</v>
      </c>
    </row>
    <row r="55168" spans="1:10" x14ac:dyDescent="0.35">
      <c r="A55168" s="1" t="s">
        <v>185456</v>
      </c>
      <c r="B55168" s="1" t="s">
        <v>182761</v>
      </c>
      <c r="C55168" s="1" t="s">
        <v>125</v>
      </c>
      <c r="D55168" s="1" t="s">
        <v>185533</v>
      </c>
      <c r="E55168" s="1" t="s">
        <v>185534</v>
      </c>
      <c r="F55168" s="1" t="s">
        <v>185535</v>
      </c>
      <c r="G55168" s="1" t="s">
        <v>185459</v>
      </c>
      <c r="H55168" s="1" t="s">
        <v>185460</v>
      </c>
      <c r="I55168" s="1" t="s">
        <v>182766</v>
      </c>
      <c r="J55168" s="1" t="s">
        <v>185536</v>
      </c>
    </row>
    <row r="55169" spans="1:10" x14ac:dyDescent="0.35">
      <c r="A55169" s="1" t="s">
        <v>185456</v>
      </c>
      <c r="B55169" s="1" t="s">
        <v>182761</v>
      </c>
      <c r="C55169" s="1" t="s">
        <v>130</v>
      </c>
      <c r="D55169" s="1" t="s">
        <v>13567</v>
      </c>
      <c r="E55169" s="1" t="s">
        <v>185537</v>
      </c>
      <c r="F55169" s="1" t="s">
        <v>185538</v>
      </c>
      <c r="G55169" s="1" t="s">
        <v>185459</v>
      </c>
      <c r="H55169" s="1" t="s">
        <v>185460</v>
      </c>
      <c r="I55169" s="1" t="s">
        <v>182766</v>
      </c>
      <c r="J55169" s="1" t="s">
        <v>185539</v>
      </c>
    </row>
    <row r="55170" spans="1:10" x14ac:dyDescent="0.35">
      <c r="A55170" s="1" t="s">
        <v>185456</v>
      </c>
      <c r="B55170" s="1" t="s">
        <v>182761</v>
      </c>
      <c r="C55170" s="1" t="s">
        <v>135</v>
      </c>
      <c r="D55170" s="1" t="s">
        <v>185540</v>
      </c>
      <c r="E55170" s="1" t="s">
        <v>185541</v>
      </c>
      <c r="F55170" s="1" t="s">
        <v>185542</v>
      </c>
      <c r="G55170" s="1" t="s">
        <v>185459</v>
      </c>
      <c r="H55170" s="1" t="s">
        <v>185460</v>
      </c>
      <c r="I55170" s="1" t="s">
        <v>182766</v>
      </c>
      <c r="J55170" s="1" t="s">
        <v>185543</v>
      </c>
    </row>
    <row r="55171" spans="1:10" x14ac:dyDescent="0.35">
      <c r="A55171" s="1" t="s">
        <v>185456</v>
      </c>
      <c r="B55171" s="1" t="s">
        <v>182761</v>
      </c>
      <c r="C55171" s="1" t="s">
        <v>140</v>
      </c>
      <c r="D55171" s="1" t="s">
        <v>185544</v>
      </c>
      <c r="E55171" s="1" t="s">
        <v>185545</v>
      </c>
      <c r="F55171" s="1" t="s">
        <v>185546</v>
      </c>
      <c r="G55171" s="1" t="s">
        <v>185459</v>
      </c>
      <c r="H55171" s="1" t="s">
        <v>185460</v>
      </c>
      <c r="I55171" s="1" t="s">
        <v>182766</v>
      </c>
      <c r="J55171" s="1" t="s">
        <v>185547</v>
      </c>
    </row>
    <row r="55172" spans="1:10" x14ac:dyDescent="0.35">
      <c r="A55172" s="1" t="s">
        <v>185456</v>
      </c>
      <c r="B55172" s="1" t="s">
        <v>182761</v>
      </c>
      <c r="C55172" s="1" t="s">
        <v>145</v>
      </c>
      <c r="D55172" s="1" t="s">
        <v>46547</v>
      </c>
      <c r="E55172" s="1" t="s">
        <v>185548</v>
      </c>
      <c r="F55172" s="1" t="s">
        <v>185549</v>
      </c>
      <c r="G55172" s="1" t="s">
        <v>185459</v>
      </c>
      <c r="H55172" s="1" t="s">
        <v>185460</v>
      </c>
      <c r="I55172" s="1" t="s">
        <v>182766</v>
      </c>
      <c r="J55172" s="1" t="s">
        <v>185550</v>
      </c>
    </row>
    <row r="55173" spans="1:10" x14ac:dyDescent="0.35">
      <c r="A55173" s="1" t="s">
        <v>185456</v>
      </c>
      <c r="B55173" s="1" t="s">
        <v>182761</v>
      </c>
      <c r="C55173" s="1" t="s">
        <v>150</v>
      </c>
      <c r="D55173" s="1" t="s">
        <v>18807</v>
      </c>
      <c r="E55173" s="1" t="s">
        <v>185551</v>
      </c>
      <c r="F55173" s="1" t="s">
        <v>185552</v>
      </c>
      <c r="G55173" s="1" t="s">
        <v>185459</v>
      </c>
      <c r="H55173" s="1" t="s">
        <v>185460</v>
      </c>
      <c r="I55173" s="1" t="s">
        <v>182766</v>
      </c>
      <c r="J55173" s="1" t="s">
        <v>185553</v>
      </c>
    </row>
    <row r="55174" spans="1:10" x14ac:dyDescent="0.35">
      <c r="A55174" s="1" t="s">
        <v>185456</v>
      </c>
      <c r="B55174" s="1" t="s">
        <v>182761</v>
      </c>
      <c r="C55174" s="1" t="s">
        <v>155</v>
      </c>
      <c r="D55174" s="1" t="s">
        <v>185554</v>
      </c>
      <c r="E55174" s="1" t="s">
        <v>185555</v>
      </c>
      <c r="F55174" s="1" t="s">
        <v>185556</v>
      </c>
      <c r="G55174" s="1" t="s">
        <v>185459</v>
      </c>
      <c r="H55174" s="1" t="s">
        <v>185460</v>
      </c>
      <c r="I55174" s="1" t="s">
        <v>182766</v>
      </c>
      <c r="J55174" s="1" t="s">
        <v>185557</v>
      </c>
    </row>
    <row r="55175" spans="1:10" x14ac:dyDescent="0.35">
      <c r="A55175" s="1" t="s">
        <v>185456</v>
      </c>
      <c r="B55175" s="1" t="s">
        <v>182761</v>
      </c>
      <c r="C55175" s="1" t="s">
        <v>160</v>
      </c>
      <c r="D55175" s="1" t="s">
        <v>185558</v>
      </c>
      <c r="E55175" s="1" t="s">
        <v>185559</v>
      </c>
      <c r="F55175" s="1" t="s">
        <v>185560</v>
      </c>
      <c r="G55175" s="1" t="s">
        <v>185459</v>
      </c>
      <c r="H55175" s="1" t="s">
        <v>185460</v>
      </c>
      <c r="I55175" s="1" t="s">
        <v>182766</v>
      </c>
      <c r="J55175" s="1" t="s">
        <v>185561</v>
      </c>
    </row>
    <row r="55176" spans="1:10" x14ac:dyDescent="0.35">
      <c r="A55176" s="1" t="s">
        <v>185456</v>
      </c>
      <c r="B55176" s="1" t="s">
        <v>182761</v>
      </c>
      <c r="C55176" s="1" t="s">
        <v>165</v>
      </c>
      <c r="D55176" s="1" t="s">
        <v>67920</v>
      </c>
      <c r="E55176" s="1" t="s">
        <v>185562</v>
      </c>
      <c r="F55176" s="1" t="s">
        <v>185563</v>
      </c>
      <c r="G55176" s="1" t="s">
        <v>185459</v>
      </c>
      <c r="H55176" s="1" t="s">
        <v>185460</v>
      </c>
      <c r="I55176" s="1" t="s">
        <v>182766</v>
      </c>
      <c r="J55176" s="1" t="s">
        <v>185564</v>
      </c>
    </row>
    <row r="55177" spans="1:10" x14ac:dyDescent="0.35">
      <c r="A55177" s="1" t="s">
        <v>185456</v>
      </c>
      <c r="B55177" s="1" t="s">
        <v>182761</v>
      </c>
      <c r="C55177" s="1" t="s">
        <v>170</v>
      </c>
      <c r="D55177" s="1" t="s">
        <v>185565</v>
      </c>
      <c r="E55177" s="1" t="s">
        <v>185566</v>
      </c>
      <c r="F55177" s="1" t="s">
        <v>185567</v>
      </c>
      <c r="G55177" s="1" t="s">
        <v>185459</v>
      </c>
      <c r="H55177" s="1" t="s">
        <v>185460</v>
      </c>
      <c r="I55177" s="1" t="s">
        <v>182766</v>
      </c>
      <c r="J55177" s="1" t="s">
        <v>185568</v>
      </c>
    </row>
    <row r="55178" spans="1:10" x14ac:dyDescent="0.35">
      <c r="A55178" s="1" t="s">
        <v>165805</v>
      </c>
      <c r="B55178" s="1" t="s">
        <v>182761</v>
      </c>
      <c r="C55178" s="1" t="s">
        <v>8</v>
      </c>
      <c r="D55178" s="1" t="s">
        <v>185569</v>
      </c>
      <c r="E55178" s="1" t="s">
        <v>185570</v>
      </c>
      <c r="F55178" s="1" t="s">
        <v>185571</v>
      </c>
      <c r="G55178" s="1" t="s">
        <v>185572</v>
      </c>
      <c r="H55178" s="1" t="s">
        <v>185573</v>
      </c>
      <c r="I55178" s="1" t="s">
        <v>182766</v>
      </c>
      <c r="J55178" s="1" t="s">
        <v>13</v>
      </c>
    </row>
    <row r="55179" spans="1:10" x14ac:dyDescent="0.35">
      <c r="A55179" s="1" t="s">
        <v>165805</v>
      </c>
      <c r="B55179" s="1" t="s">
        <v>182761</v>
      </c>
      <c r="C55179" s="1" t="s">
        <v>15</v>
      </c>
      <c r="D55179" s="1" t="s">
        <v>185574</v>
      </c>
      <c r="E55179" s="1" t="s">
        <v>185575</v>
      </c>
      <c r="F55179" s="1" t="s">
        <v>185576</v>
      </c>
      <c r="G55179" s="1" t="s">
        <v>185572</v>
      </c>
      <c r="H55179" s="1" t="s">
        <v>185573</v>
      </c>
      <c r="I55179" s="1" t="s">
        <v>182766</v>
      </c>
      <c r="J55179" s="1" t="s">
        <v>185577</v>
      </c>
    </row>
    <row r="55180" spans="1:10" x14ac:dyDescent="0.35">
      <c r="A55180" s="1" t="s">
        <v>165805</v>
      </c>
      <c r="B55180" s="1" t="s">
        <v>182761</v>
      </c>
      <c r="C55180" s="1" t="s">
        <v>20</v>
      </c>
      <c r="D55180" s="1" t="s">
        <v>30261</v>
      </c>
      <c r="E55180" s="1" t="s">
        <v>185578</v>
      </c>
      <c r="F55180" s="1" t="s">
        <v>185579</v>
      </c>
      <c r="G55180" s="1" t="s">
        <v>185572</v>
      </c>
      <c r="H55180" s="1" t="s">
        <v>185573</v>
      </c>
      <c r="I55180" s="1" t="s">
        <v>182766</v>
      </c>
      <c r="J55180" s="1" t="s">
        <v>185580</v>
      </c>
    </row>
    <row r="55181" spans="1:10" x14ac:dyDescent="0.35">
      <c r="A55181" s="1" t="s">
        <v>165805</v>
      </c>
      <c r="B55181" s="1" t="s">
        <v>182761</v>
      </c>
      <c r="C55181" s="1" t="s">
        <v>25</v>
      </c>
      <c r="D55181" s="1" t="s">
        <v>177462</v>
      </c>
      <c r="E55181" s="1" t="s">
        <v>185581</v>
      </c>
      <c r="F55181" s="1" t="s">
        <v>185582</v>
      </c>
      <c r="G55181" s="1" t="s">
        <v>185572</v>
      </c>
      <c r="H55181" s="1" t="s">
        <v>185573</v>
      </c>
      <c r="I55181" s="1" t="s">
        <v>182766</v>
      </c>
      <c r="J55181" s="1" t="s">
        <v>185583</v>
      </c>
    </row>
    <row r="55182" spans="1:10" x14ac:dyDescent="0.35">
      <c r="A55182" s="1" t="s">
        <v>165805</v>
      </c>
      <c r="B55182" s="1" t="s">
        <v>182761</v>
      </c>
      <c r="C55182" s="1" t="s">
        <v>30</v>
      </c>
      <c r="D55182" s="1" t="s">
        <v>155180</v>
      </c>
      <c r="E55182" s="1" t="s">
        <v>185584</v>
      </c>
      <c r="F55182" s="1" t="s">
        <v>185585</v>
      </c>
      <c r="G55182" s="1" t="s">
        <v>185572</v>
      </c>
      <c r="H55182" s="1" t="s">
        <v>185573</v>
      </c>
      <c r="I55182" s="1" t="s">
        <v>182766</v>
      </c>
      <c r="J55182" s="1" t="s">
        <v>185586</v>
      </c>
    </row>
    <row r="55183" spans="1:10" x14ac:dyDescent="0.35">
      <c r="A55183" s="1" t="s">
        <v>165805</v>
      </c>
      <c r="B55183" s="1" t="s">
        <v>182761</v>
      </c>
      <c r="C55183" s="1" t="s">
        <v>35</v>
      </c>
      <c r="D55183" s="1" t="s">
        <v>18263</v>
      </c>
      <c r="E55183" s="1" t="s">
        <v>185587</v>
      </c>
      <c r="F55183" s="1" t="s">
        <v>185588</v>
      </c>
      <c r="G55183" s="1" t="s">
        <v>185572</v>
      </c>
      <c r="H55183" s="1" t="s">
        <v>185573</v>
      </c>
      <c r="I55183" s="1" t="s">
        <v>182766</v>
      </c>
      <c r="J55183" s="1" t="s">
        <v>185589</v>
      </c>
    </row>
    <row r="55184" spans="1:10" x14ac:dyDescent="0.35">
      <c r="A55184" s="1" t="s">
        <v>165805</v>
      </c>
      <c r="B55184" s="1" t="s">
        <v>182761</v>
      </c>
      <c r="C55184" s="1" t="s">
        <v>40</v>
      </c>
      <c r="D55184" s="1" t="s">
        <v>185590</v>
      </c>
      <c r="E55184" s="1" t="s">
        <v>185591</v>
      </c>
      <c r="F55184" s="1" t="s">
        <v>185592</v>
      </c>
      <c r="G55184" s="1" t="s">
        <v>185572</v>
      </c>
      <c r="H55184" s="1" t="s">
        <v>185573</v>
      </c>
      <c r="I55184" s="1" t="s">
        <v>182766</v>
      </c>
      <c r="J55184" s="1" t="s">
        <v>185593</v>
      </c>
    </row>
    <row r="55185" spans="1:10" x14ac:dyDescent="0.35">
      <c r="A55185" s="1" t="s">
        <v>165805</v>
      </c>
      <c r="B55185" s="1" t="s">
        <v>182761</v>
      </c>
      <c r="C55185" s="1" t="s">
        <v>45</v>
      </c>
      <c r="D55185" s="1" t="s">
        <v>15663</v>
      </c>
      <c r="E55185" s="1" t="s">
        <v>185594</v>
      </c>
      <c r="F55185" s="1" t="s">
        <v>185595</v>
      </c>
      <c r="G55185" s="1" t="s">
        <v>185572</v>
      </c>
      <c r="H55185" s="1" t="s">
        <v>185573</v>
      </c>
      <c r="I55185" s="1" t="s">
        <v>182766</v>
      </c>
      <c r="J55185" s="1" t="s">
        <v>185596</v>
      </c>
    </row>
    <row r="55186" spans="1:10" x14ac:dyDescent="0.35">
      <c r="A55186" s="1" t="s">
        <v>165805</v>
      </c>
      <c r="B55186" s="1" t="s">
        <v>182761</v>
      </c>
      <c r="C55186" s="1" t="s">
        <v>50</v>
      </c>
      <c r="D55186" s="1" t="s">
        <v>72598</v>
      </c>
      <c r="E55186" s="1" t="s">
        <v>185597</v>
      </c>
      <c r="F55186" s="1" t="s">
        <v>185598</v>
      </c>
      <c r="G55186" s="1" t="s">
        <v>185572</v>
      </c>
      <c r="H55186" s="1" t="s">
        <v>185573</v>
      </c>
      <c r="I55186" s="1" t="s">
        <v>182766</v>
      </c>
      <c r="J55186" s="1" t="s">
        <v>185599</v>
      </c>
    </row>
    <row r="55187" spans="1:10" x14ac:dyDescent="0.35">
      <c r="A55187" s="1" t="s">
        <v>165805</v>
      </c>
      <c r="B55187" s="1" t="s">
        <v>182761</v>
      </c>
      <c r="C55187" s="1" t="s">
        <v>55</v>
      </c>
      <c r="D55187" s="1" t="s">
        <v>181186</v>
      </c>
      <c r="E55187" s="1" t="s">
        <v>185600</v>
      </c>
      <c r="F55187" s="1" t="s">
        <v>185601</v>
      </c>
      <c r="G55187" s="1" t="s">
        <v>185572</v>
      </c>
      <c r="H55187" s="1" t="s">
        <v>185573</v>
      </c>
      <c r="I55187" s="1" t="s">
        <v>182766</v>
      </c>
      <c r="J55187" s="1" t="s">
        <v>185602</v>
      </c>
    </row>
    <row r="55188" spans="1:10" x14ac:dyDescent="0.35">
      <c r="A55188" s="1" t="s">
        <v>165805</v>
      </c>
      <c r="B55188" s="1" t="s">
        <v>182761</v>
      </c>
      <c r="C55188" s="1" t="s">
        <v>60</v>
      </c>
      <c r="D55188" s="1" t="s">
        <v>185603</v>
      </c>
      <c r="E55188" s="1" t="s">
        <v>185604</v>
      </c>
      <c r="F55188" s="1" t="s">
        <v>185605</v>
      </c>
      <c r="G55188" s="1" t="s">
        <v>185572</v>
      </c>
      <c r="H55188" s="1" t="s">
        <v>185573</v>
      </c>
      <c r="I55188" s="1" t="s">
        <v>182766</v>
      </c>
      <c r="J55188" s="1" t="s">
        <v>185606</v>
      </c>
    </row>
    <row r="55189" spans="1:10" x14ac:dyDescent="0.35">
      <c r="A55189" s="1" t="s">
        <v>165805</v>
      </c>
      <c r="B55189" s="1" t="s">
        <v>182761</v>
      </c>
      <c r="C55189" s="1" t="s">
        <v>65</v>
      </c>
      <c r="D55189" s="1" t="s">
        <v>4214</v>
      </c>
      <c r="E55189" s="1" t="s">
        <v>185607</v>
      </c>
      <c r="F55189" s="1" t="s">
        <v>185608</v>
      </c>
      <c r="G55189" s="1" t="s">
        <v>185572</v>
      </c>
      <c r="H55189" s="1" t="s">
        <v>185573</v>
      </c>
      <c r="I55189" s="1" t="s">
        <v>182766</v>
      </c>
      <c r="J55189" s="1" t="s">
        <v>185609</v>
      </c>
    </row>
    <row r="55190" spans="1:10" x14ac:dyDescent="0.35">
      <c r="A55190" s="1" t="s">
        <v>165805</v>
      </c>
      <c r="B55190" s="1" t="s">
        <v>182761</v>
      </c>
      <c r="C55190" s="1" t="s">
        <v>70</v>
      </c>
      <c r="D55190" s="1" t="s">
        <v>185610</v>
      </c>
      <c r="E55190" s="1" t="s">
        <v>185611</v>
      </c>
      <c r="F55190" s="1" t="s">
        <v>185612</v>
      </c>
      <c r="G55190" s="1" t="s">
        <v>185572</v>
      </c>
      <c r="H55190" s="1" t="s">
        <v>185573</v>
      </c>
      <c r="I55190" s="1" t="s">
        <v>182766</v>
      </c>
      <c r="J55190" s="1" t="s">
        <v>185613</v>
      </c>
    </row>
    <row r="55191" spans="1:10" x14ac:dyDescent="0.35">
      <c r="A55191" s="1" t="s">
        <v>165805</v>
      </c>
      <c r="B55191" s="1" t="s">
        <v>182761</v>
      </c>
      <c r="C55191" s="1" t="s">
        <v>75</v>
      </c>
      <c r="D55191" s="1" t="s">
        <v>82901</v>
      </c>
      <c r="E55191" s="1" t="s">
        <v>185614</v>
      </c>
      <c r="F55191" s="1" t="s">
        <v>185615</v>
      </c>
      <c r="G55191" s="1" t="s">
        <v>185572</v>
      </c>
      <c r="H55191" s="1" t="s">
        <v>185573</v>
      </c>
      <c r="I55191" s="1" t="s">
        <v>182766</v>
      </c>
      <c r="J55191" s="1" t="s">
        <v>185616</v>
      </c>
    </row>
    <row r="55192" spans="1:10" x14ac:dyDescent="0.35">
      <c r="A55192" s="1" t="s">
        <v>165805</v>
      </c>
      <c r="B55192" s="1" t="s">
        <v>182761</v>
      </c>
      <c r="C55192" s="1" t="s">
        <v>80</v>
      </c>
      <c r="D55192" s="1" t="s">
        <v>121573</v>
      </c>
      <c r="E55192" s="1" t="s">
        <v>185617</v>
      </c>
      <c r="F55192" s="1" t="s">
        <v>185618</v>
      </c>
      <c r="G55192" s="1" t="s">
        <v>185572</v>
      </c>
      <c r="H55192" s="1" t="s">
        <v>185573</v>
      </c>
      <c r="I55192" s="1" t="s">
        <v>182766</v>
      </c>
      <c r="J55192" s="1" t="s">
        <v>185619</v>
      </c>
    </row>
    <row r="55193" spans="1:10" x14ac:dyDescent="0.35">
      <c r="A55193" s="1" t="s">
        <v>165805</v>
      </c>
      <c r="B55193" s="1" t="s">
        <v>182761</v>
      </c>
      <c r="C55193" s="1" t="s">
        <v>85</v>
      </c>
      <c r="D55193" s="1" t="s">
        <v>172525</v>
      </c>
      <c r="E55193" s="1" t="s">
        <v>185620</v>
      </c>
      <c r="F55193" s="1" t="s">
        <v>185621</v>
      </c>
      <c r="G55193" s="1" t="s">
        <v>185572</v>
      </c>
      <c r="H55193" s="1" t="s">
        <v>185573</v>
      </c>
      <c r="I55193" s="1" t="s">
        <v>182766</v>
      </c>
      <c r="J55193" s="1" t="s">
        <v>185622</v>
      </c>
    </row>
    <row r="55194" spans="1:10" x14ac:dyDescent="0.35">
      <c r="A55194" s="1" t="s">
        <v>165805</v>
      </c>
      <c r="B55194" s="1" t="s">
        <v>182761</v>
      </c>
      <c r="C55194" s="1" t="s">
        <v>90</v>
      </c>
      <c r="D55194" s="1" t="s">
        <v>169117</v>
      </c>
      <c r="E55194" s="1" t="s">
        <v>185623</v>
      </c>
      <c r="F55194" s="1" t="s">
        <v>185624</v>
      </c>
      <c r="G55194" s="1" t="s">
        <v>185572</v>
      </c>
      <c r="H55194" s="1" t="s">
        <v>185573</v>
      </c>
      <c r="I55194" s="1" t="s">
        <v>182766</v>
      </c>
      <c r="J55194" s="1" t="s">
        <v>185625</v>
      </c>
    </row>
    <row r="55195" spans="1:10" x14ac:dyDescent="0.35">
      <c r="A55195" s="1" t="s">
        <v>165805</v>
      </c>
      <c r="B55195" s="1" t="s">
        <v>182761</v>
      </c>
      <c r="C55195" s="1" t="s">
        <v>95</v>
      </c>
      <c r="D55195" s="1" t="s">
        <v>185626</v>
      </c>
      <c r="E55195" s="1" t="s">
        <v>185627</v>
      </c>
      <c r="F55195" s="1" t="s">
        <v>185628</v>
      </c>
      <c r="G55195" s="1" t="s">
        <v>185572</v>
      </c>
      <c r="H55195" s="1" t="s">
        <v>185573</v>
      </c>
      <c r="I55195" s="1" t="s">
        <v>182766</v>
      </c>
      <c r="J55195" s="1" t="s">
        <v>185629</v>
      </c>
    </row>
    <row r="55196" spans="1:10" x14ac:dyDescent="0.35">
      <c r="A55196" s="1" t="s">
        <v>165805</v>
      </c>
      <c r="B55196" s="1" t="s">
        <v>182761</v>
      </c>
      <c r="C55196" s="1" t="s">
        <v>100</v>
      </c>
      <c r="D55196" s="1" t="s">
        <v>185630</v>
      </c>
      <c r="E55196" s="1" t="s">
        <v>185631</v>
      </c>
      <c r="F55196" s="1" t="s">
        <v>185632</v>
      </c>
      <c r="G55196" s="1" t="s">
        <v>185572</v>
      </c>
      <c r="H55196" s="1" t="s">
        <v>185573</v>
      </c>
      <c r="I55196" s="1" t="s">
        <v>182766</v>
      </c>
      <c r="J55196" s="1" t="s">
        <v>185633</v>
      </c>
    </row>
    <row r="55197" spans="1:10" x14ac:dyDescent="0.35">
      <c r="A55197" s="1" t="s">
        <v>165805</v>
      </c>
      <c r="B55197" s="1" t="s">
        <v>182761</v>
      </c>
      <c r="C55197" s="1" t="s">
        <v>105</v>
      </c>
      <c r="D55197" s="1" t="s">
        <v>16806</v>
      </c>
      <c r="E55197" s="1" t="s">
        <v>185634</v>
      </c>
      <c r="F55197" s="1" t="s">
        <v>185635</v>
      </c>
      <c r="G55197" s="1" t="s">
        <v>185572</v>
      </c>
      <c r="H55197" s="1" t="s">
        <v>185573</v>
      </c>
      <c r="I55197" s="1" t="s">
        <v>182766</v>
      </c>
      <c r="J55197" s="1" t="s">
        <v>185636</v>
      </c>
    </row>
    <row r="55198" spans="1:10" x14ac:dyDescent="0.35">
      <c r="A55198" s="1" t="s">
        <v>165805</v>
      </c>
      <c r="B55198" s="1" t="s">
        <v>182761</v>
      </c>
      <c r="C55198" s="1" t="s">
        <v>110</v>
      </c>
      <c r="D55198" s="1" t="s">
        <v>151108</v>
      </c>
      <c r="E55198" s="1" t="s">
        <v>185637</v>
      </c>
      <c r="F55198" s="1" t="s">
        <v>185638</v>
      </c>
      <c r="G55198" s="1" t="s">
        <v>185572</v>
      </c>
      <c r="H55198" s="1" t="s">
        <v>185573</v>
      </c>
      <c r="I55198" s="1" t="s">
        <v>182766</v>
      </c>
      <c r="J55198" s="1" t="s">
        <v>185639</v>
      </c>
    </row>
    <row r="55199" spans="1:10" x14ac:dyDescent="0.35">
      <c r="A55199" s="1" t="s">
        <v>165805</v>
      </c>
      <c r="B55199" s="1" t="s">
        <v>182761</v>
      </c>
      <c r="C55199" s="1" t="s">
        <v>115</v>
      </c>
      <c r="D55199" s="1" t="s">
        <v>185640</v>
      </c>
      <c r="E55199" s="1" t="s">
        <v>185641</v>
      </c>
      <c r="F55199" s="1" t="s">
        <v>185642</v>
      </c>
      <c r="G55199" s="1" t="s">
        <v>185572</v>
      </c>
      <c r="H55199" s="1" t="s">
        <v>185573</v>
      </c>
      <c r="I55199" s="1" t="s">
        <v>182766</v>
      </c>
      <c r="J55199" s="1" t="s">
        <v>185643</v>
      </c>
    </row>
    <row r="55200" spans="1:10" x14ac:dyDescent="0.35">
      <c r="A55200" s="1" t="s">
        <v>165805</v>
      </c>
      <c r="B55200" s="1" t="s">
        <v>182761</v>
      </c>
      <c r="C55200" s="1" t="s">
        <v>120</v>
      </c>
      <c r="D55200" s="1" t="s">
        <v>185644</v>
      </c>
      <c r="E55200" s="1" t="s">
        <v>185645</v>
      </c>
      <c r="F55200" s="1" t="s">
        <v>185646</v>
      </c>
      <c r="G55200" s="1" t="s">
        <v>185572</v>
      </c>
      <c r="H55200" s="1" t="s">
        <v>185573</v>
      </c>
      <c r="I55200" s="1" t="s">
        <v>182766</v>
      </c>
      <c r="J55200" s="1" t="s">
        <v>185647</v>
      </c>
    </row>
    <row r="55201" spans="1:10" x14ac:dyDescent="0.35">
      <c r="A55201" s="1" t="s">
        <v>165805</v>
      </c>
      <c r="B55201" s="1" t="s">
        <v>182761</v>
      </c>
      <c r="C55201" s="1" t="s">
        <v>125</v>
      </c>
      <c r="D55201" s="1" t="s">
        <v>53065</v>
      </c>
      <c r="E55201" s="1" t="s">
        <v>185648</v>
      </c>
      <c r="F55201" s="1" t="s">
        <v>185649</v>
      </c>
      <c r="G55201" s="1" t="s">
        <v>185572</v>
      </c>
      <c r="H55201" s="1" t="s">
        <v>185573</v>
      </c>
      <c r="I55201" s="1" t="s">
        <v>182766</v>
      </c>
      <c r="J55201" s="1" t="s">
        <v>185650</v>
      </c>
    </row>
    <row r="55202" spans="1:10" x14ac:dyDescent="0.35">
      <c r="A55202" s="1" t="s">
        <v>165805</v>
      </c>
      <c r="B55202" s="1" t="s">
        <v>182761</v>
      </c>
      <c r="C55202" s="1" t="s">
        <v>130</v>
      </c>
      <c r="D55202" s="1" t="s">
        <v>185651</v>
      </c>
      <c r="E55202" s="1" t="s">
        <v>185652</v>
      </c>
      <c r="F55202" s="1" t="s">
        <v>185653</v>
      </c>
      <c r="G55202" s="1" t="s">
        <v>185572</v>
      </c>
      <c r="H55202" s="1" t="s">
        <v>185573</v>
      </c>
      <c r="I55202" s="1" t="s">
        <v>182766</v>
      </c>
      <c r="J55202" s="1" t="s">
        <v>185654</v>
      </c>
    </row>
    <row r="55203" spans="1:10" x14ac:dyDescent="0.35">
      <c r="A55203" s="1" t="s">
        <v>165805</v>
      </c>
      <c r="B55203" s="1" t="s">
        <v>182761</v>
      </c>
      <c r="C55203" s="1" t="s">
        <v>135</v>
      </c>
      <c r="D55203" s="1" t="s">
        <v>142101</v>
      </c>
      <c r="E55203" s="1" t="s">
        <v>185655</v>
      </c>
      <c r="F55203" s="1" t="s">
        <v>185656</v>
      </c>
      <c r="G55203" s="1" t="s">
        <v>185572</v>
      </c>
      <c r="H55203" s="1" t="s">
        <v>185573</v>
      </c>
      <c r="I55203" s="1" t="s">
        <v>182766</v>
      </c>
      <c r="J55203" s="1" t="s">
        <v>185657</v>
      </c>
    </row>
    <row r="55204" spans="1:10" x14ac:dyDescent="0.35">
      <c r="A55204" s="1" t="s">
        <v>165805</v>
      </c>
      <c r="B55204" s="1" t="s">
        <v>182761</v>
      </c>
      <c r="C55204" s="1" t="s">
        <v>140</v>
      </c>
      <c r="D55204" s="1" t="s">
        <v>185658</v>
      </c>
      <c r="E55204" s="1" t="s">
        <v>185659</v>
      </c>
      <c r="F55204" s="1" t="s">
        <v>185660</v>
      </c>
      <c r="G55204" s="1" t="s">
        <v>185572</v>
      </c>
      <c r="H55204" s="1" t="s">
        <v>185573</v>
      </c>
      <c r="I55204" s="1" t="s">
        <v>182766</v>
      </c>
      <c r="J55204" s="1" t="s">
        <v>185661</v>
      </c>
    </row>
    <row r="55205" spans="1:10" x14ac:dyDescent="0.35">
      <c r="A55205" s="1" t="s">
        <v>165805</v>
      </c>
      <c r="B55205" s="1" t="s">
        <v>182761</v>
      </c>
      <c r="C55205" s="1" t="s">
        <v>145</v>
      </c>
      <c r="D55205" s="1" t="s">
        <v>168738</v>
      </c>
      <c r="E55205" s="1" t="s">
        <v>185662</v>
      </c>
      <c r="F55205" s="1" t="s">
        <v>185663</v>
      </c>
      <c r="G55205" s="1" t="s">
        <v>185572</v>
      </c>
      <c r="H55205" s="1" t="s">
        <v>185573</v>
      </c>
      <c r="I55205" s="1" t="s">
        <v>182766</v>
      </c>
      <c r="J55205" s="1" t="s">
        <v>185664</v>
      </c>
    </row>
    <row r="55206" spans="1:10" x14ac:dyDescent="0.35">
      <c r="A55206" s="1" t="s">
        <v>165805</v>
      </c>
      <c r="B55206" s="1" t="s">
        <v>182761</v>
      </c>
      <c r="C55206" s="1" t="s">
        <v>150</v>
      </c>
      <c r="D55206" s="1" t="s">
        <v>137856</v>
      </c>
      <c r="E55206" s="1" t="s">
        <v>185665</v>
      </c>
      <c r="F55206" s="1" t="s">
        <v>185666</v>
      </c>
      <c r="G55206" s="1" t="s">
        <v>185572</v>
      </c>
      <c r="H55206" s="1" t="s">
        <v>185573</v>
      </c>
      <c r="I55206" s="1" t="s">
        <v>182766</v>
      </c>
      <c r="J55206" s="1" t="s">
        <v>185667</v>
      </c>
    </row>
    <row r="55207" spans="1:10" x14ac:dyDescent="0.35">
      <c r="A55207" s="1" t="s">
        <v>165805</v>
      </c>
      <c r="B55207" s="1" t="s">
        <v>182761</v>
      </c>
      <c r="C55207" s="1" t="s">
        <v>155</v>
      </c>
      <c r="D55207" s="1" t="s">
        <v>99571</v>
      </c>
      <c r="E55207" s="1" t="s">
        <v>185668</v>
      </c>
      <c r="F55207" s="1" t="s">
        <v>185669</v>
      </c>
      <c r="G55207" s="1" t="s">
        <v>185572</v>
      </c>
      <c r="H55207" s="1" t="s">
        <v>185573</v>
      </c>
      <c r="I55207" s="1" t="s">
        <v>182766</v>
      </c>
      <c r="J55207" s="1" t="s">
        <v>185670</v>
      </c>
    </row>
    <row r="55208" spans="1:10" x14ac:dyDescent="0.35">
      <c r="A55208" s="1" t="s">
        <v>165805</v>
      </c>
      <c r="B55208" s="1" t="s">
        <v>182761</v>
      </c>
      <c r="C55208" s="1" t="s">
        <v>160</v>
      </c>
      <c r="D55208" s="1" t="s">
        <v>166438</v>
      </c>
      <c r="E55208" s="1" t="s">
        <v>185671</v>
      </c>
      <c r="F55208" s="1" t="s">
        <v>185672</v>
      </c>
      <c r="G55208" s="1" t="s">
        <v>185572</v>
      </c>
      <c r="H55208" s="1" t="s">
        <v>185573</v>
      </c>
      <c r="I55208" s="1" t="s">
        <v>182766</v>
      </c>
      <c r="J55208" s="1" t="s">
        <v>185673</v>
      </c>
    </row>
    <row r="55209" spans="1:10" x14ac:dyDescent="0.35">
      <c r="A55209" s="1" t="s">
        <v>165805</v>
      </c>
      <c r="B55209" s="1" t="s">
        <v>182761</v>
      </c>
      <c r="C55209" s="1" t="s">
        <v>165</v>
      </c>
      <c r="D55209" s="1" t="s">
        <v>68159</v>
      </c>
      <c r="E55209" s="1" t="s">
        <v>185674</v>
      </c>
      <c r="F55209" s="1" t="s">
        <v>185675</v>
      </c>
      <c r="G55209" s="1" t="s">
        <v>185572</v>
      </c>
      <c r="H55209" s="1" t="s">
        <v>185573</v>
      </c>
      <c r="I55209" s="1" t="s">
        <v>182766</v>
      </c>
      <c r="J55209" s="1" t="s">
        <v>185676</v>
      </c>
    </row>
    <row r="55210" spans="1:10" x14ac:dyDescent="0.35">
      <c r="A55210" s="1" t="s">
        <v>165805</v>
      </c>
      <c r="B55210" s="1" t="s">
        <v>182761</v>
      </c>
      <c r="C55210" s="1" t="s">
        <v>170</v>
      </c>
      <c r="D55210" s="1" t="s">
        <v>53811</v>
      </c>
      <c r="E55210" s="1" t="s">
        <v>185677</v>
      </c>
      <c r="F55210" s="1" t="s">
        <v>185678</v>
      </c>
      <c r="G55210" s="1" t="s">
        <v>185572</v>
      </c>
      <c r="H55210" s="1" t="s">
        <v>185573</v>
      </c>
      <c r="I55210" s="1" t="s">
        <v>182766</v>
      </c>
      <c r="J55210" s="1" t="s">
        <v>185679</v>
      </c>
    </row>
    <row r="55211" spans="1:10" x14ac:dyDescent="0.35">
      <c r="A55211" s="1" t="s">
        <v>27741</v>
      </c>
      <c r="B55211" s="1" t="s">
        <v>182761</v>
      </c>
      <c r="C55211" s="1" t="s">
        <v>8</v>
      </c>
      <c r="D55211" s="1" t="s">
        <v>185680</v>
      </c>
      <c r="E55211" s="1" t="s">
        <v>185681</v>
      </c>
      <c r="F55211" s="1" t="s">
        <v>185682</v>
      </c>
      <c r="G55211" s="1" t="s">
        <v>185683</v>
      </c>
      <c r="H55211" s="1" t="s">
        <v>185684</v>
      </c>
      <c r="I55211" s="1" t="s">
        <v>182766</v>
      </c>
      <c r="J55211" s="1" t="s">
        <v>13</v>
      </c>
    </row>
    <row r="55212" spans="1:10" x14ac:dyDescent="0.35">
      <c r="A55212" s="1" t="s">
        <v>27741</v>
      </c>
      <c r="B55212" s="1" t="s">
        <v>182761</v>
      </c>
      <c r="C55212" s="1" t="s">
        <v>15</v>
      </c>
      <c r="D55212" s="1" t="s">
        <v>38214</v>
      </c>
      <c r="E55212" s="1" t="s">
        <v>185685</v>
      </c>
      <c r="F55212" s="1" t="s">
        <v>185686</v>
      </c>
      <c r="G55212" s="1" t="s">
        <v>185683</v>
      </c>
      <c r="H55212" s="1" t="s">
        <v>185684</v>
      </c>
      <c r="I55212" s="1" t="s">
        <v>182766</v>
      </c>
      <c r="J55212" s="1" t="s">
        <v>185687</v>
      </c>
    </row>
    <row r="55213" spans="1:10" x14ac:dyDescent="0.35">
      <c r="A55213" s="1" t="s">
        <v>27741</v>
      </c>
      <c r="B55213" s="1" t="s">
        <v>182761</v>
      </c>
      <c r="C55213" s="1" t="s">
        <v>20</v>
      </c>
      <c r="D55213" s="1" t="s">
        <v>3437</v>
      </c>
      <c r="E55213" s="1" t="s">
        <v>185688</v>
      </c>
      <c r="F55213" s="1" t="s">
        <v>185689</v>
      </c>
      <c r="G55213" s="1" t="s">
        <v>185683</v>
      </c>
      <c r="H55213" s="1" t="s">
        <v>185684</v>
      </c>
      <c r="I55213" s="1" t="s">
        <v>182766</v>
      </c>
      <c r="J55213" s="1" t="s">
        <v>185690</v>
      </c>
    </row>
    <row r="55214" spans="1:10" x14ac:dyDescent="0.35">
      <c r="A55214" s="1" t="s">
        <v>27741</v>
      </c>
      <c r="B55214" s="1" t="s">
        <v>182761</v>
      </c>
      <c r="C55214" s="1" t="s">
        <v>25</v>
      </c>
      <c r="D55214" s="1" t="s">
        <v>74112</v>
      </c>
      <c r="E55214" s="1" t="s">
        <v>185691</v>
      </c>
      <c r="F55214" s="1" t="s">
        <v>185692</v>
      </c>
      <c r="G55214" s="1" t="s">
        <v>185683</v>
      </c>
      <c r="H55214" s="1" t="s">
        <v>185684</v>
      </c>
      <c r="I55214" s="1" t="s">
        <v>182766</v>
      </c>
      <c r="J55214" s="1" t="s">
        <v>185693</v>
      </c>
    </row>
    <row r="55215" spans="1:10" x14ac:dyDescent="0.35">
      <c r="A55215" s="1" t="s">
        <v>27741</v>
      </c>
      <c r="B55215" s="1" t="s">
        <v>182761</v>
      </c>
      <c r="C55215" s="1" t="s">
        <v>30</v>
      </c>
      <c r="D55215" s="1" t="s">
        <v>150811</v>
      </c>
      <c r="E55215" s="1" t="s">
        <v>185694</v>
      </c>
      <c r="F55215" s="1" t="s">
        <v>185695</v>
      </c>
      <c r="G55215" s="1" t="s">
        <v>185683</v>
      </c>
      <c r="H55215" s="1" t="s">
        <v>185684</v>
      </c>
      <c r="I55215" s="1" t="s">
        <v>182766</v>
      </c>
      <c r="J55215" s="1" t="s">
        <v>185696</v>
      </c>
    </row>
    <row r="55216" spans="1:10" x14ac:dyDescent="0.35">
      <c r="A55216" s="1" t="s">
        <v>27741</v>
      </c>
      <c r="B55216" s="1" t="s">
        <v>182761</v>
      </c>
      <c r="C55216" s="1" t="s">
        <v>35</v>
      </c>
      <c r="D55216" s="1" t="s">
        <v>37640</v>
      </c>
      <c r="E55216" s="1" t="s">
        <v>185697</v>
      </c>
      <c r="F55216" s="1" t="s">
        <v>185698</v>
      </c>
      <c r="G55216" s="1" t="s">
        <v>185683</v>
      </c>
      <c r="H55216" s="1" t="s">
        <v>185684</v>
      </c>
      <c r="I55216" s="1" t="s">
        <v>182766</v>
      </c>
      <c r="J55216" s="1" t="s">
        <v>185699</v>
      </c>
    </row>
    <row r="55217" spans="1:10" x14ac:dyDescent="0.35">
      <c r="A55217" s="1" t="s">
        <v>27741</v>
      </c>
      <c r="B55217" s="1" t="s">
        <v>182761</v>
      </c>
      <c r="C55217" s="1" t="s">
        <v>40</v>
      </c>
      <c r="D55217" s="1" t="s">
        <v>38300</v>
      </c>
      <c r="E55217" s="1" t="s">
        <v>185700</v>
      </c>
      <c r="F55217" s="1" t="s">
        <v>185701</v>
      </c>
      <c r="G55217" s="1" t="s">
        <v>185683</v>
      </c>
      <c r="H55217" s="1" t="s">
        <v>185684</v>
      </c>
      <c r="I55217" s="1" t="s">
        <v>182766</v>
      </c>
      <c r="J55217" s="1" t="s">
        <v>185702</v>
      </c>
    </row>
    <row r="55218" spans="1:10" x14ac:dyDescent="0.35">
      <c r="A55218" s="1" t="s">
        <v>27741</v>
      </c>
      <c r="B55218" s="1" t="s">
        <v>182761</v>
      </c>
      <c r="C55218" s="1" t="s">
        <v>45</v>
      </c>
      <c r="D55218" s="1" t="s">
        <v>31370</v>
      </c>
      <c r="E55218" s="1" t="s">
        <v>185703</v>
      </c>
      <c r="F55218" s="1" t="s">
        <v>185704</v>
      </c>
      <c r="G55218" s="1" t="s">
        <v>185683</v>
      </c>
      <c r="H55218" s="1" t="s">
        <v>185684</v>
      </c>
      <c r="I55218" s="1" t="s">
        <v>182766</v>
      </c>
      <c r="J55218" s="1" t="s">
        <v>185705</v>
      </c>
    </row>
    <row r="55219" spans="1:10" x14ac:dyDescent="0.35">
      <c r="A55219" s="1" t="s">
        <v>27741</v>
      </c>
      <c r="B55219" s="1" t="s">
        <v>182761</v>
      </c>
      <c r="C55219" s="1" t="s">
        <v>50</v>
      </c>
      <c r="D55219" s="1" t="s">
        <v>30213</v>
      </c>
      <c r="E55219" s="1" t="s">
        <v>185706</v>
      </c>
      <c r="F55219" s="1" t="s">
        <v>185707</v>
      </c>
      <c r="G55219" s="1" t="s">
        <v>185683</v>
      </c>
      <c r="H55219" s="1" t="s">
        <v>185684</v>
      </c>
      <c r="I55219" s="1" t="s">
        <v>182766</v>
      </c>
      <c r="J55219" s="1" t="s">
        <v>185708</v>
      </c>
    </row>
    <row r="55220" spans="1:10" x14ac:dyDescent="0.35">
      <c r="A55220" s="1" t="s">
        <v>27741</v>
      </c>
      <c r="B55220" s="1" t="s">
        <v>182761</v>
      </c>
      <c r="C55220" s="1" t="s">
        <v>55</v>
      </c>
      <c r="D55220" s="1" t="s">
        <v>47825</v>
      </c>
      <c r="E55220" s="1" t="s">
        <v>185709</v>
      </c>
      <c r="F55220" s="1" t="s">
        <v>185710</v>
      </c>
      <c r="G55220" s="1" t="s">
        <v>185683</v>
      </c>
      <c r="H55220" s="1" t="s">
        <v>185684</v>
      </c>
      <c r="I55220" s="1" t="s">
        <v>182766</v>
      </c>
      <c r="J55220" s="1" t="s">
        <v>185711</v>
      </c>
    </row>
    <row r="55221" spans="1:10" x14ac:dyDescent="0.35">
      <c r="A55221" s="1" t="s">
        <v>27741</v>
      </c>
      <c r="B55221" s="1" t="s">
        <v>182761</v>
      </c>
      <c r="C55221" s="1" t="s">
        <v>60</v>
      </c>
      <c r="D55221" s="1" t="s">
        <v>73888</v>
      </c>
      <c r="E55221" s="1" t="s">
        <v>185712</v>
      </c>
      <c r="F55221" s="1" t="s">
        <v>185713</v>
      </c>
      <c r="G55221" s="1" t="s">
        <v>185683</v>
      </c>
      <c r="H55221" s="1" t="s">
        <v>185684</v>
      </c>
      <c r="I55221" s="1" t="s">
        <v>182766</v>
      </c>
      <c r="J55221" s="1" t="s">
        <v>185714</v>
      </c>
    </row>
    <row r="55222" spans="1:10" x14ac:dyDescent="0.35">
      <c r="A55222" s="1" t="s">
        <v>27741</v>
      </c>
      <c r="B55222" s="1" t="s">
        <v>182761</v>
      </c>
      <c r="C55222" s="1" t="s">
        <v>65</v>
      </c>
      <c r="D55222" s="1" t="s">
        <v>47726</v>
      </c>
      <c r="E55222" s="1" t="s">
        <v>185715</v>
      </c>
      <c r="F55222" s="1" t="s">
        <v>185716</v>
      </c>
      <c r="G55222" s="1" t="s">
        <v>185683</v>
      </c>
      <c r="H55222" s="1" t="s">
        <v>185684</v>
      </c>
      <c r="I55222" s="1" t="s">
        <v>182766</v>
      </c>
      <c r="J55222" s="1" t="s">
        <v>185717</v>
      </c>
    </row>
    <row r="55223" spans="1:10" x14ac:dyDescent="0.35">
      <c r="A55223" s="1" t="s">
        <v>27741</v>
      </c>
      <c r="B55223" s="1" t="s">
        <v>182761</v>
      </c>
      <c r="C55223" s="1" t="s">
        <v>70</v>
      </c>
      <c r="D55223" s="1" t="s">
        <v>74858</v>
      </c>
      <c r="E55223" s="1" t="s">
        <v>185718</v>
      </c>
      <c r="F55223" s="1" t="s">
        <v>185719</v>
      </c>
      <c r="G55223" s="1" t="s">
        <v>185683</v>
      </c>
      <c r="H55223" s="1" t="s">
        <v>185684</v>
      </c>
      <c r="I55223" s="1" t="s">
        <v>182766</v>
      </c>
      <c r="J55223" s="1" t="s">
        <v>185720</v>
      </c>
    </row>
    <row r="55224" spans="1:10" x14ac:dyDescent="0.35">
      <c r="A55224" s="1" t="s">
        <v>27741</v>
      </c>
      <c r="B55224" s="1" t="s">
        <v>182761</v>
      </c>
      <c r="C55224" s="1" t="s">
        <v>75</v>
      </c>
      <c r="D55224" s="1" t="s">
        <v>178030</v>
      </c>
      <c r="E55224" s="1" t="s">
        <v>185721</v>
      </c>
      <c r="F55224" s="1" t="s">
        <v>185722</v>
      </c>
      <c r="G55224" s="1" t="s">
        <v>185683</v>
      </c>
      <c r="H55224" s="1" t="s">
        <v>185684</v>
      </c>
      <c r="I55224" s="1" t="s">
        <v>182766</v>
      </c>
      <c r="J55224" s="1" t="s">
        <v>185723</v>
      </c>
    </row>
    <row r="55225" spans="1:10" x14ac:dyDescent="0.35">
      <c r="A55225" s="1" t="s">
        <v>27741</v>
      </c>
      <c r="B55225" s="1" t="s">
        <v>182761</v>
      </c>
      <c r="C55225" s="1" t="s">
        <v>80</v>
      </c>
      <c r="D55225" s="1" t="s">
        <v>74132</v>
      </c>
      <c r="E55225" s="1" t="s">
        <v>185724</v>
      </c>
      <c r="F55225" s="1" t="s">
        <v>185725</v>
      </c>
      <c r="G55225" s="1" t="s">
        <v>185683</v>
      </c>
      <c r="H55225" s="1" t="s">
        <v>185684</v>
      </c>
      <c r="I55225" s="1" t="s">
        <v>182766</v>
      </c>
      <c r="J55225" s="1" t="s">
        <v>185726</v>
      </c>
    </row>
    <row r="55226" spans="1:10" x14ac:dyDescent="0.35">
      <c r="A55226" s="1" t="s">
        <v>27741</v>
      </c>
      <c r="B55226" s="1" t="s">
        <v>182761</v>
      </c>
      <c r="C55226" s="1" t="s">
        <v>85</v>
      </c>
      <c r="D55226" s="1" t="s">
        <v>17625</v>
      </c>
      <c r="E55226" s="1" t="s">
        <v>185727</v>
      </c>
      <c r="F55226" s="1" t="s">
        <v>185728</v>
      </c>
      <c r="G55226" s="1" t="s">
        <v>185683</v>
      </c>
      <c r="H55226" s="1" t="s">
        <v>185684</v>
      </c>
      <c r="I55226" s="1" t="s">
        <v>182766</v>
      </c>
      <c r="J55226" s="1" t="s">
        <v>185729</v>
      </c>
    </row>
    <row r="55227" spans="1:10" x14ac:dyDescent="0.35">
      <c r="A55227" s="1" t="s">
        <v>27741</v>
      </c>
      <c r="B55227" s="1" t="s">
        <v>182761</v>
      </c>
      <c r="C55227" s="1" t="s">
        <v>90</v>
      </c>
      <c r="D55227" s="1" t="s">
        <v>185730</v>
      </c>
      <c r="E55227" s="1" t="s">
        <v>185731</v>
      </c>
      <c r="F55227" s="1" t="s">
        <v>185732</v>
      </c>
      <c r="G55227" s="1" t="s">
        <v>185683</v>
      </c>
      <c r="H55227" s="1" t="s">
        <v>185684</v>
      </c>
      <c r="I55227" s="1" t="s">
        <v>182766</v>
      </c>
      <c r="J55227" s="1" t="s">
        <v>185733</v>
      </c>
    </row>
    <row r="55228" spans="1:10" x14ac:dyDescent="0.35">
      <c r="A55228" s="1" t="s">
        <v>27741</v>
      </c>
      <c r="B55228" s="1" t="s">
        <v>182761</v>
      </c>
      <c r="C55228" s="1" t="s">
        <v>95</v>
      </c>
      <c r="D55228" s="1" t="s">
        <v>185734</v>
      </c>
      <c r="E55228" s="1" t="s">
        <v>185735</v>
      </c>
      <c r="F55228" s="1" t="s">
        <v>185736</v>
      </c>
      <c r="G55228" s="1" t="s">
        <v>185683</v>
      </c>
      <c r="H55228" s="1" t="s">
        <v>185684</v>
      </c>
      <c r="I55228" s="1" t="s">
        <v>182766</v>
      </c>
      <c r="J55228" s="1" t="s">
        <v>185737</v>
      </c>
    </row>
    <row r="55229" spans="1:10" x14ac:dyDescent="0.35">
      <c r="A55229" s="1" t="s">
        <v>27741</v>
      </c>
      <c r="B55229" s="1" t="s">
        <v>182761</v>
      </c>
      <c r="C55229" s="1" t="s">
        <v>100</v>
      </c>
      <c r="D55229" s="1" t="s">
        <v>12413</v>
      </c>
      <c r="E55229" s="1" t="s">
        <v>185738</v>
      </c>
      <c r="F55229" s="1" t="s">
        <v>185739</v>
      </c>
      <c r="G55229" s="1" t="s">
        <v>185683</v>
      </c>
      <c r="H55229" s="1" t="s">
        <v>185684</v>
      </c>
      <c r="I55229" s="1" t="s">
        <v>182766</v>
      </c>
      <c r="J55229" s="1" t="s">
        <v>185740</v>
      </c>
    </row>
    <row r="55230" spans="1:10" x14ac:dyDescent="0.35">
      <c r="A55230" s="1" t="s">
        <v>27741</v>
      </c>
      <c r="B55230" s="1" t="s">
        <v>182761</v>
      </c>
      <c r="C55230" s="1" t="s">
        <v>105</v>
      </c>
      <c r="D55230" s="1" t="s">
        <v>47263</v>
      </c>
      <c r="E55230" s="1" t="s">
        <v>185741</v>
      </c>
      <c r="F55230" s="1" t="s">
        <v>185742</v>
      </c>
      <c r="G55230" s="1" t="s">
        <v>185683</v>
      </c>
      <c r="H55230" s="1" t="s">
        <v>185684</v>
      </c>
      <c r="I55230" s="1" t="s">
        <v>182766</v>
      </c>
      <c r="J55230" s="1" t="s">
        <v>185743</v>
      </c>
    </row>
    <row r="55231" spans="1:10" x14ac:dyDescent="0.35">
      <c r="A55231" s="1" t="s">
        <v>27741</v>
      </c>
      <c r="B55231" s="1" t="s">
        <v>182761</v>
      </c>
      <c r="C55231" s="1" t="s">
        <v>110</v>
      </c>
      <c r="D55231" s="1" t="s">
        <v>42157</v>
      </c>
      <c r="E55231" s="1" t="s">
        <v>185744</v>
      </c>
      <c r="F55231" s="1" t="s">
        <v>185745</v>
      </c>
      <c r="G55231" s="1" t="s">
        <v>185683</v>
      </c>
      <c r="H55231" s="1" t="s">
        <v>185684</v>
      </c>
      <c r="I55231" s="1" t="s">
        <v>182766</v>
      </c>
      <c r="J55231" s="1" t="s">
        <v>185746</v>
      </c>
    </row>
    <row r="55232" spans="1:10" x14ac:dyDescent="0.35">
      <c r="A55232" s="1" t="s">
        <v>27741</v>
      </c>
      <c r="B55232" s="1" t="s">
        <v>182761</v>
      </c>
      <c r="C55232" s="1" t="s">
        <v>115</v>
      </c>
      <c r="D55232" s="1" t="s">
        <v>185747</v>
      </c>
      <c r="E55232" s="1" t="s">
        <v>185748</v>
      </c>
      <c r="F55232" s="1" t="s">
        <v>185749</v>
      </c>
      <c r="G55232" s="1" t="s">
        <v>185683</v>
      </c>
      <c r="H55232" s="1" t="s">
        <v>185684</v>
      </c>
      <c r="I55232" s="1" t="s">
        <v>182766</v>
      </c>
      <c r="J55232" s="1" t="s">
        <v>185750</v>
      </c>
    </row>
    <row r="55233" spans="1:10" x14ac:dyDescent="0.35">
      <c r="A55233" s="1" t="s">
        <v>27741</v>
      </c>
      <c r="B55233" s="1" t="s">
        <v>182761</v>
      </c>
      <c r="C55233" s="1" t="s">
        <v>120</v>
      </c>
      <c r="D55233" s="1" t="s">
        <v>185751</v>
      </c>
      <c r="E55233" s="1" t="s">
        <v>185752</v>
      </c>
      <c r="F55233" s="1" t="s">
        <v>185753</v>
      </c>
      <c r="G55233" s="1" t="s">
        <v>185683</v>
      </c>
      <c r="H55233" s="1" t="s">
        <v>185684</v>
      </c>
      <c r="I55233" s="1" t="s">
        <v>182766</v>
      </c>
      <c r="J55233" s="1" t="s">
        <v>185754</v>
      </c>
    </row>
    <row r="55234" spans="1:10" x14ac:dyDescent="0.35">
      <c r="A55234" s="1" t="s">
        <v>27741</v>
      </c>
      <c r="B55234" s="1" t="s">
        <v>182761</v>
      </c>
      <c r="C55234" s="1" t="s">
        <v>125</v>
      </c>
      <c r="D55234" s="1" t="s">
        <v>18196</v>
      </c>
      <c r="E55234" s="1" t="s">
        <v>185755</v>
      </c>
      <c r="F55234" s="1" t="s">
        <v>185756</v>
      </c>
      <c r="G55234" s="1" t="s">
        <v>185683</v>
      </c>
      <c r="H55234" s="1" t="s">
        <v>185684</v>
      </c>
      <c r="I55234" s="1" t="s">
        <v>182766</v>
      </c>
      <c r="J55234" s="1" t="s">
        <v>185757</v>
      </c>
    </row>
    <row r="55235" spans="1:10" x14ac:dyDescent="0.35">
      <c r="A55235" s="1" t="s">
        <v>27741</v>
      </c>
      <c r="B55235" s="1" t="s">
        <v>182761</v>
      </c>
      <c r="C55235" s="1" t="s">
        <v>130</v>
      </c>
      <c r="D55235" s="1" t="s">
        <v>185758</v>
      </c>
      <c r="E55235" s="1" t="s">
        <v>185759</v>
      </c>
      <c r="F55235" s="1" t="s">
        <v>185760</v>
      </c>
      <c r="G55235" s="1" t="s">
        <v>185683</v>
      </c>
      <c r="H55235" s="1" t="s">
        <v>185684</v>
      </c>
      <c r="I55235" s="1" t="s">
        <v>182766</v>
      </c>
      <c r="J55235" s="1" t="s">
        <v>185761</v>
      </c>
    </row>
    <row r="55236" spans="1:10" x14ac:dyDescent="0.35">
      <c r="A55236" s="1" t="s">
        <v>27741</v>
      </c>
      <c r="B55236" s="1" t="s">
        <v>182761</v>
      </c>
      <c r="C55236" s="1" t="s">
        <v>135</v>
      </c>
      <c r="D55236" s="1" t="s">
        <v>185762</v>
      </c>
      <c r="E55236" s="1" t="s">
        <v>185763</v>
      </c>
      <c r="F55236" s="1" t="s">
        <v>185764</v>
      </c>
      <c r="G55236" s="1" t="s">
        <v>185683</v>
      </c>
      <c r="H55236" s="1" t="s">
        <v>185684</v>
      </c>
      <c r="I55236" s="1" t="s">
        <v>182766</v>
      </c>
      <c r="J55236" s="1" t="s">
        <v>185765</v>
      </c>
    </row>
    <row r="55237" spans="1:10" x14ac:dyDescent="0.35">
      <c r="A55237" s="1" t="s">
        <v>27741</v>
      </c>
      <c r="B55237" s="1" t="s">
        <v>182761</v>
      </c>
      <c r="C55237" s="1" t="s">
        <v>140</v>
      </c>
      <c r="D55237" s="1" t="s">
        <v>74601</v>
      </c>
      <c r="E55237" s="1" t="s">
        <v>185766</v>
      </c>
      <c r="F55237" s="1" t="s">
        <v>185767</v>
      </c>
      <c r="G55237" s="1" t="s">
        <v>185683</v>
      </c>
      <c r="H55237" s="1" t="s">
        <v>185684</v>
      </c>
      <c r="I55237" s="1" t="s">
        <v>182766</v>
      </c>
      <c r="J55237" s="1" t="s">
        <v>185768</v>
      </c>
    </row>
    <row r="55238" spans="1:10" x14ac:dyDescent="0.35">
      <c r="A55238" s="1" t="s">
        <v>27741</v>
      </c>
      <c r="B55238" s="1" t="s">
        <v>182761</v>
      </c>
      <c r="C55238" s="1" t="s">
        <v>145</v>
      </c>
      <c r="D55238" s="1" t="s">
        <v>154739</v>
      </c>
      <c r="E55238" s="1" t="s">
        <v>185769</v>
      </c>
      <c r="F55238" s="1" t="s">
        <v>185770</v>
      </c>
      <c r="G55238" s="1" t="s">
        <v>185683</v>
      </c>
      <c r="H55238" s="1" t="s">
        <v>185684</v>
      </c>
      <c r="I55238" s="1" t="s">
        <v>182766</v>
      </c>
      <c r="J55238" s="1" t="s">
        <v>185771</v>
      </c>
    </row>
    <row r="55239" spans="1:10" x14ac:dyDescent="0.35">
      <c r="A55239" s="1" t="s">
        <v>27741</v>
      </c>
      <c r="B55239" s="1" t="s">
        <v>182761</v>
      </c>
      <c r="C55239" s="1" t="s">
        <v>150</v>
      </c>
      <c r="D55239" s="1" t="s">
        <v>185772</v>
      </c>
      <c r="E55239" s="1" t="s">
        <v>185773</v>
      </c>
      <c r="F55239" s="1" t="s">
        <v>185774</v>
      </c>
      <c r="G55239" s="1" t="s">
        <v>185683</v>
      </c>
      <c r="H55239" s="1" t="s">
        <v>185684</v>
      </c>
      <c r="I55239" s="1" t="s">
        <v>182766</v>
      </c>
      <c r="J55239" s="1" t="s">
        <v>185775</v>
      </c>
    </row>
    <row r="55240" spans="1:10" x14ac:dyDescent="0.35">
      <c r="A55240" s="1" t="s">
        <v>27741</v>
      </c>
      <c r="B55240" s="1" t="s">
        <v>182761</v>
      </c>
      <c r="C55240" s="1" t="s">
        <v>155</v>
      </c>
      <c r="D55240" s="1" t="s">
        <v>185776</v>
      </c>
      <c r="E55240" s="1" t="s">
        <v>185777</v>
      </c>
      <c r="F55240" s="1" t="s">
        <v>185778</v>
      </c>
      <c r="G55240" s="1" t="s">
        <v>185683</v>
      </c>
      <c r="H55240" s="1" t="s">
        <v>185684</v>
      </c>
      <c r="I55240" s="1" t="s">
        <v>182766</v>
      </c>
      <c r="J55240" s="1" t="s">
        <v>185779</v>
      </c>
    </row>
    <row r="55241" spans="1:10" x14ac:dyDescent="0.35">
      <c r="A55241" s="1" t="s">
        <v>27741</v>
      </c>
      <c r="B55241" s="1" t="s">
        <v>182761</v>
      </c>
      <c r="C55241" s="1" t="s">
        <v>160</v>
      </c>
      <c r="D55241" s="1" t="s">
        <v>185780</v>
      </c>
      <c r="E55241" s="1" t="s">
        <v>185781</v>
      </c>
      <c r="F55241" s="1" t="s">
        <v>185782</v>
      </c>
      <c r="G55241" s="1" t="s">
        <v>185683</v>
      </c>
      <c r="H55241" s="1" t="s">
        <v>185684</v>
      </c>
      <c r="I55241" s="1" t="s">
        <v>182766</v>
      </c>
      <c r="J55241" s="1" t="s">
        <v>185783</v>
      </c>
    </row>
    <row r="55242" spans="1:10" x14ac:dyDescent="0.35">
      <c r="A55242" s="1" t="s">
        <v>27741</v>
      </c>
      <c r="B55242" s="1" t="s">
        <v>182761</v>
      </c>
      <c r="C55242" s="1" t="s">
        <v>165</v>
      </c>
      <c r="D55242" s="1" t="s">
        <v>185784</v>
      </c>
      <c r="E55242" s="1" t="s">
        <v>185785</v>
      </c>
      <c r="F55242" s="1" t="s">
        <v>185786</v>
      </c>
      <c r="G55242" s="1" t="s">
        <v>185683</v>
      </c>
      <c r="H55242" s="1" t="s">
        <v>185684</v>
      </c>
      <c r="I55242" s="1" t="s">
        <v>182766</v>
      </c>
      <c r="J55242" s="1" t="s">
        <v>185787</v>
      </c>
    </row>
    <row r="55243" spans="1:10" x14ac:dyDescent="0.35">
      <c r="A55243" s="1" t="s">
        <v>27741</v>
      </c>
      <c r="B55243" s="1" t="s">
        <v>182761</v>
      </c>
      <c r="C55243" s="1" t="s">
        <v>170</v>
      </c>
      <c r="D55243" s="1" t="s">
        <v>185788</v>
      </c>
      <c r="E55243" s="1" t="s">
        <v>185789</v>
      </c>
      <c r="F55243" s="1" t="s">
        <v>185790</v>
      </c>
      <c r="G55243" s="1" t="s">
        <v>185683</v>
      </c>
      <c r="H55243" s="1" t="s">
        <v>185684</v>
      </c>
      <c r="I55243" s="1" t="s">
        <v>182766</v>
      </c>
      <c r="J55243" s="1" t="s">
        <v>185791</v>
      </c>
    </row>
    <row r="55244" spans="1:10" x14ac:dyDescent="0.35">
      <c r="A55244" s="1" t="s">
        <v>11040</v>
      </c>
      <c r="B55244" s="1" t="s">
        <v>182761</v>
      </c>
      <c r="C55244" s="1" t="s">
        <v>8</v>
      </c>
      <c r="D55244" s="1" t="s">
        <v>104247</v>
      </c>
      <c r="E55244" s="1" t="s">
        <v>185792</v>
      </c>
      <c r="F55244" s="1" t="s">
        <v>185793</v>
      </c>
      <c r="G55244" s="1" t="s">
        <v>185794</v>
      </c>
      <c r="H55244" s="1" t="s">
        <v>185795</v>
      </c>
      <c r="I55244" s="1" t="s">
        <v>182766</v>
      </c>
      <c r="J55244" s="1" t="s">
        <v>13</v>
      </c>
    </row>
    <row r="55245" spans="1:10" x14ac:dyDescent="0.35">
      <c r="A55245" s="1" t="s">
        <v>11040</v>
      </c>
      <c r="B55245" s="1" t="s">
        <v>182761</v>
      </c>
      <c r="C55245" s="1" t="s">
        <v>15</v>
      </c>
      <c r="D55245" s="1" t="s">
        <v>155130</v>
      </c>
      <c r="E55245" s="1" t="s">
        <v>185796</v>
      </c>
      <c r="F55245" s="1" t="s">
        <v>185797</v>
      </c>
      <c r="G55245" s="1" t="s">
        <v>185794</v>
      </c>
      <c r="H55245" s="1" t="s">
        <v>185795</v>
      </c>
      <c r="I55245" s="1" t="s">
        <v>182766</v>
      </c>
      <c r="J55245" s="1" t="s">
        <v>185798</v>
      </c>
    </row>
    <row r="55246" spans="1:10" x14ac:dyDescent="0.35">
      <c r="A55246" s="1" t="s">
        <v>11040</v>
      </c>
      <c r="B55246" s="1" t="s">
        <v>182761</v>
      </c>
      <c r="C55246" s="1" t="s">
        <v>20</v>
      </c>
      <c r="D55246" s="1" t="s">
        <v>185799</v>
      </c>
      <c r="E55246" s="1" t="s">
        <v>185800</v>
      </c>
      <c r="F55246" s="1" t="s">
        <v>185801</v>
      </c>
      <c r="G55246" s="1" t="s">
        <v>185794</v>
      </c>
      <c r="H55246" s="1" t="s">
        <v>185795</v>
      </c>
      <c r="I55246" s="1" t="s">
        <v>182766</v>
      </c>
      <c r="J55246" s="1" t="s">
        <v>185802</v>
      </c>
    </row>
    <row r="55247" spans="1:10" x14ac:dyDescent="0.35">
      <c r="A55247" s="1" t="s">
        <v>11040</v>
      </c>
      <c r="B55247" s="1" t="s">
        <v>182761</v>
      </c>
      <c r="C55247" s="1" t="s">
        <v>25</v>
      </c>
      <c r="D55247" s="1" t="s">
        <v>37625</v>
      </c>
      <c r="E55247" s="1" t="s">
        <v>185803</v>
      </c>
      <c r="F55247" s="1" t="s">
        <v>185804</v>
      </c>
      <c r="G55247" s="1" t="s">
        <v>185794</v>
      </c>
      <c r="H55247" s="1" t="s">
        <v>185795</v>
      </c>
      <c r="I55247" s="1" t="s">
        <v>182766</v>
      </c>
      <c r="J55247" s="1" t="s">
        <v>185805</v>
      </c>
    </row>
    <row r="55248" spans="1:10" x14ac:dyDescent="0.35">
      <c r="A55248" s="1" t="s">
        <v>11040</v>
      </c>
      <c r="B55248" s="1" t="s">
        <v>182761</v>
      </c>
      <c r="C55248" s="1" t="s">
        <v>30</v>
      </c>
      <c r="D55248" s="1" t="s">
        <v>49981</v>
      </c>
      <c r="E55248" s="1" t="s">
        <v>185806</v>
      </c>
      <c r="F55248" s="1" t="s">
        <v>185807</v>
      </c>
      <c r="G55248" s="1" t="s">
        <v>185794</v>
      </c>
      <c r="H55248" s="1" t="s">
        <v>185795</v>
      </c>
      <c r="I55248" s="1" t="s">
        <v>182766</v>
      </c>
      <c r="J55248" s="1" t="s">
        <v>185808</v>
      </c>
    </row>
    <row r="55249" spans="1:10" x14ac:dyDescent="0.35">
      <c r="A55249" s="1" t="s">
        <v>11040</v>
      </c>
      <c r="B55249" s="1" t="s">
        <v>182761</v>
      </c>
      <c r="C55249" s="1" t="s">
        <v>35</v>
      </c>
      <c r="D55249" s="1" t="s">
        <v>185809</v>
      </c>
      <c r="E55249" s="1" t="s">
        <v>185810</v>
      </c>
      <c r="F55249" s="1" t="s">
        <v>185811</v>
      </c>
      <c r="G55249" s="1" t="s">
        <v>185794</v>
      </c>
      <c r="H55249" s="1" t="s">
        <v>185795</v>
      </c>
      <c r="I55249" s="1" t="s">
        <v>182766</v>
      </c>
      <c r="J55249" s="1" t="s">
        <v>185812</v>
      </c>
    </row>
    <row r="55250" spans="1:10" x14ac:dyDescent="0.35">
      <c r="A55250" s="1" t="s">
        <v>11040</v>
      </c>
      <c r="B55250" s="1" t="s">
        <v>182761</v>
      </c>
      <c r="C55250" s="1" t="s">
        <v>40</v>
      </c>
      <c r="D55250" s="1" t="s">
        <v>153657</v>
      </c>
      <c r="E55250" s="1" t="s">
        <v>185813</v>
      </c>
      <c r="F55250" s="1" t="s">
        <v>185814</v>
      </c>
      <c r="G55250" s="1" t="s">
        <v>185794</v>
      </c>
      <c r="H55250" s="1" t="s">
        <v>185795</v>
      </c>
      <c r="I55250" s="1" t="s">
        <v>182766</v>
      </c>
      <c r="J55250" s="1" t="s">
        <v>185815</v>
      </c>
    </row>
    <row r="55251" spans="1:10" x14ac:dyDescent="0.35">
      <c r="A55251" s="1" t="s">
        <v>11040</v>
      </c>
      <c r="B55251" s="1" t="s">
        <v>182761</v>
      </c>
      <c r="C55251" s="1" t="s">
        <v>45</v>
      </c>
      <c r="D55251" s="1" t="s">
        <v>176688</v>
      </c>
      <c r="E55251" s="1" t="s">
        <v>185816</v>
      </c>
      <c r="F55251" s="1" t="s">
        <v>185817</v>
      </c>
      <c r="G55251" s="1" t="s">
        <v>185794</v>
      </c>
      <c r="H55251" s="1" t="s">
        <v>185795</v>
      </c>
      <c r="I55251" s="1" t="s">
        <v>182766</v>
      </c>
      <c r="J55251" s="1" t="s">
        <v>185818</v>
      </c>
    </row>
    <row r="55252" spans="1:10" x14ac:dyDescent="0.35">
      <c r="A55252" s="1" t="s">
        <v>11040</v>
      </c>
      <c r="B55252" s="1" t="s">
        <v>182761</v>
      </c>
      <c r="C55252" s="1" t="s">
        <v>50</v>
      </c>
      <c r="D55252" s="1" t="s">
        <v>16388</v>
      </c>
      <c r="E55252" s="1" t="s">
        <v>185819</v>
      </c>
      <c r="F55252" s="1" t="s">
        <v>185820</v>
      </c>
      <c r="G55252" s="1" t="s">
        <v>185794</v>
      </c>
      <c r="H55252" s="1" t="s">
        <v>185795</v>
      </c>
      <c r="I55252" s="1" t="s">
        <v>182766</v>
      </c>
      <c r="J55252" s="1" t="s">
        <v>185821</v>
      </c>
    </row>
    <row r="55253" spans="1:10" x14ac:dyDescent="0.35">
      <c r="A55253" s="1" t="s">
        <v>11040</v>
      </c>
      <c r="B55253" s="1" t="s">
        <v>182761</v>
      </c>
      <c r="C55253" s="1" t="s">
        <v>55</v>
      </c>
      <c r="D55253" s="1" t="s">
        <v>44598</v>
      </c>
      <c r="E55253" s="1" t="s">
        <v>185822</v>
      </c>
      <c r="F55253" s="1" t="s">
        <v>185823</v>
      </c>
      <c r="G55253" s="1" t="s">
        <v>185794</v>
      </c>
      <c r="H55253" s="1" t="s">
        <v>185795</v>
      </c>
      <c r="I55253" s="1" t="s">
        <v>182766</v>
      </c>
      <c r="J55253" s="1" t="s">
        <v>185824</v>
      </c>
    </row>
    <row r="55254" spans="1:10" x14ac:dyDescent="0.35">
      <c r="A55254" s="1" t="s">
        <v>11040</v>
      </c>
      <c r="B55254" s="1" t="s">
        <v>182761</v>
      </c>
      <c r="C55254" s="1" t="s">
        <v>60</v>
      </c>
      <c r="D55254" s="1" t="s">
        <v>185825</v>
      </c>
      <c r="E55254" s="1" t="s">
        <v>185826</v>
      </c>
      <c r="F55254" s="1" t="s">
        <v>185827</v>
      </c>
      <c r="G55254" s="1" t="s">
        <v>185794</v>
      </c>
      <c r="H55254" s="1" t="s">
        <v>185795</v>
      </c>
      <c r="I55254" s="1" t="s">
        <v>182766</v>
      </c>
      <c r="J55254" s="1" t="s">
        <v>185828</v>
      </c>
    </row>
    <row r="55255" spans="1:10" x14ac:dyDescent="0.35">
      <c r="A55255" s="1" t="s">
        <v>11040</v>
      </c>
      <c r="B55255" s="1" t="s">
        <v>182761</v>
      </c>
      <c r="C55255" s="1" t="s">
        <v>65</v>
      </c>
      <c r="D55255" s="1" t="s">
        <v>19572</v>
      </c>
      <c r="E55255" s="1" t="s">
        <v>185829</v>
      </c>
      <c r="F55255" s="1" t="s">
        <v>185830</v>
      </c>
      <c r="G55255" s="1" t="s">
        <v>185794</v>
      </c>
      <c r="H55255" s="1" t="s">
        <v>185795</v>
      </c>
      <c r="I55255" s="1" t="s">
        <v>182766</v>
      </c>
      <c r="J55255" s="1" t="s">
        <v>185831</v>
      </c>
    </row>
    <row r="55256" spans="1:10" x14ac:dyDescent="0.35">
      <c r="A55256" s="1" t="s">
        <v>11040</v>
      </c>
      <c r="B55256" s="1" t="s">
        <v>182761</v>
      </c>
      <c r="C55256" s="1" t="s">
        <v>70</v>
      </c>
      <c r="D55256" s="1" t="s">
        <v>185832</v>
      </c>
      <c r="E55256" s="1" t="s">
        <v>185833</v>
      </c>
      <c r="F55256" s="1" t="s">
        <v>185834</v>
      </c>
      <c r="G55256" s="1" t="s">
        <v>185794</v>
      </c>
      <c r="H55256" s="1" t="s">
        <v>185795</v>
      </c>
      <c r="I55256" s="1" t="s">
        <v>182766</v>
      </c>
      <c r="J55256" s="1" t="s">
        <v>185835</v>
      </c>
    </row>
    <row r="55257" spans="1:10" x14ac:dyDescent="0.35">
      <c r="A55257" s="1" t="s">
        <v>11040</v>
      </c>
      <c r="B55257" s="1" t="s">
        <v>182761</v>
      </c>
      <c r="C55257" s="1" t="s">
        <v>75</v>
      </c>
      <c r="D55257" s="1" t="s">
        <v>104989</v>
      </c>
      <c r="E55257" s="1" t="s">
        <v>185836</v>
      </c>
      <c r="F55257" s="1" t="s">
        <v>185837</v>
      </c>
      <c r="G55257" s="1" t="s">
        <v>185794</v>
      </c>
      <c r="H55257" s="1" t="s">
        <v>185795</v>
      </c>
      <c r="I55257" s="1" t="s">
        <v>182766</v>
      </c>
      <c r="J55257" s="1" t="s">
        <v>185838</v>
      </c>
    </row>
    <row r="55258" spans="1:10" x14ac:dyDescent="0.35">
      <c r="A55258" s="1" t="s">
        <v>11040</v>
      </c>
      <c r="B55258" s="1" t="s">
        <v>182761</v>
      </c>
      <c r="C55258" s="1" t="s">
        <v>80</v>
      </c>
      <c r="D55258" s="1" t="s">
        <v>185839</v>
      </c>
      <c r="E55258" s="1" t="s">
        <v>185840</v>
      </c>
      <c r="F55258" s="1" t="s">
        <v>185841</v>
      </c>
      <c r="G55258" s="1" t="s">
        <v>185794</v>
      </c>
      <c r="H55258" s="1" t="s">
        <v>185795</v>
      </c>
      <c r="I55258" s="1" t="s">
        <v>182766</v>
      </c>
      <c r="J55258" s="1" t="s">
        <v>185842</v>
      </c>
    </row>
    <row r="55259" spans="1:10" x14ac:dyDescent="0.35">
      <c r="A55259" s="1" t="s">
        <v>11040</v>
      </c>
      <c r="B55259" s="1" t="s">
        <v>182761</v>
      </c>
      <c r="C55259" s="1" t="s">
        <v>85</v>
      </c>
      <c r="D55259" s="1" t="s">
        <v>16990</v>
      </c>
      <c r="E55259" s="1" t="s">
        <v>185843</v>
      </c>
      <c r="F55259" s="1" t="s">
        <v>185844</v>
      </c>
      <c r="G55259" s="1" t="s">
        <v>185794</v>
      </c>
      <c r="H55259" s="1" t="s">
        <v>185795</v>
      </c>
      <c r="I55259" s="1" t="s">
        <v>182766</v>
      </c>
      <c r="J55259" s="1" t="s">
        <v>185845</v>
      </c>
    </row>
    <row r="55260" spans="1:10" x14ac:dyDescent="0.35">
      <c r="A55260" s="1" t="s">
        <v>11040</v>
      </c>
      <c r="B55260" s="1" t="s">
        <v>182761</v>
      </c>
      <c r="C55260" s="1" t="s">
        <v>90</v>
      </c>
      <c r="D55260" s="1" t="s">
        <v>169364</v>
      </c>
      <c r="E55260" s="1" t="s">
        <v>185846</v>
      </c>
      <c r="F55260" s="1" t="s">
        <v>185847</v>
      </c>
      <c r="G55260" s="1" t="s">
        <v>185794</v>
      </c>
      <c r="H55260" s="1" t="s">
        <v>185795</v>
      </c>
      <c r="I55260" s="1" t="s">
        <v>182766</v>
      </c>
      <c r="J55260" s="1" t="s">
        <v>185848</v>
      </c>
    </row>
    <row r="55261" spans="1:10" x14ac:dyDescent="0.35">
      <c r="A55261" s="1" t="s">
        <v>11040</v>
      </c>
      <c r="B55261" s="1" t="s">
        <v>182761</v>
      </c>
      <c r="C55261" s="1" t="s">
        <v>95</v>
      </c>
      <c r="D55261" s="1" t="s">
        <v>171297</v>
      </c>
      <c r="E55261" s="1" t="s">
        <v>185849</v>
      </c>
      <c r="F55261" s="1" t="s">
        <v>185850</v>
      </c>
      <c r="G55261" s="1" t="s">
        <v>185794</v>
      </c>
      <c r="H55261" s="1" t="s">
        <v>185795</v>
      </c>
      <c r="I55261" s="1" t="s">
        <v>182766</v>
      </c>
      <c r="J55261" s="1" t="s">
        <v>185851</v>
      </c>
    </row>
    <row r="55262" spans="1:10" x14ac:dyDescent="0.35">
      <c r="A55262" s="1" t="s">
        <v>11040</v>
      </c>
      <c r="B55262" s="1" t="s">
        <v>182761</v>
      </c>
      <c r="C55262" s="1" t="s">
        <v>100</v>
      </c>
      <c r="D55262" s="1" t="s">
        <v>185852</v>
      </c>
      <c r="E55262" s="1" t="s">
        <v>185853</v>
      </c>
      <c r="F55262" s="1" t="s">
        <v>185854</v>
      </c>
      <c r="G55262" s="1" t="s">
        <v>185794</v>
      </c>
      <c r="H55262" s="1" t="s">
        <v>185795</v>
      </c>
      <c r="I55262" s="1" t="s">
        <v>182766</v>
      </c>
      <c r="J55262" s="1" t="s">
        <v>185855</v>
      </c>
    </row>
    <row r="55263" spans="1:10" x14ac:dyDescent="0.35">
      <c r="A55263" s="1" t="s">
        <v>11040</v>
      </c>
      <c r="B55263" s="1" t="s">
        <v>182761</v>
      </c>
      <c r="C55263" s="1" t="s">
        <v>105</v>
      </c>
      <c r="D55263" s="1" t="s">
        <v>17651</v>
      </c>
      <c r="E55263" s="1" t="s">
        <v>185856</v>
      </c>
      <c r="F55263" s="1" t="s">
        <v>185857</v>
      </c>
      <c r="G55263" s="1" t="s">
        <v>185794</v>
      </c>
      <c r="H55263" s="1" t="s">
        <v>185795</v>
      </c>
      <c r="I55263" s="1" t="s">
        <v>182766</v>
      </c>
      <c r="J55263" s="1" t="s">
        <v>185858</v>
      </c>
    </row>
    <row r="55264" spans="1:10" x14ac:dyDescent="0.35">
      <c r="A55264" s="1" t="s">
        <v>11040</v>
      </c>
      <c r="B55264" s="1" t="s">
        <v>182761</v>
      </c>
      <c r="C55264" s="1" t="s">
        <v>110</v>
      </c>
      <c r="D55264" s="1" t="s">
        <v>17242</v>
      </c>
      <c r="E55264" s="1" t="s">
        <v>185859</v>
      </c>
      <c r="F55264" s="1" t="s">
        <v>185860</v>
      </c>
      <c r="G55264" s="1" t="s">
        <v>185794</v>
      </c>
      <c r="H55264" s="1" t="s">
        <v>185795</v>
      </c>
      <c r="I55264" s="1" t="s">
        <v>182766</v>
      </c>
      <c r="J55264" s="1" t="s">
        <v>185861</v>
      </c>
    </row>
    <row r="55265" spans="1:10" x14ac:dyDescent="0.35">
      <c r="A55265" s="1" t="s">
        <v>11040</v>
      </c>
      <c r="B55265" s="1" t="s">
        <v>182761</v>
      </c>
      <c r="C55265" s="1" t="s">
        <v>115</v>
      </c>
      <c r="D55265" s="1" t="s">
        <v>142016</v>
      </c>
      <c r="E55265" s="1" t="s">
        <v>185862</v>
      </c>
      <c r="F55265" s="1" t="s">
        <v>185863</v>
      </c>
      <c r="G55265" s="1" t="s">
        <v>185794</v>
      </c>
      <c r="H55265" s="1" t="s">
        <v>185795</v>
      </c>
      <c r="I55265" s="1" t="s">
        <v>182766</v>
      </c>
      <c r="J55265" s="1" t="s">
        <v>185864</v>
      </c>
    </row>
    <row r="55266" spans="1:10" x14ac:dyDescent="0.35">
      <c r="A55266" s="1" t="s">
        <v>11040</v>
      </c>
      <c r="B55266" s="1" t="s">
        <v>182761</v>
      </c>
      <c r="C55266" s="1" t="s">
        <v>120</v>
      </c>
      <c r="D55266" s="1" t="s">
        <v>185865</v>
      </c>
      <c r="E55266" s="1" t="s">
        <v>185866</v>
      </c>
      <c r="F55266" s="1" t="s">
        <v>185867</v>
      </c>
      <c r="G55266" s="1" t="s">
        <v>185794</v>
      </c>
      <c r="H55266" s="1" t="s">
        <v>185795</v>
      </c>
      <c r="I55266" s="1" t="s">
        <v>182766</v>
      </c>
      <c r="J55266" s="1" t="s">
        <v>185868</v>
      </c>
    </row>
    <row r="55267" spans="1:10" x14ac:dyDescent="0.35">
      <c r="A55267" s="1" t="s">
        <v>11040</v>
      </c>
      <c r="B55267" s="1" t="s">
        <v>182761</v>
      </c>
      <c r="C55267" s="1" t="s">
        <v>125</v>
      </c>
      <c r="D55267" s="1" t="s">
        <v>125571</v>
      </c>
      <c r="E55267" s="1" t="s">
        <v>185869</v>
      </c>
      <c r="F55267" s="1" t="s">
        <v>185870</v>
      </c>
      <c r="G55267" s="1" t="s">
        <v>185794</v>
      </c>
      <c r="H55267" s="1" t="s">
        <v>185795</v>
      </c>
      <c r="I55267" s="1" t="s">
        <v>182766</v>
      </c>
      <c r="J55267" s="1" t="s">
        <v>185871</v>
      </c>
    </row>
    <row r="55268" spans="1:10" x14ac:dyDescent="0.35">
      <c r="A55268" s="1" t="s">
        <v>11040</v>
      </c>
      <c r="B55268" s="1" t="s">
        <v>182761</v>
      </c>
      <c r="C55268" s="1" t="s">
        <v>130</v>
      </c>
      <c r="D55268" s="1" t="s">
        <v>155635</v>
      </c>
      <c r="E55268" s="1" t="s">
        <v>185872</v>
      </c>
      <c r="F55268" s="1" t="s">
        <v>185873</v>
      </c>
      <c r="G55268" s="1" t="s">
        <v>185794</v>
      </c>
      <c r="H55268" s="1" t="s">
        <v>185795</v>
      </c>
      <c r="I55268" s="1" t="s">
        <v>182766</v>
      </c>
      <c r="J55268" s="1" t="s">
        <v>185874</v>
      </c>
    </row>
    <row r="55269" spans="1:10" x14ac:dyDescent="0.35">
      <c r="A55269" s="1" t="s">
        <v>11040</v>
      </c>
      <c r="B55269" s="1" t="s">
        <v>182761</v>
      </c>
      <c r="C55269" s="1" t="s">
        <v>135</v>
      </c>
      <c r="D55269" s="1" t="s">
        <v>185875</v>
      </c>
      <c r="E55269" s="1" t="s">
        <v>185876</v>
      </c>
      <c r="F55269" s="1" t="s">
        <v>185877</v>
      </c>
      <c r="G55269" s="1" t="s">
        <v>185794</v>
      </c>
      <c r="H55269" s="1" t="s">
        <v>185795</v>
      </c>
      <c r="I55269" s="1" t="s">
        <v>182766</v>
      </c>
      <c r="J55269" s="1" t="s">
        <v>185878</v>
      </c>
    </row>
    <row r="55270" spans="1:10" x14ac:dyDescent="0.35">
      <c r="A55270" s="1" t="s">
        <v>11040</v>
      </c>
      <c r="B55270" s="1" t="s">
        <v>182761</v>
      </c>
      <c r="C55270" s="1" t="s">
        <v>140</v>
      </c>
      <c r="D55270" s="1" t="s">
        <v>170405</v>
      </c>
      <c r="E55270" s="1" t="s">
        <v>185879</v>
      </c>
      <c r="F55270" s="1" t="s">
        <v>185880</v>
      </c>
      <c r="G55270" s="1" t="s">
        <v>185794</v>
      </c>
      <c r="H55270" s="1" t="s">
        <v>185795</v>
      </c>
      <c r="I55270" s="1" t="s">
        <v>182766</v>
      </c>
      <c r="J55270" s="1" t="s">
        <v>185881</v>
      </c>
    </row>
    <row r="55271" spans="1:10" x14ac:dyDescent="0.35">
      <c r="A55271" s="1" t="s">
        <v>11040</v>
      </c>
      <c r="B55271" s="1" t="s">
        <v>182761</v>
      </c>
      <c r="C55271" s="1" t="s">
        <v>145</v>
      </c>
      <c r="D55271" s="1" t="s">
        <v>108592</v>
      </c>
      <c r="E55271" s="1" t="s">
        <v>185882</v>
      </c>
      <c r="F55271" s="1" t="s">
        <v>185883</v>
      </c>
      <c r="G55271" s="1" t="s">
        <v>185794</v>
      </c>
      <c r="H55271" s="1" t="s">
        <v>185795</v>
      </c>
      <c r="I55271" s="1" t="s">
        <v>182766</v>
      </c>
      <c r="J55271" s="1" t="s">
        <v>185884</v>
      </c>
    </row>
    <row r="55272" spans="1:10" x14ac:dyDescent="0.35">
      <c r="A55272" s="1" t="s">
        <v>11040</v>
      </c>
      <c r="B55272" s="1" t="s">
        <v>182761</v>
      </c>
      <c r="C55272" s="1" t="s">
        <v>150</v>
      </c>
      <c r="D55272" s="1" t="s">
        <v>185885</v>
      </c>
      <c r="E55272" s="1" t="s">
        <v>185886</v>
      </c>
      <c r="F55272" s="1" t="s">
        <v>185887</v>
      </c>
      <c r="G55272" s="1" t="s">
        <v>185794</v>
      </c>
      <c r="H55272" s="1" t="s">
        <v>185795</v>
      </c>
      <c r="I55272" s="1" t="s">
        <v>182766</v>
      </c>
      <c r="J55272" s="1" t="s">
        <v>185888</v>
      </c>
    </row>
    <row r="55273" spans="1:10" x14ac:dyDescent="0.35">
      <c r="A55273" s="1" t="s">
        <v>11040</v>
      </c>
      <c r="B55273" s="1" t="s">
        <v>182761</v>
      </c>
      <c r="C55273" s="1" t="s">
        <v>155</v>
      </c>
      <c r="D55273" s="1" t="s">
        <v>185889</v>
      </c>
      <c r="E55273" s="1" t="s">
        <v>185890</v>
      </c>
      <c r="F55273" s="1" t="s">
        <v>185891</v>
      </c>
      <c r="G55273" s="1" t="s">
        <v>185794</v>
      </c>
      <c r="H55273" s="1" t="s">
        <v>185795</v>
      </c>
      <c r="I55273" s="1" t="s">
        <v>182766</v>
      </c>
      <c r="J55273" s="1" t="s">
        <v>185892</v>
      </c>
    </row>
    <row r="55274" spans="1:10" x14ac:dyDescent="0.35">
      <c r="A55274" s="1" t="s">
        <v>11040</v>
      </c>
      <c r="B55274" s="1" t="s">
        <v>182761</v>
      </c>
      <c r="C55274" s="1" t="s">
        <v>160</v>
      </c>
      <c r="D55274" s="1" t="s">
        <v>159555</v>
      </c>
      <c r="E55274" s="1" t="s">
        <v>185893</v>
      </c>
      <c r="F55274" s="1" t="s">
        <v>185894</v>
      </c>
      <c r="G55274" s="1" t="s">
        <v>185794</v>
      </c>
      <c r="H55274" s="1" t="s">
        <v>185795</v>
      </c>
      <c r="I55274" s="1" t="s">
        <v>182766</v>
      </c>
      <c r="J55274" s="1" t="s">
        <v>185895</v>
      </c>
    </row>
    <row r="55275" spans="1:10" x14ac:dyDescent="0.35">
      <c r="A55275" s="1" t="s">
        <v>11040</v>
      </c>
      <c r="B55275" s="1" t="s">
        <v>182761</v>
      </c>
      <c r="C55275" s="1" t="s">
        <v>165</v>
      </c>
      <c r="D55275" s="1" t="s">
        <v>113803</v>
      </c>
      <c r="E55275" s="1" t="s">
        <v>185896</v>
      </c>
      <c r="F55275" s="1" t="s">
        <v>185897</v>
      </c>
      <c r="G55275" s="1" t="s">
        <v>185794</v>
      </c>
      <c r="H55275" s="1" t="s">
        <v>185795</v>
      </c>
      <c r="I55275" s="1" t="s">
        <v>182766</v>
      </c>
      <c r="J55275" s="1" t="s">
        <v>185898</v>
      </c>
    </row>
    <row r="55276" spans="1:10" x14ac:dyDescent="0.35">
      <c r="A55276" s="1" t="s">
        <v>11040</v>
      </c>
      <c r="B55276" s="1" t="s">
        <v>182761</v>
      </c>
      <c r="C55276" s="1" t="s">
        <v>170</v>
      </c>
      <c r="D55276" s="1" t="s">
        <v>149698</v>
      </c>
      <c r="E55276" s="1" t="s">
        <v>185899</v>
      </c>
      <c r="F55276" s="1" t="s">
        <v>185900</v>
      </c>
      <c r="G55276" s="1" t="s">
        <v>185794</v>
      </c>
      <c r="H55276" s="1" t="s">
        <v>185795</v>
      </c>
      <c r="I55276" s="1" t="s">
        <v>182766</v>
      </c>
      <c r="J55276" s="1" t="s">
        <v>185901</v>
      </c>
    </row>
    <row r="55277" spans="1:10" x14ac:dyDescent="0.35">
      <c r="A55277" s="1" t="s">
        <v>11749</v>
      </c>
      <c r="B55277" s="1" t="s">
        <v>182761</v>
      </c>
      <c r="C55277" s="1" t="s">
        <v>8</v>
      </c>
      <c r="D55277" s="1" t="s">
        <v>37946</v>
      </c>
      <c r="E55277" s="1" t="s">
        <v>185902</v>
      </c>
      <c r="F55277" s="1" t="s">
        <v>185903</v>
      </c>
      <c r="G55277" s="1" t="s">
        <v>185904</v>
      </c>
      <c r="H55277" s="1" t="s">
        <v>185905</v>
      </c>
      <c r="I55277" s="1" t="s">
        <v>182766</v>
      </c>
      <c r="J55277" s="1" t="s">
        <v>13</v>
      </c>
    </row>
    <row r="55278" spans="1:10" x14ac:dyDescent="0.35">
      <c r="A55278" s="1" t="s">
        <v>11749</v>
      </c>
      <c r="B55278" s="1" t="s">
        <v>182761</v>
      </c>
      <c r="C55278" s="1" t="s">
        <v>15</v>
      </c>
      <c r="D55278" s="1" t="s">
        <v>3044</v>
      </c>
      <c r="E55278" s="1" t="s">
        <v>185906</v>
      </c>
      <c r="F55278" s="1" t="s">
        <v>185907</v>
      </c>
      <c r="G55278" s="1" t="s">
        <v>185904</v>
      </c>
      <c r="H55278" s="1" t="s">
        <v>185905</v>
      </c>
      <c r="I55278" s="1" t="s">
        <v>182766</v>
      </c>
      <c r="J55278" s="1" t="s">
        <v>185908</v>
      </c>
    </row>
    <row r="55279" spans="1:10" x14ac:dyDescent="0.35">
      <c r="A55279" s="1" t="s">
        <v>11749</v>
      </c>
      <c r="B55279" s="1" t="s">
        <v>182761</v>
      </c>
      <c r="C55279" s="1" t="s">
        <v>20</v>
      </c>
      <c r="D55279" s="1" t="s">
        <v>17975</v>
      </c>
      <c r="E55279" s="1" t="s">
        <v>185909</v>
      </c>
      <c r="F55279" s="1" t="s">
        <v>185910</v>
      </c>
      <c r="G55279" s="1" t="s">
        <v>185904</v>
      </c>
      <c r="H55279" s="1" t="s">
        <v>185905</v>
      </c>
      <c r="I55279" s="1" t="s">
        <v>182766</v>
      </c>
      <c r="J55279" s="1" t="s">
        <v>185911</v>
      </c>
    </row>
    <row r="55280" spans="1:10" x14ac:dyDescent="0.35">
      <c r="A55280" s="1" t="s">
        <v>11749</v>
      </c>
      <c r="B55280" s="1" t="s">
        <v>182761</v>
      </c>
      <c r="C55280" s="1" t="s">
        <v>25</v>
      </c>
      <c r="D55280" s="1" t="s">
        <v>185912</v>
      </c>
      <c r="E55280" s="1" t="s">
        <v>185913</v>
      </c>
      <c r="F55280" s="1" t="s">
        <v>185914</v>
      </c>
      <c r="G55280" s="1" t="s">
        <v>185904</v>
      </c>
      <c r="H55280" s="1" t="s">
        <v>185905</v>
      </c>
      <c r="I55280" s="1" t="s">
        <v>182766</v>
      </c>
      <c r="J55280" s="1" t="s">
        <v>185915</v>
      </c>
    </row>
    <row r="55281" spans="1:10" x14ac:dyDescent="0.35">
      <c r="A55281" s="1" t="s">
        <v>11749</v>
      </c>
      <c r="B55281" s="1" t="s">
        <v>182761</v>
      </c>
      <c r="C55281" s="1" t="s">
        <v>30</v>
      </c>
      <c r="D55281" s="1" t="s">
        <v>73376</v>
      </c>
      <c r="E55281" s="1" t="s">
        <v>185916</v>
      </c>
      <c r="F55281" s="1" t="s">
        <v>185917</v>
      </c>
      <c r="G55281" s="1" t="s">
        <v>185904</v>
      </c>
      <c r="H55281" s="1" t="s">
        <v>185905</v>
      </c>
      <c r="I55281" s="1" t="s">
        <v>182766</v>
      </c>
      <c r="J55281" s="1" t="s">
        <v>185918</v>
      </c>
    </row>
    <row r="55282" spans="1:10" x14ac:dyDescent="0.35">
      <c r="A55282" s="1" t="s">
        <v>11749</v>
      </c>
      <c r="B55282" s="1" t="s">
        <v>182761</v>
      </c>
      <c r="C55282" s="1" t="s">
        <v>35</v>
      </c>
      <c r="D55282" s="1" t="s">
        <v>12769</v>
      </c>
      <c r="E55282" s="1" t="s">
        <v>185919</v>
      </c>
      <c r="F55282" s="1" t="s">
        <v>185920</v>
      </c>
      <c r="G55282" s="1" t="s">
        <v>185904</v>
      </c>
      <c r="H55282" s="1" t="s">
        <v>185905</v>
      </c>
      <c r="I55282" s="1" t="s">
        <v>182766</v>
      </c>
      <c r="J55282" s="1" t="s">
        <v>185921</v>
      </c>
    </row>
    <row r="55283" spans="1:10" x14ac:dyDescent="0.35">
      <c r="A55283" s="1" t="s">
        <v>11749</v>
      </c>
      <c r="B55283" s="1" t="s">
        <v>182761</v>
      </c>
      <c r="C55283" s="1" t="s">
        <v>40</v>
      </c>
      <c r="D55283" s="1" t="s">
        <v>35461</v>
      </c>
      <c r="E55283" s="1" t="s">
        <v>185922</v>
      </c>
      <c r="F55283" s="1" t="s">
        <v>185923</v>
      </c>
      <c r="G55283" s="1" t="s">
        <v>185904</v>
      </c>
      <c r="H55283" s="1" t="s">
        <v>185905</v>
      </c>
      <c r="I55283" s="1" t="s">
        <v>182766</v>
      </c>
      <c r="J55283" s="1" t="s">
        <v>185924</v>
      </c>
    </row>
    <row r="55284" spans="1:10" x14ac:dyDescent="0.35">
      <c r="A55284" s="1" t="s">
        <v>11749</v>
      </c>
      <c r="B55284" s="1" t="s">
        <v>182761</v>
      </c>
      <c r="C55284" s="1" t="s">
        <v>45</v>
      </c>
      <c r="D55284" s="1" t="s">
        <v>185925</v>
      </c>
      <c r="E55284" s="1" t="s">
        <v>185926</v>
      </c>
      <c r="F55284" s="1" t="s">
        <v>185927</v>
      </c>
      <c r="G55284" s="1" t="s">
        <v>185904</v>
      </c>
      <c r="H55284" s="1" t="s">
        <v>185905</v>
      </c>
      <c r="I55284" s="1" t="s">
        <v>182766</v>
      </c>
      <c r="J55284" s="1" t="s">
        <v>185928</v>
      </c>
    </row>
    <row r="55285" spans="1:10" x14ac:dyDescent="0.35">
      <c r="A55285" s="1" t="s">
        <v>11749</v>
      </c>
      <c r="B55285" s="1" t="s">
        <v>182761</v>
      </c>
      <c r="C55285" s="1" t="s">
        <v>50</v>
      </c>
      <c r="D55285" s="1" t="s">
        <v>3719</v>
      </c>
      <c r="E55285" s="1" t="s">
        <v>185929</v>
      </c>
      <c r="F55285" s="1" t="s">
        <v>185930</v>
      </c>
      <c r="G55285" s="1" t="s">
        <v>185904</v>
      </c>
      <c r="H55285" s="1" t="s">
        <v>185905</v>
      </c>
      <c r="I55285" s="1" t="s">
        <v>182766</v>
      </c>
      <c r="J55285" s="1" t="s">
        <v>185931</v>
      </c>
    </row>
    <row r="55286" spans="1:10" x14ac:dyDescent="0.35">
      <c r="A55286" s="1" t="s">
        <v>11749</v>
      </c>
      <c r="B55286" s="1" t="s">
        <v>182761</v>
      </c>
      <c r="C55286" s="1" t="s">
        <v>55</v>
      </c>
      <c r="D55286" s="1" t="s">
        <v>185932</v>
      </c>
      <c r="E55286" s="1" t="s">
        <v>185933</v>
      </c>
      <c r="F55286" s="1" t="s">
        <v>185934</v>
      </c>
      <c r="G55286" s="1" t="s">
        <v>185904</v>
      </c>
      <c r="H55286" s="1" t="s">
        <v>185905</v>
      </c>
      <c r="I55286" s="1" t="s">
        <v>182766</v>
      </c>
      <c r="J55286" s="1" t="s">
        <v>185935</v>
      </c>
    </row>
    <row r="55287" spans="1:10" x14ac:dyDescent="0.35">
      <c r="A55287" s="1" t="s">
        <v>11749</v>
      </c>
      <c r="B55287" s="1" t="s">
        <v>182761</v>
      </c>
      <c r="C55287" s="1" t="s">
        <v>60</v>
      </c>
      <c r="D55287" s="1" t="s">
        <v>31047</v>
      </c>
      <c r="E55287" s="1" t="s">
        <v>185936</v>
      </c>
      <c r="F55287" s="1" t="s">
        <v>185937</v>
      </c>
      <c r="G55287" s="1" t="s">
        <v>185904</v>
      </c>
      <c r="H55287" s="1" t="s">
        <v>185905</v>
      </c>
      <c r="I55287" s="1" t="s">
        <v>182766</v>
      </c>
      <c r="J55287" s="1" t="s">
        <v>185938</v>
      </c>
    </row>
    <row r="55288" spans="1:10" x14ac:dyDescent="0.35">
      <c r="A55288" s="1" t="s">
        <v>11749</v>
      </c>
      <c r="B55288" s="1" t="s">
        <v>182761</v>
      </c>
      <c r="C55288" s="1" t="s">
        <v>65</v>
      </c>
      <c r="D55288" s="1" t="s">
        <v>18006</v>
      </c>
      <c r="E55288" s="1" t="s">
        <v>185939</v>
      </c>
      <c r="F55288" s="1" t="s">
        <v>185940</v>
      </c>
      <c r="G55288" s="1" t="s">
        <v>185904</v>
      </c>
      <c r="H55288" s="1" t="s">
        <v>185905</v>
      </c>
      <c r="I55288" s="1" t="s">
        <v>182766</v>
      </c>
      <c r="J55288" s="1" t="s">
        <v>185941</v>
      </c>
    </row>
    <row r="55289" spans="1:10" x14ac:dyDescent="0.35">
      <c r="A55289" s="1" t="s">
        <v>11749</v>
      </c>
      <c r="B55289" s="1" t="s">
        <v>182761</v>
      </c>
      <c r="C55289" s="1" t="s">
        <v>70</v>
      </c>
      <c r="D55289" s="1" t="s">
        <v>185942</v>
      </c>
      <c r="E55289" s="1" t="s">
        <v>185943</v>
      </c>
      <c r="F55289" s="1" t="s">
        <v>185944</v>
      </c>
      <c r="G55289" s="1" t="s">
        <v>185904</v>
      </c>
      <c r="H55289" s="1" t="s">
        <v>185905</v>
      </c>
      <c r="I55289" s="1" t="s">
        <v>182766</v>
      </c>
      <c r="J55289" s="1" t="s">
        <v>185945</v>
      </c>
    </row>
    <row r="55290" spans="1:10" x14ac:dyDescent="0.35">
      <c r="A55290" s="1" t="s">
        <v>11749</v>
      </c>
      <c r="B55290" s="1" t="s">
        <v>182761</v>
      </c>
      <c r="C55290" s="1" t="s">
        <v>75</v>
      </c>
      <c r="D55290" s="1" t="s">
        <v>185946</v>
      </c>
      <c r="E55290" s="1" t="s">
        <v>185947</v>
      </c>
      <c r="F55290" s="1" t="s">
        <v>185948</v>
      </c>
      <c r="G55290" s="1" t="s">
        <v>185904</v>
      </c>
      <c r="H55290" s="1" t="s">
        <v>185905</v>
      </c>
      <c r="I55290" s="1" t="s">
        <v>182766</v>
      </c>
      <c r="J55290" s="1" t="s">
        <v>185949</v>
      </c>
    </row>
    <row r="55291" spans="1:10" x14ac:dyDescent="0.35">
      <c r="A55291" s="1" t="s">
        <v>11749</v>
      </c>
      <c r="B55291" s="1" t="s">
        <v>182761</v>
      </c>
      <c r="C55291" s="1" t="s">
        <v>80</v>
      </c>
      <c r="D55291" s="1" t="s">
        <v>169784</v>
      </c>
      <c r="E55291" s="1" t="s">
        <v>185950</v>
      </c>
      <c r="F55291" s="1" t="s">
        <v>185951</v>
      </c>
      <c r="G55291" s="1" t="s">
        <v>185904</v>
      </c>
      <c r="H55291" s="1" t="s">
        <v>185905</v>
      </c>
      <c r="I55291" s="1" t="s">
        <v>182766</v>
      </c>
      <c r="J55291" s="1" t="s">
        <v>185952</v>
      </c>
    </row>
    <row r="55292" spans="1:10" x14ac:dyDescent="0.35">
      <c r="A55292" s="1" t="s">
        <v>11749</v>
      </c>
      <c r="B55292" s="1" t="s">
        <v>182761</v>
      </c>
      <c r="C55292" s="1" t="s">
        <v>85</v>
      </c>
      <c r="D55292" s="1" t="s">
        <v>185953</v>
      </c>
      <c r="E55292" s="1" t="s">
        <v>185954</v>
      </c>
      <c r="F55292" s="1" t="s">
        <v>185955</v>
      </c>
      <c r="G55292" s="1" t="s">
        <v>185904</v>
      </c>
      <c r="H55292" s="1" t="s">
        <v>185905</v>
      </c>
      <c r="I55292" s="1" t="s">
        <v>182766</v>
      </c>
      <c r="J55292" s="1" t="s">
        <v>185956</v>
      </c>
    </row>
    <row r="55293" spans="1:10" x14ac:dyDescent="0.35">
      <c r="A55293" s="1" t="s">
        <v>11749</v>
      </c>
      <c r="B55293" s="1" t="s">
        <v>182761</v>
      </c>
      <c r="C55293" s="1" t="s">
        <v>90</v>
      </c>
      <c r="D55293" s="1" t="s">
        <v>184838</v>
      </c>
      <c r="E55293" s="1" t="s">
        <v>185957</v>
      </c>
      <c r="F55293" s="1" t="s">
        <v>185958</v>
      </c>
      <c r="G55293" s="1" t="s">
        <v>185904</v>
      </c>
      <c r="H55293" s="1" t="s">
        <v>185905</v>
      </c>
      <c r="I55293" s="1" t="s">
        <v>182766</v>
      </c>
      <c r="J55293" s="1" t="s">
        <v>185959</v>
      </c>
    </row>
    <row r="55294" spans="1:10" x14ac:dyDescent="0.35">
      <c r="A55294" s="1" t="s">
        <v>11749</v>
      </c>
      <c r="B55294" s="1" t="s">
        <v>182761</v>
      </c>
      <c r="C55294" s="1" t="s">
        <v>95</v>
      </c>
      <c r="D55294" s="1" t="s">
        <v>185960</v>
      </c>
      <c r="E55294" s="1" t="s">
        <v>185961</v>
      </c>
      <c r="F55294" s="1" t="s">
        <v>185962</v>
      </c>
      <c r="G55294" s="1" t="s">
        <v>185904</v>
      </c>
      <c r="H55294" s="1" t="s">
        <v>185905</v>
      </c>
      <c r="I55294" s="1" t="s">
        <v>182766</v>
      </c>
      <c r="J55294" s="1" t="s">
        <v>185963</v>
      </c>
    </row>
    <row r="55295" spans="1:10" x14ac:dyDescent="0.35">
      <c r="A55295" s="1" t="s">
        <v>11749</v>
      </c>
      <c r="B55295" s="1" t="s">
        <v>182761</v>
      </c>
      <c r="C55295" s="1" t="s">
        <v>100</v>
      </c>
      <c r="D55295" s="1" t="s">
        <v>105569</v>
      </c>
      <c r="E55295" s="1" t="s">
        <v>185964</v>
      </c>
      <c r="F55295" s="1" t="s">
        <v>185965</v>
      </c>
      <c r="G55295" s="1" t="s">
        <v>185904</v>
      </c>
      <c r="H55295" s="1" t="s">
        <v>185905</v>
      </c>
      <c r="I55295" s="1" t="s">
        <v>182766</v>
      </c>
      <c r="J55295" s="1" t="s">
        <v>185966</v>
      </c>
    </row>
    <row r="55296" spans="1:10" x14ac:dyDescent="0.35">
      <c r="A55296" s="1" t="s">
        <v>11749</v>
      </c>
      <c r="B55296" s="1" t="s">
        <v>182761</v>
      </c>
      <c r="C55296" s="1" t="s">
        <v>105</v>
      </c>
      <c r="D55296" s="1" t="s">
        <v>113522</v>
      </c>
      <c r="E55296" s="1" t="s">
        <v>185967</v>
      </c>
      <c r="F55296" s="1" t="s">
        <v>185968</v>
      </c>
      <c r="G55296" s="1" t="s">
        <v>185904</v>
      </c>
      <c r="H55296" s="1" t="s">
        <v>185905</v>
      </c>
      <c r="I55296" s="1" t="s">
        <v>182766</v>
      </c>
      <c r="J55296" s="1" t="s">
        <v>185969</v>
      </c>
    </row>
    <row r="55297" spans="1:10" x14ac:dyDescent="0.35">
      <c r="A55297" s="1" t="s">
        <v>11749</v>
      </c>
      <c r="B55297" s="1" t="s">
        <v>182761</v>
      </c>
      <c r="C55297" s="1" t="s">
        <v>110</v>
      </c>
      <c r="D55297" s="1" t="s">
        <v>141995</v>
      </c>
      <c r="E55297" s="1" t="s">
        <v>185970</v>
      </c>
      <c r="F55297" s="1" t="s">
        <v>185971</v>
      </c>
      <c r="G55297" s="1" t="s">
        <v>185904</v>
      </c>
      <c r="H55297" s="1" t="s">
        <v>185905</v>
      </c>
      <c r="I55297" s="1" t="s">
        <v>182766</v>
      </c>
      <c r="J55297" s="1" t="s">
        <v>185972</v>
      </c>
    </row>
    <row r="55298" spans="1:10" x14ac:dyDescent="0.35">
      <c r="A55298" s="1" t="s">
        <v>11749</v>
      </c>
      <c r="B55298" s="1" t="s">
        <v>182761</v>
      </c>
      <c r="C55298" s="1" t="s">
        <v>115</v>
      </c>
      <c r="D55298" s="1" t="s">
        <v>185973</v>
      </c>
      <c r="E55298" s="1" t="s">
        <v>185974</v>
      </c>
      <c r="F55298" s="1" t="s">
        <v>185975</v>
      </c>
      <c r="G55298" s="1" t="s">
        <v>185904</v>
      </c>
      <c r="H55298" s="1" t="s">
        <v>185905</v>
      </c>
      <c r="I55298" s="1" t="s">
        <v>182766</v>
      </c>
      <c r="J55298" s="1" t="s">
        <v>185976</v>
      </c>
    </row>
    <row r="55299" spans="1:10" x14ac:dyDescent="0.35">
      <c r="A55299" s="1" t="s">
        <v>11749</v>
      </c>
      <c r="B55299" s="1" t="s">
        <v>182761</v>
      </c>
      <c r="C55299" s="1" t="s">
        <v>120</v>
      </c>
      <c r="D55299" s="1" t="s">
        <v>127266</v>
      </c>
      <c r="E55299" s="1" t="s">
        <v>185977</v>
      </c>
      <c r="F55299" s="1" t="s">
        <v>185978</v>
      </c>
      <c r="G55299" s="1" t="s">
        <v>185904</v>
      </c>
      <c r="H55299" s="1" t="s">
        <v>185905</v>
      </c>
      <c r="I55299" s="1" t="s">
        <v>182766</v>
      </c>
      <c r="J55299" s="1" t="s">
        <v>185979</v>
      </c>
    </row>
    <row r="55300" spans="1:10" x14ac:dyDescent="0.35">
      <c r="A55300" s="1" t="s">
        <v>11749</v>
      </c>
      <c r="B55300" s="1" t="s">
        <v>182761</v>
      </c>
      <c r="C55300" s="1" t="s">
        <v>125</v>
      </c>
      <c r="D55300" s="1" t="s">
        <v>105595</v>
      </c>
      <c r="E55300" s="1" t="s">
        <v>185980</v>
      </c>
      <c r="F55300" s="1" t="s">
        <v>185981</v>
      </c>
      <c r="G55300" s="1" t="s">
        <v>185904</v>
      </c>
      <c r="H55300" s="1" t="s">
        <v>185905</v>
      </c>
      <c r="I55300" s="1" t="s">
        <v>182766</v>
      </c>
      <c r="J55300" s="1" t="s">
        <v>185982</v>
      </c>
    </row>
    <row r="55301" spans="1:10" x14ac:dyDescent="0.35">
      <c r="A55301" s="1" t="s">
        <v>11749</v>
      </c>
      <c r="B55301" s="1" t="s">
        <v>182761</v>
      </c>
      <c r="C55301" s="1" t="s">
        <v>130</v>
      </c>
      <c r="D55301" s="1" t="s">
        <v>185983</v>
      </c>
      <c r="E55301" s="1" t="s">
        <v>185984</v>
      </c>
      <c r="F55301" s="1" t="s">
        <v>185985</v>
      </c>
      <c r="G55301" s="1" t="s">
        <v>185904</v>
      </c>
      <c r="H55301" s="1" t="s">
        <v>185905</v>
      </c>
      <c r="I55301" s="1" t="s">
        <v>182766</v>
      </c>
      <c r="J55301" s="1" t="s">
        <v>185986</v>
      </c>
    </row>
    <row r="55302" spans="1:10" x14ac:dyDescent="0.35">
      <c r="A55302" s="1" t="s">
        <v>11749</v>
      </c>
      <c r="B55302" s="1" t="s">
        <v>182761</v>
      </c>
      <c r="C55302" s="1" t="s">
        <v>135</v>
      </c>
      <c r="D55302" s="1" t="s">
        <v>185987</v>
      </c>
      <c r="E55302" s="1" t="s">
        <v>185988</v>
      </c>
      <c r="F55302" s="1" t="s">
        <v>185989</v>
      </c>
      <c r="G55302" s="1" t="s">
        <v>185904</v>
      </c>
      <c r="H55302" s="1" t="s">
        <v>185905</v>
      </c>
      <c r="I55302" s="1" t="s">
        <v>182766</v>
      </c>
      <c r="J55302" s="1" t="s">
        <v>185990</v>
      </c>
    </row>
    <row r="55303" spans="1:10" x14ac:dyDescent="0.35">
      <c r="A55303" s="1" t="s">
        <v>11749</v>
      </c>
      <c r="B55303" s="1" t="s">
        <v>182761</v>
      </c>
      <c r="C55303" s="1" t="s">
        <v>140</v>
      </c>
      <c r="D55303" s="1" t="s">
        <v>91900</v>
      </c>
      <c r="E55303" s="1" t="s">
        <v>93017</v>
      </c>
      <c r="F55303" s="1" t="s">
        <v>185991</v>
      </c>
      <c r="G55303" s="1" t="s">
        <v>185904</v>
      </c>
      <c r="H55303" s="1" t="s">
        <v>185905</v>
      </c>
      <c r="I55303" s="1" t="s">
        <v>182766</v>
      </c>
      <c r="J55303" s="1" t="s">
        <v>185992</v>
      </c>
    </row>
    <row r="55304" spans="1:10" x14ac:dyDescent="0.35">
      <c r="A55304" s="1" t="s">
        <v>11749</v>
      </c>
      <c r="B55304" s="1" t="s">
        <v>182761</v>
      </c>
      <c r="C55304" s="1" t="s">
        <v>145</v>
      </c>
      <c r="D55304" s="1" t="s">
        <v>22664</v>
      </c>
      <c r="E55304" s="1" t="s">
        <v>185993</v>
      </c>
      <c r="F55304" s="1" t="s">
        <v>185994</v>
      </c>
      <c r="G55304" s="1" t="s">
        <v>185904</v>
      </c>
      <c r="H55304" s="1" t="s">
        <v>185905</v>
      </c>
      <c r="I55304" s="1" t="s">
        <v>182766</v>
      </c>
      <c r="J55304" s="1" t="s">
        <v>185995</v>
      </c>
    </row>
    <row r="55305" spans="1:10" x14ac:dyDescent="0.35">
      <c r="A55305" s="1" t="s">
        <v>11749</v>
      </c>
      <c r="B55305" s="1" t="s">
        <v>182761</v>
      </c>
      <c r="C55305" s="1" t="s">
        <v>150</v>
      </c>
      <c r="D55305" s="1" t="s">
        <v>55986</v>
      </c>
      <c r="E55305" s="1" t="s">
        <v>185996</v>
      </c>
      <c r="F55305" s="1" t="s">
        <v>185997</v>
      </c>
      <c r="G55305" s="1" t="s">
        <v>185904</v>
      </c>
      <c r="H55305" s="1" t="s">
        <v>185905</v>
      </c>
      <c r="I55305" s="1" t="s">
        <v>182766</v>
      </c>
      <c r="J55305" s="1" t="s">
        <v>185998</v>
      </c>
    </row>
    <row r="55306" spans="1:10" x14ac:dyDescent="0.35">
      <c r="A55306" s="1" t="s">
        <v>11749</v>
      </c>
      <c r="B55306" s="1" t="s">
        <v>182761</v>
      </c>
      <c r="C55306" s="1" t="s">
        <v>155</v>
      </c>
      <c r="D55306" s="1" t="s">
        <v>185999</v>
      </c>
      <c r="E55306" s="1" t="s">
        <v>186000</v>
      </c>
      <c r="F55306" s="1" t="s">
        <v>186001</v>
      </c>
      <c r="G55306" s="1" t="s">
        <v>185904</v>
      </c>
      <c r="H55306" s="1" t="s">
        <v>185905</v>
      </c>
      <c r="I55306" s="1" t="s">
        <v>182766</v>
      </c>
      <c r="J55306" s="1" t="s">
        <v>186002</v>
      </c>
    </row>
    <row r="55307" spans="1:10" x14ac:dyDescent="0.35">
      <c r="A55307" s="1" t="s">
        <v>11749</v>
      </c>
      <c r="B55307" s="1" t="s">
        <v>182761</v>
      </c>
      <c r="C55307" s="1" t="s">
        <v>160</v>
      </c>
      <c r="D55307" s="1" t="s">
        <v>179714</v>
      </c>
      <c r="E55307" s="1" t="s">
        <v>186003</v>
      </c>
      <c r="F55307" s="1" t="s">
        <v>186004</v>
      </c>
      <c r="G55307" s="1" t="s">
        <v>185904</v>
      </c>
      <c r="H55307" s="1" t="s">
        <v>185905</v>
      </c>
      <c r="I55307" s="1" t="s">
        <v>182766</v>
      </c>
      <c r="J55307" s="1" t="s">
        <v>186005</v>
      </c>
    </row>
    <row r="55308" spans="1:10" x14ac:dyDescent="0.35">
      <c r="A55308" s="1" t="s">
        <v>11749</v>
      </c>
      <c r="B55308" s="1" t="s">
        <v>182761</v>
      </c>
      <c r="C55308" s="1" t="s">
        <v>165</v>
      </c>
      <c r="D55308" s="1" t="s">
        <v>60218</v>
      </c>
      <c r="E55308" s="1" t="s">
        <v>186006</v>
      </c>
      <c r="F55308" s="1" t="s">
        <v>186007</v>
      </c>
      <c r="G55308" s="1" t="s">
        <v>185904</v>
      </c>
      <c r="H55308" s="1" t="s">
        <v>185905</v>
      </c>
      <c r="I55308" s="1" t="s">
        <v>182766</v>
      </c>
      <c r="J55308" s="1" t="s">
        <v>186008</v>
      </c>
    </row>
    <row r="55309" spans="1:10" x14ac:dyDescent="0.35">
      <c r="A55309" s="1" t="s">
        <v>11749</v>
      </c>
      <c r="B55309" s="1" t="s">
        <v>182761</v>
      </c>
      <c r="C55309" s="1" t="s">
        <v>170</v>
      </c>
      <c r="D55309" s="1" t="s">
        <v>186009</v>
      </c>
      <c r="E55309" s="1" t="s">
        <v>186010</v>
      </c>
      <c r="F55309" s="1" t="s">
        <v>186011</v>
      </c>
      <c r="G55309" s="1" t="s">
        <v>185904</v>
      </c>
      <c r="H55309" s="1" t="s">
        <v>185905</v>
      </c>
      <c r="I55309" s="1" t="s">
        <v>182766</v>
      </c>
      <c r="J55309" s="1" t="s">
        <v>186012</v>
      </c>
    </row>
    <row r="55310" spans="1:10" x14ac:dyDescent="0.35">
      <c r="A55310" s="1" t="s">
        <v>27776</v>
      </c>
      <c r="B55310" s="1" t="s">
        <v>182761</v>
      </c>
      <c r="C55310" s="1" t="s">
        <v>8</v>
      </c>
      <c r="D55310" s="1" t="s">
        <v>81</v>
      </c>
      <c r="E55310" s="1" t="s">
        <v>186013</v>
      </c>
      <c r="F55310" s="1" t="s">
        <v>186014</v>
      </c>
      <c r="G55310" s="1" t="s">
        <v>186015</v>
      </c>
      <c r="H55310" s="1" t="s">
        <v>186016</v>
      </c>
      <c r="I55310" s="1" t="s">
        <v>182766</v>
      </c>
      <c r="J55310" s="1" t="s">
        <v>13</v>
      </c>
    </row>
    <row r="55311" spans="1:10" x14ac:dyDescent="0.35">
      <c r="A55311" s="1" t="s">
        <v>27776</v>
      </c>
      <c r="B55311" s="1" t="s">
        <v>182761</v>
      </c>
      <c r="C55311" s="1" t="s">
        <v>15</v>
      </c>
      <c r="D55311" s="1" t="s">
        <v>37066</v>
      </c>
      <c r="E55311" s="1" t="s">
        <v>186017</v>
      </c>
      <c r="F55311" s="1" t="s">
        <v>186018</v>
      </c>
      <c r="G55311" s="1" t="s">
        <v>186015</v>
      </c>
      <c r="H55311" s="1" t="s">
        <v>186016</v>
      </c>
      <c r="I55311" s="1" t="s">
        <v>182766</v>
      </c>
      <c r="J55311" s="1" t="s">
        <v>186019</v>
      </c>
    </row>
    <row r="55312" spans="1:10" x14ac:dyDescent="0.35">
      <c r="A55312" s="1" t="s">
        <v>27776</v>
      </c>
      <c r="B55312" s="1" t="s">
        <v>182761</v>
      </c>
      <c r="C55312" s="1" t="s">
        <v>20</v>
      </c>
      <c r="D55312" s="1" t="s">
        <v>47447</v>
      </c>
      <c r="E55312" s="1" t="s">
        <v>186020</v>
      </c>
      <c r="F55312" s="1" t="s">
        <v>186021</v>
      </c>
      <c r="G55312" s="1" t="s">
        <v>186015</v>
      </c>
      <c r="H55312" s="1" t="s">
        <v>186016</v>
      </c>
      <c r="I55312" s="1" t="s">
        <v>182766</v>
      </c>
      <c r="J55312" s="1" t="s">
        <v>186022</v>
      </c>
    </row>
    <row r="55313" spans="1:10" x14ac:dyDescent="0.35">
      <c r="A55313" s="1" t="s">
        <v>27776</v>
      </c>
      <c r="B55313" s="1" t="s">
        <v>182761</v>
      </c>
      <c r="C55313" s="1" t="s">
        <v>25</v>
      </c>
      <c r="D55313" s="1" t="s">
        <v>51325</v>
      </c>
      <c r="E55313" s="1" t="s">
        <v>186023</v>
      </c>
      <c r="F55313" s="1" t="s">
        <v>186024</v>
      </c>
      <c r="G55313" s="1" t="s">
        <v>186015</v>
      </c>
      <c r="H55313" s="1" t="s">
        <v>186016</v>
      </c>
      <c r="I55313" s="1" t="s">
        <v>182766</v>
      </c>
      <c r="J55313" s="1" t="s">
        <v>186025</v>
      </c>
    </row>
    <row r="55314" spans="1:10" x14ac:dyDescent="0.35">
      <c r="A55314" s="1" t="s">
        <v>27776</v>
      </c>
      <c r="B55314" s="1" t="s">
        <v>182761</v>
      </c>
      <c r="C55314" s="1" t="s">
        <v>30</v>
      </c>
      <c r="D55314" s="1" t="s">
        <v>149887</v>
      </c>
      <c r="E55314" s="1" t="s">
        <v>186026</v>
      </c>
      <c r="F55314" s="1" t="s">
        <v>186027</v>
      </c>
      <c r="G55314" s="1" t="s">
        <v>186015</v>
      </c>
      <c r="H55314" s="1" t="s">
        <v>186016</v>
      </c>
      <c r="I55314" s="1" t="s">
        <v>182766</v>
      </c>
      <c r="J55314" s="1" t="s">
        <v>186028</v>
      </c>
    </row>
    <row r="55315" spans="1:10" x14ac:dyDescent="0.35">
      <c r="A55315" s="1" t="s">
        <v>27776</v>
      </c>
      <c r="B55315" s="1" t="s">
        <v>182761</v>
      </c>
      <c r="C55315" s="1" t="s">
        <v>35</v>
      </c>
      <c r="D55315" s="1" t="s">
        <v>5465</v>
      </c>
      <c r="E55315" s="1" t="s">
        <v>186029</v>
      </c>
      <c r="F55315" s="1" t="s">
        <v>186030</v>
      </c>
      <c r="G55315" s="1" t="s">
        <v>186015</v>
      </c>
      <c r="H55315" s="1" t="s">
        <v>186016</v>
      </c>
      <c r="I55315" s="1" t="s">
        <v>182766</v>
      </c>
      <c r="J55315" s="1" t="s">
        <v>186031</v>
      </c>
    </row>
    <row r="55316" spans="1:10" x14ac:dyDescent="0.35">
      <c r="A55316" s="1" t="s">
        <v>27776</v>
      </c>
      <c r="B55316" s="1" t="s">
        <v>182761</v>
      </c>
      <c r="C55316" s="1" t="s">
        <v>40</v>
      </c>
      <c r="D55316" s="1" t="s">
        <v>38346</v>
      </c>
      <c r="E55316" s="1" t="s">
        <v>186032</v>
      </c>
      <c r="F55316" s="1" t="s">
        <v>186033</v>
      </c>
      <c r="G55316" s="1" t="s">
        <v>186015</v>
      </c>
      <c r="H55316" s="1" t="s">
        <v>186016</v>
      </c>
      <c r="I55316" s="1" t="s">
        <v>182766</v>
      </c>
      <c r="J55316" s="1" t="s">
        <v>186034</v>
      </c>
    </row>
    <row r="55317" spans="1:10" x14ac:dyDescent="0.35">
      <c r="A55317" s="1" t="s">
        <v>27776</v>
      </c>
      <c r="B55317" s="1" t="s">
        <v>182761</v>
      </c>
      <c r="C55317" s="1" t="s">
        <v>45</v>
      </c>
      <c r="D55317" s="1" t="s">
        <v>17871</v>
      </c>
      <c r="E55317" s="1" t="s">
        <v>186035</v>
      </c>
      <c r="F55317" s="1" t="s">
        <v>186036</v>
      </c>
      <c r="G55317" s="1" t="s">
        <v>186015</v>
      </c>
      <c r="H55317" s="1" t="s">
        <v>186016</v>
      </c>
      <c r="I55317" s="1" t="s">
        <v>182766</v>
      </c>
      <c r="J55317" s="1" t="s">
        <v>186037</v>
      </c>
    </row>
    <row r="55318" spans="1:10" x14ac:dyDescent="0.35">
      <c r="A55318" s="1" t="s">
        <v>27776</v>
      </c>
      <c r="B55318" s="1" t="s">
        <v>182761</v>
      </c>
      <c r="C55318" s="1" t="s">
        <v>50</v>
      </c>
      <c r="D55318" s="1" t="s">
        <v>31848</v>
      </c>
      <c r="E55318" s="1" t="s">
        <v>186038</v>
      </c>
      <c r="F55318" s="1" t="s">
        <v>186039</v>
      </c>
      <c r="G55318" s="1" t="s">
        <v>186015</v>
      </c>
      <c r="H55318" s="1" t="s">
        <v>186016</v>
      </c>
      <c r="I55318" s="1" t="s">
        <v>182766</v>
      </c>
      <c r="J55318" s="1" t="s">
        <v>186040</v>
      </c>
    </row>
    <row r="55319" spans="1:10" x14ac:dyDescent="0.35">
      <c r="A55319" s="1" t="s">
        <v>27776</v>
      </c>
      <c r="B55319" s="1" t="s">
        <v>182761</v>
      </c>
      <c r="C55319" s="1" t="s">
        <v>55</v>
      </c>
      <c r="D55319" s="1" t="s">
        <v>123948</v>
      </c>
      <c r="E55319" s="1" t="s">
        <v>186041</v>
      </c>
      <c r="F55319" s="1" t="s">
        <v>186042</v>
      </c>
      <c r="G55319" s="1" t="s">
        <v>186015</v>
      </c>
      <c r="H55319" s="1" t="s">
        <v>186016</v>
      </c>
      <c r="I55319" s="1" t="s">
        <v>182766</v>
      </c>
      <c r="J55319" s="1" t="s">
        <v>186043</v>
      </c>
    </row>
    <row r="55320" spans="1:10" x14ac:dyDescent="0.35">
      <c r="A55320" s="1" t="s">
        <v>27776</v>
      </c>
      <c r="B55320" s="1" t="s">
        <v>182761</v>
      </c>
      <c r="C55320" s="1" t="s">
        <v>60</v>
      </c>
      <c r="D55320" s="1" t="s">
        <v>169742</v>
      </c>
      <c r="E55320" s="1" t="s">
        <v>186044</v>
      </c>
      <c r="F55320" s="1" t="s">
        <v>186045</v>
      </c>
      <c r="G55320" s="1" t="s">
        <v>186015</v>
      </c>
      <c r="H55320" s="1" t="s">
        <v>186016</v>
      </c>
      <c r="I55320" s="1" t="s">
        <v>182766</v>
      </c>
      <c r="J55320" s="1" t="s">
        <v>186046</v>
      </c>
    </row>
    <row r="55321" spans="1:10" x14ac:dyDescent="0.35">
      <c r="A55321" s="1" t="s">
        <v>27776</v>
      </c>
      <c r="B55321" s="1" t="s">
        <v>182761</v>
      </c>
      <c r="C55321" s="1" t="s">
        <v>65</v>
      </c>
      <c r="D55321" s="1" t="s">
        <v>144845</v>
      </c>
      <c r="E55321" s="1" t="s">
        <v>186047</v>
      </c>
      <c r="F55321" s="1" t="s">
        <v>186048</v>
      </c>
      <c r="G55321" s="1" t="s">
        <v>186015</v>
      </c>
      <c r="H55321" s="1" t="s">
        <v>186016</v>
      </c>
      <c r="I55321" s="1" t="s">
        <v>182766</v>
      </c>
      <c r="J55321" s="1" t="s">
        <v>186049</v>
      </c>
    </row>
    <row r="55322" spans="1:10" x14ac:dyDescent="0.35">
      <c r="A55322" s="1" t="s">
        <v>27776</v>
      </c>
      <c r="B55322" s="1" t="s">
        <v>182761</v>
      </c>
      <c r="C55322" s="1" t="s">
        <v>70</v>
      </c>
      <c r="D55322" s="1" t="s">
        <v>75299</v>
      </c>
      <c r="E55322" s="1" t="s">
        <v>186050</v>
      </c>
      <c r="F55322" s="1" t="s">
        <v>186051</v>
      </c>
      <c r="G55322" s="1" t="s">
        <v>186015</v>
      </c>
      <c r="H55322" s="1" t="s">
        <v>186016</v>
      </c>
      <c r="I55322" s="1" t="s">
        <v>182766</v>
      </c>
      <c r="J55322" s="1" t="s">
        <v>186052</v>
      </c>
    </row>
    <row r="55323" spans="1:10" x14ac:dyDescent="0.35">
      <c r="A55323" s="1" t="s">
        <v>27776</v>
      </c>
      <c r="B55323" s="1" t="s">
        <v>182761</v>
      </c>
      <c r="C55323" s="1" t="s">
        <v>75</v>
      </c>
      <c r="D55323" s="1" t="s">
        <v>186053</v>
      </c>
      <c r="E55323" s="1" t="s">
        <v>186054</v>
      </c>
      <c r="F55323" s="1" t="s">
        <v>186055</v>
      </c>
      <c r="G55323" s="1" t="s">
        <v>186015</v>
      </c>
      <c r="H55323" s="1" t="s">
        <v>186016</v>
      </c>
      <c r="I55323" s="1" t="s">
        <v>182766</v>
      </c>
      <c r="J55323" s="1" t="s">
        <v>186056</v>
      </c>
    </row>
    <row r="55324" spans="1:10" x14ac:dyDescent="0.35">
      <c r="A55324" s="1" t="s">
        <v>27776</v>
      </c>
      <c r="B55324" s="1" t="s">
        <v>182761</v>
      </c>
      <c r="C55324" s="1" t="s">
        <v>80</v>
      </c>
      <c r="D55324" s="1" t="s">
        <v>186057</v>
      </c>
      <c r="E55324" s="1" t="s">
        <v>186058</v>
      </c>
      <c r="F55324" s="1" t="s">
        <v>186059</v>
      </c>
      <c r="G55324" s="1" t="s">
        <v>186015</v>
      </c>
      <c r="H55324" s="1" t="s">
        <v>186016</v>
      </c>
      <c r="I55324" s="1" t="s">
        <v>182766</v>
      </c>
      <c r="J55324" s="1" t="s">
        <v>186060</v>
      </c>
    </row>
    <row r="55325" spans="1:10" x14ac:dyDescent="0.35">
      <c r="A55325" s="1" t="s">
        <v>27776</v>
      </c>
      <c r="B55325" s="1" t="s">
        <v>182761</v>
      </c>
      <c r="C55325" s="1" t="s">
        <v>85</v>
      </c>
      <c r="D55325" s="1" t="s">
        <v>82213</v>
      </c>
      <c r="E55325" s="1" t="s">
        <v>186061</v>
      </c>
      <c r="F55325" s="1" t="s">
        <v>186062</v>
      </c>
      <c r="G55325" s="1" t="s">
        <v>186015</v>
      </c>
      <c r="H55325" s="1" t="s">
        <v>186016</v>
      </c>
      <c r="I55325" s="1" t="s">
        <v>182766</v>
      </c>
      <c r="J55325" s="1" t="s">
        <v>186063</v>
      </c>
    </row>
    <row r="55326" spans="1:10" x14ac:dyDescent="0.35">
      <c r="A55326" s="1" t="s">
        <v>27776</v>
      </c>
      <c r="B55326" s="1" t="s">
        <v>182761</v>
      </c>
      <c r="C55326" s="1" t="s">
        <v>90</v>
      </c>
      <c r="D55326" s="1" t="s">
        <v>31654</v>
      </c>
      <c r="E55326" s="1" t="s">
        <v>186064</v>
      </c>
      <c r="F55326" s="1" t="s">
        <v>186065</v>
      </c>
      <c r="G55326" s="1" t="s">
        <v>186015</v>
      </c>
      <c r="H55326" s="1" t="s">
        <v>186016</v>
      </c>
      <c r="I55326" s="1" t="s">
        <v>182766</v>
      </c>
      <c r="J55326" s="1" t="s">
        <v>186066</v>
      </c>
    </row>
    <row r="55327" spans="1:10" x14ac:dyDescent="0.35">
      <c r="A55327" s="1" t="s">
        <v>27776</v>
      </c>
      <c r="B55327" s="1" t="s">
        <v>182761</v>
      </c>
      <c r="C55327" s="1" t="s">
        <v>95</v>
      </c>
      <c r="D55327" s="1" t="s">
        <v>186067</v>
      </c>
      <c r="E55327" s="1" t="s">
        <v>186068</v>
      </c>
      <c r="F55327" s="1" t="s">
        <v>186069</v>
      </c>
      <c r="G55327" s="1" t="s">
        <v>186015</v>
      </c>
      <c r="H55327" s="1" t="s">
        <v>186016</v>
      </c>
      <c r="I55327" s="1" t="s">
        <v>182766</v>
      </c>
      <c r="J55327" s="1" t="s">
        <v>186070</v>
      </c>
    </row>
    <row r="55328" spans="1:10" x14ac:dyDescent="0.35">
      <c r="A55328" s="1" t="s">
        <v>27776</v>
      </c>
      <c r="B55328" s="1" t="s">
        <v>182761</v>
      </c>
      <c r="C55328" s="1" t="s">
        <v>100</v>
      </c>
      <c r="D55328" s="1" t="s">
        <v>42258</v>
      </c>
      <c r="E55328" s="1" t="s">
        <v>186071</v>
      </c>
      <c r="F55328" s="1" t="s">
        <v>186072</v>
      </c>
      <c r="G55328" s="1" t="s">
        <v>186015</v>
      </c>
      <c r="H55328" s="1" t="s">
        <v>186016</v>
      </c>
      <c r="I55328" s="1" t="s">
        <v>182766</v>
      </c>
      <c r="J55328" s="1" t="s">
        <v>186073</v>
      </c>
    </row>
    <row r="55329" spans="1:10" x14ac:dyDescent="0.35">
      <c r="A55329" s="1" t="s">
        <v>27776</v>
      </c>
      <c r="B55329" s="1" t="s">
        <v>182761</v>
      </c>
      <c r="C55329" s="1" t="s">
        <v>105</v>
      </c>
      <c r="D55329" s="1" t="s">
        <v>186074</v>
      </c>
      <c r="E55329" s="1" t="s">
        <v>186075</v>
      </c>
      <c r="F55329" s="1" t="s">
        <v>186076</v>
      </c>
      <c r="G55329" s="1" t="s">
        <v>186015</v>
      </c>
      <c r="H55329" s="1" t="s">
        <v>186016</v>
      </c>
      <c r="I55329" s="1" t="s">
        <v>182766</v>
      </c>
      <c r="J55329" s="1" t="s">
        <v>186077</v>
      </c>
    </row>
    <row r="55330" spans="1:10" x14ac:dyDescent="0.35">
      <c r="A55330" s="1" t="s">
        <v>27776</v>
      </c>
      <c r="B55330" s="1" t="s">
        <v>182761</v>
      </c>
      <c r="C55330" s="1" t="s">
        <v>110</v>
      </c>
      <c r="D55330" s="1" t="s">
        <v>186078</v>
      </c>
      <c r="E55330" s="1" t="s">
        <v>186020</v>
      </c>
      <c r="F55330" s="1" t="s">
        <v>186079</v>
      </c>
      <c r="G55330" s="1" t="s">
        <v>186015</v>
      </c>
      <c r="H55330" s="1" t="s">
        <v>186016</v>
      </c>
      <c r="I55330" s="1" t="s">
        <v>182766</v>
      </c>
      <c r="J55330" s="1" t="s">
        <v>186080</v>
      </c>
    </row>
    <row r="55331" spans="1:10" x14ac:dyDescent="0.35">
      <c r="A55331" s="1" t="s">
        <v>27776</v>
      </c>
      <c r="B55331" s="1" t="s">
        <v>182761</v>
      </c>
      <c r="C55331" s="1" t="s">
        <v>115</v>
      </c>
      <c r="D55331" s="1" t="s">
        <v>186081</v>
      </c>
      <c r="E55331" s="1" t="s">
        <v>186082</v>
      </c>
      <c r="F55331" s="1" t="s">
        <v>186083</v>
      </c>
      <c r="G55331" s="1" t="s">
        <v>186015</v>
      </c>
      <c r="H55331" s="1" t="s">
        <v>186016</v>
      </c>
      <c r="I55331" s="1" t="s">
        <v>182766</v>
      </c>
      <c r="J55331" s="1" t="s">
        <v>186084</v>
      </c>
    </row>
    <row r="55332" spans="1:10" x14ac:dyDescent="0.35">
      <c r="A55332" s="1" t="s">
        <v>27776</v>
      </c>
      <c r="B55332" s="1" t="s">
        <v>182761</v>
      </c>
      <c r="C55332" s="1" t="s">
        <v>120</v>
      </c>
      <c r="D55332" s="1" t="s">
        <v>113010</v>
      </c>
      <c r="E55332" s="1" t="s">
        <v>186085</v>
      </c>
      <c r="F55332" s="1" t="s">
        <v>186086</v>
      </c>
      <c r="G55332" s="1" t="s">
        <v>186015</v>
      </c>
      <c r="H55332" s="1" t="s">
        <v>186016</v>
      </c>
      <c r="I55332" s="1" t="s">
        <v>182766</v>
      </c>
      <c r="J55332" s="1" t="s">
        <v>186087</v>
      </c>
    </row>
    <row r="55333" spans="1:10" x14ac:dyDescent="0.35">
      <c r="A55333" s="1" t="s">
        <v>27776</v>
      </c>
      <c r="B55333" s="1" t="s">
        <v>182761</v>
      </c>
      <c r="C55333" s="1" t="s">
        <v>125</v>
      </c>
      <c r="D55333" s="1" t="s">
        <v>38005</v>
      </c>
      <c r="E55333" s="1" t="s">
        <v>186088</v>
      </c>
      <c r="F55333" s="1" t="s">
        <v>186089</v>
      </c>
      <c r="G55333" s="1" t="s">
        <v>186015</v>
      </c>
      <c r="H55333" s="1" t="s">
        <v>186016</v>
      </c>
      <c r="I55333" s="1" t="s">
        <v>182766</v>
      </c>
      <c r="J55333" s="1" t="s">
        <v>186090</v>
      </c>
    </row>
    <row r="55334" spans="1:10" x14ac:dyDescent="0.35">
      <c r="A55334" s="1" t="s">
        <v>27776</v>
      </c>
      <c r="B55334" s="1" t="s">
        <v>182761</v>
      </c>
      <c r="C55334" s="1" t="s">
        <v>130</v>
      </c>
      <c r="D55334" s="1" t="s">
        <v>186091</v>
      </c>
      <c r="E55334" s="1" t="s">
        <v>186092</v>
      </c>
      <c r="F55334" s="1" t="s">
        <v>186093</v>
      </c>
      <c r="G55334" s="1" t="s">
        <v>186015</v>
      </c>
      <c r="H55334" s="1" t="s">
        <v>186016</v>
      </c>
      <c r="I55334" s="1" t="s">
        <v>182766</v>
      </c>
      <c r="J55334" s="1" t="s">
        <v>186094</v>
      </c>
    </row>
    <row r="55335" spans="1:10" x14ac:dyDescent="0.35">
      <c r="A55335" s="1" t="s">
        <v>27776</v>
      </c>
      <c r="B55335" s="1" t="s">
        <v>182761</v>
      </c>
      <c r="C55335" s="1" t="s">
        <v>135</v>
      </c>
      <c r="D55335" s="1" t="s">
        <v>115088</v>
      </c>
      <c r="E55335" s="1" t="s">
        <v>186095</v>
      </c>
      <c r="F55335" s="1" t="s">
        <v>186096</v>
      </c>
      <c r="G55335" s="1" t="s">
        <v>186015</v>
      </c>
      <c r="H55335" s="1" t="s">
        <v>186016</v>
      </c>
      <c r="I55335" s="1" t="s">
        <v>182766</v>
      </c>
      <c r="J55335" s="1" t="s">
        <v>186097</v>
      </c>
    </row>
    <row r="55336" spans="1:10" x14ac:dyDescent="0.35">
      <c r="A55336" s="1" t="s">
        <v>27776</v>
      </c>
      <c r="B55336" s="1" t="s">
        <v>182761</v>
      </c>
      <c r="C55336" s="1" t="s">
        <v>140</v>
      </c>
      <c r="D55336" s="1" t="s">
        <v>98377</v>
      </c>
      <c r="E55336" s="1" t="s">
        <v>186098</v>
      </c>
      <c r="F55336" s="1" t="s">
        <v>186099</v>
      </c>
      <c r="G55336" s="1" t="s">
        <v>186015</v>
      </c>
      <c r="H55336" s="1" t="s">
        <v>186016</v>
      </c>
      <c r="I55336" s="1" t="s">
        <v>182766</v>
      </c>
      <c r="J55336" s="1" t="s">
        <v>186100</v>
      </c>
    </row>
    <row r="55337" spans="1:10" x14ac:dyDescent="0.35">
      <c r="A55337" s="1" t="s">
        <v>27776</v>
      </c>
      <c r="B55337" s="1" t="s">
        <v>182761</v>
      </c>
      <c r="C55337" s="1" t="s">
        <v>145</v>
      </c>
      <c r="D55337" s="1" t="s">
        <v>186101</v>
      </c>
      <c r="E55337" s="1" t="s">
        <v>186102</v>
      </c>
      <c r="F55337" s="1" t="s">
        <v>186103</v>
      </c>
      <c r="G55337" s="1" t="s">
        <v>186015</v>
      </c>
      <c r="H55337" s="1" t="s">
        <v>186016</v>
      </c>
      <c r="I55337" s="1" t="s">
        <v>182766</v>
      </c>
      <c r="J55337" s="1" t="s">
        <v>186104</v>
      </c>
    </row>
    <row r="55338" spans="1:10" x14ac:dyDescent="0.35">
      <c r="A55338" s="1" t="s">
        <v>27776</v>
      </c>
      <c r="B55338" s="1" t="s">
        <v>182761</v>
      </c>
      <c r="C55338" s="1" t="s">
        <v>150</v>
      </c>
      <c r="D55338" s="1" t="s">
        <v>132000</v>
      </c>
      <c r="E55338" s="1" t="s">
        <v>186105</v>
      </c>
      <c r="F55338" s="1" t="s">
        <v>186106</v>
      </c>
      <c r="G55338" s="1" t="s">
        <v>186015</v>
      </c>
      <c r="H55338" s="1" t="s">
        <v>186016</v>
      </c>
      <c r="I55338" s="1" t="s">
        <v>182766</v>
      </c>
      <c r="J55338" s="1" t="s">
        <v>186107</v>
      </c>
    </row>
    <row r="55339" spans="1:10" x14ac:dyDescent="0.35">
      <c r="A55339" s="1" t="s">
        <v>27776</v>
      </c>
      <c r="B55339" s="1" t="s">
        <v>182761</v>
      </c>
      <c r="C55339" s="1" t="s">
        <v>155</v>
      </c>
      <c r="D55339" s="1" t="s">
        <v>184486</v>
      </c>
      <c r="E55339" s="1" t="s">
        <v>186108</v>
      </c>
      <c r="F55339" s="1" t="s">
        <v>186109</v>
      </c>
      <c r="G55339" s="1" t="s">
        <v>186015</v>
      </c>
      <c r="H55339" s="1" t="s">
        <v>186016</v>
      </c>
      <c r="I55339" s="1" t="s">
        <v>182766</v>
      </c>
      <c r="J55339" s="1" t="s">
        <v>186110</v>
      </c>
    </row>
    <row r="55340" spans="1:10" x14ac:dyDescent="0.35">
      <c r="A55340" s="1" t="s">
        <v>27776</v>
      </c>
      <c r="B55340" s="1" t="s">
        <v>182761</v>
      </c>
      <c r="C55340" s="1" t="s">
        <v>160</v>
      </c>
      <c r="D55340" s="1" t="s">
        <v>186111</v>
      </c>
      <c r="E55340" s="1" t="s">
        <v>186112</v>
      </c>
      <c r="F55340" s="1" t="s">
        <v>186113</v>
      </c>
      <c r="G55340" s="1" t="s">
        <v>186015</v>
      </c>
      <c r="H55340" s="1" t="s">
        <v>186016</v>
      </c>
      <c r="I55340" s="1" t="s">
        <v>182766</v>
      </c>
      <c r="J55340" s="1" t="s">
        <v>186114</v>
      </c>
    </row>
    <row r="55341" spans="1:10" x14ac:dyDescent="0.35">
      <c r="A55341" s="1" t="s">
        <v>27776</v>
      </c>
      <c r="B55341" s="1" t="s">
        <v>182761</v>
      </c>
      <c r="C55341" s="1" t="s">
        <v>165</v>
      </c>
      <c r="D55341" s="1" t="s">
        <v>180498</v>
      </c>
      <c r="E55341" s="1" t="s">
        <v>186115</v>
      </c>
      <c r="F55341" s="1" t="s">
        <v>186116</v>
      </c>
      <c r="G55341" s="1" t="s">
        <v>186015</v>
      </c>
      <c r="H55341" s="1" t="s">
        <v>186016</v>
      </c>
      <c r="I55341" s="1" t="s">
        <v>182766</v>
      </c>
      <c r="J55341" s="1" t="s">
        <v>186117</v>
      </c>
    </row>
    <row r="55342" spans="1:10" x14ac:dyDescent="0.35">
      <c r="A55342" s="1" t="s">
        <v>27776</v>
      </c>
      <c r="B55342" s="1" t="s">
        <v>182761</v>
      </c>
      <c r="C55342" s="1" t="s">
        <v>170</v>
      </c>
      <c r="D55342" s="1" t="s">
        <v>132522</v>
      </c>
      <c r="E55342" s="1" t="s">
        <v>186118</v>
      </c>
      <c r="F55342" s="1" t="s">
        <v>186119</v>
      </c>
      <c r="G55342" s="1" t="s">
        <v>186015</v>
      </c>
      <c r="H55342" s="1" t="s">
        <v>186016</v>
      </c>
      <c r="I55342" s="1" t="s">
        <v>182766</v>
      </c>
      <c r="J55342" s="1" t="s">
        <v>186120</v>
      </c>
    </row>
    <row r="55343" spans="1:10" x14ac:dyDescent="0.35">
      <c r="A55343" s="1" t="s">
        <v>4380</v>
      </c>
      <c r="B55343" s="1" t="s">
        <v>182761</v>
      </c>
      <c r="C55343" s="1" t="s">
        <v>8</v>
      </c>
      <c r="D55343" s="1" t="s">
        <v>135460</v>
      </c>
      <c r="E55343" s="1" t="s">
        <v>186121</v>
      </c>
      <c r="F55343" s="1" t="s">
        <v>186122</v>
      </c>
      <c r="G55343" s="1" t="s">
        <v>186123</v>
      </c>
      <c r="H55343" s="1" t="s">
        <v>186124</v>
      </c>
      <c r="I55343" s="1" t="s">
        <v>182766</v>
      </c>
      <c r="J55343" s="1" t="s">
        <v>13</v>
      </c>
    </row>
    <row r="55344" spans="1:10" x14ac:dyDescent="0.35">
      <c r="A55344" s="1" t="s">
        <v>4380</v>
      </c>
      <c r="B55344" s="1" t="s">
        <v>182761</v>
      </c>
      <c r="C55344" s="1" t="s">
        <v>15</v>
      </c>
      <c r="D55344" s="1" t="s">
        <v>83220</v>
      </c>
      <c r="E55344" s="1" t="s">
        <v>186125</v>
      </c>
      <c r="F55344" s="1" t="s">
        <v>186126</v>
      </c>
      <c r="G55344" s="1" t="s">
        <v>186123</v>
      </c>
      <c r="H55344" s="1" t="s">
        <v>186124</v>
      </c>
      <c r="I55344" s="1" t="s">
        <v>182766</v>
      </c>
      <c r="J55344" s="1" t="s">
        <v>186127</v>
      </c>
    </row>
    <row r="55345" spans="1:10" x14ac:dyDescent="0.35">
      <c r="A55345" s="1" t="s">
        <v>4380</v>
      </c>
      <c r="B55345" s="1" t="s">
        <v>182761</v>
      </c>
      <c r="C55345" s="1" t="s">
        <v>20</v>
      </c>
      <c r="D55345" s="1" t="s">
        <v>104230</v>
      </c>
      <c r="E55345" s="1" t="s">
        <v>186128</v>
      </c>
      <c r="F55345" s="1" t="s">
        <v>186129</v>
      </c>
      <c r="G55345" s="1" t="s">
        <v>186123</v>
      </c>
      <c r="H55345" s="1" t="s">
        <v>186124</v>
      </c>
      <c r="I55345" s="1" t="s">
        <v>182766</v>
      </c>
      <c r="J55345" s="1" t="s">
        <v>186130</v>
      </c>
    </row>
    <row r="55346" spans="1:10" x14ac:dyDescent="0.35">
      <c r="A55346" s="1" t="s">
        <v>4380</v>
      </c>
      <c r="B55346" s="1" t="s">
        <v>182761</v>
      </c>
      <c r="C55346" s="1" t="s">
        <v>25</v>
      </c>
      <c r="D55346" s="1" t="s">
        <v>168551</v>
      </c>
      <c r="E55346" s="1" t="s">
        <v>186131</v>
      </c>
      <c r="F55346" s="1" t="s">
        <v>186132</v>
      </c>
      <c r="G55346" s="1" t="s">
        <v>186123</v>
      </c>
      <c r="H55346" s="1" t="s">
        <v>186124</v>
      </c>
      <c r="I55346" s="1" t="s">
        <v>182766</v>
      </c>
      <c r="J55346" s="1" t="s">
        <v>186133</v>
      </c>
    </row>
    <row r="55347" spans="1:10" x14ac:dyDescent="0.35">
      <c r="A55347" s="1" t="s">
        <v>4380</v>
      </c>
      <c r="B55347" s="1" t="s">
        <v>182761</v>
      </c>
      <c r="C55347" s="1" t="s">
        <v>30</v>
      </c>
      <c r="D55347" s="1" t="s">
        <v>155702</v>
      </c>
      <c r="E55347" s="1" t="s">
        <v>186134</v>
      </c>
      <c r="F55347" s="1" t="s">
        <v>186135</v>
      </c>
      <c r="G55347" s="1" t="s">
        <v>186123</v>
      </c>
      <c r="H55347" s="1" t="s">
        <v>186124</v>
      </c>
      <c r="I55347" s="1" t="s">
        <v>182766</v>
      </c>
      <c r="J55347" s="1" t="s">
        <v>186136</v>
      </c>
    </row>
    <row r="55348" spans="1:10" x14ac:dyDescent="0.35">
      <c r="A55348" s="1" t="s">
        <v>4380</v>
      </c>
      <c r="B55348" s="1" t="s">
        <v>182761</v>
      </c>
      <c r="C55348" s="1" t="s">
        <v>35</v>
      </c>
      <c r="D55348" s="1" t="s">
        <v>35513</v>
      </c>
      <c r="E55348" s="1" t="s">
        <v>186137</v>
      </c>
      <c r="F55348" s="1" t="s">
        <v>186138</v>
      </c>
      <c r="G55348" s="1" t="s">
        <v>186123</v>
      </c>
      <c r="H55348" s="1" t="s">
        <v>186124</v>
      </c>
      <c r="I55348" s="1" t="s">
        <v>182766</v>
      </c>
      <c r="J55348" s="1" t="s">
        <v>186139</v>
      </c>
    </row>
    <row r="55349" spans="1:10" x14ac:dyDescent="0.35">
      <c r="A55349" s="1" t="s">
        <v>4380</v>
      </c>
      <c r="B55349" s="1" t="s">
        <v>182761</v>
      </c>
      <c r="C55349" s="1" t="s">
        <v>40</v>
      </c>
      <c r="D55349" s="1" t="s">
        <v>186140</v>
      </c>
      <c r="E55349" s="1" t="s">
        <v>186141</v>
      </c>
      <c r="F55349" s="1" t="s">
        <v>186142</v>
      </c>
      <c r="G55349" s="1" t="s">
        <v>186123</v>
      </c>
      <c r="H55349" s="1" t="s">
        <v>186124</v>
      </c>
      <c r="I55349" s="1" t="s">
        <v>182766</v>
      </c>
      <c r="J55349" s="1" t="s">
        <v>186143</v>
      </c>
    </row>
    <row r="55350" spans="1:10" x14ac:dyDescent="0.35">
      <c r="A55350" s="1" t="s">
        <v>4380</v>
      </c>
      <c r="B55350" s="1" t="s">
        <v>182761</v>
      </c>
      <c r="C55350" s="1" t="s">
        <v>45</v>
      </c>
      <c r="D55350" s="1" t="s">
        <v>31618</v>
      </c>
      <c r="E55350" s="1" t="s">
        <v>186144</v>
      </c>
      <c r="F55350" s="1" t="s">
        <v>186145</v>
      </c>
      <c r="G55350" s="1" t="s">
        <v>186123</v>
      </c>
      <c r="H55350" s="1" t="s">
        <v>186124</v>
      </c>
      <c r="I55350" s="1" t="s">
        <v>182766</v>
      </c>
      <c r="J55350" s="1" t="s">
        <v>186146</v>
      </c>
    </row>
    <row r="55351" spans="1:10" x14ac:dyDescent="0.35">
      <c r="A55351" s="1" t="s">
        <v>4380</v>
      </c>
      <c r="B55351" s="1" t="s">
        <v>182761</v>
      </c>
      <c r="C55351" s="1" t="s">
        <v>50</v>
      </c>
      <c r="D55351" s="1" t="s">
        <v>42130</v>
      </c>
      <c r="E55351" s="1" t="s">
        <v>186147</v>
      </c>
      <c r="F55351" s="1" t="s">
        <v>186148</v>
      </c>
      <c r="G55351" s="1" t="s">
        <v>186123</v>
      </c>
      <c r="H55351" s="1" t="s">
        <v>186124</v>
      </c>
      <c r="I55351" s="1" t="s">
        <v>182766</v>
      </c>
      <c r="J55351" s="1" t="s">
        <v>186149</v>
      </c>
    </row>
    <row r="55352" spans="1:10" x14ac:dyDescent="0.35">
      <c r="A55352" s="1" t="s">
        <v>4380</v>
      </c>
      <c r="B55352" s="1" t="s">
        <v>182761</v>
      </c>
      <c r="C55352" s="1" t="s">
        <v>55</v>
      </c>
      <c r="D55352" s="1" t="s">
        <v>35908</v>
      </c>
      <c r="E55352" s="1" t="s">
        <v>186150</v>
      </c>
      <c r="F55352" s="1" t="s">
        <v>186151</v>
      </c>
      <c r="G55352" s="1" t="s">
        <v>186123</v>
      </c>
      <c r="H55352" s="1" t="s">
        <v>186124</v>
      </c>
      <c r="I55352" s="1" t="s">
        <v>182766</v>
      </c>
      <c r="J55352" s="1" t="s">
        <v>186152</v>
      </c>
    </row>
    <row r="55353" spans="1:10" x14ac:dyDescent="0.35">
      <c r="A55353" s="1" t="s">
        <v>4380</v>
      </c>
      <c r="B55353" s="1" t="s">
        <v>182761</v>
      </c>
      <c r="C55353" s="1" t="s">
        <v>60</v>
      </c>
      <c r="D55353" s="1" t="s">
        <v>35614</v>
      </c>
      <c r="E55353" s="1" t="s">
        <v>186153</v>
      </c>
      <c r="F55353" s="1" t="s">
        <v>186154</v>
      </c>
      <c r="G55353" s="1" t="s">
        <v>186123</v>
      </c>
      <c r="H55353" s="1" t="s">
        <v>186124</v>
      </c>
      <c r="I55353" s="1" t="s">
        <v>182766</v>
      </c>
      <c r="J55353" s="1" t="s">
        <v>186155</v>
      </c>
    </row>
    <row r="55354" spans="1:10" x14ac:dyDescent="0.35">
      <c r="A55354" s="1" t="s">
        <v>4380</v>
      </c>
      <c r="B55354" s="1" t="s">
        <v>182761</v>
      </c>
      <c r="C55354" s="1" t="s">
        <v>65</v>
      </c>
      <c r="D55354" s="1" t="s">
        <v>48470</v>
      </c>
      <c r="E55354" s="1" t="s">
        <v>186156</v>
      </c>
      <c r="F55354" s="1" t="s">
        <v>186157</v>
      </c>
      <c r="G55354" s="1" t="s">
        <v>186123</v>
      </c>
      <c r="H55354" s="1" t="s">
        <v>186124</v>
      </c>
      <c r="I55354" s="1" t="s">
        <v>182766</v>
      </c>
      <c r="J55354" s="1" t="s">
        <v>186158</v>
      </c>
    </row>
    <row r="55355" spans="1:10" x14ac:dyDescent="0.35">
      <c r="A55355" s="1" t="s">
        <v>4380</v>
      </c>
      <c r="B55355" s="1" t="s">
        <v>182761</v>
      </c>
      <c r="C55355" s="1" t="s">
        <v>70</v>
      </c>
      <c r="D55355" s="1" t="s">
        <v>114611</v>
      </c>
      <c r="E55355" s="1" t="s">
        <v>186159</v>
      </c>
      <c r="F55355" s="1" t="s">
        <v>186160</v>
      </c>
      <c r="G55355" s="1" t="s">
        <v>186123</v>
      </c>
      <c r="H55355" s="1" t="s">
        <v>186124</v>
      </c>
      <c r="I55355" s="1" t="s">
        <v>182766</v>
      </c>
      <c r="J55355" s="1" t="s">
        <v>186161</v>
      </c>
    </row>
    <row r="55356" spans="1:10" x14ac:dyDescent="0.35">
      <c r="A55356" s="1" t="s">
        <v>4380</v>
      </c>
      <c r="B55356" s="1" t="s">
        <v>182761</v>
      </c>
      <c r="C55356" s="1" t="s">
        <v>75</v>
      </c>
      <c r="D55356" s="1" t="s">
        <v>30273</v>
      </c>
      <c r="E55356" s="1" t="s">
        <v>186162</v>
      </c>
      <c r="F55356" s="1" t="s">
        <v>186163</v>
      </c>
      <c r="G55356" s="1" t="s">
        <v>186123</v>
      </c>
      <c r="H55356" s="1" t="s">
        <v>186124</v>
      </c>
      <c r="I55356" s="1" t="s">
        <v>182766</v>
      </c>
      <c r="J55356" s="1" t="s">
        <v>186164</v>
      </c>
    </row>
    <row r="55357" spans="1:10" x14ac:dyDescent="0.35">
      <c r="A55357" s="1" t="s">
        <v>4380</v>
      </c>
      <c r="B55357" s="1" t="s">
        <v>182761</v>
      </c>
      <c r="C55357" s="1" t="s">
        <v>80</v>
      </c>
      <c r="D55357" s="1" t="s">
        <v>121569</v>
      </c>
      <c r="E55357" s="1" t="s">
        <v>186165</v>
      </c>
      <c r="F55357" s="1" t="s">
        <v>186166</v>
      </c>
      <c r="G55357" s="1" t="s">
        <v>186123</v>
      </c>
      <c r="H55357" s="1" t="s">
        <v>186124</v>
      </c>
      <c r="I55357" s="1" t="s">
        <v>182766</v>
      </c>
      <c r="J55357" s="1" t="s">
        <v>186167</v>
      </c>
    </row>
    <row r="55358" spans="1:10" x14ac:dyDescent="0.35">
      <c r="A55358" s="1" t="s">
        <v>4380</v>
      </c>
      <c r="B55358" s="1" t="s">
        <v>182761</v>
      </c>
      <c r="C55358" s="1" t="s">
        <v>85</v>
      </c>
      <c r="D55358" s="1" t="s">
        <v>186168</v>
      </c>
      <c r="E55358" s="1" t="s">
        <v>186169</v>
      </c>
      <c r="F55358" s="1" t="s">
        <v>186170</v>
      </c>
      <c r="G55358" s="1" t="s">
        <v>186123</v>
      </c>
      <c r="H55358" s="1" t="s">
        <v>186124</v>
      </c>
      <c r="I55358" s="1" t="s">
        <v>182766</v>
      </c>
      <c r="J55358" s="1" t="s">
        <v>186171</v>
      </c>
    </row>
    <row r="55359" spans="1:10" x14ac:dyDescent="0.35">
      <c r="A55359" s="1" t="s">
        <v>4380</v>
      </c>
      <c r="B55359" s="1" t="s">
        <v>182761</v>
      </c>
      <c r="C55359" s="1" t="s">
        <v>90</v>
      </c>
      <c r="D55359" s="1" t="s">
        <v>186172</v>
      </c>
      <c r="E55359" s="1" t="s">
        <v>186173</v>
      </c>
      <c r="F55359" s="1" t="s">
        <v>186174</v>
      </c>
      <c r="G55359" s="1" t="s">
        <v>186123</v>
      </c>
      <c r="H55359" s="1" t="s">
        <v>186124</v>
      </c>
      <c r="I55359" s="1" t="s">
        <v>182766</v>
      </c>
      <c r="J55359" s="1" t="s">
        <v>186175</v>
      </c>
    </row>
    <row r="55360" spans="1:10" x14ac:dyDescent="0.35">
      <c r="A55360" s="1" t="s">
        <v>4380</v>
      </c>
      <c r="B55360" s="1" t="s">
        <v>182761</v>
      </c>
      <c r="C55360" s="1" t="s">
        <v>95</v>
      </c>
      <c r="D55360" s="1" t="s">
        <v>36508</v>
      </c>
      <c r="E55360" s="1" t="s">
        <v>102847</v>
      </c>
      <c r="F55360" s="1" t="s">
        <v>186176</v>
      </c>
      <c r="G55360" s="1" t="s">
        <v>186123</v>
      </c>
      <c r="H55360" s="1" t="s">
        <v>186124</v>
      </c>
      <c r="I55360" s="1" t="s">
        <v>182766</v>
      </c>
      <c r="J55360" s="1" t="s">
        <v>186177</v>
      </c>
    </row>
    <row r="55361" spans="1:10" x14ac:dyDescent="0.35">
      <c r="A55361" s="1" t="s">
        <v>4380</v>
      </c>
      <c r="B55361" s="1" t="s">
        <v>182761</v>
      </c>
      <c r="C55361" s="1" t="s">
        <v>100</v>
      </c>
      <c r="D55361" s="1" t="s">
        <v>185211</v>
      </c>
      <c r="E55361" s="1" t="s">
        <v>186178</v>
      </c>
      <c r="F55361" s="1" t="s">
        <v>186179</v>
      </c>
      <c r="G55361" s="1" t="s">
        <v>186123</v>
      </c>
      <c r="H55361" s="1" t="s">
        <v>186124</v>
      </c>
      <c r="I55361" s="1" t="s">
        <v>182766</v>
      </c>
      <c r="J55361" s="1" t="s">
        <v>186180</v>
      </c>
    </row>
    <row r="55362" spans="1:10" x14ac:dyDescent="0.35">
      <c r="A55362" s="1" t="s">
        <v>4380</v>
      </c>
      <c r="B55362" s="1" t="s">
        <v>182761</v>
      </c>
      <c r="C55362" s="1" t="s">
        <v>105</v>
      </c>
      <c r="D55362" s="1" t="s">
        <v>186181</v>
      </c>
      <c r="E55362" s="1" t="s">
        <v>186182</v>
      </c>
      <c r="F55362" s="1" t="s">
        <v>186183</v>
      </c>
      <c r="G55362" s="1" t="s">
        <v>186123</v>
      </c>
      <c r="H55362" s="1" t="s">
        <v>186124</v>
      </c>
      <c r="I55362" s="1" t="s">
        <v>182766</v>
      </c>
      <c r="J55362" s="1" t="s">
        <v>186184</v>
      </c>
    </row>
    <row r="55363" spans="1:10" x14ac:dyDescent="0.35">
      <c r="A55363" s="1" t="s">
        <v>4380</v>
      </c>
      <c r="B55363" s="1" t="s">
        <v>182761</v>
      </c>
      <c r="C55363" s="1" t="s">
        <v>110</v>
      </c>
      <c r="D55363" s="1" t="s">
        <v>75179</v>
      </c>
      <c r="E55363" s="1" t="s">
        <v>186185</v>
      </c>
      <c r="F55363" s="1" t="s">
        <v>186186</v>
      </c>
      <c r="G55363" s="1" t="s">
        <v>186123</v>
      </c>
      <c r="H55363" s="1" t="s">
        <v>186124</v>
      </c>
      <c r="I55363" s="1" t="s">
        <v>182766</v>
      </c>
      <c r="J55363" s="1" t="s">
        <v>186187</v>
      </c>
    </row>
    <row r="55364" spans="1:10" x14ac:dyDescent="0.35">
      <c r="A55364" s="1" t="s">
        <v>4380</v>
      </c>
      <c r="B55364" s="1" t="s">
        <v>182761</v>
      </c>
      <c r="C55364" s="1" t="s">
        <v>115</v>
      </c>
      <c r="D55364" s="1" t="s">
        <v>186188</v>
      </c>
      <c r="E55364" s="1" t="s">
        <v>186189</v>
      </c>
      <c r="F55364" s="1" t="s">
        <v>186190</v>
      </c>
      <c r="G55364" s="1" t="s">
        <v>186123</v>
      </c>
      <c r="H55364" s="1" t="s">
        <v>186124</v>
      </c>
      <c r="I55364" s="1" t="s">
        <v>182766</v>
      </c>
      <c r="J55364" s="1" t="s">
        <v>186191</v>
      </c>
    </row>
    <row r="55365" spans="1:10" x14ac:dyDescent="0.35">
      <c r="A55365" s="1" t="s">
        <v>4380</v>
      </c>
      <c r="B55365" s="1" t="s">
        <v>182761</v>
      </c>
      <c r="C55365" s="1" t="s">
        <v>120</v>
      </c>
      <c r="D55365" s="1" t="s">
        <v>178078</v>
      </c>
      <c r="E55365" s="1" t="s">
        <v>186192</v>
      </c>
      <c r="F55365" s="1" t="s">
        <v>186193</v>
      </c>
      <c r="G55365" s="1" t="s">
        <v>186123</v>
      </c>
      <c r="H55365" s="1" t="s">
        <v>186124</v>
      </c>
      <c r="I55365" s="1" t="s">
        <v>182766</v>
      </c>
      <c r="J55365" s="1" t="s">
        <v>186194</v>
      </c>
    </row>
    <row r="55366" spans="1:10" x14ac:dyDescent="0.35">
      <c r="A55366" s="1" t="s">
        <v>4380</v>
      </c>
      <c r="B55366" s="1" t="s">
        <v>182761</v>
      </c>
      <c r="C55366" s="1" t="s">
        <v>125</v>
      </c>
      <c r="D55366" s="1" t="s">
        <v>114336</v>
      </c>
      <c r="E55366" s="1" t="s">
        <v>186195</v>
      </c>
      <c r="F55366" s="1" t="s">
        <v>186196</v>
      </c>
      <c r="G55366" s="1" t="s">
        <v>186123</v>
      </c>
      <c r="H55366" s="1" t="s">
        <v>186124</v>
      </c>
      <c r="I55366" s="1" t="s">
        <v>182766</v>
      </c>
      <c r="J55366" s="1" t="s">
        <v>186197</v>
      </c>
    </row>
    <row r="55367" spans="1:10" x14ac:dyDescent="0.35">
      <c r="A55367" s="1" t="s">
        <v>4380</v>
      </c>
      <c r="B55367" s="1" t="s">
        <v>182761</v>
      </c>
      <c r="C55367" s="1" t="s">
        <v>130</v>
      </c>
      <c r="D55367" s="1" t="s">
        <v>9102</v>
      </c>
      <c r="E55367" s="1" t="s">
        <v>186198</v>
      </c>
      <c r="F55367" s="1" t="s">
        <v>186199</v>
      </c>
      <c r="G55367" s="1" t="s">
        <v>186123</v>
      </c>
      <c r="H55367" s="1" t="s">
        <v>186124</v>
      </c>
      <c r="I55367" s="1" t="s">
        <v>182766</v>
      </c>
      <c r="J55367" s="1" t="s">
        <v>186200</v>
      </c>
    </row>
    <row r="55368" spans="1:10" x14ac:dyDescent="0.35">
      <c r="A55368" s="1" t="s">
        <v>4380</v>
      </c>
      <c r="B55368" s="1" t="s">
        <v>182761</v>
      </c>
      <c r="C55368" s="1" t="s">
        <v>135</v>
      </c>
      <c r="D55368" s="1" t="s">
        <v>186201</v>
      </c>
      <c r="E55368" s="1" t="s">
        <v>186202</v>
      </c>
      <c r="F55368" s="1" t="s">
        <v>186203</v>
      </c>
      <c r="G55368" s="1" t="s">
        <v>186123</v>
      </c>
      <c r="H55368" s="1" t="s">
        <v>186124</v>
      </c>
      <c r="I55368" s="1" t="s">
        <v>182766</v>
      </c>
      <c r="J55368" s="1" t="s">
        <v>186204</v>
      </c>
    </row>
    <row r="55369" spans="1:10" x14ac:dyDescent="0.35">
      <c r="A55369" s="1" t="s">
        <v>4380</v>
      </c>
      <c r="B55369" s="1" t="s">
        <v>182761</v>
      </c>
      <c r="C55369" s="1" t="s">
        <v>140</v>
      </c>
      <c r="D55369" s="1" t="s">
        <v>186205</v>
      </c>
      <c r="E55369" s="1" t="s">
        <v>186206</v>
      </c>
      <c r="F55369" s="1" t="s">
        <v>186207</v>
      </c>
      <c r="G55369" s="1" t="s">
        <v>186123</v>
      </c>
      <c r="H55369" s="1" t="s">
        <v>186124</v>
      </c>
      <c r="I55369" s="1" t="s">
        <v>182766</v>
      </c>
      <c r="J55369" s="1" t="s">
        <v>186208</v>
      </c>
    </row>
    <row r="55370" spans="1:10" x14ac:dyDescent="0.35">
      <c r="A55370" s="1" t="s">
        <v>4380</v>
      </c>
      <c r="B55370" s="1" t="s">
        <v>182761</v>
      </c>
      <c r="C55370" s="1" t="s">
        <v>145</v>
      </c>
      <c r="D55370" s="1" t="s">
        <v>129963</v>
      </c>
      <c r="E55370" s="1" t="s">
        <v>186209</v>
      </c>
      <c r="F55370" s="1" t="s">
        <v>186210</v>
      </c>
      <c r="G55370" s="1" t="s">
        <v>186123</v>
      </c>
      <c r="H55370" s="1" t="s">
        <v>186124</v>
      </c>
      <c r="I55370" s="1" t="s">
        <v>182766</v>
      </c>
      <c r="J55370" s="1" t="s">
        <v>186211</v>
      </c>
    </row>
    <row r="55371" spans="1:10" x14ac:dyDescent="0.35">
      <c r="A55371" s="1" t="s">
        <v>4380</v>
      </c>
      <c r="B55371" s="1" t="s">
        <v>182761</v>
      </c>
      <c r="C55371" s="1" t="s">
        <v>150</v>
      </c>
      <c r="D55371" s="1" t="s">
        <v>186212</v>
      </c>
      <c r="E55371" s="1" t="s">
        <v>186213</v>
      </c>
      <c r="F55371" s="1" t="s">
        <v>186214</v>
      </c>
      <c r="G55371" s="1" t="s">
        <v>186123</v>
      </c>
      <c r="H55371" s="1" t="s">
        <v>186124</v>
      </c>
      <c r="I55371" s="1" t="s">
        <v>182766</v>
      </c>
      <c r="J55371" s="1" t="s">
        <v>186215</v>
      </c>
    </row>
    <row r="55372" spans="1:10" x14ac:dyDescent="0.35">
      <c r="A55372" s="1" t="s">
        <v>4380</v>
      </c>
      <c r="B55372" s="1" t="s">
        <v>182761</v>
      </c>
      <c r="C55372" s="1" t="s">
        <v>155</v>
      </c>
      <c r="D55372" s="1" t="s">
        <v>13482</v>
      </c>
      <c r="E55372" s="1" t="s">
        <v>186216</v>
      </c>
      <c r="F55372" s="1" t="s">
        <v>186217</v>
      </c>
      <c r="G55372" s="1" t="s">
        <v>186123</v>
      </c>
      <c r="H55372" s="1" t="s">
        <v>186124</v>
      </c>
      <c r="I55372" s="1" t="s">
        <v>182766</v>
      </c>
      <c r="J55372" s="1" t="s">
        <v>186218</v>
      </c>
    </row>
    <row r="55373" spans="1:10" x14ac:dyDescent="0.35">
      <c r="A55373" s="1" t="s">
        <v>4380</v>
      </c>
      <c r="B55373" s="1" t="s">
        <v>182761</v>
      </c>
      <c r="C55373" s="1" t="s">
        <v>160</v>
      </c>
      <c r="D55373" s="1" t="s">
        <v>186219</v>
      </c>
      <c r="E55373" s="1" t="s">
        <v>186220</v>
      </c>
      <c r="F55373" s="1" t="s">
        <v>186221</v>
      </c>
      <c r="G55373" s="1" t="s">
        <v>186123</v>
      </c>
      <c r="H55373" s="1" t="s">
        <v>186124</v>
      </c>
      <c r="I55373" s="1" t="s">
        <v>182766</v>
      </c>
      <c r="J55373" s="1" t="s">
        <v>186222</v>
      </c>
    </row>
    <row r="55374" spans="1:10" x14ac:dyDescent="0.35">
      <c r="A55374" s="1" t="s">
        <v>4380</v>
      </c>
      <c r="B55374" s="1" t="s">
        <v>182761</v>
      </c>
      <c r="C55374" s="1" t="s">
        <v>165</v>
      </c>
      <c r="D55374" s="1" t="s">
        <v>186223</v>
      </c>
      <c r="E55374" s="1" t="s">
        <v>186224</v>
      </c>
      <c r="F55374" s="1" t="s">
        <v>186225</v>
      </c>
      <c r="G55374" s="1" t="s">
        <v>186123</v>
      </c>
      <c r="H55374" s="1" t="s">
        <v>186124</v>
      </c>
      <c r="I55374" s="1" t="s">
        <v>182766</v>
      </c>
      <c r="J55374" s="1" t="s">
        <v>186226</v>
      </c>
    </row>
    <row r="55375" spans="1:10" x14ac:dyDescent="0.35">
      <c r="A55375" s="1" t="s">
        <v>4380</v>
      </c>
      <c r="B55375" s="1" t="s">
        <v>182761</v>
      </c>
      <c r="C55375" s="1" t="s">
        <v>170</v>
      </c>
      <c r="D55375" s="1" t="s">
        <v>180796</v>
      </c>
      <c r="E55375" s="1" t="s">
        <v>186227</v>
      </c>
      <c r="F55375" s="1" t="s">
        <v>186228</v>
      </c>
      <c r="G55375" s="1" t="s">
        <v>186123</v>
      </c>
      <c r="H55375" s="1" t="s">
        <v>186124</v>
      </c>
      <c r="I55375" s="1" t="s">
        <v>182766</v>
      </c>
      <c r="J55375" s="1" t="s">
        <v>186229</v>
      </c>
    </row>
    <row r="55376" spans="1:10" x14ac:dyDescent="0.35">
      <c r="A55376" s="1" t="s">
        <v>143933</v>
      </c>
      <c r="B55376" s="1" t="s">
        <v>182761</v>
      </c>
      <c r="C55376" s="1" t="s">
        <v>8</v>
      </c>
      <c r="D55376" s="1" t="s">
        <v>48841</v>
      </c>
      <c r="E55376" s="1" t="s">
        <v>186230</v>
      </c>
      <c r="F55376" s="1" t="s">
        <v>186231</v>
      </c>
      <c r="G55376" s="1" t="s">
        <v>186232</v>
      </c>
      <c r="H55376" s="1" t="s">
        <v>186233</v>
      </c>
      <c r="I55376" s="1" t="s">
        <v>182766</v>
      </c>
      <c r="J55376" s="1" t="s">
        <v>13</v>
      </c>
    </row>
    <row r="55377" spans="1:10" x14ac:dyDescent="0.35">
      <c r="A55377" s="1" t="s">
        <v>143933</v>
      </c>
      <c r="B55377" s="1" t="s">
        <v>182761</v>
      </c>
      <c r="C55377" s="1" t="s">
        <v>15</v>
      </c>
      <c r="D55377" s="1" t="s">
        <v>160808</v>
      </c>
      <c r="E55377" s="1" t="s">
        <v>186234</v>
      </c>
      <c r="F55377" s="1" t="s">
        <v>186235</v>
      </c>
      <c r="G55377" s="1" t="s">
        <v>186232</v>
      </c>
      <c r="H55377" s="1" t="s">
        <v>186233</v>
      </c>
      <c r="I55377" s="1" t="s">
        <v>182766</v>
      </c>
      <c r="J55377" s="1" t="s">
        <v>186236</v>
      </c>
    </row>
    <row r="55378" spans="1:10" x14ac:dyDescent="0.35">
      <c r="A55378" s="1" t="s">
        <v>143933</v>
      </c>
      <c r="B55378" s="1" t="s">
        <v>182761</v>
      </c>
      <c r="C55378" s="1" t="s">
        <v>20</v>
      </c>
      <c r="D55378" s="1" t="s">
        <v>36438</v>
      </c>
      <c r="E55378" s="1" t="s">
        <v>186237</v>
      </c>
      <c r="F55378" s="1" t="s">
        <v>186238</v>
      </c>
      <c r="G55378" s="1" t="s">
        <v>186232</v>
      </c>
      <c r="H55378" s="1" t="s">
        <v>186233</v>
      </c>
      <c r="I55378" s="1" t="s">
        <v>182766</v>
      </c>
      <c r="J55378" s="1" t="s">
        <v>186239</v>
      </c>
    </row>
    <row r="55379" spans="1:10" x14ac:dyDescent="0.35">
      <c r="A55379" s="1" t="s">
        <v>143933</v>
      </c>
      <c r="B55379" s="1" t="s">
        <v>182761</v>
      </c>
      <c r="C55379" s="1" t="s">
        <v>25</v>
      </c>
      <c r="D55379" s="1" t="s">
        <v>186240</v>
      </c>
      <c r="E55379" s="1" t="s">
        <v>186241</v>
      </c>
      <c r="F55379" s="1" t="s">
        <v>186242</v>
      </c>
      <c r="G55379" s="1" t="s">
        <v>186232</v>
      </c>
      <c r="H55379" s="1" t="s">
        <v>186233</v>
      </c>
      <c r="I55379" s="1" t="s">
        <v>182766</v>
      </c>
      <c r="J55379" s="1" t="s">
        <v>186243</v>
      </c>
    </row>
    <row r="55380" spans="1:10" x14ac:dyDescent="0.35">
      <c r="A55380" s="1" t="s">
        <v>143933</v>
      </c>
      <c r="B55380" s="1" t="s">
        <v>182761</v>
      </c>
      <c r="C55380" s="1" t="s">
        <v>30</v>
      </c>
      <c r="D55380" s="1" t="s">
        <v>186244</v>
      </c>
      <c r="E55380" s="1" t="s">
        <v>186245</v>
      </c>
      <c r="F55380" s="1" t="s">
        <v>186246</v>
      </c>
      <c r="G55380" s="1" t="s">
        <v>186232</v>
      </c>
      <c r="H55380" s="1" t="s">
        <v>186233</v>
      </c>
      <c r="I55380" s="1" t="s">
        <v>182766</v>
      </c>
      <c r="J55380" s="1" t="s">
        <v>186247</v>
      </c>
    </row>
    <row r="55381" spans="1:10" x14ac:dyDescent="0.35">
      <c r="A55381" s="1" t="s">
        <v>143933</v>
      </c>
      <c r="B55381" s="1" t="s">
        <v>182761</v>
      </c>
      <c r="C55381" s="1" t="s">
        <v>35</v>
      </c>
      <c r="D55381" s="1" t="s">
        <v>169694</v>
      </c>
      <c r="E55381" s="1" t="s">
        <v>186248</v>
      </c>
      <c r="F55381" s="1" t="s">
        <v>186249</v>
      </c>
      <c r="G55381" s="1" t="s">
        <v>186232</v>
      </c>
      <c r="H55381" s="1" t="s">
        <v>186233</v>
      </c>
      <c r="I55381" s="1" t="s">
        <v>182766</v>
      </c>
      <c r="J55381" s="1" t="s">
        <v>186250</v>
      </c>
    </row>
    <row r="55382" spans="1:10" x14ac:dyDescent="0.35">
      <c r="A55382" s="1" t="s">
        <v>143933</v>
      </c>
      <c r="B55382" s="1" t="s">
        <v>182761</v>
      </c>
      <c r="C55382" s="1" t="s">
        <v>40</v>
      </c>
      <c r="D55382" s="1" t="s">
        <v>173782</v>
      </c>
      <c r="E55382" s="1" t="s">
        <v>186251</v>
      </c>
      <c r="F55382" s="1" t="s">
        <v>186252</v>
      </c>
      <c r="G55382" s="1" t="s">
        <v>186232</v>
      </c>
      <c r="H55382" s="1" t="s">
        <v>186233</v>
      </c>
      <c r="I55382" s="1" t="s">
        <v>182766</v>
      </c>
      <c r="J55382" s="1" t="s">
        <v>186253</v>
      </c>
    </row>
    <row r="55383" spans="1:10" x14ac:dyDescent="0.35">
      <c r="A55383" s="1" t="s">
        <v>143933</v>
      </c>
      <c r="B55383" s="1" t="s">
        <v>182761</v>
      </c>
      <c r="C55383" s="1" t="s">
        <v>45</v>
      </c>
      <c r="D55383" s="1" t="s">
        <v>46299</v>
      </c>
      <c r="E55383" s="1" t="s">
        <v>186254</v>
      </c>
      <c r="F55383" s="1" t="s">
        <v>186255</v>
      </c>
      <c r="G55383" s="1" t="s">
        <v>186232</v>
      </c>
      <c r="H55383" s="1" t="s">
        <v>186233</v>
      </c>
      <c r="I55383" s="1" t="s">
        <v>182766</v>
      </c>
      <c r="J55383" s="1" t="s">
        <v>186256</v>
      </c>
    </row>
    <row r="55384" spans="1:10" x14ac:dyDescent="0.35">
      <c r="A55384" s="1" t="s">
        <v>143933</v>
      </c>
      <c r="B55384" s="1" t="s">
        <v>182761</v>
      </c>
      <c r="C55384" s="1" t="s">
        <v>50</v>
      </c>
      <c r="D55384" s="1" t="s">
        <v>186257</v>
      </c>
      <c r="E55384" s="1" t="s">
        <v>186258</v>
      </c>
      <c r="F55384" s="1" t="s">
        <v>186259</v>
      </c>
      <c r="G55384" s="1" t="s">
        <v>186232</v>
      </c>
      <c r="H55384" s="1" t="s">
        <v>186233</v>
      </c>
      <c r="I55384" s="1" t="s">
        <v>182766</v>
      </c>
      <c r="J55384" s="1" t="s">
        <v>186260</v>
      </c>
    </row>
    <row r="55385" spans="1:10" x14ac:dyDescent="0.35">
      <c r="A55385" s="1" t="s">
        <v>143933</v>
      </c>
      <c r="B55385" s="1" t="s">
        <v>182761</v>
      </c>
      <c r="C55385" s="1" t="s">
        <v>55</v>
      </c>
      <c r="D55385" s="1" t="s">
        <v>46176</v>
      </c>
      <c r="E55385" s="1" t="s">
        <v>186261</v>
      </c>
      <c r="F55385" s="1" t="s">
        <v>186262</v>
      </c>
      <c r="G55385" s="1" t="s">
        <v>186232</v>
      </c>
      <c r="H55385" s="1" t="s">
        <v>186233</v>
      </c>
      <c r="I55385" s="1" t="s">
        <v>182766</v>
      </c>
      <c r="J55385" s="1" t="s">
        <v>186263</v>
      </c>
    </row>
    <row r="55386" spans="1:10" x14ac:dyDescent="0.35">
      <c r="A55386" s="1" t="s">
        <v>143933</v>
      </c>
      <c r="B55386" s="1" t="s">
        <v>182761</v>
      </c>
      <c r="C55386" s="1" t="s">
        <v>60</v>
      </c>
      <c r="D55386" s="1" t="s">
        <v>149419</v>
      </c>
      <c r="E55386" s="1" t="s">
        <v>186264</v>
      </c>
      <c r="F55386" s="1" t="s">
        <v>186265</v>
      </c>
      <c r="G55386" s="1" t="s">
        <v>186232</v>
      </c>
      <c r="H55386" s="1" t="s">
        <v>186233</v>
      </c>
      <c r="I55386" s="1" t="s">
        <v>182766</v>
      </c>
      <c r="J55386" s="1" t="s">
        <v>186266</v>
      </c>
    </row>
    <row r="55387" spans="1:10" x14ac:dyDescent="0.35">
      <c r="A55387" s="1" t="s">
        <v>143933</v>
      </c>
      <c r="B55387" s="1" t="s">
        <v>182761</v>
      </c>
      <c r="C55387" s="1" t="s">
        <v>65</v>
      </c>
      <c r="D55387" s="1" t="s">
        <v>186267</v>
      </c>
      <c r="E55387" s="1" t="s">
        <v>186268</v>
      </c>
      <c r="F55387" s="1" t="s">
        <v>186269</v>
      </c>
      <c r="G55387" s="1" t="s">
        <v>186232</v>
      </c>
      <c r="H55387" s="1" t="s">
        <v>186233</v>
      </c>
      <c r="I55387" s="1" t="s">
        <v>182766</v>
      </c>
      <c r="J55387" s="1" t="s">
        <v>186270</v>
      </c>
    </row>
    <row r="55388" spans="1:10" x14ac:dyDescent="0.35">
      <c r="A55388" s="1" t="s">
        <v>143933</v>
      </c>
      <c r="B55388" s="1" t="s">
        <v>182761</v>
      </c>
      <c r="C55388" s="1" t="s">
        <v>70</v>
      </c>
      <c r="D55388" s="1" t="s">
        <v>186271</v>
      </c>
      <c r="E55388" s="1" t="s">
        <v>186272</v>
      </c>
      <c r="F55388" s="1" t="s">
        <v>186273</v>
      </c>
      <c r="G55388" s="1" t="s">
        <v>186232</v>
      </c>
      <c r="H55388" s="1" t="s">
        <v>186233</v>
      </c>
      <c r="I55388" s="1" t="s">
        <v>182766</v>
      </c>
      <c r="J55388" s="1" t="s">
        <v>186274</v>
      </c>
    </row>
    <row r="55389" spans="1:10" x14ac:dyDescent="0.35">
      <c r="A55389" s="1" t="s">
        <v>143933</v>
      </c>
      <c r="B55389" s="1" t="s">
        <v>182761</v>
      </c>
      <c r="C55389" s="1" t="s">
        <v>75</v>
      </c>
      <c r="D55389" s="1" t="s">
        <v>18035</v>
      </c>
      <c r="E55389" s="1" t="s">
        <v>186275</v>
      </c>
      <c r="F55389" s="1" t="s">
        <v>186276</v>
      </c>
      <c r="G55389" s="1" t="s">
        <v>186232</v>
      </c>
      <c r="H55389" s="1" t="s">
        <v>186233</v>
      </c>
      <c r="I55389" s="1" t="s">
        <v>182766</v>
      </c>
      <c r="J55389" s="1" t="s">
        <v>186277</v>
      </c>
    </row>
    <row r="55390" spans="1:10" x14ac:dyDescent="0.35">
      <c r="A55390" s="1" t="s">
        <v>143933</v>
      </c>
      <c r="B55390" s="1" t="s">
        <v>182761</v>
      </c>
      <c r="C55390" s="1" t="s">
        <v>80</v>
      </c>
      <c r="D55390" s="1" t="s">
        <v>186278</v>
      </c>
      <c r="E55390" s="1" t="s">
        <v>186279</v>
      </c>
      <c r="F55390" s="1" t="s">
        <v>186280</v>
      </c>
      <c r="G55390" s="1" t="s">
        <v>186232</v>
      </c>
      <c r="H55390" s="1" t="s">
        <v>186233</v>
      </c>
      <c r="I55390" s="1" t="s">
        <v>182766</v>
      </c>
      <c r="J55390" s="1" t="s">
        <v>186281</v>
      </c>
    </row>
    <row r="55391" spans="1:10" x14ac:dyDescent="0.35">
      <c r="A55391" s="1" t="s">
        <v>143933</v>
      </c>
      <c r="B55391" s="1" t="s">
        <v>182761</v>
      </c>
      <c r="C55391" s="1" t="s">
        <v>85</v>
      </c>
      <c r="D55391" s="1" t="s">
        <v>186282</v>
      </c>
      <c r="E55391" s="1" t="s">
        <v>186283</v>
      </c>
      <c r="F55391" s="1" t="s">
        <v>186284</v>
      </c>
      <c r="G55391" s="1" t="s">
        <v>186232</v>
      </c>
      <c r="H55391" s="1" t="s">
        <v>186233</v>
      </c>
      <c r="I55391" s="1" t="s">
        <v>182766</v>
      </c>
      <c r="J55391" s="1" t="s">
        <v>186285</v>
      </c>
    </row>
    <row r="55392" spans="1:10" x14ac:dyDescent="0.35">
      <c r="A55392" s="1" t="s">
        <v>143933</v>
      </c>
      <c r="B55392" s="1" t="s">
        <v>182761</v>
      </c>
      <c r="C55392" s="1" t="s">
        <v>90</v>
      </c>
      <c r="D55392" s="1" t="s">
        <v>186286</v>
      </c>
      <c r="E55392" s="1" t="s">
        <v>186287</v>
      </c>
      <c r="F55392" s="1" t="s">
        <v>186288</v>
      </c>
      <c r="G55392" s="1" t="s">
        <v>186232</v>
      </c>
      <c r="H55392" s="1" t="s">
        <v>186233</v>
      </c>
      <c r="I55392" s="1" t="s">
        <v>182766</v>
      </c>
      <c r="J55392" s="1" t="s">
        <v>186289</v>
      </c>
    </row>
    <row r="55393" spans="1:10" x14ac:dyDescent="0.35">
      <c r="A55393" s="1" t="s">
        <v>143933</v>
      </c>
      <c r="B55393" s="1" t="s">
        <v>182761</v>
      </c>
      <c r="C55393" s="1" t="s">
        <v>95</v>
      </c>
      <c r="D55393" s="1" t="s">
        <v>186290</v>
      </c>
      <c r="E55393" s="1" t="s">
        <v>186291</v>
      </c>
      <c r="F55393" s="1" t="s">
        <v>186292</v>
      </c>
      <c r="G55393" s="1" t="s">
        <v>186232</v>
      </c>
      <c r="H55393" s="1" t="s">
        <v>186233</v>
      </c>
      <c r="I55393" s="1" t="s">
        <v>182766</v>
      </c>
      <c r="J55393" s="1" t="s">
        <v>186293</v>
      </c>
    </row>
    <row r="55394" spans="1:10" x14ac:dyDescent="0.35">
      <c r="A55394" s="1" t="s">
        <v>143933</v>
      </c>
      <c r="B55394" s="1" t="s">
        <v>182761</v>
      </c>
      <c r="C55394" s="1" t="s">
        <v>100</v>
      </c>
      <c r="D55394" s="1" t="s">
        <v>172897</v>
      </c>
      <c r="E55394" s="1" t="s">
        <v>186294</v>
      </c>
      <c r="F55394" s="1" t="s">
        <v>186295</v>
      </c>
      <c r="G55394" s="1" t="s">
        <v>186232</v>
      </c>
      <c r="H55394" s="1" t="s">
        <v>186233</v>
      </c>
      <c r="I55394" s="1" t="s">
        <v>182766</v>
      </c>
      <c r="J55394" s="1" t="s">
        <v>186296</v>
      </c>
    </row>
    <row r="55395" spans="1:10" x14ac:dyDescent="0.35">
      <c r="A55395" s="1" t="s">
        <v>143933</v>
      </c>
      <c r="B55395" s="1" t="s">
        <v>182761</v>
      </c>
      <c r="C55395" s="1" t="s">
        <v>105</v>
      </c>
      <c r="D55395" s="1" t="s">
        <v>138856</v>
      </c>
      <c r="E55395" s="1" t="s">
        <v>186297</v>
      </c>
      <c r="F55395" s="1" t="s">
        <v>186298</v>
      </c>
      <c r="G55395" s="1" t="s">
        <v>186232</v>
      </c>
      <c r="H55395" s="1" t="s">
        <v>186233</v>
      </c>
      <c r="I55395" s="1" t="s">
        <v>182766</v>
      </c>
      <c r="J55395" s="1" t="s">
        <v>186299</v>
      </c>
    </row>
    <row r="55396" spans="1:10" x14ac:dyDescent="0.35">
      <c r="A55396" s="1" t="s">
        <v>143933</v>
      </c>
      <c r="B55396" s="1" t="s">
        <v>182761</v>
      </c>
      <c r="C55396" s="1" t="s">
        <v>110</v>
      </c>
      <c r="D55396" s="1" t="s">
        <v>108095</v>
      </c>
      <c r="E55396" s="1" t="s">
        <v>186300</v>
      </c>
      <c r="F55396" s="1" t="s">
        <v>186301</v>
      </c>
      <c r="G55396" s="1" t="s">
        <v>186232</v>
      </c>
      <c r="H55396" s="1" t="s">
        <v>186233</v>
      </c>
      <c r="I55396" s="1" t="s">
        <v>182766</v>
      </c>
      <c r="J55396" s="1" t="s">
        <v>186302</v>
      </c>
    </row>
    <row r="55397" spans="1:10" x14ac:dyDescent="0.35">
      <c r="A55397" s="1" t="s">
        <v>143933</v>
      </c>
      <c r="B55397" s="1" t="s">
        <v>182761</v>
      </c>
      <c r="C55397" s="1" t="s">
        <v>115</v>
      </c>
      <c r="D55397" s="1" t="s">
        <v>186303</v>
      </c>
      <c r="E55397" s="1" t="s">
        <v>186304</v>
      </c>
      <c r="F55397" s="1" t="s">
        <v>186305</v>
      </c>
      <c r="G55397" s="1" t="s">
        <v>186232</v>
      </c>
      <c r="H55397" s="1" t="s">
        <v>186233</v>
      </c>
      <c r="I55397" s="1" t="s">
        <v>182766</v>
      </c>
      <c r="J55397" s="1" t="s">
        <v>186306</v>
      </c>
    </row>
    <row r="55398" spans="1:10" x14ac:dyDescent="0.35">
      <c r="A55398" s="1" t="s">
        <v>143933</v>
      </c>
      <c r="B55398" s="1" t="s">
        <v>182761</v>
      </c>
      <c r="C55398" s="1" t="s">
        <v>120</v>
      </c>
      <c r="D55398" s="1" t="s">
        <v>186307</v>
      </c>
      <c r="E55398" s="1" t="s">
        <v>186308</v>
      </c>
      <c r="F55398" s="1" t="s">
        <v>186309</v>
      </c>
      <c r="G55398" s="1" t="s">
        <v>186232</v>
      </c>
      <c r="H55398" s="1" t="s">
        <v>186233</v>
      </c>
      <c r="I55398" s="1" t="s">
        <v>182766</v>
      </c>
      <c r="J55398" s="1" t="s">
        <v>186310</v>
      </c>
    </row>
    <row r="55399" spans="1:10" x14ac:dyDescent="0.35">
      <c r="A55399" s="1" t="s">
        <v>143933</v>
      </c>
      <c r="B55399" s="1" t="s">
        <v>182761</v>
      </c>
      <c r="C55399" s="1" t="s">
        <v>125</v>
      </c>
      <c r="D55399" s="1" t="s">
        <v>98288</v>
      </c>
      <c r="E55399" s="1" t="s">
        <v>186311</v>
      </c>
      <c r="F55399" s="1" t="s">
        <v>186312</v>
      </c>
      <c r="G55399" s="1" t="s">
        <v>186232</v>
      </c>
      <c r="H55399" s="1" t="s">
        <v>186233</v>
      </c>
      <c r="I55399" s="1" t="s">
        <v>182766</v>
      </c>
      <c r="J55399" s="1" t="s">
        <v>186313</v>
      </c>
    </row>
    <row r="55400" spans="1:10" x14ac:dyDescent="0.35">
      <c r="A55400" s="1" t="s">
        <v>143933</v>
      </c>
      <c r="B55400" s="1" t="s">
        <v>182761</v>
      </c>
      <c r="C55400" s="1" t="s">
        <v>130</v>
      </c>
      <c r="D55400" s="1" t="s">
        <v>186314</v>
      </c>
      <c r="E55400" s="1" t="s">
        <v>186315</v>
      </c>
      <c r="F55400" s="1" t="s">
        <v>186316</v>
      </c>
      <c r="G55400" s="1" t="s">
        <v>186232</v>
      </c>
      <c r="H55400" s="1" t="s">
        <v>186233</v>
      </c>
      <c r="I55400" s="1" t="s">
        <v>182766</v>
      </c>
      <c r="J55400" s="1" t="s">
        <v>186317</v>
      </c>
    </row>
    <row r="55401" spans="1:10" x14ac:dyDescent="0.35">
      <c r="A55401" s="1" t="s">
        <v>143933</v>
      </c>
      <c r="B55401" s="1" t="s">
        <v>182761</v>
      </c>
      <c r="C55401" s="1" t="s">
        <v>135</v>
      </c>
      <c r="D55401" s="1" t="s">
        <v>67077</v>
      </c>
      <c r="E55401" s="1" t="s">
        <v>186318</v>
      </c>
      <c r="F55401" s="1" t="s">
        <v>186319</v>
      </c>
      <c r="G55401" s="1" t="s">
        <v>186232</v>
      </c>
      <c r="H55401" s="1" t="s">
        <v>186233</v>
      </c>
      <c r="I55401" s="1" t="s">
        <v>182766</v>
      </c>
      <c r="J55401" s="1" t="s">
        <v>186320</v>
      </c>
    </row>
    <row r="55402" spans="1:10" x14ac:dyDescent="0.35">
      <c r="A55402" s="1" t="s">
        <v>143933</v>
      </c>
      <c r="B55402" s="1" t="s">
        <v>182761</v>
      </c>
      <c r="C55402" s="1" t="s">
        <v>140</v>
      </c>
      <c r="D55402" s="1" t="s">
        <v>65818</v>
      </c>
      <c r="E55402" s="1" t="s">
        <v>186321</v>
      </c>
      <c r="F55402" s="1" t="s">
        <v>186322</v>
      </c>
      <c r="G55402" s="1" t="s">
        <v>186232</v>
      </c>
      <c r="H55402" s="1" t="s">
        <v>186233</v>
      </c>
      <c r="I55402" s="1" t="s">
        <v>182766</v>
      </c>
      <c r="J55402" s="1" t="s">
        <v>186323</v>
      </c>
    </row>
    <row r="55403" spans="1:10" x14ac:dyDescent="0.35">
      <c r="A55403" s="1" t="s">
        <v>143933</v>
      </c>
      <c r="B55403" s="1" t="s">
        <v>182761</v>
      </c>
      <c r="C55403" s="1" t="s">
        <v>145</v>
      </c>
      <c r="D55403" s="1" t="s">
        <v>186324</v>
      </c>
      <c r="E55403" s="1" t="s">
        <v>186325</v>
      </c>
      <c r="F55403" s="1" t="s">
        <v>186326</v>
      </c>
      <c r="G55403" s="1" t="s">
        <v>186232</v>
      </c>
      <c r="H55403" s="1" t="s">
        <v>186233</v>
      </c>
      <c r="I55403" s="1" t="s">
        <v>182766</v>
      </c>
      <c r="J55403" s="1" t="s">
        <v>186327</v>
      </c>
    </row>
    <row r="55404" spans="1:10" x14ac:dyDescent="0.35">
      <c r="A55404" s="1" t="s">
        <v>143933</v>
      </c>
      <c r="B55404" s="1" t="s">
        <v>182761</v>
      </c>
      <c r="C55404" s="1" t="s">
        <v>150</v>
      </c>
      <c r="D55404" s="1" t="s">
        <v>107082</v>
      </c>
      <c r="E55404" s="1" t="s">
        <v>186328</v>
      </c>
      <c r="F55404" s="1" t="s">
        <v>186329</v>
      </c>
      <c r="G55404" s="1" t="s">
        <v>186232</v>
      </c>
      <c r="H55404" s="1" t="s">
        <v>186233</v>
      </c>
      <c r="I55404" s="1" t="s">
        <v>182766</v>
      </c>
      <c r="J55404" s="1" t="s">
        <v>186330</v>
      </c>
    </row>
    <row r="55405" spans="1:10" x14ac:dyDescent="0.35">
      <c r="A55405" s="1" t="s">
        <v>143933</v>
      </c>
      <c r="B55405" s="1" t="s">
        <v>182761</v>
      </c>
      <c r="C55405" s="1" t="s">
        <v>155</v>
      </c>
      <c r="D55405" s="1" t="s">
        <v>166310</v>
      </c>
      <c r="E55405" s="1" t="s">
        <v>186331</v>
      </c>
      <c r="F55405" s="1" t="s">
        <v>186332</v>
      </c>
      <c r="G55405" s="1" t="s">
        <v>186232</v>
      </c>
      <c r="H55405" s="1" t="s">
        <v>186233</v>
      </c>
      <c r="I55405" s="1" t="s">
        <v>182766</v>
      </c>
      <c r="J55405" s="1" t="s">
        <v>186333</v>
      </c>
    </row>
    <row r="55406" spans="1:10" x14ac:dyDescent="0.35">
      <c r="A55406" s="1" t="s">
        <v>143933</v>
      </c>
      <c r="B55406" s="1" t="s">
        <v>182761</v>
      </c>
      <c r="C55406" s="1" t="s">
        <v>160</v>
      </c>
      <c r="D55406" s="1" t="s">
        <v>77522</v>
      </c>
      <c r="E55406" s="1" t="s">
        <v>186334</v>
      </c>
      <c r="F55406" s="1" t="s">
        <v>186335</v>
      </c>
      <c r="G55406" s="1" t="s">
        <v>186232</v>
      </c>
      <c r="H55406" s="1" t="s">
        <v>186233</v>
      </c>
      <c r="I55406" s="1" t="s">
        <v>182766</v>
      </c>
      <c r="J55406" s="1" t="s">
        <v>186336</v>
      </c>
    </row>
    <row r="55407" spans="1:10" x14ac:dyDescent="0.35">
      <c r="A55407" s="1" t="s">
        <v>143933</v>
      </c>
      <c r="B55407" s="1" t="s">
        <v>182761</v>
      </c>
      <c r="C55407" s="1" t="s">
        <v>165</v>
      </c>
      <c r="D55407" s="1" t="s">
        <v>61967</v>
      </c>
      <c r="E55407" s="1" t="s">
        <v>186337</v>
      </c>
      <c r="F55407" s="1" t="s">
        <v>186338</v>
      </c>
      <c r="G55407" s="1" t="s">
        <v>186232</v>
      </c>
      <c r="H55407" s="1" t="s">
        <v>186233</v>
      </c>
      <c r="I55407" s="1" t="s">
        <v>182766</v>
      </c>
      <c r="J55407" s="1" t="s">
        <v>186339</v>
      </c>
    </row>
    <row r="55408" spans="1:10" x14ac:dyDescent="0.35">
      <c r="A55408" s="1" t="s">
        <v>143933</v>
      </c>
      <c r="B55408" s="1" t="s">
        <v>182761</v>
      </c>
      <c r="C55408" s="1" t="s">
        <v>170</v>
      </c>
      <c r="D55408" s="1" t="s">
        <v>96003</v>
      </c>
      <c r="E55408" s="1" t="s">
        <v>186340</v>
      </c>
      <c r="F55408" s="1" t="s">
        <v>186341</v>
      </c>
      <c r="G55408" s="1" t="s">
        <v>186232</v>
      </c>
      <c r="H55408" s="1" t="s">
        <v>186233</v>
      </c>
      <c r="I55408" s="1" t="s">
        <v>182766</v>
      </c>
      <c r="J55408" s="1" t="s">
        <v>186342</v>
      </c>
    </row>
    <row r="55409" spans="1:10" x14ac:dyDescent="0.35">
      <c r="A55409" s="1" t="s">
        <v>6443</v>
      </c>
      <c r="B55409" s="1" t="s">
        <v>182761</v>
      </c>
      <c r="C55409" s="1" t="s">
        <v>8</v>
      </c>
      <c r="D55409" s="1" t="s">
        <v>153159</v>
      </c>
      <c r="E55409" s="1" t="s">
        <v>186343</v>
      </c>
      <c r="F55409" s="1" t="s">
        <v>186344</v>
      </c>
      <c r="G55409" s="1" t="s">
        <v>186345</v>
      </c>
      <c r="H55409" s="1" t="s">
        <v>186346</v>
      </c>
      <c r="I55409" s="1" t="s">
        <v>182766</v>
      </c>
      <c r="J55409" s="1" t="s">
        <v>13</v>
      </c>
    </row>
    <row r="55410" spans="1:10" x14ac:dyDescent="0.35">
      <c r="A55410" s="1" t="s">
        <v>6443</v>
      </c>
      <c r="B55410" s="1" t="s">
        <v>182761</v>
      </c>
      <c r="C55410" s="1" t="s">
        <v>15</v>
      </c>
      <c r="D55410" s="1" t="s">
        <v>75040</v>
      </c>
      <c r="E55410" s="1" t="s">
        <v>186347</v>
      </c>
      <c r="F55410" s="1" t="s">
        <v>186348</v>
      </c>
      <c r="G55410" s="1" t="s">
        <v>186345</v>
      </c>
      <c r="H55410" s="1" t="s">
        <v>186346</v>
      </c>
      <c r="I55410" s="1" t="s">
        <v>182766</v>
      </c>
      <c r="J55410" s="1" t="s">
        <v>186349</v>
      </c>
    </row>
    <row r="55411" spans="1:10" x14ac:dyDescent="0.35">
      <c r="A55411" s="1" t="s">
        <v>6443</v>
      </c>
      <c r="B55411" s="1" t="s">
        <v>182761</v>
      </c>
      <c r="C55411" s="1" t="s">
        <v>20</v>
      </c>
      <c r="D55411" s="1" t="s">
        <v>186350</v>
      </c>
      <c r="E55411" s="1" t="s">
        <v>186351</v>
      </c>
      <c r="F55411" s="1" t="s">
        <v>186352</v>
      </c>
      <c r="G55411" s="1" t="s">
        <v>186345</v>
      </c>
      <c r="H55411" s="1" t="s">
        <v>186346</v>
      </c>
      <c r="I55411" s="1" t="s">
        <v>182766</v>
      </c>
      <c r="J55411" s="1" t="s">
        <v>186353</v>
      </c>
    </row>
    <row r="55412" spans="1:10" x14ac:dyDescent="0.35">
      <c r="A55412" s="1" t="s">
        <v>6443</v>
      </c>
      <c r="B55412" s="1" t="s">
        <v>182761</v>
      </c>
      <c r="C55412" s="1" t="s">
        <v>25</v>
      </c>
      <c r="D55412" s="1" t="s">
        <v>17904</v>
      </c>
      <c r="E55412" s="1" t="s">
        <v>186354</v>
      </c>
      <c r="F55412" s="1" t="s">
        <v>186355</v>
      </c>
      <c r="G55412" s="1" t="s">
        <v>186345</v>
      </c>
      <c r="H55412" s="1" t="s">
        <v>186346</v>
      </c>
      <c r="I55412" s="1" t="s">
        <v>182766</v>
      </c>
      <c r="J55412" s="1" t="s">
        <v>186356</v>
      </c>
    </row>
    <row r="55413" spans="1:10" x14ac:dyDescent="0.35">
      <c r="A55413" s="1" t="s">
        <v>6443</v>
      </c>
      <c r="B55413" s="1" t="s">
        <v>182761</v>
      </c>
      <c r="C55413" s="1" t="s">
        <v>30</v>
      </c>
      <c r="D55413" s="1" t="s">
        <v>37875</v>
      </c>
      <c r="E55413" s="1" t="s">
        <v>186357</v>
      </c>
      <c r="F55413" s="1" t="s">
        <v>186358</v>
      </c>
      <c r="G55413" s="1" t="s">
        <v>186345</v>
      </c>
      <c r="H55413" s="1" t="s">
        <v>186346</v>
      </c>
      <c r="I55413" s="1" t="s">
        <v>182766</v>
      </c>
      <c r="J55413" s="1" t="s">
        <v>186359</v>
      </c>
    </row>
    <row r="55414" spans="1:10" x14ac:dyDescent="0.35">
      <c r="A55414" s="1" t="s">
        <v>6443</v>
      </c>
      <c r="B55414" s="1" t="s">
        <v>182761</v>
      </c>
      <c r="C55414" s="1" t="s">
        <v>35</v>
      </c>
      <c r="D55414" s="1" t="s">
        <v>42902</v>
      </c>
      <c r="E55414" s="1" t="s">
        <v>186360</v>
      </c>
      <c r="F55414" s="1" t="s">
        <v>186361</v>
      </c>
      <c r="G55414" s="1" t="s">
        <v>186345</v>
      </c>
      <c r="H55414" s="1" t="s">
        <v>186346</v>
      </c>
      <c r="I55414" s="1" t="s">
        <v>182766</v>
      </c>
      <c r="J55414" s="1" t="s">
        <v>186362</v>
      </c>
    </row>
    <row r="55415" spans="1:10" x14ac:dyDescent="0.35">
      <c r="A55415" s="1" t="s">
        <v>6443</v>
      </c>
      <c r="B55415" s="1" t="s">
        <v>182761</v>
      </c>
      <c r="C55415" s="1" t="s">
        <v>40</v>
      </c>
      <c r="D55415" s="1" t="s">
        <v>186363</v>
      </c>
      <c r="E55415" s="1" t="s">
        <v>186364</v>
      </c>
      <c r="F55415" s="1" t="s">
        <v>186365</v>
      </c>
      <c r="G55415" s="1" t="s">
        <v>186345</v>
      </c>
      <c r="H55415" s="1" t="s">
        <v>186346</v>
      </c>
      <c r="I55415" s="1" t="s">
        <v>182766</v>
      </c>
      <c r="J55415" s="1" t="s">
        <v>186366</v>
      </c>
    </row>
    <row r="55416" spans="1:10" x14ac:dyDescent="0.35">
      <c r="A55416" s="1" t="s">
        <v>6443</v>
      </c>
      <c r="B55416" s="1" t="s">
        <v>182761</v>
      </c>
      <c r="C55416" s="1" t="s">
        <v>45</v>
      </c>
      <c r="D55416" s="1" t="s">
        <v>37066</v>
      </c>
      <c r="E55416" s="1" t="s">
        <v>186367</v>
      </c>
      <c r="F55416" s="1" t="s">
        <v>186368</v>
      </c>
      <c r="G55416" s="1" t="s">
        <v>186345</v>
      </c>
      <c r="H55416" s="1" t="s">
        <v>186346</v>
      </c>
      <c r="I55416" s="1" t="s">
        <v>182766</v>
      </c>
      <c r="J55416" s="1" t="s">
        <v>186369</v>
      </c>
    </row>
    <row r="55417" spans="1:10" x14ac:dyDescent="0.35">
      <c r="A55417" s="1" t="s">
        <v>6443</v>
      </c>
      <c r="B55417" s="1" t="s">
        <v>182761</v>
      </c>
      <c r="C55417" s="1" t="s">
        <v>50</v>
      </c>
      <c r="D55417" s="1" t="s">
        <v>34340</v>
      </c>
      <c r="E55417" s="1" t="s">
        <v>186370</v>
      </c>
      <c r="F55417" s="1" t="s">
        <v>186371</v>
      </c>
      <c r="G55417" s="1" t="s">
        <v>186345</v>
      </c>
      <c r="H55417" s="1" t="s">
        <v>186346</v>
      </c>
      <c r="I55417" s="1" t="s">
        <v>182766</v>
      </c>
      <c r="J55417" s="1" t="s">
        <v>186372</v>
      </c>
    </row>
    <row r="55418" spans="1:10" x14ac:dyDescent="0.35">
      <c r="A55418" s="1" t="s">
        <v>6443</v>
      </c>
      <c r="B55418" s="1" t="s">
        <v>182761</v>
      </c>
      <c r="C55418" s="1" t="s">
        <v>55</v>
      </c>
      <c r="D55418" s="1" t="s">
        <v>185832</v>
      </c>
      <c r="E55418" s="1" t="s">
        <v>186373</v>
      </c>
      <c r="F55418" s="1" t="s">
        <v>186374</v>
      </c>
      <c r="G55418" s="1" t="s">
        <v>186345</v>
      </c>
      <c r="H55418" s="1" t="s">
        <v>186346</v>
      </c>
      <c r="I55418" s="1" t="s">
        <v>182766</v>
      </c>
      <c r="J55418" s="1" t="s">
        <v>186375</v>
      </c>
    </row>
    <row r="55419" spans="1:10" x14ac:dyDescent="0.35">
      <c r="A55419" s="1" t="s">
        <v>6443</v>
      </c>
      <c r="B55419" s="1" t="s">
        <v>182761</v>
      </c>
      <c r="C55419" s="1" t="s">
        <v>60</v>
      </c>
      <c r="D55419" s="1" t="s">
        <v>695</v>
      </c>
      <c r="E55419" s="1" t="s">
        <v>186376</v>
      </c>
      <c r="F55419" s="1" t="s">
        <v>186377</v>
      </c>
      <c r="G55419" s="1" t="s">
        <v>186345</v>
      </c>
      <c r="H55419" s="1" t="s">
        <v>186346</v>
      </c>
      <c r="I55419" s="1" t="s">
        <v>182766</v>
      </c>
      <c r="J55419" s="1" t="s">
        <v>186378</v>
      </c>
    </row>
    <row r="55420" spans="1:10" x14ac:dyDescent="0.35">
      <c r="A55420" s="1" t="s">
        <v>6443</v>
      </c>
      <c r="B55420" s="1" t="s">
        <v>182761</v>
      </c>
      <c r="C55420" s="1" t="s">
        <v>65</v>
      </c>
      <c r="D55420" s="1" t="s">
        <v>31373</v>
      </c>
      <c r="E55420" s="1" t="s">
        <v>186379</v>
      </c>
      <c r="F55420" s="1" t="s">
        <v>186380</v>
      </c>
      <c r="G55420" s="1" t="s">
        <v>186345</v>
      </c>
      <c r="H55420" s="1" t="s">
        <v>186346</v>
      </c>
      <c r="I55420" s="1" t="s">
        <v>182766</v>
      </c>
      <c r="J55420" s="1" t="s">
        <v>186381</v>
      </c>
    </row>
    <row r="55421" spans="1:10" x14ac:dyDescent="0.35">
      <c r="A55421" s="1" t="s">
        <v>6443</v>
      </c>
      <c r="B55421" s="1" t="s">
        <v>182761</v>
      </c>
      <c r="C55421" s="1" t="s">
        <v>70</v>
      </c>
      <c r="D55421" s="1" t="s">
        <v>13397</v>
      </c>
      <c r="E55421" s="1" t="s">
        <v>186382</v>
      </c>
      <c r="F55421" s="1" t="s">
        <v>186383</v>
      </c>
      <c r="G55421" s="1" t="s">
        <v>186345</v>
      </c>
      <c r="H55421" s="1" t="s">
        <v>186346</v>
      </c>
      <c r="I55421" s="1" t="s">
        <v>182766</v>
      </c>
      <c r="J55421" s="1" t="s">
        <v>186384</v>
      </c>
    </row>
    <row r="55422" spans="1:10" x14ac:dyDescent="0.35">
      <c r="A55422" s="1" t="s">
        <v>6443</v>
      </c>
      <c r="B55422" s="1" t="s">
        <v>182761</v>
      </c>
      <c r="C55422" s="1" t="s">
        <v>75</v>
      </c>
      <c r="D55422" s="1" t="s">
        <v>186385</v>
      </c>
      <c r="E55422" s="1" t="s">
        <v>186386</v>
      </c>
      <c r="F55422" s="1" t="s">
        <v>186387</v>
      </c>
      <c r="G55422" s="1" t="s">
        <v>186345</v>
      </c>
      <c r="H55422" s="1" t="s">
        <v>186346</v>
      </c>
      <c r="I55422" s="1" t="s">
        <v>182766</v>
      </c>
      <c r="J55422" s="1" t="s">
        <v>186388</v>
      </c>
    </row>
    <row r="55423" spans="1:10" x14ac:dyDescent="0.35">
      <c r="A55423" s="1" t="s">
        <v>6443</v>
      </c>
      <c r="B55423" s="1" t="s">
        <v>182761</v>
      </c>
      <c r="C55423" s="1" t="s">
        <v>80</v>
      </c>
      <c r="D55423" s="1" t="s">
        <v>186389</v>
      </c>
      <c r="E55423" s="1" t="s">
        <v>186390</v>
      </c>
      <c r="F55423" s="1" t="s">
        <v>186391</v>
      </c>
      <c r="G55423" s="1" t="s">
        <v>186345</v>
      </c>
      <c r="H55423" s="1" t="s">
        <v>186346</v>
      </c>
      <c r="I55423" s="1" t="s">
        <v>182766</v>
      </c>
      <c r="J55423" s="1" t="s">
        <v>186392</v>
      </c>
    </row>
    <row r="55424" spans="1:10" x14ac:dyDescent="0.35">
      <c r="A55424" s="1" t="s">
        <v>6443</v>
      </c>
      <c r="B55424" s="1" t="s">
        <v>182761</v>
      </c>
      <c r="C55424" s="1" t="s">
        <v>85</v>
      </c>
      <c r="D55424" s="1" t="s">
        <v>186393</v>
      </c>
      <c r="E55424" s="1" t="s">
        <v>186394</v>
      </c>
      <c r="F55424" s="1" t="s">
        <v>186395</v>
      </c>
      <c r="G55424" s="1" t="s">
        <v>186345</v>
      </c>
      <c r="H55424" s="1" t="s">
        <v>186346</v>
      </c>
      <c r="I55424" s="1" t="s">
        <v>182766</v>
      </c>
      <c r="J55424" s="1" t="s">
        <v>186396</v>
      </c>
    </row>
    <row r="55425" spans="1:10" x14ac:dyDescent="0.35">
      <c r="A55425" s="1" t="s">
        <v>6443</v>
      </c>
      <c r="B55425" s="1" t="s">
        <v>182761</v>
      </c>
      <c r="C55425" s="1" t="s">
        <v>90</v>
      </c>
      <c r="D55425" s="1" t="s">
        <v>184631</v>
      </c>
      <c r="E55425" s="1" t="s">
        <v>186397</v>
      </c>
      <c r="F55425" s="1" t="s">
        <v>186398</v>
      </c>
      <c r="G55425" s="1" t="s">
        <v>186345</v>
      </c>
      <c r="H55425" s="1" t="s">
        <v>186346</v>
      </c>
      <c r="I55425" s="1" t="s">
        <v>182766</v>
      </c>
      <c r="J55425" s="1" t="s">
        <v>186399</v>
      </c>
    </row>
    <row r="55426" spans="1:10" x14ac:dyDescent="0.35">
      <c r="A55426" s="1" t="s">
        <v>6443</v>
      </c>
      <c r="B55426" s="1" t="s">
        <v>182761</v>
      </c>
      <c r="C55426" s="1" t="s">
        <v>95</v>
      </c>
      <c r="D55426" s="1" t="s">
        <v>186400</v>
      </c>
      <c r="E55426" s="1" t="s">
        <v>186401</v>
      </c>
      <c r="F55426" s="1" t="s">
        <v>186402</v>
      </c>
      <c r="G55426" s="1" t="s">
        <v>186345</v>
      </c>
      <c r="H55426" s="1" t="s">
        <v>186346</v>
      </c>
      <c r="I55426" s="1" t="s">
        <v>182766</v>
      </c>
      <c r="J55426" s="1" t="s">
        <v>186403</v>
      </c>
    </row>
    <row r="55427" spans="1:10" x14ac:dyDescent="0.35">
      <c r="A55427" s="1" t="s">
        <v>6443</v>
      </c>
      <c r="B55427" s="1" t="s">
        <v>182761</v>
      </c>
      <c r="C55427" s="1" t="s">
        <v>100</v>
      </c>
      <c r="D55427" s="1" t="s">
        <v>186404</v>
      </c>
      <c r="E55427" s="1" t="s">
        <v>186405</v>
      </c>
      <c r="F55427" s="1" t="s">
        <v>186406</v>
      </c>
      <c r="G55427" s="1" t="s">
        <v>186345</v>
      </c>
      <c r="H55427" s="1" t="s">
        <v>186346</v>
      </c>
      <c r="I55427" s="1" t="s">
        <v>182766</v>
      </c>
      <c r="J55427" s="1" t="s">
        <v>186407</v>
      </c>
    </row>
    <row r="55428" spans="1:10" x14ac:dyDescent="0.35">
      <c r="A55428" s="1" t="s">
        <v>6443</v>
      </c>
      <c r="B55428" s="1" t="s">
        <v>182761</v>
      </c>
      <c r="C55428" s="1" t="s">
        <v>105</v>
      </c>
      <c r="D55428" s="1" t="s">
        <v>186408</v>
      </c>
      <c r="E55428" s="1" t="s">
        <v>186409</v>
      </c>
      <c r="F55428" s="1" t="s">
        <v>186410</v>
      </c>
      <c r="G55428" s="1" t="s">
        <v>186345</v>
      </c>
      <c r="H55428" s="1" t="s">
        <v>186346</v>
      </c>
      <c r="I55428" s="1" t="s">
        <v>182766</v>
      </c>
      <c r="J55428" s="1" t="s">
        <v>186411</v>
      </c>
    </row>
    <row r="55429" spans="1:10" x14ac:dyDescent="0.35">
      <c r="A55429" s="1" t="s">
        <v>6443</v>
      </c>
      <c r="B55429" s="1" t="s">
        <v>182761</v>
      </c>
      <c r="C55429" s="1" t="s">
        <v>110</v>
      </c>
      <c r="D55429" s="1" t="s">
        <v>46585</v>
      </c>
      <c r="E55429" s="1" t="s">
        <v>186412</v>
      </c>
      <c r="F55429" s="1" t="s">
        <v>186413</v>
      </c>
      <c r="G55429" s="1" t="s">
        <v>186345</v>
      </c>
      <c r="H55429" s="1" t="s">
        <v>186346</v>
      </c>
      <c r="I55429" s="1" t="s">
        <v>182766</v>
      </c>
      <c r="J55429" s="1" t="s">
        <v>186414</v>
      </c>
    </row>
    <row r="55430" spans="1:10" x14ac:dyDescent="0.35">
      <c r="A55430" s="1" t="s">
        <v>6443</v>
      </c>
      <c r="B55430" s="1" t="s">
        <v>182761</v>
      </c>
      <c r="C55430" s="1" t="s">
        <v>115</v>
      </c>
      <c r="D55430" s="1" t="s">
        <v>186415</v>
      </c>
      <c r="E55430" s="1" t="s">
        <v>186416</v>
      </c>
      <c r="F55430" s="1" t="s">
        <v>186417</v>
      </c>
      <c r="G55430" s="1" t="s">
        <v>186345</v>
      </c>
      <c r="H55430" s="1" t="s">
        <v>186346</v>
      </c>
      <c r="I55430" s="1" t="s">
        <v>182766</v>
      </c>
      <c r="J55430" s="1" t="s">
        <v>186418</v>
      </c>
    </row>
    <row r="55431" spans="1:10" x14ac:dyDescent="0.35">
      <c r="A55431" s="1" t="s">
        <v>6443</v>
      </c>
      <c r="B55431" s="1" t="s">
        <v>182761</v>
      </c>
      <c r="C55431" s="1" t="s">
        <v>120</v>
      </c>
      <c r="D55431" s="1" t="s">
        <v>172656</v>
      </c>
      <c r="E55431" s="1" t="s">
        <v>186419</v>
      </c>
      <c r="F55431" s="1" t="s">
        <v>186420</v>
      </c>
      <c r="G55431" s="1" t="s">
        <v>186345</v>
      </c>
      <c r="H55431" s="1" t="s">
        <v>186346</v>
      </c>
      <c r="I55431" s="1" t="s">
        <v>182766</v>
      </c>
      <c r="J55431" s="1" t="s">
        <v>186421</v>
      </c>
    </row>
    <row r="55432" spans="1:10" x14ac:dyDescent="0.35">
      <c r="A55432" s="1" t="s">
        <v>6443</v>
      </c>
      <c r="B55432" s="1" t="s">
        <v>182761</v>
      </c>
      <c r="C55432" s="1" t="s">
        <v>125</v>
      </c>
      <c r="D55432" s="1" t="s">
        <v>33245</v>
      </c>
      <c r="E55432" s="1" t="s">
        <v>186422</v>
      </c>
      <c r="F55432" s="1" t="s">
        <v>186423</v>
      </c>
      <c r="G55432" s="1" t="s">
        <v>186345</v>
      </c>
      <c r="H55432" s="1" t="s">
        <v>186346</v>
      </c>
      <c r="I55432" s="1" t="s">
        <v>182766</v>
      </c>
      <c r="J55432" s="1" t="s">
        <v>186424</v>
      </c>
    </row>
    <row r="55433" spans="1:10" x14ac:dyDescent="0.35">
      <c r="A55433" s="1" t="s">
        <v>6443</v>
      </c>
      <c r="B55433" s="1" t="s">
        <v>182761</v>
      </c>
      <c r="C55433" s="1" t="s">
        <v>130</v>
      </c>
      <c r="D55433" s="1" t="s">
        <v>186425</v>
      </c>
      <c r="E55433" s="1" t="s">
        <v>186426</v>
      </c>
      <c r="F55433" s="1" t="s">
        <v>186427</v>
      </c>
      <c r="G55433" s="1" t="s">
        <v>186345</v>
      </c>
      <c r="H55433" s="1" t="s">
        <v>186346</v>
      </c>
      <c r="I55433" s="1" t="s">
        <v>182766</v>
      </c>
      <c r="J55433" s="1" t="s">
        <v>186428</v>
      </c>
    </row>
    <row r="55434" spans="1:10" x14ac:dyDescent="0.35">
      <c r="A55434" s="1" t="s">
        <v>6443</v>
      </c>
      <c r="B55434" s="1" t="s">
        <v>182761</v>
      </c>
      <c r="C55434" s="1" t="s">
        <v>135</v>
      </c>
      <c r="D55434" s="1" t="s">
        <v>31458</v>
      </c>
      <c r="E55434" s="1" t="s">
        <v>186429</v>
      </c>
      <c r="F55434" s="1" t="s">
        <v>186430</v>
      </c>
      <c r="G55434" s="1" t="s">
        <v>186345</v>
      </c>
      <c r="H55434" s="1" t="s">
        <v>186346</v>
      </c>
      <c r="I55434" s="1" t="s">
        <v>182766</v>
      </c>
      <c r="J55434" s="1" t="s">
        <v>186431</v>
      </c>
    </row>
    <row r="55435" spans="1:10" x14ac:dyDescent="0.35">
      <c r="A55435" s="1" t="s">
        <v>6443</v>
      </c>
      <c r="B55435" s="1" t="s">
        <v>182761</v>
      </c>
      <c r="C55435" s="1" t="s">
        <v>140</v>
      </c>
      <c r="D55435" s="1" t="s">
        <v>186432</v>
      </c>
      <c r="E55435" s="1" t="s">
        <v>186433</v>
      </c>
      <c r="F55435" s="1" t="s">
        <v>186434</v>
      </c>
      <c r="G55435" s="1" t="s">
        <v>186345</v>
      </c>
      <c r="H55435" s="1" t="s">
        <v>186346</v>
      </c>
      <c r="I55435" s="1" t="s">
        <v>182766</v>
      </c>
      <c r="J55435" s="1" t="s">
        <v>186435</v>
      </c>
    </row>
    <row r="55436" spans="1:10" x14ac:dyDescent="0.35">
      <c r="A55436" s="1" t="s">
        <v>6443</v>
      </c>
      <c r="B55436" s="1" t="s">
        <v>182761</v>
      </c>
      <c r="C55436" s="1" t="s">
        <v>145</v>
      </c>
      <c r="D55436" s="1" t="s">
        <v>45541</v>
      </c>
      <c r="E55436" s="1" t="s">
        <v>186436</v>
      </c>
      <c r="F55436" s="1" t="s">
        <v>186437</v>
      </c>
      <c r="G55436" s="1" t="s">
        <v>186345</v>
      </c>
      <c r="H55436" s="1" t="s">
        <v>186346</v>
      </c>
      <c r="I55436" s="1" t="s">
        <v>182766</v>
      </c>
      <c r="J55436" s="1" t="s">
        <v>186438</v>
      </c>
    </row>
    <row r="55437" spans="1:10" x14ac:dyDescent="0.35">
      <c r="A55437" s="1" t="s">
        <v>6443</v>
      </c>
      <c r="B55437" s="1" t="s">
        <v>182761</v>
      </c>
      <c r="C55437" s="1" t="s">
        <v>150</v>
      </c>
      <c r="D55437" s="1" t="s">
        <v>17546</v>
      </c>
      <c r="E55437" s="1" t="s">
        <v>186439</v>
      </c>
      <c r="F55437" s="1" t="s">
        <v>186440</v>
      </c>
      <c r="G55437" s="1" t="s">
        <v>186345</v>
      </c>
      <c r="H55437" s="1" t="s">
        <v>186346</v>
      </c>
      <c r="I55437" s="1" t="s">
        <v>182766</v>
      </c>
      <c r="J55437" s="1" t="s">
        <v>186441</v>
      </c>
    </row>
    <row r="55438" spans="1:10" x14ac:dyDescent="0.35">
      <c r="A55438" s="1" t="s">
        <v>6443</v>
      </c>
      <c r="B55438" s="1" t="s">
        <v>182761</v>
      </c>
      <c r="C55438" s="1" t="s">
        <v>155</v>
      </c>
      <c r="D55438" s="1" t="s">
        <v>186442</v>
      </c>
      <c r="E55438" s="1" t="s">
        <v>186443</v>
      </c>
      <c r="F55438" s="1" t="s">
        <v>186444</v>
      </c>
      <c r="G55438" s="1" t="s">
        <v>186345</v>
      </c>
      <c r="H55438" s="1" t="s">
        <v>186346</v>
      </c>
      <c r="I55438" s="1" t="s">
        <v>182766</v>
      </c>
      <c r="J55438" s="1" t="s">
        <v>186445</v>
      </c>
    </row>
    <row r="55439" spans="1:10" x14ac:dyDescent="0.35">
      <c r="A55439" s="1" t="s">
        <v>6443</v>
      </c>
      <c r="B55439" s="1" t="s">
        <v>182761</v>
      </c>
      <c r="C55439" s="1" t="s">
        <v>160</v>
      </c>
      <c r="D55439" s="1" t="s">
        <v>186446</v>
      </c>
      <c r="E55439" s="1" t="s">
        <v>186447</v>
      </c>
      <c r="F55439" s="1" t="s">
        <v>186448</v>
      </c>
      <c r="G55439" s="1" t="s">
        <v>186345</v>
      </c>
      <c r="H55439" s="1" t="s">
        <v>186346</v>
      </c>
      <c r="I55439" s="1" t="s">
        <v>182766</v>
      </c>
      <c r="J55439" s="1" t="s">
        <v>186449</v>
      </c>
    </row>
    <row r="55440" spans="1:10" x14ac:dyDescent="0.35">
      <c r="A55440" s="1" t="s">
        <v>6443</v>
      </c>
      <c r="B55440" s="1" t="s">
        <v>182761</v>
      </c>
      <c r="C55440" s="1" t="s">
        <v>165</v>
      </c>
      <c r="D55440" s="1" t="s">
        <v>186450</v>
      </c>
      <c r="E55440" s="1" t="s">
        <v>186451</v>
      </c>
      <c r="F55440" s="1" t="s">
        <v>186452</v>
      </c>
      <c r="G55440" s="1" t="s">
        <v>186345</v>
      </c>
      <c r="H55440" s="1" t="s">
        <v>186346</v>
      </c>
      <c r="I55440" s="1" t="s">
        <v>182766</v>
      </c>
      <c r="J55440" s="1" t="s">
        <v>186453</v>
      </c>
    </row>
    <row r="55441" spans="1:10" x14ac:dyDescent="0.35">
      <c r="A55441" s="1" t="s">
        <v>6443</v>
      </c>
      <c r="B55441" s="1" t="s">
        <v>182761</v>
      </c>
      <c r="C55441" s="1" t="s">
        <v>170</v>
      </c>
      <c r="D55441" s="1" t="s">
        <v>43761</v>
      </c>
      <c r="E55441" s="1" t="s">
        <v>186454</v>
      </c>
      <c r="F55441" s="1" t="s">
        <v>186455</v>
      </c>
      <c r="G55441" s="1" t="s">
        <v>186345</v>
      </c>
      <c r="H55441" s="1" t="s">
        <v>186346</v>
      </c>
      <c r="I55441" s="1" t="s">
        <v>182766</v>
      </c>
      <c r="J55441" s="1" t="s">
        <v>186456</v>
      </c>
    </row>
    <row r="55442" spans="1:10" x14ac:dyDescent="0.35">
      <c r="A55442" s="1" t="s">
        <v>27958</v>
      </c>
      <c r="B55442" s="1" t="s">
        <v>182761</v>
      </c>
      <c r="C55442" s="1" t="s">
        <v>8</v>
      </c>
      <c r="D55442" s="1" t="s">
        <v>34090</v>
      </c>
      <c r="E55442" s="1" t="s">
        <v>186457</v>
      </c>
      <c r="F55442" s="1" t="s">
        <v>186458</v>
      </c>
      <c r="G55442" s="1" t="s">
        <v>186459</v>
      </c>
      <c r="H55442" s="1" t="s">
        <v>186460</v>
      </c>
      <c r="I55442" s="1" t="s">
        <v>182766</v>
      </c>
      <c r="J55442" s="1" t="s">
        <v>13</v>
      </c>
    </row>
    <row r="55443" spans="1:10" x14ac:dyDescent="0.35">
      <c r="A55443" s="1" t="s">
        <v>27958</v>
      </c>
      <c r="B55443" s="1" t="s">
        <v>182761</v>
      </c>
      <c r="C55443" s="1" t="s">
        <v>15</v>
      </c>
      <c r="D55443" s="1" t="s">
        <v>46961</v>
      </c>
      <c r="E55443" s="1" t="s">
        <v>186461</v>
      </c>
      <c r="F55443" s="1" t="s">
        <v>186462</v>
      </c>
      <c r="G55443" s="1" t="s">
        <v>186459</v>
      </c>
      <c r="H55443" s="1" t="s">
        <v>186460</v>
      </c>
      <c r="I55443" s="1" t="s">
        <v>182766</v>
      </c>
      <c r="J55443" s="1" t="s">
        <v>186463</v>
      </c>
    </row>
    <row r="55444" spans="1:10" x14ac:dyDescent="0.35">
      <c r="A55444" s="1" t="s">
        <v>27958</v>
      </c>
      <c r="B55444" s="1" t="s">
        <v>182761</v>
      </c>
      <c r="C55444" s="1" t="s">
        <v>20</v>
      </c>
      <c r="D55444" s="1" t="s">
        <v>118748</v>
      </c>
      <c r="E55444" s="1" t="s">
        <v>186464</v>
      </c>
      <c r="F55444" s="1" t="s">
        <v>186465</v>
      </c>
      <c r="G55444" s="1" t="s">
        <v>186459</v>
      </c>
      <c r="H55444" s="1" t="s">
        <v>186460</v>
      </c>
      <c r="I55444" s="1" t="s">
        <v>182766</v>
      </c>
      <c r="J55444" s="1" t="s">
        <v>186466</v>
      </c>
    </row>
    <row r="55445" spans="1:10" x14ac:dyDescent="0.35">
      <c r="A55445" s="1" t="s">
        <v>27958</v>
      </c>
      <c r="B55445" s="1" t="s">
        <v>182761</v>
      </c>
      <c r="C55445" s="1" t="s">
        <v>25</v>
      </c>
      <c r="D55445" s="1" t="s">
        <v>186467</v>
      </c>
      <c r="E55445" s="1" t="s">
        <v>186468</v>
      </c>
      <c r="F55445" s="1" t="s">
        <v>186469</v>
      </c>
      <c r="G55445" s="1" t="s">
        <v>186459</v>
      </c>
      <c r="H55445" s="1" t="s">
        <v>186460</v>
      </c>
      <c r="I55445" s="1" t="s">
        <v>182766</v>
      </c>
      <c r="J55445" s="1" t="s">
        <v>186470</v>
      </c>
    </row>
    <row r="55446" spans="1:10" x14ac:dyDescent="0.35">
      <c r="A55446" s="1" t="s">
        <v>27958</v>
      </c>
      <c r="B55446" s="1" t="s">
        <v>182761</v>
      </c>
      <c r="C55446" s="1" t="s">
        <v>30</v>
      </c>
      <c r="D55446" s="1" t="s">
        <v>48036</v>
      </c>
      <c r="E55446" s="1" t="s">
        <v>186471</v>
      </c>
      <c r="F55446" s="1" t="s">
        <v>186472</v>
      </c>
      <c r="G55446" s="1" t="s">
        <v>186459</v>
      </c>
      <c r="H55446" s="1" t="s">
        <v>186460</v>
      </c>
      <c r="I55446" s="1" t="s">
        <v>182766</v>
      </c>
      <c r="J55446" s="1" t="s">
        <v>186473</v>
      </c>
    </row>
    <row r="55447" spans="1:10" x14ac:dyDescent="0.35">
      <c r="A55447" s="1" t="s">
        <v>27958</v>
      </c>
      <c r="B55447" s="1" t="s">
        <v>182761</v>
      </c>
      <c r="C55447" s="1" t="s">
        <v>35</v>
      </c>
      <c r="D55447" s="1" t="s">
        <v>38285</v>
      </c>
      <c r="E55447" s="1" t="s">
        <v>186474</v>
      </c>
      <c r="F55447" s="1" t="s">
        <v>186475</v>
      </c>
      <c r="G55447" s="1" t="s">
        <v>186459</v>
      </c>
      <c r="H55447" s="1" t="s">
        <v>186460</v>
      </c>
      <c r="I55447" s="1" t="s">
        <v>182766</v>
      </c>
      <c r="J55447" s="1" t="s">
        <v>186476</v>
      </c>
    </row>
    <row r="55448" spans="1:10" x14ac:dyDescent="0.35">
      <c r="A55448" s="1" t="s">
        <v>27958</v>
      </c>
      <c r="B55448" s="1" t="s">
        <v>182761</v>
      </c>
      <c r="C55448" s="1" t="s">
        <v>40</v>
      </c>
      <c r="D55448" s="1" t="s">
        <v>43250</v>
      </c>
      <c r="E55448" s="1" t="s">
        <v>186477</v>
      </c>
      <c r="F55448" s="1" t="s">
        <v>186478</v>
      </c>
      <c r="G55448" s="1" t="s">
        <v>186459</v>
      </c>
      <c r="H55448" s="1" t="s">
        <v>186460</v>
      </c>
      <c r="I55448" s="1" t="s">
        <v>182766</v>
      </c>
      <c r="J55448" s="1" t="s">
        <v>186479</v>
      </c>
    </row>
    <row r="55449" spans="1:10" x14ac:dyDescent="0.35">
      <c r="A55449" s="1" t="s">
        <v>27958</v>
      </c>
      <c r="B55449" s="1" t="s">
        <v>182761</v>
      </c>
      <c r="C55449" s="1" t="s">
        <v>45</v>
      </c>
      <c r="D55449" s="1" t="s">
        <v>118325</v>
      </c>
      <c r="E55449" s="1" t="s">
        <v>186480</v>
      </c>
      <c r="F55449" s="1" t="s">
        <v>186481</v>
      </c>
      <c r="G55449" s="1" t="s">
        <v>186459</v>
      </c>
      <c r="H55449" s="1" t="s">
        <v>186460</v>
      </c>
      <c r="I55449" s="1" t="s">
        <v>182766</v>
      </c>
      <c r="J55449" s="1" t="s">
        <v>186482</v>
      </c>
    </row>
    <row r="55450" spans="1:10" x14ac:dyDescent="0.35">
      <c r="A55450" s="1" t="s">
        <v>27958</v>
      </c>
      <c r="B55450" s="1" t="s">
        <v>182761</v>
      </c>
      <c r="C55450" s="1" t="s">
        <v>50</v>
      </c>
      <c r="D55450" s="1" t="s">
        <v>186483</v>
      </c>
      <c r="E55450" s="1" t="s">
        <v>186484</v>
      </c>
      <c r="F55450" s="1" t="s">
        <v>186485</v>
      </c>
      <c r="G55450" s="1" t="s">
        <v>186459</v>
      </c>
      <c r="H55450" s="1" t="s">
        <v>186460</v>
      </c>
      <c r="I55450" s="1" t="s">
        <v>182766</v>
      </c>
      <c r="J55450" s="1" t="s">
        <v>186486</v>
      </c>
    </row>
    <row r="55451" spans="1:10" x14ac:dyDescent="0.35">
      <c r="A55451" s="1" t="s">
        <v>27958</v>
      </c>
      <c r="B55451" s="1" t="s">
        <v>182761</v>
      </c>
      <c r="C55451" s="1" t="s">
        <v>55</v>
      </c>
      <c r="D55451" s="1" t="s">
        <v>186487</v>
      </c>
      <c r="E55451" s="1" t="s">
        <v>186488</v>
      </c>
      <c r="F55451" s="1" t="s">
        <v>186489</v>
      </c>
      <c r="G55451" s="1" t="s">
        <v>186459</v>
      </c>
      <c r="H55451" s="1" t="s">
        <v>186460</v>
      </c>
      <c r="I55451" s="1" t="s">
        <v>182766</v>
      </c>
      <c r="J55451" s="1" t="s">
        <v>186490</v>
      </c>
    </row>
    <row r="55452" spans="1:10" x14ac:dyDescent="0.35">
      <c r="A55452" s="1" t="s">
        <v>27958</v>
      </c>
      <c r="B55452" s="1" t="s">
        <v>182761</v>
      </c>
      <c r="C55452" s="1" t="s">
        <v>60</v>
      </c>
      <c r="D55452" s="1" t="s">
        <v>116556</v>
      </c>
      <c r="E55452" s="1" t="s">
        <v>186491</v>
      </c>
      <c r="F55452" s="1" t="s">
        <v>186492</v>
      </c>
      <c r="G55452" s="1" t="s">
        <v>186459</v>
      </c>
      <c r="H55452" s="1" t="s">
        <v>186460</v>
      </c>
      <c r="I55452" s="1" t="s">
        <v>182766</v>
      </c>
      <c r="J55452" s="1" t="s">
        <v>186493</v>
      </c>
    </row>
    <row r="55453" spans="1:10" x14ac:dyDescent="0.35">
      <c r="A55453" s="1" t="s">
        <v>27958</v>
      </c>
      <c r="B55453" s="1" t="s">
        <v>182761</v>
      </c>
      <c r="C55453" s="1" t="s">
        <v>65</v>
      </c>
      <c r="D55453" s="1" t="s">
        <v>153248</v>
      </c>
      <c r="E55453" s="1" t="s">
        <v>186494</v>
      </c>
      <c r="F55453" s="1" t="s">
        <v>186495</v>
      </c>
      <c r="G55453" s="1" t="s">
        <v>186459</v>
      </c>
      <c r="H55453" s="1" t="s">
        <v>186460</v>
      </c>
      <c r="I55453" s="1" t="s">
        <v>182766</v>
      </c>
      <c r="J55453" s="1" t="s">
        <v>186496</v>
      </c>
    </row>
    <row r="55454" spans="1:10" x14ac:dyDescent="0.35">
      <c r="A55454" s="1" t="s">
        <v>27958</v>
      </c>
      <c r="B55454" s="1" t="s">
        <v>182761</v>
      </c>
      <c r="C55454" s="1" t="s">
        <v>70</v>
      </c>
      <c r="D55454" s="1" t="s">
        <v>142406</v>
      </c>
      <c r="E55454" s="1" t="s">
        <v>186497</v>
      </c>
      <c r="F55454" s="1" t="s">
        <v>186498</v>
      </c>
      <c r="G55454" s="1" t="s">
        <v>186459</v>
      </c>
      <c r="H55454" s="1" t="s">
        <v>186460</v>
      </c>
      <c r="I55454" s="1" t="s">
        <v>182766</v>
      </c>
      <c r="J55454" s="1" t="s">
        <v>186499</v>
      </c>
    </row>
    <row r="55455" spans="1:10" x14ac:dyDescent="0.35">
      <c r="A55455" s="1" t="s">
        <v>27958</v>
      </c>
      <c r="B55455" s="1" t="s">
        <v>182761</v>
      </c>
      <c r="C55455" s="1" t="s">
        <v>75</v>
      </c>
      <c r="D55455" s="1" t="s">
        <v>177018</v>
      </c>
      <c r="E55455" s="1" t="s">
        <v>186500</v>
      </c>
      <c r="F55455" s="1" t="s">
        <v>186501</v>
      </c>
      <c r="G55455" s="1" t="s">
        <v>186459</v>
      </c>
      <c r="H55455" s="1" t="s">
        <v>186460</v>
      </c>
      <c r="I55455" s="1" t="s">
        <v>182766</v>
      </c>
      <c r="J55455" s="1" t="s">
        <v>186502</v>
      </c>
    </row>
    <row r="55456" spans="1:10" x14ac:dyDescent="0.35">
      <c r="A55456" s="1" t="s">
        <v>27958</v>
      </c>
      <c r="B55456" s="1" t="s">
        <v>182761</v>
      </c>
      <c r="C55456" s="1" t="s">
        <v>80</v>
      </c>
      <c r="D55456" s="1" t="s">
        <v>96</v>
      </c>
      <c r="E55456" s="1" t="s">
        <v>186503</v>
      </c>
      <c r="F55456" s="1" t="s">
        <v>186504</v>
      </c>
      <c r="G55456" s="1" t="s">
        <v>186459</v>
      </c>
      <c r="H55456" s="1" t="s">
        <v>186460</v>
      </c>
      <c r="I55456" s="1" t="s">
        <v>182766</v>
      </c>
      <c r="J55456" s="1" t="s">
        <v>186505</v>
      </c>
    </row>
    <row r="55457" spans="1:10" x14ac:dyDescent="0.35">
      <c r="A55457" s="1" t="s">
        <v>27958</v>
      </c>
      <c r="B55457" s="1" t="s">
        <v>182761</v>
      </c>
      <c r="C55457" s="1" t="s">
        <v>85</v>
      </c>
      <c r="D55457" s="1" t="s">
        <v>73789</v>
      </c>
      <c r="E55457" s="1" t="s">
        <v>186506</v>
      </c>
      <c r="F55457" s="1" t="s">
        <v>186507</v>
      </c>
      <c r="G55457" s="1" t="s">
        <v>186459</v>
      </c>
      <c r="H55457" s="1" t="s">
        <v>186460</v>
      </c>
      <c r="I55457" s="1" t="s">
        <v>182766</v>
      </c>
      <c r="J55457" s="1" t="s">
        <v>186508</v>
      </c>
    </row>
    <row r="55458" spans="1:10" x14ac:dyDescent="0.35">
      <c r="A55458" s="1" t="s">
        <v>27958</v>
      </c>
      <c r="B55458" s="1" t="s">
        <v>182761</v>
      </c>
      <c r="C55458" s="1" t="s">
        <v>90</v>
      </c>
      <c r="D55458" s="1" t="s">
        <v>186509</v>
      </c>
      <c r="E55458" s="1" t="s">
        <v>186510</v>
      </c>
      <c r="F55458" s="1" t="s">
        <v>186511</v>
      </c>
      <c r="G55458" s="1" t="s">
        <v>186459</v>
      </c>
      <c r="H55458" s="1" t="s">
        <v>186460</v>
      </c>
      <c r="I55458" s="1" t="s">
        <v>182766</v>
      </c>
      <c r="J55458" s="1" t="s">
        <v>186512</v>
      </c>
    </row>
    <row r="55459" spans="1:10" x14ac:dyDescent="0.35">
      <c r="A55459" s="1" t="s">
        <v>27958</v>
      </c>
      <c r="B55459" s="1" t="s">
        <v>182761</v>
      </c>
      <c r="C55459" s="1" t="s">
        <v>95</v>
      </c>
      <c r="D55459" s="1" t="s">
        <v>50399</v>
      </c>
      <c r="E55459" s="1" t="s">
        <v>186513</v>
      </c>
      <c r="F55459" s="1" t="s">
        <v>186514</v>
      </c>
      <c r="G55459" s="1" t="s">
        <v>186459</v>
      </c>
      <c r="H55459" s="1" t="s">
        <v>186460</v>
      </c>
      <c r="I55459" s="1" t="s">
        <v>182766</v>
      </c>
      <c r="J55459" s="1" t="s">
        <v>186515</v>
      </c>
    </row>
    <row r="55460" spans="1:10" x14ac:dyDescent="0.35">
      <c r="A55460" s="1" t="s">
        <v>27958</v>
      </c>
      <c r="B55460" s="1" t="s">
        <v>182761</v>
      </c>
      <c r="C55460" s="1" t="s">
        <v>100</v>
      </c>
      <c r="D55460" s="1" t="s">
        <v>186516</v>
      </c>
      <c r="E55460" s="1" t="s">
        <v>186517</v>
      </c>
      <c r="F55460" s="1" t="s">
        <v>186518</v>
      </c>
      <c r="G55460" s="1" t="s">
        <v>186459</v>
      </c>
      <c r="H55460" s="1" t="s">
        <v>186460</v>
      </c>
      <c r="I55460" s="1" t="s">
        <v>182766</v>
      </c>
      <c r="J55460" s="1" t="s">
        <v>186519</v>
      </c>
    </row>
    <row r="55461" spans="1:10" x14ac:dyDescent="0.35">
      <c r="A55461" s="1" t="s">
        <v>27958</v>
      </c>
      <c r="B55461" s="1" t="s">
        <v>182761</v>
      </c>
      <c r="C55461" s="1" t="s">
        <v>105</v>
      </c>
      <c r="D55461" s="1" t="s">
        <v>920</v>
      </c>
      <c r="E55461" s="1" t="s">
        <v>186520</v>
      </c>
      <c r="F55461" s="1" t="s">
        <v>186521</v>
      </c>
      <c r="G55461" s="1" t="s">
        <v>186459</v>
      </c>
      <c r="H55461" s="1" t="s">
        <v>186460</v>
      </c>
      <c r="I55461" s="1" t="s">
        <v>182766</v>
      </c>
      <c r="J55461" s="1" t="s">
        <v>186522</v>
      </c>
    </row>
    <row r="55462" spans="1:10" x14ac:dyDescent="0.35">
      <c r="A55462" s="1" t="s">
        <v>27958</v>
      </c>
      <c r="B55462" s="1" t="s">
        <v>182761</v>
      </c>
      <c r="C55462" s="1" t="s">
        <v>110</v>
      </c>
      <c r="D55462" s="1" t="s">
        <v>186523</v>
      </c>
      <c r="E55462" s="1" t="s">
        <v>186524</v>
      </c>
      <c r="F55462" s="1" t="s">
        <v>186525</v>
      </c>
      <c r="G55462" s="1" t="s">
        <v>186459</v>
      </c>
      <c r="H55462" s="1" t="s">
        <v>186460</v>
      </c>
      <c r="I55462" s="1" t="s">
        <v>182766</v>
      </c>
      <c r="J55462" s="1" t="s">
        <v>186526</v>
      </c>
    </row>
    <row r="55463" spans="1:10" x14ac:dyDescent="0.35">
      <c r="A55463" s="1" t="s">
        <v>27958</v>
      </c>
      <c r="B55463" s="1" t="s">
        <v>182761</v>
      </c>
      <c r="C55463" s="1" t="s">
        <v>115</v>
      </c>
      <c r="D55463" s="1" t="s">
        <v>49716</v>
      </c>
      <c r="E55463" s="1" t="s">
        <v>186527</v>
      </c>
      <c r="F55463" s="1" t="s">
        <v>186528</v>
      </c>
      <c r="G55463" s="1" t="s">
        <v>186459</v>
      </c>
      <c r="H55463" s="1" t="s">
        <v>186460</v>
      </c>
      <c r="I55463" s="1" t="s">
        <v>182766</v>
      </c>
      <c r="J55463" s="1" t="s">
        <v>186529</v>
      </c>
    </row>
    <row r="55464" spans="1:10" x14ac:dyDescent="0.35">
      <c r="A55464" s="1" t="s">
        <v>27958</v>
      </c>
      <c r="B55464" s="1" t="s">
        <v>182761</v>
      </c>
      <c r="C55464" s="1" t="s">
        <v>120</v>
      </c>
      <c r="D55464" s="1" t="s">
        <v>186530</v>
      </c>
      <c r="E55464" s="1" t="s">
        <v>186531</v>
      </c>
      <c r="F55464" s="1" t="s">
        <v>186532</v>
      </c>
      <c r="G55464" s="1" t="s">
        <v>186459</v>
      </c>
      <c r="H55464" s="1" t="s">
        <v>186460</v>
      </c>
      <c r="I55464" s="1" t="s">
        <v>182766</v>
      </c>
      <c r="J55464" s="1" t="s">
        <v>186533</v>
      </c>
    </row>
    <row r="55465" spans="1:10" x14ac:dyDescent="0.35">
      <c r="A55465" s="1" t="s">
        <v>27958</v>
      </c>
      <c r="B55465" s="1" t="s">
        <v>182761</v>
      </c>
      <c r="C55465" s="1" t="s">
        <v>125</v>
      </c>
      <c r="D55465" s="1" t="s">
        <v>186534</v>
      </c>
      <c r="E55465" s="1" t="s">
        <v>186535</v>
      </c>
      <c r="F55465" s="1" t="s">
        <v>186536</v>
      </c>
      <c r="G55465" s="1" t="s">
        <v>186459</v>
      </c>
      <c r="H55465" s="1" t="s">
        <v>186460</v>
      </c>
      <c r="I55465" s="1" t="s">
        <v>182766</v>
      </c>
      <c r="J55465" s="1" t="s">
        <v>186537</v>
      </c>
    </row>
    <row r="55466" spans="1:10" x14ac:dyDescent="0.35">
      <c r="A55466" s="1" t="s">
        <v>27958</v>
      </c>
      <c r="B55466" s="1" t="s">
        <v>182761</v>
      </c>
      <c r="C55466" s="1" t="s">
        <v>130</v>
      </c>
      <c r="D55466" s="1" t="s">
        <v>180834</v>
      </c>
      <c r="E55466" s="1" t="s">
        <v>186538</v>
      </c>
      <c r="F55466" s="1" t="s">
        <v>186539</v>
      </c>
      <c r="G55466" s="1" t="s">
        <v>186459</v>
      </c>
      <c r="H55466" s="1" t="s">
        <v>186460</v>
      </c>
      <c r="I55466" s="1" t="s">
        <v>182766</v>
      </c>
      <c r="J55466" s="1" t="s">
        <v>186540</v>
      </c>
    </row>
    <row r="55467" spans="1:10" x14ac:dyDescent="0.35">
      <c r="A55467" s="1" t="s">
        <v>27958</v>
      </c>
      <c r="B55467" s="1" t="s">
        <v>182761</v>
      </c>
      <c r="C55467" s="1" t="s">
        <v>135</v>
      </c>
      <c r="D55467" s="1" t="s">
        <v>125893</v>
      </c>
      <c r="E55467" s="1" t="s">
        <v>186541</v>
      </c>
      <c r="F55467" s="1" t="s">
        <v>186542</v>
      </c>
      <c r="G55467" s="1" t="s">
        <v>186459</v>
      </c>
      <c r="H55467" s="1" t="s">
        <v>186460</v>
      </c>
      <c r="I55467" s="1" t="s">
        <v>182766</v>
      </c>
      <c r="J55467" s="1" t="s">
        <v>186543</v>
      </c>
    </row>
    <row r="55468" spans="1:10" x14ac:dyDescent="0.35">
      <c r="A55468" s="1" t="s">
        <v>27958</v>
      </c>
      <c r="B55468" s="1" t="s">
        <v>182761</v>
      </c>
      <c r="C55468" s="1" t="s">
        <v>140</v>
      </c>
      <c r="D55468" s="1" t="s">
        <v>174738</v>
      </c>
      <c r="E55468" s="1" t="s">
        <v>186544</v>
      </c>
      <c r="F55468" s="1" t="s">
        <v>186545</v>
      </c>
      <c r="G55468" s="1" t="s">
        <v>186459</v>
      </c>
      <c r="H55468" s="1" t="s">
        <v>186460</v>
      </c>
      <c r="I55468" s="1" t="s">
        <v>182766</v>
      </c>
      <c r="J55468" s="1" t="s">
        <v>186546</v>
      </c>
    </row>
    <row r="55469" spans="1:10" x14ac:dyDescent="0.35">
      <c r="A55469" s="1" t="s">
        <v>27958</v>
      </c>
      <c r="B55469" s="1" t="s">
        <v>182761</v>
      </c>
      <c r="C55469" s="1" t="s">
        <v>145</v>
      </c>
      <c r="D55469" s="1" t="s">
        <v>440</v>
      </c>
      <c r="E55469" s="1" t="s">
        <v>186547</v>
      </c>
      <c r="F55469" s="1" t="s">
        <v>186548</v>
      </c>
      <c r="G55469" s="1" t="s">
        <v>186459</v>
      </c>
      <c r="H55469" s="1" t="s">
        <v>186460</v>
      </c>
      <c r="I55469" s="1" t="s">
        <v>182766</v>
      </c>
      <c r="J55469" s="1" t="s">
        <v>186549</v>
      </c>
    </row>
    <row r="55470" spans="1:10" x14ac:dyDescent="0.35">
      <c r="A55470" s="1" t="s">
        <v>27958</v>
      </c>
      <c r="B55470" s="1" t="s">
        <v>182761</v>
      </c>
      <c r="C55470" s="1" t="s">
        <v>150</v>
      </c>
      <c r="D55470" s="1" t="s">
        <v>186550</v>
      </c>
      <c r="E55470" s="1" t="s">
        <v>186551</v>
      </c>
      <c r="F55470" s="1" t="s">
        <v>186552</v>
      </c>
      <c r="G55470" s="1" t="s">
        <v>186459</v>
      </c>
      <c r="H55470" s="1" t="s">
        <v>186460</v>
      </c>
      <c r="I55470" s="1" t="s">
        <v>182766</v>
      </c>
      <c r="J55470" s="1" t="s">
        <v>186553</v>
      </c>
    </row>
    <row r="55471" spans="1:10" x14ac:dyDescent="0.35">
      <c r="A55471" s="1" t="s">
        <v>27958</v>
      </c>
      <c r="B55471" s="1" t="s">
        <v>182761</v>
      </c>
      <c r="C55471" s="1" t="s">
        <v>155</v>
      </c>
      <c r="D55471" s="1" t="s">
        <v>186554</v>
      </c>
      <c r="E55471" s="1" t="s">
        <v>186555</v>
      </c>
      <c r="F55471" s="1" t="s">
        <v>186556</v>
      </c>
      <c r="G55471" s="1" t="s">
        <v>186459</v>
      </c>
      <c r="H55471" s="1" t="s">
        <v>186460</v>
      </c>
      <c r="I55471" s="1" t="s">
        <v>182766</v>
      </c>
      <c r="J55471" s="1" t="s">
        <v>186557</v>
      </c>
    </row>
    <row r="55472" spans="1:10" x14ac:dyDescent="0.35">
      <c r="A55472" s="1" t="s">
        <v>27958</v>
      </c>
      <c r="B55472" s="1" t="s">
        <v>182761</v>
      </c>
      <c r="C55472" s="1" t="s">
        <v>160</v>
      </c>
      <c r="D55472" s="1" t="s">
        <v>43044</v>
      </c>
      <c r="E55472" s="1" t="s">
        <v>186558</v>
      </c>
      <c r="F55472" s="1" t="s">
        <v>186559</v>
      </c>
      <c r="G55472" s="1" t="s">
        <v>186459</v>
      </c>
      <c r="H55472" s="1" t="s">
        <v>186460</v>
      </c>
      <c r="I55472" s="1" t="s">
        <v>182766</v>
      </c>
      <c r="J55472" s="1" t="s">
        <v>186560</v>
      </c>
    </row>
    <row r="55473" spans="1:10" x14ac:dyDescent="0.35">
      <c r="A55473" s="1" t="s">
        <v>27958</v>
      </c>
      <c r="B55473" s="1" t="s">
        <v>182761</v>
      </c>
      <c r="C55473" s="1" t="s">
        <v>165</v>
      </c>
      <c r="D55473" s="1" t="s">
        <v>173394</v>
      </c>
      <c r="E55473" s="1" t="s">
        <v>186561</v>
      </c>
      <c r="F55473" s="1" t="s">
        <v>186562</v>
      </c>
      <c r="G55473" s="1" t="s">
        <v>186459</v>
      </c>
      <c r="H55473" s="1" t="s">
        <v>186460</v>
      </c>
      <c r="I55473" s="1" t="s">
        <v>182766</v>
      </c>
      <c r="J55473" s="1" t="s">
        <v>186563</v>
      </c>
    </row>
    <row r="55474" spans="1:10" x14ac:dyDescent="0.35">
      <c r="A55474" s="1" t="s">
        <v>27958</v>
      </c>
      <c r="B55474" s="1" t="s">
        <v>182761</v>
      </c>
      <c r="C55474" s="1" t="s">
        <v>170</v>
      </c>
      <c r="D55474" s="1" t="s">
        <v>186564</v>
      </c>
      <c r="E55474" s="1" t="s">
        <v>186565</v>
      </c>
      <c r="F55474" s="1" t="s">
        <v>186566</v>
      </c>
      <c r="G55474" s="1" t="s">
        <v>186459</v>
      </c>
      <c r="H55474" s="1" t="s">
        <v>186460</v>
      </c>
      <c r="I55474" s="1" t="s">
        <v>182766</v>
      </c>
      <c r="J55474" s="1" t="s">
        <v>186567</v>
      </c>
    </row>
    <row r="55475" spans="1:10" x14ac:dyDescent="0.35">
      <c r="A55475" s="1" t="s">
        <v>45240</v>
      </c>
      <c r="B55475" s="1" t="s">
        <v>182761</v>
      </c>
      <c r="C55475" s="1" t="s">
        <v>8</v>
      </c>
      <c r="D55475" s="1" t="s">
        <v>17482</v>
      </c>
      <c r="E55475" s="1" t="s">
        <v>186568</v>
      </c>
      <c r="F55475" s="1" t="s">
        <v>186569</v>
      </c>
      <c r="G55475" s="1" t="s">
        <v>186570</v>
      </c>
      <c r="H55475" s="1" t="s">
        <v>186571</v>
      </c>
      <c r="I55475" s="1" t="s">
        <v>182766</v>
      </c>
      <c r="J55475" s="1" t="s">
        <v>13</v>
      </c>
    </row>
    <row r="55476" spans="1:10" x14ac:dyDescent="0.35">
      <c r="A55476" s="1" t="s">
        <v>45240</v>
      </c>
      <c r="B55476" s="1" t="s">
        <v>182761</v>
      </c>
      <c r="C55476" s="1" t="s">
        <v>15</v>
      </c>
      <c r="D55476" s="1" t="s">
        <v>186572</v>
      </c>
      <c r="E55476" s="1" t="s">
        <v>186573</v>
      </c>
      <c r="F55476" s="1" t="s">
        <v>186574</v>
      </c>
      <c r="G55476" s="1" t="s">
        <v>186570</v>
      </c>
      <c r="H55476" s="1" t="s">
        <v>186571</v>
      </c>
      <c r="I55476" s="1" t="s">
        <v>182766</v>
      </c>
      <c r="J55476" s="1" t="s">
        <v>186575</v>
      </c>
    </row>
    <row r="55477" spans="1:10" x14ac:dyDescent="0.35">
      <c r="A55477" s="1" t="s">
        <v>45240</v>
      </c>
      <c r="B55477" s="1" t="s">
        <v>182761</v>
      </c>
      <c r="C55477" s="1" t="s">
        <v>20</v>
      </c>
      <c r="D55477" s="1" t="s">
        <v>186576</v>
      </c>
      <c r="E55477" s="1" t="s">
        <v>186577</v>
      </c>
      <c r="F55477" s="1" t="s">
        <v>186578</v>
      </c>
      <c r="G55477" s="1" t="s">
        <v>186570</v>
      </c>
      <c r="H55477" s="1" t="s">
        <v>186571</v>
      </c>
      <c r="I55477" s="1" t="s">
        <v>182766</v>
      </c>
      <c r="J55477" s="1" t="s">
        <v>186579</v>
      </c>
    </row>
    <row r="55478" spans="1:10" x14ac:dyDescent="0.35">
      <c r="A55478" s="1" t="s">
        <v>45240</v>
      </c>
      <c r="B55478" s="1" t="s">
        <v>182761</v>
      </c>
      <c r="C55478" s="1" t="s">
        <v>25</v>
      </c>
      <c r="D55478" s="1" t="s">
        <v>186516</v>
      </c>
      <c r="E55478" s="1" t="s">
        <v>186580</v>
      </c>
      <c r="F55478" s="1" t="s">
        <v>186581</v>
      </c>
      <c r="G55478" s="1" t="s">
        <v>186570</v>
      </c>
      <c r="H55478" s="1" t="s">
        <v>186571</v>
      </c>
      <c r="I55478" s="1" t="s">
        <v>182766</v>
      </c>
      <c r="J55478" s="1" t="s">
        <v>186582</v>
      </c>
    </row>
    <row r="55479" spans="1:10" x14ac:dyDescent="0.35">
      <c r="A55479" s="1" t="s">
        <v>45240</v>
      </c>
      <c r="B55479" s="1" t="s">
        <v>182761</v>
      </c>
      <c r="C55479" s="1" t="s">
        <v>30</v>
      </c>
      <c r="D55479" s="1" t="s">
        <v>186583</v>
      </c>
      <c r="E55479" s="1" t="s">
        <v>186584</v>
      </c>
      <c r="F55479" s="1" t="s">
        <v>186585</v>
      </c>
      <c r="G55479" s="1" t="s">
        <v>186570</v>
      </c>
      <c r="H55479" s="1" t="s">
        <v>186571</v>
      </c>
      <c r="I55479" s="1" t="s">
        <v>182766</v>
      </c>
      <c r="J55479" s="1" t="s">
        <v>186586</v>
      </c>
    </row>
    <row r="55480" spans="1:10" x14ac:dyDescent="0.35">
      <c r="A55480" s="1" t="s">
        <v>45240</v>
      </c>
      <c r="B55480" s="1" t="s">
        <v>182761</v>
      </c>
      <c r="C55480" s="1" t="s">
        <v>35</v>
      </c>
      <c r="D55480" s="1" t="s">
        <v>181341</v>
      </c>
      <c r="E55480" s="1" t="s">
        <v>186587</v>
      </c>
      <c r="F55480" s="1" t="s">
        <v>186588</v>
      </c>
      <c r="G55480" s="1" t="s">
        <v>186570</v>
      </c>
      <c r="H55480" s="1" t="s">
        <v>186571</v>
      </c>
      <c r="I55480" s="1" t="s">
        <v>182766</v>
      </c>
      <c r="J55480" s="1" t="s">
        <v>186589</v>
      </c>
    </row>
    <row r="55481" spans="1:10" x14ac:dyDescent="0.35">
      <c r="A55481" s="1" t="s">
        <v>45240</v>
      </c>
      <c r="B55481" s="1" t="s">
        <v>182761</v>
      </c>
      <c r="C55481" s="1" t="s">
        <v>40</v>
      </c>
      <c r="D55481" s="1" t="s">
        <v>72659</v>
      </c>
      <c r="E55481" s="1" t="s">
        <v>186590</v>
      </c>
      <c r="F55481" s="1" t="s">
        <v>186591</v>
      </c>
      <c r="G55481" s="1" t="s">
        <v>186570</v>
      </c>
      <c r="H55481" s="1" t="s">
        <v>186571</v>
      </c>
      <c r="I55481" s="1" t="s">
        <v>182766</v>
      </c>
      <c r="J55481" s="1" t="s">
        <v>186592</v>
      </c>
    </row>
    <row r="55482" spans="1:10" x14ac:dyDescent="0.35">
      <c r="A55482" s="1" t="s">
        <v>45240</v>
      </c>
      <c r="B55482" s="1" t="s">
        <v>182761</v>
      </c>
      <c r="C55482" s="1" t="s">
        <v>45</v>
      </c>
      <c r="D55482" s="1" t="s">
        <v>149674</v>
      </c>
      <c r="E55482" s="1" t="s">
        <v>186593</v>
      </c>
      <c r="F55482" s="1" t="s">
        <v>186594</v>
      </c>
      <c r="G55482" s="1" t="s">
        <v>186570</v>
      </c>
      <c r="H55482" s="1" t="s">
        <v>186571</v>
      </c>
      <c r="I55482" s="1" t="s">
        <v>182766</v>
      </c>
      <c r="J55482" s="1" t="s">
        <v>186595</v>
      </c>
    </row>
    <row r="55483" spans="1:10" x14ac:dyDescent="0.35">
      <c r="A55483" s="1" t="s">
        <v>45240</v>
      </c>
      <c r="B55483" s="1" t="s">
        <v>182761</v>
      </c>
      <c r="C55483" s="1" t="s">
        <v>50</v>
      </c>
      <c r="D55483" s="1" t="s">
        <v>173083</v>
      </c>
      <c r="E55483" s="1" t="s">
        <v>186596</v>
      </c>
      <c r="F55483" s="1" t="s">
        <v>186597</v>
      </c>
      <c r="G55483" s="1" t="s">
        <v>186570</v>
      </c>
      <c r="H55483" s="1" t="s">
        <v>186571</v>
      </c>
      <c r="I55483" s="1" t="s">
        <v>182766</v>
      </c>
      <c r="J55483" s="1" t="s">
        <v>186598</v>
      </c>
    </row>
    <row r="55484" spans="1:10" x14ac:dyDescent="0.35">
      <c r="A55484" s="1" t="s">
        <v>45240</v>
      </c>
      <c r="B55484" s="1" t="s">
        <v>182761</v>
      </c>
      <c r="C55484" s="1" t="s">
        <v>55</v>
      </c>
      <c r="D55484" s="1" t="s">
        <v>155513</v>
      </c>
      <c r="E55484" s="1" t="s">
        <v>186599</v>
      </c>
      <c r="F55484" s="1" t="s">
        <v>186600</v>
      </c>
      <c r="G55484" s="1" t="s">
        <v>186570</v>
      </c>
      <c r="H55484" s="1" t="s">
        <v>186571</v>
      </c>
      <c r="I55484" s="1" t="s">
        <v>182766</v>
      </c>
      <c r="J55484" s="1" t="s">
        <v>186601</v>
      </c>
    </row>
    <row r="55485" spans="1:10" x14ac:dyDescent="0.35">
      <c r="A55485" s="1" t="s">
        <v>45240</v>
      </c>
      <c r="B55485" s="1" t="s">
        <v>182761</v>
      </c>
      <c r="C55485" s="1" t="s">
        <v>60</v>
      </c>
      <c r="D55485" s="1" t="s">
        <v>46415</v>
      </c>
      <c r="E55485" s="1" t="s">
        <v>186602</v>
      </c>
      <c r="F55485" s="1" t="s">
        <v>186603</v>
      </c>
      <c r="G55485" s="1" t="s">
        <v>186570</v>
      </c>
      <c r="H55485" s="1" t="s">
        <v>186571</v>
      </c>
      <c r="I55485" s="1" t="s">
        <v>182766</v>
      </c>
      <c r="J55485" s="1" t="s">
        <v>186604</v>
      </c>
    </row>
    <row r="55486" spans="1:10" x14ac:dyDescent="0.35">
      <c r="A55486" s="1" t="s">
        <v>45240</v>
      </c>
      <c r="B55486" s="1" t="s">
        <v>182761</v>
      </c>
      <c r="C55486" s="1" t="s">
        <v>65</v>
      </c>
      <c r="D55486" s="1" t="s">
        <v>17482</v>
      </c>
      <c r="E55486" s="1" t="s">
        <v>186605</v>
      </c>
      <c r="F55486" s="1" t="s">
        <v>186606</v>
      </c>
      <c r="G55486" s="1" t="s">
        <v>186570</v>
      </c>
      <c r="H55486" s="1" t="s">
        <v>186571</v>
      </c>
      <c r="I55486" s="1" t="s">
        <v>182766</v>
      </c>
      <c r="J55486" s="1" t="s">
        <v>186607</v>
      </c>
    </row>
    <row r="55487" spans="1:10" x14ac:dyDescent="0.35">
      <c r="A55487" s="1" t="s">
        <v>45240</v>
      </c>
      <c r="B55487" s="1" t="s">
        <v>182761</v>
      </c>
      <c r="C55487" s="1" t="s">
        <v>70</v>
      </c>
      <c r="D55487" s="1" t="s">
        <v>185626</v>
      </c>
      <c r="E55487" s="1" t="s">
        <v>186608</v>
      </c>
      <c r="F55487" s="1" t="s">
        <v>186609</v>
      </c>
      <c r="G55487" s="1" t="s">
        <v>186570</v>
      </c>
      <c r="H55487" s="1" t="s">
        <v>186571</v>
      </c>
      <c r="I55487" s="1" t="s">
        <v>182766</v>
      </c>
      <c r="J55487" s="1" t="s">
        <v>186610</v>
      </c>
    </row>
    <row r="55488" spans="1:10" x14ac:dyDescent="0.35">
      <c r="A55488" s="1" t="s">
        <v>45240</v>
      </c>
      <c r="B55488" s="1" t="s">
        <v>182761</v>
      </c>
      <c r="C55488" s="1" t="s">
        <v>75</v>
      </c>
      <c r="D55488" s="1" t="s">
        <v>3324</v>
      </c>
      <c r="E55488" s="1" t="s">
        <v>186611</v>
      </c>
      <c r="F55488" s="1" t="s">
        <v>186612</v>
      </c>
      <c r="G55488" s="1" t="s">
        <v>186570</v>
      </c>
      <c r="H55488" s="1" t="s">
        <v>186571</v>
      </c>
      <c r="I55488" s="1" t="s">
        <v>182766</v>
      </c>
      <c r="J55488" s="1" t="s">
        <v>186613</v>
      </c>
    </row>
    <row r="55489" spans="1:10" x14ac:dyDescent="0.35">
      <c r="A55489" s="1" t="s">
        <v>45240</v>
      </c>
      <c r="B55489" s="1" t="s">
        <v>182761</v>
      </c>
      <c r="C55489" s="1" t="s">
        <v>80</v>
      </c>
      <c r="D55489" s="1" t="s">
        <v>59494</v>
      </c>
      <c r="E55489" s="1" t="s">
        <v>186614</v>
      </c>
      <c r="F55489" s="1" t="s">
        <v>186615</v>
      </c>
      <c r="G55489" s="1" t="s">
        <v>186570</v>
      </c>
      <c r="H55489" s="1" t="s">
        <v>186571</v>
      </c>
      <c r="I55489" s="1" t="s">
        <v>182766</v>
      </c>
      <c r="J55489" s="1" t="s">
        <v>186616</v>
      </c>
    </row>
    <row r="55490" spans="1:10" x14ac:dyDescent="0.35">
      <c r="A55490" s="1" t="s">
        <v>45240</v>
      </c>
      <c r="B55490" s="1" t="s">
        <v>182761</v>
      </c>
      <c r="C55490" s="1" t="s">
        <v>85</v>
      </c>
      <c r="D55490" s="1" t="s">
        <v>133576</v>
      </c>
      <c r="E55490" s="1" t="s">
        <v>186617</v>
      </c>
      <c r="F55490" s="1" t="s">
        <v>186618</v>
      </c>
      <c r="G55490" s="1" t="s">
        <v>186570</v>
      </c>
      <c r="H55490" s="1" t="s">
        <v>186571</v>
      </c>
      <c r="I55490" s="1" t="s">
        <v>182766</v>
      </c>
      <c r="J55490" s="1" t="s">
        <v>186619</v>
      </c>
    </row>
    <row r="55491" spans="1:10" x14ac:dyDescent="0.35">
      <c r="A55491" s="1" t="s">
        <v>45240</v>
      </c>
      <c r="B55491" s="1" t="s">
        <v>182761</v>
      </c>
      <c r="C55491" s="1" t="s">
        <v>90</v>
      </c>
      <c r="D55491" s="1" t="s">
        <v>12463</v>
      </c>
      <c r="E55491" s="1" t="s">
        <v>186620</v>
      </c>
      <c r="F55491" s="1" t="s">
        <v>186621</v>
      </c>
      <c r="G55491" s="1" t="s">
        <v>186570</v>
      </c>
      <c r="H55491" s="1" t="s">
        <v>186571</v>
      </c>
      <c r="I55491" s="1" t="s">
        <v>182766</v>
      </c>
      <c r="J55491" s="1" t="s">
        <v>186622</v>
      </c>
    </row>
    <row r="55492" spans="1:10" x14ac:dyDescent="0.35">
      <c r="A55492" s="1" t="s">
        <v>45240</v>
      </c>
      <c r="B55492" s="1" t="s">
        <v>182761</v>
      </c>
      <c r="C55492" s="1" t="s">
        <v>95</v>
      </c>
      <c r="D55492" s="1" t="s">
        <v>186623</v>
      </c>
      <c r="E55492" s="1" t="s">
        <v>186624</v>
      </c>
      <c r="F55492" s="1" t="s">
        <v>186625</v>
      </c>
      <c r="G55492" s="1" t="s">
        <v>186570</v>
      </c>
      <c r="H55492" s="1" t="s">
        <v>186571</v>
      </c>
      <c r="I55492" s="1" t="s">
        <v>182766</v>
      </c>
      <c r="J55492" s="1" t="s">
        <v>186626</v>
      </c>
    </row>
    <row r="55493" spans="1:10" x14ac:dyDescent="0.35">
      <c r="A55493" s="1" t="s">
        <v>45240</v>
      </c>
      <c r="B55493" s="1" t="s">
        <v>182761</v>
      </c>
      <c r="C55493" s="1" t="s">
        <v>100</v>
      </c>
      <c r="D55493" s="1" t="s">
        <v>186627</v>
      </c>
      <c r="E55493" s="1" t="s">
        <v>186628</v>
      </c>
      <c r="F55493" s="1" t="s">
        <v>186629</v>
      </c>
      <c r="G55493" s="1" t="s">
        <v>186570</v>
      </c>
      <c r="H55493" s="1" t="s">
        <v>186571</v>
      </c>
      <c r="I55493" s="1" t="s">
        <v>182766</v>
      </c>
      <c r="J55493" s="1" t="s">
        <v>186630</v>
      </c>
    </row>
    <row r="55494" spans="1:10" x14ac:dyDescent="0.35">
      <c r="A55494" s="1" t="s">
        <v>45240</v>
      </c>
      <c r="B55494" s="1" t="s">
        <v>182761</v>
      </c>
      <c r="C55494" s="1" t="s">
        <v>105</v>
      </c>
      <c r="D55494" s="1" t="s">
        <v>12487</v>
      </c>
      <c r="E55494" s="1" t="s">
        <v>186631</v>
      </c>
      <c r="F55494" s="1" t="s">
        <v>186632</v>
      </c>
      <c r="G55494" s="1" t="s">
        <v>186570</v>
      </c>
      <c r="H55494" s="1" t="s">
        <v>186571</v>
      </c>
      <c r="I55494" s="1" t="s">
        <v>182766</v>
      </c>
      <c r="J55494" s="1" t="s">
        <v>186633</v>
      </c>
    </row>
    <row r="55495" spans="1:10" x14ac:dyDescent="0.35">
      <c r="A55495" s="1" t="s">
        <v>45240</v>
      </c>
      <c r="B55495" s="1" t="s">
        <v>182761</v>
      </c>
      <c r="C55495" s="1" t="s">
        <v>110</v>
      </c>
      <c r="D55495" s="1" t="s">
        <v>186634</v>
      </c>
      <c r="E55495" s="1" t="s">
        <v>186635</v>
      </c>
      <c r="F55495" s="1" t="s">
        <v>186636</v>
      </c>
      <c r="G55495" s="1" t="s">
        <v>186570</v>
      </c>
      <c r="H55495" s="1" t="s">
        <v>186571</v>
      </c>
      <c r="I55495" s="1" t="s">
        <v>182766</v>
      </c>
      <c r="J55495" s="1" t="s">
        <v>186637</v>
      </c>
    </row>
    <row r="55496" spans="1:10" x14ac:dyDescent="0.35">
      <c r="A55496" s="1" t="s">
        <v>45240</v>
      </c>
      <c r="B55496" s="1" t="s">
        <v>182761</v>
      </c>
      <c r="C55496" s="1" t="s">
        <v>115</v>
      </c>
      <c r="D55496" s="1" t="s">
        <v>186638</v>
      </c>
      <c r="E55496" s="1" t="s">
        <v>186639</v>
      </c>
      <c r="F55496" s="1" t="s">
        <v>186640</v>
      </c>
      <c r="G55496" s="1" t="s">
        <v>186570</v>
      </c>
      <c r="H55496" s="1" t="s">
        <v>186571</v>
      </c>
      <c r="I55496" s="1" t="s">
        <v>182766</v>
      </c>
      <c r="J55496" s="1" t="s">
        <v>186641</v>
      </c>
    </row>
    <row r="55497" spans="1:10" x14ac:dyDescent="0.35">
      <c r="A55497" s="1" t="s">
        <v>45240</v>
      </c>
      <c r="B55497" s="1" t="s">
        <v>182761</v>
      </c>
      <c r="C55497" s="1" t="s">
        <v>120</v>
      </c>
      <c r="D55497" s="1" t="s">
        <v>2718</v>
      </c>
      <c r="E55497" s="1" t="s">
        <v>186642</v>
      </c>
      <c r="F55497" s="1" t="s">
        <v>186643</v>
      </c>
      <c r="G55497" s="1" t="s">
        <v>186570</v>
      </c>
      <c r="H55497" s="1" t="s">
        <v>186571</v>
      </c>
      <c r="I55497" s="1" t="s">
        <v>182766</v>
      </c>
      <c r="J55497" s="1" t="s">
        <v>186644</v>
      </c>
    </row>
    <row r="55498" spans="1:10" x14ac:dyDescent="0.35">
      <c r="A55498" s="1" t="s">
        <v>45240</v>
      </c>
      <c r="B55498" s="1" t="s">
        <v>182761</v>
      </c>
      <c r="C55498" s="1" t="s">
        <v>125</v>
      </c>
      <c r="D55498" s="1" t="s">
        <v>186645</v>
      </c>
      <c r="E55498" s="1" t="s">
        <v>186646</v>
      </c>
      <c r="F55498" s="1" t="s">
        <v>186647</v>
      </c>
      <c r="G55498" s="1" t="s">
        <v>186570</v>
      </c>
      <c r="H55498" s="1" t="s">
        <v>186571</v>
      </c>
      <c r="I55498" s="1" t="s">
        <v>182766</v>
      </c>
      <c r="J55498" s="1" t="s">
        <v>186648</v>
      </c>
    </row>
    <row r="55499" spans="1:10" x14ac:dyDescent="0.35">
      <c r="A55499" s="1" t="s">
        <v>45240</v>
      </c>
      <c r="B55499" s="1" t="s">
        <v>182761</v>
      </c>
      <c r="C55499" s="1" t="s">
        <v>130</v>
      </c>
      <c r="D55499" s="1" t="s">
        <v>139837</v>
      </c>
      <c r="E55499" s="1" t="s">
        <v>186649</v>
      </c>
      <c r="F55499" s="1" t="s">
        <v>186650</v>
      </c>
      <c r="G55499" s="1" t="s">
        <v>186570</v>
      </c>
      <c r="H55499" s="1" t="s">
        <v>186571</v>
      </c>
      <c r="I55499" s="1" t="s">
        <v>182766</v>
      </c>
      <c r="J55499" s="1" t="s">
        <v>186651</v>
      </c>
    </row>
    <row r="55500" spans="1:10" x14ac:dyDescent="0.35">
      <c r="A55500" s="1" t="s">
        <v>45240</v>
      </c>
      <c r="B55500" s="1" t="s">
        <v>182761</v>
      </c>
      <c r="C55500" s="1" t="s">
        <v>135</v>
      </c>
      <c r="D55500" s="1" t="s">
        <v>69077</v>
      </c>
      <c r="E55500" s="1" t="s">
        <v>186652</v>
      </c>
      <c r="F55500" s="1" t="s">
        <v>186653</v>
      </c>
      <c r="G55500" s="1" t="s">
        <v>186570</v>
      </c>
      <c r="H55500" s="1" t="s">
        <v>186571</v>
      </c>
      <c r="I55500" s="1" t="s">
        <v>182766</v>
      </c>
      <c r="J55500" s="1" t="s">
        <v>186654</v>
      </c>
    </row>
    <row r="55501" spans="1:10" x14ac:dyDescent="0.35">
      <c r="A55501" s="1" t="s">
        <v>45240</v>
      </c>
      <c r="B55501" s="1" t="s">
        <v>182761</v>
      </c>
      <c r="C55501" s="1" t="s">
        <v>140</v>
      </c>
      <c r="D55501" s="1" t="s">
        <v>91385</v>
      </c>
      <c r="E55501" s="1" t="s">
        <v>186655</v>
      </c>
      <c r="F55501" s="1" t="s">
        <v>186656</v>
      </c>
      <c r="G55501" s="1" t="s">
        <v>186570</v>
      </c>
      <c r="H55501" s="1" t="s">
        <v>186571</v>
      </c>
      <c r="I55501" s="1" t="s">
        <v>182766</v>
      </c>
      <c r="J55501" s="1" t="s">
        <v>186657</v>
      </c>
    </row>
    <row r="55502" spans="1:10" x14ac:dyDescent="0.35">
      <c r="A55502" s="1" t="s">
        <v>45240</v>
      </c>
      <c r="B55502" s="1" t="s">
        <v>182761</v>
      </c>
      <c r="C55502" s="1" t="s">
        <v>145</v>
      </c>
      <c r="D55502" s="1" t="s">
        <v>21394</v>
      </c>
      <c r="E55502" s="1" t="s">
        <v>186658</v>
      </c>
      <c r="F55502" s="1" t="s">
        <v>186659</v>
      </c>
      <c r="G55502" s="1" t="s">
        <v>186570</v>
      </c>
      <c r="H55502" s="1" t="s">
        <v>186571</v>
      </c>
      <c r="I55502" s="1" t="s">
        <v>182766</v>
      </c>
      <c r="J55502" s="1" t="s">
        <v>186660</v>
      </c>
    </row>
    <row r="55503" spans="1:10" x14ac:dyDescent="0.35">
      <c r="A55503" s="1" t="s">
        <v>45240</v>
      </c>
      <c r="B55503" s="1" t="s">
        <v>182761</v>
      </c>
      <c r="C55503" s="1" t="s">
        <v>150</v>
      </c>
      <c r="D55503" s="1" t="s">
        <v>186661</v>
      </c>
      <c r="E55503" s="1" t="s">
        <v>186662</v>
      </c>
      <c r="F55503" s="1" t="s">
        <v>186663</v>
      </c>
      <c r="G55503" s="1" t="s">
        <v>186570</v>
      </c>
      <c r="H55503" s="1" t="s">
        <v>186571</v>
      </c>
      <c r="I55503" s="1" t="s">
        <v>182766</v>
      </c>
      <c r="J55503" s="1" t="s">
        <v>186664</v>
      </c>
    </row>
    <row r="55504" spans="1:10" x14ac:dyDescent="0.35">
      <c r="A55504" s="1" t="s">
        <v>45240</v>
      </c>
      <c r="B55504" s="1" t="s">
        <v>182761</v>
      </c>
      <c r="C55504" s="1" t="s">
        <v>155</v>
      </c>
      <c r="D55504" s="1" t="s">
        <v>69441</v>
      </c>
      <c r="E55504" s="1" t="s">
        <v>186665</v>
      </c>
      <c r="F55504" s="1" t="s">
        <v>186666</v>
      </c>
      <c r="G55504" s="1" t="s">
        <v>186570</v>
      </c>
      <c r="H55504" s="1" t="s">
        <v>186571</v>
      </c>
      <c r="I55504" s="1" t="s">
        <v>182766</v>
      </c>
      <c r="J55504" s="1" t="s">
        <v>186667</v>
      </c>
    </row>
    <row r="55505" spans="1:10" x14ac:dyDescent="0.35">
      <c r="A55505" s="1" t="s">
        <v>45240</v>
      </c>
      <c r="B55505" s="1" t="s">
        <v>182761</v>
      </c>
      <c r="C55505" s="1" t="s">
        <v>160</v>
      </c>
      <c r="D55505" s="1" t="s">
        <v>186668</v>
      </c>
      <c r="E55505" s="1" t="s">
        <v>186669</v>
      </c>
      <c r="F55505" s="1" t="s">
        <v>186670</v>
      </c>
      <c r="G55505" s="1" t="s">
        <v>186570</v>
      </c>
      <c r="H55505" s="1" t="s">
        <v>186571</v>
      </c>
      <c r="I55505" s="1" t="s">
        <v>182766</v>
      </c>
      <c r="J55505" s="1" t="s">
        <v>186671</v>
      </c>
    </row>
    <row r="55506" spans="1:10" x14ac:dyDescent="0.35">
      <c r="A55506" s="1" t="s">
        <v>45240</v>
      </c>
      <c r="B55506" s="1" t="s">
        <v>182761</v>
      </c>
      <c r="C55506" s="1" t="s">
        <v>165</v>
      </c>
      <c r="D55506" s="1" t="s">
        <v>78972</v>
      </c>
      <c r="E55506" s="1" t="s">
        <v>186672</v>
      </c>
      <c r="F55506" s="1" t="s">
        <v>186673</v>
      </c>
      <c r="G55506" s="1" t="s">
        <v>186570</v>
      </c>
      <c r="H55506" s="1" t="s">
        <v>186571</v>
      </c>
      <c r="I55506" s="1" t="s">
        <v>182766</v>
      </c>
      <c r="J55506" s="1" t="s">
        <v>186674</v>
      </c>
    </row>
    <row r="55507" spans="1:10" x14ac:dyDescent="0.35">
      <c r="A55507" s="1" t="s">
        <v>45240</v>
      </c>
      <c r="B55507" s="1" t="s">
        <v>182761</v>
      </c>
      <c r="C55507" s="1" t="s">
        <v>170</v>
      </c>
      <c r="D55507" s="1" t="s">
        <v>140864</v>
      </c>
      <c r="E55507" s="1" t="s">
        <v>186675</v>
      </c>
      <c r="F55507" s="1" t="s">
        <v>186676</v>
      </c>
      <c r="G55507" s="1" t="s">
        <v>186570</v>
      </c>
      <c r="H55507" s="1" t="s">
        <v>186571</v>
      </c>
      <c r="I55507" s="1" t="s">
        <v>182766</v>
      </c>
      <c r="J55507" s="1" t="s">
        <v>186677</v>
      </c>
    </row>
    <row r="55508" spans="1:10" x14ac:dyDescent="0.35">
      <c r="A55508" s="1" t="s">
        <v>120026</v>
      </c>
      <c r="B55508" s="1" t="s">
        <v>182761</v>
      </c>
      <c r="C55508" s="1" t="s">
        <v>8</v>
      </c>
      <c r="D55508" s="1" t="s">
        <v>45793</v>
      </c>
      <c r="E55508" s="1" t="s">
        <v>186678</v>
      </c>
      <c r="F55508" s="1" t="s">
        <v>186679</v>
      </c>
      <c r="G55508" s="1" t="s">
        <v>186680</v>
      </c>
      <c r="H55508" s="1" t="s">
        <v>186681</v>
      </c>
      <c r="I55508" s="1" t="s">
        <v>182766</v>
      </c>
      <c r="J55508" s="1" t="s">
        <v>13</v>
      </c>
    </row>
    <row r="55509" spans="1:10" x14ac:dyDescent="0.35">
      <c r="A55509" s="1" t="s">
        <v>120026</v>
      </c>
      <c r="B55509" s="1" t="s">
        <v>182761</v>
      </c>
      <c r="C55509" s="1" t="s">
        <v>15</v>
      </c>
      <c r="D55509" s="1" t="s">
        <v>186682</v>
      </c>
      <c r="E55509" s="1" t="s">
        <v>186683</v>
      </c>
      <c r="F55509" s="1" t="s">
        <v>186684</v>
      </c>
      <c r="G55509" s="1" t="s">
        <v>186680</v>
      </c>
      <c r="H55509" s="1" t="s">
        <v>186681</v>
      </c>
      <c r="I55509" s="1" t="s">
        <v>182766</v>
      </c>
      <c r="J55509" s="1" t="s">
        <v>186685</v>
      </c>
    </row>
    <row r="55510" spans="1:10" x14ac:dyDescent="0.35">
      <c r="A55510" s="1" t="s">
        <v>120026</v>
      </c>
      <c r="B55510" s="1" t="s">
        <v>182761</v>
      </c>
      <c r="C55510" s="1" t="s">
        <v>20</v>
      </c>
      <c r="D55510" s="1" t="s">
        <v>126369</v>
      </c>
      <c r="E55510" s="1" t="s">
        <v>186686</v>
      </c>
      <c r="F55510" s="1" t="s">
        <v>186687</v>
      </c>
      <c r="G55510" s="1" t="s">
        <v>186680</v>
      </c>
      <c r="H55510" s="1" t="s">
        <v>186681</v>
      </c>
      <c r="I55510" s="1" t="s">
        <v>182766</v>
      </c>
      <c r="J55510" s="1" t="s">
        <v>186688</v>
      </c>
    </row>
    <row r="55511" spans="1:10" x14ac:dyDescent="0.35">
      <c r="A55511" s="1" t="s">
        <v>120026</v>
      </c>
      <c r="B55511" s="1" t="s">
        <v>182761</v>
      </c>
      <c r="C55511" s="1" t="s">
        <v>25</v>
      </c>
      <c r="D55511" s="1" t="s">
        <v>5111</v>
      </c>
      <c r="E55511" s="1" t="s">
        <v>186689</v>
      </c>
      <c r="F55511" s="1" t="s">
        <v>186690</v>
      </c>
      <c r="G55511" s="1" t="s">
        <v>186680</v>
      </c>
      <c r="H55511" s="1" t="s">
        <v>186681</v>
      </c>
      <c r="I55511" s="1" t="s">
        <v>182766</v>
      </c>
      <c r="J55511" s="1" t="s">
        <v>186691</v>
      </c>
    </row>
    <row r="55512" spans="1:10" x14ac:dyDescent="0.35">
      <c r="A55512" s="1" t="s">
        <v>120026</v>
      </c>
      <c r="B55512" s="1" t="s">
        <v>182761</v>
      </c>
      <c r="C55512" s="1" t="s">
        <v>30</v>
      </c>
      <c r="D55512" s="1" t="s">
        <v>3623</v>
      </c>
      <c r="E55512" s="1" t="s">
        <v>186692</v>
      </c>
      <c r="F55512" s="1" t="s">
        <v>186693</v>
      </c>
      <c r="G55512" s="1" t="s">
        <v>186680</v>
      </c>
      <c r="H55512" s="1" t="s">
        <v>186681</v>
      </c>
      <c r="I55512" s="1" t="s">
        <v>182766</v>
      </c>
      <c r="J55512" s="1" t="s">
        <v>186694</v>
      </c>
    </row>
    <row r="55513" spans="1:10" x14ac:dyDescent="0.35">
      <c r="A55513" s="1" t="s">
        <v>120026</v>
      </c>
      <c r="B55513" s="1" t="s">
        <v>182761</v>
      </c>
      <c r="C55513" s="1" t="s">
        <v>35</v>
      </c>
      <c r="D55513" s="1" t="s">
        <v>186695</v>
      </c>
      <c r="E55513" s="1" t="s">
        <v>186696</v>
      </c>
      <c r="F55513" s="1" t="s">
        <v>186697</v>
      </c>
      <c r="G55513" s="1" t="s">
        <v>186680</v>
      </c>
      <c r="H55513" s="1" t="s">
        <v>186681</v>
      </c>
      <c r="I55513" s="1" t="s">
        <v>182766</v>
      </c>
      <c r="J55513" s="1" t="s">
        <v>186698</v>
      </c>
    </row>
    <row r="55514" spans="1:10" x14ac:dyDescent="0.35">
      <c r="A55514" s="1" t="s">
        <v>120026</v>
      </c>
      <c r="B55514" s="1" t="s">
        <v>182761</v>
      </c>
      <c r="C55514" s="1" t="s">
        <v>40</v>
      </c>
      <c r="D55514" s="1" t="s">
        <v>186699</v>
      </c>
      <c r="E55514" s="1" t="s">
        <v>186700</v>
      </c>
      <c r="F55514" s="1" t="s">
        <v>186701</v>
      </c>
      <c r="G55514" s="1" t="s">
        <v>186680</v>
      </c>
      <c r="H55514" s="1" t="s">
        <v>186681</v>
      </c>
      <c r="I55514" s="1" t="s">
        <v>182766</v>
      </c>
      <c r="J55514" s="1" t="s">
        <v>186702</v>
      </c>
    </row>
    <row r="55515" spans="1:10" x14ac:dyDescent="0.35">
      <c r="A55515" s="1" t="s">
        <v>120026</v>
      </c>
      <c r="B55515" s="1" t="s">
        <v>182761</v>
      </c>
      <c r="C55515" s="1" t="s">
        <v>45</v>
      </c>
      <c r="D55515" s="1" t="s">
        <v>50544</v>
      </c>
      <c r="E55515" s="1" t="s">
        <v>186703</v>
      </c>
      <c r="F55515" s="1" t="s">
        <v>186704</v>
      </c>
      <c r="G55515" s="1" t="s">
        <v>186680</v>
      </c>
      <c r="H55515" s="1" t="s">
        <v>186681</v>
      </c>
      <c r="I55515" s="1" t="s">
        <v>182766</v>
      </c>
      <c r="J55515" s="1" t="s">
        <v>186705</v>
      </c>
    </row>
    <row r="55516" spans="1:10" x14ac:dyDescent="0.35">
      <c r="A55516" s="1" t="s">
        <v>120026</v>
      </c>
      <c r="B55516" s="1" t="s">
        <v>182761</v>
      </c>
      <c r="C55516" s="1" t="s">
        <v>50</v>
      </c>
      <c r="D55516" s="1" t="s">
        <v>182615</v>
      </c>
      <c r="E55516" s="1" t="s">
        <v>186706</v>
      </c>
      <c r="F55516" s="1" t="s">
        <v>186707</v>
      </c>
      <c r="G55516" s="1" t="s">
        <v>186680</v>
      </c>
      <c r="H55516" s="1" t="s">
        <v>186681</v>
      </c>
      <c r="I55516" s="1" t="s">
        <v>182766</v>
      </c>
      <c r="J55516" s="1" t="s">
        <v>186708</v>
      </c>
    </row>
    <row r="55517" spans="1:10" x14ac:dyDescent="0.35">
      <c r="A55517" s="1" t="s">
        <v>120026</v>
      </c>
      <c r="B55517" s="1" t="s">
        <v>182761</v>
      </c>
      <c r="C55517" s="1" t="s">
        <v>55</v>
      </c>
      <c r="D55517" s="1" t="s">
        <v>126143</v>
      </c>
      <c r="E55517" s="1" t="s">
        <v>186709</v>
      </c>
      <c r="F55517" s="1" t="s">
        <v>186710</v>
      </c>
      <c r="G55517" s="1" t="s">
        <v>186680</v>
      </c>
      <c r="H55517" s="1" t="s">
        <v>186681</v>
      </c>
      <c r="I55517" s="1" t="s">
        <v>182766</v>
      </c>
      <c r="J55517" s="1" t="s">
        <v>186711</v>
      </c>
    </row>
    <row r="55518" spans="1:10" x14ac:dyDescent="0.35">
      <c r="A55518" s="1" t="s">
        <v>120026</v>
      </c>
      <c r="B55518" s="1" t="s">
        <v>182761</v>
      </c>
      <c r="C55518" s="1" t="s">
        <v>60</v>
      </c>
      <c r="D55518" s="1" t="s">
        <v>14271</v>
      </c>
      <c r="E55518" s="1" t="s">
        <v>186712</v>
      </c>
      <c r="F55518" s="1" t="s">
        <v>186713</v>
      </c>
      <c r="G55518" s="1" t="s">
        <v>186680</v>
      </c>
      <c r="H55518" s="1" t="s">
        <v>186681</v>
      </c>
      <c r="I55518" s="1" t="s">
        <v>182766</v>
      </c>
      <c r="J55518" s="1" t="s">
        <v>186714</v>
      </c>
    </row>
    <row r="55519" spans="1:10" x14ac:dyDescent="0.35">
      <c r="A55519" s="1" t="s">
        <v>120026</v>
      </c>
      <c r="B55519" s="1" t="s">
        <v>182761</v>
      </c>
      <c r="C55519" s="1" t="s">
        <v>65</v>
      </c>
      <c r="D55519" s="1" t="s">
        <v>32125</v>
      </c>
      <c r="E55519" s="1" t="s">
        <v>186715</v>
      </c>
      <c r="F55519" s="1" t="s">
        <v>186716</v>
      </c>
      <c r="G55519" s="1" t="s">
        <v>186680</v>
      </c>
      <c r="H55519" s="1" t="s">
        <v>186681</v>
      </c>
      <c r="I55519" s="1" t="s">
        <v>182766</v>
      </c>
      <c r="J55519" s="1" t="s">
        <v>186717</v>
      </c>
    </row>
    <row r="55520" spans="1:10" x14ac:dyDescent="0.35">
      <c r="A55520" s="1" t="s">
        <v>120026</v>
      </c>
      <c r="B55520" s="1" t="s">
        <v>182761</v>
      </c>
      <c r="C55520" s="1" t="s">
        <v>70</v>
      </c>
      <c r="D55520" s="1" t="s">
        <v>13500</v>
      </c>
      <c r="E55520" s="1" t="s">
        <v>186718</v>
      </c>
      <c r="F55520" s="1" t="s">
        <v>186719</v>
      </c>
      <c r="G55520" s="1" t="s">
        <v>186680</v>
      </c>
      <c r="H55520" s="1" t="s">
        <v>186681</v>
      </c>
      <c r="I55520" s="1" t="s">
        <v>182766</v>
      </c>
      <c r="J55520" s="1" t="s">
        <v>186720</v>
      </c>
    </row>
    <row r="55521" spans="1:10" x14ac:dyDescent="0.35">
      <c r="A55521" s="1" t="s">
        <v>120026</v>
      </c>
      <c r="B55521" s="1" t="s">
        <v>182761</v>
      </c>
      <c r="C55521" s="1" t="s">
        <v>75</v>
      </c>
      <c r="D55521" s="1" t="s">
        <v>186721</v>
      </c>
      <c r="E55521" s="1" t="s">
        <v>186722</v>
      </c>
      <c r="F55521" s="1" t="s">
        <v>186723</v>
      </c>
      <c r="G55521" s="1" t="s">
        <v>186680</v>
      </c>
      <c r="H55521" s="1" t="s">
        <v>186681</v>
      </c>
      <c r="I55521" s="1" t="s">
        <v>182766</v>
      </c>
      <c r="J55521" s="1" t="s">
        <v>186724</v>
      </c>
    </row>
    <row r="55522" spans="1:10" x14ac:dyDescent="0.35">
      <c r="A55522" s="1" t="s">
        <v>120026</v>
      </c>
      <c r="B55522" s="1" t="s">
        <v>182761</v>
      </c>
      <c r="C55522" s="1" t="s">
        <v>80</v>
      </c>
      <c r="D55522" s="1" t="s">
        <v>186725</v>
      </c>
      <c r="E55522" s="1" t="s">
        <v>186726</v>
      </c>
      <c r="F55522" s="1" t="s">
        <v>186727</v>
      </c>
      <c r="G55522" s="1" t="s">
        <v>186680</v>
      </c>
      <c r="H55522" s="1" t="s">
        <v>186681</v>
      </c>
      <c r="I55522" s="1" t="s">
        <v>182766</v>
      </c>
      <c r="J55522" s="1" t="s">
        <v>186728</v>
      </c>
    </row>
    <row r="55523" spans="1:10" x14ac:dyDescent="0.35">
      <c r="A55523" s="1" t="s">
        <v>120026</v>
      </c>
      <c r="B55523" s="1" t="s">
        <v>182761</v>
      </c>
      <c r="C55523" s="1" t="s">
        <v>85</v>
      </c>
      <c r="D55523" s="1" t="s">
        <v>186729</v>
      </c>
      <c r="E55523" s="1" t="s">
        <v>186730</v>
      </c>
      <c r="F55523" s="1" t="s">
        <v>186731</v>
      </c>
      <c r="G55523" s="1" t="s">
        <v>186680</v>
      </c>
      <c r="H55523" s="1" t="s">
        <v>186681</v>
      </c>
      <c r="I55523" s="1" t="s">
        <v>182766</v>
      </c>
      <c r="J55523" s="1" t="s">
        <v>186732</v>
      </c>
    </row>
    <row r="55524" spans="1:10" x14ac:dyDescent="0.35">
      <c r="A55524" s="1" t="s">
        <v>120026</v>
      </c>
      <c r="B55524" s="1" t="s">
        <v>182761</v>
      </c>
      <c r="C55524" s="1" t="s">
        <v>90</v>
      </c>
      <c r="D55524" s="1" t="s">
        <v>186733</v>
      </c>
      <c r="E55524" s="1" t="s">
        <v>186734</v>
      </c>
      <c r="F55524" s="1" t="s">
        <v>186735</v>
      </c>
      <c r="G55524" s="1" t="s">
        <v>186680</v>
      </c>
      <c r="H55524" s="1" t="s">
        <v>186681</v>
      </c>
      <c r="I55524" s="1" t="s">
        <v>182766</v>
      </c>
      <c r="J55524" s="1" t="s">
        <v>186736</v>
      </c>
    </row>
    <row r="55525" spans="1:10" x14ac:dyDescent="0.35">
      <c r="A55525" s="1" t="s">
        <v>120026</v>
      </c>
      <c r="B55525" s="1" t="s">
        <v>182761</v>
      </c>
      <c r="C55525" s="1" t="s">
        <v>95</v>
      </c>
      <c r="D55525" s="1" t="s">
        <v>30577</v>
      </c>
      <c r="E55525" s="1" t="s">
        <v>186737</v>
      </c>
      <c r="F55525" s="1" t="s">
        <v>186738</v>
      </c>
      <c r="G55525" s="1" t="s">
        <v>186680</v>
      </c>
      <c r="H55525" s="1" t="s">
        <v>186681</v>
      </c>
      <c r="I55525" s="1" t="s">
        <v>182766</v>
      </c>
      <c r="J55525" s="1" t="s">
        <v>186739</v>
      </c>
    </row>
    <row r="55526" spans="1:10" x14ac:dyDescent="0.35">
      <c r="A55526" s="1" t="s">
        <v>120026</v>
      </c>
      <c r="B55526" s="1" t="s">
        <v>182761</v>
      </c>
      <c r="C55526" s="1" t="s">
        <v>100</v>
      </c>
      <c r="D55526" s="1" t="s">
        <v>186740</v>
      </c>
      <c r="E55526" s="1" t="s">
        <v>186741</v>
      </c>
      <c r="F55526" s="1" t="s">
        <v>186742</v>
      </c>
      <c r="G55526" s="1" t="s">
        <v>186680</v>
      </c>
      <c r="H55526" s="1" t="s">
        <v>186681</v>
      </c>
      <c r="I55526" s="1" t="s">
        <v>182766</v>
      </c>
      <c r="J55526" s="1" t="s">
        <v>186743</v>
      </c>
    </row>
    <row r="55527" spans="1:10" x14ac:dyDescent="0.35">
      <c r="A55527" s="1" t="s">
        <v>120026</v>
      </c>
      <c r="B55527" s="1" t="s">
        <v>182761</v>
      </c>
      <c r="C55527" s="1" t="s">
        <v>105</v>
      </c>
      <c r="D55527" s="1" t="s">
        <v>186744</v>
      </c>
      <c r="E55527" s="1" t="s">
        <v>186745</v>
      </c>
      <c r="F55527" s="1" t="s">
        <v>186746</v>
      </c>
      <c r="G55527" s="1" t="s">
        <v>186680</v>
      </c>
      <c r="H55527" s="1" t="s">
        <v>186681</v>
      </c>
      <c r="I55527" s="1" t="s">
        <v>182766</v>
      </c>
      <c r="J55527" s="1" t="s">
        <v>186747</v>
      </c>
    </row>
    <row r="55528" spans="1:10" x14ac:dyDescent="0.35">
      <c r="A55528" s="1" t="s">
        <v>120026</v>
      </c>
      <c r="B55528" s="1" t="s">
        <v>182761</v>
      </c>
      <c r="C55528" s="1" t="s">
        <v>110</v>
      </c>
      <c r="D55528" s="1" t="s">
        <v>183245</v>
      </c>
      <c r="E55528" s="1" t="s">
        <v>186748</v>
      </c>
      <c r="F55528" s="1" t="s">
        <v>186749</v>
      </c>
      <c r="G55528" s="1" t="s">
        <v>186680</v>
      </c>
      <c r="H55528" s="1" t="s">
        <v>186681</v>
      </c>
      <c r="I55528" s="1" t="s">
        <v>182766</v>
      </c>
      <c r="J55528" s="1" t="s">
        <v>186750</v>
      </c>
    </row>
    <row r="55529" spans="1:10" x14ac:dyDescent="0.35">
      <c r="A55529" s="1" t="s">
        <v>120026</v>
      </c>
      <c r="B55529" s="1" t="s">
        <v>182761</v>
      </c>
      <c r="C55529" s="1" t="s">
        <v>115</v>
      </c>
      <c r="D55529" s="1" t="s">
        <v>19151</v>
      </c>
      <c r="E55529" s="1" t="s">
        <v>186751</v>
      </c>
      <c r="F55529" s="1" t="s">
        <v>186752</v>
      </c>
      <c r="G55529" s="1" t="s">
        <v>186680</v>
      </c>
      <c r="H55529" s="1" t="s">
        <v>186681</v>
      </c>
      <c r="I55529" s="1" t="s">
        <v>182766</v>
      </c>
      <c r="J55529" s="1" t="s">
        <v>186753</v>
      </c>
    </row>
    <row r="55530" spans="1:10" x14ac:dyDescent="0.35">
      <c r="A55530" s="1" t="s">
        <v>120026</v>
      </c>
      <c r="B55530" s="1" t="s">
        <v>182761</v>
      </c>
      <c r="C55530" s="1" t="s">
        <v>120</v>
      </c>
      <c r="D55530" s="1" t="s">
        <v>186754</v>
      </c>
      <c r="E55530" s="1" t="s">
        <v>186755</v>
      </c>
      <c r="F55530" s="1" t="s">
        <v>186756</v>
      </c>
      <c r="G55530" s="1" t="s">
        <v>186680</v>
      </c>
      <c r="H55530" s="1" t="s">
        <v>186681</v>
      </c>
      <c r="I55530" s="1" t="s">
        <v>182766</v>
      </c>
      <c r="J55530" s="1" t="s">
        <v>186757</v>
      </c>
    </row>
    <row r="55531" spans="1:10" x14ac:dyDescent="0.35">
      <c r="A55531" s="1" t="s">
        <v>120026</v>
      </c>
      <c r="B55531" s="1" t="s">
        <v>182761</v>
      </c>
      <c r="C55531" s="1" t="s">
        <v>125</v>
      </c>
      <c r="D55531" s="1" t="s">
        <v>175684</v>
      </c>
      <c r="E55531" s="1" t="s">
        <v>186758</v>
      </c>
      <c r="F55531" s="1" t="s">
        <v>186759</v>
      </c>
      <c r="G55531" s="1" t="s">
        <v>186680</v>
      </c>
      <c r="H55531" s="1" t="s">
        <v>186681</v>
      </c>
      <c r="I55531" s="1" t="s">
        <v>182766</v>
      </c>
      <c r="J55531" s="1" t="s">
        <v>186760</v>
      </c>
    </row>
    <row r="55532" spans="1:10" x14ac:dyDescent="0.35">
      <c r="A55532" s="1" t="s">
        <v>120026</v>
      </c>
      <c r="B55532" s="1" t="s">
        <v>182761</v>
      </c>
      <c r="C55532" s="1" t="s">
        <v>130</v>
      </c>
      <c r="D55532" s="1" t="s">
        <v>186761</v>
      </c>
      <c r="E55532" s="1" t="s">
        <v>186762</v>
      </c>
      <c r="F55532" s="1" t="s">
        <v>186763</v>
      </c>
      <c r="G55532" s="1" t="s">
        <v>186680</v>
      </c>
      <c r="H55532" s="1" t="s">
        <v>186681</v>
      </c>
      <c r="I55532" s="1" t="s">
        <v>182766</v>
      </c>
      <c r="J55532" s="1" t="s">
        <v>186764</v>
      </c>
    </row>
    <row r="55533" spans="1:10" x14ac:dyDescent="0.35">
      <c r="A55533" s="1" t="s">
        <v>120026</v>
      </c>
      <c r="B55533" s="1" t="s">
        <v>182761</v>
      </c>
      <c r="C55533" s="1" t="s">
        <v>135</v>
      </c>
      <c r="D55533" s="1" t="s">
        <v>108836</v>
      </c>
      <c r="E55533" s="1" t="s">
        <v>186765</v>
      </c>
      <c r="F55533" s="1" t="s">
        <v>186766</v>
      </c>
      <c r="G55533" s="1" t="s">
        <v>186680</v>
      </c>
      <c r="H55533" s="1" t="s">
        <v>186681</v>
      </c>
      <c r="I55533" s="1" t="s">
        <v>182766</v>
      </c>
      <c r="J55533" s="1" t="s">
        <v>186767</v>
      </c>
    </row>
    <row r="55534" spans="1:10" x14ac:dyDescent="0.35">
      <c r="A55534" s="1" t="s">
        <v>120026</v>
      </c>
      <c r="B55534" s="1" t="s">
        <v>182761</v>
      </c>
      <c r="C55534" s="1" t="s">
        <v>140</v>
      </c>
      <c r="D55534" s="1" t="s">
        <v>186768</v>
      </c>
      <c r="E55534" s="1" t="s">
        <v>186769</v>
      </c>
      <c r="F55534" s="1" t="s">
        <v>186770</v>
      </c>
      <c r="G55534" s="1" t="s">
        <v>186680</v>
      </c>
      <c r="H55534" s="1" t="s">
        <v>186681</v>
      </c>
      <c r="I55534" s="1" t="s">
        <v>182766</v>
      </c>
      <c r="J55534" s="1" t="s">
        <v>186771</v>
      </c>
    </row>
    <row r="55535" spans="1:10" x14ac:dyDescent="0.35">
      <c r="A55535" s="1" t="s">
        <v>120026</v>
      </c>
      <c r="B55535" s="1" t="s">
        <v>182761</v>
      </c>
      <c r="C55535" s="1" t="s">
        <v>145</v>
      </c>
      <c r="D55535" s="1" t="s">
        <v>99534</v>
      </c>
      <c r="E55535" s="1" t="s">
        <v>186772</v>
      </c>
      <c r="F55535" s="1" t="s">
        <v>186773</v>
      </c>
      <c r="G55535" s="1" t="s">
        <v>186680</v>
      </c>
      <c r="H55535" s="1" t="s">
        <v>186681</v>
      </c>
      <c r="I55535" s="1" t="s">
        <v>182766</v>
      </c>
      <c r="J55535" s="1" t="s">
        <v>186774</v>
      </c>
    </row>
    <row r="55536" spans="1:10" x14ac:dyDescent="0.35">
      <c r="A55536" s="1" t="s">
        <v>120026</v>
      </c>
      <c r="B55536" s="1" t="s">
        <v>182761</v>
      </c>
      <c r="C55536" s="1" t="s">
        <v>150</v>
      </c>
      <c r="D55536" s="1" t="s">
        <v>53112</v>
      </c>
      <c r="E55536" s="1" t="s">
        <v>186775</v>
      </c>
      <c r="F55536" s="1" t="s">
        <v>186776</v>
      </c>
      <c r="G55536" s="1" t="s">
        <v>186680</v>
      </c>
      <c r="H55536" s="1" t="s">
        <v>186681</v>
      </c>
      <c r="I55536" s="1" t="s">
        <v>182766</v>
      </c>
      <c r="J55536" s="1" t="s">
        <v>186777</v>
      </c>
    </row>
    <row r="55537" spans="1:10" x14ac:dyDescent="0.35">
      <c r="A55537" s="1" t="s">
        <v>120026</v>
      </c>
      <c r="B55537" s="1" t="s">
        <v>182761</v>
      </c>
      <c r="C55537" s="1" t="s">
        <v>155</v>
      </c>
      <c r="D55537" s="1" t="s">
        <v>80388</v>
      </c>
      <c r="E55537" s="1" t="s">
        <v>186778</v>
      </c>
      <c r="F55537" s="1" t="s">
        <v>186779</v>
      </c>
      <c r="G55537" s="1" t="s">
        <v>186680</v>
      </c>
      <c r="H55537" s="1" t="s">
        <v>186681</v>
      </c>
      <c r="I55537" s="1" t="s">
        <v>182766</v>
      </c>
      <c r="J55537" s="1" t="s">
        <v>186780</v>
      </c>
    </row>
    <row r="55538" spans="1:10" x14ac:dyDescent="0.35">
      <c r="A55538" s="1" t="s">
        <v>120026</v>
      </c>
      <c r="B55538" s="1" t="s">
        <v>182761</v>
      </c>
      <c r="C55538" s="1" t="s">
        <v>160</v>
      </c>
      <c r="D55538" s="1" t="s">
        <v>59373</v>
      </c>
      <c r="E55538" s="1" t="s">
        <v>186781</v>
      </c>
      <c r="F55538" s="1" t="s">
        <v>186782</v>
      </c>
      <c r="G55538" s="1" t="s">
        <v>186680</v>
      </c>
      <c r="H55538" s="1" t="s">
        <v>186681</v>
      </c>
      <c r="I55538" s="1" t="s">
        <v>182766</v>
      </c>
      <c r="J55538" s="1" t="s">
        <v>186783</v>
      </c>
    </row>
    <row r="55539" spans="1:10" x14ac:dyDescent="0.35">
      <c r="A55539" s="1" t="s">
        <v>120026</v>
      </c>
      <c r="B55539" s="1" t="s">
        <v>182761</v>
      </c>
      <c r="C55539" s="1" t="s">
        <v>165</v>
      </c>
      <c r="D55539" s="1" t="s">
        <v>183050</v>
      </c>
      <c r="E55539" s="1" t="s">
        <v>186784</v>
      </c>
      <c r="F55539" s="1" t="s">
        <v>186785</v>
      </c>
      <c r="G55539" s="1" t="s">
        <v>186680</v>
      </c>
      <c r="H55539" s="1" t="s">
        <v>186681</v>
      </c>
      <c r="I55539" s="1" t="s">
        <v>182766</v>
      </c>
      <c r="J55539" s="1" t="s">
        <v>186786</v>
      </c>
    </row>
    <row r="55540" spans="1:10" x14ac:dyDescent="0.35">
      <c r="A55540" s="1" t="s">
        <v>120026</v>
      </c>
      <c r="B55540" s="1" t="s">
        <v>182761</v>
      </c>
      <c r="C55540" s="1" t="s">
        <v>170</v>
      </c>
      <c r="D55540" s="1" t="s">
        <v>178887</v>
      </c>
      <c r="E55540" s="1" t="s">
        <v>186787</v>
      </c>
      <c r="F55540" s="1" t="s">
        <v>186788</v>
      </c>
      <c r="G55540" s="1" t="s">
        <v>186680</v>
      </c>
      <c r="H55540" s="1" t="s">
        <v>186681</v>
      </c>
      <c r="I55540" s="1" t="s">
        <v>182766</v>
      </c>
      <c r="J55540" s="1" t="s">
        <v>186789</v>
      </c>
    </row>
    <row r="55541" spans="1:10" x14ac:dyDescent="0.35">
      <c r="A55541" s="1" t="s">
        <v>27977</v>
      </c>
      <c r="B55541" s="1" t="s">
        <v>182761</v>
      </c>
      <c r="C55541" s="1" t="s">
        <v>8</v>
      </c>
      <c r="D55541" s="1" t="s">
        <v>169468</v>
      </c>
      <c r="E55541" s="1" t="s">
        <v>186790</v>
      </c>
      <c r="F55541" s="1" t="s">
        <v>186791</v>
      </c>
      <c r="G55541" s="1" t="s">
        <v>186792</v>
      </c>
      <c r="H55541" s="1" t="s">
        <v>186793</v>
      </c>
      <c r="I55541" s="1" t="s">
        <v>182766</v>
      </c>
      <c r="J55541" s="1" t="s">
        <v>13</v>
      </c>
    </row>
    <row r="55542" spans="1:10" x14ac:dyDescent="0.35">
      <c r="A55542" s="1" t="s">
        <v>27977</v>
      </c>
      <c r="B55542" s="1" t="s">
        <v>182761</v>
      </c>
      <c r="C55542" s="1" t="s">
        <v>15</v>
      </c>
      <c r="D55542" s="1" t="s">
        <v>186794</v>
      </c>
      <c r="E55542" s="1" t="s">
        <v>186795</v>
      </c>
      <c r="F55542" s="1" t="s">
        <v>186796</v>
      </c>
      <c r="G55542" s="1" t="s">
        <v>186792</v>
      </c>
      <c r="H55542" s="1" t="s">
        <v>186793</v>
      </c>
      <c r="I55542" s="1" t="s">
        <v>182766</v>
      </c>
      <c r="J55542" s="1" t="s">
        <v>186797</v>
      </c>
    </row>
    <row r="55543" spans="1:10" x14ac:dyDescent="0.35">
      <c r="A55543" s="1" t="s">
        <v>27977</v>
      </c>
      <c r="B55543" s="1" t="s">
        <v>182761</v>
      </c>
      <c r="C55543" s="1" t="s">
        <v>20</v>
      </c>
      <c r="D55543" s="1" t="s">
        <v>168883</v>
      </c>
      <c r="E55543" s="1" t="s">
        <v>186798</v>
      </c>
      <c r="F55543" s="1" t="s">
        <v>186799</v>
      </c>
      <c r="G55543" s="1" t="s">
        <v>186792</v>
      </c>
      <c r="H55543" s="1" t="s">
        <v>186793</v>
      </c>
      <c r="I55543" s="1" t="s">
        <v>182766</v>
      </c>
      <c r="J55543" s="1" t="s">
        <v>186800</v>
      </c>
    </row>
    <row r="55544" spans="1:10" x14ac:dyDescent="0.35">
      <c r="A55544" s="1" t="s">
        <v>27977</v>
      </c>
      <c r="B55544" s="1" t="s">
        <v>182761</v>
      </c>
      <c r="C55544" s="1" t="s">
        <v>25</v>
      </c>
      <c r="D55544" s="1" t="s">
        <v>10346</v>
      </c>
      <c r="E55544" s="1" t="s">
        <v>186801</v>
      </c>
      <c r="F55544" s="1" t="s">
        <v>186802</v>
      </c>
      <c r="G55544" s="1" t="s">
        <v>186792</v>
      </c>
      <c r="H55544" s="1" t="s">
        <v>186793</v>
      </c>
      <c r="I55544" s="1" t="s">
        <v>182766</v>
      </c>
      <c r="J55544" s="1" t="s">
        <v>186803</v>
      </c>
    </row>
    <row r="55545" spans="1:10" x14ac:dyDescent="0.35">
      <c r="A55545" s="1" t="s">
        <v>27977</v>
      </c>
      <c r="B55545" s="1" t="s">
        <v>182761</v>
      </c>
      <c r="C55545" s="1" t="s">
        <v>30</v>
      </c>
      <c r="D55545" s="1" t="s">
        <v>28314</v>
      </c>
      <c r="E55545" s="1" t="s">
        <v>186804</v>
      </c>
      <c r="F55545" s="1" t="s">
        <v>186805</v>
      </c>
      <c r="G55545" s="1" t="s">
        <v>186792</v>
      </c>
      <c r="H55545" s="1" t="s">
        <v>186793</v>
      </c>
      <c r="I55545" s="1" t="s">
        <v>182766</v>
      </c>
      <c r="J55545" s="1" t="s">
        <v>186806</v>
      </c>
    </row>
    <row r="55546" spans="1:10" x14ac:dyDescent="0.35">
      <c r="A55546" s="1" t="s">
        <v>27977</v>
      </c>
      <c r="B55546" s="1" t="s">
        <v>182761</v>
      </c>
      <c r="C55546" s="1" t="s">
        <v>35</v>
      </c>
      <c r="D55546" s="1" t="s">
        <v>25277</v>
      </c>
      <c r="E55546" s="1" t="s">
        <v>186807</v>
      </c>
      <c r="F55546" s="1" t="s">
        <v>186808</v>
      </c>
      <c r="G55546" s="1" t="s">
        <v>186792</v>
      </c>
      <c r="H55546" s="1" t="s">
        <v>186793</v>
      </c>
      <c r="I55546" s="1" t="s">
        <v>182766</v>
      </c>
      <c r="J55546" s="1" t="s">
        <v>186809</v>
      </c>
    </row>
    <row r="55547" spans="1:10" x14ac:dyDescent="0.35">
      <c r="A55547" s="1" t="s">
        <v>27977</v>
      </c>
      <c r="B55547" s="1" t="s">
        <v>182761</v>
      </c>
      <c r="C55547" s="1" t="s">
        <v>40</v>
      </c>
      <c r="D55547" s="1" t="s">
        <v>14576</v>
      </c>
      <c r="E55547" s="1" t="s">
        <v>186810</v>
      </c>
      <c r="F55547" s="1" t="s">
        <v>146615</v>
      </c>
      <c r="G55547" s="1" t="s">
        <v>186792</v>
      </c>
      <c r="H55547" s="1" t="s">
        <v>186793</v>
      </c>
      <c r="I55547" s="1" t="s">
        <v>182766</v>
      </c>
      <c r="J55547" s="1" t="s">
        <v>186811</v>
      </c>
    </row>
    <row r="55548" spans="1:10" x14ac:dyDescent="0.35">
      <c r="A55548" s="1" t="s">
        <v>27977</v>
      </c>
      <c r="B55548" s="1" t="s">
        <v>182761</v>
      </c>
      <c r="C55548" s="1" t="s">
        <v>45</v>
      </c>
      <c r="D55548" s="1" t="s">
        <v>118190</v>
      </c>
      <c r="E55548" s="1" t="s">
        <v>186812</v>
      </c>
      <c r="F55548" s="1" t="s">
        <v>186813</v>
      </c>
      <c r="G55548" s="1" t="s">
        <v>186792</v>
      </c>
      <c r="H55548" s="1" t="s">
        <v>186793</v>
      </c>
      <c r="I55548" s="1" t="s">
        <v>182766</v>
      </c>
      <c r="J55548" s="1" t="s">
        <v>186814</v>
      </c>
    </row>
    <row r="55549" spans="1:10" x14ac:dyDescent="0.35">
      <c r="A55549" s="1" t="s">
        <v>27977</v>
      </c>
      <c r="B55549" s="1" t="s">
        <v>182761</v>
      </c>
      <c r="C55549" s="1" t="s">
        <v>50</v>
      </c>
      <c r="D55549" s="1" t="s">
        <v>186815</v>
      </c>
      <c r="E55549" s="1" t="s">
        <v>186816</v>
      </c>
      <c r="F55549" s="1" t="s">
        <v>186817</v>
      </c>
      <c r="G55549" s="1" t="s">
        <v>186792</v>
      </c>
      <c r="H55549" s="1" t="s">
        <v>186793</v>
      </c>
      <c r="I55549" s="1" t="s">
        <v>182766</v>
      </c>
      <c r="J55549" s="1" t="s">
        <v>186818</v>
      </c>
    </row>
    <row r="55550" spans="1:10" x14ac:dyDescent="0.35">
      <c r="A55550" s="1" t="s">
        <v>27977</v>
      </c>
      <c r="B55550" s="1" t="s">
        <v>182761</v>
      </c>
      <c r="C55550" s="1" t="s">
        <v>55</v>
      </c>
      <c r="D55550" s="1" t="s">
        <v>186819</v>
      </c>
      <c r="E55550" s="1" t="s">
        <v>186820</v>
      </c>
      <c r="F55550" s="1" t="s">
        <v>186821</v>
      </c>
      <c r="G55550" s="1" t="s">
        <v>186792</v>
      </c>
      <c r="H55550" s="1" t="s">
        <v>186793</v>
      </c>
      <c r="I55550" s="1" t="s">
        <v>182766</v>
      </c>
      <c r="J55550" s="1" t="s">
        <v>186822</v>
      </c>
    </row>
    <row r="55551" spans="1:10" x14ac:dyDescent="0.35">
      <c r="A55551" s="1" t="s">
        <v>27977</v>
      </c>
      <c r="B55551" s="1" t="s">
        <v>182761</v>
      </c>
      <c r="C55551" s="1" t="s">
        <v>60</v>
      </c>
      <c r="D55551" s="1" t="s">
        <v>111154</v>
      </c>
      <c r="E55551" s="1" t="s">
        <v>186823</v>
      </c>
      <c r="F55551" s="1" t="s">
        <v>186824</v>
      </c>
      <c r="G55551" s="1" t="s">
        <v>186792</v>
      </c>
      <c r="H55551" s="1" t="s">
        <v>186793</v>
      </c>
      <c r="I55551" s="1" t="s">
        <v>182766</v>
      </c>
      <c r="J55551" s="1" t="s">
        <v>186825</v>
      </c>
    </row>
    <row r="55552" spans="1:10" x14ac:dyDescent="0.35">
      <c r="A55552" s="1" t="s">
        <v>27977</v>
      </c>
      <c r="B55552" s="1" t="s">
        <v>182761</v>
      </c>
      <c r="C55552" s="1" t="s">
        <v>65</v>
      </c>
      <c r="D55552" s="1" t="s">
        <v>186826</v>
      </c>
      <c r="E55552" s="1" t="s">
        <v>186827</v>
      </c>
      <c r="F55552" s="1" t="s">
        <v>186828</v>
      </c>
      <c r="G55552" s="1" t="s">
        <v>186792</v>
      </c>
      <c r="H55552" s="1" t="s">
        <v>186793</v>
      </c>
      <c r="I55552" s="1" t="s">
        <v>182766</v>
      </c>
      <c r="J55552" s="1" t="s">
        <v>186829</v>
      </c>
    </row>
    <row r="55553" spans="1:10" x14ac:dyDescent="0.35">
      <c r="A55553" s="1" t="s">
        <v>27977</v>
      </c>
      <c r="B55553" s="1" t="s">
        <v>182761</v>
      </c>
      <c r="C55553" s="1" t="s">
        <v>70</v>
      </c>
      <c r="D55553" s="1" t="s">
        <v>72369</v>
      </c>
      <c r="E55553" s="1" t="s">
        <v>186830</v>
      </c>
      <c r="F55553" s="1" t="s">
        <v>186831</v>
      </c>
      <c r="G55553" s="1" t="s">
        <v>186792</v>
      </c>
      <c r="H55553" s="1" t="s">
        <v>186793</v>
      </c>
      <c r="I55553" s="1" t="s">
        <v>182766</v>
      </c>
      <c r="J55553" s="1" t="s">
        <v>186832</v>
      </c>
    </row>
    <row r="55554" spans="1:10" x14ac:dyDescent="0.35">
      <c r="A55554" s="1" t="s">
        <v>27977</v>
      </c>
      <c r="B55554" s="1" t="s">
        <v>182761</v>
      </c>
      <c r="C55554" s="1" t="s">
        <v>75</v>
      </c>
      <c r="D55554" s="1" t="s">
        <v>186833</v>
      </c>
      <c r="E55554" s="1" t="s">
        <v>186834</v>
      </c>
      <c r="F55554" s="1" t="s">
        <v>186835</v>
      </c>
      <c r="G55554" s="1" t="s">
        <v>186792</v>
      </c>
      <c r="H55554" s="1" t="s">
        <v>186793</v>
      </c>
      <c r="I55554" s="1" t="s">
        <v>182766</v>
      </c>
      <c r="J55554" s="1" t="s">
        <v>186836</v>
      </c>
    </row>
    <row r="55555" spans="1:10" x14ac:dyDescent="0.35">
      <c r="A55555" s="1" t="s">
        <v>27977</v>
      </c>
      <c r="B55555" s="1" t="s">
        <v>182761</v>
      </c>
      <c r="C55555" s="1" t="s">
        <v>80</v>
      </c>
      <c r="D55555" s="1" t="s">
        <v>34336</v>
      </c>
      <c r="E55555" s="1" t="s">
        <v>186837</v>
      </c>
      <c r="F55555" s="1" t="s">
        <v>186838</v>
      </c>
      <c r="G55555" s="1" t="s">
        <v>186792</v>
      </c>
      <c r="H55555" s="1" t="s">
        <v>186793</v>
      </c>
      <c r="I55555" s="1" t="s">
        <v>182766</v>
      </c>
      <c r="J55555" s="1" t="s">
        <v>186839</v>
      </c>
    </row>
    <row r="55556" spans="1:10" x14ac:dyDescent="0.35">
      <c r="A55556" s="1" t="s">
        <v>27977</v>
      </c>
      <c r="B55556" s="1" t="s">
        <v>182761</v>
      </c>
      <c r="C55556" s="1" t="s">
        <v>85</v>
      </c>
      <c r="D55556" s="1" t="s">
        <v>186840</v>
      </c>
      <c r="E55556" s="1" t="s">
        <v>186841</v>
      </c>
      <c r="F55556" s="1" t="s">
        <v>186842</v>
      </c>
      <c r="G55556" s="1" t="s">
        <v>186792</v>
      </c>
      <c r="H55556" s="1" t="s">
        <v>186793</v>
      </c>
      <c r="I55556" s="1" t="s">
        <v>182766</v>
      </c>
      <c r="J55556" s="1" t="s">
        <v>186843</v>
      </c>
    </row>
    <row r="55557" spans="1:10" x14ac:dyDescent="0.35">
      <c r="A55557" s="1" t="s">
        <v>27977</v>
      </c>
      <c r="B55557" s="1" t="s">
        <v>182761</v>
      </c>
      <c r="C55557" s="1" t="s">
        <v>90</v>
      </c>
      <c r="D55557" s="1" t="s">
        <v>50670</v>
      </c>
      <c r="E55557" s="1" t="s">
        <v>186844</v>
      </c>
      <c r="F55557" s="1" t="s">
        <v>186845</v>
      </c>
      <c r="G55557" s="1" t="s">
        <v>186792</v>
      </c>
      <c r="H55557" s="1" t="s">
        <v>186793</v>
      </c>
      <c r="I55557" s="1" t="s">
        <v>182766</v>
      </c>
      <c r="J55557" s="1" t="s">
        <v>186846</v>
      </c>
    </row>
    <row r="55558" spans="1:10" x14ac:dyDescent="0.35">
      <c r="A55558" s="1" t="s">
        <v>27977</v>
      </c>
      <c r="B55558" s="1" t="s">
        <v>182761</v>
      </c>
      <c r="C55558" s="1" t="s">
        <v>95</v>
      </c>
      <c r="D55558" s="1" t="s">
        <v>30607</v>
      </c>
      <c r="E55558" s="1" t="s">
        <v>186847</v>
      </c>
      <c r="F55558" s="1" t="s">
        <v>186848</v>
      </c>
      <c r="G55558" s="1" t="s">
        <v>186792</v>
      </c>
      <c r="H55558" s="1" t="s">
        <v>186793</v>
      </c>
      <c r="I55558" s="1" t="s">
        <v>182766</v>
      </c>
      <c r="J55558" s="1" t="s">
        <v>186849</v>
      </c>
    </row>
    <row r="55559" spans="1:10" x14ac:dyDescent="0.35">
      <c r="A55559" s="1" t="s">
        <v>27977</v>
      </c>
      <c r="B55559" s="1" t="s">
        <v>182761</v>
      </c>
      <c r="C55559" s="1" t="s">
        <v>100</v>
      </c>
      <c r="D55559" s="1" t="s">
        <v>186850</v>
      </c>
      <c r="E55559" s="1" t="s">
        <v>186851</v>
      </c>
      <c r="F55559" s="1" t="s">
        <v>186852</v>
      </c>
      <c r="G55559" s="1" t="s">
        <v>186792</v>
      </c>
      <c r="H55559" s="1" t="s">
        <v>186793</v>
      </c>
      <c r="I55559" s="1" t="s">
        <v>182766</v>
      </c>
      <c r="J55559" s="1" t="s">
        <v>186853</v>
      </c>
    </row>
    <row r="55560" spans="1:10" x14ac:dyDescent="0.35">
      <c r="A55560" s="1" t="s">
        <v>27977</v>
      </c>
      <c r="B55560" s="1" t="s">
        <v>182761</v>
      </c>
      <c r="C55560" s="1" t="s">
        <v>105</v>
      </c>
      <c r="D55560" s="1" t="s">
        <v>38327</v>
      </c>
      <c r="E55560" s="1" t="s">
        <v>186854</v>
      </c>
      <c r="F55560" s="1" t="s">
        <v>186855</v>
      </c>
      <c r="G55560" s="1" t="s">
        <v>186792</v>
      </c>
      <c r="H55560" s="1" t="s">
        <v>186793</v>
      </c>
      <c r="I55560" s="1" t="s">
        <v>182766</v>
      </c>
      <c r="J55560" s="1" t="s">
        <v>186856</v>
      </c>
    </row>
    <row r="55561" spans="1:10" x14ac:dyDescent="0.35">
      <c r="A55561" s="1" t="s">
        <v>27977</v>
      </c>
      <c r="B55561" s="1" t="s">
        <v>182761</v>
      </c>
      <c r="C55561" s="1" t="s">
        <v>110</v>
      </c>
      <c r="D55561" s="1" t="s">
        <v>50849</v>
      </c>
      <c r="E55561" s="1" t="s">
        <v>186857</v>
      </c>
      <c r="F55561" s="1" t="s">
        <v>186858</v>
      </c>
      <c r="G55561" s="1" t="s">
        <v>186792</v>
      </c>
      <c r="H55561" s="1" t="s">
        <v>186793</v>
      </c>
      <c r="I55561" s="1" t="s">
        <v>182766</v>
      </c>
      <c r="J55561" s="1" t="s">
        <v>186859</v>
      </c>
    </row>
    <row r="55562" spans="1:10" x14ac:dyDescent="0.35">
      <c r="A55562" s="1" t="s">
        <v>27977</v>
      </c>
      <c r="B55562" s="1" t="s">
        <v>182761</v>
      </c>
      <c r="C55562" s="1" t="s">
        <v>115</v>
      </c>
      <c r="D55562" s="1" t="s">
        <v>170645</v>
      </c>
      <c r="E55562" s="1" t="s">
        <v>186860</v>
      </c>
      <c r="F55562" s="1" t="s">
        <v>186861</v>
      </c>
      <c r="G55562" s="1" t="s">
        <v>186792</v>
      </c>
      <c r="H55562" s="1" t="s">
        <v>186793</v>
      </c>
      <c r="I55562" s="1" t="s">
        <v>182766</v>
      </c>
      <c r="J55562" s="1" t="s">
        <v>186862</v>
      </c>
    </row>
    <row r="55563" spans="1:10" x14ac:dyDescent="0.35">
      <c r="A55563" s="1" t="s">
        <v>27977</v>
      </c>
      <c r="B55563" s="1" t="s">
        <v>182761</v>
      </c>
      <c r="C55563" s="1" t="s">
        <v>120</v>
      </c>
      <c r="D55563" s="1" t="s">
        <v>186863</v>
      </c>
      <c r="E55563" s="1" t="s">
        <v>186864</v>
      </c>
      <c r="F55563" s="1" t="s">
        <v>186865</v>
      </c>
      <c r="G55563" s="1" t="s">
        <v>186792</v>
      </c>
      <c r="H55563" s="1" t="s">
        <v>186793</v>
      </c>
      <c r="I55563" s="1" t="s">
        <v>182766</v>
      </c>
      <c r="J55563" s="1" t="s">
        <v>186866</v>
      </c>
    </row>
    <row r="55564" spans="1:10" x14ac:dyDescent="0.35">
      <c r="A55564" s="1" t="s">
        <v>27977</v>
      </c>
      <c r="B55564" s="1" t="s">
        <v>182761</v>
      </c>
      <c r="C55564" s="1" t="s">
        <v>125</v>
      </c>
      <c r="D55564" s="1" t="s">
        <v>18286</v>
      </c>
      <c r="E55564" s="1" t="s">
        <v>186867</v>
      </c>
      <c r="F55564" s="1" t="s">
        <v>186868</v>
      </c>
      <c r="G55564" s="1" t="s">
        <v>186792</v>
      </c>
      <c r="H55564" s="1" t="s">
        <v>186793</v>
      </c>
      <c r="I55564" s="1" t="s">
        <v>182766</v>
      </c>
      <c r="J55564" s="1" t="s">
        <v>186869</v>
      </c>
    </row>
    <row r="55565" spans="1:10" x14ac:dyDescent="0.35">
      <c r="A55565" s="1" t="s">
        <v>27977</v>
      </c>
      <c r="B55565" s="1" t="s">
        <v>182761</v>
      </c>
      <c r="C55565" s="1" t="s">
        <v>130</v>
      </c>
      <c r="D55565" s="1" t="s">
        <v>186870</v>
      </c>
      <c r="E55565" s="1" t="s">
        <v>186871</v>
      </c>
      <c r="F55565" s="1" t="s">
        <v>186872</v>
      </c>
      <c r="G55565" s="1" t="s">
        <v>186792</v>
      </c>
      <c r="H55565" s="1" t="s">
        <v>186793</v>
      </c>
      <c r="I55565" s="1" t="s">
        <v>182766</v>
      </c>
      <c r="J55565" s="1" t="s">
        <v>186873</v>
      </c>
    </row>
    <row r="55566" spans="1:10" x14ac:dyDescent="0.35">
      <c r="A55566" s="1" t="s">
        <v>27977</v>
      </c>
      <c r="B55566" s="1" t="s">
        <v>182761</v>
      </c>
      <c r="C55566" s="1" t="s">
        <v>135</v>
      </c>
      <c r="D55566" s="1" t="s">
        <v>186874</v>
      </c>
      <c r="E55566" s="1" t="s">
        <v>186875</v>
      </c>
      <c r="F55566" s="1" t="s">
        <v>186876</v>
      </c>
      <c r="G55566" s="1" t="s">
        <v>186792</v>
      </c>
      <c r="H55566" s="1" t="s">
        <v>186793</v>
      </c>
      <c r="I55566" s="1" t="s">
        <v>182766</v>
      </c>
      <c r="J55566" s="1" t="s">
        <v>186877</v>
      </c>
    </row>
    <row r="55567" spans="1:10" x14ac:dyDescent="0.35">
      <c r="A55567" s="1" t="s">
        <v>27977</v>
      </c>
      <c r="B55567" s="1" t="s">
        <v>182761</v>
      </c>
      <c r="C55567" s="1" t="s">
        <v>140</v>
      </c>
      <c r="D55567" s="1" t="s">
        <v>186878</v>
      </c>
      <c r="E55567" s="1" t="s">
        <v>186879</v>
      </c>
      <c r="F55567" s="1" t="s">
        <v>186880</v>
      </c>
      <c r="G55567" s="1" t="s">
        <v>186792</v>
      </c>
      <c r="H55567" s="1" t="s">
        <v>186793</v>
      </c>
      <c r="I55567" s="1" t="s">
        <v>182766</v>
      </c>
      <c r="J55567" s="1" t="s">
        <v>186881</v>
      </c>
    </row>
    <row r="55568" spans="1:10" x14ac:dyDescent="0.35">
      <c r="A55568" s="1" t="s">
        <v>27977</v>
      </c>
      <c r="B55568" s="1" t="s">
        <v>182761</v>
      </c>
      <c r="C55568" s="1" t="s">
        <v>145</v>
      </c>
      <c r="D55568" s="1" t="s">
        <v>17659</v>
      </c>
      <c r="E55568" s="1" t="s">
        <v>186882</v>
      </c>
      <c r="F55568" s="1" t="s">
        <v>186883</v>
      </c>
      <c r="G55568" s="1" t="s">
        <v>186792</v>
      </c>
      <c r="H55568" s="1" t="s">
        <v>186793</v>
      </c>
      <c r="I55568" s="1" t="s">
        <v>182766</v>
      </c>
      <c r="J55568" s="1" t="s">
        <v>186884</v>
      </c>
    </row>
    <row r="55569" spans="1:10" x14ac:dyDescent="0.35">
      <c r="A55569" s="1" t="s">
        <v>27977</v>
      </c>
      <c r="B55569" s="1" t="s">
        <v>182761</v>
      </c>
      <c r="C55569" s="1" t="s">
        <v>150</v>
      </c>
      <c r="D55569" s="1" t="s">
        <v>172521</v>
      </c>
      <c r="E55569" s="1" t="s">
        <v>186885</v>
      </c>
      <c r="F55569" s="1" t="s">
        <v>186886</v>
      </c>
      <c r="G55569" s="1" t="s">
        <v>186792</v>
      </c>
      <c r="H55569" s="1" t="s">
        <v>186793</v>
      </c>
      <c r="I55569" s="1" t="s">
        <v>182766</v>
      </c>
      <c r="J55569" s="1" t="s">
        <v>186887</v>
      </c>
    </row>
    <row r="55570" spans="1:10" x14ac:dyDescent="0.35">
      <c r="A55570" s="1" t="s">
        <v>27977</v>
      </c>
      <c r="B55570" s="1" t="s">
        <v>182761</v>
      </c>
      <c r="C55570" s="1" t="s">
        <v>155</v>
      </c>
      <c r="D55570" s="1" t="s">
        <v>82223</v>
      </c>
      <c r="E55570" s="1" t="s">
        <v>186888</v>
      </c>
      <c r="F55570" s="1" t="s">
        <v>186889</v>
      </c>
      <c r="G55570" s="1" t="s">
        <v>186792</v>
      </c>
      <c r="H55570" s="1" t="s">
        <v>186793</v>
      </c>
      <c r="I55570" s="1" t="s">
        <v>182766</v>
      </c>
      <c r="J55570" s="1" t="s">
        <v>186890</v>
      </c>
    </row>
    <row r="55571" spans="1:10" x14ac:dyDescent="0.35">
      <c r="A55571" s="1" t="s">
        <v>27977</v>
      </c>
      <c r="B55571" s="1" t="s">
        <v>182761</v>
      </c>
      <c r="C55571" s="1" t="s">
        <v>160</v>
      </c>
      <c r="D55571" s="1" t="s">
        <v>186891</v>
      </c>
      <c r="E55571" s="1" t="s">
        <v>186892</v>
      </c>
      <c r="F55571" s="1" t="s">
        <v>186893</v>
      </c>
      <c r="G55571" s="1" t="s">
        <v>186792</v>
      </c>
      <c r="H55571" s="1" t="s">
        <v>186793</v>
      </c>
      <c r="I55571" s="1" t="s">
        <v>182766</v>
      </c>
      <c r="J55571" s="1" t="s">
        <v>186894</v>
      </c>
    </row>
    <row r="55572" spans="1:10" x14ac:dyDescent="0.35">
      <c r="A55572" s="1" t="s">
        <v>27977</v>
      </c>
      <c r="B55572" s="1" t="s">
        <v>182761</v>
      </c>
      <c r="C55572" s="1" t="s">
        <v>165</v>
      </c>
      <c r="D55572" s="1" t="s">
        <v>82682</v>
      </c>
      <c r="E55572" s="1" t="s">
        <v>186895</v>
      </c>
      <c r="F55572" s="1" t="s">
        <v>186896</v>
      </c>
      <c r="G55572" s="1" t="s">
        <v>186792</v>
      </c>
      <c r="H55572" s="1" t="s">
        <v>186793</v>
      </c>
      <c r="I55572" s="1" t="s">
        <v>182766</v>
      </c>
      <c r="J55572" s="1" t="s">
        <v>186897</v>
      </c>
    </row>
    <row r="55573" spans="1:10" x14ac:dyDescent="0.35">
      <c r="A55573" s="1" t="s">
        <v>27977</v>
      </c>
      <c r="B55573" s="1" t="s">
        <v>182761</v>
      </c>
      <c r="C55573" s="1" t="s">
        <v>170</v>
      </c>
      <c r="D55573" s="1" t="s">
        <v>186898</v>
      </c>
      <c r="E55573" s="1" t="s">
        <v>186899</v>
      </c>
      <c r="F55573" s="1" t="s">
        <v>186900</v>
      </c>
      <c r="G55573" s="1" t="s">
        <v>186792</v>
      </c>
      <c r="H55573" s="1" t="s">
        <v>186793</v>
      </c>
      <c r="I55573" s="1" t="s">
        <v>182766</v>
      </c>
      <c r="J55573" s="1" t="s">
        <v>186901</v>
      </c>
    </row>
    <row r="55574" spans="1:10" x14ac:dyDescent="0.35">
      <c r="A55574" s="1" t="s">
        <v>186902</v>
      </c>
      <c r="B55574" s="1" t="s">
        <v>182761</v>
      </c>
      <c r="C55574" s="1" t="s">
        <v>8</v>
      </c>
      <c r="D55574" s="1" t="s">
        <v>45810</v>
      </c>
      <c r="E55574" s="1" t="s">
        <v>186903</v>
      </c>
      <c r="F55574" s="1" t="s">
        <v>186904</v>
      </c>
      <c r="G55574" s="1" t="s">
        <v>186905</v>
      </c>
      <c r="H55574" s="1" t="s">
        <v>186906</v>
      </c>
      <c r="I55574" s="1" t="s">
        <v>182766</v>
      </c>
      <c r="J55574" s="1" t="s">
        <v>13</v>
      </c>
    </row>
    <row r="55575" spans="1:10" x14ac:dyDescent="0.35">
      <c r="A55575" s="1" t="s">
        <v>186902</v>
      </c>
      <c r="B55575" s="1" t="s">
        <v>182761</v>
      </c>
      <c r="C55575" s="1" t="s">
        <v>15</v>
      </c>
      <c r="D55575" s="1" t="s">
        <v>32968</v>
      </c>
      <c r="E55575" s="1" t="s">
        <v>186907</v>
      </c>
      <c r="F55575" s="1" t="s">
        <v>186908</v>
      </c>
      <c r="G55575" s="1" t="s">
        <v>186905</v>
      </c>
      <c r="H55575" s="1" t="s">
        <v>186906</v>
      </c>
      <c r="I55575" s="1" t="s">
        <v>182766</v>
      </c>
      <c r="J55575" s="1" t="s">
        <v>186909</v>
      </c>
    </row>
    <row r="55576" spans="1:10" x14ac:dyDescent="0.35">
      <c r="A55576" s="1" t="s">
        <v>186902</v>
      </c>
      <c r="B55576" s="1" t="s">
        <v>182761</v>
      </c>
      <c r="C55576" s="1" t="s">
        <v>20</v>
      </c>
      <c r="D55576" s="1" t="s">
        <v>16384</v>
      </c>
      <c r="E55576" s="1" t="s">
        <v>186910</v>
      </c>
      <c r="F55576" s="1" t="s">
        <v>186911</v>
      </c>
      <c r="G55576" s="1" t="s">
        <v>186905</v>
      </c>
      <c r="H55576" s="1" t="s">
        <v>186906</v>
      </c>
      <c r="I55576" s="1" t="s">
        <v>182766</v>
      </c>
      <c r="J55576" s="1" t="s">
        <v>186912</v>
      </c>
    </row>
    <row r="55577" spans="1:10" x14ac:dyDescent="0.35">
      <c r="A55577" s="1" t="s">
        <v>186902</v>
      </c>
      <c r="B55577" s="1" t="s">
        <v>182761</v>
      </c>
      <c r="C55577" s="1" t="s">
        <v>25</v>
      </c>
      <c r="D55577" s="1" t="s">
        <v>46882</v>
      </c>
      <c r="E55577" s="1" t="s">
        <v>186913</v>
      </c>
      <c r="F55577" s="1" t="s">
        <v>186914</v>
      </c>
      <c r="G55577" s="1" t="s">
        <v>186905</v>
      </c>
      <c r="H55577" s="1" t="s">
        <v>186906</v>
      </c>
      <c r="I55577" s="1" t="s">
        <v>182766</v>
      </c>
      <c r="J55577" s="1" t="s">
        <v>186915</v>
      </c>
    </row>
    <row r="55578" spans="1:10" x14ac:dyDescent="0.35">
      <c r="A55578" s="1" t="s">
        <v>186902</v>
      </c>
      <c r="B55578" s="1" t="s">
        <v>182761</v>
      </c>
      <c r="C55578" s="1" t="s">
        <v>30</v>
      </c>
      <c r="D55578" s="1" t="s">
        <v>186916</v>
      </c>
      <c r="E55578" s="1" t="s">
        <v>186917</v>
      </c>
      <c r="F55578" s="1" t="s">
        <v>186918</v>
      </c>
      <c r="G55578" s="1" t="s">
        <v>186905</v>
      </c>
      <c r="H55578" s="1" t="s">
        <v>186906</v>
      </c>
      <c r="I55578" s="1" t="s">
        <v>182766</v>
      </c>
      <c r="J55578" s="1" t="s">
        <v>186919</v>
      </c>
    </row>
    <row r="55579" spans="1:10" x14ac:dyDescent="0.35">
      <c r="A55579" s="1" t="s">
        <v>186902</v>
      </c>
      <c r="B55579" s="1" t="s">
        <v>182761</v>
      </c>
      <c r="C55579" s="1" t="s">
        <v>35</v>
      </c>
      <c r="D55579" s="1" t="s">
        <v>123301</v>
      </c>
      <c r="E55579" s="1" t="s">
        <v>186920</v>
      </c>
      <c r="F55579" s="1" t="s">
        <v>186921</v>
      </c>
      <c r="G55579" s="1" t="s">
        <v>186905</v>
      </c>
      <c r="H55579" s="1" t="s">
        <v>186906</v>
      </c>
      <c r="I55579" s="1" t="s">
        <v>182766</v>
      </c>
      <c r="J55579" s="1" t="s">
        <v>186922</v>
      </c>
    </row>
    <row r="55580" spans="1:10" x14ac:dyDescent="0.35">
      <c r="A55580" s="1" t="s">
        <v>186902</v>
      </c>
      <c r="B55580" s="1" t="s">
        <v>182761</v>
      </c>
      <c r="C55580" s="1" t="s">
        <v>40</v>
      </c>
      <c r="D55580" s="1" t="s">
        <v>42146</v>
      </c>
      <c r="E55580" s="1" t="s">
        <v>186923</v>
      </c>
      <c r="F55580" s="1" t="s">
        <v>186924</v>
      </c>
      <c r="G55580" s="1" t="s">
        <v>186905</v>
      </c>
      <c r="H55580" s="1" t="s">
        <v>186906</v>
      </c>
      <c r="I55580" s="1" t="s">
        <v>182766</v>
      </c>
      <c r="J55580" s="1" t="s">
        <v>186925</v>
      </c>
    </row>
    <row r="55581" spans="1:10" x14ac:dyDescent="0.35">
      <c r="A55581" s="1" t="s">
        <v>186902</v>
      </c>
      <c r="B55581" s="1" t="s">
        <v>182761</v>
      </c>
      <c r="C55581" s="1" t="s">
        <v>45</v>
      </c>
      <c r="D55581" s="1" t="s">
        <v>174695</v>
      </c>
      <c r="E55581" s="1" t="s">
        <v>186926</v>
      </c>
      <c r="F55581" s="1" t="s">
        <v>186927</v>
      </c>
      <c r="G55581" s="1" t="s">
        <v>186905</v>
      </c>
      <c r="H55581" s="1" t="s">
        <v>186906</v>
      </c>
      <c r="I55581" s="1" t="s">
        <v>182766</v>
      </c>
      <c r="J55581" s="1" t="s">
        <v>186928</v>
      </c>
    </row>
    <row r="55582" spans="1:10" x14ac:dyDescent="0.35">
      <c r="A55582" s="1" t="s">
        <v>186902</v>
      </c>
      <c r="B55582" s="1" t="s">
        <v>182761</v>
      </c>
      <c r="C55582" s="1" t="s">
        <v>50</v>
      </c>
      <c r="D55582" s="1" t="s">
        <v>186929</v>
      </c>
      <c r="E55582" s="1" t="s">
        <v>186930</v>
      </c>
      <c r="F55582" s="1" t="s">
        <v>186931</v>
      </c>
      <c r="G55582" s="1" t="s">
        <v>186905</v>
      </c>
      <c r="H55582" s="1" t="s">
        <v>186906</v>
      </c>
      <c r="I55582" s="1" t="s">
        <v>182766</v>
      </c>
      <c r="J55582" s="1" t="s">
        <v>186932</v>
      </c>
    </row>
    <row r="55583" spans="1:10" x14ac:dyDescent="0.35">
      <c r="A55583" s="1" t="s">
        <v>186902</v>
      </c>
      <c r="B55583" s="1" t="s">
        <v>182761</v>
      </c>
      <c r="C55583" s="1" t="s">
        <v>55</v>
      </c>
      <c r="D55583" s="1" t="s">
        <v>120412</v>
      </c>
      <c r="E55583" s="1" t="s">
        <v>186933</v>
      </c>
      <c r="F55583" s="1" t="s">
        <v>186934</v>
      </c>
      <c r="G55583" s="1" t="s">
        <v>186905</v>
      </c>
      <c r="H55583" s="1" t="s">
        <v>186906</v>
      </c>
      <c r="I55583" s="1" t="s">
        <v>182766</v>
      </c>
      <c r="J55583" s="1" t="s">
        <v>186935</v>
      </c>
    </row>
    <row r="55584" spans="1:10" x14ac:dyDescent="0.35">
      <c r="A55584" s="1" t="s">
        <v>186902</v>
      </c>
      <c r="B55584" s="1" t="s">
        <v>182761</v>
      </c>
      <c r="C55584" s="1" t="s">
        <v>60</v>
      </c>
      <c r="D55584" s="1" t="s">
        <v>124473</v>
      </c>
      <c r="E55584" s="1" t="s">
        <v>186936</v>
      </c>
      <c r="F55584" s="1" t="s">
        <v>186937</v>
      </c>
      <c r="G55584" s="1" t="s">
        <v>186905</v>
      </c>
      <c r="H55584" s="1" t="s">
        <v>186906</v>
      </c>
      <c r="I55584" s="1" t="s">
        <v>182766</v>
      </c>
      <c r="J55584" s="1" t="s">
        <v>186938</v>
      </c>
    </row>
    <row r="55585" spans="1:10" x14ac:dyDescent="0.35">
      <c r="A55585" s="1" t="s">
        <v>186902</v>
      </c>
      <c r="B55585" s="1" t="s">
        <v>182761</v>
      </c>
      <c r="C55585" s="1" t="s">
        <v>65</v>
      </c>
      <c r="D55585" s="1" t="s">
        <v>186939</v>
      </c>
      <c r="E55585" s="1" t="s">
        <v>186940</v>
      </c>
      <c r="F55585" s="1" t="s">
        <v>186941</v>
      </c>
      <c r="G55585" s="1" t="s">
        <v>186905</v>
      </c>
      <c r="H55585" s="1" t="s">
        <v>186906</v>
      </c>
      <c r="I55585" s="1" t="s">
        <v>182766</v>
      </c>
      <c r="J55585" s="1" t="s">
        <v>186942</v>
      </c>
    </row>
    <row r="55586" spans="1:10" x14ac:dyDescent="0.35">
      <c r="A55586" s="1" t="s">
        <v>186902</v>
      </c>
      <c r="B55586" s="1" t="s">
        <v>182761</v>
      </c>
      <c r="C55586" s="1" t="s">
        <v>70</v>
      </c>
      <c r="D55586" s="1" t="s">
        <v>186943</v>
      </c>
      <c r="E55586" s="1" t="s">
        <v>186944</v>
      </c>
      <c r="F55586" s="1" t="s">
        <v>186945</v>
      </c>
      <c r="G55586" s="1" t="s">
        <v>186905</v>
      </c>
      <c r="H55586" s="1" t="s">
        <v>186906</v>
      </c>
      <c r="I55586" s="1" t="s">
        <v>182766</v>
      </c>
      <c r="J55586" s="1" t="s">
        <v>186946</v>
      </c>
    </row>
    <row r="55587" spans="1:10" x14ac:dyDescent="0.35">
      <c r="A55587" s="1" t="s">
        <v>186902</v>
      </c>
      <c r="B55587" s="1" t="s">
        <v>182761</v>
      </c>
      <c r="C55587" s="1" t="s">
        <v>75</v>
      </c>
      <c r="D55587" s="1" t="s">
        <v>124385</v>
      </c>
      <c r="E55587" s="1" t="s">
        <v>186947</v>
      </c>
      <c r="F55587" s="1" t="s">
        <v>186948</v>
      </c>
      <c r="G55587" s="1" t="s">
        <v>186905</v>
      </c>
      <c r="H55587" s="1" t="s">
        <v>186906</v>
      </c>
      <c r="I55587" s="1" t="s">
        <v>182766</v>
      </c>
      <c r="J55587" s="1" t="s">
        <v>186949</v>
      </c>
    </row>
    <row r="55588" spans="1:10" x14ac:dyDescent="0.35">
      <c r="A55588" s="1" t="s">
        <v>186902</v>
      </c>
      <c r="B55588" s="1" t="s">
        <v>182761</v>
      </c>
      <c r="C55588" s="1" t="s">
        <v>80</v>
      </c>
      <c r="D55588" s="1" t="s">
        <v>126572</v>
      </c>
      <c r="E55588" s="1" t="s">
        <v>186950</v>
      </c>
      <c r="F55588" s="1" t="s">
        <v>186951</v>
      </c>
      <c r="G55588" s="1" t="s">
        <v>186905</v>
      </c>
      <c r="H55588" s="1" t="s">
        <v>186906</v>
      </c>
      <c r="I55588" s="1" t="s">
        <v>182766</v>
      </c>
      <c r="J55588" s="1" t="s">
        <v>186952</v>
      </c>
    </row>
    <row r="55589" spans="1:10" x14ac:dyDescent="0.35">
      <c r="A55589" s="1" t="s">
        <v>186902</v>
      </c>
      <c r="B55589" s="1" t="s">
        <v>182761</v>
      </c>
      <c r="C55589" s="1" t="s">
        <v>85</v>
      </c>
      <c r="D55589" s="1" t="s">
        <v>81</v>
      </c>
      <c r="E55589" s="1" t="s">
        <v>186953</v>
      </c>
      <c r="F55589" s="1" t="s">
        <v>186954</v>
      </c>
      <c r="G55589" s="1" t="s">
        <v>186905</v>
      </c>
      <c r="H55589" s="1" t="s">
        <v>186906</v>
      </c>
      <c r="I55589" s="1" t="s">
        <v>182766</v>
      </c>
      <c r="J55589" s="1" t="s">
        <v>186955</v>
      </c>
    </row>
    <row r="55590" spans="1:10" x14ac:dyDescent="0.35">
      <c r="A55590" s="1" t="s">
        <v>186902</v>
      </c>
      <c r="B55590" s="1" t="s">
        <v>182761</v>
      </c>
      <c r="C55590" s="1" t="s">
        <v>90</v>
      </c>
      <c r="D55590" s="1" t="s">
        <v>114268</v>
      </c>
      <c r="E55590" s="1" t="s">
        <v>186956</v>
      </c>
      <c r="F55590" s="1" t="s">
        <v>186957</v>
      </c>
      <c r="G55590" s="1" t="s">
        <v>186905</v>
      </c>
      <c r="H55590" s="1" t="s">
        <v>186906</v>
      </c>
      <c r="I55590" s="1" t="s">
        <v>182766</v>
      </c>
      <c r="J55590" s="1" t="s">
        <v>186958</v>
      </c>
    </row>
    <row r="55591" spans="1:10" x14ac:dyDescent="0.35">
      <c r="A55591" s="1" t="s">
        <v>186902</v>
      </c>
      <c r="B55591" s="1" t="s">
        <v>182761</v>
      </c>
      <c r="C55591" s="1" t="s">
        <v>95</v>
      </c>
      <c r="D55591" s="1" t="s">
        <v>186959</v>
      </c>
      <c r="E55591" s="1" t="s">
        <v>186960</v>
      </c>
      <c r="F55591" s="1" t="s">
        <v>186961</v>
      </c>
      <c r="G55591" s="1" t="s">
        <v>186905</v>
      </c>
      <c r="H55591" s="1" t="s">
        <v>186906</v>
      </c>
      <c r="I55591" s="1" t="s">
        <v>182766</v>
      </c>
      <c r="J55591" s="1" t="s">
        <v>186962</v>
      </c>
    </row>
    <row r="55592" spans="1:10" x14ac:dyDescent="0.35">
      <c r="A55592" s="1" t="s">
        <v>186902</v>
      </c>
      <c r="B55592" s="1" t="s">
        <v>182761</v>
      </c>
      <c r="C55592" s="1" t="s">
        <v>100</v>
      </c>
      <c r="D55592" s="1" t="s">
        <v>124549</v>
      </c>
      <c r="E55592" s="1" t="s">
        <v>186963</v>
      </c>
      <c r="F55592" s="1" t="s">
        <v>186964</v>
      </c>
      <c r="G55592" s="1" t="s">
        <v>186905</v>
      </c>
      <c r="H55592" s="1" t="s">
        <v>186906</v>
      </c>
      <c r="I55592" s="1" t="s">
        <v>182766</v>
      </c>
      <c r="J55592" s="1" t="s">
        <v>186965</v>
      </c>
    </row>
    <row r="55593" spans="1:10" x14ac:dyDescent="0.35">
      <c r="A55593" s="1" t="s">
        <v>186902</v>
      </c>
      <c r="B55593" s="1" t="s">
        <v>182761</v>
      </c>
      <c r="C55593" s="1" t="s">
        <v>105</v>
      </c>
      <c r="D55593" s="1" t="s">
        <v>47267</v>
      </c>
      <c r="E55593" s="1" t="s">
        <v>186966</v>
      </c>
      <c r="F55593" s="1" t="s">
        <v>186967</v>
      </c>
      <c r="G55593" s="1" t="s">
        <v>186905</v>
      </c>
      <c r="H55593" s="1" t="s">
        <v>186906</v>
      </c>
      <c r="I55593" s="1" t="s">
        <v>182766</v>
      </c>
      <c r="J55593" s="1" t="s">
        <v>186968</v>
      </c>
    </row>
    <row r="55594" spans="1:10" x14ac:dyDescent="0.35">
      <c r="A55594" s="1" t="s">
        <v>186902</v>
      </c>
      <c r="B55594" s="1" t="s">
        <v>182761</v>
      </c>
      <c r="C55594" s="1" t="s">
        <v>110</v>
      </c>
      <c r="D55594" s="1" t="s">
        <v>173780</v>
      </c>
      <c r="E55594" s="1" t="s">
        <v>186969</v>
      </c>
      <c r="F55594" s="1" t="s">
        <v>186970</v>
      </c>
      <c r="G55594" s="1" t="s">
        <v>186905</v>
      </c>
      <c r="H55594" s="1" t="s">
        <v>186906</v>
      </c>
      <c r="I55594" s="1" t="s">
        <v>182766</v>
      </c>
      <c r="J55594" s="1" t="s">
        <v>186971</v>
      </c>
    </row>
    <row r="55595" spans="1:10" x14ac:dyDescent="0.35">
      <c r="A55595" s="1" t="s">
        <v>186902</v>
      </c>
      <c r="B55595" s="1" t="s">
        <v>182761</v>
      </c>
      <c r="C55595" s="1" t="s">
        <v>115</v>
      </c>
      <c r="D55595" s="1" t="s">
        <v>186972</v>
      </c>
      <c r="E55595" s="1" t="s">
        <v>186973</v>
      </c>
      <c r="F55595" s="1" t="s">
        <v>186974</v>
      </c>
      <c r="G55595" s="1" t="s">
        <v>186905</v>
      </c>
      <c r="H55595" s="1" t="s">
        <v>186906</v>
      </c>
      <c r="I55595" s="1" t="s">
        <v>182766</v>
      </c>
      <c r="J55595" s="1" t="s">
        <v>186975</v>
      </c>
    </row>
    <row r="55596" spans="1:10" x14ac:dyDescent="0.35">
      <c r="A55596" s="1" t="s">
        <v>186902</v>
      </c>
      <c r="B55596" s="1" t="s">
        <v>182761</v>
      </c>
      <c r="C55596" s="1" t="s">
        <v>120</v>
      </c>
      <c r="D55596" s="1" t="s">
        <v>31807</v>
      </c>
      <c r="E55596" s="1" t="s">
        <v>186976</v>
      </c>
      <c r="F55596" s="1" t="s">
        <v>186977</v>
      </c>
      <c r="G55596" s="1" t="s">
        <v>186905</v>
      </c>
      <c r="H55596" s="1" t="s">
        <v>186906</v>
      </c>
      <c r="I55596" s="1" t="s">
        <v>182766</v>
      </c>
      <c r="J55596" s="1" t="s">
        <v>186978</v>
      </c>
    </row>
    <row r="55597" spans="1:10" x14ac:dyDescent="0.35">
      <c r="A55597" s="1" t="s">
        <v>186902</v>
      </c>
      <c r="B55597" s="1" t="s">
        <v>182761</v>
      </c>
      <c r="C55597" s="1" t="s">
        <v>125</v>
      </c>
      <c r="D55597" s="1" t="s">
        <v>178679</v>
      </c>
      <c r="E55597" s="1" t="s">
        <v>186979</v>
      </c>
      <c r="F55597" s="1" t="s">
        <v>186980</v>
      </c>
      <c r="G55597" s="1" t="s">
        <v>186905</v>
      </c>
      <c r="H55597" s="1" t="s">
        <v>186906</v>
      </c>
      <c r="I55597" s="1" t="s">
        <v>182766</v>
      </c>
      <c r="J55597" s="1" t="s">
        <v>186981</v>
      </c>
    </row>
    <row r="55598" spans="1:10" x14ac:dyDescent="0.35">
      <c r="A55598" s="1" t="s">
        <v>186902</v>
      </c>
      <c r="B55598" s="1" t="s">
        <v>182761</v>
      </c>
      <c r="C55598" s="1" t="s">
        <v>130</v>
      </c>
      <c r="D55598" s="1" t="s">
        <v>42960</v>
      </c>
      <c r="E55598" s="1" t="s">
        <v>186982</v>
      </c>
      <c r="F55598" s="1" t="s">
        <v>186983</v>
      </c>
      <c r="G55598" s="1" t="s">
        <v>186905</v>
      </c>
      <c r="H55598" s="1" t="s">
        <v>186906</v>
      </c>
      <c r="I55598" s="1" t="s">
        <v>182766</v>
      </c>
      <c r="J55598" s="1" t="s">
        <v>186984</v>
      </c>
    </row>
    <row r="55599" spans="1:10" x14ac:dyDescent="0.35">
      <c r="A55599" s="1" t="s">
        <v>186902</v>
      </c>
      <c r="B55599" s="1" t="s">
        <v>182761</v>
      </c>
      <c r="C55599" s="1" t="s">
        <v>135</v>
      </c>
      <c r="D55599" s="1" t="s">
        <v>30826</v>
      </c>
      <c r="E55599" s="1" t="s">
        <v>186985</v>
      </c>
      <c r="F55599" s="1" t="s">
        <v>186986</v>
      </c>
      <c r="G55599" s="1" t="s">
        <v>186905</v>
      </c>
      <c r="H55599" s="1" t="s">
        <v>186906</v>
      </c>
      <c r="I55599" s="1" t="s">
        <v>182766</v>
      </c>
      <c r="J55599" s="1" t="s">
        <v>186987</v>
      </c>
    </row>
    <row r="55600" spans="1:10" x14ac:dyDescent="0.35">
      <c r="A55600" s="1" t="s">
        <v>186902</v>
      </c>
      <c r="B55600" s="1" t="s">
        <v>182761</v>
      </c>
      <c r="C55600" s="1" t="s">
        <v>140</v>
      </c>
      <c r="D55600" s="1" t="s">
        <v>186988</v>
      </c>
      <c r="E55600" s="1" t="s">
        <v>186989</v>
      </c>
      <c r="F55600" s="1" t="s">
        <v>186990</v>
      </c>
      <c r="G55600" s="1" t="s">
        <v>186905</v>
      </c>
      <c r="H55600" s="1" t="s">
        <v>186906</v>
      </c>
      <c r="I55600" s="1" t="s">
        <v>182766</v>
      </c>
      <c r="J55600" s="1" t="s">
        <v>186991</v>
      </c>
    </row>
    <row r="55601" spans="1:10" x14ac:dyDescent="0.35">
      <c r="A55601" s="1" t="s">
        <v>186902</v>
      </c>
      <c r="B55601" s="1" t="s">
        <v>182761</v>
      </c>
      <c r="C55601" s="1" t="s">
        <v>145</v>
      </c>
      <c r="D55601" s="1" t="s">
        <v>186992</v>
      </c>
      <c r="E55601" s="1" t="s">
        <v>186993</v>
      </c>
      <c r="F55601" s="1" t="s">
        <v>186994</v>
      </c>
      <c r="G55601" s="1" t="s">
        <v>186905</v>
      </c>
      <c r="H55601" s="1" t="s">
        <v>186906</v>
      </c>
      <c r="I55601" s="1" t="s">
        <v>182766</v>
      </c>
      <c r="J55601" s="1" t="s">
        <v>186995</v>
      </c>
    </row>
    <row r="55602" spans="1:10" x14ac:dyDescent="0.35">
      <c r="A55602" s="1" t="s">
        <v>186902</v>
      </c>
      <c r="B55602" s="1" t="s">
        <v>182761</v>
      </c>
      <c r="C55602" s="1" t="s">
        <v>150</v>
      </c>
      <c r="D55602" s="1" t="s">
        <v>186996</v>
      </c>
      <c r="E55602" s="1" t="s">
        <v>186997</v>
      </c>
      <c r="F55602" s="1" t="s">
        <v>186998</v>
      </c>
      <c r="G55602" s="1" t="s">
        <v>186905</v>
      </c>
      <c r="H55602" s="1" t="s">
        <v>186906</v>
      </c>
      <c r="I55602" s="1" t="s">
        <v>182766</v>
      </c>
      <c r="J55602" s="1" t="s">
        <v>186999</v>
      </c>
    </row>
    <row r="55603" spans="1:10" x14ac:dyDescent="0.35">
      <c r="A55603" s="1" t="s">
        <v>186902</v>
      </c>
      <c r="B55603" s="1" t="s">
        <v>182761</v>
      </c>
      <c r="C55603" s="1" t="s">
        <v>155</v>
      </c>
      <c r="D55603" s="1" t="s">
        <v>59869</v>
      </c>
      <c r="E55603" s="1" t="s">
        <v>187000</v>
      </c>
      <c r="F55603" s="1" t="s">
        <v>187001</v>
      </c>
      <c r="G55603" s="1" t="s">
        <v>186905</v>
      </c>
      <c r="H55603" s="1" t="s">
        <v>186906</v>
      </c>
      <c r="I55603" s="1" t="s">
        <v>182766</v>
      </c>
      <c r="J55603" s="1" t="s">
        <v>187002</v>
      </c>
    </row>
    <row r="55604" spans="1:10" x14ac:dyDescent="0.35">
      <c r="A55604" s="1" t="s">
        <v>186902</v>
      </c>
      <c r="B55604" s="1" t="s">
        <v>182761</v>
      </c>
      <c r="C55604" s="1" t="s">
        <v>160</v>
      </c>
      <c r="D55604" s="1" t="s">
        <v>187003</v>
      </c>
      <c r="E55604" s="1" t="s">
        <v>187004</v>
      </c>
      <c r="F55604" s="1" t="s">
        <v>187005</v>
      </c>
      <c r="G55604" s="1" t="s">
        <v>186905</v>
      </c>
      <c r="H55604" s="1" t="s">
        <v>186906</v>
      </c>
      <c r="I55604" s="1" t="s">
        <v>182766</v>
      </c>
      <c r="J55604" s="1" t="s">
        <v>187006</v>
      </c>
    </row>
    <row r="55605" spans="1:10" x14ac:dyDescent="0.35">
      <c r="A55605" s="1" t="s">
        <v>186902</v>
      </c>
      <c r="B55605" s="1" t="s">
        <v>182761</v>
      </c>
      <c r="C55605" s="1" t="s">
        <v>165</v>
      </c>
      <c r="D55605" s="1" t="s">
        <v>187007</v>
      </c>
      <c r="E55605" s="1" t="s">
        <v>187008</v>
      </c>
      <c r="F55605" s="1" t="s">
        <v>187009</v>
      </c>
      <c r="G55605" s="1" t="s">
        <v>186905</v>
      </c>
      <c r="H55605" s="1" t="s">
        <v>186906</v>
      </c>
      <c r="I55605" s="1" t="s">
        <v>182766</v>
      </c>
      <c r="J55605" s="1" t="s">
        <v>187010</v>
      </c>
    </row>
    <row r="55606" spans="1:10" x14ac:dyDescent="0.35">
      <c r="A55606" s="1" t="s">
        <v>186902</v>
      </c>
      <c r="B55606" s="1" t="s">
        <v>182761</v>
      </c>
      <c r="C55606" s="1" t="s">
        <v>170</v>
      </c>
      <c r="D55606" s="1" t="s">
        <v>187011</v>
      </c>
      <c r="E55606" s="1" t="s">
        <v>187012</v>
      </c>
      <c r="F55606" s="1" t="s">
        <v>187013</v>
      </c>
      <c r="G55606" s="1" t="s">
        <v>186905</v>
      </c>
      <c r="H55606" s="1" t="s">
        <v>186906</v>
      </c>
      <c r="I55606" s="1" t="s">
        <v>182766</v>
      </c>
      <c r="J55606" s="1" t="s">
        <v>187014</v>
      </c>
    </row>
    <row r="55607" spans="1:10" x14ac:dyDescent="0.35">
      <c r="A55607" s="1" t="s">
        <v>4431</v>
      </c>
      <c r="B55607" s="1" t="s">
        <v>182761</v>
      </c>
      <c r="C55607" s="1" t="s">
        <v>8</v>
      </c>
      <c r="D55607" s="1" t="s">
        <v>124270</v>
      </c>
      <c r="E55607" s="1" t="s">
        <v>187015</v>
      </c>
      <c r="F55607" s="1" t="s">
        <v>187016</v>
      </c>
      <c r="G55607" s="1" t="s">
        <v>187017</v>
      </c>
      <c r="H55607" s="1" t="s">
        <v>187018</v>
      </c>
      <c r="I55607" s="1" t="s">
        <v>182766</v>
      </c>
      <c r="J55607" s="1" t="s">
        <v>13</v>
      </c>
    </row>
    <row r="55608" spans="1:10" x14ac:dyDescent="0.35">
      <c r="A55608" s="1" t="s">
        <v>4431</v>
      </c>
      <c r="B55608" s="1" t="s">
        <v>182761</v>
      </c>
      <c r="C55608" s="1" t="s">
        <v>15</v>
      </c>
      <c r="D55608" s="1" t="s">
        <v>31995</v>
      </c>
      <c r="E55608" s="1" t="s">
        <v>187019</v>
      </c>
      <c r="F55608" s="1" t="s">
        <v>187020</v>
      </c>
      <c r="G55608" s="1" t="s">
        <v>187017</v>
      </c>
      <c r="H55608" s="1" t="s">
        <v>187018</v>
      </c>
      <c r="I55608" s="1" t="s">
        <v>182766</v>
      </c>
      <c r="J55608" s="1" t="s">
        <v>187021</v>
      </c>
    </row>
    <row r="55609" spans="1:10" x14ac:dyDescent="0.35">
      <c r="A55609" s="1" t="s">
        <v>4431</v>
      </c>
      <c r="B55609" s="1" t="s">
        <v>182761</v>
      </c>
      <c r="C55609" s="1" t="s">
        <v>20</v>
      </c>
      <c r="D55609" s="1" t="s">
        <v>31753</v>
      </c>
      <c r="E55609" s="1" t="s">
        <v>187022</v>
      </c>
      <c r="F55609" s="1" t="s">
        <v>187023</v>
      </c>
      <c r="G55609" s="1" t="s">
        <v>187017</v>
      </c>
      <c r="H55609" s="1" t="s">
        <v>187018</v>
      </c>
      <c r="I55609" s="1" t="s">
        <v>182766</v>
      </c>
      <c r="J55609" s="1" t="s">
        <v>187024</v>
      </c>
    </row>
    <row r="55610" spans="1:10" x14ac:dyDescent="0.35">
      <c r="A55610" s="1" t="s">
        <v>4431</v>
      </c>
      <c r="B55610" s="1" t="s">
        <v>182761</v>
      </c>
      <c r="C55610" s="1" t="s">
        <v>25</v>
      </c>
      <c r="D55610" s="1" t="s">
        <v>153159</v>
      </c>
      <c r="E55610" s="1" t="s">
        <v>187025</v>
      </c>
      <c r="F55610" s="1" t="s">
        <v>187026</v>
      </c>
      <c r="G55610" s="1" t="s">
        <v>187017</v>
      </c>
      <c r="H55610" s="1" t="s">
        <v>187018</v>
      </c>
      <c r="I55610" s="1" t="s">
        <v>182766</v>
      </c>
      <c r="J55610" s="1" t="s">
        <v>187027</v>
      </c>
    </row>
    <row r="55611" spans="1:10" x14ac:dyDescent="0.35">
      <c r="A55611" s="1" t="s">
        <v>4431</v>
      </c>
      <c r="B55611" s="1" t="s">
        <v>182761</v>
      </c>
      <c r="C55611" s="1" t="s">
        <v>30</v>
      </c>
      <c r="D55611" s="1" t="s">
        <v>124193</v>
      </c>
      <c r="E55611" s="1" t="s">
        <v>187028</v>
      </c>
      <c r="F55611" s="1" t="s">
        <v>187029</v>
      </c>
      <c r="G55611" s="1" t="s">
        <v>187017</v>
      </c>
      <c r="H55611" s="1" t="s">
        <v>187018</v>
      </c>
      <c r="I55611" s="1" t="s">
        <v>182766</v>
      </c>
      <c r="J55611" s="1" t="s">
        <v>187030</v>
      </c>
    </row>
    <row r="55612" spans="1:10" x14ac:dyDescent="0.35">
      <c r="A55612" s="1" t="s">
        <v>4431</v>
      </c>
      <c r="B55612" s="1" t="s">
        <v>182761</v>
      </c>
      <c r="C55612" s="1" t="s">
        <v>35</v>
      </c>
      <c r="D55612" s="1" t="s">
        <v>187031</v>
      </c>
      <c r="E55612" s="1" t="s">
        <v>187032</v>
      </c>
      <c r="F55612" s="1" t="s">
        <v>187033</v>
      </c>
      <c r="G55612" s="1" t="s">
        <v>187017</v>
      </c>
      <c r="H55612" s="1" t="s">
        <v>187018</v>
      </c>
      <c r="I55612" s="1" t="s">
        <v>182766</v>
      </c>
      <c r="J55612" s="1" t="s">
        <v>187034</v>
      </c>
    </row>
    <row r="55613" spans="1:10" x14ac:dyDescent="0.35">
      <c r="A55613" s="1" t="s">
        <v>4431</v>
      </c>
      <c r="B55613" s="1" t="s">
        <v>182761</v>
      </c>
      <c r="C55613" s="1" t="s">
        <v>40</v>
      </c>
      <c r="D55613" s="1" t="s">
        <v>153050</v>
      </c>
      <c r="E55613" s="1" t="s">
        <v>187035</v>
      </c>
      <c r="F55613" s="1" t="s">
        <v>187036</v>
      </c>
      <c r="G55613" s="1" t="s">
        <v>187017</v>
      </c>
      <c r="H55613" s="1" t="s">
        <v>187018</v>
      </c>
      <c r="I55613" s="1" t="s">
        <v>182766</v>
      </c>
      <c r="J55613" s="1" t="s">
        <v>187037</v>
      </c>
    </row>
    <row r="55614" spans="1:10" x14ac:dyDescent="0.35">
      <c r="A55614" s="1" t="s">
        <v>4431</v>
      </c>
      <c r="B55614" s="1" t="s">
        <v>182761</v>
      </c>
      <c r="C55614" s="1" t="s">
        <v>45</v>
      </c>
      <c r="D55614" s="1" t="s">
        <v>7199</v>
      </c>
      <c r="E55614" s="1" t="s">
        <v>187038</v>
      </c>
      <c r="F55614" s="1" t="s">
        <v>187039</v>
      </c>
      <c r="G55614" s="1" t="s">
        <v>187017</v>
      </c>
      <c r="H55614" s="1" t="s">
        <v>187018</v>
      </c>
      <c r="I55614" s="1" t="s">
        <v>182766</v>
      </c>
      <c r="J55614" s="1" t="s">
        <v>187040</v>
      </c>
    </row>
    <row r="55615" spans="1:10" x14ac:dyDescent="0.35">
      <c r="A55615" s="1" t="s">
        <v>4431</v>
      </c>
      <c r="B55615" s="1" t="s">
        <v>182761</v>
      </c>
      <c r="C55615" s="1" t="s">
        <v>50</v>
      </c>
      <c r="D55615" s="1" t="s">
        <v>176583</v>
      </c>
      <c r="E55615" s="1" t="s">
        <v>187041</v>
      </c>
      <c r="F55615" s="1" t="s">
        <v>187042</v>
      </c>
      <c r="G55615" s="1" t="s">
        <v>187017</v>
      </c>
      <c r="H55615" s="1" t="s">
        <v>187018</v>
      </c>
      <c r="I55615" s="1" t="s">
        <v>182766</v>
      </c>
      <c r="J55615" s="1" t="s">
        <v>187043</v>
      </c>
    </row>
    <row r="55616" spans="1:10" x14ac:dyDescent="0.35">
      <c r="A55616" s="1" t="s">
        <v>4431</v>
      </c>
      <c r="B55616" s="1" t="s">
        <v>182761</v>
      </c>
      <c r="C55616" s="1" t="s">
        <v>55</v>
      </c>
      <c r="D55616" s="1" t="s">
        <v>31509</v>
      </c>
      <c r="E55616" s="1" t="s">
        <v>187044</v>
      </c>
      <c r="F55616" s="1" t="s">
        <v>187045</v>
      </c>
      <c r="G55616" s="1" t="s">
        <v>187017</v>
      </c>
      <c r="H55616" s="1" t="s">
        <v>187018</v>
      </c>
      <c r="I55616" s="1" t="s">
        <v>182766</v>
      </c>
      <c r="J55616" s="1" t="s">
        <v>187046</v>
      </c>
    </row>
    <row r="55617" spans="1:10" x14ac:dyDescent="0.35">
      <c r="A55617" s="1" t="s">
        <v>4431</v>
      </c>
      <c r="B55617" s="1" t="s">
        <v>182761</v>
      </c>
      <c r="C55617" s="1" t="s">
        <v>60</v>
      </c>
      <c r="D55617" s="1" t="s">
        <v>31823</v>
      </c>
      <c r="E55617" s="1" t="s">
        <v>187047</v>
      </c>
      <c r="F55617" s="1" t="s">
        <v>187048</v>
      </c>
      <c r="G55617" s="1" t="s">
        <v>187017</v>
      </c>
      <c r="H55617" s="1" t="s">
        <v>187018</v>
      </c>
      <c r="I55617" s="1" t="s">
        <v>182766</v>
      </c>
      <c r="J55617" s="1" t="s">
        <v>187049</v>
      </c>
    </row>
    <row r="55618" spans="1:10" x14ac:dyDescent="0.35">
      <c r="A55618" s="1" t="s">
        <v>4431</v>
      </c>
      <c r="B55618" s="1" t="s">
        <v>182761</v>
      </c>
      <c r="C55618" s="1" t="s">
        <v>65</v>
      </c>
      <c r="D55618" s="1" t="s">
        <v>187050</v>
      </c>
      <c r="E55618" s="1" t="s">
        <v>187051</v>
      </c>
      <c r="F55618" s="1" t="s">
        <v>187052</v>
      </c>
      <c r="G55618" s="1" t="s">
        <v>187017</v>
      </c>
      <c r="H55618" s="1" t="s">
        <v>187018</v>
      </c>
      <c r="I55618" s="1" t="s">
        <v>182766</v>
      </c>
      <c r="J55618" s="1" t="s">
        <v>187053</v>
      </c>
    </row>
    <row r="55619" spans="1:10" x14ac:dyDescent="0.35">
      <c r="A55619" s="1" t="s">
        <v>4431</v>
      </c>
      <c r="B55619" s="1" t="s">
        <v>182761</v>
      </c>
      <c r="C55619" s="1" t="s">
        <v>70</v>
      </c>
      <c r="D55619" s="1" t="s">
        <v>42642</v>
      </c>
      <c r="E55619" s="1" t="s">
        <v>187054</v>
      </c>
      <c r="F55619" s="1" t="s">
        <v>187055</v>
      </c>
      <c r="G55619" s="1" t="s">
        <v>187017</v>
      </c>
      <c r="H55619" s="1" t="s">
        <v>187018</v>
      </c>
      <c r="I55619" s="1" t="s">
        <v>182766</v>
      </c>
      <c r="J55619" s="1" t="s">
        <v>187056</v>
      </c>
    </row>
    <row r="55620" spans="1:10" x14ac:dyDescent="0.35">
      <c r="A55620" s="1" t="s">
        <v>4431</v>
      </c>
      <c r="B55620" s="1" t="s">
        <v>182761</v>
      </c>
      <c r="C55620" s="1" t="s">
        <v>75</v>
      </c>
      <c r="D55620" s="1" t="s">
        <v>25627</v>
      </c>
      <c r="E55620" s="1" t="s">
        <v>187057</v>
      </c>
      <c r="F55620" s="1" t="s">
        <v>187058</v>
      </c>
      <c r="G55620" s="1" t="s">
        <v>187017</v>
      </c>
      <c r="H55620" s="1" t="s">
        <v>187018</v>
      </c>
      <c r="I55620" s="1" t="s">
        <v>182766</v>
      </c>
      <c r="J55620" s="1" t="s">
        <v>187059</v>
      </c>
    </row>
    <row r="55621" spans="1:10" x14ac:dyDescent="0.35">
      <c r="A55621" s="1" t="s">
        <v>4431</v>
      </c>
      <c r="B55621" s="1" t="s">
        <v>182761</v>
      </c>
      <c r="C55621" s="1" t="s">
        <v>80</v>
      </c>
      <c r="D55621" s="1" t="s">
        <v>187060</v>
      </c>
      <c r="E55621" s="1" t="s">
        <v>187061</v>
      </c>
      <c r="F55621" s="1" t="s">
        <v>187062</v>
      </c>
      <c r="G55621" s="1" t="s">
        <v>187017</v>
      </c>
      <c r="H55621" s="1" t="s">
        <v>187018</v>
      </c>
      <c r="I55621" s="1" t="s">
        <v>182766</v>
      </c>
      <c r="J55621" s="1" t="s">
        <v>187063</v>
      </c>
    </row>
    <row r="55622" spans="1:10" x14ac:dyDescent="0.35">
      <c r="A55622" s="1" t="s">
        <v>4431</v>
      </c>
      <c r="B55622" s="1" t="s">
        <v>182761</v>
      </c>
      <c r="C55622" s="1" t="s">
        <v>85</v>
      </c>
      <c r="D55622" s="1" t="s">
        <v>187064</v>
      </c>
      <c r="E55622" s="1" t="s">
        <v>187065</v>
      </c>
      <c r="F55622" s="1" t="s">
        <v>187066</v>
      </c>
      <c r="G55622" s="1" t="s">
        <v>187017</v>
      </c>
      <c r="H55622" s="1" t="s">
        <v>187018</v>
      </c>
      <c r="I55622" s="1" t="s">
        <v>182766</v>
      </c>
      <c r="J55622" s="1" t="s">
        <v>187067</v>
      </c>
    </row>
    <row r="55623" spans="1:10" x14ac:dyDescent="0.35">
      <c r="A55623" s="1" t="s">
        <v>4431</v>
      </c>
      <c r="B55623" s="1" t="s">
        <v>182761</v>
      </c>
      <c r="C55623" s="1" t="s">
        <v>90</v>
      </c>
      <c r="D55623" s="1" t="s">
        <v>187068</v>
      </c>
      <c r="E55623" s="1" t="s">
        <v>187069</v>
      </c>
      <c r="F55623" s="1" t="s">
        <v>187070</v>
      </c>
      <c r="G55623" s="1" t="s">
        <v>187017</v>
      </c>
      <c r="H55623" s="1" t="s">
        <v>187018</v>
      </c>
      <c r="I55623" s="1" t="s">
        <v>182766</v>
      </c>
      <c r="J55623" s="1" t="s">
        <v>187071</v>
      </c>
    </row>
    <row r="55624" spans="1:10" x14ac:dyDescent="0.35">
      <c r="A55624" s="1" t="s">
        <v>4431</v>
      </c>
      <c r="B55624" s="1" t="s">
        <v>182761</v>
      </c>
      <c r="C55624" s="1" t="s">
        <v>95</v>
      </c>
      <c r="D55624" s="1" t="s">
        <v>187072</v>
      </c>
      <c r="E55624" s="1" t="s">
        <v>187073</v>
      </c>
      <c r="F55624" s="1" t="s">
        <v>187074</v>
      </c>
      <c r="G55624" s="1" t="s">
        <v>187017</v>
      </c>
      <c r="H55624" s="1" t="s">
        <v>187018</v>
      </c>
      <c r="I55624" s="1" t="s">
        <v>182766</v>
      </c>
      <c r="J55624" s="1" t="s">
        <v>187075</v>
      </c>
    </row>
    <row r="55625" spans="1:10" x14ac:dyDescent="0.35">
      <c r="A55625" s="1" t="s">
        <v>4431</v>
      </c>
      <c r="B55625" s="1" t="s">
        <v>182761</v>
      </c>
      <c r="C55625" s="1" t="s">
        <v>100</v>
      </c>
      <c r="D55625" s="1" t="s">
        <v>187076</v>
      </c>
      <c r="E55625" s="1" t="s">
        <v>187077</v>
      </c>
      <c r="F55625" s="1" t="s">
        <v>187078</v>
      </c>
      <c r="G55625" s="1" t="s">
        <v>187017</v>
      </c>
      <c r="H55625" s="1" t="s">
        <v>187018</v>
      </c>
      <c r="I55625" s="1" t="s">
        <v>182766</v>
      </c>
      <c r="J55625" s="1" t="s">
        <v>187079</v>
      </c>
    </row>
    <row r="55626" spans="1:10" x14ac:dyDescent="0.35">
      <c r="A55626" s="1" t="s">
        <v>4431</v>
      </c>
      <c r="B55626" s="1" t="s">
        <v>182761</v>
      </c>
      <c r="C55626" s="1" t="s">
        <v>105</v>
      </c>
      <c r="D55626" s="1" t="s">
        <v>187080</v>
      </c>
      <c r="E55626" s="1" t="s">
        <v>187081</v>
      </c>
      <c r="F55626" s="1" t="s">
        <v>187082</v>
      </c>
      <c r="G55626" s="1" t="s">
        <v>187017</v>
      </c>
      <c r="H55626" s="1" t="s">
        <v>187018</v>
      </c>
      <c r="I55626" s="1" t="s">
        <v>182766</v>
      </c>
      <c r="J55626" s="1" t="s">
        <v>187083</v>
      </c>
    </row>
    <row r="55627" spans="1:10" x14ac:dyDescent="0.35">
      <c r="A55627" s="1" t="s">
        <v>4431</v>
      </c>
      <c r="B55627" s="1" t="s">
        <v>182761</v>
      </c>
      <c r="C55627" s="1" t="s">
        <v>110</v>
      </c>
      <c r="D55627" s="1" t="s">
        <v>19203</v>
      </c>
      <c r="E55627" s="1" t="s">
        <v>187084</v>
      </c>
      <c r="F55627" s="1" t="s">
        <v>187085</v>
      </c>
      <c r="G55627" s="1" t="s">
        <v>187017</v>
      </c>
      <c r="H55627" s="1" t="s">
        <v>187018</v>
      </c>
      <c r="I55627" s="1" t="s">
        <v>182766</v>
      </c>
      <c r="J55627" s="1" t="s">
        <v>187086</v>
      </c>
    </row>
    <row r="55628" spans="1:10" x14ac:dyDescent="0.35">
      <c r="A55628" s="1" t="s">
        <v>4431</v>
      </c>
      <c r="B55628" s="1" t="s">
        <v>182761</v>
      </c>
      <c r="C55628" s="1" t="s">
        <v>115</v>
      </c>
      <c r="D55628" s="1" t="s">
        <v>187087</v>
      </c>
      <c r="E55628" s="1" t="s">
        <v>187088</v>
      </c>
      <c r="F55628" s="1" t="s">
        <v>187089</v>
      </c>
      <c r="G55628" s="1" t="s">
        <v>187017</v>
      </c>
      <c r="H55628" s="1" t="s">
        <v>187018</v>
      </c>
      <c r="I55628" s="1" t="s">
        <v>182766</v>
      </c>
      <c r="J55628" s="1" t="s">
        <v>187090</v>
      </c>
    </row>
    <row r="55629" spans="1:10" x14ac:dyDescent="0.35">
      <c r="A55629" s="1" t="s">
        <v>4431</v>
      </c>
      <c r="B55629" s="1" t="s">
        <v>182761</v>
      </c>
      <c r="C55629" s="1" t="s">
        <v>120</v>
      </c>
      <c r="D55629" s="1" t="s">
        <v>187091</v>
      </c>
      <c r="E55629" s="1" t="s">
        <v>187092</v>
      </c>
      <c r="F55629" s="1" t="s">
        <v>187093</v>
      </c>
      <c r="G55629" s="1" t="s">
        <v>187017</v>
      </c>
      <c r="H55629" s="1" t="s">
        <v>187018</v>
      </c>
      <c r="I55629" s="1" t="s">
        <v>182766</v>
      </c>
      <c r="J55629" s="1" t="s">
        <v>187094</v>
      </c>
    </row>
    <row r="55630" spans="1:10" x14ac:dyDescent="0.35">
      <c r="A55630" s="1" t="s">
        <v>4431</v>
      </c>
      <c r="B55630" s="1" t="s">
        <v>182761</v>
      </c>
      <c r="C55630" s="1" t="s">
        <v>125</v>
      </c>
      <c r="D55630" s="1" t="s">
        <v>147409</v>
      </c>
      <c r="E55630" s="1" t="s">
        <v>187095</v>
      </c>
      <c r="F55630" s="1" t="s">
        <v>187096</v>
      </c>
      <c r="G55630" s="1" t="s">
        <v>187017</v>
      </c>
      <c r="H55630" s="1" t="s">
        <v>187018</v>
      </c>
      <c r="I55630" s="1" t="s">
        <v>182766</v>
      </c>
      <c r="J55630" s="1" t="s">
        <v>187097</v>
      </c>
    </row>
    <row r="55631" spans="1:10" x14ac:dyDescent="0.35">
      <c r="A55631" s="1" t="s">
        <v>4431</v>
      </c>
      <c r="B55631" s="1" t="s">
        <v>182761</v>
      </c>
      <c r="C55631" s="1" t="s">
        <v>130</v>
      </c>
      <c r="D55631" s="1" t="s">
        <v>187098</v>
      </c>
      <c r="E55631" s="1" t="s">
        <v>187099</v>
      </c>
      <c r="F55631" s="1" t="s">
        <v>187100</v>
      </c>
      <c r="G55631" s="1" t="s">
        <v>187017</v>
      </c>
      <c r="H55631" s="1" t="s">
        <v>187018</v>
      </c>
      <c r="I55631" s="1" t="s">
        <v>182766</v>
      </c>
      <c r="J55631" s="1" t="s">
        <v>187101</v>
      </c>
    </row>
    <row r="55632" spans="1:10" x14ac:dyDescent="0.35">
      <c r="A55632" s="1" t="s">
        <v>4431</v>
      </c>
      <c r="B55632" s="1" t="s">
        <v>182761</v>
      </c>
      <c r="C55632" s="1" t="s">
        <v>135</v>
      </c>
      <c r="D55632" s="1" t="s">
        <v>187102</v>
      </c>
      <c r="E55632" s="1" t="s">
        <v>187103</v>
      </c>
      <c r="F55632" s="1" t="s">
        <v>187104</v>
      </c>
      <c r="G55632" s="1" t="s">
        <v>187017</v>
      </c>
      <c r="H55632" s="1" t="s">
        <v>187018</v>
      </c>
      <c r="I55632" s="1" t="s">
        <v>182766</v>
      </c>
      <c r="J55632" s="1" t="s">
        <v>187105</v>
      </c>
    </row>
    <row r="55633" spans="1:10" x14ac:dyDescent="0.35">
      <c r="A55633" s="1" t="s">
        <v>4431</v>
      </c>
      <c r="B55633" s="1" t="s">
        <v>182761</v>
      </c>
      <c r="C55633" s="1" t="s">
        <v>140</v>
      </c>
      <c r="D55633" s="1" t="s">
        <v>52802</v>
      </c>
      <c r="E55633" s="1" t="s">
        <v>187106</v>
      </c>
      <c r="F55633" s="1" t="s">
        <v>187107</v>
      </c>
      <c r="G55633" s="1" t="s">
        <v>187017</v>
      </c>
      <c r="H55633" s="1" t="s">
        <v>187018</v>
      </c>
      <c r="I55633" s="1" t="s">
        <v>182766</v>
      </c>
      <c r="J55633" s="1" t="s">
        <v>187108</v>
      </c>
    </row>
    <row r="55634" spans="1:10" x14ac:dyDescent="0.35">
      <c r="A55634" s="1" t="s">
        <v>4431</v>
      </c>
      <c r="B55634" s="1" t="s">
        <v>182761</v>
      </c>
      <c r="C55634" s="1" t="s">
        <v>145</v>
      </c>
      <c r="D55634" s="1" t="s">
        <v>187109</v>
      </c>
      <c r="E55634" s="1" t="s">
        <v>187110</v>
      </c>
      <c r="F55634" s="1" t="s">
        <v>187111</v>
      </c>
      <c r="G55634" s="1" t="s">
        <v>187017</v>
      </c>
      <c r="H55634" s="1" t="s">
        <v>187018</v>
      </c>
      <c r="I55634" s="1" t="s">
        <v>182766</v>
      </c>
      <c r="J55634" s="1" t="s">
        <v>187112</v>
      </c>
    </row>
    <row r="55635" spans="1:10" x14ac:dyDescent="0.35">
      <c r="A55635" s="1" t="s">
        <v>4431</v>
      </c>
      <c r="B55635" s="1" t="s">
        <v>182761</v>
      </c>
      <c r="C55635" s="1" t="s">
        <v>150</v>
      </c>
      <c r="D55635" s="1" t="s">
        <v>166915</v>
      </c>
      <c r="E55635" s="1" t="s">
        <v>187113</v>
      </c>
      <c r="F55635" s="1" t="s">
        <v>187114</v>
      </c>
      <c r="G55635" s="1" t="s">
        <v>187017</v>
      </c>
      <c r="H55635" s="1" t="s">
        <v>187018</v>
      </c>
      <c r="I55635" s="1" t="s">
        <v>182766</v>
      </c>
      <c r="J55635" s="1" t="s">
        <v>187115</v>
      </c>
    </row>
    <row r="55636" spans="1:10" x14ac:dyDescent="0.35">
      <c r="A55636" s="1" t="s">
        <v>4431</v>
      </c>
      <c r="B55636" s="1" t="s">
        <v>182761</v>
      </c>
      <c r="C55636" s="1" t="s">
        <v>155</v>
      </c>
      <c r="D55636" s="1" t="s">
        <v>184486</v>
      </c>
      <c r="E55636" s="1" t="s">
        <v>187116</v>
      </c>
      <c r="F55636" s="1" t="s">
        <v>187117</v>
      </c>
      <c r="G55636" s="1" t="s">
        <v>187017</v>
      </c>
      <c r="H55636" s="1" t="s">
        <v>187018</v>
      </c>
      <c r="I55636" s="1" t="s">
        <v>182766</v>
      </c>
      <c r="J55636" s="1" t="s">
        <v>187118</v>
      </c>
    </row>
    <row r="55637" spans="1:10" x14ac:dyDescent="0.35">
      <c r="A55637" s="1" t="s">
        <v>4431</v>
      </c>
      <c r="B55637" s="1" t="s">
        <v>182761</v>
      </c>
      <c r="C55637" s="1" t="s">
        <v>160</v>
      </c>
      <c r="D55637" s="1" t="s">
        <v>187119</v>
      </c>
      <c r="E55637" s="1" t="s">
        <v>187120</v>
      </c>
      <c r="F55637" s="1" t="s">
        <v>187121</v>
      </c>
      <c r="G55637" s="1" t="s">
        <v>187017</v>
      </c>
      <c r="H55637" s="1" t="s">
        <v>187018</v>
      </c>
      <c r="I55637" s="1" t="s">
        <v>182766</v>
      </c>
      <c r="J55637" s="1" t="s">
        <v>187122</v>
      </c>
    </row>
    <row r="55638" spans="1:10" x14ac:dyDescent="0.35">
      <c r="A55638" s="1" t="s">
        <v>4431</v>
      </c>
      <c r="B55638" s="1" t="s">
        <v>182761</v>
      </c>
      <c r="C55638" s="1" t="s">
        <v>165</v>
      </c>
      <c r="D55638" s="1" t="s">
        <v>98420</v>
      </c>
      <c r="E55638" s="1" t="s">
        <v>187123</v>
      </c>
      <c r="F55638" s="1" t="s">
        <v>187124</v>
      </c>
      <c r="G55638" s="1" t="s">
        <v>187017</v>
      </c>
      <c r="H55638" s="1" t="s">
        <v>187018</v>
      </c>
      <c r="I55638" s="1" t="s">
        <v>182766</v>
      </c>
      <c r="J55638" s="1" t="s">
        <v>187125</v>
      </c>
    </row>
    <row r="55639" spans="1:10" x14ac:dyDescent="0.35">
      <c r="A55639" s="1" t="s">
        <v>4431</v>
      </c>
      <c r="B55639" s="1" t="s">
        <v>182761</v>
      </c>
      <c r="C55639" s="1" t="s">
        <v>170</v>
      </c>
      <c r="D55639" s="1" t="s">
        <v>187126</v>
      </c>
      <c r="E55639" s="1" t="s">
        <v>187127</v>
      </c>
      <c r="F55639" s="1" t="s">
        <v>187128</v>
      </c>
      <c r="G55639" s="1" t="s">
        <v>187017</v>
      </c>
      <c r="H55639" s="1" t="s">
        <v>187018</v>
      </c>
      <c r="I55639" s="1" t="s">
        <v>182766</v>
      </c>
      <c r="J55639" s="1" t="s">
        <v>186901</v>
      </c>
    </row>
    <row r="55640" spans="1:10" x14ac:dyDescent="0.35">
      <c r="A55640" s="1" t="s">
        <v>27791</v>
      </c>
      <c r="B55640" s="1" t="s">
        <v>187129</v>
      </c>
      <c r="C55640" s="1" t="s">
        <v>8</v>
      </c>
      <c r="D55640" s="1" t="s">
        <v>187130</v>
      </c>
      <c r="E55640" s="1" t="s">
        <v>187131</v>
      </c>
      <c r="F55640" s="1" t="s">
        <v>187132</v>
      </c>
      <c r="G55640" s="1" t="s">
        <v>187133</v>
      </c>
      <c r="H55640" s="1" t="s">
        <v>187134</v>
      </c>
      <c r="I55640" s="1" t="s">
        <v>187135</v>
      </c>
      <c r="J55640" s="1" t="s">
        <v>13</v>
      </c>
    </row>
    <row r="55641" spans="1:10" x14ac:dyDescent="0.35">
      <c r="A55641" s="1" t="s">
        <v>27791</v>
      </c>
      <c r="B55641" s="1" t="s">
        <v>187129</v>
      </c>
      <c r="C55641" s="1" t="s">
        <v>15</v>
      </c>
      <c r="D55641" s="1" t="s">
        <v>50632</v>
      </c>
      <c r="E55641" s="1" t="s">
        <v>187136</v>
      </c>
      <c r="F55641" s="1" t="s">
        <v>187137</v>
      </c>
      <c r="G55641" s="1" t="s">
        <v>187133</v>
      </c>
      <c r="H55641" s="1" t="s">
        <v>187134</v>
      </c>
      <c r="I55641" s="1" t="s">
        <v>187135</v>
      </c>
      <c r="J55641" s="1" t="s">
        <v>187138</v>
      </c>
    </row>
    <row r="55642" spans="1:10" x14ac:dyDescent="0.35">
      <c r="A55642" s="1" t="s">
        <v>27791</v>
      </c>
      <c r="B55642" s="1" t="s">
        <v>187129</v>
      </c>
      <c r="C55642" s="1" t="s">
        <v>20</v>
      </c>
      <c r="D55642" s="1" t="s">
        <v>111780</v>
      </c>
      <c r="E55642" s="1" t="s">
        <v>187139</v>
      </c>
      <c r="F55642" s="1" t="s">
        <v>187140</v>
      </c>
      <c r="G55642" s="1" t="s">
        <v>187133</v>
      </c>
      <c r="H55642" s="1" t="s">
        <v>187134</v>
      </c>
      <c r="I55642" s="1" t="s">
        <v>187135</v>
      </c>
      <c r="J55642" s="1" t="s">
        <v>187141</v>
      </c>
    </row>
    <row r="55643" spans="1:10" x14ac:dyDescent="0.35">
      <c r="A55643" s="1" t="s">
        <v>27791</v>
      </c>
      <c r="B55643" s="1" t="s">
        <v>187129</v>
      </c>
      <c r="C55643" s="1" t="s">
        <v>25</v>
      </c>
      <c r="D55643" s="1" t="s">
        <v>1426</v>
      </c>
      <c r="E55643" s="1" t="s">
        <v>187142</v>
      </c>
      <c r="F55643" s="1" t="s">
        <v>187143</v>
      </c>
      <c r="G55643" s="1" t="s">
        <v>187133</v>
      </c>
      <c r="H55643" s="1" t="s">
        <v>187134</v>
      </c>
      <c r="I55643" s="1" t="s">
        <v>187135</v>
      </c>
      <c r="J55643" s="1" t="s">
        <v>187144</v>
      </c>
    </row>
    <row r="55644" spans="1:10" x14ac:dyDescent="0.35">
      <c r="A55644" s="1" t="s">
        <v>27791</v>
      </c>
      <c r="B55644" s="1" t="s">
        <v>187129</v>
      </c>
      <c r="C55644" s="1" t="s">
        <v>30</v>
      </c>
      <c r="D55644" s="1" t="s">
        <v>71037</v>
      </c>
      <c r="E55644" s="1" t="s">
        <v>187145</v>
      </c>
      <c r="F55644" s="1" t="s">
        <v>187146</v>
      </c>
      <c r="G55644" s="1" t="s">
        <v>187133</v>
      </c>
      <c r="H55644" s="1" t="s">
        <v>187134</v>
      </c>
      <c r="I55644" s="1" t="s">
        <v>187135</v>
      </c>
      <c r="J55644" s="1" t="s">
        <v>187147</v>
      </c>
    </row>
    <row r="55645" spans="1:10" x14ac:dyDescent="0.35">
      <c r="A55645" s="1" t="s">
        <v>27791</v>
      </c>
      <c r="B55645" s="1" t="s">
        <v>187129</v>
      </c>
      <c r="C55645" s="1" t="s">
        <v>35</v>
      </c>
      <c r="D55645" s="1" t="s">
        <v>111053</v>
      </c>
      <c r="E55645" s="1" t="s">
        <v>187148</v>
      </c>
      <c r="F55645" s="1" t="s">
        <v>187149</v>
      </c>
      <c r="G55645" s="1" t="s">
        <v>187133</v>
      </c>
      <c r="H55645" s="1" t="s">
        <v>187134</v>
      </c>
      <c r="I55645" s="1" t="s">
        <v>187135</v>
      </c>
      <c r="J55645" s="1" t="s">
        <v>187150</v>
      </c>
    </row>
    <row r="55646" spans="1:10" x14ac:dyDescent="0.35">
      <c r="A55646" s="1" t="s">
        <v>27791</v>
      </c>
      <c r="B55646" s="1" t="s">
        <v>187129</v>
      </c>
      <c r="C55646" s="1" t="s">
        <v>40</v>
      </c>
      <c r="D55646" s="1" t="s">
        <v>111960</v>
      </c>
      <c r="E55646" s="1" t="s">
        <v>187151</v>
      </c>
      <c r="F55646" s="1" t="s">
        <v>187152</v>
      </c>
      <c r="G55646" s="1" t="s">
        <v>187133</v>
      </c>
      <c r="H55646" s="1" t="s">
        <v>187134</v>
      </c>
      <c r="I55646" s="1" t="s">
        <v>187135</v>
      </c>
      <c r="J55646" s="1" t="s">
        <v>187153</v>
      </c>
    </row>
    <row r="55647" spans="1:10" x14ac:dyDescent="0.35">
      <c r="A55647" s="1" t="s">
        <v>27791</v>
      </c>
      <c r="B55647" s="1" t="s">
        <v>187129</v>
      </c>
      <c r="C55647" s="1" t="s">
        <v>45</v>
      </c>
      <c r="D55647" s="1" t="s">
        <v>187154</v>
      </c>
      <c r="E55647" s="1" t="s">
        <v>187155</v>
      </c>
      <c r="F55647" s="1" t="s">
        <v>187156</v>
      </c>
      <c r="G55647" s="1" t="s">
        <v>187133</v>
      </c>
      <c r="H55647" s="1" t="s">
        <v>187134</v>
      </c>
      <c r="I55647" s="1" t="s">
        <v>187135</v>
      </c>
      <c r="J55647" s="1" t="s">
        <v>187157</v>
      </c>
    </row>
    <row r="55648" spans="1:10" x14ac:dyDescent="0.35">
      <c r="A55648" s="1" t="s">
        <v>27791</v>
      </c>
      <c r="B55648" s="1" t="s">
        <v>187129</v>
      </c>
      <c r="C55648" s="1" t="s">
        <v>50</v>
      </c>
      <c r="D55648" s="1" t="s">
        <v>28620</v>
      </c>
      <c r="E55648" s="1" t="s">
        <v>187158</v>
      </c>
      <c r="F55648" s="1" t="s">
        <v>187159</v>
      </c>
      <c r="G55648" s="1" t="s">
        <v>187133</v>
      </c>
      <c r="H55648" s="1" t="s">
        <v>187134</v>
      </c>
      <c r="I55648" s="1" t="s">
        <v>187135</v>
      </c>
      <c r="J55648" s="1" t="s">
        <v>187160</v>
      </c>
    </row>
    <row r="55649" spans="1:10" x14ac:dyDescent="0.35">
      <c r="A55649" s="1" t="s">
        <v>27791</v>
      </c>
      <c r="B55649" s="1" t="s">
        <v>187129</v>
      </c>
      <c r="C55649" s="1" t="s">
        <v>55</v>
      </c>
      <c r="D55649" s="1" t="s">
        <v>109812</v>
      </c>
      <c r="E55649" s="1" t="s">
        <v>187161</v>
      </c>
      <c r="F55649" s="1" t="s">
        <v>187162</v>
      </c>
      <c r="G55649" s="1" t="s">
        <v>187133</v>
      </c>
      <c r="H55649" s="1" t="s">
        <v>187134</v>
      </c>
      <c r="I55649" s="1" t="s">
        <v>187135</v>
      </c>
      <c r="J55649" s="1" t="s">
        <v>187163</v>
      </c>
    </row>
    <row r="55650" spans="1:10" x14ac:dyDescent="0.35">
      <c r="A55650" s="1" t="s">
        <v>27791</v>
      </c>
      <c r="B55650" s="1" t="s">
        <v>187129</v>
      </c>
      <c r="C55650" s="1" t="s">
        <v>60</v>
      </c>
      <c r="D55650" s="1" t="s">
        <v>161126</v>
      </c>
      <c r="E55650" s="1" t="s">
        <v>187164</v>
      </c>
      <c r="F55650" s="1" t="s">
        <v>187165</v>
      </c>
      <c r="G55650" s="1" t="s">
        <v>187133</v>
      </c>
      <c r="H55650" s="1" t="s">
        <v>187134</v>
      </c>
      <c r="I55650" s="1" t="s">
        <v>187135</v>
      </c>
      <c r="J55650" s="1" t="s">
        <v>187166</v>
      </c>
    </row>
    <row r="55651" spans="1:10" x14ac:dyDescent="0.35">
      <c r="A55651" s="1" t="s">
        <v>27791</v>
      </c>
      <c r="B55651" s="1" t="s">
        <v>187129</v>
      </c>
      <c r="C55651" s="1" t="s">
        <v>65</v>
      </c>
      <c r="D55651" s="1" t="s">
        <v>73311</v>
      </c>
      <c r="E55651" s="1" t="s">
        <v>187167</v>
      </c>
      <c r="F55651" s="1" t="s">
        <v>187168</v>
      </c>
      <c r="G55651" s="1" t="s">
        <v>187133</v>
      </c>
      <c r="H55651" s="1" t="s">
        <v>187134</v>
      </c>
      <c r="I55651" s="1" t="s">
        <v>187135</v>
      </c>
      <c r="J55651" s="1" t="s">
        <v>187169</v>
      </c>
    </row>
    <row r="55652" spans="1:10" x14ac:dyDescent="0.35">
      <c r="A55652" s="1" t="s">
        <v>27791</v>
      </c>
      <c r="B55652" s="1" t="s">
        <v>187129</v>
      </c>
      <c r="C55652" s="1" t="s">
        <v>70</v>
      </c>
      <c r="D55652" s="1" t="s">
        <v>116184</v>
      </c>
      <c r="E55652" s="1" t="s">
        <v>187170</v>
      </c>
      <c r="F55652" s="1" t="s">
        <v>187171</v>
      </c>
      <c r="G55652" s="1" t="s">
        <v>187133</v>
      </c>
      <c r="H55652" s="1" t="s">
        <v>187134</v>
      </c>
      <c r="I55652" s="1" t="s">
        <v>187135</v>
      </c>
      <c r="J55652" s="1" t="s">
        <v>187172</v>
      </c>
    </row>
    <row r="55653" spans="1:10" x14ac:dyDescent="0.35">
      <c r="A55653" s="1" t="s">
        <v>27791</v>
      </c>
      <c r="B55653" s="1" t="s">
        <v>187129</v>
      </c>
      <c r="C55653" s="1" t="s">
        <v>75</v>
      </c>
      <c r="D55653" s="1" t="s">
        <v>168883</v>
      </c>
      <c r="E55653" s="1" t="s">
        <v>187173</v>
      </c>
      <c r="F55653" s="1" t="s">
        <v>187174</v>
      </c>
      <c r="G55653" s="1" t="s">
        <v>187133</v>
      </c>
      <c r="H55653" s="1" t="s">
        <v>187134</v>
      </c>
      <c r="I55653" s="1" t="s">
        <v>187135</v>
      </c>
      <c r="J55653" s="1" t="s">
        <v>187175</v>
      </c>
    </row>
    <row r="55654" spans="1:10" x14ac:dyDescent="0.35">
      <c r="A55654" s="1" t="s">
        <v>27791</v>
      </c>
      <c r="B55654" s="1" t="s">
        <v>187129</v>
      </c>
      <c r="C55654" s="1" t="s">
        <v>80</v>
      </c>
      <c r="D55654" s="1" t="s">
        <v>187176</v>
      </c>
      <c r="E55654" s="1" t="s">
        <v>187177</v>
      </c>
      <c r="F55654" s="1" t="s">
        <v>187178</v>
      </c>
      <c r="G55654" s="1" t="s">
        <v>187133</v>
      </c>
      <c r="H55654" s="1" t="s">
        <v>187134</v>
      </c>
      <c r="I55654" s="1" t="s">
        <v>187135</v>
      </c>
      <c r="J55654" s="1" t="s">
        <v>187179</v>
      </c>
    </row>
    <row r="55655" spans="1:10" x14ac:dyDescent="0.35">
      <c r="A55655" s="1" t="s">
        <v>27791</v>
      </c>
      <c r="B55655" s="1" t="s">
        <v>187129</v>
      </c>
      <c r="C55655" s="1" t="s">
        <v>85</v>
      </c>
      <c r="D55655" s="1" t="s">
        <v>151336</v>
      </c>
      <c r="E55655" s="1" t="s">
        <v>187180</v>
      </c>
      <c r="F55655" s="1" t="s">
        <v>187181</v>
      </c>
      <c r="G55655" s="1" t="s">
        <v>187133</v>
      </c>
      <c r="H55655" s="1" t="s">
        <v>187134</v>
      </c>
      <c r="I55655" s="1" t="s">
        <v>187135</v>
      </c>
      <c r="J55655" s="1" t="s">
        <v>187182</v>
      </c>
    </row>
    <row r="55656" spans="1:10" x14ac:dyDescent="0.35">
      <c r="A55656" s="1" t="s">
        <v>27791</v>
      </c>
      <c r="B55656" s="1" t="s">
        <v>187129</v>
      </c>
      <c r="C55656" s="1" t="s">
        <v>90</v>
      </c>
      <c r="D55656" s="1" t="s">
        <v>151769</v>
      </c>
      <c r="E55656" s="1" t="s">
        <v>187183</v>
      </c>
      <c r="F55656" s="1" t="s">
        <v>187184</v>
      </c>
      <c r="G55656" s="1" t="s">
        <v>187133</v>
      </c>
      <c r="H55656" s="1" t="s">
        <v>187134</v>
      </c>
      <c r="I55656" s="1" t="s">
        <v>187135</v>
      </c>
      <c r="J55656" s="1" t="s">
        <v>187185</v>
      </c>
    </row>
    <row r="55657" spans="1:10" x14ac:dyDescent="0.35">
      <c r="A55657" s="1" t="s">
        <v>27791</v>
      </c>
      <c r="B55657" s="1" t="s">
        <v>187129</v>
      </c>
      <c r="C55657" s="1" t="s">
        <v>95</v>
      </c>
      <c r="D55657" s="1" t="s">
        <v>16145</v>
      </c>
      <c r="E55657" s="1" t="s">
        <v>187186</v>
      </c>
      <c r="F55657" s="1" t="s">
        <v>187187</v>
      </c>
      <c r="G55657" s="1" t="s">
        <v>187133</v>
      </c>
      <c r="H55657" s="1" t="s">
        <v>187134</v>
      </c>
      <c r="I55657" s="1" t="s">
        <v>187135</v>
      </c>
      <c r="J55657" s="1" t="s">
        <v>187188</v>
      </c>
    </row>
    <row r="55658" spans="1:10" x14ac:dyDescent="0.35">
      <c r="A55658" s="1" t="s">
        <v>27791</v>
      </c>
      <c r="B55658" s="1" t="s">
        <v>187129</v>
      </c>
      <c r="C55658" s="1" t="s">
        <v>100</v>
      </c>
      <c r="D55658" s="1" t="s">
        <v>18829</v>
      </c>
      <c r="E55658" s="1" t="s">
        <v>187189</v>
      </c>
      <c r="F55658" s="1" t="s">
        <v>187190</v>
      </c>
      <c r="G55658" s="1" t="s">
        <v>187133</v>
      </c>
      <c r="H55658" s="1" t="s">
        <v>187134</v>
      </c>
      <c r="I55658" s="1" t="s">
        <v>187135</v>
      </c>
      <c r="J55658" s="1" t="s">
        <v>187191</v>
      </c>
    </row>
    <row r="55659" spans="1:10" x14ac:dyDescent="0.35">
      <c r="A55659" s="1" t="s">
        <v>27791</v>
      </c>
      <c r="B55659" s="1" t="s">
        <v>187129</v>
      </c>
      <c r="C55659" s="1" t="s">
        <v>105</v>
      </c>
      <c r="D55659" s="1" t="s">
        <v>38874</v>
      </c>
      <c r="E55659" s="1" t="s">
        <v>187192</v>
      </c>
      <c r="F55659" s="1" t="s">
        <v>187193</v>
      </c>
      <c r="G55659" s="1" t="s">
        <v>187133</v>
      </c>
      <c r="H55659" s="1" t="s">
        <v>187134</v>
      </c>
      <c r="I55659" s="1" t="s">
        <v>187135</v>
      </c>
      <c r="J55659" s="1" t="s">
        <v>187194</v>
      </c>
    </row>
    <row r="55660" spans="1:10" x14ac:dyDescent="0.35">
      <c r="A55660" s="1" t="s">
        <v>27791</v>
      </c>
      <c r="B55660" s="1" t="s">
        <v>187129</v>
      </c>
      <c r="C55660" s="1" t="s">
        <v>110</v>
      </c>
      <c r="D55660" s="1" t="s">
        <v>71334</v>
      </c>
      <c r="E55660" s="1" t="s">
        <v>187195</v>
      </c>
      <c r="F55660" s="1" t="s">
        <v>187196</v>
      </c>
      <c r="G55660" s="1" t="s">
        <v>187133</v>
      </c>
      <c r="H55660" s="1" t="s">
        <v>187134</v>
      </c>
      <c r="I55660" s="1" t="s">
        <v>187135</v>
      </c>
      <c r="J55660" s="1" t="s">
        <v>187197</v>
      </c>
    </row>
    <row r="55661" spans="1:10" x14ac:dyDescent="0.35">
      <c r="A55661" s="1" t="s">
        <v>27791</v>
      </c>
      <c r="B55661" s="1" t="s">
        <v>187129</v>
      </c>
      <c r="C55661" s="1" t="s">
        <v>115</v>
      </c>
      <c r="D55661" s="1" t="s">
        <v>123333</v>
      </c>
      <c r="E55661" s="1" t="s">
        <v>187198</v>
      </c>
      <c r="F55661" s="1" t="s">
        <v>187199</v>
      </c>
      <c r="G55661" s="1" t="s">
        <v>187133</v>
      </c>
      <c r="H55661" s="1" t="s">
        <v>187134</v>
      </c>
      <c r="I55661" s="1" t="s">
        <v>187135</v>
      </c>
      <c r="J55661" s="1" t="s">
        <v>187200</v>
      </c>
    </row>
    <row r="55662" spans="1:10" x14ac:dyDescent="0.35">
      <c r="A55662" s="1" t="s">
        <v>27791</v>
      </c>
      <c r="B55662" s="1" t="s">
        <v>187129</v>
      </c>
      <c r="C55662" s="1" t="s">
        <v>120</v>
      </c>
      <c r="D55662" s="1" t="s">
        <v>15823</v>
      </c>
      <c r="E55662" s="1" t="s">
        <v>187201</v>
      </c>
      <c r="F55662" s="1" t="s">
        <v>187202</v>
      </c>
      <c r="G55662" s="1" t="s">
        <v>187133</v>
      </c>
      <c r="H55662" s="1" t="s">
        <v>187134</v>
      </c>
      <c r="I55662" s="1" t="s">
        <v>187135</v>
      </c>
      <c r="J55662" s="1" t="s">
        <v>187203</v>
      </c>
    </row>
    <row r="55663" spans="1:10" x14ac:dyDescent="0.35">
      <c r="A55663" s="1" t="s">
        <v>27791</v>
      </c>
      <c r="B55663" s="1" t="s">
        <v>187129</v>
      </c>
      <c r="C55663" s="1" t="s">
        <v>125</v>
      </c>
      <c r="D55663" s="1" t="s">
        <v>187204</v>
      </c>
      <c r="E55663" s="1" t="s">
        <v>187205</v>
      </c>
      <c r="F55663" s="1" t="s">
        <v>187206</v>
      </c>
      <c r="G55663" s="1" t="s">
        <v>187133</v>
      </c>
      <c r="H55663" s="1" t="s">
        <v>187134</v>
      </c>
      <c r="I55663" s="1" t="s">
        <v>187135</v>
      </c>
      <c r="J55663" s="1" t="s">
        <v>187207</v>
      </c>
    </row>
    <row r="55664" spans="1:10" x14ac:dyDescent="0.35">
      <c r="A55664" s="1" t="s">
        <v>27791</v>
      </c>
      <c r="B55664" s="1" t="s">
        <v>187129</v>
      </c>
      <c r="C55664" s="1" t="s">
        <v>130</v>
      </c>
      <c r="D55664" s="1" t="s">
        <v>74149</v>
      </c>
      <c r="E55664" s="1" t="s">
        <v>187208</v>
      </c>
      <c r="F55664" s="1" t="s">
        <v>187209</v>
      </c>
      <c r="G55664" s="1" t="s">
        <v>187133</v>
      </c>
      <c r="H55664" s="1" t="s">
        <v>187134</v>
      </c>
      <c r="I55664" s="1" t="s">
        <v>187135</v>
      </c>
      <c r="J55664" s="1" t="s">
        <v>187210</v>
      </c>
    </row>
    <row r="55665" spans="1:10" x14ac:dyDescent="0.35">
      <c r="A55665" s="1" t="s">
        <v>27791</v>
      </c>
      <c r="B55665" s="1" t="s">
        <v>187129</v>
      </c>
      <c r="C55665" s="1" t="s">
        <v>135</v>
      </c>
      <c r="D55665" s="1" t="s">
        <v>8831</v>
      </c>
      <c r="E55665" s="1" t="s">
        <v>187211</v>
      </c>
      <c r="F55665" s="1" t="s">
        <v>187212</v>
      </c>
      <c r="G55665" s="1" t="s">
        <v>187133</v>
      </c>
      <c r="H55665" s="1" t="s">
        <v>187134</v>
      </c>
      <c r="I55665" s="1" t="s">
        <v>187135</v>
      </c>
      <c r="J55665" s="1" t="s">
        <v>187213</v>
      </c>
    </row>
    <row r="55666" spans="1:10" x14ac:dyDescent="0.35">
      <c r="A55666" s="1" t="s">
        <v>27791</v>
      </c>
      <c r="B55666" s="1" t="s">
        <v>187129</v>
      </c>
      <c r="C55666" s="1" t="s">
        <v>140</v>
      </c>
      <c r="D55666" s="1" t="s">
        <v>35366</v>
      </c>
      <c r="E55666" s="1" t="s">
        <v>187214</v>
      </c>
      <c r="F55666" s="1" t="s">
        <v>187215</v>
      </c>
      <c r="G55666" s="1" t="s">
        <v>187133</v>
      </c>
      <c r="H55666" s="1" t="s">
        <v>187134</v>
      </c>
      <c r="I55666" s="1" t="s">
        <v>187135</v>
      </c>
      <c r="J55666" s="1" t="s">
        <v>187216</v>
      </c>
    </row>
    <row r="55667" spans="1:10" x14ac:dyDescent="0.35">
      <c r="A55667" s="1" t="s">
        <v>27791</v>
      </c>
      <c r="B55667" s="1" t="s">
        <v>187129</v>
      </c>
      <c r="C55667" s="1" t="s">
        <v>145</v>
      </c>
      <c r="D55667" s="1" t="s">
        <v>187217</v>
      </c>
      <c r="E55667" s="1" t="s">
        <v>187218</v>
      </c>
      <c r="F55667" s="1" t="s">
        <v>187219</v>
      </c>
      <c r="G55667" s="1" t="s">
        <v>187133</v>
      </c>
      <c r="H55667" s="1" t="s">
        <v>187134</v>
      </c>
      <c r="I55667" s="1" t="s">
        <v>187135</v>
      </c>
      <c r="J55667" s="1" t="s">
        <v>187220</v>
      </c>
    </row>
    <row r="55668" spans="1:10" x14ac:dyDescent="0.35">
      <c r="A55668" s="1" t="s">
        <v>27791</v>
      </c>
      <c r="B55668" s="1" t="s">
        <v>187129</v>
      </c>
      <c r="C55668" s="1" t="s">
        <v>150</v>
      </c>
      <c r="D55668" s="1" t="s">
        <v>121</v>
      </c>
      <c r="E55668" s="1" t="s">
        <v>187221</v>
      </c>
      <c r="F55668" s="1" t="s">
        <v>187222</v>
      </c>
      <c r="G55668" s="1" t="s">
        <v>187133</v>
      </c>
      <c r="H55668" s="1" t="s">
        <v>187134</v>
      </c>
      <c r="I55668" s="1" t="s">
        <v>187135</v>
      </c>
      <c r="J55668" s="1" t="s">
        <v>187223</v>
      </c>
    </row>
    <row r="55669" spans="1:10" x14ac:dyDescent="0.35">
      <c r="A55669" s="1" t="s">
        <v>27791</v>
      </c>
      <c r="B55669" s="1" t="s">
        <v>187129</v>
      </c>
      <c r="C55669" s="1" t="s">
        <v>155</v>
      </c>
      <c r="D55669" s="1" t="s">
        <v>176924</v>
      </c>
      <c r="E55669" s="1" t="s">
        <v>187224</v>
      </c>
      <c r="F55669" s="1" t="s">
        <v>187225</v>
      </c>
      <c r="G55669" s="1" t="s">
        <v>187133</v>
      </c>
      <c r="H55669" s="1" t="s">
        <v>187134</v>
      </c>
      <c r="I55669" s="1" t="s">
        <v>187135</v>
      </c>
      <c r="J55669" s="1" t="s">
        <v>187226</v>
      </c>
    </row>
    <row r="55670" spans="1:10" x14ac:dyDescent="0.35">
      <c r="A55670" s="1" t="s">
        <v>27791</v>
      </c>
      <c r="B55670" s="1" t="s">
        <v>187129</v>
      </c>
      <c r="C55670" s="1" t="s">
        <v>160</v>
      </c>
      <c r="D55670" s="1" t="s">
        <v>154920</v>
      </c>
      <c r="E55670" s="1" t="s">
        <v>187227</v>
      </c>
      <c r="F55670" s="1" t="s">
        <v>187228</v>
      </c>
      <c r="G55670" s="1" t="s">
        <v>187133</v>
      </c>
      <c r="H55670" s="1" t="s">
        <v>187134</v>
      </c>
      <c r="I55670" s="1" t="s">
        <v>187135</v>
      </c>
      <c r="J55670" s="1" t="s">
        <v>187229</v>
      </c>
    </row>
    <row r="55671" spans="1:10" x14ac:dyDescent="0.35">
      <c r="A55671" s="1" t="s">
        <v>27791</v>
      </c>
      <c r="B55671" s="1" t="s">
        <v>187129</v>
      </c>
      <c r="C55671" s="1" t="s">
        <v>165</v>
      </c>
      <c r="D55671" s="1" t="s">
        <v>18231</v>
      </c>
      <c r="E55671" s="1" t="s">
        <v>187230</v>
      </c>
      <c r="F55671" s="1" t="s">
        <v>187231</v>
      </c>
      <c r="G55671" s="1" t="s">
        <v>187133</v>
      </c>
      <c r="H55671" s="1" t="s">
        <v>187134</v>
      </c>
      <c r="I55671" s="1" t="s">
        <v>187135</v>
      </c>
      <c r="J55671" s="1" t="s">
        <v>187232</v>
      </c>
    </row>
    <row r="55672" spans="1:10" x14ac:dyDescent="0.35">
      <c r="A55672" s="1" t="s">
        <v>27791</v>
      </c>
      <c r="B55672" s="1" t="s">
        <v>187129</v>
      </c>
      <c r="C55672" s="1" t="s">
        <v>170</v>
      </c>
      <c r="D55672" s="1" t="s">
        <v>187233</v>
      </c>
      <c r="E55672" s="1" t="s">
        <v>187234</v>
      </c>
      <c r="F55672" s="1" t="s">
        <v>187235</v>
      </c>
      <c r="G55672" s="1" t="s">
        <v>187133</v>
      </c>
      <c r="H55672" s="1" t="s">
        <v>187134</v>
      </c>
      <c r="I55672" s="1" t="s">
        <v>187135</v>
      </c>
      <c r="J55672" s="1" t="s">
        <v>187236</v>
      </c>
    </row>
    <row r="55673" spans="1:10" x14ac:dyDescent="0.35">
      <c r="A55673" s="1" t="s">
        <v>187237</v>
      </c>
      <c r="B55673" s="1" t="s">
        <v>187129</v>
      </c>
      <c r="C55673" s="1" t="s">
        <v>8</v>
      </c>
      <c r="D55673" s="1" t="s">
        <v>42134</v>
      </c>
      <c r="E55673" s="1" t="s">
        <v>187238</v>
      </c>
      <c r="F55673" s="1" t="s">
        <v>187239</v>
      </c>
      <c r="G55673" s="1" t="s">
        <v>187240</v>
      </c>
      <c r="H55673" s="1" t="s">
        <v>187241</v>
      </c>
      <c r="I55673" s="1" t="s">
        <v>187135</v>
      </c>
      <c r="J55673" s="1" t="s">
        <v>13</v>
      </c>
    </row>
    <row r="55674" spans="1:10" x14ac:dyDescent="0.35">
      <c r="A55674" s="1" t="s">
        <v>187237</v>
      </c>
      <c r="B55674" s="1" t="s">
        <v>187129</v>
      </c>
      <c r="C55674" s="1" t="s">
        <v>15</v>
      </c>
      <c r="D55674" s="1" t="s">
        <v>15292</v>
      </c>
      <c r="E55674" s="1" t="s">
        <v>187242</v>
      </c>
      <c r="F55674" s="1" t="s">
        <v>187243</v>
      </c>
      <c r="G55674" s="1" t="s">
        <v>187240</v>
      </c>
      <c r="H55674" s="1" t="s">
        <v>187241</v>
      </c>
      <c r="I55674" s="1" t="s">
        <v>187135</v>
      </c>
      <c r="J55674" s="1" t="s">
        <v>187244</v>
      </c>
    </row>
    <row r="55675" spans="1:10" x14ac:dyDescent="0.35">
      <c r="A55675" s="1" t="s">
        <v>187237</v>
      </c>
      <c r="B55675" s="1" t="s">
        <v>187129</v>
      </c>
      <c r="C55675" s="1" t="s">
        <v>20</v>
      </c>
      <c r="D55675" s="1" t="s">
        <v>187245</v>
      </c>
      <c r="E55675" s="1" t="s">
        <v>187246</v>
      </c>
      <c r="F55675" s="1" t="s">
        <v>187247</v>
      </c>
      <c r="G55675" s="1" t="s">
        <v>187240</v>
      </c>
      <c r="H55675" s="1" t="s">
        <v>187241</v>
      </c>
      <c r="I55675" s="1" t="s">
        <v>187135</v>
      </c>
      <c r="J55675" s="1" t="s">
        <v>187248</v>
      </c>
    </row>
    <row r="55676" spans="1:10" x14ac:dyDescent="0.35">
      <c r="A55676" s="1" t="s">
        <v>187237</v>
      </c>
      <c r="B55676" s="1" t="s">
        <v>187129</v>
      </c>
      <c r="C55676" s="1" t="s">
        <v>25</v>
      </c>
      <c r="D55676" s="1" t="s">
        <v>152466</v>
      </c>
      <c r="E55676" s="1" t="s">
        <v>187249</v>
      </c>
      <c r="F55676" s="1" t="s">
        <v>187250</v>
      </c>
      <c r="G55676" s="1" t="s">
        <v>187240</v>
      </c>
      <c r="H55676" s="1" t="s">
        <v>187241</v>
      </c>
      <c r="I55676" s="1" t="s">
        <v>187135</v>
      </c>
      <c r="J55676" s="1" t="s">
        <v>187251</v>
      </c>
    </row>
    <row r="55677" spans="1:10" x14ac:dyDescent="0.35">
      <c r="A55677" s="1" t="s">
        <v>187237</v>
      </c>
      <c r="B55677" s="1" t="s">
        <v>187129</v>
      </c>
      <c r="C55677" s="1" t="s">
        <v>30</v>
      </c>
      <c r="D55677" s="1" t="s">
        <v>33659</v>
      </c>
      <c r="E55677" s="1" t="s">
        <v>187252</v>
      </c>
      <c r="F55677" s="1" t="s">
        <v>187253</v>
      </c>
      <c r="G55677" s="1" t="s">
        <v>187240</v>
      </c>
      <c r="H55677" s="1" t="s">
        <v>187241</v>
      </c>
      <c r="I55677" s="1" t="s">
        <v>187135</v>
      </c>
      <c r="J55677" s="1" t="s">
        <v>187254</v>
      </c>
    </row>
    <row r="55678" spans="1:10" x14ac:dyDescent="0.35">
      <c r="A55678" s="1" t="s">
        <v>187237</v>
      </c>
      <c r="B55678" s="1" t="s">
        <v>187129</v>
      </c>
      <c r="C55678" s="1" t="s">
        <v>35</v>
      </c>
      <c r="D55678" s="1" t="s">
        <v>187255</v>
      </c>
      <c r="E55678" s="1" t="s">
        <v>187256</v>
      </c>
      <c r="F55678" s="1" t="s">
        <v>187257</v>
      </c>
      <c r="G55678" s="1" t="s">
        <v>187240</v>
      </c>
      <c r="H55678" s="1" t="s">
        <v>187241</v>
      </c>
      <c r="I55678" s="1" t="s">
        <v>187135</v>
      </c>
      <c r="J55678" s="1" t="s">
        <v>187258</v>
      </c>
    </row>
    <row r="55679" spans="1:10" x14ac:dyDescent="0.35">
      <c r="A55679" s="1" t="s">
        <v>187237</v>
      </c>
      <c r="B55679" s="1" t="s">
        <v>187129</v>
      </c>
      <c r="C55679" s="1" t="s">
        <v>40</v>
      </c>
      <c r="D55679" s="1" t="s">
        <v>34849</v>
      </c>
      <c r="E55679" s="1" t="s">
        <v>187259</v>
      </c>
      <c r="F55679" s="1" t="s">
        <v>187260</v>
      </c>
      <c r="G55679" s="1" t="s">
        <v>187240</v>
      </c>
      <c r="H55679" s="1" t="s">
        <v>187241</v>
      </c>
      <c r="I55679" s="1" t="s">
        <v>187135</v>
      </c>
      <c r="J55679" s="1" t="s">
        <v>187261</v>
      </c>
    </row>
    <row r="55680" spans="1:10" x14ac:dyDescent="0.35">
      <c r="A55680" s="1" t="s">
        <v>187237</v>
      </c>
      <c r="B55680" s="1" t="s">
        <v>187129</v>
      </c>
      <c r="C55680" s="1" t="s">
        <v>45</v>
      </c>
      <c r="D55680" s="1" t="s">
        <v>118723</v>
      </c>
      <c r="E55680" s="1" t="s">
        <v>187262</v>
      </c>
      <c r="F55680" s="1" t="s">
        <v>187263</v>
      </c>
      <c r="G55680" s="1" t="s">
        <v>187240</v>
      </c>
      <c r="H55680" s="1" t="s">
        <v>187241</v>
      </c>
      <c r="I55680" s="1" t="s">
        <v>187135</v>
      </c>
      <c r="J55680" s="1" t="s">
        <v>187264</v>
      </c>
    </row>
    <row r="55681" spans="1:10" x14ac:dyDescent="0.35">
      <c r="A55681" s="1" t="s">
        <v>187237</v>
      </c>
      <c r="B55681" s="1" t="s">
        <v>187129</v>
      </c>
      <c r="C55681" s="1" t="s">
        <v>50</v>
      </c>
      <c r="D55681" s="1" t="s">
        <v>34496</v>
      </c>
      <c r="E55681" s="1" t="s">
        <v>187265</v>
      </c>
      <c r="F55681" s="1" t="s">
        <v>187266</v>
      </c>
      <c r="G55681" s="1" t="s">
        <v>187240</v>
      </c>
      <c r="H55681" s="1" t="s">
        <v>187241</v>
      </c>
      <c r="I55681" s="1" t="s">
        <v>187135</v>
      </c>
      <c r="J55681" s="1" t="s">
        <v>187267</v>
      </c>
    </row>
    <row r="55682" spans="1:10" x14ac:dyDescent="0.35">
      <c r="A55682" s="1" t="s">
        <v>187237</v>
      </c>
      <c r="B55682" s="1" t="s">
        <v>187129</v>
      </c>
      <c r="C55682" s="1" t="s">
        <v>55</v>
      </c>
      <c r="D55682" s="1" t="s">
        <v>37736</v>
      </c>
      <c r="E55682" s="1" t="s">
        <v>187268</v>
      </c>
      <c r="F55682" s="1" t="s">
        <v>187269</v>
      </c>
      <c r="G55682" s="1" t="s">
        <v>187240</v>
      </c>
      <c r="H55682" s="1" t="s">
        <v>187241</v>
      </c>
      <c r="I55682" s="1" t="s">
        <v>187135</v>
      </c>
      <c r="J55682" s="1" t="s">
        <v>187270</v>
      </c>
    </row>
    <row r="55683" spans="1:10" x14ac:dyDescent="0.35">
      <c r="A55683" s="1" t="s">
        <v>187237</v>
      </c>
      <c r="B55683" s="1" t="s">
        <v>187129</v>
      </c>
      <c r="C55683" s="1" t="s">
        <v>60</v>
      </c>
      <c r="D55683" s="1" t="s">
        <v>16356</v>
      </c>
      <c r="E55683" s="1" t="s">
        <v>187271</v>
      </c>
      <c r="F55683" s="1" t="s">
        <v>187272</v>
      </c>
      <c r="G55683" s="1" t="s">
        <v>187240</v>
      </c>
      <c r="H55683" s="1" t="s">
        <v>187241</v>
      </c>
      <c r="I55683" s="1" t="s">
        <v>187135</v>
      </c>
      <c r="J55683" s="1" t="s">
        <v>187273</v>
      </c>
    </row>
    <row r="55684" spans="1:10" x14ac:dyDescent="0.35">
      <c r="A55684" s="1" t="s">
        <v>187237</v>
      </c>
      <c r="B55684" s="1" t="s">
        <v>187129</v>
      </c>
      <c r="C55684" s="1" t="s">
        <v>65</v>
      </c>
      <c r="D55684" s="1" t="s">
        <v>187274</v>
      </c>
      <c r="E55684" s="1" t="s">
        <v>187275</v>
      </c>
      <c r="F55684" s="1" t="s">
        <v>187276</v>
      </c>
      <c r="G55684" s="1" t="s">
        <v>187240</v>
      </c>
      <c r="H55684" s="1" t="s">
        <v>187241</v>
      </c>
      <c r="I55684" s="1" t="s">
        <v>187135</v>
      </c>
      <c r="J55684" s="1" t="s">
        <v>187277</v>
      </c>
    </row>
    <row r="55685" spans="1:10" x14ac:dyDescent="0.35">
      <c r="A55685" s="1" t="s">
        <v>187237</v>
      </c>
      <c r="B55685" s="1" t="s">
        <v>187129</v>
      </c>
      <c r="C55685" s="1" t="s">
        <v>70</v>
      </c>
      <c r="D55685" s="1" t="s">
        <v>16227</v>
      </c>
      <c r="E55685" s="1" t="s">
        <v>187278</v>
      </c>
      <c r="F55685" s="1" t="s">
        <v>187279</v>
      </c>
      <c r="G55685" s="1" t="s">
        <v>187240</v>
      </c>
      <c r="H55685" s="1" t="s">
        <v>187241</v>
      </c>
      <c r="I55685" s="1" t="s">
        <v>187135</v>
      </c>
      <c r="J55685" s="1" t="s">
        <v>187280</v>
      </c>
    </row>
    <row r="55686" spans="1:10" x14ac:dyDescent="0.35">
      <c r="A55686" s="1" t="s">
        <v>187237</v>
      </c>
      <c r="B55686" s="1" t="s">
        <v>187129</v>
      </c>
      <c r="C55686" s="1" t="s">
        <v>75</v>
      </c>
      <c r="D55686" s="1" t="s">
        <v>120402</v>
      </c>
      <c r="E55686" s="1" t="s">
        <v>187281</v>
      </c>
      <c r="F55686" s="1" t="s">
        <v>187282</v>
      </c>
      <c r="G55686" s="1" t="s">
        <v>187240</v>
      </c>
      <c r="H55686" s="1" t="s">
        <v>187241</v>
      </c>
      <c r="I55686" s="1" t="s">
        <v>187135</v>
      </c>
      <c r="J55686" s="1" t="s">
        <v>187283</v>
      </c>
    </row>
    <row r="55687" spans="1:10" x14ac:dyDescent="0.35">
      <c r="A55687" s="1" t="s">
        <v>187237</v>
      </c>
      <c r="B55687" s="1" t="s">
        <v>187129</v>
      </c>
      <c r="C55687" s="1" t="s">
        <v>80</v>
      </c>
      <c r="D55687" s="1" t="s">
        <v>187284</v>
      </c>
      <c r="E55687" s="1" t="s">
        <v>187285</v>
      </c>
      <c r="F55687" s="1" t="s">
        <v>187286</v>
      </c>
      <c r="G55687" s="1" t="s">
        <v>187240</v>
      </c>
      <c r="H55687" s="1" t="s">
        <v>187241</v>
      </c>
      <c r="I55687" s="1" t="s">
        <v>187135</v>
      </c>
      <c r="J55687" s="1" t="s">
        <v>187287</v>
      </c>
    </row>
    <row r="55688" spans="1:10" x14ac:dyDescent="0.35">
      <c r="A55688" s="1" t="s">
        <v>187237</v>
      </c>
      <c r="B55688" s="1" t="s">
        <v>187129</v>
      </c>
      <c r="C55688" s="1" t="s">
        <v>85</v>
      </c>
      <c r="D55688" s="1" t="s">
        <v>19004</v>
      </c>
      <c r="E55688" s="1" t="s">
        <v>187288</v>
      </c>
      <c r="F55688" s="1" t="s">
        <v>187289</v>
      </c>
      <c r="G55688" s="1" t="s">
        <v>187240</v>
      </c>
      <c r="H55688" s="1" t="s">
        <v>187241</v>
      </c>
      <c r="I55688" s="1" t="s">
        <v>187135</v>
      </c>
      <c r="J55688" s="1" t="s">
        <v>187290</v>
      </c>
    </row>
    <row r="55689" spans="1:10" x14ac:dyDescent="0.35">
      <c r="A55689" s="1" t="s">
        <v>187237</v>
      </c>
      <c r="B55689" s="1" t="s">
        <v>187129</v>
      </c>
      <c r="C55689" s="1" t="s">
        <v>90</v>
      </c>
      <c r="D55689" s="1" t="s">
        <v>74331</v>
      </c>
      <c r="E55689" s="1" t="s">
        <v>187291</v>
      </c>
      <c r="F55689" s="1" t="s">
        <v>187292</v>
      </c>
      <c r="G55689" s="1" t="s">
        <v>187240</v>
      </c>
      <c r="H55689" s="1" t="s">
        <v>187241</v>
      </c>
      <c r="I55689" s="1" t="s">
        <v>187135</v>
      </c>
      <c r="J55689" s="1" t="s">
        <v>187293</v>
      </c>
    </row>
    <row r="55690" spans="1:10" x14ac:dyDescent="0.35">
      <c r="A55690" s="1" t="s">
        <v>187237</v>
      </c>
      <c r="B55690" s="1" t="s">
        <v>187129</v>
      </c>
      <c r="C55690" s="1" t="s">
        <v>95</v>
      </c>
      <c r="D55690" s="1" t="s">
        <v>32990</v>
      </c>
      <c r="E55690" s="1" t="s">
        <v>187294</v>
      </c>
      <c r="F55690" s="1" t="s">
        <v>187295</v>
      </c>
      <c r="G55690" s="1" t="s">
        <v>187240</v>
      </c>
      <c r="H55690" s="1" t="s">
        <v>187241</v>
      </c>
      <c r="I55690" s="1" t="s">
        <v>187135</v>
      </c>
      <c r="J55690" s="1" t="s">
        <v>187296</v>
      </c>
    </row>
    <row r="55691" spans="1:10" x14ac:dyDescent="0.35">
      <c r="A55691" s="1" t="s">
        <v>187237</v>
      </c>
      <c r="B55691" s="1" t="s">
        <v>187129</v>
      </c>
      <c r="C55691" s="1" t="s">
        <v>100</v>
      </c>
      <c r="D55691" s="1" t="s">
        <v>187297</v>
      </c>
      <c r="E55691" s="1" t="s">
        <v>187298</v>
      </c>
      <c r="F55691" s="1" t="s">
        <v>187299</v>
      </c>
      <c r="G55691" s="1" t="s">
        <v>187240</v>
      </c>
      <c r="H55691" s="1" t="s">
        <v>187241</v>
      </c>
      <c r="I55691" s="1" t="s">
        <v>187135</v>
      </c>
      <c r="J55691" s="1" t="s">
        <v>187300</v>
      </c>
    </row>
    <row r="55692" spans="1:10" x14ac:dyDescent="0.35">
      <c r="A55692" s="1" t="s">
        <v>187237</v>
      </c>
      <c r="B55692" s="1" t="s">
        <v>187129</v>
      </c>
      <c r="C55692" s="1" t="s">
        <v>105</v>
      </c>
      <c r="D55692" s="1" t="s">
        <v>187301</v>
      </c>
      <c r="E55692" s="1" t="s">
        <v>187302</v>
      </c>
      <c r="F55692" s="1" t="s">
        <v>187303</v>
      </c>
      <c r="G55692" s="1" t="s">
        <v>187240</v>
      </c>
      <c r="H55692" s="1" t="s">
        <v>187241</v>
      </c>
      <c r="I55692" s="1" t="s">
        <v>187135</v>
      </c>
      <c r="J55692" s="1" t="s">
        <v>187304</v>
      </c>
    </row>
    <row r="55693" spans="1:10" x14ac:dyDescent="0.35">
      <c r="A55693" s="1" t="s">
        <v>187237</v>
      </c>
      <c r="B55693" s="1" t="s">
        <v>187129</v>
      </c>
      <c r="C55693" s="1" t="s">
        <v>110</v>
      </c>
      <c r="D55693" s="1" t="s">
        <v>187305</v>
      </c>
      <c r="E55693" s="1" t="s">
        <v>187306</v>
      </c>
      <c r="F55693" s="1" t="s">
        <v>187307</v>
      </c>
      <c r="G55693" s="1" t="s">
        <v>187240</v>
      </c>
      <c r="H55693" s="1" t="s">
        <v>187241</v>
      </c>
      <c r="I55693" s="1" t="s">
        <v>187135</v>
      </c>
      <c r="J55693" s="1" t="s">
        <v>187308</v>
      </c>
    </row>
    <row r="55694" spans="1:10" x14ac:dyDescent="0.35">
      <c r="A55694" s="1" t="s">
        <v>187237</v>
      </c>
      <c r="B55694" s="1" t="s">
        <v>187129</v>
      </c>
      <c r="C55694" s="1" t="s">
        <v>115</v>
      </c>
      <c r="D55694" s="1" t="s">
        <v>113068</v>
      </c>
      <c r="E55694" s="1" t="s">
        <v>187309</v>
      </c>
      <c r="F55694" s="1" t="s">
        <v>187310</v>
      </c>
      <c r="G55694" s="1" t="s">
        <v>187240</v>
      </c>
      <c r="H55694" s="1" t="s">
        <v>187241</v>
      </c>
      <c r="I55694" s="1" t="s">
        <v>187135</v>
      </c>
      <c r="J55694" s="1" t="s">
        <v>187311</v>
      </c>
    </row>
    <row r="55695" spans="1:10" x14ac:dyDescent="0.35">
      <c r="A55695" s="1" t="s">
        <v>187237</v>
      </c>
      <c r="B55695" s="1" t="s">
        <v>187129</v>
      </c>
      <c r="C55695" s="1" t="s">
        <v>120</v>
      </c>
      <c r="D55695" s="1" t="s">
        <v>19848</v>
      </c>
      <c r="E55695" s="1" t="s">
        <v>187312</v>
      </c>
      <c r="F55695" s="1" t="s">
        <v>187313</v>
      </c>
      <c r="G55695" s="1" t="s">
        <v>187240</v>
      </c>
      <c r="H55695" s="1" t="s">
        <v>187241</v>
      </c>
      <c r="I55695" s="1" t="s">
        <v>187135</v>
      </c>
      <c r="J55695" s="1" t="s">
        <v>187314</v>
      </c>
    </row>
    <row r="55696" spans="1:10" x14ac:dyDescent="0.35">
      <c r="A55696" s="1" t="s">
        <v>187237</v>
      </c>
      <c r="B55696" s="1" t="s">
        <v>187129</v>
      </c>
      <c r="C55696" s="1" t="s">
        <v>125</v>
      </c>
      <c r="D55696" s="1" t="s">
        <v>187315</v>
      </c>
      <c r="E55696" s="1" t="s">
        <v>187316</v>
      </c>
      <c r="F55696" s="1" t="s">
        <v>187317</v>
      </c>
      <c r="G55696" s="1" t="s">
        <v>187240</v>
      </c>
      <c r="H55696" s="1" t="s">
        <v>187241</v>
      </c>
      <c r="I55696" s="1" t="s">
        <v>187135</v>
      </c>
      <c r="J55696" s="1" t="s">
        <v>187318</v>
      </c>
    </row>
    <row r="55697" spans="1:10" x14ac:dyDescent="0.35">
      <c r="A55697" s="1" t="s">
        <v>187237</v>
      </c>
      <c r="B55697" s="1" t="s">
        <v>187129</v>
      </c>
      <c r="C55697" s="1" t="s">
        <v>130</v>
      </c>
      <c r="D55697" s="1" t="s">
        <v>187319</v>
      </c>
      <c r="E55697" s="1" t="s">
        <v>187320</v>
      </c>
      <c r="F55697" s="1" t="s">
        <v>187321</v>
      </c>
      <c r="G55697" s="1" t="s">
        <v>187240</v>
      </c>
      <c r="H55697" s="1" t="s">
        <v>187241</v>
      </c>
      <c r="I55697" s="1" t="s">
        <v>187135</v>
      </c>
      <c r="J55697" s="1" t="s">
        <v>187322</v>
      </c>
    </row>
    <row r="55698" spans="1:10" x14ac:dyDescent="0.35">
      <c r="A55698" s="1" t="s">
        <v>187237</v>
      </c>
      <c r="B55698" s="1" t="s">
        <v>187129</v>
      </c>
      <c r="C55698" s="1" t="s">
        <v>135</v>
      </c>
      <c r="D55698" s="1" t="s">
        <v>177964</v>
      </c>
      <c r="E55698" s="1" t="s">
        <v>187323</v>
      </c>
      <c r="F55698" s="1" t="s">
        <v>187324</v>
      </c>
      <c r="G55698" s="1" t="s">
        <v>187240</v>
      </c>
      <c r="H55698" s="1" t="s">
        <v>187241</v>
      </c>
      <c r="I55698" s="1" t="s">
        <v>187135</v>
      </c>
      <c r="J55698" s="1" t="s">
        <v>187325</v>
      </c>
    </row>
    <row r="55699" spans="1:10" x14ac:dyDescent="0.35">
      <c r="A55699" s="1" t="s">
        <v>187237</v>
      </c>
      <c r="B55699" s="1" t="s">
        <v>187129</v>
      </c>
      <c r="C55699" s="1" t="s">
        <v>140</v>
      </c>
      <c r="D55699" s="1" t="s">
        <v>172645</v>
      </c>
      <c r="E55699" s="1" t="s">
        <v>187326</v>
      </c>
      <c r="F55699" s="1" t="s">
        <v>187327</v>
      </c>
      <c r="G55699" s="1" t="s">
        <v>187240</v>
      </c>
      <c r="H55699" s="1" t="s">
        <v>187241</v>
      </c>
      <c r="I55699" s="1" t="s">
        <v>187135</v>
      </c>
      <c r="J55699" s="1" t="s">
        <v>187328</v>
      </c>
    </row>
    <row r="55700" spans="1:10" x14ac:dyDescent="0.35">
      <c r="A55700" s="1" t="s">
        <v>187237</v>
      </c>
      <c r="B55700" s="1" t="s">
        <v>187129</v>
      </c>
      <c r="C55700" s="1" t="s">
        <v>145</v>
      </c>
      <c r="D55700" s="1" t="s">
        <v>187329</v>
      </c>
      <c r="E55700" s="1" t="s">
        <v>187330</v>
      </c>
      <c r="F55700" s="1" t="s">
        <v>187331</v>
      </c>
      <c r="G55700" s="1" t="s">
        <v>187240</v>
      </c>
      <c r="H55700" s="1" t="s">
        <v>187241</v>
      </c>
      <c r="I55700" s="1" t="s">
        <v>187135</v>
      </c>
      <c r="J55700" s="1" t="s">
        <v>187332</v>
      </c>
    </row>
    <row r="55701" spans="1:10" x14ac:dyDescent="0.35">
      <c r="A55701" s="1" t="s">
        <v>187237</v>
      </c>
      <c r="B55701" s="1" t="s">
        <v>187129</v>
      </c>
      <c r="C55701" s="1" t="s">
        <v>150</v>
      </c>
      <c r="D55701" s="1" t="s">
        <v>9632</v>
      </c>
      <c r="E55701" s="1" t="s">
        <v>187333</v>
      </c>
      <c r="F55701" s="1" t="s">
        <v>187334</v>
      </c>
      <c r="G55701" s="1" t="s">
        <v>187240</v>
      </c>
      <c r="H55701" s="1" t="s">
        <v>187241</v>
      </c>
      <c r="I55701" s="1" t="s">
        <v>187135</v>
      </c>
      <c r="J55701" s="1" t="s">
        <v>187335</v>
      </c>
    </row>
    <row r="55702" spans="1:10" x14ac:dyDescent="0.35">
      <c r="A55702" s="1" t="s">
        <v>187237</v>
      </c>
      <c r="B55702" s="1" t="s">
        <v>187129</v>
      </c>
      <c r="C55702" s="1" t="s">
        <v>155</v>
      </c>
      <c r="D55702" s="1" t="s">
        <v>187336</v>
      </c>
      <c r="E55702" s="1" t="s">
        <v>187337</v>
      </c>
      <c r="F55702" s="1" t="s">
        <v>187338</v>
      </c>
      <c r="G55702" s="1" t="s">
        <v>187240</v>
      </c>
      <c r="H55702" s="1" t="s">
        <v>187241</v>
      </c>
      <c r="I55702" s="1" t="s">
        <v>187135</v>
      </c>
      <c r="J55702" s="1" t="s">
        <v>187339</v>
      </c>
    </row>
    <row r="55703" spans="1:10" x14ac:dyDescent="0.35">
      <c r="A55703" s="1" t="s">
        <v>187237</v>
      </c>
      <c r="B55703" s="1" t="s">
        <v>187129</v>
      </c>
      <c r="C55703" s="1" t="s">
        <v>160</v>
      </c>
      <c r="D55703" s="1" t="s">
        <v>43266</v>
      </c>
      <c r="E55703" s="1" t="s">
        <v>187340</v>
      </c>
      <c r="F55703" s="1" t="s">
        <v>187341</v>
      </c>
      <c r="G55703" s="1" t="s">
        <v>187240</v>
      </c>
      <c r="H55703" s="1" t="s">
        <v>187241</v>
      </c>
      <c r="I55703" s="1" t="s">
        <v>187135</v>
      </c>
      <c r="J55703" s="1" t="s">
        <v>187342</v>
      </c>
    </row>
    <row r="55704" spans="1:10" x14ac:dyDescent="0.35">
      <c r="A55704" s="1" t="s">
        <v>187237</v>
      </c>
      <c r="B55704" s="1" t="s">
        <v>187129</v>
      </c>
      <c r="C55704" s="1" t="s">
        <v>165</v>
      </c>
      <c r="D55704" s="1" t="s">
        <v>187343</v>
      </c>
      <c r="E55704" s="1" t="s">
        <v>187344</v>
      </c>
      <c r="F55704" s="1" t="s">
        <v>187345</v>
      </c>
      <c r="G55704" s="1" t="s">
        <v>187240</v>
      </c>
      <c r="H55704" s="1" t="s">
        <v>187241</v>
      </c>
      <c r="I55704" s="1" t="s">
        <v>187135</v>
      </c>
      <c r="J55704" s="1" t="s">
        <v>187346</v>
      </c>
    </row>
    <row r="55705" spans="1:10" x14ac:dyDescent="0.35">
      <c r="A55705" s="1" t="s">
        <v>187237</v>
      </c>
      <c r="B55705" s="1" t="s">
        <v>187129</v>
      </c>
      <c r="C55705" s="1" t="s">
        <v>170</v>
      </c>
      <c r="D55705" s="1" t="s">
        <v>168698</v>
      </c>
      <c r="E55705" s="1" t="s">
        <v>187347</v>
      </c>
      <c r="F55705" s="1" t="s">
        <v>187348</v>
      </c>
      <c r="G55705" s="1" t="s">
        <v>187240</v>
      </c>
      <c r="H55705" s="1" t="s">
        <v>187241</v>
      </c>
      <c r="I55705" s="1" t="s">
        <v>187135</v>
      </c>
      <c r="J55705" s="1" t="s">
        <v>187349</v>
      </c>
    </row>
    <row r="55706" spans="1:10" x14ac:dyDescent="0.35">
      <c r="A55706" s="1" t="s">
        <v>110504</v>
      </c>
      <c r="B55706" s="1" t="s">
        <v>187129</v>
      </c>
      <c r="C55706" s="1" t="s">
        <v>8</v>
      </c>
      <c r="D55706" s="1" t="s">
        <v>172970</v>
      </c>
      <c r="E55706" s="1" t="s">
        <v>187350</v>
      </c>
      <c r="F55706" s="1" t="s">
        <v>187351</v>
      </c>
      <c r="G55706" s="1" t="s">
        <v>187352</v>
      </c>
      <c r="H55706" s="1" t="s">
        <v>187353</v>
      </c>
      <c r="I55706" s="1" t="s">
        <v>187135</v>
      </c>
      <c r="J55706" s="1" t="s">
        <v>13</v>
      </c>
    </row>
    <row r="55707" spans="1:10" x14ac:dyDescent="0.35">
      <c r="A55707" s="1" t="s">
        <v>110504</v>
      </c>
      <c r="B55707" s="1" t="s">
        <v>187129</v>
      </c>
      <c r="C55707" s="1" t="s">
        <v>15</v>
      </c>
      <c r="D55707" s="1" t="s">
        <v>187354</v>
      </c>
      <c r="E55707" s="1" t="s">
        <v>187355</v>
      </c>
      <c r="F55707" s="1" t="s">
        <v>187356</v>
      </c>
      <c r="G55707" s="1" t="s">
        <v>187352</v>
      </c>
      <c r="H55707" s="1" t="s">
        <v>187353</v>
      </c>
      <c r="I55707" s="1" t="s">
        <v>187135</v>
      </c>
      <c r="J55707" s="1" t="s">
        <v>187357</v>
      </c>
    </row>
    <row r="55708" spans="1:10" x14ac:dyDescent="0.35">
      <c r="A55708" s="1" t="s">
        <v>110504</v>
      </c>
      <c r="B55708" s="1" t="s">
        <v>187129</v>
      </c>
      <c r="C55708" s="1" t="s">
        <v>20</v>
      </c>
      <c r="D55708" s="1" t="s">
        <v>83157</v>
      </c>
      <c r="E55708" s="1" t="s">
        <v>187358</v>
      </c>
      <c r="F55708" s="1" t="s">
        <v>187359</v>
      </c>
      <c r="G55708" s="1" t="s">
        <v>187352</v>
      </c>
      <c r="H55708" s="1" t="s">
        <v>187353</v>
      </c>
      <c r="I55708" s="1" t="s">
        <v>187135</v>
      </c>
      <c r="J55708" s="1" t="s">
        <v>187360</v>
      </c>
    </row>
    <row r="55709" spans="1:10" x14ac:dyDescent="0.35">
      <c r="A55709" s="1" t="s">
        <v>110504</v>
      </c>
      <c r="B55709" s="1" t="s">
        <v>187129</v>
      </c>
      <c r="C55709" s="1" t="s">
        <v>25</v>
      </c>
      <c r="D55709" s="1" t="s">
        <v>48123</v>
      </c>
      <c r="E55709" s="1" t="s">
        <v>187361</v>
      </c>
      <c r="F55709" s="1" t="s">
        <v>187362</v>
      </c>
      <c r="G55709" s="1" t="s">
        <v>187352</v>
      </c>
      <c r="H55709" s="1" t="s">
        <v>187353</v>
      </c>
      <c r="I55709" s="1" t="s">
        <v>187135</v>
      </c>
      <c r="J55709" s="1" t="s">
        <v>187363</v>
      </c>
    </row>
    <row r="55710" spans="1:10" x14ac:dyDescent="0.35">
      <c r="A55710" s="1" t="s">
        <v>110504</v>
      </c>
      <c r="B55710" s="1" t="s">
        <v>187129</v>
      </c>
      <c r="C55710" s="1" t="s">
        <v>30</v>
      </c>
      <c r="D55710" s="1" t="s">
        <v>125822</v>
      </c>
      <c r="E55710" s="1" t="s">
        <v>187364</v>
      </c>
      <c r="F55710" s="1" t="s">
        <v>187365</v>
      </c>
      <c r="G55710" s="1" t="s">
        <v>187352</v>
      </c>
      <c r="H55710" s="1" t="s">
        <v>187353</v>
      </c>
      <c r="I55710" s="1" t="s">
        <v>187135</v>
      </c>
      <c r="J55710" s="1" t="s">
        <v>187366</v>
      </c>
    </row>
    <row r="55711" spans="1:10" x14ac:dyDescent="0.35">
      <c r="A55711" s="1" t="s">
        <v>110504</v>
      </c>
      <c r="B55711" s="1" t="s">
        <v>187129</v>
      </c>
      <c r="C55711" s="1" t="s">
        <v>35</v>
      </c>
      <c r="D55711" s="1" t="s">
        <v>185680</v>
      </c>
      <c r="E55711" s="1" t="s">
        <v>187367</v>
      </c>
      <c r="F55711" s="1" t="s">
        <v>187368</v>
      </c>
      <c r="G55711" s="1" t="s">
        <v>187352</v>
      </c>
      <c r="H55711" s="1" t="s">
        <v>187353</v>
      </c>
      <c r="I55711" s="1" t="s">
        <v>187135</v>
      </c>
      <c r="J55711" s="1" t="s">
        <v>187369</v>
      </c>
    </row>
    <row r="55712" spans="1:10" x14ac:dyDescent="0.35">
      <c r="A55712" s="1" t="s">
        <v>110504</v>
      </c>
      <c r="B55712" s="1" t="s">
        <v>187129</v>
      </c>
      <c r="C55712" s="1" t="s">
        <v>40</v>
      </c>
      <c r="D55712" s="1" t="s">
        <v>187370</v>
      </c>
      <c r="E55712" s="1" t="s">
        <v>187371</v>
      </c>
      <c r="F55712" s="1" t="s">
        <v>187372</v>
      </c>
      <c r="G55712" s="1" t="s">
        <v>187352</v>
      </c>
      <c r="H55712" s="1" t="s">
        <v>187353</v>
      </c>
      <c r="I55712" s="1" t="s">
        <v>187135</v>
      </c>
      <c r="J55712" s="1" t="s">
        <v>187373</v>
      </c>
    </row>
    <row r="55713" spans="1:10" x14ac:dyDescent="0.35">
      <c r="A55713" s="1" t="s">
        <v>110504</v>
      </c>
      <c r="B55713" s="1" t="s">
        <v>187129</v>
      </c>
      <c r="C55713" s="1" t="s">
        <v>45</v>
      </c>
      <c r="D55713" s="1" t="s">
        <v>187374</v>
      </c>
      <c r="E55713" s="1" t="s">
        <v>187375</v>
      </c>
      <c r="F55713" s="1" t="s">
        <v>187376</v>
      </c>
      <c r="G55713" s="1" t="s">
        <v>187352</v>
      </c>
      <c r="H55713" s="1" t="s">
        <v>187353</v>
      </c>
      <c r="I55713" s="1" t="s">
        <v>187135</v>
      </c>
      <c r="J55713" s="1" t="s">
        <v>187377</v>
      </c>
    </row>
    <row r="55714" spans="1:10" x14ac:dyDescent="0.35">
      <c r="A55714" s="1" t="s">
        <v>110504</v>
      </c>
      <c r="B55714" s="1" t="s">
        <v>187129</v>
      </c>
      <c r="C55714" s="1" t="s">
        <v>50</v>
      </c>
      <c r="D55714" s="1" t="s">
        <v>125294</v>
      </c>
      <c r="E55714" s="1" t="s">
        <v>187378</v>
      </c>
      <c r="F55714" s="1" t="s">
        <v>187379</v>
      </c>
      <c r="G55714" s="1" t="s">
        <v>187352</v>
      </c>
      <c r="H55714" s="1" t="s">
        <v>187353</v>
      </c>
      <c r="I55714" s="1" t="s">
        <v>187135</v>
      </c>
      <c r="J55714" s="1" t="s">
        <v>187380</v>
      </c>
    </row>
    <row r="55715" spans="1:10" x14ac:dyDescent="0.35">
      <c r="A55715" s="1" t="s">
        <v>110504</v>
      </c>
      <c r="B55715" s="1" t="s">
        <v>187129</v>
      </c>
      <c r="C55715" s="1" t="s">
        <v>55</v>
      </c>
      <c r="D55715" s="1" t="s">
        <v>73625</v>
      </c>
      <c r="E55715" s="1" t="s">
        <v>187381</v>
      </c>
      <c r="F55715" s="1" t="s">
        <v>187382</v>
      </c>
      <c r="G55715" s="1" t="s">
        <v>187352</v>
      </c>
      <c r="H55715" s="1" t="s">
        <v>187353</v>
      </c>
      <c r="I55715" s="1" t="s">
        <v>187135</v>
      </c>
      <c r="J55715" s="1" t="s">
        <v>187383</v>
      </c>
    </row>
    <row r="55716" spans="1:10" x14ac:dyDescent="0.35">
      <c r="A55716" s="1" t="s">
        <v>110504</v>
      </c>
      <c r="B55716" s="1" t="s">
        <v>187129</v>
      </c>
      <c r="C55716" s="1" t="s">
        <v>60</v>
      </c>
      <c r="D55716" s="1" t="s">
        <v>151230</v>
      </c>
      <c r="E55716" s="1" t="s">
        <v>187384</v>
      </c>
      <c r="F55716" s="1" t="s">
        <v>187385</v>
      </c>
      <c r="G55716" s="1" t="s">
        <v>187352</v>
      </c>
      <c r="H55716" s="1" t="s">
        <v>187353</v>
      </c>
      <c r="I55716" s="1" t="s">
        <v>187135</v>
      </c>
      <c r="J55716" s="1" t="s">
        <v>187386</v>
      </c>
    </row>
    <row r="55717" spans="1:10" x14ac:dyDescent="0.35">
      <c r="A55717" s="1" t="s">
        <v>110504</v>
      </c>
      <c r="B55717" s="1" t="s">
        <v>187129</v>
      </c>
      <c r="C55717" s="1" t="s">
        <v>65</v>
      </c>
      <c r="D55717" s="1" t="s">
        <v>177269</v>
      </c>
      <c r="E55717" s="1" t="s">
        <v>187387</v>
      </c>
      <c r="F55717" s="1" t="s">
        <v>187388</v>
      </c>
      <c r="G55717" s="1" t="s">
        <v>187352</v>
      </c>
      <c r="H55717" s="1" t="s">
        <v>187353</v>
      </c>
      <c r="I55717" s="1" t="s">
        <v>187135</v>
      </c>
      <c r="J55717" s="1" t="s">
        <v>187389</v>
      </c>
    </row>
    <row r="55718" spans="1:10" x14ac:dyDescent="0.35">
      <c r="A55718" s="1" t="s">
        <v>110504</v>
      </c>
      <c r="B55718" s="1" t="s">
        <v>187129</v>
      </c>
      <c r="C55718" s="1" t="s">
        <v>70</v>
      </c>
      <c r="D55718" s="1" t="s">
        <v>182457</v>
      </c>
      <c r="E55718" s="1" t="s">
        <v>187390</v>
      </c>
      <c r="F55718" s="1" t="s">
        <v>187391</v>
      </c>
      <c r="G55718" s="1" t="s">
        <v>187352</v>
      </c>
      <c r="H55718" s="1" t="s">
        <v>187353</v>
      </c>
      <c r="I55718" s="1" t="s">
        <v>187135</v>
      </c>
      <c r="J55718" s="1" t="s">
        <v>187392</v>
      </c>
    </row>
    <row r="55719" spans="1:10" x14ac:dyDescent="0.35">
      <c r="A55719" s="1" t="s">
        <v>110504</v>
      </c>
      <c r="B55719" s="1" t="s">
        <v>187129</v>
      </c>
      <c r="C55719" s="1" t="s">
        <v>75</v>
      </c>
      <c r="D55719" s="1" t="s">
        <v>42956</v>
      </c>
      <c r="E55719" s="1" t="s">
        <v>187393</v>
      </c>
      <c r="F55719" s="1" t="s">
        <v>187394</v>
      </c>
      <c r="G55719" s="1" t="s">
        <v>187352</v>
      </c>
      <c r="H55719" s="1" t="s">
        <v>187353</v>
      </c>
      <c r="I55719" s="1" t="s">
        <v>187135</v>
      </c>
      <c r="J55719" s="1" t="s">
        <v>187395</v>
      </c>
    </row>
    <row r="55720" spans="1:10" x14ac:dyDescent="0.35">
      <c r="A55720" s="1" t="s">
        <v>110504</v>
      </c>
      <c r="B55720" s="1" t="s">
        <v>187129</v>
      </c>
      <c r="C55720" s="1" t="s">
        <v>80</v>
      </c>
      <c r="D55720" s="1" t="s">
        <v>187396</v>
      </c>
      <c r="E55720" s="1" t="s">
        <v>187397</v>
      </c>
      <c r="F55720" s="1" t="s">
        <v>187398</v>
      </c>
      <c r="G55720" s="1" t="s">
        <v>187352</v>
      </c>
      <c r="H55720" s="1" t="s">
        <v>187353</v>
      </c>
      <c r="I55720" s="1" t="s">
        <v>187135</v>
      </c>
      <c r="J55720" s="1" t="s">
        <v>187399</v>
      </c>
    </row>
    <row r="55721" spans="1:10" x14ac:dyDescent="0.35">
      <c r="A55721" s="1" t="s">
        <v>110504</v>
      </c>
      <c r="B55721" s="1" t="s">
        <v>187129</v>
      </c>
      <c r="C55721" s="1" t="s">
        <v>85</v>
      </c>
      <c r="D55721" s="1" t="s">
        <v>187400</v>
      </c>
      <c r="E55721" s="1" t="s">
        <v>187401</v>
      </c>
      <c r="F55721" s="1" t="s">
        <v>187402</v>
      </c>
      <c r="G55721" s="1" t="s">
        <v>187352</v>
      </c>
      <c r="H55721" s="1" t="s">
        <v>187353</v>
      </c>
      <c r="I55721" s="1" t="s">
        <v>187135</v>
      </c>
      <c r="J55721" s="1" t="s">
        <v>187403</v>
      </c>
    </row>
    <row r="55722" spans="1:10" x14ac:dyDescent="0.35">
      <c r="A55722" s="1" t="s">
        <v>110504</v>
      </c>
      <c r="B55722" s="1" t="s">
        <v>187129</v>
      </c>
      <c r="C55722" s="1" t="s">
        <v>90</v>
      </c>
      <c r="D55722" s="1" t="s">
        <v>187404</v>
      </c>
      <c r="E55722" s="1" t="s">
        <v>187405</v>
      </c>
      <c r="F55722" s="1" t="s">
        <v>187406</v>
      </c>
      <c r="G55722" s="1" t="s">
        <v>187352</v>
      </c>
      <c r="H55722" s="1" t="s">
        <v>187353</v>
      </c>
      <c r="I55722" s="1" t="s">
        <v>187135</v>
      </c>
      <c r="J55722" s="1" t="s">
        <v>187407</v>
      </c>
    </row>
    <row r="55723" spans="1:10" x14ac:dyDescent="0.35">
      <c r="A55723" s="1" t="s">
        <v>110504</v>
      </c>
      <c r="B55723" s="1" t="s">
        <v>187129</v>
      </c>
      <c r="C55723" s="1" t="s">
        <v>95</v>
      </c>
      <c r="D55723" s="1" t="s">
        <v>187408</v>
      </c>
      <c r="E55723" s="1" t="s">
        <v>187409</v>
      </c>
      <c r="F55723" s="1" t="s">
        <v>187410</v>
      </c>
      <c r="G55723" s="1" t="s">
        <v>187352</v>
      </c>
      <c r="H55723" s="1" t="s">
        <v>187353</v>
      </c>
      <c r="I55723" s="1" t="s">
        <v>187135</v>
      </c>
      <c r="J55723" s="1" t="s">
        <v>187411</v>
      </c>
    </row>
    <row r="55724" spans="1:10" x14ac:dyDescent="0.35">
      <c r="A55724" s="1" t="s">
        <v>110504</v>
      </c>
      <c r="B55724" s="1" t="s">
        <v>187129</v>
      </c>
      <c r="C55724" s="1" t="s">
        <v>100</v>
      </c>
      <c r="D55724" s="1" t="s">
        <v>149833</v>
      </c>
      <c r="E55724" s="1" t="s">
        <v>187412</v>
      </c>
      <c r="F55724" s="1" t="s">
        <v>187413</v>
      </c>
      <c r="G55724" s="1" t="s">
        <v>187352</v>
      </c>
      <c r="H55724" s="1" t="s">
        <v>187353</v>
      </c>
      <c r="I55724" s="1" t="s">
        <v>187135</v>
      </c>
      <c r="J55724" s="1" t="s">
        <v>187414</v>
      </c>
    </row>
    <row r="55725" spans="1:10" x14ac:dyDescent="0.35">
      <c r="A55725" s="1" t="s">
        <v>110504</v>
      </c>
      <c r="B55725" s="1" t="s">
        <v>187129</v>
      </c>
      <c r="C55725" s="1" t="s">
        <v>105</v>
      </c>
      <c r="D55725" s="1" t="s">
        <v>43324</v>
      </c>
      <c r="E55725" s="1" t="s">
        <v>187415</v>
      </c>
      <c r="F55725" s="1" t="s">
        <v>187416</v>
      </c>
      <c r="G55725" s="1" t="s">
        <v>187352</v>
      </c>
      <c r="H55725" s="1" t="s">
        <v>187353</v>
      </c>
      <c r="I55725" s="1" t="s">
        <v>187135</v>
      </c>
      <c r="J55725" s="1" t="s">
        <v>187417</v>
      </c>
    </row>
    <row r="55726" spans="1:10" x14ac:dyDescent="0.35">
      <c r="A55726" s="1" t="s">
        <v>110504</v>
      </c>
      <c r="B55726" s="1" t="s">
        <v>187129</v>
      </c>
      <c r="C55726" s="1" t="s">
        <v>110</v>
      </c>
      <c r="D55726" s="1" t="s">
        <v>141502</v>
      </c>
      <c r="E55726" s="1" t="s">
        <v>187418</v>
      </c>
      <c r="F55726" s="1" t="s">
        <v>187419</v>
      </c>
      <c r="G55726" s="1" t="s">
        <v>187352</v>
      </c>
      <c r="H55726" s="1" t="s">
        <v>187353</v>
      </c>
      <c r="I55726" s="1" t="s">
        <v>187135</v>
      </c>
      <c r="J55726" s="1" t="s">
        <v>187420</v>
      </c>
    </row>
    <row r="55727" spans="1:10" x14ac:dyDescent="0.35">
      <c r="A55727" s="1" t="s">
        <v>110504</v>
      </c>
      <c r="B55727" s="1" t="s">
        <v>187129</v>
      </c>
      <c r="C55727" s="1" t="s">
        <v>115</v>
      </c>
      <c r="D55727" s="1" t="s">
        <v>187421</v>
      </c>
      <c r="E55727" s="1" t="s">
        <v>187422</v>
      </c>
      <c r="F55727" s="1" t="s">
        <v>187423</v>
      </c>
      <c r="G55727" s="1" t="s">
        <v>187352</v>
      </c>
      <c r="H55727" s="1" t="s">
        <v>187353</v>
      </c>
      <c r="I55727" s="1" t="s">
        <v>187135</v>
      </c>
      <c r="J55727" s="1" t="s">
        <v>187424</v>
      </c>
    </row>
    <row r="55728" spans="1:10" x14ac:dyDescent="0.35">
      <c r="A55728" s="1" t="s">
        <v>110504</v>
      </c>
      <c r="B55728" s="1" t="s">
        <v>187129</v>
      </c>
      <c r="C55728" s="1" t="s">
        <v>120</v>
      </c>
      <c r="D55728" s="1" t="s">
        <v>114822</v>
      </c>
      <c r="E55728" s="1" t="s">
        <v>187425</v>
      </c>
      <c r="F55728" s="1" t="s">
        <v>187426</v>
      </c>
      <c r="G55728" s="1" t="s">
        <v>187352</v>
      </c>
      <c r="H55728" s="1" t="s">
        <v>187353</v>
      </c>
      <c r="I55728" s="1" t="s">
        <v>187135</v>
      </c>
      <c r="J55728" s="1" t="s">
        <v>187427</v>
      </c>
    </row>
    <row r="55729" spans="1:10" x14ac:dyDescent="0.35">
      <c r="A55729" s="1" t="s">
        <v>110504</v>
      </c>
      <c r="B55729" s="1" t="s">
        <v>187129</v>
      </c>
      <c r="C55729" s="1" t="s">
        <v>125</v>
      </c>
      <c r="D55729" s="1" t="s">
        <v>176360</v>
      </c>
      <c r="E55729" s="1" t="s">
        <v>187428</v>
      </c>
      <c r="F55729" s="1" t="s">
        <v>187429</v>
      </c>
      <c r="G55729" s="1" t="s">
        <v>187352</v>
      </c>
      <c r="H55729" s="1" t="s">
        <v>187353</v>
      </c>
      <c r="I55729" s="1" t="s">
        <v>187135</v>
      </c>
      <c r="J55729" s="1" t="s">
        <v>187430</v>
      </c>
    </row>
    <row r="55730" spans="1:10" x14ac:dyDescent="0.35">
      <c r="A55730" s="1" t="s">
        <v>110504</v>
      </c>
      <c r="B55730" s="1" t="s">
        <v>187129</v>
      </c>
      <c r="C55730" s="1" t="s">
        <v>130</v>
      </c>
      <c r="D55730" s="1" t="s">
        <v>187431</v>
      </c>
      <c r="E55730" s="1" t="s">
        <v>187432</v>
      </c>
      <c r="F55730" s="1" t="s">
        <v>187433</v>
      </c>
      <c r="G55730" s="1" t="s">
        <v>187352</v>
      </c>
      <c r="H55730" s="1" t="s">
        <v>187353</v>
      </c>
      <c r="I55730" s="1" t="s">
        <v>187135</v>
      </c>
      <c r="J55730" s="1" t="s">
        <v>187434</v>
      </c>
    </row>
    <row r="55731" spans="1:10" x14ac:dyDescent="0.35">
      <c r="A55731" s="1" t="s">
        <v>110504</v>
      </c>
      <c r="B55731" s="1" t="s">
        <v>187129</v>
      </c>
      <c r="C55731" s="1" t="s">
        <v>135</v>
      </c>
      <c r="D55731" s="1" t="s">
        <v>181768</v>
      </c>
      <c r="E55731" s="1" t="s">
        <v>187435</v>
      </c>
      <c r="F55731" s="1" t="s">
        <v>187436</v>
      </c>
      <c r="G55731" s="1" t="s">
        <v>187352</v>
      </c>
      <c r="H55731" s="1" t="s">
        <v>187353</v>
      </c>
      <c r="I55731" s="1" t="s">
        <v>187135</v>
      </c>
      <c r="J55731" s="1" t="s">
        <v>187437</v>
      </c>
    </row>
    <row r="55732" spans="1:10" x14ac:dyDescent="0.35">
      <c r="A55732" s="1" t="s">
        <v>110504</v>
      </c>
      <c r="B55732" s="1" t="s">
        <v>187129</v>
      </c>
      <c r="C55732" s="1" t="s">
        <v>140</v>
      </c>
      <c r="D55732" s="1" t="s">
        <v>187438</v>
      </c>
      <c r="E55732" s="1" t="s">
        <v>187439</v>
      </c>
      <c r="F55732" s="1" t="s">
        <v>187440</v>
      </c>
      <c r="G55732" s="1" t="s">
        <v>187352</v>
      </c>
      <c r="H55732" s="1" t="s">
        <v>187353</v>
      </c>
      <c r="I55732" s="1" t="s">
        <v>187135</v>
      </c>
      <c r="J55732" s="1" t="s">
        <v>187441</v>
      </c>
    </row>
    <row r="55733" spans="1:10" x14ac:dyDescent="0.35">
      <c r="A55733" s="1" t="s">
        <v>110504</v>
      </c>
      <c r="B55733" s="1" t="s">
        <v>187129</v>
      </c>
      <c r="C55733" s="1" t="s">
        <v>145</v>
      </c>
      <c r="D55733" s="1" t="s">
        <v>109062</v>
      </c>
      <c r="E55733" s="1" t="s">
        <v>187442</v>
      </c>
      <c r="F55733" s="1" t="s">
        <v>187443</v>
      </c>
      <c r="G55733" s="1" t="s">
        <v>187352</v>
      </c>
      <c r="H55733" s="1" t="s">
        <v>187353</v>
      </c>
      <c r="I55733" s="1" t="s">
        <v>187135</v>
      </c>
      <c r="J55733" s="1" t="s">
        <v>187444</v>
      </c>
    </row>
    <row r="55734" spans="1:10" x14ac:dyDescent="0.35">
      <c r="A55734" s="1" t="s">
        <v>110504</v>
      </c>
      <c r="B55734" s="1" t="s">
        <v>187129</v>
      </c>
      <c r="C55734" s="1" t="s">
        <v>150</v>
      </c>
      <c r="D55734" s="1" t="s">
        <v>38678</v>
      </c>
      <c r="E55734" s="1" t="s">
        <v>187445</v>
      </c>
      <c r="F55734" s="1" t="s">
        <v>187446</v>
      </c>
      <c r="G55734" s="1" t="s">
        <v>187352</v>
      </c>
      <c r="H55734" s="1" t="s">
        <v>187353</v>
      </c>
      <c r="I55734" s="1" t="s">
        <v>187135</v>
      </c>
      <c r="J55734" s="1" t="s">
        <v>187447</v>
      </c>
    </row>
    <row r="55735" spans="1:10" x14ac:dyDescent="0.35">
      <c r="A55735" s="1" t="s">
        <v>110504</v>
      </c>
      <c r="B55735" s="1" t="s">
        <v>187129</v>
      </c>
      <c r="C55735" s="1" t="s">
        <v>155</v>
      </c>
      <c r="D55735" s="1" t="s">
        <v>187448</v>
      </c>
      <c r="E55735" s="1" t="s">
        <v>187449</v>
      </c>
      <c r="F55735" s="1" t="s">
        <v>187450</v>
      </c>
      <c r="G55735" s="1" t="s">
        <v>187352</v>
      </c>
      <c r="H55735" s="1" t="s">
        <v>187353</v>
      </c>
      <c r="I55735" s="1" t="s">
        <v>187135</v>
      </c>
      <c r="J55735" s="1" t="s">
        <v>187451</v>
      </c>
    </row>
    <row r="55736" spans="1:10" x14ac:dyDescent="0.35">
      <c r="A55736" s="1" t="s">
        <v>110504</v>
      </c>
      <c r="B55736" s="1" t="s">
        <v>187129</v>
      </c>
      <c r="C55736" s="1" t="s">
        <v>160</v>
      </c>
      <c r="D55736" s="1" t="s">
        <v>187452</v>
      </c>
      <c r="E55736" s="1" t="s">
        <v>187453</v>
      </c>
      <c r="F55736" s="1" t="s">
        <v>24142</v>
      </c>
      <c r="G55736" s="1" t="s">
        <v>187352</v>
      </c>
      <c r="H55736" s="1" t="s">
        <v>187353</v>
      </c>
      <c r="I55736" s="1" t="s">
        <v>187135</v>
      </c>
      <c r="J55736" s="1" t="s">
        <v>187454</v>
      </c>
    </row>
    <row r="55737" spans="1:10" x14ac:dyDescent="0.35">
      <c r="A55737" s="1" t="s">
        <v>110504</v>
      </c>
      <c r="B55737" s="1" t="s">
        <v>187129</v>
      </c>
      <c r="C55737" s="1" t="s">
        <v>165</v>
      </c>
      <c r="D55737" s="1" t="s">
        <v>187455</v>
      </c>
      <c r="E55737" s="1" t="s">
        <v>187456</v>
      </c>
      <c r="F55737" s="1" t="s">
        <v>187457</v>
      </c>
      <c r="G55737" s="1" t="s">
        <v>187352</v>
      </c>
      <c r="H55737" s="1" t="s">
        <v>187353</v>
      </c>
      <c r="I55737" s="1" t="s">
        <v>187135</v>
      </c>
      <c r="J55737" s="1" t="s">
        <v>187458</v>
      </c>
    </row>
    <row r="55738" spans="1:10" x14ac:dyDescent="0.35">
      <c r="A55738" s="1" t="s">
        <v>110504</v>
      </c>
      <c r="B55738" s="1" t="s">
        <v>187129</v>
      </c>
      <c r="C55738" s="1" t="s">
        <v>170</v>
      </c>
      <c r="D55738" s="1" t="s">
        <v>128685</v>
      </c>
      <c r="E55738" s="1" t="s">
        <v>187459</v>
      </c>
      <c r="F55738" s="1" t="s">
        <v>187460</v>
      </c>
      <c r="G55738" s="1" t="s">
        <v>187352</v>
      </c>
      <c r="H55738" s="1" t="s">
        <v>187353</v>
      </c>
      <c r="I55738" s="1" t="s">
        <v>187135</v>
      </c>
      <c r="J55738" s="1" t="s">
        <v>187461</v>
      </c>
    </row>
    <row r="55739" spans="1:10" x14ac:dyDescent="0.35">
      <c r="A55739" s="1" t="s">
        <v>109669</v>
      </c>
      <c r="B55739" s="1" t="s">
        <v>187129</v>
      </c>
      <c r="C55739" s="1" t="s">
        <v>8</v>
      </c>
      <c r="D55739" s="1" t="s">
        <v>57892</v>
      </c>
      <c r="E55739" s="1" t="s">
        <v>187462</v>
      </c>
      <c r="F55739" s="1" t="s">
        <v>187463</v>
      </c>
      <c r="G55739" s="1" t="s">
        <v>187464</v>
      </c>
      <c r="H55739" s="1" t="s">
        <v>187465</v>
      </c>
      <c r="I55739" s="1" t="s">
        <v>187135</v>
      </c>
      <c r="J55739" s="1" t="s">
        <v>13</v>
      </c>
    </row>
    <row r="55740" spans="1:10" x14ac:dyDescent="0.35">
      <c r="A55740" s="1" t="s">
        <v>109669</v>
      </c>
      <c r="B55740" s="1" t="s">
        <v>187129</v>
      </c>
      <c r="C55740" s="1" t="s">
        <v>15</v>
      </c>
      <c r="D55740" s="1" t="s">
        <v>124414</v>
      </c>
      <c r="E55740" s="1" t="s">
        <v>187466</v>
      </c>
      <c r="F55740" s="1" t="s">
        <v>187467</v>
      </c>
      <c r="G55740" s="1" t="s">
        <v>187464</v>
      </c>
      <c r="H55740" s="1" t="s">
        <v>187465</v>
      </c>
      <c r="I55740" s="1" t="s">
        <v>187135</v>
      </c>
      <c r="J55740" s="1" t="s">
        <v>187468</v>
      </c>
    </row>
    <row r="55741" spans="1:10" x14ac:dyDescent="0.35">
      <c r="A55741" s="1" t="s">
        <v>109669</v>
      </c>
      <c r="B55741" s="1" t="s">
        <v>187129</v>
      </c>
      <c r="C55741" s="1" t="s">
        <v>20</v>
      </c>
      <c r="D55741" s="1" t="s">
        <v>187469</v>
      </c>
      <c r="E55741" s="1" t="s">
        <v>187470</v>
      </c>
      <c r="F55741" s="1" t="s">
        <v>187471</v>
      </c>
      <c r="G55741" s="1" t="s">
        <v>187464</v>
      </c>
      <c r="H55741" s="1" t="s">
        <v>187465</v>
      </c>
      <c r="I55741" s="1" t="s">
        <v>187135</v>
      </c>
      <c r="J55741" s="1" t="s">
        <v>187472</v>
      </c>
    </row>
    <row r="55742" spans="1:10" x14ac:dyDescent="0.35">
      <c r="A55742" s="1" t="s">
        <v>109669</v>
      </c>
      <c r="B55742" s="1" t="s">
        <v>187129</v>
      </c>
      <c r="C55742" s="1" t="s">
        <v>25</v>
      </c>
      <c r="D55742" s="1" t="s">
        <v>113269</v>
      </c>
      <c r="E55742" s="1" t="s">
        <v>187473</v>
      </c>
      <c r="F55742" s="1" t="s">
        <v>187474</v>
      </c>
      <c r="G55742" s="1" t="s">
        <v>187464</v>
      </c>
      <c r="H55742" s="1" t="s">
        <v>187465</v>
      </c>
      <c r="I55742" s="1" t="s">
        <v>187135</v>
      </c>
      <c r="J55742" s="1" t="s">
        <v>187475</v>
      </c>
    </row>
    <row r="55743" spans="1:10" x14ac:dyDescent="0.35">
      <c r="A55743" s="1" t="s">
        <v>109669</v>
      </c>
      <c r="B55743" s="1" t="s">
        <v>187129</v>
      </c>
      <c r="C55743" s="1" t="s">
        <v>30</v>
      </c>
      <c r="D55743" s="1" t="s">
        <v>82704</v>
      </c>
      <c r="E55743" s="1" t="s">
        <v>187476</v>
      </c>
      <c r="F55743" s="1" t="s">
        <v>187477</v>
      </c>
      <c r="G55743" s="1" t="s">
        <v>187464</v>
      </c>
      <c r="H55743" s="1" t="s">
        <v>187465</v>
      </c>
      <c r="I55743" s="1" t="s">
        <v>187135</v>
      </c>
      <c r="J55743" s="1" t="s">
        <v>187478</v>
      </c>
    </row>
    <row r="55744" spans="1:10" x14ac:dyDescent="0.35">
      <c r="A55744" s="1" t="s">
        <v>109669</v>
      </c>
      <c r="B55744" s="1" t="s">
        <v>187129</v>
      </c>
      <c r="C55744" s="1" t="s">
        <v>35</v>
      </c>
      <c r="D55744" s="1" t="s">
        <v>187479</v>
      </c>
      <c r="E55744" s="1" t="s">
        <v>187480</v>
      </c>
      <c r="F55744" s="1" t="s">
        <v>187481</v>
      </c>
      <c r="G55744" s="1" t="s">
        <v>187464</v>
      </c>
      <c r="H55744" s="1" t="s">
        <v>187465</v>
      </c>
      <c r="I55744" s="1" t="s">
        <v>187135</v>
      </c>
      <c r="J55744" s="1" t="s">
        <v>187482</v>
      </c>
    </row>
    <row r="55745" spans="1:10" x14ac:dyDescent="0.35">
      <c r="A55745" s="1" t="s">
        <v>109669</v>
      </c>
      <c r="B55745" s="1" t="s">
        <v>187129</v>
      </c>
      <c r="C55745" s="1" t="s">
        <v>40</v>
      </c>
      <c r="D55745" s="1" t="s">
        <v>33257</v>
      </c>
      <c r="E55745" s="1" t="s">
        <v>187483</v>
      </c>
      <c r="F55745" s="1" t="s">
        <v>187484</v>
      </c>
      <c r="G55745" s="1" t="s">
        <v>187464</v>
      </c>
      <c r="H55745" s="1" t="s">
        <v>187465</v>
      </c>
      <c r="I55745" s="1" t="s">
        <v>187135</v>
      </c>
      <c r="J55745" s="1" t="s">
        <v>187485</v>
      </c>
    </row>
    <row r="55746" spans="1:10" x14ac:dyDescent="0.35">
      <c r="A55746" s="1" t="s">
        <v>109669</v>
      </c>
      <c r="B55746" s="1" t="s">
        <v>187129</v>
      </c>
      <c r="C55746" s="1" t="s">
        <v>45</v>
      </c>
      <c r="D55746" s="1" t="s">
        <v>187486</v>
      </c>
      <c r="E55746" s="1" t="s">
        <v>187487</v>
      </c>
      <c r="F55746" s="1" t="s">
        <v>187488</v>
      </c>
      <c r="G55746" s="1" t="s">
        <v>187464</v>
      </c>
      <c r="H55746" s="1" t="s">
        <v>187465</v>
      </c>
      <c r="I55746" s="1" t="s">
        <v>187135</v>
      </c>
      <c r="J55746" s="1" t="s">
        <v>187489</v>
      </c>
    </row>
    <row r="55747" spans="1:10" x14ac:dyDescent="0.35">
      <c r="A55747" s="1" t="s">
        <v>109669</v>
      </c>
      <c r="B55747" s="1" t="s">
        <v>187129</v>
      </c>
      <c r="C55747" s="1" t="s">
        <v>50</v>
      </c>
      <c r="D55747" s="1" t="s">
        <v>187490</v>
      </c>
      <c r="E55747" s="1" t="s">
        <v>187491</v>
      </c>
      <c r="F55747" s="1" t="s">
        <v>187492</v>
      </c>
      <c r="G55747" s="1" t="s">
        <v>187464</v>
      </c>
      <c r="H55747" s="1" t="s">
        <v>187465</v>
      </c>
      <c r="I55747" s="1" t="s">
        <v>187135</v>
      </c>
      <c r="J55747" s="1" t="s">
        <v>187493</v>
      </c>
    </row>
    <row r="55748" spans="1:10" x14ac:dyDescent="0.35">
      <c r="A55748" s="1" t="s">
        <v>109669</v>
      </c>
      <c r="B55748" s="1" t="s">
        <v>187129</v>
      </c>
      <c r="C55748" s="1" t="s">
        <v>55</v>
      </c>
      <c r="D55748" s="1" t="s">
        <v>187494</v>
      </c>
      <c r="E55748" s="1" t="s">
        <v>187495</v>
      </c>
      <c r="F55748" s="1" t="s">
        <v>187496</v>
      </c>
      <c r="G55748" s="1" t="s">
        <v>187464</v>
      </c>
      <c r="H55748" s="1" t="s">
        <v>187465</v>
      </c>
      <c r="I55748" s="1" t="s">
        <v>187135</v>
      </c>
      <c r="J55748" s="1" t="s">
        <v>187497</v>
      </c>
    </row>
    <row r="55749" spans="1:10" x14ac:dyDescent="0.35">
      <c r="A55749" s="1" t="s">
        <v>109669</v>
      </c>
      <c r="B55749" s="1" t="s">
        <v>187129</v>
      </c>
      <c r="C55749" s="1" t="s">
        <v>60</v>
      </c>
      <c r="D55749" s="1" t="s">
        <v>187498</v>
      </c>
      <c r="E55749" s="1" t="s">
        <v>187499</v>
      </c>
      <c r="F55749" s="1" t="s">
        <v>187500</v>
      </c>
      <c r="G55749" s="1" t="s">
        <v>187464</v>
      </c>
      <c r="H55749" s="1" t="s">
        <v>187465</v>
      </c>
      <c r="I55749" s="1" t="s">
        <v>187135</v>
      </c>
      <c r="J55749" s="1" t="s">
        <v>187501</v>
      </c>
    </row>
    <row r="55750" spans="1:10" x14ac:dyDescent="0.35">
      <c r="A55750" s="1" t="s">
        <v>109669</v>
      </c>
      <c r="B55750" s="1" t="s">
        <v>187129</v>
      </c>
      <c r="C55750" s="1" t="s">
        <v>65</v>
      </c>
      <c r="D55750" s="1" t="s">
        <v>187502</v>
      </c>
      <c r="E55750" s="1" t="s">
        <v>187503</v>
      </c>
      <c r="F55750" s="1" t="s">
        <v>187504</v>
      </c>
      <c r="G55750" s="1" t="s">
        <v>187464</v>
      </c>
      <c r="H55750" s="1" t="s">
        <v>187465</v>
      </c>
      <c r="I55750" s="1" t="s">
        <v>187135</v>
      </c>
      <c r="J55750" s="1" t="s">
        <v>187505</v>
      </c>
    </row>
    <row r="55751" spans="1:10" x14ac:dyDescent="0.35">
      <c r="A55751" s="1" t="s">
        <v>109669</v>
      </c>
      <c r="B55751" s="1" t="s">
        <v>187129</v>
      </c>
      <c r="C55751" s="1" t="s">
        <v>70</v>
      </c>
      <c r="D55751" s="1" t="s">
        <v>187506</v>
      </c>
      <c r="E55751" s="1" t="s">
        <v>187507</v>
      </c>
      <c r="F55751" s="1" t="s">
        <v>187508</v>
      </c>
      <c r="G55751" s="1" t="s">
        <v>187464</v>
      </c>
      <c r="H55751" s="1" t="s">
        <v>187465</v>
      </c>
      <c r="I55751" s="1" t="s">
        <v>187135</v>
      </c>
      <c r="J55751" s="1" t="s">
        <v>187509</v>
      </c>
    </row>
    <row r="55752" spans="1:10" x14ac:dyDescent="0.35">
      <c r="A55752" s="1" t="s">
        <v>109669</v>
      </c>
      <c r="B55752" s="1" t="s">
        <v>187129</v>
      </c>
      <c r="C55752" s="1" t="s">
        <v>75</v>
      </c>
      <c r="D55752" s="1" t="s">
        <v>3754</v>
      </c>
      <c r="E55752" s="1" t="s">
        <v>187510</v>
      </c>
      <c r="F55752" s="1" t="s">
        <v>187511</v>
      </c>
      <c r="G55752" s="1" t="s">
        <v>187464</v>
      </c>
      <c r="H55752" s="1" t="s">
        <v>187465</v>
      </c>
      <c r="I55752" s="1" t="s">
        <v>187135</v>
      </c>
      <c r="J55752" s="1" t="s">
        <v>187512</v>
      </c>
    </row>
    <row r="55753" spans="1:10" x14ac:dyDescent="0.35">
      <c r="A55753" s="1" t="s">
        <v>109669</v>
      </c>
      <c r="B55753" s="1" t="s">
        <v>187129</v>
      </c>
      <c r="C55753" s="1" t="s">
        <v>80</v>
      </c>
      <c r="D55753" s="1" t="s">
        <v>187513</v>
      </c>
      <c r="E55753" s="1" t="s">
        <v>187514</v>
      </c>
      <c r="F55753" s="1" t="s">
        <v>187515</v>
      </c>
      <c r="G55753" s="1" t="s">
        <v>187464</v>
      </c>
      <c r="H55753" s="1" t="s">
        <v>187465</v>
      </c>
      <c r="I55753" s="1" t="s">
        <v>187135</v>
      </c>
      <c r="J55753" s="1" t="s">
        <v>187516</v>
      </c>
    </row>
    <row r="55754" spans="1:10" x14ac:dyDescent="0.35">
      <c r="A55754" s="1" t="s">
        <v>109669</v>
      </c>
      <c r="B55754" s="1" t="s">
        <v>187129</v>
      </c>
      <c r="C55754" s="1" t="s">
        <v>85</v>
      </c>
      <c r="D55754" s="1" t="s">
        <v>61604</v>
      </c>
      <c r="E55754" s="1" t="s">
        <v>187517</v>
      </c>
      <c r="F55754" s="1" t="s">
        <v>187518</v>
      </c>
      <c r="G55754" s="1" t="s">
        <v>187464</v>
      </c>
      <c r="H55754" s="1" t="s">
        <v>187465</v>
      </c>
      <c r="I55754" s="1" t="s">
        <v>187135</v>
      </c>
      <c r="J55754" s="1" t="s">
        <v>187519</v>
      </c>
    </row>
    <row r="55755" spans="1:10" x14ac:dyDescent="0.35">
      <c r="A55755" s="1" t="s">
        <v>109669</v>
      </c>
      <c r="B55755" s="1" t="s">
        <v>187129</v>
      </c>
      <c r="C55755" s="1" t="s">
        <v>90</v>
      </c>
      <c r="D55755" s="1" t="s">
        <v>187520</v>
      </c>
      <c r="E55755" s="1" t="s">
        <v>187521</v>
      </c>
      <c r="F55755" s="1" t="s">
        <v>187522</v>
      </c>
      <c r="G55755" s="1" t="s">
        <v>187464</v>
      </c>
      <c r="H55755" s="1" t="s">
        <v>187465</v>
      </c>
      <c r="I55755" s="1" t="s">
        <v>187135</v>
      </c>
      <c r="J55755" s="1" t="s">
        <v>187523</v>
      </c>
    </row>
    <row r="55756" spans="1:10" x14ac:dyDescent="0.35">
      <c r="A55756" s="1" t="s">
        <v>109669</v>
      </c>
      <c r="B55756" s="1" t="s">
        <v>187129</v>
      </c>
      <c r="C55756" s="1" t="s">
        <v>95</v>
      </c>
      <c r="D55756" s="1" t="s">
        <v>187524</v>
      </c>
      <c r="E55756" s="1" t="s">
        <v>187525</v>
      </c>
      <c r="F55756" s="1" t="s">
        <v>187526</v>
      </c>
      <c r="G55756" s="1" t="s">
        <v>187464</v>
      </c>
      <c r="H55756" s="1" t="s">
        <v>187465</v>
      </c>
      <c r="I55756" s="1" t="s">
        <v>187135</v>
      </c>
      <c r="J55756" s="1" t="s">
        <v>187527</v>
      </c>
    </row>
    <row r="55757" spans="1:10" x14ac:dyDescent="0.35">
      <c r="A55757" s="1" t="s">
        <v>109669</v>
      </c>
      <c r="B55757" s="1" t="s">
        <v>187129</v>
      </c>
      <c r="C55757" s="1" t="s">
        <v>100</v>
      </c>
      <c r="D55757" s="1" t="s">
        <v>5919</v>
      </c>
      <c r="E55757" s="1" t="s">
        <v>187528</v>
      </c>
      <c r="F55757" s="1" t="s">
        <v>187529</v>
      </c>
      <c r="G55757" s="1" t="s">
        <v>187464</v>
      </c>
      <c r="H55757" s="1" t="s">
        <v>187465</v>
      </c>
      <c r="I55757" s="1" t="s">
        <v>187135</v>
      </c>
      <c r="J55757" s="1" t="s">
        <v>187530</v>
      </c>
    </row>
    <row r="55758" spans="1:10" x14ac:dyDescent="0.35">
      <c r="A55758" s="1" t="s">
        <v>109669</v>
      </c>
      <c r="B55758" s="1" t="s">
        <v>187129</v>
      </c>
      <c r="C55758" s="1" t="s">
        <v>105</v>
      </c>
      <c r="D55758" s="1" t="s">
        <v>187531</v>
      </c>
      <c r="E55758" s="1" t="s">
        <v>187532</v>
      </c>
      <c r="F55758" s="1" t="s">
        <v>187533</v>
      </c>
      <c r="G55758" s="1" t="s">
        <v>187464</v>
      </c>
      <c r="H55758" s="1" t="s">
        <v>187465</v>
      </c>
      <c r="I55758" s="1" t="s">
        <v>187135</v>
      </c>
      <c r="J55758" s="1" t="s">
        <v>187534</v>
      </c>
    </row>
    <row r="55759" spans="1:10" x14ac:dyDescent="0.35">
      <c r="A55759" s="1" t="s">
        <v>109669</v>
      </c>
      <c r="B55759" s="1" t="s">
        <v>187129</v>
      </c>
      <c r="C55759" s="1" t="s">
        <v>110</v>
      </c>
      <c r="D55759" s="1" t="s">
        <v>187535</v>
      </c>
      <c r="E55759" s="1" t="s">
        <v>187536</v>
      </c>
      <c r="F55759" s="1" t="s">
        <v>187537</v>
      </c>
      <c r="G55759" s="1" t="s">
        <v>187464</v>
      </c>
      <c r="H55759" s="1" t="s">
        <v>187465</v>
      </c>
      <c r="I55759" s="1" t="s">
        <v>187135</v>
      </c>
      <c r="J55759" s="1" t="s">
        <v>187538</v>
      </c>
    </row>
    <row r="55760" spans="1:10" x14ac:dyDescent="0.35">
      <c r="A55760" s="1" t="s">
        <v>109669</v>
      </c>
      <c r="B55760" s="1" t="s">
        <v>187129</v>
      </c>
      <c r="C55760" s="1" t="s">
        <v>115</v>
      </c>
      <c r="D55760" s="1" t="s">
        <v>187539</v>
      </c>
      <c r="E55760" s="1" t="s">
        <v>187540</v>
      </c>
      <c r="F55760" s="1" t="s">
        <v>187541</v>
      </c>
      <c r="G55760" s="1" t="s">
        <v>187464</v>
      </c>
      <c r="H55760" s="1" t="s">
        <v>187465</v>
      </c>
      <c r="I55760" s="1" t="s">
        <v>187135</v>
      </c>
      <c r="J55760" s="1" t="s">
        <v>187542</v>
      </c>
    </row>
    <row r="55761" spans="1:10" x14ac:dyDescent="0.35">
      <c r="A55761" s="1" t="s">
        <v>109669</v>
      </c>
      <c r="B55761" s="1" t="s">
        <v>187129</v>
      </c>
      <c r="C55761" s="1" t="s">
        <v>120</v>
      </c>
      <c r="D55761" s="1" t="s">
        <v>187543</v>
      </c>
      <c r="E55761" s="1" t="s">
        <v>187544</v>
      </c>
      <c r="F55761" s="1" t="s">
        <v>187545</v>
      </c>
      <c r="G55761" s="1" t="s">
        <v>187464</v>
      </c>
      <c r="H55761" s="1" t="s">
        <v>187465</v>
      </c>
      <c r="I55761" s="1" t="s">
        <v>187135</v>
      </c>
      <c r="J55761" s="1" t="s">
        <v>187546</v>
      </c>
    </row>
    <row r="55762" spans="1:10" x14ac:dyDescent="0.35">
      <c r="A55762" s="1" t="s">
        <v>109669</v>
      </c>
      <c r="B55762" s="1" t="s">
        <v>187129</v>
      </c>
      <c r="C55762" s="1" t="s">
        <v>125</v>
      </c>
      <c r="D55762" s="1" t="s">
        <v>187547</v>
      </c>
      <c r="E55762" s="1" t="s">
        <v>187548</v>
      </c>
      <c r="F55762" s="1" t="s">
        <v>187549</v>
      </c>
      <c r="G55762" s="1" t="s">
        <v>187464</v>
      </c>
      <c r="H55762" s="1" t="s">
        <v>187465</v>
      </c>
      <c r="I55762" s="1" t="s">
        <v>187135</v>
      </c>
      <c r="J55762" s="1" t="s">
        <v>187550</v>
      </c>
    </row>
    <row r="55763" spans="1:10" x14ac:dyDescent="0.35">
      <c r="A55763" s="1" t="s">
        <v>109669</v>
      </c>
      <c r="B55763" s="1" t="s">
        <v>187129</v>
      </c>
      <c r="C55763" s="1" t="s">
        <v>130</v>
      </c>
      <c r="D55763" s="1" t="s">
        <v>152248</v>
      </c>
      <c r="E55763" s="1" t="s">
        <v>187551</v>
      </c>
      <c r="F55763" s="1" t="s">
        <v>187552</v>
      </c>
      <c r="G55763" s="1" t="s">
        <v>187464</v>
      </c>
      <c r="H55763" s="1" t="s">
        <v>187465</v>
      </c>
      <c r="I55763" s="1" t="s">
        <v>187135</v>
      </c>
      <c r="J55763" s="1" t="s">
        <v>187553</v>
      </c>
    </row>
    <row r="55764" spans="1:10" x14ac:dyDescent="0.35">
      <c r="A55764" s="1" t="s">
        <v>109669</v>
      </c>
      <c r="B55764" s="1" t="s">
        <v>187129</v>
      </c>
      <c r="C55764" s="1" t="s">
        <v>135</v>
      </c>
      <c r="D55764" s="1" t="s">
        <v>187554</v>
      </c>
      <c r="E55764" s="1" t="s">
        <v>187555</v>
      </c>
      <c r="F55764" s="1" t="s">
        <v>187556</v>
      </c>
      <c r="G55764" s="1" t="s">
        <v>187464</v>
      </c>
      <c r="H55764" s="1" t="s">
        <v>187465</v>
      </c>
      <c r="I55764" s="1" t="s">
        <v>187135</v>
      </c>
      <c r="J55764" s="1" t="s">
        <v>187557</v>
      </c>
    </row>
    <row r="55765" spans="1:10" x14ac:dyDescent="0.35">
      <c r="A55765" s="1" t="s">
        <v>109669</v>
      </c>
      <c r="B55765" s="1" t="s">
        <v>187129</v>
      </c>
      <c r="C55765" s="1" t="s">
        <v>140</v>
      </c>
      <c r="D55765" s="1" t="s">
        <v>103198</v>
      </c>
      <c r="E55765" s="1" t="s">
        <v>187558</v>
      </c>
      <c r="F55765" s="1" t="s">
        <v>187559</v>
      </c>
      <c r="G55765" s="1" t="s">
        <v>187464</v>
      </c>
      <c r="H55765" s="1" t="s">
        <v>187465</v>
      </c>
      <c r="I55765" s="1" t="s">
        <v>187135</v>
      </c>
      <c r="J55765" s="1" t="s">
        <v>187560</v>
      </c>
    </row>
    <row r="55766" spans="1:10" x14ac:dyDescent="0.35">
      <c r="A55766" s="1" t="s">
        <v>109669</v>
      </c>
      <c r="B55766" s="1" t="s">
        <v>187129</v>
      </c>
      <c r="C55766" s="1" t="s">
        <v>145</v>
      </c>
      <c r="D55766" s="1" t="s">
        <v>26846</v>
      </c>
      <c r="E55766" s="1" t="s">
        <v>187561</v>
      </c>
      <c r="F55766" s="1" t="s">
        <v>187562</v>
      </c>
      <c r="G55766" s="1" t="s">
        <v>187464</v>
      </c>
      <c r="H55766" s="1" t="s">
        <v>187465</v>
      </c>
      <c r="I55766" s="1" t="s">
        <v>187135</v>
      </c>
      <c r="J55766" s="1" t="s">
        <v>187563</v>
      </c>
    </row>
    <row r="55767" spans="1:10" x14ac:dyDescent="0.35">
      <c r="A55767" s="1" t="s">
        <v>109669</v>
      </c>
      <c r="B55767" s="1" t="s">
        <v>187129</v>
      </c>
      <c r="C55767" s="1" t="s">
        <v>150</v>
      </c>
      <c r="D55767" s="1" t="s">
        <v>187564</v>
      </c>
      <c r="E55767" s="1" t="s">
        <v>187565</v>
      </c>
      <c r="F55767" s="1" t="s">
        <v>187566</v>
      </c>
      <c r="G55767" s="1" t="s">
        <v>187464</v>
      </c>
      <c r="H55767" s="1" t="s">
        <v>187465</v>
      </c>
      <c r="I55767" s="1" t="s">
        <v>187135</v>
      </c>
      <c r="J55767" s="1" t="s">
        <v>187567</v>
      </c>
    </row>
    <row r="55768" spans="1:10" x14ac:dyDescent="0.35">
      <c r="A55768" s="1" t="s">
        <v>109669</v>
      </c>
      <c r="B55768" s="1" t="s">
        <v>187129</v>
      </c>
      <c r="C55768" s="1" t="s">
        <v>155</v>
      </c>
      <c r="D55768" s="1" t="s">
        <v>106490</v>
      </c>
      <c r="E55768" s="1" t="s">
        <v>187568</v>
      </c>
      <c r="F55768" s="1" t="s">
        <v>187569</v>
      </c>
      <c r="G55768" s="1" t="s">
        <v>187464</v>
      </c>
      <c r="H55768" s="1" t="s">
        <v>187465</v>
      </c>
      <c r="I55768" s="1" t="s">
        <v>187135</v>
      </c>
      <c r="J55768" s="1" t="s">
        <v>187570</v>
      </c>
    </row>
    <row r="55769" spans="1:10" x14ac:dyDescent="0.35">
      <c r="A55769" s="1" t="s">
        <v>109669</v>
      </c>
      <c r="B55769" s="1" t="s">
        <v>187129</v>
      </c>
      <c r="C55769" s="1" t="s">
        <v>160</v>
      </c>
      <c r="D55769" s="1" t="s">
        <v>187571</v>
      </c>
      <c r="E55769" s="1" t="s">
        <v>187572</v>
      </c>
      <c r="F55769" s="1" t="s">
        <v>187573</v>
      </c>
      <c r="G55769" s="1" t="s">
        <v>187464</v>
      </c>
      <c r="H55769" s="1" t="s">
        <v>187465</v>
      </c>
      <c r="I55769" s="1" t="s">
        <v>187135</v>
      </c>
      <c r="J55769" s="1" t="s">
        <v>187574</v>
      </c>
    </row>
    <row r="55770" spans="1:10" x14ac:dyDescent="0.35">
      <c r="A55770" s="1" t="s">
        <v>109669</v>
      </c>
      <c r="B55770" s="1" t="s">
        <v>187129</v>
      </c>
      <c r="C55770" s="1" t="s">
        <v>165</v>
      </c>
      <c r="D55770" s="1" t="s">
        <v>187575</v>
      </c>
      <c r="E55770" s="1" t="s">
        <v>187576</v>
      </c>
      <c r="F55770" s="1" t="s">
        <v>187577</v>
      </c>
      <c r="G55770" s="1" t="s">
        <v>187464</v>
      </c>
      <c r="H55770" s="1" t="s">
        <v>187465</v>
      </c>
      <c r="I55770" s="1" t="s">
        <v>187135</v>
      </c>
      <c r="J55770" s="1" t="s">
        <v>187578</v>
      </c>
    </row>
    <row r="55771" spans="1:10" x14ac:dyDescent="0.35">
      <c r="A55771" s="1" t="s">
        <v>109669</v>
      </c>
      <c r="B55771" s="1" t="s">
        <v>187129</v>
      </c>
      <c r="C55771" s="1" t="s">
        <v>170</v>
      </c>
      <c r="D55771" s="1" t="s">
        <v>187579</v>
      </c>
      <c r="E55771" s="1" t="s">
        <v>187580</v>
      </c>
      <c r="F55771" s="1" t="s">
        <v>187581</v>
      </c>
      <c r="G55771" s="1" t="s">
        <v>187464</v>
      </c>
      <c r="H55771" s="1" t="s">
        <v>187465</v>
      </c>
      <c r="I55771" s="1" t="s">
        <v>187135</v>
      </c>
      <c r="J55771" s="1" t="s">
        <v>187582</v>
      </c>
    </row>
    <row r="55772" spans="1:10" x14ac:dyDescent="0.35">
      <c r="A55772" s="1" t="s">
        <v>187583</v>
      </c>
      <c r="B55772" s="1" t="s">
        <v>187129</v>
      </c>
      <c r="C55772" s="1" t="s">
        <v>8</v>
      </c>
      <c r="D55772" s="1" t="s">
        <v>187584</v>
      </c>
      <c r="E55772" s="1" t="s">
        <v>187585</v>
      </c>
      <c r="F55772" s="1" t="s">
        <v>187586</v>
      </c>
      <c r="G55772" s="1" t="s">
        <v>187587</v>
      </c>
      <c r="H55772" s="1" t="s">
        <v>187588</v>
      </c>
      <c r="I55772" s="1" t="s">
        <v>187135</v>
      </c>
      <c r="J55772" s="1" t="s">
        <v>13</v>
      </c>
    </row>
    <row r="55773" spans="1:10" x14ac:dyDescent="0.35">
      <c r="A55773" s="1" t="s">
        <v>187583</v>
      </c>
      <c r="B55773" s="1" t="s">
        <v>187129</v>
      </c>
      <c r="C55773" s="1" t="s">
        <v>15</v>
      </c>
      <c r="D55773" s="1" t="s">
        <v>42091</v>
      </c>
      <c r="E55773" s="1" t="s">
        <v>187589</v>
      </c>
      <c r="F55773" s="1" t="s">
        <v>187590</v>
      </c>
      <c r="G55773" s="1" t="s">
        <v>187587</v>
      </c>
      <c r="H55773" s="1" t="s">
        <v>187588</v>
      </c>
      <c r="I55773" s="1" t="s">
        <v>187135</v>
      </c>
      <c r="J55773" s="1" t="s">
        <v>187591</v>
      </c>
    </row>
    <row r="55774" spans="1:10" x14ac:dyDescent="0.35">
      <c r="A55774" s="1" t="s">
        <v>187583</v>
      </c>
      <c r="B55774" s="1" t="s">
        <v>187129</v>
      </c>
      <c r="C55774" s="1" t="s">
        <v>20</v>
      </c>
      <c r="D55774" s="1" t="s">
        <v>181298</v>
      </c>
      <c r="E55774" s="1" t="s">
        <v>187592</v>
      </c>
      <c r="F55774" s="1" t="s">
        <v>187593</v>
      </c>
      <c r="G55774" s="1" t="s">
        <v>187587</v>
      </c>
      <c r="H55774" s="1" t="s">
        <v>187588</v>
      </c>
      <c r="I55774" s="1" t="s">
        <v>187135</v>
      </c>
      <c r="J55774" s="1" t="s">
        <v>187594</v>
      </c>
    </row>
    <row r="55775" spans="1:10" x14ac:dyDescent="0.35">
      <c r="A55775" s="1" t="s">
        <v>187583</v>
      </c>
      <c r="B55775" s="1" t="s">
        <v>187129</v>
      </c>
      <c r="C55775" s="1" t="s">
        <v>25</v>
      </c>
      <c r="D55775" s="1" t="s">
        <v>4195</v>
      </c>
      <c r="E55775" s="1" t="s">
        <v>187595</v>
      </c>
      <c r="F55775" s="1" t="s">
        <v>187596</v>
      </c>
      <c r="G55775" s="1" t="s">
        <v>187587</v>
      </c>
      <c r="H55775" s="1" t="s">
        <v>187588</v>
      </c>
      <c r="I55775" s="1" t="s">
        <v>187135</v>
      </c>
      <c r="J55775" s="1" t="s">
        <v>187597</v>
      </c>
    </row>
    <row r="55776" spans="1:10" x14ac:dyDescent="0.35">
      <c r="A55776" s="1" t="s">
        <v>187583</v>
      </c>
      <c r="B55776" s="1" t="s">
        <v>187129</v>
      </c>
      <c r="C55776" s="1" t="s">
        <v>30</v>
      </c>
      <c r="D55776" s="1" t="s">
        <v>124661</v>
      </c>
      <c r="E55776" s="1" t="s">
        <v>187598</v>
      </c>
      <c r="F55776" s="1" t="s">
        <v>187599</v>
      </c>
      <c r="G55776" s="1" t="s">
        <v>187587</v>
      </c>
      <c r="H55776" s="1" t="s">
        <v>187588</v>
      </c>
      <c r="I55776" s="1" t="s">
        <v>187135</v>
      </c>
      <c r="J55776" s="1" t="s">
        <v>187600</v>
      </c>
    </row>
    <row r="55777" spans="1:10" x14ac:dyDescent="0.35">
      <c r="A55777" s="1" t="s">
        <v>187583</v>
      </c>
      <c r="B55777" s="1" t="s">
        <v>187129</v>
      </c>
      <c r="C55777" s="1" t="s">
        <v>35</v>
      </c>
      <c r="D55777" s="1" t="s">
        <v>187601</v>
      </c>
      <c r="E55777" s="1" t="s">
        <v>187602</v>
      </c>
      <c r="F55777" s="1" t="s">
        <v>187603</v>
      </c>
      <c r="G55777" s="1" t="s">
        <v>187587</v>
      </c>
      <c r="H55777" s="1" t="s">
        <v>187588</v>
      </c>
      <c r="I55777" s="1" t="s">
        <v>187135</v>
      </c>
      <c r="J55777" s="1" t="s">
        <v>187604</v>
      </c>
    </row>
    <row r="55778" spans="1:10" x14ac:dyDescent="0.35">
      <c r="A55778" s="1" t="s">
        <v>187583</v>
      </c>
      <c r="B55778" s="1" t="s">
        <v>187129</v>
      </c>
      <c r="C55778" s="1" t="s">
        <v>40</v>
      </c>
      <c r="D55778" s="1" t="s">
        <v>187605</v>
      </c>
      <c r="E55778" s="1" t="s">
        <v>187606</v>
      </c>
      <c r="F55778" s="1" t="s">
        <v>187607</v>
      </c>
      <c r="G55778" s="1" t="s">
        <v>187587</v>
      </c>
      <c r="H55778" s="1" t="s">
        <v>187588</v>
      </c>
      <c r="I55778" s="1" t="s">
        <v>187135</v>
      </c>
      <c r="J55778" s="1" t="s">
        <v>187608</v>
      </c>
    </row>
    <row r="55779" spans="1:10" x14ac:dyDescent="0.35">
      <c r="A55779" s="1" t="s">
        <v>187583</v>
      </c>
      <c r="B55779" s="1" t="s">
        <v>187129</v>
      </c>
      <c r="C55779" s="1" t="s">
        <v>45</v>
      </c>
      <c r="D55779" s="1" t="s">
        <v>7179</v>
      </c>
      <c r="E55779" s="1" t="s">
        <v>187609</v>
      </c>
      <c r="F55779" s="1" t="s">
        <v>187610</v>
      </c>
      <c r="G55779" s="1" t="s">
        <v>187587</v>
      </c>
      <c r="H55779" s="1" t="s">
        <v>187588</v>
      </c>
      <c r="I55779" s="1" t="s">
        <v>187135</v>
      </c>
      <c r="J55779" s="1" t="s">
        <v>187611</v>
      </c>
    </row>
    <row r="55780" spans="1:10" x14ac:dyDescent="0.35">
      <c r="A55780" s="1" t="s">
        <v>187583</v>
      </c>
      <c r="B55780" s="1" t="s">
        <v>187129</v>
      </c>
      <c r="C55780" s="1" t="s">
        <v>50</v>
      </c>
      <c r="D55780" s="1" t="s">
        <v>16163</v>
      </c>
      <c r="E55780" s="1" t="s">
        <v>187612</v>
      </c>
      <c r="F55780" s="1" t="s">
        <v>187613</v>
      </c>
      <c r="G55780" s="1" t="s">
        <v>187587</v>
      </c>
      <c r="H55780" s="1" t="s">
        <v>187588</v>
      </c>
      <c r="I55780" s="1" t="s">
        <v>187135</v>
      </c>
      <c r="J55780" s="1" t="s">
        <v>187614</v>
      </c>
    </row>
    <row r="55781" spans="1:10" x14ac:dyDescent="0.35">
      <c r="A55781" s="1" t="s">
        <v>187583</v>
      </c>
      <c r="B55781" s="1" t="s">
        <v>187129</v>
      </c>
      <c r="C55781" s="1" t="s">
        <v>55</v>
      </c>
      <c r="D55781" s="1" t="s">
        <v>187615</v>
      </c>
      <c r="E55781" s="1" t="s">
        <v>187616</v>
      </c>
      <c r="F55781" s="1" t="s">
        <v>187617</v>
      </c>
      <c r="G55781" s="1" t="s">
        <v>187587</v>
      </c>
      <c r="H55781" s="1" t="s">
        <v>187588</v>
      </c>
      <c r="I55781" s="1" t="s">
        <v>187135</v>
      </c>
      <c r="J55781" s="1" t="s">
        <v>187618</v>
      </c>
    </row>
    <row r="55782" spans="1:10" x14ac:dyDescent="0.35">
      <c r="A55782" s="1" t="s">
        <v>187583</v>
      </c>
      <c r="B55782" s="1" t="s">
        <v>187129</v>
      </c>
      <c r="C55782" s="1" t="s">
        <v>60</v>
      </c>
      <c r="D55782" s="1" t="s">
        <v>112942</v>
      </c>
      <c r="E55782" s="1" t="s">
        <v>187619</v>
      </c>
      <c r="F55782" s="1" t="s">
        <v>187620</v>
      </c>
      <c r="G55782" s="1" t="s">
        <v>187587</v>
      </c>
      <c r="H55782" s="1" t="s">
        <v>187588</v>
      </c>
      <c r="I55782" s="1" t="s">
        <v>187135</v>
      </c>
      <c r="J55782" s="1" t="s">
        <v>187621</v>
      </c>
    </row>
    <row r="55783" spans="1:10" x14ac:dyDescent="0.35">
      <c r="A55783" s="1" t="s">
        <v>187583</v>
      </c>
      <c r="B55783" s="1" t="s">
        <v>187129</v>
      </c>
      <c r="C55783" s="1" t="s">
        <v>65</v>
      </c>
      <c r="D55783" s="1" t="s">
        <v>648</v>
      </c>
      <c r="E55783" s="1" t="s">
        <v>187622</v>
      </c>
      <c r="F55783" s="1" t="s">
        <v>187623</v>
      </c>
      <c r="G55783" s="1" t="s">
        <v>187587</v>
      </c>
      <c r="H55783" s="1" t="s">
        <v>187588</v>
      </c>
      <c r="I55783" s="1" t="s">
        <v>187135</v>
      </c>
      <c r="J55783" s="1" t="s">
        <v>187624</v>
      </c>
    </row>
    <row r="55784" spans="1:10" x14ac:dyDescent="0.35">
      <c r="A55784" s="1" t="s">
        <v>187583</v>
      </c>
      <c r="B55784" s="1" t="s">
        <v>187129</v>
      </c>
      <c r="C55784" s="1" t="s">
        <v>70</v>
      </c>
      <c r="D55784" s="1" t="s">
        <v>72993</v>
      </c>
      <c r="E55784" s="1" t="s">
        <v>187625</v>
      </c>
      <c r="F55784" s="1" t="s">
        <v>187626</v>
      </c>
      <c r="G55784" s="1" t="s">
        <v>187587</v>
      </c>
      <c r="H55784" s="1" t="s">
        <v>187588</v>
      </c>
      <c r="I55784" s="1" t="s">
        <v>187135</v>
      </c>
      <c r="J55784" s="1" t="s">
        <v>187627</v>
      </c>
    </row>
    <row r="55785" spans="1:10" x14ac:dyDescent="0.35">
      <c r="A55785" s="1" t="s">
        <v>187583</v>
      </c>
      <c r="B55785" s="1" t="s">
        <v>187129</v>
      </c>
      <c r="C55785" s="1" t="s">
        <v>75</v>
      </c>
      <c r="D55785" s="1" t="s">
        <v>17013</v>
      </c>
      <c r="E55785" s="1" t="s">
        <v>187628</v>
      </c>
      <c r="F55785" s="1" t="s">
        <v>187629</v>
      </c>
      <c r="G55785" s="1" t="s">
        <v>187587</v>
      </c>
      <c r="H55785" s="1" t="s">
        <v>187588</v>
      </c>
      <c r="I55785" s="1" t="s">
        <v>187135</v>
      </c>
      <c r="J55785" s="1" t="s">
        <v>187630</v>
      </c>
    </row>
    <row r="55786" spans="1:10" x14ac:dyDescent="0.35">
      <c r="A55786" s="1" t="s">
        <v>187583</v>
      </c>
      <c r="B55786" s="1" t="s">
        <v>187129</v>
      </c>
      <c r="C55786" s="1" t="s">
        <v>80</v>
      </c>
      <c r="D55786" s="1" t="s">
        <v>30925</v>
      </c>
      <c r="E55786" s="1" t="s">
        <v>187631</v>
      </c>
      <c r="F55786" s="1" t="s">
        <v>187632</v>
      </c>
      <c r="G55786" s="1" t="s">
        <v>187587</v>
      </c>
      <c r="H55786" s="1" t="s">
        <v>187588</v>
      </c>
      <c r="I55786" s="1" t="s">
        <v>187135</v>
      </c>
      <c r="J55786" s="1" t="s">
        <v>187633</v>
      </c>
    </row>
    <row r="55787" spans="1:10" x14ac:dyDescent="0.35">
      <c r="A55787" s="1" t="s">
        <v>187583</v>
      </c>
      <c r="B55787" s="1" t="s">
        <v>187129</v>
      </c>
      <c r="C55787" s="1" t="s">
        <v>85</v>
      </c>
      <c r="D55787" s="1" t="s">
        <v>73237</v>
      </c>
      <c r="E55787" s="1" t="s">
        <v>187634</v>
      </c>
      <c r="F55787" s="1" t="s">
        <v>187635</v>
      </c>
      <c r="G55787" s="1" t="s">
        <v>187587</v>
      </c>
      <c r="H55787" s="1" t="s">
        <v>187588</v>
      </c>
      <c r="I55787" s="1" t="s">
        <v>187135</v>
      </c>
      <c r="J55787" s="1" t="s">
        <v>187636</v>
      </c>
    </row>
    <row r="55788" spans="1:10" x14ac:dyDescent="0.35">
      <c r="A55788" s="1" t="s">
        <v>187583</v>
      </c>
      <c r="B55788" s="1" t="s">
        <v>187129</v>
      </c>
      <c r="C55788" s="1" t="s">
        <v>90</v>
      </c>
      <c r="D55788" s="1" t="s">
        <v>3152</v>
      </c>
      <c r="E55788" s="1" t="s">
        <v>187637</v>
      </c>
      <c r="F55788" s="1" t="s">
        <v>187638</v>
      </c>
      <c r="G55788" s="1" t="s">
        <v>187587</v>
      </c>
      <c r="H55788" s="1" t="s">
        <v>187588</v>
      </c>
      <c r="I55788" s="1" t="s">
        <v>187135</v>
      </c>
      <c r="J55788" s="1" t="s">
        <v>187639</v>
      </c>
    </row>
    <row r="55789" spans="1:10" x14ac:dyDescent="0.35">
      <c r="A55789" s="1" t="s">
        <v>187583</v>
      </c>
      <c r="B55789" s="1" t="s">
        <v>187129</v>
      </c>
      <c r="C55789" s="1" t="s">
        <v>95</v>
      </c>
      <c r="D55789" s="1" t="s">
        <v>38405</v>
      </c>
      <c r="E55789" s="1" t="s">
        <v>187640</v>
      </c>
      <c r="F55789" s="1" t="s">
        <v>187641</v>
      </c>
      <c r="G55789" s="1" t="s">
        <v>187587</v>
      </c>
      <c r="H55789" s="1" t="s">
        <v>187588</v>
      </c>
      <c r="I55789" s="1" t="s">
        <v>187135</v>
      </c>
      <c r="J55789" s="1" t="s">
        <v>187642</v>
      </c>
    </row>
    <row r="55790" spans="1:10" x14ac:dyDescent="0.35">
      <c r="A55790" s="1" t="s">
        <v>187583</v>
      </c>
      <c r="B55790" s="1" t="s">
        <v>187129</v>
      </c>
      <c r="C55790" s="1" t="s">
        <v>100</v>
      </c>
      <c r="D55790" s="1" t="s">
        <v>42964</v>
      </c>
      <c r="E55790" s="1" t="s">
        <v>187643</v>
      </c>
      <c r="F55790" s="1" t="s">
        <v>187644</v>
      </c>
      <c r="G55790" s="1" t="s">
        <v>187587</v>
      </c>
      <c r="H55790" s="1" t="s">
        <v>187588</v>
      </c>
      <c r="I55790" s="1" t="s">
        <v>187135</v>
      </c>
      <c r="J55790" s="1" t="s">
        <v>187645</v>
      </c>
    </row>
    <row r="55791" spans="1:10" x14ac:dyDescent="0.35">
      <c r="A55791" s="1" t="s">
        <v>187583</v>
      </c>
      <c r="B55791" s="1" t="s">
        <v>187129</v>
      </c>
      <c r="C55791" s="1" t="s">
        <v>105</v>
      </c>
      <c r="D55791" s="1" t="s">
        <v>32627</v>
      </c>
      <c r="E55791" s="1" t="s">
        <v>187646</v>
      </c>
      <c r="F55791" s="1" t="s">
        <v>187647</v>
      </c>
      <c r="G55791" s="1" t="s">
        <v>187587</v>
      </c>
      <c r="H55791" s="1" t="s">
        <v>187588</v>
      </c>
      <c r="I55791" s="1" t="s">
        <v>187135</v>
      </c>
      <c r="J55791" s="1" t="s">
        <v>187648</v>
      </c>
    </row>
    <row r="55792" spans="1:10" x14ac:dyDescent="0.35">
      <c r="A55792" s="1" t="s">
        <v>187583</v>
      </c>
      <c r="B55792" s="1" t="s">
        <v>187129</v>
      </c>
      <c r="C55792" s="1" t="s">
        <v>110</v>
      </c>
      <c r="D55792" s="1" t="s">
        <v>31209</v>
      </c>
      <c r="E55792" s="1" t="s">
        <v>187649</v>
      </c>
      <c r="F55792" s="1" t="s">
        <v>187650</v>
      </c>
      <c r="G55792" s="1" t="s">
        <v>187587</v>
      </c>
      <c r="H55792" s="1" t="s">
        <v>187588</v>
      </c>
      <c r="I55792" s="1" t="s">
        <v>187135</v>
      </c>
      <c r="J55792" s="1" t="s">
        <v>187651</v>
      </c>
    </row>
    <row r="55793" spans="1:10" x14ac:dyDescent="0.35">
      <c r="A55793" s="1" t="s">
        <v>187583</v>
      </c>
      <c r="B55793" s="1" t="s">
        <v>187129</v>
      </c>
      <c r="C55793" s="1" t="s">
        <v>115</v>
      </c>
      <c r="D55793" s="1" t="s">
        <v>187652</v>
      </c>
      <c r="E55793" s="1" t="s">
        <v>187653</v>
      </c>
      <c r="F55793" s="1" t="s">
        <v>187654</v>
      </c>
      <c r="G55793" s="1" t="s">
        <v>187587</v>
      </c>
      <c r="H55793" s="1" t="s">
        <v>187588</v>
      </c>
      <c r="I55793" s="1" t="s">
        <v>187135</v>
      </c>
      <c r="J55793" s="1" t="s">
        <v>187655</v>
      </c>
    </row>
    <row r="55794" spans="1:10" x14ac:dyDescent="0.35">
      <c r="A55794" s="1" t="s">
        <v>187583</v>
      </c>
      <c r="B55794" s="1" t="s">
        <v>187129</v>
      </c>
      <c r="C55794" s="1" t="s">
        <v>120</v>
      </c>
      <c r="D55794" s="1" t="s">
        <v>142210</v>
      </c>
      <c r="E55794" s="1" t="s">
        <v>187656</v>
      </c>
      <c r="F55794" s="1" t="s">
        <v>187657</v>
      </c>
      <c r="G55794" s="1" t="s">
        <v>187587</v>
      </c>
      <c r="H55794" s="1" t="s">
        <v>187588</v>
      </c>
      <c r="I55794" s="1" t="s">
        <v>187135</v>
      </c>
      <c r="J55794" s="1" t="s">
        <v>187658</v>
      </c>
    </row>
    <row r="55795" spans="1:10" x14ac:dyDescent="0.35">
      <c r="A55795" s="1" t="s">
        <v>187583</v>
      </c>
      <c r="B55795" s="1" t="s">
        <v>187129</v>
      </c>
      <c r="C55795" s="1" t="s">
        <v>125</v>
      </c>
      <c r="D55795" s="1" t="s">
        <v>187659</v>
      </c>
      <c r="E55795" s="1" t="s">
        <v>187660</v>
      </c>
      <c r="F55795" s="1" t="s">
        <v>187661</v>
      </c>
      <c r="G55795" s="1" t="s">
        <v>187587</v>
      </c>
      <c r="H55795" s="1" t="s">
        <v>187588</v>
      </c>
      <c r="I55795" s="1" t="s">
        <v>187135</v>
      </c>
      <c r="J55795" s="1" t="s">
        <v>187662</v>
      </c>
    </row>
    <row r="55796" spans="1:10" x14ac:dyDescent="0.35">
      <c r="A55796" s="1" t="s">
        <v>187583</v>
      </c>
      <c r="B55796" s="1" t="s">
        <v>187129</v>
      </c>
      <c r="C55796" s="1" t="s">
        <v>130</v>
      </c>
      <c r="D55796" s="1" t="s">
        <v>30435</v>
      </c>
      <c r="E55796" s="1" t="s">
        <v>187663</v>
      </c>
      <c r="F55796" s="1" t="s">
        <v>187664</v>
      </c>
      <c r="G55796" s="1" t="s">
        <v>187587</v>
      </c>
      <c r="H55796" s="1" t="s">
        <v>187588</v>
      </c>
      <c r="I55796" s="1" t="s">
        <v>187135</v>
      </c>
      <c r="J55796" s="1" t="s">
        <v>187665</v>
      </c>
    </row>
    <row r="55797" spans="1:10" x14ac:dyDescent="0.35">
      <c r="A55797" s="1" t="s">
        <v>187583</v>
      </c>
      <c r="B55797" s="1" t="s">
        <v>187129</v>
      </c>
      <c r="C55797" s="1" t="s">
        <v>135</v>
      </c>
      <c r="D55797" s="1" t="s">
        <v>75220</v>
      </c>
      <c r="E55797" s="1" t="s">
        <v>187666</v>
      </c>
      <c r="F55797" s="1" t="s">
        <v>187667</v>
      </c>
      <c r="G55797" s="1" t="s">
        <v>187587</v>
      </c>
      <c r="H55797" s="1" t="s">
        <v>187588</v>
      </c>
      <c r="I55797" s="1" t="s">
        <v>187135</v>
      </c>
      <c r="J55797" s="1" t="s">
        <v>187668</v>
      </c>
    </row>
    <row r="55798" spans="1:10" x14ac:dyDescent="0.35">
      <c r="A55798" s="1" t="s">
        <v>187583</v>
      </c>
      <c r="B55798" s="1" t="s">
        <v>187129</v>
      </c>
      <c r="C55798" s="1" t="s">
        <v>140</v>
      </c>
      <c r="D55798" s="1" t="s">
        <v>187669</v>
      </c>
      <c r="E55798" s="1" t="s">
        <v>187670</v>
      </c>
      <c r="F55798" s="1" t="s">
        <v>187671</v>
      </c>
      <c r="G55798" s="1" t="s">
        <v>187587</v>
      </c>
      <c r="H55798" s="1" t="s">
        <v>187588</v>
      </c>
      <c r="I55798" s="1" t="s">
        <v>187135</v>
      </c>
      <c r="J55798" s="1" t="s">
        <v>187672</v>
      </c>
    </row>
    <row r="55799" spans="1:10" x14ac:dyDescent="0.35">
      <c r="A55799" s="1" t="s">
        <v>187583</v>
      </c>
      <c r="B55799" s="1" t="s">
        <v>187129</v>
      </c>
      <c r="C55799" s="1" t="s">
        <v>145</v>
      </c>
      <c r="D55799" s="1" t="s">
        <v>187673</v>
      </c>
      <c r="E55799" s="1" t="s">
        <v>187674</v>
      </c>
      <c r="F55799" s="1" t="s">
        <v>187675</v>
      </c>
      <c r="G55799" s="1" t="s">
        <v>187587</v>
      </c>
      <c r="H55799" s="1" t="s">
        <v>187588</v>
      </c>
      <c r="I55799" s="1" t="s">
        <v>187135</v>
      </c>
      <c r="J55799" s="1" t="s">
        <v>187676</v>
      </c>
    </row>
    <row r="55800" spans="1:10" x14ac:dyDescent="0.35">
      <c r="A55800" s="1" t="s">
        <v>187583</v>
      </c>
      <c r="B55800" s="1" t="s">
        <v>187129</v>
      </c>
      <c r="C55800" s="1" t="s">
        <v>150</v>
      </c>
      <c r="D55800" s="1" t="s">
        <v>106137</v>
      </c>
      <c r="E55800" s="1" t="s">
        <v>187677</v>
      </c>
      <c r="F55800" s="1" t="s">
        <v>187678</v>
      </c>
      <c r="G55800" s="1" t="s">
        <v>187587</v>
      </c>
      <c r="H55800" s="1" t="s">
        <v>187588</v>
      </c>
      <c r="I55800" s="1" t="s">
        <v>187135</v>
      </c>
      <c r="J55800" s="1" t="s">
        <v>187679</v>
      </c>
    </row>
    <row r="55801" spans="1:10" x14ac:dyDescent="0.35">
      <c r="A55801" s="1" t="s">
        <v>187583</v>
      </c>
      <c r="B55801" s="1" t="s">
        <v>187129</v>
      </c>
      <c r="C55801" s="1" t="s">
        <v>155</v>
      </c>
      <c r="D55801" s="1" t="s">
        <v>11535</v>
      </c>
      <c r="E55801" s="1" t="s">
        <v>187680</v>
      </c>
      <c r="F55801" s="1" t="s">
        <v>187681</v>
      </c>
      <c r="G55801" s="1" t="s">
        <v>187587</v>
      </c>
      <c r="H55801" s="1" t="s">
        <v>187588</v>
      </c>
      <c r="I55801" s="1" t="s">
        <v>187135</v>
      </c>
      <c r="J55801" s="1" t="s">
        <v>187682</v>
      </c>
    </row>
    <row r="55802" spans="1:10" x14ac:dyDescent="0.35">
      <c r="A55802" s="1" t="s">
        <v>187583</v>
      </c>
      <c r="B55802" s="1" t="s">
        <v>187129</v>
      </c>
      <c r="C55802" s="1" t="s">
        <v>160</v>
      </c>
      <c r="D55802" s="1" t="s">
        <v>187683</v>
      </c>
      <c r="E55802" s="1" t="s">
        <v>187684</v>
      </c>
      <c r="F55802" s="1" t="s">
        <v>187685</v>
      </c>
      <c r="G55802" s="1" t="s">
        <v>187587</v>
      </c>
      <c r="H55802" s="1" t="s">
        <v>187588</v>
      </c>
      <c r="I55802" s="1" t="s">
        <v>187135</v>
      </c>
      <c r="J55802" s="1" t="s">
        <v>187686</v>
      </c>
    </row>
    <row r="55803" spans="1:10" x14ac:dyDescent="0.35">
      <c r="A55803" s="1" t="s">
        <v>187583</v>
      </c>
      <c r="B55803" s="1" t="s">
        <v>187129</v>
      </c>
      <c r="C55803" s="1" t="s">
        <v>165</v>
      </c>
      <c r="D55803" s="1" t="s">
        <v>187687</v>
      </c>
      <c r="E55803" s="1" t="s">
        <v>187688</v>
      </c>
      <c r="F55803" s="1" t="s">
        <v>187689</v>
      </c>
      <c r="G55803" s="1" t="s">
        <v>187587</v>
      </c>
      <c r="H55803" s="1" t="s">
        <v>187588</v>
      </c>
      <c r="I55803" s="1" t="s">
        <v>187135</v>
      </c>
      <c r="J55803" s="1" t="s">
        <v>187690</v>
      </c>
    </row>
    <row r="55804" spans="1:10" x14ac:dyDescent="0.35">
      <c r="A55804" s="1" t="s">
        <v>187583</v>
      </c>
      <c r="B55804" s="1" t="s">
        <v>187129</v>
      </c>
      <c r="C55804" s="1" t="s">
        <v>170</v>
      </c>
      <c r="D55804" s="1" t="s">
        <v>24228</v>
      </c>
      <c r="E55804" s="1" t="s">
        <v>187691</v>
      </c>
      <c r="F55804" s="1" t="s">
        <v>187692</v>
      </c>
      <c r="G55804" s="1" t="s">
        <v>187587</v>
      </c>
      <c r="H55804" s="1" t="s">
        <v>187588</v>
      </c>
      <c r="I55804" s="1" t="s">
        <v>187135</v>
      </c>
      <c r="J55804" s="1" t="s">
        <v>187693</v>
      </c>
    </row>
    <row r="55805" spans="1:10" x14ac:dyDescent="0.35">
      <c r="A55805" s="1" t="s">
        <v>44306</v>
      </c>
      <c r="B55805" s="1" t="s">
        <v>187129</v>
      </c>
      <c r="C55805" s="1" t="s">
        <v>8</v>
      </c>
      <c r="D55805" s="1" t="s">
        <v>187694</v>
      </c>
      <c r="E55805" s="1" t="s">
        <v>187695</v>
      </c>
      <c r="F55805" s="1" t="s">
        <v>187696</v>
      </c>
      <c r="G55805" s="1" t="s">
        <v>187697</v>
      </c>
      <c r="H55805" s="1" t="s">
        <v>187698</v>
      </c>
      <c r="I55805" s="1" t="s">
        <v>187135</v>
      </c>
      <c r="J55805" s="1" t="s">
        <v>13</v>
      </c>
    </row>
    <row r="55806" spans="1:10" x14ac:dyDescent="0.35">
      <c r="A55806" s="1" t="s">
        <v>44306</v>
      </c>
      <c r="B55806" s="1" t="s">
        <v>187129</v>
      </c>
      <c r="C55806" s="1" t="s">
        <v>15</v>
      </c>
      <c r="D55806" s="1" t="s">
        <v>78413</v>
      </c>
      <c r="E55806" s="1" t="s">
        <v>187699</v>
      </c>
      <c r="F55806" s="1" t="s">
        <v>187700</v>
      </c>
      <c r="G55806" s="1" t="s">
        <v>187697</v>
      </c>
      <c r="H55806" s="1" t="s">
        <v>187698</v>
      </c>
      <c r="I55806" s="1" t="s">
        <v>187135</v>
      </c>
      <c r="J55806" s="1" t="s">
        <v>187701</v>
      </c>
    </row>
    <row r="55807" spans="1:10" x14ac:dyDescent="0.35">
      <c r="A55807" s="1" t="s">
        <v>44306</v>
      </c>
      <c r="B55807" s="1" t="s">
        <v>187129</v>
      </c>
      <c r="C55807" s="1" t="s">
        <v>20</v>
      </c>
      <c r="D55807" s="1" t="s">
        <v>172675</v>
      </c>
      <c r="E55807" s="1" t="s">
        <v>187702</v>
      </c>
      <c r="F55807" s="1" t="s">
        <v>187703</v>
      </c>
      <c r="G55807" s="1" t="s">
        <v>187697</v>
      </c>
      <c r="H55807" s="1" t="s">
        <v>187698</v>
      </c>
      <c r="I55807" s="1" t="s">
        <v>187135</v>
      </c>
      <c r="J55807" s="1" t="s">
        <v>187704</v>
      </c>
    </row>
    <row r="55808" spans="1:10" x14ac:dyDescent="0.35">
      <c r="A55808" s="1" t="s">
        <v>44306</v>
      </c>
      <c r="B55808" s="1" t="s">
        <v>187129</v>
      </c>
      <c r="C55808" s="1" t="s">
        <v>25</v>
      </c>
      <c r="D55808" s="1" t="s">
        <v>175517</v>
      </c>
      <c r="E55808" s="1" t="s">
        <v>187705</v>
      </c>
      <c r="F55808" s="1" t="s">
        <v>187706</v>
      </c>
      <c r="G55808" s="1" t="s">
        <v>187697</v>
      </c>
      <c r="H55808" s="1" t="s">
        <v>187698</v>
      </c>
      <c r="I55808" s="1" t="s">
        <v>187135</v>
      </c>
      <c r="J55808" s="1" t="s">
        <v>187707</v>
      </c>
    </row>
    <row r="55809" spans="1:10" x14ac:dyDescent="0.35">
      <c r="A55809" s="1" t="s">
        <v>44306</v>
      </c>
      <c r="B55809" s="1" t="s">
        <v>187129</v>
      </c>
      <c r="C55809" s="1" t="s">
        <v>30</v>
      </c>
      <c r="D55809" s="1" t="s">
        <v>70724</v>
      </c>
      <c r="E55809" s="1" t="s">
        <v>187708</v>
      </c>
      <c r="F55809" s="1" t="s">
        <v>187709</v>
      </c>
      <c r="G55809" s="1" t="s">
        <v>187697</v>
      </c>
      <c r="H55809" s="1" t="s">
        <v>187698</v>
      </c>
      <c r="I55809" s="1" t="s">
        <v>187135</v>
      </c>
      <c r="J55809" s="1" t="s">
        <v>187710</v>
      </c>
    </row>
    <row r="55810" spans="1:10" x14ac:dyDescent="0.35">
      <c r="A55810" s="1" t="s">
        <v>44306</v>
      </c>
      <c r="B55810" s="1" t="s">
        <v>187129</v>
      </c>
      <c r="C55810" s="1" t="s">
        <v>35</v>
      </c>
      <c r="D55810" s="1" t="s">
        <v>187711</v>
      </c>
      <c r="E55810" s="1" t="s">
        <v>187712</v>
      </c>
      <c r="F55810" s="1" t="s">
        <v>187713</v>
      </c>
      <c r="G55810" s="1" t="s">
        <v>187697</v>
      </c>
      <c r="H55810" s="1" t="s">
        <v>187698</v>
      </c>
      <c r="I55810" s="1" t="s">
        <v>187135</v>
      </c>
      <c r="J55810" s="1" t="s">
        <v>187714</v>
      </c>
    </row>
    <row r="55811" spans="1:10" x14ac:dyDescent="0.35">
      <c r="A55811" s="1" t="s">
        <v>44306</v>
      </c>
      <c r="B55811" s="1" t="s">
        <v>187129</v>
      </c>
      <c r="C55811" s="1" t="s">
        <v>40</v>
      </c>
      <c r="D55811" s="1" t="s">
        <v>187715</v>
      </c>
      <c r="E55811" s="1" t="s">
        <v>187716</v>
      </c>
      <c r="F55811" s="1" t="s">
        <v>187717</v>
      </c>
      <c r="G55811" s="1" t="s">
        <v>187697</v>
      </c>
      <c r="H55811" s="1" t="s">
        <v>187698</v>
      </c>
      <c r="I55811" s="1" t="s">
        <v>187135</v>
      </c>
      <c r="J55811" s="1" t="s">
        <v>187718</v>
      </c>
    </row>
    <row r="55812" spans="1:10" x14ac:dyDescent="0.35">
      <c r="A55812" s="1" t="s">
        <v>44306</v>
      </c>
      <c r="B55812" s="1" t="s">
        <v>187129</v>
      </c>
      <c r="C55812" s="1" t="s">
        <v>45</v>
      </c>
      <c r="D55812" s="1" t="s">
        <v>30655</v>
      </c>
      <c r="E55812" s="1" t="s">
        <v>187719</v>
      </c>
      <c r="F55812" s="1" t="s">
        <v>187720</v>
      </c>
      <c r="G55812" s="1" t="s">
        <v>187697</v>
      </c>
      <c r="H55812" s="1" t="s">
        <v>187698</v>
      </c>
      <c r="I55812" s="1" t="s">
        <v>187135</v>
      </c>
      <c r="J55812" s="1" t="s">
        <v>187721</v>
      </c>
    </row>
    <row r="55813" spans="1:10" x14ac:dyDescent="0.35">
      <c r="A55813" s="1" t="s">
        <v>44306</v>
      </c>
      <c r="B55813" s="1" t="s">
        <v>187129</v>
      </c>
      <c r="C55813" s="1" t="s">
        <v>50</v>
      </c>
      <c r="D55813" s="1" t="s">
        <v>187722</v>
      </c>
      <c r="E55813" s="1" t="s">
        <v>187723</v>
      </c>
      <c r="F55813" s="1" t="s">
        <v>187724</v>
      </c>
      <c r="G55813" s="1" t="s">
        <v>187697</v>
      </c>
      <c r="H55813" s="1" t="s">
        <v>187698</v>
      </c>
      <c r="I55813" s="1" t="s">
        <v>187135</v>
      </c>
      <c r="J55813" s="1" t="s">
        <v>187725</v>
      </c>
    </row>
    <row r="55814" spans="1:10" x14ac:dyDescent="0.35">
      <c r="A55814" s="1" t="s">
        <v>44306</v>
      </c>
      <c r="B55814" s="1" t="s">
        <v>187129</v>
      </c>
      <c r="C55814" s="1" t="s">
        <v>55</v>
      </c>
      <c r="D55814" s="1" t="s">
        <v>37907</v>
      </c>
      <c r="E55814" s="1" t="s">
        <v>187726</v>
      </c>
      <c r="F55814" s="1" t="s">
        <v>187727</v>
      </c>
      <c r="G55814" s="1" t="s">
        <v>187697</v>
      </c>
      <c r="H55814" s="1" t="s">
        <v>187698</v>
      </c>
      <c r="I55814" s="1" t="s">
        <v>187135</v>
      </c>
      <c r="J55814" s="1" t="s">
        <v>187728</v>
      </c>
    </row>
    <row r="55815" spans="1:10" x14ac:dyDescent="0.35">
      <c r="A55815" s="1" t="s">
        <v>44306</v>
      </c>
      <c r="B55815" s="1" t="s">
        <v>187129</v>
      </c>
      <c r="C55815" s="1" t="s">
        <v>60</v>
      </c>
      <c r="D55815" s="1" t="s">
        <v>3723</v>
      </c>
      <c r="E55815" s="1" t="s">
        <v>187729</v>
      </c>
      <c r="F55815" s="1" t="s">
        <v>187730</v>
      </c>
      <c r="G55815" s="1" t="s">
        <v>187697</v>
      </c>
      <c r="H55815" s="1" t="s">
        <v>187698</v>
      </c>
      <c r="I55815" s="1" t="s">
        <v>187135</v>
      </c>
      <c r="J55815" s="1" t="s">
        <v>187731</v>
      </c>
    </row>
    <row r="55816" spans="1:10" x14ac:dyDescent="0.35">
      <c r="A55816" s="1" t="s">
        <v>44306</v>
      </c>
      <c r="B55816" s="1" t="s">
        <v>187129</v>
      </c>
      <c r="C55816" s="1" t="s">
        <v>65</v>
      </c>
      <c r="D55816" s="1" t="s">
        <v>187732</v>
      </c>
      <c r="E55816" s="1" t="s">
        <v>187733</v>
      </c>
      <c r="F55816" s="1" t="s">
        <v>187734</v>
      </c>
      <c r="G55816" s="1" t="s">
        <v>187697</v>
      </c>
      <c r="H55816" s="1" t="s">
        <v>187698</v>
      </c>
      <c r="I55816" s="1" t="s">
        <v>187135</v>
      </c>
      <c r="J55816" s="1" t="s">
        <v>187735</v>
      </c>
    </row>
    <row r="55817" spans="1:10" x14ac:dyDescent="0.35">
      <c r="A55817" s="1" t="s">
        <v>44306</v>
      </c>
      <c r="B55817" s="1" t="s">
        <v>187129</v>
      </c>
      <c r="C55817" s="1" t="s">
        <v>70</v>
      </c>
      <c r="D55817" s="1" t="s">
        <v>42072</v>
      </c>
      <c r="E55817" s="1" t="s">
        <v>187736</v>
      </c>
      <c r="F55817" s="1" t="s">
        <v>187737</v>
      </c>
      <c r="G55817" s="1" t="s">
        <v>187697</v>
      </c>
      <c r="H55817" s="1" t="s">
        <v>187698</v>
      </c>
      <c r="I55817" s="1" t="s">
        <v>187135</v>
      </c>
      <c r="J55817" s="1" t="s">
        <v>187738</v>
      </c>
    </row>
    <row r="55818" spans="1:10" x14ac:dyDescent="0.35">
      <c r="A55818" s="1" t="s">
        <v>44306</v>
      </c>
      <c r="B55818" s="1" t="s">
        <v>187129</v>
      </c>
      <c r="C55818" s="1" t="s">
        <v>75</v>
      </c>
      <c r="D55818" s="1" t="s">
        <v>187739</v>
      </c>
      <c r="E55818" s="1" t="s">
        <v>187740</v>
      </c>
      <c r="F55818" s="1" t="s">
        <v>187741</v>
      </c>
      <c r="G55818" s="1" t="s">
        <v>187697</v>
      </c>
      <c r="H55818" s="1" t="s">
        <v>187698</v>
      </c>
      <c r="I55818" s="1" t="s">
        <v>187135</v>
      </c>
      <c r="J55818" s="1" t="s">
        <v>187742</v>
      </c>
    </row>
    <row r="55819" spans="1:10" x14ac:dyDescent="0.35">
      <c r="A55819" s="1" t="s">
        <v>44306</v>
      </c>
      <c r="B55819" s="1" t="s">
        <v>187129</v>
      </c>
      <c r="C55819" s="1" t="s">
        <v>80</v>
      </c>
      <c r="D55819" s="1" t="s">
        <v>34403</v>
      </c>
      <c r="E55819" s="1" t="s">
        <v>187743</v>
      </c>
      <c r="F55819" s="1" t="s">
        <v>187744</v>
      </c>
      <c r="G55819" s="1" t="s">
        <v>187697</v>
      </c>
      <c r="H55819" s="1" t="s">
        <v>187698</v>
      </c>
      <c r="I55819" s="1" t="s">
        <v>187135</v>
      </c>
      <c r="J55819" s="1" t="s">
        <v>187745</v>
      </c>
    </row>
    <row r="55820" spans="1:10" x14ac:dyDescent="0.35">
      <c r="A55820" s="1" t="s">
        <v>44306</v>
      </c>
      <c r="B55820" s="1" t="s">
        <v>187129</v>
      </c>
      <c r="C55820" s="1" t="s">
        <v>85</v>
      </c>
      <c r="D55820" s="1" t="s">
        <v>15562</v>
      </c>
      <c r="E55820" s="1" t="s">
        <v>187746</v>
      </c>
      <c r="F55820" s="1" t="s">
        <v>187747</v>
      </c>
      <c r="G55820" s="1" t="s">
        <v>187697</v>
      </c>
      <c r="H55820" s="1" t="s">
        <v>187698</v>
      </c>
      <c r="I55820" s="1" t="s">
        <v>187135</v>
      </c>
      <c r="J55820" s="1" t="s">
        <v>187748</v>
      </c>
    </row>
    <row r="55821" spans="1:10" x14ac:dyDescent="0.35">
      <c r="A55821" s="1" t="s">
        <v>44306</v>
      </c>
      <c r="B55821" s="1" t="s">
        <v>187129</v>
      </c>
      <c r="C55821" s="1" t="s">
        <v>90</v>
      </c>
      <c r="D55821" s="1" t="s">
        <v>187749</v>
      </c>
      <c r="E55821" s="1" t="s">
        <v>187750</v>
      </c>
      <c r="F55821" s="1" t="s">
        <v>187751</v>
      </c>
      <c r="G55821" s="1" t="s">
        <v>187697</v>
      </c>
      <c r="H55821" s="1" t="s">
        <v>187698</v>
      </c>
      <c r="I55821" s="1" t="s">
        <v>187135</v>
      </c>
      <c r="J55821" s="1" t="s">
        <v>187752</v>
      </c>
    </row>
    <row r="55822" spans="1:10" x14ac:dyDescent="0.35">
      <c r="A55822" s="1" t="s">
        <v>44306</v>
      </c>
      <c r="B55822" s="1" t="s">
        <v>187129</v>
      </c>
      <c r="C55822" s="1" t="s">
        <v>95</v>
      </c>
      <c r="D55822" s="1" t="s">
        <v>184989</v>
      </c>
      <c r="E55822" s="1" t="s">
        <v>187753</v>
      </c>
      <c r="F55822" s="1" t="s">
        <v>187754</v>
      </c>
      <c r="G55822" s="1" t="s">
        <v>187697</v>
      </c>
      <c r="H55822" s="1" t="s">
        <v>187698</v>
      </c>
      <c r="I55822" s="1" t="s">
        <v>187135</v>
      </c>
      <c r="J55822" s="1" t="s">
        <v>187755</v>
      </c>
    </row>
    <row r="55823" spans="1:10" x14ac:dyDescent="0.35">
      <c r="A55823" s="1" t="s">
        <v>44306</v>
      </c>
      <c r="B55823" s="1" t="s">
        <v>187129</v>
      </c>
      <c r="C55823" s="1" t="s">
        <v>100</v>
      </c>
      <c r="D55823" s="1" t="s">
        <v>100897</v>
      </c>
      <c r="E55823" s="1" t="s">
        <v>187756</v>
      </c>
      <c r="F55823" s="1" t="s">
        <v>187757</v>
      </c>
      <c r="G55823" s="1" t="s">
        <v>187697</v>
      </c>
      <c r="H55823" s="1" t="s">
        <v>187698</v>
      </c>
      <c r="I55823" s="1" t="s">
        <v>187135</v>
      </c>
      <c r="J55823" s="1" t="s">
        <v>187758</v>
      </c>
    </row>
    <row r="55824" spans="1:10" x14ac:dyDescent="0.35">
      <c r="A55824" s="1" t="s">
        <v>44306</v>
      </c>
      <c r="B55824" s="1" t="s">
        <v>187129</v>
      </c>
      <c r="C55824" s="1" t="s">
        <v>105</v>
      </c>
      <c r="D55824" s="1" t="s">
        <v>187759</v>
      </c>
      <c r="E55824" s="1" t="s">
        <v>187760</v>
      </c>
      <c r="F55824" s="1" t="s">
        <v>187761</v>
      </c>
      <c r="G55824" s="1" t="s">
        <v>187697</v>
      </c>
      <c r="H55824" s="1" t="s">
        <v>187698</v>
      </c>
      <c r="I55824" s="1" t="s">
        <v>187135</v>
      </c>
      <c r="J55824" s="1" t="s">
        <v>187762</v>
      </c>
    </row>
    <row r="55825" spans="1:10" x14ac:dyDescent="0.35">
      <c r="A55825" s="1" t="s">
        <v>44306</v>
      </c>
      <c r="B55825" s="1" t="s">
        <v>187129</v>
      </c>
      <c r="C55825" s="1" t="s">
        <v>110</v>
      </c>
      <c r="D55825" s="1" t="s">
        <v>159942</v>
      </c>
      <c r="E55825" s="1" t="s">
        <v>187763</v>
      </c>
      <c r="F55825" s="1" t="s">
        <v>187764</v>
      </c>
      <c r="G55825" s="1" t="s">
        <v>187697</v>
      </c>
      <c r="H55825" s="1" t="s">
        <v>187698</v>
      </c>
      <c r="I55825" s="1" t="s">
        <v>187135</v>
      </c>
      <c r="J55825" s="1" t="s">
        <v>187765</v>
      </c>
    </row>
    <row r="55826" spans="1:10" x14ac:dyDescent="0.35">
      <c r="A55826" s="1" t="s">
        <v>44306</v>
      </c>
      <c r="B55826" s="1" t="s">
        <v>187129</v>
      </c>
      <c r="C55826" s="1" t="s">
        <v>115</v>
      </c>
      <c r="D55826" s="1" t="s">
        <v>147774</v>
      </c>
      <c r="E55826" s="1" t="s">
        <v>187766</v>
      </c>
      <c r="F55826" s="1" t="s">
        <v>187767</v>
      </c>
      <c r="G55826" s="1" t="s">
        <v>187697</v>
      </c>
      <c r="H55826" s="1" t="s">
        <v>187698</v>
      </c>
      <c r="I55826" s="1" t="s">
        <v>187135</v>
      </c>
      <c r="J55826" s="1" t="s">
        <v>187768</v>
      </c>
    </row>
    <row r="55827" spans="1:10" x14ac:dyDescent="0.35">
      <c r="A55827" s="1" t="s">
        <v>44306</v>
      </c>
      <c r="B55827" s="1" t="s">
        <v>187129</v>
      </c>
      <c r="C55827" s="1" t="s">
        <v>120</v>
      </c>
      <c r="D55827" s="1" t="s">
        <v>187769</v>
      </c>
      <c r="E55827" s="1" t="s">
        <v>187770</v>
      </c>
      <c r="F55827" s="1" t="s">
        <v>187771</v>
      </c>
      <c r="G55827" s="1" t="s">
        <v>187697</v>
      </c>
      <c r="H55827" s="1" t="s">
        <v>187698</v>
      </c>
      <c r="I55827" s="1" t="s">
        <v>187135</v>
      </c>
      <c r="J55827" s="1" t="s">
        <v>187772</v>
      </c>
    </row>
    <row r="55828" spans="1:10" x14ac:dyDescent="0.35">
      <c r="A55828" s="1" t="s">
        <v>44306</v>
      </c>
      <c r="B55828" s="1" t="s">
        <v>187129</v>
      </c>
      <c r="C55828" s="1" t="s">
        <v>125</v>
      </c>
      <c r="D55828" s="1" t="s">
        <v>187773</v>
      </c>
      <c r="E55828" s="1" t="s">
        <v>187774</v>
      </c>
      <c r="F55828" s="1" t="s">
        <v>187775</v>
      </c>
      <c r="G55828" s="1" t="s">
        <v>187697</v>
      </c>
      <c r="H55828" s="1" t="s">
        <v>187698</v>
      </c>
      <c r="I55828" s="1" t="s">
        <v>187135</v>
      </c>
      <c r="J55828" s="1" t="s">
        <v>187776</v>
      </c>
    </row>
    <row r="55829" spans="1:10" x14ac:dyDescent="0.35">
      <c r="A55829" s="1" t="s">
        <v>44306</v>
      </c>
      <c r="B55829" s="1" t="s">
        <v>187129</v>
      </c>
      <c r="C55829" s="1" t="s">
        <v>130</v>
      </c>
      <c r="D55829" s="1" t="s">
        <v>187777</v>
      </c>
      <c r="E55829" s="1" t="s">
        <v>187778</v>
      </c>
      <c r="F55829" s="1" t="s">
        <v>187779</v>
      </c>
      <c r="G55829" s="1" t="s">
        <v>187697</v>
      </c>
      <c r="H55829" s="1" t="s">
        <v>187698</v>
      </c>
      <c r="I55829" s="1" t="s">
        <v>187135</v>
      </c>
      <c r="J55829" s="1" t="s">
        <v>187780</v>
      </c>
    </row>
    <row r="55830" spans="1:10" x14ac:dyDescent="0.35">
      <c r="A55830" s="1" t="s">
        <v>44306</v>
      </c>
      <c r="B55830" s="1" t="s">
        <v>187129</v>
      </c>
      <c r="C55830" s="1" t="s">
        <v>135</v>
      </c>
      <c r="D55830" s="1" t="s">
        <v>187781</v>
      </c>
      <c r="E55830" s="1" t="s">
        <v>187782</v>
      </c>
      <c r="F55830" s="1" t="s">
        <v>187783</v>
      </c>
      <c r="G55830" s="1" t="s">
        <v>187697</v>
      </c>
      <c r="H55830" s="1" t="s">
        <v>187698</v>
      </c>
      <c r="I55830" s="1" t="s">
        <v>187135</v>
      </c>
      <c r="J55830" s="1" t="s">
        <v>187784</v>
      </c>
    </row>
    <row r="55831" spans="1:10" x14ac:dyDescent="0.35">
      <c r="A55831" s="1" t="s">
        <v>44306</v>
      </c>
      <c r="B55831" s="1" t="s">
        <v>187129</v>
      </c>
      <c r="C55831" s="1" t="s">
        <v>140</v>
      </c>
      <c r="D55831" s="1" t="s">
        <v>187785</v>
      </c>
      <c r="E55831" s="1" t="s">
        <v>187786</v>
      </c>
      <c r="F55831" s="1" t="s">
        <v>187787</v>
      </c>
      <c r="G55831" s="1" t="s">
        <v>187697</v>
      </c>
      <c r="H55831" s="1" t="s">
        <v>187698</v>
      </c>
      <c r="I55831" s="1" t="s">
        <v>187135</v>
      </c>
      <c r="J55831" s="1" t="s">
        <v>187788</v>
      </c>
    </row>
    <row r="55832" spans="1:10" x14ac:dyDescent="0.35">
      <c r="A55832" s="1" t="s">
        <v>44306</v>
      </c>
      <c r="B55832" s="1" t="s">
        <v>187129</v>
      </c>
      <c r="C55832" s="1" t="s">
        <v>145</v>
      </c>
      <c r="D55832" s="1" t="s">
        <v>141510</v>
      </c>
      <c r="E55832" s="1" t="s">
        <v>187789</v>
      </c>
      <c r="F55832" s="1" t="s">
        <v>187790</v>
      </c>
      <c r="G55832" s="1" t="s">
        <v>187697</v>
      </c>
      <c r="H55832" s="1" t="s">
        <v>187698</v>
      </c>
      <c r="I55832" s="1" t="s">
        <v>187135</v>
      </c>
      <c r="J55832" s="1" t="s">
        <v>187791</v>
      </c>
    </row>
    <row r="55833" spans="1:10" x14ac:dyDescent="0.35">
      <c r="A55833" s="1" t="s">
        <v>44306</v>
      </c>
      <c r="B55833" s="1" t="s">
        <v>187129</v>
      </c>
      <c r="C55833" s="1" t="s">
        <v>150</v>
      </c>
      <c r="D55833" s="1" t="s">
        <v>114363</v>
      </c>
      <c r="E55833" s="1" t="s">
        <v>187792</v>
      </c>
      <c r="F55833" s="1" t="s">
        <v>187793</v>
      </c>
      <c r="G55833" s="1" t="s">
        <v>187697</v>
      </c>
      <c r="H55833" s="1" t="s">
        <v>187698</v>
      </c>
      <c r="I55833" s="1" t="s">
        <v>187135</v>
      </c>
      <c r="J55833" s="1" t="s">
        <v>187794</v>
      </c>
    </row>
    <row r="55834" spans="1:10" x14ac:dyDescent="0.35">
      <c r="A55834" s="1" t="s">
        <v>44306</v>
      </c>
      <c r="B55834" s="1" t="s">
        <v>187129</v>
      </c>
      <c r="C55834" s="1" t="s">
        <v>155</v>
      </c>
      <c r="D55834" s="1" t="s">
        <v>31684</v>
      </c>
      <c r="E55834" s="1" t="s">
        <v>187795</v>
      </c>
      <c r="F55834" s="1" t="s">
        <v>187796</v>
      </c>
      <c r="G55834" s="1" t="s">
        <v>187697</v>
      </c>
      <c r="H55834" s="1" t="s">
        <v>187698</v>
      </c>
      <c r="I55834" s="1" t="s">
        <v>187135</v>
      </c>
      <c r="J55834" s="1" t="s">
        <v>187797</v>
      </c>
    </row>
    <row r="55835" spans="1:10" x14ac:dyDescent="0.35">
      <c r="A55835" s="1" t="s">
        <v>44306</v>
      </c>
      <c r="B55835" s="1" t="s">
        <v>187129</v>
      </c>
      <c r="C55835" s="1" t="s">
        <v>160</v>
      </c>
      <c r="D55835" s="1" t="s">
        <v>142167</v>
      </c>
      <c r="E55835" s="1" t="s">
        <v>187798</v>
      </c>
      <c r="F55835" s="1" t="s">
        <v>187799</v>
      </c>
      <c r="G55835" s="1" t="s">
        <v>187697</v>
      </c>
      <c r="H55835" s="1" t="s">
        <v>187698</v>
      </c>
      <c r="I55835" s="1" t="s">
        <v>187135</v>
      </c>
      <c r="J55835" s="1" t="s">
        <v>187800</v>
      </c>
    </row>
    <row r="55836" spans="1:10" x14ac:dyDescent="0.35">
      <c r="A55836" s="1" t="s">
        <v>44306</v>
      </c>
      <c r="B55836" s="1" t="s">
        <v>187129</v>
      </c>
      <c r="C55836" s="1" t="s">
        <v>165</v>
      </c>
      <c r="D55836" s="1" t="s">
        <v>53189</v>
      </c>
      <c r="E55836" s="1" t="s">
        <v>187801</v>
      </c>
      <c r="F55836" s="1" t="s">
        <v>187802</v>
      </c>
      <c r="G55836" s="1" t="s">
        <v>187697</v>
      </c>
      <c r="H55836" s="1" t="s">
        <v>187698</v>
      </c>
      <c r="I55836" s="1" t="s">
        <v>187135</v>
      </c>
      <c r="J55836" s="1" t="s">
        <v>187803</v>
      </c>
    </row>
    <row r="55837" spans="1:10" x14ac:dyDescent="0.35">
      <c r="A55837" s="1" t="s">
        <v>44306</v>
      </c>
      <c r="B55837" s="1" t="s">
        <v>187129</v>
      </c>
      <c r="C55837" s="1" t="s">
        <v>170</v>
      </c>
      <c r="D55837" s="1" t="s">
        <v>15075</v>
      </c>
      <c r="E55837" s="1" t="s">
        <v>187804</v>
      </c>
      <c r="F55837" s="1" t="s">
        <v>187805</v>
      </c>
      <c r="G55837" s="1" t="s">
        <v>187697</v>
      </c>
      <c r="H55837" s="1" t="s">
        <v>187698</v>
      </c>
      <c r="I55837" s="1" t="s">
        <v>187135</v>
      </c>
      <c r="J55837" s="1" t="s">
        <v>187806</v>
      </c>
    </row>
    <row r="55838" spans="1:10" x14ac:dyDescent="0.35">
      <c r="A55838" s="1" t="s">
        <v>143201</v>
      </c>
      <c r="B55838" s="1" t="s">
        <v>187129</v>
      </c>
      <c r="C55838" s="1" t="s">
        <v>8</v>
      </c>
      <c r="D55838" s="1" t="s">
        <v>187807</v>
      </c>
      <c r="E55838" s="1" t="s">
        <v>187808</v>
      </c>
      <c r="F55838" s="1" t="s">
        <v>187809</v>
      </c>
      <c r="G55838" s="1" t="s">
        <v>187810</v>
      </c>
      <c r="H55838" s="1" t="s">
        <v>187811</v>
      </c>
      <c r="I55838" s="1" t="s">
        <v>187135</v>
      </c>
      <c r="J55838" s="1" t="s">
        <v>13</v>
      </c>
    </row>
    <row r="55839" spans="1:10" x14ac:dyDescent="0.35">
      <c r="A55839" s="1" t="s">
        <v>143201</v>
      </c>
      <c r="B55839" s="1" t="s">
        <v>187129</v>
      </c>
      <c r="C55839" s="1" t="s">
        <v>15</v>
      </c>
      <c r="D55839" s="1" t="s">
        <v>187812</v>
      </c>
      <c r="E55839" s="1" t="s">
        <v>187813</v>
      </c>
      <c r="F55839" s="1" t="s">
        <v>187814</v>
      </c>
      <c r="G55839" s="1" t="s">
        <v>187810</v>
      </c>
      <c r="H55839" s="1" t="s">
        <v>187811</v>
      </c>
      <c r="I55839" s="1" t="s">
        <v>187135</v>
      </c>
      <c r="J55839" s="1" t="s">
        <v>187815</v>
      </c>
    </row>
    <row r="55840" spans="1:10" x14ac:dyDescent="0.35">
      <c r="A55840" s="1" t="s">
        <v>143201</v>
      </c>
      <c r="B55840" s="1" t="s">
        <v>187129</v>
      </c>
      <c r="C55840" s="1" t="s">
        <v>20</v>
      </c>
      <c r="D55840" s="1" t="s">
        <v>187816</v>
      </c>
      <c r="E55840" s="1" t="s">
        <v>187817</v>
      </c>
      <c r="F55840" s="1" t="s">
        <v>187818</v>
      </c>
      <c r="G55840" s="1" t="s">
        <v>187810</v>
      </c>
      <c r="H55840" s="1" t="s">
        <v>187811</v>
      </c>
      <c r="I55840" s="1" t="s">
        <v>187135</v>
      </c>
      <c r="J55840" s="1" t="s">
        <v>187819</v>
      </c>
    </row>
    <row r="55841" spans="1:10" x14ac:dyDescent="0.35">
      <c r="A55841" s="1" t="s">
        <v>143201</v>
      </c>
      <c r="B55841" s="1" t="s">
        <v>187129</v>
      </c>
      <c r="C55841" s="1" t="s">
        <v>25</v>
      </c>
      <c r="D55841" s="1" t="s">
        <v>187820</v>
      </c>
      <c r="E55841" s="1" t="s">
        <v>187821</v>
      </c>
      <c r="F55841" s="1" t="s">
        <v>187822</v>
      </c>
      <c r="G55841" s="1" t="s">
        <v>187810</v>
      </c>
      <c r="H55841" s="1" t="s">
        <v>187811</v>
      </c>
      <c r="I55841" s="1" t="s">
        <v>187135</v>
      </c>
      <c r="J55841" s="1" t="s">
        <v>187823</v>
      </c>
    </row>
    <row r="55842" spans="1:10" x14ac:dyDescent="0.35">
      <c r="A55842" s="1" t="s">
        <v>143201</v>
      </c>
      <c r="B55842" s="1" t="s">
        <v>187129</v>
      </c>
      <c r="C55842" s="1" t="s">
        <v>30</v>
      </c>
      <c r="D55842" s="1" t="s">
        <v>49812</v>
      </c>
      <c r="E55842" s="1" t="s">
        <v>187824</v>
      </c>
      <c r="F55842" s="1" t="s">
        <v>187825</v>
      </c>
      <c r="G55842" s="1" t="s">
        <v>187810</v>
      </c>
      <c r="H55842" s="1" t="s">
        <v>187811</v>
      </c>
      <c r="I55842" s="1" t="s">
        <v>187135</v>
      </c>
      <c r="J55842" s="1" t="s">
        <v>187826</v>
      </c>
    </row>
    <row r="55843" spans="1:10" x14ac:dyDescent="0.35">
      <c r="A55843" s="1" t="s">
        <v>143201</v>
      </c>
      <c r="B55843" s="1" t="s">
        <v>187129</v>
      </c>
      <c r="C55843" s="1" t="s">
        <v>35</v>
      </c>
      <c r="D55843" s="1" t="s">
        <v>187827</v>
      </c>
      <c r="E55843" s="1" t="s">
        <v>187828</v>
      </c>
      <c r="F55843" s="1" t="s">
        <v>187829</v>
      </c>
      <c r="G55843" s="1" t="s">
        <v>187810</v>
      </c>
      <c r="H55843" s="1" t="s">
        <v>187811</v>
      </c>
      <c r="I55843" s="1" t="s">
        <v>187135</v>
      </c>
      <c r="J55843" s="1" t="s">
        <v>187830</v>
      </c>
    </row>
    <row r="55844" spans="1:10" x14ac:dyDescent="0.35">
      <c r="A55844" s="1" t="s">
        <v>143201</v>
      </c>
      <c r="B55844" s="1" t="s">
        <v>187129</v>
      </c>
      <c r="C55844" s="1" t="s">
        <v>40</v>
      </c>
      <c r="D55844" s="1" t="s">
        <v>74684</v>
      </c>
      <c r="E55844" s="1" t="s">
        <v>187831</v>
      </c>
      <c r="F55844" s="1" t="s">
        <v>187832</v>
      </c>
      <c r="G55844" s="1" t="s">
        <v>187810</v>
      </c>
      <c r="H55844" s="1" t="s">
        <v>187811</v>
      </c>
      <c r="I55844" s="1" t="s">
        <v>187135</v>
      </c>
      <c r="J55844" s="1" t="s">
        <v>187833</v>
      </c>
    </row>
    <row r="55845" spans="1:10" x14ac:dyDescent="0.35">
      <c r="A55845" s="1" t="s">
        <v>143201</v>
      </c>
      <c r="B55845" s="1" t="s">
        <v>187129</v>
      </c>
      <c r="C55845" s="1" t="s">
        <v>45</v>
      </c>
      <c r="D55845" s="1" t="s">
        <v>17133</v>
      </c>
      <c r="E55845" s="1" t="s">
        <v>187834</v>
      </c>
      <c r="F55845" s="1" t="s">
        <v>187835</v>
      </c>
      <c r="G55845" s="1" t="s">
        <v>187810</v>
      </c>
      <c r="H55845" s="1" t="s">
        <v>187811</v>
      </c>
      <c r="I55845" s="1" t="s">
        <v>187135</v>
      </c>
      <c r="J55845" s="1" t="s">
        <v>187836</v>
      </c>
    </row>
    <row r="55846" spans="1:10" x14ac:dyDescent="0.35">
      <c r="A55846" s="1" t="s">
        <v>143201</v>
      </c>
      <c r="B55846" s="1" t="s">
        <v>187129</v>
      </c>
      <c r="C55846" s="1" t="s">
        <v>50</v>
      </c>
      <c r="D55846" s="1" t="s">
        <v>31492</v>
      </c>
      <c r="E55846" s="1" t="s">
        <v>187837</v>
      </c>
      <c r="F55846" s="1" t="s">
        <v>187838</v>
      </c>
      <c r="G55846" s="1" t="s">
        <v>187810</v>
      </c>
      <c r="H55846" s="1" t="s">
        <v>187811</v>
      </c>
      <c r="I55846" s="1" t="s">
        <v>187135</v>
      </c>
      <c r="J55846" s="1" t="s">
        <v>187839</v>
      </c>
    </row>
    <row r="55847" spans="1:10" x14ac:dyDescent="0.35">
      <c r="A55847" s="1" t="s">
        <v>143201</v>
      </c>
      <c r="B55847" s="1" t="s">
        <v>187129</v>
      </c>
      <c r="C55847" s="1" t="s">
        <v>55</v>
      </c>
      <c r="D55847" s="1" t="s">
        <v>30221</v>
      </c>
      <c r="E55847" s="1" t="s">
        <v>187840</v>
      </c>
      <c r="F55847" s="1" t="s">
        <v>187841</v>
      </c>
      <c r="G55847" s="1" t="s">
        <v>187810</v>
      </c>
      <c r="H55847" s="1" t="s">
        <v>187811</v>
      </c>
      <c r="I55847" s="1" t="s">
        <v>187135</v>
      </c>
      <c r="J55847" s="1" t="s">
        <v>187842</v>
      </c>
    </row>
    <row r="55848" spans="1:10" x14ac:dyDescent="0.35">
      <c r="A55848" s="1" t="s">
        <v>143201</v>
      </c>
      <c r="B55848" s="1" t="s">
        <v>187129</v>
      </c>
      <c r="C55848" s="1" t="s">
        <v>60</v>
      </c>
      <c r="D55848" s="1" t="s">
        <v>104393</v>
      </c>
      <c r="E55848" s="1" t="s">
        <v>187843</v>
      </c>
      <c r="F55848" s="1" t="s">
        <v>187844</v>
      </c>
      <c r="G55848" s="1" t="s">
        <v>187810</v>
      </c>
      <c r="H55848" s="1" t="s">
        <v>187811</v>
      </c>
      <c r="I55848" s="1" t="s">
        <v>187135</v>
      </c>
      <c r="J55848" s="1" t="s">
        <v>187845</v>
      </c>
    </row>
    <row r="55849" spans="1:10" x14ac:dyDescent="0.35">
      <c r="A55849" s="1" t="s">
        <v>143201</v>
      </c>
      <c r="B55849" s="1" t="s">
        <v>187129</v>
      </c>
      <c r="C55849" s="1" t="s">
        <v>65</v>
      </c>
      <c r="D55849" s="1" t="s">
        <v>5457</v>
      </c>
      <c r="E55849" s="1" t="s">
        <v>187846</v>
      </c>
      <c r="F55849" s="1" t="s">
        <v>187847</v>
      </c>
      <c r="G55849" s="1" t="s">
        <v>187810</v>
      </c>
      <c r="H55849" s="1" t="s">
        <v>187811</v>
      </c>
      <c r="I55849" s="1" t="s">
        <v>187135</v>
      </c>
      <c r="J55849" s="1" t="s">
        <v>187848</v>
      </c>
    </row>
    <row r="55850" spans="1:10" x14ac:dyDescent="0.35">
      <c r="A55850" s="1" t="s">
        <v>143201</v>
      </c>
      <c r="B55850" s="1" t="s">
        <v>187129</v>
      </c>
      <c r="C55850" s="1" t="s">
        <v>70</v>
      </c>
      <c r="D55850" s="1" t="s">
        <v>187722</v>
      </c>
      <c r="E55850" s="1" t="s">
        <v>187849</v>
      </c>
      <c r="F55850" s="1" t="s">
        <v>187850</v>
      </c>
      <c r="G55850" s="1" t="s">
        <v>187810</v>
      </c>
      <c r="H55850" s="1" t="s">
        <v>187811</v>
      </c>
      <c r="I55850" s="1" t="s">
        <v>187135</v>
      </c>
      <c r="J55850" s="1" t="s">
        <v>187851</v>
      </c>
    </row>
    <row r="55851" spans="1:10" x14ac:dyDescent="0.35">
      <c r="A55851" s="1" t="s">
        <v>143201</v>
      </c>
      <c r="B55851" s="1" t="s">
        <v>187129</v>
      </c>
      <c r="C55851" s="1" t="s">
        <v>75</v>
      </c>
      <c r="D55851" s="1" t="s">
        <v>187852</v>
      </c>
      <c r="E55851" s="1" t="s">
        <v>187853</v>
      </c>
      <c r="F55851" s="1" t="s">
        <v>187854</v>
      </c>
      <c r="G55851" s="1" t="s">
        <v>187810</v>
      </c>
      <c r="H55851" s="1" t="s">
        <v>187811</v>
      </c>
      <c r="I55851" s="1" t="s">
        <v>187135</v>
      </c>
      <c r="J55851" s="1" t="s">
        <v>187855</v>
      </c>
    </row>
    <row r="55852" spans="1:10" x14ac:dyDescent="0.35">
      <c r="A55852" s="1" t="s">
        <v>143201</v>
      </c>
      <c r="B55852" s="1" t="s">
        <v>187129</v>
      </c>
      <c r="C55852" s="1" t="s">
        <v>80</v>
      </c>
      <c r="D55852" s="1" t="s">
        <v>187856</v>
      </c>
      <c r="E55852" s="1" t="s">
        <v>187857</v>
      </c>
      <c r="F55852" s="1" t="s">
        <v>187858</v>
      </c>
      <c r="G55852" s="1" t="s">
        <v>187810</v>
      </c>
      <c r="H55852" s="1" t="s">
        <v>187811</v>
      </c>
      <c r="I55852" s="1" t="s">
        <v>187135</v>
      </c>
      <c r="J55852" s="1" t="s">
        <v>187859</v>
      </c>
    </row>
    <row r="55853" spans="1:10" x14ac:dyDescent="0.35">
      <c r="A55853" s="1" t="s">
        <v>143201</v>
      </c>
      <c r="B55853" s="1" t="s">
        <v>187129</v>
      </c>
      <c r="C55853" s="1" t="s">
        <v>85</v>
      </c>
      <c r="D55853" s="1" t="s">
        <v>34376</v>
      </c>
      <c r="E55853" s="1" t="s">
        <v>187860</v>
      </c>
      <c r="F55853" s="1" t="s">
        <v>187861</v>
      </c>
      <c r="G55853" s="1" t="s">
        <v>187810</v>
      </c>
      <c r="H55853" s="1" t="s">
        <v>187811</v>
      </c>
      <c r="I55853" s="1" t="s">
        <v>187135</v>
      </c>
      <c r="J55853" s="1" t="s">
        <v>187862</v>
      </c>
    </row>
    <row r="55854" spans="1:10" x14ac:dyDescent="0.35">
      <c r="A55854" s="1" t="s">
        <v>143201</v>
      </c>
      <c r="B55854" s="1" t="s">
        <v>187129</v>
      </c>
      <c r="C55854" s="1" t="s">
        <v>90</v>
      </c>
      <c r="D55854" s="1" t="s">
        <v>13311</v>
      </c>
      <c r="E55854" s="1" t="s">
        <v>187863</v>
      </c>
      <c r="F55854" s="1" t="s">
        <v>187864</v>
      </c>
      <c r="G55854" s="1" t="s">
        <v>187810</v>
      </c>
      <c r="H55854" s="1" t="s">
        <v>187811</v>
      </c>
      <c r="I55854" s="1" t="s">
        <v>187135</v>
      </c>
      <c r="J55854" s="1" t="s">
        <v>187865</v>
      </c>
    </row>
    <row r="55855" spans="1:10" x14ac:dyDescent="0.35">
      <c r="A55855" s="1" t="s">
        <v>143201</v>
      </c>
      <c r="B55855" s="1" t="s">
        <v>187129</v>
      </c>
      <c r="C55855" s="1" t="s">
        <v>95</v>
      </c>
      <c r="D55855" s="1" t="s">
        <v>187866</v>
      </c>
      <c r="E55855" s="1" t="s">
        <v>187867</v>
      </c>
      <c r="F55855" s="1" t="s">
        <v>187868</v>
      </c>
      <c r="G55855" s="1" t="s">
        <v>187810</v>
      </c>
      <c r="H55855" s="1" t="s">
        <v>187811</v>
      </c>
      <c r="I55855" s="1" t="s">
        <v>187135</v>
      </c>
      <c r="J55855" s="1" t="s">
        <v>187869</v>
      </c>
    </row>
    <row r="55856" spans="1:10" x14ac:dyDescent="0.35">
      <c r="A55856" s="1" t="s">
        <v>143201</v>
      </c>
      <c r="B55856" s="1" t="s">
        <v>187129</v>
      </c>
      <c r="C55856" s="1" t="s">
        <v>100</v>
      </c>
      <c r="D55856" s="1" t="s">
        <v>187870</v>
      </c>
      <c r="E55856" s="1" t="s">
        <v>187871</v>
      </c>
      <c r="F55856" s="1" t="s">
        <v>187872</v>
      </c>
      <c r="G55856" s="1" t="s">
        <v>187810</v>
      </c>
      <c r="H55856" s="1" t="s">
        <v>187811</v>
      </c>
      <c r="I55856" s="1" t="s">
        <v>187135</v>
      </c>
      <c r="J55856" s="1" t="s">
        <v>187873</v>
      </c>
    </row>
    <row r="55857" spans="1:10" x14ac:dyDescent="0.35">
      <c r="A55857" s="1" t="s">
        <v>143201</v>
      </c>
      <c r="B55857" s="1" t="s">
        <v>187129</v>
      </c>
      <c r="C55857" s="1" t="s">
        <v>105</v>
      </c>
      <c r="D55857" s="1" t="s">
        <v>76109</v>
      </c>
      <c r="E55857" s="1" t="s">
        <v>187874</v>
      </c>
      <c r="F55857" s="1" t="s">
        <v>187875</v>
      </c>
      <c r="G55857" s="1" t="s">
        <v>187810</v>
      </c>
      <c r="H55857" s="1" t="s">
        <v>187811</v>
      </c>
      <c r="I55857" s="1" t="s">
        <v>187135</v>
      </c>
      <c r="J55857" s="1" t="s">
        <v>187876</v>
      </c>
    </row>
    <row r="55858" spans="1:10" x14ac:dyDescent="0.35">
      <c r="A55858" s="1" t="s">
        <v>143201</v>
      </c>
      <c r="B55858" s="1" t="s">
        <v>187129</v>
      </c>
      <c r="C55858" s="1" t="s">
        <v>110</v>
      </c>
      <c r="D55858" s="1" t="s">
        <v>80384</v>
      </c>
      <c r="E55858" s="1" t="s">
        <v>187877</v>
      </c>
      <c r="F55858" s="1" t="s">
        <v>187878</v>
      </c>
      <c r="G55858" s="1" t="s">
        <v>187810</v>
      </c>
      <c r="H55858" s="1" t="s">
        <v>187811</v>
      </c>
      <c r="I55858" s="1" t="s">
        <v>187135</v>
      </c>
      <c r="J55858" s="1" t="s">
        <v>187879</v>
      </c>
    </row>
    <row r="55859" spans="1:10" x14ac:dyDescent="0.35">
      <c r="A55859" s="1" t="s">
        <v>143201</v>
      </c>
      <c r="B55859" s="1" t="s">
        <v>187129</v>
      </c>
      <c r="C55859" s="1" t="s">
        <v>115</v>
      </c>
      <c r="D55859" s="1" t="s">
        <v>187880</v>
      </c>
      <c r="E55859" s="1" t="s">
        <v>187881</v>
      </c>
      <c r="F55859" s="1" t="s">
        <v>187882</v>
      </c>
      <c r="G55859" s="1" t="s">
        <v>187810</v>
      </c>
      <c r="H55859" s="1" t="s">
        <v>187811</v>
      </c>
      <c r="I55859" s="1" t="s">
        <v>187135</v>
      </c>
      <c r="J55859" s="1" t="s">
        <v>187883</v>
      </c>
    </row>
    <row r="55860" spans="1:10" x14ac:dyDescent="0.35">
      <c r="A55860" s="1" t="s">
        <v>143201</v>
      </c>
      <c r="B55860" s="1" t="s">
        <v>187129</v>
      </c>
      <c r="C55860" s="1" t="s">
        <v>120</v>
      </c>
      <c r="D55860" s="1" t="s">
        <v>130535</v>
      </c>
      <c r="E55860" s="1" t="s">
        <v>187884</v>
      </c>
      <c r="F55860" s="1" t="s">
        <v>187885</v>
      </c>
      <c r="G55860" s="1" t="s">
        <v>187810</v>
      </c>
      <c r="H55860" s="1" t="s">
        <v>187811</v>
      </c>
      <c r="I55860" s="1" t="s">
        <v>187135</v>
      </c>
      <c r="J55860" s="1" t="s">
        <v>187886</v>
      </c>
    </row>
    <row r="55861" spans="1:10" x14ac:dyDescent="0.35">
      <c r="A55861" s="1" t="s">
        <v>143201</v>
      </c>
      <c r="B55861" s="1" t="s">
        <v>187129</v>
      </c>
      <c r="C55861" s="1" t="s">
        <v>125</v>
      </c>
      <c r="D55861" s="1" t="s">
        <v>81752</v>
      </c>
      <c r="E55861" s="1" t="s">
        <v>187887</v>
      </c>
      <c r="F55861" s="1" t="s">
        <v>187888</v>
      </c>
      <c r="G55861" s="1" t="s">
        <v>187810</v>
      </c>
      <c r="H55861" s="1" t="s">
        <v>187811</v>
      </c>
      <c r="I55861" s="1" t="s">
        <v>187135</v>
      </c>
      <c r="J55861" s="1" t="s">
        <v>187889</v>
      </c>
    </row>
    <row r="55862" spans="1:10" x14ac:dyDescent="0.35">
      <c r="A55862" s="1" t="s">
        <v>143201</v>
      </c>
      <c r="B55862" s="1" t="s">
        <v>187129</v>
      </c>
      <c r="C55862" s="1" t="s">
        <v>130</v>
      </c>
      <c r="D55862" s="1" t="s">
        <v>129123</v>
      </c>
      <c r="E55862" s="1" t="s">
        <v>187890</v>
      </c>
      <c r="F55862" s="1" t="s">
        <v>187891</v>
      </c>
      <c r="G55862" s="1" t="s">
        <v>187810</v>
      </c>
      <c r="H55862" s="1" t="s">
        <v>187811</v>
      </c>
      <c r="I55862" s="1" t="s">
        <v>187135</v>
      </c>
      <c r="J55862" s="1" t="s">
        <v>187892</v>
      </c>
    </row>
    <row r="55863" spans="1:10" x14ac:dyDescent="0.35">
      <c r="A55863" s="1" t="s">
        <v>143201</v>
      </c>
      <c r="B55863" s="1" t="s">
        <v>187129</v>
      </c>
      <c r="C55863" s="1" t="s">
        <v>135</v>
      </c>
      <c r="D55863" s="1" t="s">
        <v>187893</v>
      </c>
      <c r="E55863" s="1" t="s">
        <v>187894</v>
      </c>
      <c r="F55863" s="1" t="s">
        <v>187895</v>
      </c>
      <c r="G55863" s="1" t="s">
        <v>187810</v>
      </c>
      <c r="H55863" s="1" t="s">
        <v>187811</v>
      </c>
      <c r="I55863" s="1" t="s">
        <v>187135</v>
      </c>
      <c r="J55863" s="1" t="s">
        <v>187896</v>
      </c>
    </row>
    <row r="55864" spans="1:10" x14ac:dyDescent="0.35">
      <c r="A55864" s="1" t="s">
        <v>143201</v>
      </c>
      <c r="B55864" s="1" t="s">
        <v>187129</v>
      </c>
      <c r="C55864" s="1" t="s">
        <v>140</v>
      </c>
      <c r="D55864" s="1" t="s">
        <v>139439</v>
      </c>
      <c r="E55864" s="1" t="s">
        <v>187897</v>
      </c>
      <c r="F55864" s="1" t="s">
        <v>187898</v>
      </c>
      <c r="G55864" s="1" t="s">
        <v>187810</v>
      </c>
      <c r="H55864" s="1" t="s">
        <v>187811</v>
      </c>
      <c r="I55864" s="1" t="s">
        <v>187135</v>
      </c>
      <c r="J55864" s="1" t="s">
        <v>187899</v>
      </c>
    </row>
    <row r="55865" spans="1:10" x14ac:dyDescent="0.35">
      <c r="A55865" s="1" t="s">
        <v>143201</v>
      </c>
      <c r="B55865" s="1" t="s">
        <v>187129</v>
      </c>
      <c r="C55865" s="1" t="s">
        <v>145</v>
      </c>
      <c r="D55865" s="1" t="s">
        <v>88522</v>
      </c>
      <c r="E55865" s="1" t="s">
        <v>187900</v>
      </c>
      <c r="F55865" s="1" t="s">
        <v>187901</v>
      </c>
      <c r="G55865" s="1" t="s">
        <v>187810</v>
      </c>
      <c r="H55865" s="1" t="s">
        <v>187811</v>
      </c>
      <c r="I55865" s="1" t="s">
        <v>187135</v>
      </c>
      <c r="J55865" s="1" t="s">
        <v>187902</v>
      </c>
    </row>
    <row r="55866" spans="1:10" x14ac:dyDescent="0.35">
      <c r="A55866" s="1" t="s">
        <v>143201</v>
      </c>
      <c r="B55866" s="1" t="s">
        <v>187129</v>
      </c>
      <c r="C55866" s="1" t="s">
        <v>150</v>
      </c>
      <c r="D55866" s="1" t="s">
        <v>187903</v>
      </c>
      <c r="E55866" s="1" t="s">
        <v>187904</v>
      </c>
      <c r="F55866" s="1" t="s">
        <v>187905</v>
      </c>
      <c r="G55866" s="1" t="s">
        <v>187810</v>
      </c>
      <c r="H55866" s="1" t="s">
        <v>187811</v>
      </c>
      <c r="I55866" s="1" t="s">
        <v>187135</v>
      </c>
      <c r="J55866" s="1" t="s">
        <v>187906</v>
      </c>
    </row>
    <row r="55867" spans="1:10" x14ac:dyDescent="0.35">
      <c r="A55867" s="1" t="s">
        <v>143201</v>
      </c>
      <c r="B55867" s="1" t="s">
        <v>187129</v>
      </c>
      <c r="C55867" s="1" t="s">
        <v>155</v>
      </c>
      <c r="D55867" s="1" t="s">
        <v>91497</v>
      </c>
      <c r="E55867" s="1" t="s">
        <v>187907</v>
      </c>
      <c r="F55867" s="1" t="s">
        <v>187908</v>
      </c>
      <c r="G55867" s="1" t="s">
        <v>187810</v>
      </c>
      <c r="H55867" s="1" t="s">
        <v>187811</v>
      </c>
      <c r="I55867" s="1" t="s">
        <v>187135</v>
      </c>
      <c r="J55867" s="1" t="s">
        <v>187909</v>
      </c>
    </row>
    <row r="55868" spans="1:10" x14ac:dyDescent="0.35">
      <c r="A55868" s="1" t="s">
        <v>143201</v>
      </c>
      <c r="B55868" s="1" t="s">
        <v>187129</v>
      </c>
      <c r="C55868" s="1" t="s">
        <v>160</v>
      </c>
      <c r="D55868" s="1" t="s">
        <v>11270</v>
      </c>
      <c r="E55868" s="1" t="s">
        <v>187910</v>
      </c>
      <c r="F55868" s="1" t="s">
        <v>187911</v>
      </c>
      <c r="G55868" s="1" t="s">
        <v>187810</v>
      </c>
      <c r="H55868" s="1" t="s">
        <v>187811</v>
      </c>
      <c r="I55868" s="1" t="s">
        <v>187135</v>
      </c>
      <c r="J55868" s="1" t="s">
        <v>187912</v>
      </c>
    </row>
    <row r="55869" spans="1:10" x14ac:dyDescent="0.35">
      <c r="A55869" s="1" t="s">
        <v>143201</v>
      </c>
      <c r="B55869" s="1" t="s">
        <v>187129</v>
      </c>
      <c r="C55869" s="1" t="s">
        <v>165</v>
      </c>
      <c r="D55869" s="1" t="s">
        <v>99584</v>
      </c>
      <c r="E55869" s="1" t="s">
        <v>187913</v>
      </c>
      <c r="F55869" s="1" t="s">
        <v>187914</v>
      </c>
      <c r="G55869" s="1" t="s">
        <v>187810</v>
      </c>
      <c r="H55869" s="1" t="s">
        <v>187811</v>
      </c>
      <c r="I55869" s="1" t="s">
        <v>187135</v>
      </c>
      <c r="J55869" s="1" t="s">
        <v>187915</v>
      </c>
    </row>
    <row r="55870" spans="1:10" x14ac:dyDescent="0.35">
      <c r="A55870" s="1" t="s">
        <v>143201</v>
      </c>
      <c r="B55870" s="1" t="s">
        <v>187129</v>
      </c>
      <c r="C55870" s="1" t="s">
        <v>170</v>
      </c>
      <c r="D55870" s="1" t="s">
        <v>102576</v>
      </c>
      <c r="E55870" s="1" t="s">
        <v>187916</v>
      </c>
      <c r="F55870" s="1" t="s">
        <v>187917</v>
      </c>
      <c r="G55870" s="1" t="s">
        <v>187810</v>
      </c>
      <c r="H55870" s="1" t="s">
        <v>187811</v>
      </c>
      <c r="I55870" s="1" t="s">
        <v>187135</v>
      </c>
      <c r="J55870" s="1" t="s">
        <v>187918</v>
      </c>
    </row>
    <row r="55871" spans="1:10" x14ac:dyDescent="0.35">
      <c r="A55871" s="1" t="s">
        <v>10053</v>
      </c>
      <c r="B55871" s="1" t="s">
        <v>187129</v>
      </c>
      <c r="C55871" s="1" t="s">
        <v>8</v>
      </c>
      <c r="D55871" s="1" t="s">
        <v>49840</v>
      </c>
      <c r="E55871" s="1" t="s">
        <v>187919</v>
      </c>
      <c r="F55871" s="1" t="s">
        <v>187920</v>
      </c>
      <c r="G55871" s="1" t="s">
        <v>187921</v>
      </c>
      <c r="H55871" s="1" t="s">
        <v>187922</v>
      </c>
      <c r="I55871" s="1" t="s">
        <v>187135</v>
      </c>
      <c r="J55871" s="1" t="s">
        <v>13</v>
      </c>
    </row>
    <row r="55872" spans="1:10" x14ac:dyDescent="0.35">
      <c r="A55872" s="1" t="s">
        <v>10053</v>
      </c>
      <c r="B55872" s="1" t="s">
        <v>187129</v>
      </c>
      <c r="C55872" s="1" t="s">
        <v>15</v>
      </c>
      <c r="D55872" s="1" t="s">
        <v>187923</v>
      </c>
      <c r="E55872" s="1" t="s">
        <v>187924</v>
      </c>
      <c r="F55872" s="1" t="s">
        <v>187925</v>
      </c>
      <c r="G55872" s="1" t="s">
        <v>187921</v>
      </c>
      <c r="H55872" s="1" t="s">
        <v>187922</v>
      </c>
      <c r="I55872" s="1" t="s">
        <v>187135</v>
      </c>
      <c r="J55872" s="1" t="s">
        <v>187926</v>
      </c>
    </row>
    <row r="55873" spans="1:10" x14ac:dyDescent="0.35">
      <c r="A55873" s="1" t="s">
        <v>10053</v>
      </c>
      <c r="B55873" s="1" t="s">
        <v>187129</v>
      </c>
      <c r="C55873" s="1" t="s">
        <v>20</v>
      </c>
      <c r="D55873" s="1" t="s">
        <v>182651</v>
      </c>
      <c r="E55873" s="1" t="s">
        <v>187927</v>
      </c>
      <c r="F55873" s="1" t="s">
        <v>187928</v>
      </c>
      <c r="G55873" s="1" t="s">
        <v>187921</v>
      </c>
      <c r="H55873" s="1" t="s">
        <v>187922</v>
      </c>
      <c r="I55873" s="1" t="s">
        <v>187135</v>
      </c>
      <c r="J55873" s="1" t="s">
        <v>187929</v>
      </c>
    </row>
    <row r="55874" spans="1:10" x14ac:dyDescent="0.35">
      <c r="A55874" s="1" t="s">
        <v>10053</v>
      </c>
      <c r="B55874" s="1" t="s">
        <v>187129</v>
      </c>
      <c r="C55874" s="1" t="s">
        <v>25</v>
      </c>
      <c r="D55874" s="1" t="s">
        <v>176448</v>
      </c>
      <c r="E55874" s="1" t="s">
        <v>187930</v>
      </c>
      <c r="F55874" s="1" t="s">
        <v>187931</v>
      </c>
      <c r="G55874" s="1" t="s">
        <v>187921</v>
      </c>
      <c r="H55874" s="1" t="s">
        <v>187922</v>
      </c>
      <c r="I55874" s="1" t="s">
        <v>187135</v>
      </c>
      <c r="J55874" s="1" t="s">
        <v>187932</v>
      </c>
    </row>
    <row r="55875" spans="1:10" x14ac:dyDescent="0.35">
      <c r="A55875" s="1" t="s">
        <v>10053</v>
      </c>
      <c r="B55875" s="1" t="s">
        <v>187129</v>
      </c>
      <c r="C55875" s="1" t="s">
        <v>30</v>
      </c>
      <c r="D55875" s="1" t="s">
        <v>115323</v>
      </c>
      <c r="E55875" s="1" t="s">
        <v>187933</v>
      </c>
      <c r="F55875" s="1" t="s">
        <v>187934</v>
      </c>
      <c r="G55875" s="1" t="s">
        <v>187921</v>
      </c>
      <c r="H55875" s="1" t="s">
        <v>187922</v>
      </c>
      <c r="I55875" s="1" t="s">
        <v>187135</v>
      </c>
      <c r="J55875" s="1" t="s">
        <v>187935</v>
      </c>
    </row>
    <row r="55876" spans="1:10" x14ac:dyDescent="0.35">
      <c r="A55876" s="1" t="s">
        <v>10053</v>
      </c>
      <c r="B55876" s="1" t="s">
        <v>187129</v>
      </c>
      <c r="C55876" s="1" t="s">
        <v>35</v>
      </c>
      <c r="D55876" s="1" t="s">
        <v>37569</v>
      </c>
      <c r="E55876" s="1" t="s">
        <v>187936</v>
      </c>
      <c r="F55876" s="1" t="s">
        <v>187937</v>
      </c>
      <c r="G55876" s="1" t="s">
        <v>187921</v>
      </c>
      <c r="H55876" s="1" t="s">
        <v>187922</v>
      </c>
      <c r="I55876" s="1" t="s">
        <v>187135</v>
      </c>
      <c r="J55876" s="1" t="s">
        <v>187938</v>
      </c>
    </row>
    <row r="55877" spans="1:10" x14ac:dyDescent="0.35">
      <c r="A55877" s="1" t="s">
        <v>10053</v>
      </c>
      <c r="B55877" s="1" t="s">
        <v>187129</v>
      </c>
      <c r="C55877" s="1" t="s">
        <v>40</v>
      </c>
      <c r="D55877" s="1" t="s">
        <v>151291</v>
      </c>
      <c r="E55877" s="1" t="s">
        <v>187939</v>
      </c>
      <c r="F55877" s="1" t="s">
        <v>187940</v>
      </c>
      <c r="G55877" s="1" t="s">
        <v>187921</v>
      </c>
      <c r="H55877" s="1" t="s">
        <v>187922</v>
      </c>
      <c r="I55877" s="1" t="s">
        <v>187135</v>
      </c>
      <c r="J55877" s="1" t="s">
        <v>187941</v>
      </c>
    </row>
    <row r="55878" spans="1:10" x14ac:dyDescent="0.35">
      <c r="A55878" s="1" t="s">
        <v>10053</v>
      </c>
      <c r="B55878" s="1" t="s">
        <v>187129</v>
      </c>
      <c r="C55878" s="1" t="s">
        <v>45</v>
      </c>
      <c r="D55878" s="1" t="s">
        <v>118849</v>
      </c>
      <c r="E55878" s="1" t="s">
        <v>187942</v>
      </c>
      <c r="F55878" s="1" t="s">
        <v>187943</v>
      </c>
      <c r="G55878" s="1" t="s">
        <v>187921</v>
      </c>
      <c r="H55878" s="1" t="s">
        <v>187922</v>
      </c>
      <c r="I55878" s="1" t="s">
        <v>187135</v>
      </c>
      <c r="J55878" s="1" t="s">
        <v>187944</v>
      </c>
    </row>
    <row r="55879" spans="1:10" x14ac:dyDescent="0.35">
      <c r="A55879" s="1" t="s">
        <v>10053</v>
      </c>
      <c r="B55879" s="1" t="s">
        <v>187129</v>
      </c>
      <c r="C55879" s="1" t="s">
        <v>50</v>
      </c>
      <c r="D55879" s="1" t="s">
        <v>119819</v>
      </c>
      <c r="E55879" s="1" t="s">
        <v>187945</v>
      </c>
      <c r="F55879" s="1" t="s">
        <v>187946</v>
      </c>
      <c r="G55879" s="1" t="s">
        <v>187921</v>
      </c>
      <c r="H55879" s="1" t="s">
        <v>187922</v>
      </c>
      <c r="I55879" s="1" t="s">
        <v>187135</v>
      </c>
      <c r="J55879" s="1" t="s">
        <v>187947</v>
      </c>
    </row>
    <row r="55880" spans="1:10" x14ac:dyDescent="0.35">
      <c r="A55880" s="1" t="s">
        <v>10053</v>
      </c>
      <c r="B55880" s="1" t="s">
        <v>187129</v>
      </c>
      <c r="C55880" s="1" t="s">
        <v>55</v>
      </c>
      <c r="D55880" s="1" t="s">
        <v>151511</v>
      </c>
      <c r="E55880" s="1" t="s">
        <v>187948</v>
      </c>
      <c r="F55880" s="1" t="s">
        <v>187949</v>
      </c>
      <c r="G55880" s="1" t="s">
        <v>187921</v>
      </c>
      <c r="H55880" s="1" t="s">
        <v>187922</v>
      </c>
      <c r="I55880" s="1" t="s">
        <v>187135</v>
      </c>
      <c r="J55880" s="1" t="s">
        <v>187950</v>
      </c>
    </row>
    <row r="55881" spans="1:10" x14ac:dyDescent="0.35">
      <c r="A55881" s="1" t="s">
        <v>10053</v>
      </c>
      <c r="B55881" s="1" t="s">
        <v>187129</v>
      </c>
      <c r="C55881" s="1" t="s">
        <v>60</v>
      </c>
      <c r="D55881" s="1" t="s">
        <v>368</v>
      </c>
      <c r="E55881" s="1" t="s">
        <v>187951</v>
      </c>
      <c r="F55881" s="1" t="s">
        <v>187952</v>
      </c>
      <c r="G55881" s="1" t="s">
        <v>187921</v>
      </c>
      <c r="H55881" s="1" t="s">
        <v>187922</v>
      </c>
      <c r="I55881" s="1" t="s">
        <v>187135</v>
      </c>
      <c r="J55881" s="1" t="s">
        <v>187953</v>
      </c>
    </row>
    <row r="55882" spans="1:10" x14ac:dyDescent="0.35">
      <c r="A55882" s="1" t="s">
        <v>10053</v>
      </c>
      <c r="B55882" s="1" t="s">
        <v>187129</v>
      </c>
      <c r="C55882" s="1" t="s">
        <v>65</v>
      </c>
      <c r="D55882" s="1" t="s">
        <v>72516</v>
      </c>
      <c r="E55882" s="1" t="s">
        <v>187954</v>
      </c>
      <c r="F55882" s="1" t="s">
        <v>187955</v>
      </c>
      <c r="G55882" s="1" t="s">
        <v>187921</v>
      </c>
      <c r="H55882" s="1" t="s">
        <v>187922</v>
      </c>
      <c r="I55882" s="1" t="s">
        <v>187135</v>
      </c>
      <c r="J55882" s="1" t="s">
        <v>187956</v>
      </c>
    </row>
    <row r="55883" spans="1:10" x14ac:dyDescent="0.35">
      <c r="A55883" s="1" t="s">
        <v>10053</v>
      </c>
      <c r="B55883" s="1" t="s">
        <v>187129</v>
      </c>
      <c r="C55883" s="1" t="s">
        <v>70</v>
      </c>
      <c r="D55883" s="1" t="s">
        <v>38549</v>
      </c>
      <c r="E55883" s="1" t="s">
        <v>187957</v>
      </c>
      <c r="F55883" s="1" t="s">
        <v>187958</v>
      </c>
      <c r="G55883" s="1" t="s">
        <v>187921</v>
      </c>
      <c r="H55883" s="1" t="s">
        <v>187922</v>
      </c>
      <c r="I55883" s="1" t="s">
        <v>187135</v>
      </c>
      <c r="J55883" s="1" t="s">
        <v>187959</v>
      </c>
    </row>
    <row r="55884" spans="1:10" x14ac:dyDescent="0.35">
      <c r="A55884" s="1" t="s">
        <v>10053</v>
      </c>
      <c r="B55884" s="1" t="s">
        <v>187129</v>
      </c>
      <c r="C55884" s="1" t="s">
        <v>75</v>
      </c>
      <c r="D55884" s="1" t="s">
        <v>31230</v>
      </c>
      <c r="E55884" s="1" t="s">
        <v>187960</v>
      </c>
      <c r="F55884" s="1" t="s">
        <v>187961</v>
      </c>
      <c r="G55884" s="1" t="s">
        <v>187921</v>
      </c>
      <c r="H55884" s="1" t="s">
        <v>187922</v>
      </c>
      <c r="I55884" s="1" t="s">
        <v>187135</v>
      </c>
      <c r="J55884" s="1" t="s">
        <v>187962</v>
      </c>
    </row>
    <row r="55885" spans="1:10" x14ac:dyDescent="0.35">
      <c r="A55885" s="1" t="s">
        <v>10053</v>
      </c>
      <c r="B55885" s="1" t="s">
        <v>187129</v>
      </c>
      <c r="C55885" s="1" t="s">
        <v>80</v>
      </c>
      <c r="D55885" s="1" t="s">
        <v>49565</v>
      </c>
      <c r="E55885" s="1" t="s">
        <v>187963</v>
      </c>
      <c r="F55885" s="1" t="s">
        <v>187964</v>
      </c>
      <c r="G55885" s="1" t="s">
        <v>187921</v>
      </c>
      <c r="H55885" s="1" t="s">
        <v>187922</v>
      </c>
      <c r="I55885" s="1" t="s">
        <v>187135</v>
      </c>
      <c r="J55885" s="1" t="s">
        <v>187965</v>
      </c>
    </row>
    <row r="55886" spans="1:10" x14ac:dyDescent="0.35">
      <c r="A55886" s="1" t="s">
        <v>10053</v>
      </c>
      <c r="B55886" s="1" t="s">
        <v>187129</v>
      </c>
      <c r="C55886" s="1" t="s">
        <v>85</v>
      </c>
      <c r="D55886" s="1" t="s">
        <v>49034</v>
      </c>
      <c r="E55886" s="1" t="s">
        <v>187966</v>
      </c>
      <c r="F55886" s="1" t="s">
        <v>187967</v>
      </c>
      <c r="G55886" s="1" t="s">
        <v>187921</v>
      </c>
      <c r="H55886" s="1" t="s">
        <v>187922</v>
      </c>
      <c r="I55886" s="1" t="s">
        <v>187135</v>
      </c>
      <c r="J55886" s="1" t="s">
        <v>187968</v>
      </c>
    </row>
    <row r="55887" spans="1:10" x14ac:dyDescent="0.35">
      <c r="A55887" s="1" t="s">
        <v>10053</v>
      </c>
      <c r="B55887" s="1" t="s">
        <v>187129</v>
      </c>
      <c r="C55887" s="1" t="s">
        <v>90</v>
      </c>
      <c r="D55887" s="1" t="s">
        <v>50544</v>
      </c>
      <c r="E55887" s="1" t="s">
        <v>187969</v>
      </c>
      <c r="F55887" s="1" t="s">
        <v>187970</v>
      </c>
      <c r="G55887" s="1" t="s">
        <v>187921</v>
      </c>
      <c r="H55887" s="1" t="s">
        <v>187922</v>
      </c>
      <c r="I55887" s="1" t="s">
        <v>187135</v>
      </c>
      <c r="J55887" s="1" t="s">
        <v>187971</v>
      </c>
    </row>
    <row r="55888" spans="1:10" x14ac:dyDescent="0.35">
      <c r="A55888" s="1" t="s">
        <v>10053</v>
      </c>
      <c r="B55888" s="1" t="s">
        <v>187129</v>
      </c>
      <c r="C55888" s="1" t="s">
        <v>95</v>
      </c>
      <c r="D55888" s="1" t="s">
        <v>32945</v>
      </c>
      <c r="E55888" s="1" t="s">
        <v>187972</v>
      </c>
      <c r="F55888" s="1" t="s">
        <v>187973</v>
      </c>
      <c r="G55888" s="1" t="s">
        <v>187921</v>
      </c>
      <c r="H55888" s="1" t="s">
        <v>187922</v>
      </c>
      <c r="I55888" s="1" t="s">
        <v>187135</v>
      </c>
      <c r="J55888" s="1" t="s">
        <v>187974</v>
      </c>
    </row>
    <row r="55889" spans="1:10" x14ac:dyDescent="0.35">
      <c r="A55889" s="1" t="s">
        <v>10053</v>
      </c>
      <c r="B55889" s="1" t="s">
        <v>187129</v>
      </c>
      <c r="C55889" s="1" t="s">
        <v>100</v>
      </c>
      <c r="D55889" s="1" t="s">
        <v>74937</v>
      </c>
      <c r="E55889" s="1" t="s">
        <v>187975</v>
      </c>
      <c r="F55889" s="1" t="s">
        <v>187976</v>
      </c>
      <c r="G55889" s="1" t="s">
        <v>187921</v>
      </c>
      <c r="H55889" s="1" t="s">
        <v>187922</v>
      </c>
      <c r="I55889" s="1" t="s">
        <v>187135</v>
      </c>
      <c r="J55889" s="1" t="s">
        <v>187977</v>
      </c>
    </row>
    <row r="55890" spans="1:10" x14ac:dyDescent="0.35">
      <c r="A55890" s="1" t="s">
        <v>10053</v>
      </c>
      <c r="B55890" s="1" t="s">
        <v>187129</v>
      </c>
      <c r="C55890" s="1" t="s">
        <v>105</v>
      </c>
      <c r="D55890" s="1" t="s">
        <v>187978</v>
      </c>
      <c r="E55890" s="1" t="s">
        <v>187979</v>
      </c>
      <c r="F55890" s="1" t="s">
        <v>187980</v>
      </c>
      <c r="G55890" s="1" t="s">
        <v>187921</v>
      </c>
      <c r="H55890" s="1" t="s">
        <v>187922</v>
      </c>
      <c r="I55890" s="1" t="s">
        <v>187135</v>
      </c>
      <c r="J55890" s="1" t="s">
        <v>187981</v>
      </c>
    </row>
    <row r="55891" spans="1:10" x14ac:dyDescent="0.35">
      <c r="A55891" s="1" t="s">
        <v>10053</v>
      </c>
      <c r="B55891" s="1" t="s">
        <v>187129</v>
      </c>
      <c r="C55891" s="1" t="s">
        <v>110</v>
      </c>
      <c r="D55891" s="1" t="s">
        <v>75066</v>
      </c>
      <c r="E55891" s="1" t="s">
        <v>187982</v>
      </c>
      <c r="F55891" s="1" t="s">
        <v>187983</v>
      </c>
      <c r="G55891" s="1" t="s">
        <v>187921</v>
      </c>
      <c r="H55891" s="1" t="s">
        <v>187922</v>
      </c>
      <c r="I55891" s="1" t="s">
        <v>187135</v>
      </c>
      <c r="J55891" s="1" t="s">
        <v>187984</v>
      </c>
    </row>
    <row r="55892" spans="1:10" x14ac:dyDescent="0.35">
      <c r="A55892" s="1" t="s">
        <v>10053</v>
      </c>
      <c r="B55892" s="1" t="s">
        <v>187129</v>
      </c>
      <c r="C55892" s="1" t="s">
        <v>115</v>
      </c>
      <c r="D55892" s="1" t="s">
        <v>30925</v>
      </c>
      <c r="E55892" s="1" t="s">
        <v>187985</v>
      </c>
      <c r="F55892" s="1" t="s">
        <v>187986</v>
      </c>
      <c r="G55892" s="1" t="s">
        <v>187921</v>
      </c>
      <c r="H55892" s="1" t="s">
        <v>187922</v>
      </c>
      <c r="I55892" s="1" t="s">
        <v>187135</v>
      </c>
      <c r="J55892" s="1" t="s">
        <v>187987</v>
      </c>
    </row>
    <row r="55893" spans="1:10" x14ac:dyDescent="0.35">
      <c r="A55893" s="1" t="s">
        <v>10053</v>
      </c>
      <c r="B55893" s="1" t="s">
        <v>187129</v>
      </c>
      <c r="C55893" s="1" t="s">
        <v>120</v>
      </c>
      <c r="D55893" s="1" t="s">
        <v>32024</v>
      </c>
      <c r="E55893" s="1" t="s">
        <v>187988</v>
      </c>
      <c r="F55893" s="1" t="s">
        <v>187989</v>
      </c>
      <c r="G55893" s="1" t="s">
        <v>187921</v>
      </c>
      <c r="H55893" s="1" t="s">
        <v>187922</v>
      </c>
      <c r="I55893" s="1" t="s">
        <v>187135</v>
      </c>
      <c r="J55893" s="1" t="s">
        <v>187990</v>
      </c>
    </row>
    <row r="55894" spans="1:10" x14ac:dyDescent="0.35">
      <c r="A55894" s="1" t="s">
        <v>10053</v>
      </c>
      <c r="B55894" s="1" t="s">
        <v>187129</v>
      </c>
      <c r="C55894" s="1" t="s">
        <v>125</v>
      </c>
      <c r="D55894" s="1" t="s">
        <v>42814</v>
      </c>
      <c r="E55894" s="1" t="s">
        <v>187991</v>
      </c>
      <c r="F55894" s="1" t="s">
        <v>187992</v>
      </c>
      <c r="G55894" s="1" t="s">
        <v>187921</v>
      </c>
      <c r="H55894" s="1" t="s">
        <v>187922</v>
      </c>
      <c r="I55894" s="1" t="s">
        <v>187135</v>
      </c>
      <c r="J55894" s="1" t="s">
        <v>187993</v>
      </c>
    </row>
    <row r="55895" spans="1:10" x14ac:dyDescent="0.35">
      <c r="A55895" s="1" t="s">
        <v>10053</v>
      </c>
      <c r="B55895" s="1" t="s">
        <v>187129</v>
      </c>
      <c r="C55895" s="1" t="s">
        <v>130</v>
      </c>
      <c r="D55895" s="1" t="s">
        <v>187732</v>
      </c>
      <c r="E55895" s="1" t="s">
        <v>187994</v>
      </c>
      <c r="F55895" s="1" t="s">
        <v>187995</v>
      </c>
      <c r="G55895" s="1" t="s">
        <v>187921</v>
      </c>
      <c r="H55895" s="1" t="s">
        <v>187922</v>
      </c>
      <c r="I55895" s="1" t="s">
        <v>187135</v>
      </c>
      <c r="J55895" s="1" t="s">
        <v>187996</v>
      </c>
    </row>
    <row r="55896" spans="1:10" x14ac:dyDescent="0.35">
      <c r="A55896" s="1" t="s">
        <v>10053</v>
      </c>
      <c r="B55896" s="1" t="s">
        <v>187129</v>
      </c>
      <c r="C55896" s="1" t="s">
        <v>135</v>
      </c>
      <c r="D55896" s="1" t="s">
        <v>187997</v>
      </c>
      <c r="E55896" s="1" t="s">
        <v>187998</v>
      </c>
      <c r="F55896" s="1" t="s">
        <v>187999</v>
      </c>
      <c r="G55896" s="1" t="s">
        <v>187921</v>
      </c>
      <c r="H55896" s="1" t="s">
        <v>187922</v>
      </c>
      <c r="I55896" s="1" t="s">
        <v>187135</v>
      </c>
      <c r="J55896" s="1" t="s">
        <v>188000</v>
      </c>
    </row>
    <row r="55897" spans="1:10" x14ac:dyDescent="0.35">
      <c r="A55897" s="1" t="s">
        <v>10053</v>
      </c>
      <c r="B55897" s="1" t="s">
        <v>187129</v>
      </c>
      <c r="C55897" s="1" t="s">
        <v>140</v>
      </c>
      <c r="D55897" s="1" t="s">
        <v>31193</v>
      </c>
      <c r="E55897" s="1" t="s">
        <v>188001</v>
      </c>
      <c r="F55897" s="1" t="s">
        <v>188002</v>
      </c>
      <c r="G55897" s="1" t="s">
        <v>187921</v>
      </c>
      <c r="H55897" s="1" t="s">
        <v>187922</v>
      </c>
      <c r="I55897" s="1" t="s">
        <v>187135</v>
      </c>
      <c r="J55897" s="1" t="s">
        <v>188003</v>
      </c>
    </row>
    <row r="55898" spans="1:10" x14ac:dyDescent="0.35">
      <c r="A55898" s="1" t="s">
        <v>10053</v>
      </c>
      <c r="B55898" s="1" t="s">
        <v>187129</v>
      </c>
      <c r="C55898" s="1" t="s">
        <v>145</v>
      </c>
      <c r="D55898" s="1" t="s">
        <v>30538</v>
      </c>
      <c r="E55898" s="1" t="s">
        <v>188004</v>
      </c>
      <c r="F55898" s="1" t="s">
        <v>188005</v>
      </c>
      <c r="G55898" s="1" t="s">
        <v>187921</v>
      </c>
      <c r="H55898" s="1" t="s">
        <v>187922</v>
      </c>
      <c r="I55898" s="1" t="s">
        <v>187135</v>
      </c>
      <c r="J55898" s="1" t="s">
        <v>188006</v>
      </c>
    </row>
    <row r="55899" spans="1:10" x14ac:dyDescent="0.35">
      <c r="A55899" s="1" t="s">
        <v>10053</v>
      </c>
      <c r="B55899" s="1" t="s">
        <v>187129</v>
      </c>
      <c r="C55899" s="1" t="s">
        <v>150</v>
      </c>
      <c r="D55899" s="1" t="s">
        <v>188007</v>
      </c>
      <c r="E55899" s="1" t="s">
        <v>188008</v>
      </c>
      <c r="F55899" s="1" t="s">
        <v>188009</v>
      </c>
      <c r="G55899" s="1" t="s">
        <v>187921</v>
      </c>
      <c r="H55899" s="1" t="s">
        <v>187922</v>
      </c>
      <c r="I55899" s="1" t="s">
        <v>187135</v>
      </c>
      <c r="J55899" s="1" t="s">
        <v>188010</v>
      </c>
    </row>
    <row r="55900" spans="1:10" x14ac:dyDescent="0.35">
      <c r="A55900" s="1" t="s">
        <v>10053</v>
      </c>
      <c r="B55900" s="1" t="s">
        <v>187129</v>
      </c>
      <c r="C55900" s="1" t="s">
        <v>155</v>
      </c>
      <c r="D55900" s="1" t="s">
        <v>181311</v>
      </c>
      <c r="E55900" s="1" t="s">
        <v>188011</v>
      </c>
      <c r="F55900" s="1" t="s">
        <v>188012</v>
      </c>
      <c r="G55900" s="1" t="s">
        <v>187921</v>
      </c>
      <c r="H55900" s="1" t="s">
        <v>187922</v>
      </c>
      <c r="I55900" s="1" t="s">
        <v>187135</v>
      </c>
      <c r="J55900" s="1" t="s">
        <v>188013</v>
      </c>
    </row>
    <row r="55901" spans="1:10" x14ac:dyDescent="0.35">
      <c r="A55901" s="1" t="s">
        <v>10053</v>
      </c>
      <c r="B55901" s="1" t="s">
        <v>187129</v>
      </c>
      <c r="C55901" s="1" t="s">
        <v>160</v>
      </c>
      <c r="D55901" s="1" t="s">
        <v>37207</v>
      </c>
      <c r="E55901" s="1" t="s">
        <v>188014</v>
      </c>
      <c r="F55901" s="1" t="s">
        <v>188015</v>
      </c>
      <c r="G55901" s="1" t="s">
        <v>187921</v>
      </c>
      <c r="H55901" s="1" t="s">
        <v>187922</v>
      </c>
      <c r="I55901" s="1" t="s">
        <v>187135</v>
      </c>
      <c r="J55901" s="1" t="s">
        <v>188016</v>
      </c>
    </row>
    <row r="55902" spans="1:10" x14ac:dyDescent="0.35">
      <c r="A55902" s="1" t="s">
        <v>10053</v>
      </c>
      <c r="B55902" s="1" t="s">
        <v>187129</v>
      </c>
      <c r="C55902" s="1" t="s">
        <v>165</v>
      </c>
      <c r="D55902" s="1" t="s">
        <v>159699</v>
      </c>
      <c r="E55902" s="1" t="s">
        <v>188017</v>
      </c>
      <c r="F55902" s="1" t="s">
        <v>188018</v>
      </c>
      <c r="G55902" s="1" t="s">
        <v>187921</v>
      </c>
      <c r="H55902" s="1" t="s">
        <v>187922</v>
      </c>
      <c r="I55902" s="1" t="s">
        <v>187135</v>
      </c>
      <c r="J55902" s="1" t="s">
        <v>188019</v>
      </c>
    </row>
    <row r="55903" spans="1:10" x14ac:dyDescent="0.35">
      <c r="A55903" s="1" t="s">
        <v>10053</v>
      </c>
      <c r="B55903" s="1" t="s">
        <v>187129</v>
      </c>
      <c r="C55903" s="1" t="s">
        <v>170</v>
      </c>
      <c r="D55903" s="1" t="s">
        <v>188020</v>
      </c>
      <c r="E55903" s="1" t="s">
        <v>188021</v>
      </c>
      <c r="F55903" s="1" t="s">
        <v>188022</v>
      </c>
      <c r="G55903" s="1" t="s">
        <v>187921</v>
      </c>
      <c r="H55903" s="1" t="s">
        <v>187922</v>
      </c>
      <c r="I55903" s="1" t="s">
        <v>187135</v>
      </c>
      <c r="J55903" s="1" t="s">
        <v>188023</v>
      </c>
    </row>
    <row r="55904" spans="1:10" x14ac:dyDescent="0.35">
      <c r="A55904" s="1" t="s">
        <v>52107</v>
      </c>
      <c r="B55904" s="1" t="s">
        <v>187129</v>
      </c>
      <c r="C55904" s="1" t="s">
        <v>8</v>
      </c>
      <c r="D55904" s="1" t="s">
        <v>8860</v>
      </c>
      <c r="E55904" s="1" t="s">
        <v>188024</v>
      </c>
      <c r="F55904" s="1" t="s">
        <v>188025</v>
      </c>
      <c r="G55904" s="1" t="s">
        <v>188026</v>
      </c>
      <c r="H55904" s="1" t="s">
        <v>188027</v>
      </c>
      <c r="I55904" s="1" t="s">
        <v>187135</v>
      </c>
      <c r="J55904" s="1" t="s">
        <v>13</v>
      </c>
    </row>
    <row r="55905" spans="1:10" x14ac:dyDescent="0.35">
      <c r="A55905" s="1" t="s">
        <v>52107</v>
      </c>
      <c r="B55905" s="1" t="s">
        <v>187129</v>
      </c>
      <c r="C55905" s="1" t="s">
        <v>15</v>
      </c>
      <c r="D55905" s="1" t="s">
        <v>45299</v>
      </c>
      <c r="E55905" s="1" t="s">
        <v>188028</v>
      </c>
      <c r="F55905" s="1" t="s">
        <v>188029</v>
      </c>
      <c r="G55905" s="1" t="s">
        <v>188026</v>
      </c>
      <c r="H55905" s="1" t="s">
        <v>188027</v>
      </c>
      <c r="I55905" s="1" t="s">
        <v>187135</v>
      </c>
      <c r="J55905" s="1" t="s">
        <v>188030</v>
      </c>
    </row>
    <row r="55906" spans="1:10" x14ac:dyDescent="0.35">
      <c r="A55906" s="1" t="s">
        <v>52107</v>
      </c>
      <c r="B55906" s="1" t="s">
        <v>187129</v>
      </c>
      <c r="C55906" s="1" t="s">
        <v>20</v>
      </c>
      <c r="D55906" s="1" t="s">
        <v>178767</v>
      </c>
      <c r="E55906" s="1" t="s">
        <v>188031</v>
      </c>
      <c r="F55906" s="1" t="s">
        <v>188032</v>
      </c>
      <c r="G55906" s="1" t="s">
        <v>188026</v>
      </c>
      <c r="H55906" s="1" t="s">
        <v>188027</v>
      </c>
      <c r="I55906" s="1" t="s">
        <v>187135</v>
      </c>
      <c r="J55906" s="1" t="s">
        <v>188033</v>
      </c>
    </row>
    <row r="55907" spans="1:10" x14ac:dyDescent="0.35">
      <c r="A55907" s="1" t="s">
        <v>52107</v>
      </c>
      <c r="B55907" s="1" t="s">
        <v>187129</v>
      </c>
      <c r="C55907" s="1" t="s">
        <v>25</v>
      </c>
      <c r="D55907" s="1" t="s">
        <v>47846</v>
      </c>
      <c r="E55907" s="1" t="s">
        <v>188034</v>
      </c>
      <c r="F55907" s="1" t="s">
        <v>188035</v>
      </c>
      <c r="G55907" s="1" t="s">
        <v>188026</v>
      </c>
      <c r="H55907" s="1" t="s">
        <v>188027</v>
      </c>
      <c r="I55907" s="1" t="s">
        <v>187135</v>
      </c>
      <c r="J55907" s="1" t="s">
        <v>188036</v>
      </c>
    </row>
    <row r="55908" spans="1:10" x14ac:dyDescent="0.35">
      <c r="A55908" s="1" t="s">
        <v>52107</v>
      </c>
      <c r="B55908" s="1" t="s">
        <v>187129</v>
      </c>
      <c r="C55908" s="1" t="s">
        <v>30</v>
      </c>
      <c r="D55908" s="1" t="s">
        <v>38579</v>
      </c>
      <c r="E55908" s="1" t="s">
        <v>188037</v>
      </c>
      <c r="F55908" s="1" t="s">
        <v>188038</v>
      </c>
      <c r="G55908" s="1" t="s">
        <v>188026</v>
      </c>
      <c r="H55908" s="1" t="s">
        <v>188027</v>
      </c>
      <c r="I55908" s="1" t="s">
        <v>187135</v>
      </c>
      <c r="J55908" s="1" t="s">
        <v>188039</v>
      </c>
    </row>
    <row r="55909" spans="1:10" x14ac:dyDescent="0.35">
      <c r="A55909" s="1" t="s">
        <v>52107</v>
      </c>
      <c r="B55909" s="1" t="s">
        <v>187129</v>
      </c>
      <c r="C55909" s="1" t="s">
        <v>35</v>
      </c>
      <c r="D55909" s="1" t="s">
        <v>48732</v>
      </c>
      <c r="E55909" s="1" t="s">
        <v>188040</v>
      </c>
      <c r="F55909" s="1" t="s">
        <v>188041</v>
      </c>
      <c r="G55909" s="1" t="s">
        <v>188026</v>
      </c>
      <c r="H55909" s="1" t="s">
        <v>188027</v>
      </c>
      <c r="I55909" s="1" t="s">
        <v>187135</v>
      </c>
      <c r="J55909" s="1" t="s">
        <v>188042</v>
      </c>
    </row>
    <row r="55910" spans="1:10" x14ac:dyDescent="0.35">
      <c r="A55910" s="1" t="s">
        <v>52107</v>
      </c>
      <c r="B55910" s="1" t="s">
        <v>187129</v>
      </c>
      <c r="C55910" s="1" t="s">
        <v>40</v>
      </c>
      <c r="D55910" s="1" t="s">
        <v>35567</v>
      </c>
      <c r="E55910" s="1" t="s">
        <v>188043</v>
      </c>
      <c r="F55910" s="1" t="s">
        <v>188044</v>
      </c>
      <c r="G55910" s="1" t="s">
        <v>188026</v>
      </c>
      <c r="H55910" s="1" t="s">
        <v>188027</v>
      </c>
      <c r="I55910" s="1" t="s">
        <v>187135</v>
      </c>
      <c r="J55910" s="1" t="s">
        <v>188045</v>
      </c>
    </row>
    <row r="55911" spans="1:10" x14ac:dyDescent="0.35">
      <c r="A55911" s="1" t="s">
        <v>52107</v>
      </c>
      <c r="B55911" s="1" t="s">
        <v>187129</v>
      </c>
      <c r="C55911" s="1" t="s">
        <v>45</v>
      </c>
      <c r="D55911" s="1" t="s">
        <v>49030</v>
      </c>
      <c r="E55911" s="1" t="s">
        <v>188046</v>
      </c>
      <c r="F55911" s="1" t="s">
        <v>188047</v>
      </c>
      <c r="G55911" s="1" t="s">
        <v>188026</v>
      </c>
      <c r="H55911" s="1" t="s">
        <v>188027</v>
      </c>
      <c r="I55911" s="1" t="s">
        <v>187135</v>
      </c>
      <c r="J55911" s="1" t="s">
        <v>188048</v>
      </c>
    </row>
    <row r="55912" spans="1:10" x14ac:dyDescent="0.35">
      <c r="A55912" s="1" t="s">
        <v>52107</v>
      </c>
      <c r="B55912" s="1" t="s">
        <v>187129</v>
      </c>
      <c r="C55912" s="1" t="s">
        <v>50</v>
      </c>
      <c r="D55912" s="1" t="s">
        <v>188049</v>
      </c>
      <c r="E55912" s="1" t="s">
        <v>188050</v>
      </c>
      <c r="F55912" s="1" t="s">
        <v>188051</v>
      </c>
      <c r="G55912" s="1" t="s">
        <v>188026</v>
      </c>
      <c r="H55912" s="1" t="s">
        <v>188027</v>
      </c>
      <c r="I55912" s="1" t="s">
        <v>187135</v>
      </c>
      <c r="J55912" s="1" t="s">
        <v>188052</v>
      </c>
    </row>
    <row r="55913" spans="1:10" x14ac:dyDescent="0.35">
      <c r="A55913" s="1" t="s">
        <v>52107</v>
      </c>
      <c r="B55913" s="1" t="s">
        <v>187129</v>
      </c>
      <c r="C55913" s="1" t="s">
        <v>55</v>
      </c>
      <c r="D55913" s="1" t="s">
        <v>188053</v>
      </c>
      <c r="E55913" s="1" t="s">
        <v>188054</v>
      </c>
      <c r="F55913" s="1" t="s">
        <v>188055</v>
      </c>
      <c r="G55913" s="1" t="s">
        <v>188026</v>
      </c>
      <c r="H55913" s="1" t="s">
        <v>188027</v>
      </c>
      <c r="I55913" s="1" t="s">
        <v>187135</v>
      </c>
      <c r="J55913" s="1" t="s">
        <v>188056</v>
      </c>
    </row>
    <row r="55914" spans="1:10" x14ac:dyDescent="0.35">
      <c r="A55914" s="1" t="s">
        <v>52107</v>
      </c>
      <c r="B55914" s="1" t="s">
        <v>187129</v>
      </c>
      <c r="C55914" s="1" t="s">
        <v>60</v>
      </c>
      <c r="D55914" s="1" t="s">
        <v>50220</v>
      </c>
      <c r="E55914" s="1" t="s">
        <v>188057</v>
      </c>
      <c r="F55914" s="1" t="s">
        <v>188058</v>
      </c>
      <c r="G55914" s="1" t="s">
        <v>188026</v>
      </c>
      <c r="H55914" s="1" t="s">
        <v>188027</v>
      </c>
      <c r="I55914" s="1" t="s">
        <v>187135</v>
      </c>
      <c r="J55914" s="1" t="s">
        <v>188059</v>
      </c>
    </row>
    <row r="55915" spans="1:10" x14ac:dyDescent="0.35">
      <c r="A55915" s="1" t="s">
        <v>52107</v>
      </c>
      <c r="B55915" s="1" t="s">
        <v>187129</v>
      </c>
      <c r="C55915" s="1" t="s">
        <v>65</v>
      </c>
      <c r="D55915" s="1" t="s">
        <v>73461</v>
      </c>
      <c r="E55915" s="1" t="s">
        <v>188060</v>
      </c>
      <c r="F55915" s="1" t="s">
        <v>188061</v>
      </c>
      <c r="G55915" s="1" t="s">
        <v>188026</v>
      </c>
      <c r="H55915" s="1" t="s">
        <v>188027</v>
      </c>
      <c r="I55915" s="1" t="s">
        <v>187135</v>
      </c>
      <c r="J55915" s="1" t="s">
        <v>188062</v>
      </c>
    </row>
    <row r="55916" spans="1:10" x14ac:dyDescent="0.35">
      <c r="A55916" s="1" t="s">
        <v>52107</v>
      </c>
      <c r="B55916" s="1" t="s">
        <v>187129</v>
      </c>
      <c r="C55916" s="1" t="s">
        <v>70</v>
      </c>
      <c r="D55916" s="1" t="s">
        <v>170631</v>
      </c>
      <c r="E55916" s="1" t="s">
        <v>188063</v>
      </c>
      <c r="F55916" s="1" t="s">
        <v>188064</v>
      </c>
      <c r="G55916" s="1" t="s">
        <v>188026</v>
      </c>
      <c r="H55916" s="1" t="s">
        <v>188027</v>
      </c>
      <c r="I55916" s="1" t="s">
        <v>187135</v>
      </c>
      <c r="J55916" s="1" t="s">
        <v>188065</v>
      </c>
    </row>
    <row r="55917" spans="1:10" x14ac:dyDescent="0.35">
      <c r="A55917" s="1" t="s">
        <v>52107</v>
      </c>
      <c r="B55917" s="1" t="s">
        <v>187129</v>
      </c>
      <c r="C55917" s="1" t="s">
        <v>75</v>
      </c>
      <c r="D55917" s="1" t="s">
        <v>188066</v>
      </c>
      <c r="E55917" s="1" t="s">
        <v>188067</v>
      </c>
      <c r="F55917" s="1" t="s">
        <v>188068</v>
      </c>
      <c r="G55917" s="1" t="s">
        <v>188026</v>
      </c>
      <c r="H55917" s="1" t="s">
        <v>188027</v>
      </c>
      <c r="I55917" s="1" t="s">
        <v>187135</v>
      </c>
      <c r="J55917" s="1" t="s">
        <v>188069</v>
      </c>
    </row>
    <row r="55918" spans="1:10" x14ac:dyDescent="0.35">
      <c r="A55918" s="1" t="s">
        <v>52107</v>
      </c>
      <c r="B55918" s="1" t="s">
        <v>187129</v>
      </c>
      <c r="C55918" s="1" t="s">
        <v>80</v>
      </c>
      <c r="D55918" s="1" t="s">
        <v>123907</v>
      </c>
      <c r="E55918" s="1" t="s">
        <v>188070</v>
      </c>
      <c r="F55918" s="1" t="s">
        <v>188071</v>
      </c>
      <c r="G55918" s="1" t="s">
        <v>188026</v>
      </c>
      <c r="H55918" s="1" t="s">
        <v>188027</v>
      </c>
      <c r="I55918" s="1" t="s">
        <v>187135</v>
      </c>
      <c r="J55918" s="1" t="s">
        <v>188072</v>
      </c>
    </row>
    <row r="55919" spans="1:10" x14ac:dyDescent="0.35">
      <c r="A55919" s="1" t="s">
        <v>52107</v>
      </c>
      <c r="B55919" s="1" t="s">
        <v>187129</v>
      </c>
      <c r="C55919" s="1" t="s">
        <v>85</v>
      </c>
      <c r="D55919" s="1" t="s">
        <v>171700</v>
      </c>
      <c r="E55919" s="1" t="s">
        <v>188073</v>
      </c>
      <c r="F55919" s="1" t="s">
        <v>188074</v>
      </c>
      <c r="G55919" s="1" t="s">
        <v>188026</v>
      </c>
      <c r="H55919" s="1" t="s">
        <v>188027</v>
      </c>
      <c r="I55919" s="1" t="s">
        <v>187135</v>
      </c>
      <c r="J55919" s="1" t="s">
        <v>188075</v>
      </c>
    </row>
    <row r="55920" spans="1:10" x14ac:dyDescent="0.35">
      <c r="A55920" s="1" t="s">
        <v>52107</v>
      </c>
      <c r="B55920" s="1" t="s">
        <v>187129</v>
      </c>
      <c r="C55920" s="1" t="s">
        <v>90</v>
      </c>
      <c r="D55920" s="1" t="s">
        <v>188076</v>
      </c>
      <c r="E55920" s="1" t="s">
        <v>188077</v>
      </c>
      <c r="F55920" s="1" t="s">
        <v>188078</v>
      </c>
      <c r="G55920" s="1" t="s">
        <v>188026</v>
      </c>
      <c r="H55920" s="1" t="s">
        <v>188027</v>
      </c>
      <c r="I55920" s="1" t="s">
        <v>187135</v>
      </c>
      <c r="J55920" s="1" t="s">
        <v>188079</v>
      </c>
    </row>
    <row r="55921" spans="1:10" x14ac:dyDescent="0.35">
      <c r="A55921" s="1" t="s">
        <v>52107</v>
      </c>
      <c r="B55921" s="1" t="s">
        <v>187129</v>
      </c>
      <c r="C55921" s="1" t="s">
        <v>95</v>
      </c>
      <c r="D55921" s="1" t="s">
        <v>174240</v>
      </c>
      <c r="E55921" s="1" t="s">
        <v>188080</v>
      </c>
      <c r="F55921" s="1" t="s">
        <v>188081</v>
      </c>
      <c r="G55921" s="1" t="s">
        <v>188026</v>
      </c>
      <c r="H55921" s="1" t="s">
        <v>188027</v>
      </c>
      <c r="I55921" s="1" t="s">
        <v>187135</v>
      </c>
      <c r="J55921" s="1" t="s">
        <v>188082</v>
      </c>
    </row>
    <row r="55922" spans="1:10" x14ac:dyDescent="0.35">
      <c r="A55922" s="1" t="s">
        <v>52107</v>
      </c>
      <c r="B55922" s="1" t="s">
        <v>187129</v>
      </c>
      <c r="C55922" s="1" t="s">
        <v>100</v>
      </c>
      <c r="D55922" s="1" t="s">
        <v>188083</v>
      </c>
      <c r="E55922" s="1" t="s">
        <v>188084</v>
      </c>
      <c r="F55922" s="1" t="s">
        <v>188085</v>
      </c>
      <c r="G55922" s="1" t="s">
        <v>188026</v>
      </c>
      <c r="H55922" s="1" t="s">
        <v>188027</v>
      </c>
      <c r="I55922" s="1" t="s">
        <v>187135</v>
      </c>
      <c r="J55922" s="1" t="s">
        <v>188086</v>
      </c>
    </row>
    <row r="55923" spans="1:10" x14ac:dyDescent="0.35">
      <c r="A55923" s="1" t="s">
        <v>52107</v>
      </c>
      <c r="B55923" s="1" t="s">
        <v>187129</v>
      </c>
      <c r="C55923" s="1" t="s">
        <v>105</v>
      </c>
      <c r="D55923" s="1" t="s">
        <v>16444</v>
      </c>
      <c r="E55923" s="1" t="s">
        <v>188087</v>
      </c>
      <c r="F55923" s="1" t="s">
        <v>188088</v>
      </c>
      <c r="G55923" s="1" t="s">
        <v>188026</v>
      </c>
      <c r="H55923" s="1" t="s">
        <v>188027</v>
      </c>
      <c r="I55923" s="1" t="s">
        <v>187135</v>
      </c>
      <c r="J55923" s="1" t="s">
        <v>188089</v>
      </c>
    </row>
    <row r="55924" spans="1:10" x14ac:dyDescent="0.35">
      <c r="A55924" s="1" t="s">
        <v>52107</v>
      </c>
      <c r="B55924" s="1" t="s">
        <v>187129</v>
      </c>
      <c r="C55924" s="1" t="s">
        <v>110</v>
      </c>
      <c r="D55924" s="1" t="s">
        <v>188090</v>
      </c>
      <c r="E55924" s="1" t="s">
        <v>188091</v>
      </c>
      <c r="F55924" s="1" t="s">
        <v>188092</v>
      </c>
      <c r="G55924" s="1" t="s">
        <v>188026</v>
      </c>
      <c r="H55924" s="1" t="s">
        <v>188027</v>
      </c>
      <c r="I55924" s="1" t="s">
        <v>187135</v>
      </c>
      <c r="J55924" s="1" t="s">
        <v>188093</v>
      </c>
    </row>
    <row r="55925" spans="1:10" x14ac:dyDescent="0.35">
      <c r="A55925" s="1" t="s">
        <v>52107</v>
      </c>
      <c r="B55925" s="1" t="s">
        <v>187129</v>
      </c>
      <c r="C55925" s="1" t="s">
        <v>115</v>
      </c>
      <c r="D55925" s="1" t="s">
        <v>70705</v>
      </c>
      <c r="E55925" s="1" t="s">
        <v>188094</v>
      </c>
      <c r="F55925" s="1" t="s">
        <v>188095</v>
      </c>
      <c r="G55925" s="1" t="s">
        <v>188026</v>
      </c>
      <c r="H55925" s="1" t="s">
        <v>188027</v>
      </c>
      <c r="I55925" s="1" t="s">
        <v>187135</v>
      </c>
      <c r="J55925" s="1" t="s">
        <v>188096</v>
      </c>
    </row>
    <row r="55926" spans="1:10" x14ac:dyDescent="0.35">
      <c r="A55926" s="1" t="s">
        <v>52107</v>
      </c>
      <c r="B55926" s="1" t="s">
        <v>187129</v>
      </c>
      <c r="C55926" s="1" t="s">
        <v>120</v>
      </c>
      <c r="D55926" s="1" t="s">
        <v>32863</v>
      </c>
      <c r="E55926" s="1" t="s">
        <v>188097</v>
      </c>
      <c r="F55926" s="1" t="s">
        <v>188098</v>
      </c>
      <c r="G55926" s="1" t="s">
        <v>188026</v>
      </c>
      <c r="H55926" s="1" t="s">
        <v>188027</v>
      </c>
      <c r="I55926" s="1" t="s">
        <v>187135</v>
      </c>
      <c r="J55926" s="1" t="s">
        <v>188099</v>
      </c>
    </row>
    <row r="55927" spans="1:10" x14ac:dyDescent="0.35">
      <c r="A55927" s="1" t="s">
        <v>52107</v>
      </c>
      <c r="B55927" s="1" t="s">
        <v>187129</v>
      </c>
      <c r="C55927" s="1" t="s">
        <v>125</v>
      </c>
      <c r="D55927" s="1" t="s">
        <v>188100</v>
      </c>
      <c r="E55927" s="1" t="s">
        <v>188101</v>
      </c>
      <c r="F55927" s="1" t="s">
        <v>188102</v>
      </c>
      <c r="G55927" s="1" t="s">
        <v>188026</v>
      </c>
      <c r="H55927" s="1" t="s">
        <v>188027</v>
      </c>
      <c r="I55927" s="1" t="s">
        <v>187135</v>
      </c>
      <c r="J55927" s="1" t="s">
        <v>188103</v>
      </c>
    </row>
    <row r="55928" spans="1:10" x14ac:dyDescent="0.35">
      <c r="A55928" s="1" t="s">
        <v>52107</v>
      </c>
      <c r="B55928" s="1" t="s">
        <v>187129</v>
      </c>
      <c r="C55928" s="1" t="s">
        <v>130</v>
      </c>
      <c r="D55928" s="1" t="s">
        <v>50406</v>
      </c>
      <c r="E55928" s="1" t="s">
        <v>188104</v>
      </c>
      <c r="F55928" s="1" t="s">
        <v>188105</v>
      </c>
      <c r="G55928" s="1" t="s">
        <v>188026</v>
      </c>
      <c r="H55928" s="1" t="s">
        <v>188027</v>
      </c>
      <c r="I55928" s="1" t="s">
        <v>187135</v>
      </c>
      <c r="J55928" s="1" t="s">
        <v>188106</v>
      </c>
    </row>
    <row r="55929" spans="1:10" x14ac:dyDescent="0.35">
      <c r="A55929" s="1" t="s">
        <v>52107</v>
      </c>
      <c r="B55929" s="1" t="s">
        <v>187129</v>
      </c>
      <c r="C55929" s="1" t="s">
        <v>135</v>
      </c>
      <c r="D55929" s="1" t="s">
        <v>43171</v>
      </c>
      <c r="E55929" s="1" t="s">
        <v>188107</v>
      </c>
      <c r="F55929" s="1" t="s">
        <v>188108</v>
      </c>
      <c r="G55929" s="1" t="s">
        <v>188026</v>
      </c>
      <c r="H55929" s="1" t="s">
        <v>188027</v>
      </c>
      <c r="I55929" s="1" t="s">
        <v>187135</v>
      </c>
      <c r="J55929" s="1" t="s">
        <v>188109</v>
      </c>
    </row>
    <row r="55930" spans="1:10" x14ac:dyDescent="0.35">
      <c r="A55930" s="1" t="s">
        <v>52107</v>
      </c>
      <c r="B55930" s="1" t="s">
        <v>187129</v>
      </c>
      <c r="C55930" s="1" t="s">
        <v>140</v>
      </c>
      <c r="D55930" s="1" t="s">
        <v>30669</v>
      </c>
      <c r="E55930" s="1" t="s">
        <v>188110</v>
      </c>
      <c r="F55930" s="1" t="s">
        <v>188111</v>
      </c>
      <c r="G55930" s="1" t="s">
        <v>188026</v>
      </c>
      <c r="H55930" s="1" t="s">
        <v>188027</v>
      </c>
      <c r="I55930" s="1" t="s">
        <v>187135</v>
      </c>
      <c r="J55930" s="1" t="s">
        <v>188112</v>
      </c>
    </row>
    <row r="55931" spans="1:10" x14ac:dyDescent="0.35">
      <c r="A55931" s="1" t="s">
        <v>52107</v>
      </c>
      <c r="B55931" s="1" t="s">
        <v>187129</v>
      </c>
      <c r="C55931" s="1" t="s">
        <v>145</v>
      </c>
      <c r="D55931" s="1" t="s">
        <v>13397</v>
      </c>
      <c r="E55931" s="1" t="s">
        <v>188113</v>
      </c>
      <c r="F55931" s="1" t="s">
        <v>188114</v>
      </c>
      <c r="G55931" s="1" t="s">
        <v>188026</v>
      </c>
      <c r="H55931" s="1" t="s">
        <v>188027</v>
      </c>
      <c r="I55931" s="1" t="s">
        <v>187135</v>
      </c>
      <c r="J55931" s="1" t="s">
        <v>188115</v>
      </c>
    </row>
    <row r="55932" spans="1:10" x14ac:dyDescent="0.35">
      <c r="A55932" s="1" t="s">
        <v>52107</v>
      </c>
      <c r="B55932" s="1" t="s">
        <v>187129</v>
      </c>
      <c r="C55932" s="1" t="s">
        <v>150</v>
      </c>
      <c r="D55932" s="1" t="s">
        <v>188116</v>
      </c>
      <c r="E55932" s="1" t="s">
        <v>188117</v>
      </c>
      <c r="F55932" s="1" t="s">
        <v>188118</v>
      </c>
      <c r="G55932" s="1" t="s">
        <v>188026</v>
      </c>
      <c r="H55932" s="1" t="s">
        <v>188027</v>
      </c>
      <c r="I55932" s="1" t="s">
        <v>187135</v>
      </c>
      <c r="J55932" s="1" t="s">
        <v>188119</v>
      </c>
    </row>
    <row r="55933" spans="1:10" x14ac:dyDescent="0.35">
      <c r="A55933" s="1" t="s">
        <v>52107</v>
      </c>
      <c r="B55933" s="1" t="s">
        <v>187129</v>
      </c>
      <c r="C55933" s="1" t="s">
        <v>155</v>
      </c>
      <c r="D55933" s="1" t="s">
        <v>156827</v>
      </c>
      <c r="E55933" s="1" t="s">
        <v>188120</v>
      </c>
      <c r="F55933" s="1" t="s">
        <v>188121</v>
      </c>
      <c r="G55933" s="1" t="s">
        <v>188026</v>
      </c>
      <c r="H55933" s="1" t="s">
        <v>188027</v>
      </c>
      <c r="I55933" s="1" t="s">
        <v>187135</v>
      </c>
      <c r="J55933" s="1" t="s">
        <v>188122</v>
      </c>
    </row>
    <row r="55934" spans="1:10" x14ac:dyDescent="0.35">
      <c r="A55934" s="1" t="s">
        <v>52107</v>
      </c>
      <c r="B55934" s="1" t="s">
        <v>187129</v>
      </c>
      <c r="C55934" s="1" t="s">
        <v>160</v>
      </c>
      <c r="D55934" s="1" t="s">
        <v>30889</v>
      </c>
      <c r="E55934" s="1" t="s">
        <v>188123</v>
      </c>
      <c r="F55934" s="1" t="s">
        <v>188124</v>
      </c>
      <c r="G55934" s="1" t="s">
        <v>188026</v>
      </c>
      <c r="H55934" s="1" t="s">
        <v>188027</v>
      </c>
      <c r="I55934" s="1" t="s">
        <v>187135</v>
      </c>
      <c r="J55934" s="1" t="s">
        <v>188125</v>
      </c>
    </row>
    <row r="55935" spans="1:10" x14ac:dyDescent="0.35">
      <c r="A55935" s="1" t="s">
        <v>52107</v>
      </c>
      <c r="B55935" s="1" t="s">
        <v>187129</v>
      </c>
      <c r="C55935" s="1" t="s">
        <v>165</v>
      </c>
      <c r="D55935" s="1" t="s">
        <v>30269</v>
      </c>
      <c r="E55935" s="1" t="s">
        <v>188126</v>
      </c>
      <c r="F55935" s="1" t="s">
        <v>188127</v>
      </c>
      <c r="G55935" s="1" t="s">
        <v>188026</v>
      </c>
      <c r="H55935" s="1" t="s">
        <v>188027</v>
      </c>
      <c r="I55935" s="1" t="s">
        <v>187135</v>
      </c>
      <c r="J55935" s="1" t="s">
        <v>188128</v>
      </c>
    </row>
    <row r="55936" spans="1:10" x14ac:dyDescent="0.35">
      <c r="A55936" s="1" t="s">
        <v>52107</v>
      </c>
      <c r="B55936" s="1" t="s">
        <v>187129</v>
      </c>
      <c r="C55936" s="1" t="s">
        <v>170</v>
      </c>
      <c r="D55936" s="1" t="s">
        <v>3052</v>
      </c>
      <c r="E55936" s="1" t="s">
        <v>188129</v>
      </c>
      <c r="F55936" s="1" t="s">
        <v>188130</v>
      </c>
      <c r="G55936" s="1" t="s">
        <v>188026</v>
      </c>
      <c r="H55936" s="1" t="s">
        <v>188027</v>
      </c>
      <c r="I55936" s="1" t="s">
        <v>187135</v>
      </c>
      <c r="J55936" s="1" t="s">
        <v>188131</v>
      </c>
    </row>
    <row r="55937" spans="1:10" x14ac:dyDescent="0.35">
      <c r="A55937" s="1" t="s">
        <v>142820</v>
      </c>
      <c r="B55937" s="1" t="s">
        <v>187129</v>
      </c>
      <c r="C55937" s="1" t="s">
        <v>8</v>
      </c>
      <c r="D55937" s="1" t="s">
        <v>8944</v>
      </c>
      <c r="E55937" s="1" t="s">
        <v>188132</v>
      </c>
      <c r="F55937" s="1" t="s">
        <v>188133</v>
      </c>
      <c r="G55937" s="1" t="s">
        <v>188134</v>
      </c>
      <c r="H55937" s="1" t="s">
        <v>188135</v>
      </c>
      <c r="I55937" s="1" t="s">
        <v>187135</v>
      </c>
      <c r="J55937" s="1" t="s">
        <v>13</v>
      </c>
    </row>
    <row r="55938" spans="1:10" x14ac:dyDescent="0.35">
      <c r="A55938" s="1" t="s">
        <v>142820</v>
      </c>
      <c r="B55938" s="1" t="s">
        <v>187129</v>
      </c>
      <c r="C55938" s="1" t="s">
        <v>15</v>
      </c>
      <c r="D55938" s="1" t="s">
        <v>115910</v>
      </c>
      <c r="E55938" s="1" t="s">
        <v>188136</v>
      </c>
      <c r="F55938" s="1" t="s">
        <v>188137</v>
      </c>
      <c r="G55938" s="1" t="s">
        <v>188134</v>
      </c>
      <c r="H55938" s="1" t="s">
        <v>188135</v>
      </c>
      <c r="I55938" s="1" t="s">
        <v>187135</v>
      </c>
      <c r="J55938" s="1" t="s">
        <v>188138</v>
      </c>
    </row>
    <row r="55939" spans="1:10" x14ac:dyDescent="0.35">
      <c r="A55939" s="1" t="s">
        <v>142820</v>
      </c>
      <c r="B55939" s="1" t="s">
        <v>187129</v>
      </c>
      <c r="C55939" s="1" t="s">
        <v>20</v>
      </c>
      <c r="D55939" s="1" t="s">
        <v>111590</v>
      </c>
      <c r="E55939" s="1" t="s">
        <v>188139</v>
      </c>
      <c r="F55939" s="1" t="s">
        <v>188140</v>
      </c>
      <c r="G55939" s="1" t="s">
        <v>188134</v>
      </c>
      <c r="H55939" s="1" t="s">
        <v>188135</v>
      </c>
      <c r="I55939" s="1" t="s">
        <v>187135</v>
      </c>
      <c r="J55939" s="1" t="s">
        <v>188141</v>
      </c>
    </row>
    <row r="55940" spans="1:10" x14ac:dyDescent="0.35">
      <c r="A55940" s="1" t="s">
        <v>142820</v>
      </c>
      <c r="B55940" s="1" t="s">
        <v>187129</v>
      </c>
      <c r="C55940" s="1" t="s">
        <v>25</v>
      </c>
      <c r="D55940" s="1" t="s">
        <v>144690</v>
      </c>
      <c r="E55940" s="1" t="s">
        <v>188142</v>
      </c>
      <c r="F55940" s="1" t="s">
        <v>188143</v>
      </c>
      <c r="G55940" s="1" t="s">
        <v>188134</v>
      </c>
      <c r="H55940" s="1" t="s">
        <v>188135</v>
      </c>
      <c r="I55940" s="1" t="s">
        <v>187135</v>
      </c>
      <c r="J55940" s="1" t="s">
        <v>188144</v>
      </c>
    </row>
    <row r="55941" spans="1:10" x14ac:dyDescent="0.35">
      <c r="A55941" s="1" t="s">
        <v>142820</v>
      </c>
      <c r="B55941" s="1" t="s">
        <v>187129</v>
      </c>
      <c r="C55941" s="1" t="s">
        <v>30</v>
      </c>
      <c r="D55941" s="1" t="s">
        <v>144044</v>
      </c>
      <c r="E55941" s="1" t="s">
        <v>188145</v>
      </c>
      <c r="F55941" s="1" t="s">
        <v>188146</v>
      </c>
      <c r="G55941" s="1" t="s">
        <v>188134</v>
      </c>
      <c r="H55941" s="1" t="s">
        <v>188135</v>
      </c>
      <c r="I55941" s="1" t="s">
        <v>187135</v>
      </c>
      <c r="J55941" s="1" t="s">
        <v>188147</v>
      </c>
    </row>
    <row r="55942" spans="1:10" x14ac:dyDescent="0.35">
      <c r="A55942" s="1" t="s">
        <v>142820</v>
      </c>
      <c r="B55942" s="1" t="s">
        <v>187129</v>
      </c>
      <c r="C55942" s="1" t="s">
        <v>35</v>
      </c>
      <c r="D55942" s="1" t="s">
        <v>143221</v>
      </c>
      <c r="E55942" s="1" t="s">
        <v>188148</v>
      </c>
      <c r="F55942" s="1" t="s">
        <v>188149</v>
      </c>
      <c r="G55942" s="1" t="s">
        <v>188134</v>
      </c>
      <c r="H55942" s="1" t="s">
        <v>188135</v>
      </c>
      <c r="I55942" s="1" t="s">
        <v>187135</v>
      </c>
      <c r="J55942" s="1" t="s">
        <v>188150</v>
      </c>
    </row>
    <row r="55943" spans="1:10" x14ac:dyDescent="0.35">
      <c r="A55943" s="1" t="s">
        <v>142820</v>
      </c>
      <c r="B55943" s="1" t="s">
        <v>187129</v>
      </c>
      <c r="C55943" s="1" t="s">
        <v>40</v>
      </c>
      <c r="D55943" s="1" t="s">
        <v>143232</v>
      </c>
      <c r="E55943" s="1" t="s">
        <v>188151</v>
      </c>
      <c r="F55943" s="1" t="s">
        <v>188152</v>
      </c>
      <c r="G55943" s="1" t="s">
        <v>188134</v>
      </c>
      <c r="H55943" s="1" t="s">
        <v>188135</v>
      </c>
      <c r="I55943" s="1" t="s">
        <v>187135</v>
      </c>
      <c r="J55943" s="1" t="s">
        <v>188153</v>
      </c>
    </row>
    <row r="55944" spans="1:10" x14ac:dyDescent="0.35">
      <c r="A55944" s="1" t="s">
        <v>142820</v>
      </c>
      <c r="B55944" s="1" t="s">
        <v>187129</v>
      </c>
      <c r="C55944" s="1" t="s">
        <v>45</v>
      </c>
      <c r="D55944" s="1" t="s">
        <v>188154</v>
      </c>
      <c r="E55944" s="1" t="s">
        <v>188155</v>
      </c>
      <c r="F55944" s="1" t="s">
        <v>188156</v>
      </c>
      <c r="G55944" s="1" t="s">
        <v>188134</v>
      </c>
      <c r="H55944" s="1" t="s">
        <v>188135</v>
      </c>
      <c r="I55944" s="1" t="s">
        <v>187135</v>
      </c>
      <c r="J55944" s="1" t="s">
        <v>188157</v>
      </c>
    </row>
    <row r="55945" spans="1:10" x14ac:dyDescent="0.35">
      <c r="A55945" s="1" t="s">
        <v>142820</v>
      </c>
      <c r="B55945" s="1" t="s">
        <v>187129</v>
      </c>
      <c r="C55945" s="1" t="s">
        <v>50</v>
      </c>
      <c r="D55945" s="1" t="s">
        <v>29441</v>
      </c>
      <c r="E55945" s="1" t="s">
        <v>188158</v>
      </c>
      <c r="F55945" s="1" t="s">
        <v>188159</v>
      </c>
      <c r="G55945" s="1" t="s">
        <v>188134</v>
      </c>
      <c r="H55945" s="1" t="s">
        <v>188135</v>
      </c>
      <c r="I55945" s="1" t="s">
        <v>187135</v>
      </c>
      <c r="J55945" s="1" t="s">
        <v>188160</v>
      </c>
    </row>
    <row r="55946" spans="1:10" x14ac:dyDescent="0.35">
      <c r="A55946" s="1" t="s">
        <v>142820</v>
      </c>
      <c r="B55946" s="1" t="s">
        <v>187129</v>
      </c>
      <c r="C55946" s="1" t="s">
        <v>55</v>
      </c>
      <c r="D55946" s="1" t="s">
        <v>3240</v>
      </c>
      <c r="E55946" s="1" t="s">
        <v>188161</v>
      </c>
      <c r="F55946" s="1" t="s">
        <v>188162</v>
      </c>
      <c r="G55946" s="1" t="s">
        <v>188134</v>
      </c>
      <c r="H55946" s="1" t="s">
        <v>188135</v>
      </c>
      <c r="I55946" s="1" t="s">
        <v>187135</v>
      </c>
      <c r="J55946" s="1" t="s">
        <v>188163</v>
      </c>
    </row>
    <row r="55947" spans="1:10" x14ac:dyDescent="0.35">
      <c r="A55947" s="1" t="s">
        <v>142820</v>
      </c>
      <c r="B55947" s="1" t="s">
        <v>187129</v>
      </c>
      <c r="C55947" s="1" t="s">
        <v>60</v>
      </c>
      <c r="D55947" s="1" t="s">
        <v>4058</v>
      </c>
      <c r="E55947" s="1" t="s">
        <v>188164</v>
      </c>
      <c r="F55947" s="1" t="s">
        <v>188165</v>
      </c>
      <c r="G55947" s="1" t="s">
        <v>188134</v>
      </c>
      <c r="H55947" s="1" t="s">
        <v>188135</v>
      </c>
      <c r="I55947" s="1" t="s">
        <v>187135</v>
      </c>
      <c r="J55947" s="1" t="s">
        <v>188166</v>
      </c>
    </row>
    <row r="55948" spans="1:10" x14ac:dyDescent="0.35">
      <c r="A55948" s="1" t="s">
        <v>142820</v>
      </c>
      <c r="B55948" s="1" t="s">
        <v>187129</v>
      </c>
      <c r="C55948" s="1" t="s">
        <v>65</v>
      </c>
      <c r="D55948" s="1" t="s">
        <v>188167</v>
      </c>
      <c r="E55948" s="1" t="s">
        <v>188168</v>
      </c>
      <c r="F55948" s="1" t="s">
        <v>188169</v>
      </c>
      <c r="G55948" s="1" t="s">
        <v>188134</v>
      </c>
      <c r="H55948" s="1" t="s">
        <v>188135</v>
      </c>
      <c r="I55948" s="1" t="s">
        <v>187135</v>
      </c>
      <c r="J55948" s="1" t="s">
        <v>188170</v>
      </c>
    </row>
    <row r="55949" spans="1:10" x14ac:dyDescent="0.35">
      <c r="A55949" s="1" t="s">
        <v>142820</v>
      </c>
      <c r="B55949" s="1" t="s">
        <v>187129</v>
      </c>
      <c r="C55949" s="1" t="s">
        <v>70</v>
      </c>
      <c r="D55949" s="1" t="s">
        <v>28532</v>
      </c>
      <c r="E55949" s="1" t="s">
        <v>188171</v>
      </c>
      <c r="F55949" s="1" t="s">
        <v>188172</v>
      </c>
      <c r="G55949" s="1" t="s">
        <v>188134</v>
      </c>
      <c r="H55949" s="1" t="s">
        <v>188135</v>
      </c>
      <c r="I55949" s="1" t="s">
        <v>187135</v>
      </c>
      <c r="J55949" s="1" t="s">
        <v>188173</v>
      </c>
    </row>
    <row r="55950" spans="1:10" x14ac:dyDescent="0.35">
      <c r="A55950" s="1" t="s">
        <v>142820</v>
      </c>
      <c r="B55950" s="1" t="s">
        <v>187129</v>
      </c>
      <c r="C55950" s="1" t="s">
        <v>75</v>
      </c>
      <c r="D55950" s="1" t="s">
        <v>112271</v>
      </c>
      <c r="E55950" s="1" t="s">
        <v>188174</v>
      </c>
      <c r="F55950" s="1" t="s">
        <v>188175</v>
      </c>
      <c r="G55950" s="1" t="s">
        <v>188134</v>
      </c>
      <c r="H55950" s="1" t="s">
        <v>188135</v>
      </c>
      <c r="I55950" s="1" t="s">
        <v>187135</v>
      </c>
      <c r="J55950" s="1" t="s">
        <v>188176</v>
      </c>
    </row>
    <row r="55951" spans="1:10" x14ac:dyDescent="0.35">
      <c r="A55951" s="1" t="s">
        <v>142820</v>
      </c>
      <c r="B55951" s="1" t="s">
        <v>187129</v>
      </c>
      <c r="C55951" s="1" t="s">
        <v>80</v>
      </c>
      <c r="D55951" s="1" t="s">
        <v>144690</v>
      </c>
      <c r="E55951" s="1" t="s">
        <v>188177</v>
      </c>
      <c r="F55951" s="1" t="s">
        <v>188178</v>
      </c>
      <c r="G55951" s="1" t="s">
        <v>188134</v>
      </c>
      <c r="H55951" s="1" t="s">
        <v>188135</v>
      </c>
      <c r="I55951" s="1" t="s">
        <v>187135</v>
      </c>
      <c r="J55951" s="1" t="s">
        <v>45357</v>
      </c>
    </row>
    <row r="55952" spans="1:10" x14ac:dyDescent="0.35">
      <c r="A55952" s="1" t="s">
        <v>142820</v>
      </c>
      <c r="B55952" s="1" t="s">
        <v>187129</v>
      </c>
      <c r="C55952" s="1" t="s">
        <v>85</v>
      </c>
      <c r="D55952" s="1" t="s">
        <v>121864</v>
      </c>
      <c r="E55952" s="1" t="s">
        <v>188179</v>
      </c>
      <c r="F55952" s="1" t="s">
        <v>188180</v>
      </c>
      <c r="G55952" s="1" t="s">
        <v>188134</v>
      </c>
      <c r="H55952" s="1" t="s">
        <v>188135</v>
      </c>
      <c r="I55952" s="1" t="s">
        <v>187135</v>
      </c>
      <c r="J55952" s="1" t="s">
        <v>188181</v>
      </c>
    </row>
    <row r="55953" spans="1:10" x14ac:dyDescent="0.35">
      <c r="A55953" s="1" t="s">
        <v>142820</v>
      </c>
      <c r="B55953" s="1" t="s">
        <v>187129</v>
      </c>
      <c r="C55953" s="1" t="s">
        <v>90</v>
      </c>
      <c r="D55953" s="1" t="s">
        <v>142959</v>
      </c>
      <c r="E55953" s="1" t="s">
        <v>188182</v>
      </c>
      <c r="F55953" s="1" t="s">
        <v>188183</v>
      </c>
      <c r="G55953" s="1" t="s">
        <v>188134</v>
      </c>
      <c r="H55953" s="1" t="s">
        <v>188135</v>
      </c>
      <c r="I55953" s="1" t="s">
        <v>187135</v>
      </c>
      <c r="J55953" s="1" t="s">
        <v>188184</v>
      </c>
    </row>
    <row r="55954" spans="1:10" x14ac:dyDescent="0.35">
      <c r="A55954" s="1" t="s">
        <v>142820</v>
      </c>
      <c r="B55954" s="1" t="s">
        <v>187129</v>
      </c>
      <c r="C55954" s="1" t="s">
        <v>95</v>
      </c>
      <c r="D55954" s="1" t="s">
        <v>169302</v>
      </c>
      <c r="E55954" s="1" t="s">
        <v>188185</v>
      </c>
      <c r="F55954" s="1" t="s">
        <v>188186</v>
      </c>
      <c r="G55954" s="1" t="s">
        <v>188134</v>
      </c>
      <c r="H55954" s="1" t="s">
        <v>188135</v>
      </c>
      <c r="I55954" s="1" t="s">
        <v>187135</v>
      </c>
      <c r="J55954" s="1" t="s">
        <v>188187</v>
      </c>
    </row>
    <row r="55955" spans="1:10" x14ac:dyDescent="0.35">
      <c r="A55955" s="1" t="s">
        <v>142820</v>
      </c>
      <c r="B55955" s="1" t="s">
        <v>187129</v>
      </c>
      <c r="C55955" s="1" t="s">
        <v>100</v>
      </c>
      <c r="D55955" s="1" t="s">
        <v>6579</v>
      </c>
      <c r="E55955" s="1" t="s">
        <v>188188</v>
      </c>
      <c r="F55955" s="1" t="s">
        <v>188189</v>
      </c>
      <c r="G55955" s="1" t="s">
        <v>188134</v>
      </c>
      <c r="H55955" s="1" t="s">
        <v>188135</v>
      </c>
      <c r="I55955" s="1" t="s">
        <v>187135</v>
      </c>
      <c r="J55955" s="1" t="s">
        <v>188190</v>
      </c>
    </row>
    <row r="55956" spans="1:10" x14ac:dyDescent="0.35">
      <c r="A55956" s="1" t="s">
        <v>142820</v>
      </c>
      <c r="B55956" s="1" t="s">
        <v>187129</v>
      </c>
      <c r="C55956" s="1" t="s">
        <v>105</v>
      </c>
      <c r="D55956" s="1" t="s">
        <v>35678</v>
      </c>
      <c r="E55956" s="1" t="s">
        <v>188191</v>
      </c>
      <c r="F55956" s="1" t="s">
        <v>188192</v>
      </c>
      <c r="G55956" s="1" t="s">
        <v>188134</v>
      </c>
      <c r="H55956" s="1" t="s">
        <v>188135</v>
      </c>
      <c r="I55956" s="1" t="s">
        <v>187135</v>
      </c>
      <c r="J55956" s="1" t="s">
        <v>188193</v>
      </c>
    </row>
    <row r="55957" spans="1:10" x14ac:dyDescent="0.35">
      <c r="A55957" s="1" t="s">
        <v>142820</v>
      </c>
      <c r="B55957" s="1" t="s">
        <v>187129</v>
      </c>
      <c r="C55957" s="1" t="s">
        <v>110</v>
      </c>
      <c r="D55957" s="1" t="s">
        <v>10873</v>
      </c>
      <c r="E55957" s="1" t="s">
        <v>188194</v>
      </c>
      <c r="F55957" s="1" t="s">
        <v>188195</v>
      </c>
      <c r="G55957" s="1" t="s">
        <v>188134</v>
      </c>
      <c r="H55957" s="1" t="s">
        <v>188135</v>
      </c>
      <c r="I55957" s="1" t="s">
        <v>187135</v>
      </c>
      <c r="J55957" s="1" t="s">
        <v>188196</v>
      </c>
    </row>
    <row r="55958" spans="1:10" x14ac:dyDescent="0.35">
      <c r="A55958" s="1" t="s">
        <v>142820</v>
      </c>
      <c r="B55958" s="1" t="s">
        <v>187129</v>
      </c>
      <c r="C55958" s="1" t="s">
        <v>115</v>
      </c>
      <c r="D55958" s="1" t="s">
        <v>188197</v>
      </c>
      <c r="E55958" s="1" t="s">
        <v>188198</v>
      </c>
      <c r="F55958" s="1" t="s">
        <v>188199</v>
      </c>
      <c r="G55958" s="1" t="s">
        <v>188134</v>
      </c>
      <c r="H55958" s="1" t="s">
        <v>188135</v>
      </c>
      <c r="I55958" s="1" t="s">
        <v>187135</v>
      </c>
      <c r="J55958" s="1" t="s">
        <v>188200</v>
      </c>
    </row>
    <row r="55959" spans="1:10" x14ac:dyDescent="0.35">
      <c r="A55959" s="1" t="s">
        <v>142820</v>
      </c>
      <c r="B55959" s="1" t="s">
        <v>187129</v>
      </c>
      <c r="C55959" s="1" t="s">
        <v>120</v>
      </c>
      <c r="D55959" s="1" t="s">
        <v>188201</v>
      </c>
      <c r="E55959" s="1" t="s">
        <v>188202</v>
      </c>
      <c r="F55959" s="1" t="s">
        <v>188203</v>
      </c>
      <c r="G55959" s="1" t="s">
        <v>188134</v>
      </c>
      <c r="H55959" s="1" t="s">
        <v>188135</v>
      </c>
      <c r="I55959" s="1" t="s">
        <v>187135</v>
      </c>
      <c r="J55959" s="1" t="s">
        <v>188204</v>
      </c>
    </row>
    <row r="55960" spans="1:10" x14ac:dyDescent="0.35">
      <c r="A55960" s="1" t="s">
        <v>142820</v>
      </c>
      <c r="B55960" s="1" t="s">
        <v>187129</v>
      </c>
      <c r="C55960" s="1" t="s">
        <v>125</v>
      </c>
      <c r="D55960" s="1" t="s">
        <v>15488</v>
      </c>
      <c r="E55960" s="1" t="s">
        <v>188205</v>
      </c>
      <c r="F55960" s="1" t="s">
        <v>188206</v>
      </c>
      <c r="G55960" s="1" t="s">
        <v>188134</v>
      </c>
      <c r="H55960" s="1" t="s">
        <v>188135</v>
      </c>
      <c r="I55960" s="1" t="s">
        <v>187135</v>
      </c>
      <c r="J55960" s="1" t="s">
        <v>188207</v>
      </c>
    </row>
    <row r="55961" spans="1:10" x14ac:dyDescent="0.35">
      <c r="A55961" s="1" t="s">
        <v>142820</v>
      </c>
      <c r="B55961" s="1" t="s">
        <v>187129</v>
      </c>
      <c r="C55961" s="1" t="s">
        <v>130</v>
      </c>
      <c r="D55961" s="1" t="s">
        <v>17774</v>
      </c>
      <c r="E55961" s="1" t="s">
        <v>188208</v>
      </c>
      <c r="F55961" s="1" t="s">
        <v>188209</v>
      </c>
      <c r="G55961" s="1" t="s">
        <v>188134</v>
      </c>
      <c r="H55961" s="1" t="s">
        <v>188135</v>
      </c>
      <c r="I55961" s="1" t="s">
        <v>187135</v>
      </c>
      <c r="J55961" s="1" t="s">
        <v>188210</v>
      </c>
    </row>
    <row r="55962" spans="1:10" x14ac:dyDescent="0.35">
      <c r="A55962" s="1" t="s">
        <v>142820</v>
      </c>
      <c r="B55962" s="1" t="s">
        <v>187129</v>
      </c>
      <c r="C55962" s="1" t="s">
        <v>135</v>
      </c>
      <c r="D55962" s="1" t="s">
        <v>72280</v>
      </c>
      <c r="E55962" s="1" t="s">
        <v>188211</v>
      </c>
      <c r="F55962" s="1" t="s">
        <v>188212</v>
      </c>
      <c r="G55962" s="1" t="s">
        <v>188134</v>
      </c>
      <c r="H55962" s="1" t="s">
        <v>188135</v>
      </c>
      <c r="I55962" s="1" t="s">
        <v>187135</v>
      </c>
      <c r="J55962" s="1" t="s">
        <v>188213</v>
      </c>
    </row>
    <row r="55963" spans="1:10" x14ac:dyDescent="0.35">
      <c r="A55963" s="1" t="s">
        <v>142820</v>
      </c>
      <c r="B55963" s="1" t="s">
        <v>187129</v>
      </c>
      <c r="C55963" s="1" t="s">
        <v>140</v>
      </c>
      <c r="D55963" s="1" t="s">
        <v>19484</v>
      </c>
      <c r="E55963" s="1" t="s">
        <v>188214</v>
      </c>
      <c r="F55963" s="1" t="s">
        <v>188215</v>
      </c>
      <c r="G55963" s="1" t="s">
        <v>188134</v>
      </c>
      <c r="H55963" s="1" t="s">
        <v>188135</v>
      </c>
      <c r="I55963" s="1" t="s">
        <v>187135</v>
      </c>
      <c r="J55963" s="1" t="s">
        <v>188216</v>
      </c>
    </row>
    <row r="55964" spans="1:10" x14ac:dyDescent="0.35">
      <c r="A55964" s="1" t="s">
        <v>142820</v>
      </c>
      <c r="B55964" s="1" t="s">
        <v>187129</v>
      </c>
      <c r="C55964" s="1" t="s">
        <v>145</v>
      </c>
      <c r="D55964" s="1" t="s">
        <v>115489</v>
      </c>
      <c r="E55964" s="1" t="s">
        <v>188217</v>
      </c>
      <c r="F55964" s="1" t="s">
        <v>188218</v>
      </c>
      <c r="G55964" s="1" t="s">
        <v>188134</v>
      </c>
      <c r="H55964" s="1" t="s">
        <v>188135</v>
      </c>
      <c r="I55964" s="1" t="s">
        <v>187135</v>
      </c>
      <c r="J55964" s="1" t="s">
        <v>188219</v>
      </c>
    </row>
    <row r="55965" spans="1:10" x14ac:dyDescent="0.35">
      <c r="A55965" s="1" t="s">
        <v>142820</v>
      </c>
      <c r="B55965" s="1" t="s">
        <v>187129</v>
      </c>
      <c r="C55965" s="1" t="s">
        <v>150</v>
      </c>
      <c r="D55965" s="1" t="s">
        <v>155679</v>
      </c>
      <c r="E55965" s="1" t="s">
        <v>188220</v>
      </c>
      <c r="F55965" s="1" t="s">
        <v>188221</v>
      </c>
      <c r="G55965" s="1" t="s">
        <v>188134</v>
      </c>
      <c r="H55965" s="1" t="s">
        <v>188135</v>
      </c>
      <c r="I55965" s="1" t="s">
        <v>187135</v>
      </c>
      <c r="J55965" s="1" t="s">
        <v>188222</v>
      </c>
    </row>
    <row r="55966" spans="1:10" x14ac:dyDescent="0.35">
      <c r="A55966" s="1" t="s">
        <v>142820</v>
      </c>
      <c r="B55966" s="1" t="s">
        <v>187129</v>
      </c>
      <c r="C55966" s="1" t="s">
        <v>155</v>
      </c>
      <c r="D55966" s="1" t="s">
        <v>188223</v>
      </c>
      <c r="E55966" s="1" t="s">
        <v>188224</v>
      </c>
      <c r="F55966" s="1" t="s">
        <v>188225</v>
      </c>
      <c r="G55966" s="1" t="s">
        <v>188134</v>
      </c>
      <c r="H55966" s="1" t="s">
        <v>188135</v>
      </c>
      <c r="I55966" s="1" t="s">
        <v>187135</v>
      </c>
      <c r="J55966" s="1" t="s">
        <v>188226</v>
      </c>
    </row>
    <row r="55967" spans="1:10" x14ac:dyDescent="0.35">
      <c r="A55967" s="1" t="s">
        <v>142820</v>
      </c>
      <c r="B55967" s="1" t="s">
        <v>187129</v>
      </c>
      <c r="C55967" s="1" t="s">
        <v>160</v>
      </c>
      <c r="D55967" s="1" t="s">
        <v>124993</v>
      </c>
      <c r="E55967" s="1" t="s">
        <v>188227</v>
      </c>
      <c r="F55967" s="1" t="s">
        <v>188228</v>
      </c>
      <c r="G55967" s="1" t="s">
        <v>188134</v>
      </c>
      <c r="H55967" s="1" t="s">
        <v>188135</v>
      </c>
      <c r="I55967" s="1" t="s">
        <v>187135</v>
      </c>
      <c r="J55967" s="1" t="s">
        <v>188229</v>
      </c>
    </row>
    <row r="55968" spans="1:10" x14ac:dyDescent="0.35">
      <c r="A55968" s="1" t="s">
        <v>142820</v>
      </c>
      <c r="B55968" s="1" t="s">
        <v>187129</v>
      </c>
      <c r="C55968" s="1" t="s">
        <v>165</v>
      </c>
      <c r="D55968" s="1" t="s">
        <v>74099</v>
      </c>
      <c r="E55968" s="1" t="s">
        <v>188230</v>
      </c>
      <c r="F55968" s="1" t="s">
        <v>188231</v>
      </c>
      <c r="G55968" s="1" t="s">
        <v>188134</v>
      </c>
      <c r="H55968" s="1" t="s">
        <v>188135</v>
      </c>
      <c r="I55968" s="1" t="s">
        <v>187135</v>
      </c>
      <c r="J55968" s="1" t="s">
        <v>188232</v>
      </c>
    </row>
    <row r="55969" spans="1:10" x14ac:dyDescent="0.35">
      <c r="A55969" s="1" t="s">
        <v>142820</v>
      </c>
      <c r="B55969" s="1" t="s">
        <v>187129</v>
      </c>
      <c r="C55969" s="1" t="s">
        <v>170</v>
      </c>
      <c r="D55969" s="1" t="s">
        <v>35575</v>
      </c>
      <c r="E55969" s="1" t="s">
        <v>188233</v>
      </c>
      <c r="F55969" s="1" t="s">
        <v>188234</v>
      </c>
      <c r="G55969" s="1" t="s">
        <v>188134</v>
      </c>
      <c r="H55969" s="1" t="s">
        <v>188135</v>
      </c>
      <c r="I55969" s="1" t="s">
        <v>187135</v>
      </c>
      <c r="J55969" s="1" t="s">
        <v>188235</v>
      </c>
    </row>
    <row r="55970" spans="1:10" x14ac:dyDescent="0.35">
      <c r="A55970" s="1" t="s">
        <v>27611</v>
      </c>
      <c r="B55970" s="1" t="s">
        <v>187129</v>
      </c>
      <c r="C55970" s="1" t="s">
        <v>8</v>
      </c>
      <c r="D55970" s="1" t="s">
        <v>107842</v>
      </c>
      <c r="E55970" s="1" t="s">
        <v>188236</v>
      </c>
      <c r="F55970" s="1" t="s">
        <v>188237</v>
      </c>
      <c r="G55970" s="1" t="s">
        <v>188238</v>
      </c>
      <c r="H55970" s="1" t="s">
        <v>188239</v>
      </c>
      <c r="I55970" s="1" t="s">
        <v>187135</v>
      </c>
      <c r="J55970" s="1" t="s">
        <v>13</v>
      </c>
    </row>
    <row r="55971" spans="1:10" x14ac:dyDescent="0.35">
      <c r="A55971" s="1" t="s">
        <v>27611</v>
      </c>
      <c r="B55971" s="1" t="s">
        <v>187129</v>
      </c>
      <c r="C55971" s="1" t="s">
        <v>15</v>
      </c>
      <c r="D55971" s="1" t="s">
        <v>188240</v>
      </c>
      <c r="E55971" s="1" t="s">
        <v>188241</v>
      </c>
      <c r="F55971" s="1" t="s">
        <v>188242</v>
      </c>
      <c r="G55971" s="1" t="s">
        <v>188238</v>
      </c>
      <c r="H55971" s="1" t="s">
        <v>188239</v>
      </c>
      <c r="I55971" s="1" t="s">
        <v>187135</v>
      </c>
      <c r="J55971" s="1" t="s">
        <v>188243</v>
      </c>
    </row>
    <row r="55972" spans="1:10" x14ac:dyDescent="0.35">
      <c r="A55972" s="1" t="s">
        <v>27611</v>
      </c>
      <c r="B55972" s="1" t="s">
        <v>187129</v>
      </c>
      <c r="C55972" s="1" t="s">
        <v>20</v>
      </c>
      <c r="D55972" s="1" t="s">
        <v>142284</v>
      </c>
      <c r="E55972" s="1" t="s">
        <v>188244</v>
      </c>
      <c r="F55972" s="1" t="s">
        <v>188245</v>
      </c>
      <c r="G55972" s="1" t="s">
        <v>188238</v>
      </c>
      <c r="H55972" s="1" t="s">
        <v>188239</v>
      </c>
      <c r="I55972" s="1" t="s">
        <v>187135</v>
      </c>
      <c r="J55972" s="1" t="s">
        <v>188246</v>
      </c>
    </row>
    <row r="55973" spans="1:10" x14ac:dyDescent="0.35">
      <c r="A55973" s="1" t="s">
        <v>27611</v>
      </c>
      <c r="B55973" s="1" t="s">
        <v>187129</v>
      </c>
      <c r="C55973" s="1" t="s">
        <v>25</v>
      </c>
      <c r="D55973" s="1" t="s">
        <v>188247</v>
      </c>
      <c r="E55973" s="1" t="s">
        <v>188248</v>
      </c>
      <c r="F55973" s="1" t="s">
        <v>188249</v>
      </c>
      <c r="G55973" s="1" t="s">
        <v>188238</v>
      </c>
      <c r="H55973" s="1" t="s">
        <v>188239</v>
      </c>
      <c r="I55973" s="1" t="s">
        <v>187135</v>
      </c>
      <c r="J55973" s="1" t="s">
        <v>188250</v>
      </c>
    </row>
    <row r="55974" spans="1:10" x14ac:dyDescent="0.35">
      <c r="A55974" s="1" t="s">
        <v>27611</v>
      </c>
      <c r="B55974" s="1" t="s">
        <v>187129</v>
      </c>
      <c r="C55974" s="1" t="s">
        <v>30</v>
      </c>
      <c r="D55974" s="1" t="s">
        <v>10417</v>
      </c>
      <c r="E55974" s="1" t="s">
        <v>188251</v>
      </c>
      <c r="F55974" s="1" t="s">
        <v>188252</v>
      </c>
      <c r="G55974" s="1" t="s">
        <v>188238</v>
      </c>
      <c r="H55974" s="1" t="s">
        <v>188239</v>
      </c>
      <c r="I55974" s="1" t="s">
        <v>187135</v>
      </c>
      <c r="J55974" s="1" t="s">
        <v>188253</v>
      </c>
    </row>
    <row r="55975" spans="1:10" x14ac:dyDescent="0.35">
      <c r="A55975" s="1" t="s">
        <v>27611</v>
      </c>
      <c r="B55975" s="1" t="s">
        <v>187129</v>
      </c>
      <c r="C55975" s="1" t="s">
        <v>35</v>
      </c>
      <c r="D55975" s="1" t="s">
        <v>125789</v>
      </c>
      <c r="E55975" s="1" t="s">
        <v>188254</v>
      </c>
      <c r="F55975" s="1" t="s">
        <v>188255</v>
      </c>
      <c r="G55975" s="1" t="s">
        <v>188238</v>
      </c>
      <c r="H55975" s="1" t="s">
        <v>188239</v>
      </c>
      <c r="I55975" s="1" t="s">
        <v>187135</v>
      </c>
      <c r="J55975" s="1" t="s">
        <v>188256</v>
      </c>
    </row>
    <row r="55976" spans="1:10" x14ac:dyDescent="0.35">
      <c r="A55976" s="1" t="s">
        <v>27611</v>
      </c>
      <c r="B55976" s="1" t="s">
        <v>187129</v>
      </c>
      <c r="C55976" s="1" t="s">
        <v>40</v>
      </c>
      <c r="D55976" s="1" t="s">
        <v>188257</v>
      </c>
      <c r="E55976" s="1" t="s">
        <v>188258</v>
      </c>
      <c r="F55976" s="1" t="s">
        <v>188259</v>
      </c>
      <c r="G55976" s="1" t="s">
        <v>188238</v>
      </c>
      <c r="H55976" s="1" t="s">
        <v>188239</v>
      </c>
      <c r="I55976" s="1" t="s">
        <v>187135</v>
      </c>
      <c r="J55976" s="1" t="s">
        <v>188260</v>
      </c>
    </row>
    <row r="55977" spans="1:10" x14ac:dyDescent="0.35">
      <c r="A55977" s="1" t="s">
        <v>27611</v>
      </c>
      <c r="B55977" s="1" t="s">
        <v>187129</v>
      </c>
      <c r="C55977" s="1" t="s">
        <v>45</v>
      </c>
      <c r="D55977" s="1" t="s">
        <v>31530</v>
      </c>
      <c r="E55977" s="1" t="s">
        <v>188261</v>
      </c>
      <c r="F55977" s="1" t="s">
        <v>188262</v>
      </c>
      <c r="G55977" s="1" t="s">
        <v>188238</v>
      </c>
      <c r="H55977" s="1" t="s">
        <v>188239</v>
      </c>
      <c r="I55977" s="1" t="s">
        <v>187135</v>
      </c>
      <c r="J55977" s="1" t="s">
        <v>188263</v>
      </c>
    </row>
    <row r="55978" spans="1:10" x14ac:dyDescent="0.35">
      <c r="A55978" s="1" t="s">
        <v>27611</v>
      </c>
      <c r="B55978" s="1" t="s">
        <v>187129</v>
      </c>
      <c r="C55978" s="1" t="s">
        <v>50</v>
      </c>
      <c r="D55978" s="1" t="s">
        <v>188264</v>
      </c>
      <c r="E55978" s="1" t="s">
        <v>188265</v>
      </c>
      <c r="F55978" s="1" t="s">
        <v>188266</v>
      </c>
      <c r="G55978" s="1" t="s">
        <v>188238</v>
      </c>
      <c r="H55978" s="1" t="s">
        <v>188239</v>
      </c>
      <c r="I55978" s="1" t="s">
        <v>187135</v>
      </c>
      <c r="J55978" s="1" t="s">
        <v>188267</v>
      </c>
    </row>
    <row r="55979" spans="1:10" x14ac:dyDescent="0.35">
      <c r="A55979" s="1" t="s">
        <v>27611</v>
      </c>
      <c r="B55979" s="1" t="s">
        <v>187129</v>
      </c>
      <c r="C55979" s="1" t="s">
        <v>55</v>
      </c>
      <c r="D55979" s="1" t="s">
        <v>3073</v>
      </c>
      <c r="E55979" s="1" t="s">
        <v>188268</v>
      </c>
      <c r="F55979" s="1" t="s">
        <v>188269</v>
      </c>
      <c r="G55979" s="1" t="s">
        <v>188238</v>
      </c>
      <c r="H55979" s="1" t="s">
        <v>188239</v>
      </c>
      <c r="I55979" s="1" t="s">
        <v>187135</v>
      </c>
      <c r="J55979" s="1" t="s">
        <v>188270</v>
      </c>
    </row>
    <row r="55980" spans="1:10" x14ac:dyDescent="0.35">
      <c r="A55980" s="1" t="s">
        <v>27611</v>
      </c>
      <c r="B55980" s="1" t="s">
        <v>187129</v>
      </c>
      <c r="C55980" s="1" t="s">
        <v>60</v>
      </c>
      <c r="D55980" s="1" t="s">
        <v>188271</v>
      </c>
      <c r="E55980" s="1" t="s">
        <v>188272</v>
      </c>
      <c r="F55980" s="1" t="s">
        <v>188273</v>
      </c>
      <c r="G55980" s="1" t="s">
        <v>188238</v>
      </c>
      <c r="H55980" s="1" t="s">
        <v>188239</v>
      </c>
      <c r="I55980" s="1" t="s">
        <v>187135</v>
      </c>
      <c r="J55980" s="1" t="s">
        <v>188274</v>
      </c>
    </row>
    <row r="55981" spans="1:10" x14ac:dyDescent="0.35">
      <c r="A55981" s="1" t="s">
        <v>27611</v>
      </c>
      <c r="B55981" s="1" t="s">
        <v>187129</v>
      </c>
      <c r="C55981" s="1" t="s">
        <v>65</v>
      </c>
      <c r="D55981" s="1" t="s">
        <v>188275</v>
      </c>
      <c r="E55981" s="1" t="s">
        <v>188276</v>
      </c>
      <c r="F55981" s="1" t="s">
        <v>188277</v>
      </c>
      <c r="G55981" s="1" t="s">
        <v>188238</v>
      </c>
      <c r="H55981" s="1" t="s">
        <v>188239</v>
      </c>
      <c r="I55981" s="1" t="s">
        <v>187135</v>
      </c>
      <c r="J55981" s="1" t="s">
        <v>188278</v>
      </c>
    </row>
    <row r="55982" spans="1:10" x14ac:dyDescent="0.35">
      <c r="A55982" s="1" t="s">
        <v>27611</v>
      </c>
      <c r="B55982" s="1" t="s">
        <v>187129</v>
      </c>
      <c r="C55982" s="1" t="s">
        <v>70</v>
      </c>
      <c r="D55982" s="1" t="s">
        <v>18945</v>
      </c>
      <c r="E55982" s="1" t="s">
        <v>188279</v>
      </c>
      <c r="F55982" s="1" t="s">
        <v>188280</v>
      </c>
      <c r="G55982" s="1" t="s">
        <v>188238</v>
      </c>
      <c r="H55982" s="1" t="s">
        <v>188239</v>
      </c>
      <c r="I55982" s="1" t="s">
        <v>187135</v>
      </c>
      <c r="J55982" s="1" t="s">
        <v>188281</v>
      </c>
    </row>
    <row r="55983" spans="1:10" x14ac:dyDescent="0.35">
      <c r="A55983" s="1" t="s">
        <v>27611</v>
      </c>
      <c r="B55983" s="1" t="s">
        <v>187129</v>
      </c>
      <c r="C55983" s="1" t="s">
        <v>75</v>
      </c>
      <c r="D55983" s="1" t="s">
        <v>188282</v>
      </c>
      <c r="E55983" s="1" t="s">
        <v>188283</v>
      </c>
      <c r="F55983" s="1" t="s">
        <v>188284</v>
      </c>
      <c r="G55983" s="1" t="s">
        <v>188238</v>
      </c>
      <c r="H55983" s="1" t="s">
        <v>188239</v>
      </c>
      <c r="I55983" s="1" t="s">
        <v>187135</v>
      </c>
      <c r="J55983" s="1" t="s">
        <v>188285</v>
      </c>
    </row>
    <row r="55984" spans="1:10" x14ac:dyDescent="0.35">
      <c r="A55984" s="1" t="s">
        <v>27611</v>
      </c>
      <c r="B55984" s="1" t="s">
        <v>187129</v>
      </c>
      <c r="C55984" s="1" t="s">
        <v>80</v>
      </c>
      <c r="D55984" s="1" t="s">
        <v>188286</v>
      </c>
      <c r="E55984" s="1" t="s">
        <v>188287</v>
      </c>
      <c r="F55984" s="1" t="s">
        <v>188288</v>
      </c>
      <c r="G55984" s="1" t="s">
        <v>188238</v>
      </c>
      <c r="H55984" s="1" t="s">
        <v>188239</v>
      </c>
      <c r="I55984" s="1" t="s">
        <v>187135</v>
      </c>
      <c r="J55984" s="1" t="s">
        <v>188289</v>
      </c>
    </row>
    <row r="55985" spans="1:10" x14ac:dyDescent="0.35">
      <c r="A55985" s="1" t="s">
        <v>27611</v>
      </c>
      <c r="B55985" s="1" t="s">
        <v>187129</v>
      </c>
      <c r="C55985" s="1" t="s">
        <v>85</v>
      </c>
      <c r="D55985" s="1" t="s">
        <v>188290</v>
      </c>
      <c r="E55985" s="1" t="s">
        <v>188291</v>
      </c>
      <c r="F55985" s="1" t="s">
        <v>188292</v>
      </c>
      <c r="G55985" s="1" t="s">
        <v>188238</v>
      </c>
      <c r="H55985" s="1" t="s">
        <v>188239</v>
      </c>
      <c r="I55985" s="1" t="s">
        <v>187135</v>
      </c>
      <c r="J55985" s="1" t="s">
        <v>188293</v>
      </c>
    </row>
    <row r="55986" spans="1:10" x14ac:dyDescent="0.35">
      <c r="A55986" s="1" t="s">
        <v>27611</v>
      </c>
      <c r="B55986" s="1" t="s">
        <v>187129</v>
      </c>
      <c r="C55986" s="1" t="s">
        <v>90</v>
      </c>
      <c r="D55986" s="1" t="s">
        <v>82827</v>
      </c>
      <c r="E55986" s="1" t="s">
        <v>188294</v>
      </c>
      <c r="F55986" s="1" t="s">
        <v>188295</v>
      </c>
      <c r="G55986" s="1" t="s">
        <v>188238</v>
      </c>
      <c r="H55986" s="1" t="s">
        <v>188239</v>
      </c>
      <c r="I55986" s="1" t="s">
        <v>187135</v>
      </c>
      <c r="J55986" s="1" t="s">
        <v>188296</v>
      </c>
    </row>
    <row r="55987" spans="1:10" x14ac:dyDescent="0.35">
      <c r="A55987" s="1" t="s">
        <v>27611</v>
      </c>
      <c r="B55987" s="1" t="s">
        <v>187129</v>
      </c>
      <c r="C55987" s="1" t="s">
        <v>95</v>
      </c>
      <c r="D55987" s="1" t="s">
        <v>6818</v>
      </c>
      <c r="E55987" s="1" t="s">
        <v>188297</v>
      </c>
      <c r="F55987" s="1" t="s">
        <v>188298</v>
      </c>
      <c r="G55987" s="1" t="s">
        <v>188238</v>
      </c>
      <c r="H55987" s="1" t="s">
        <v>188239</v>
      </c>
      <c r="I55987" s="1" t="s">
        <v>187135</v>
      </c>
      <c r="J55987" s="1" t="s">
        <v>188299</v>
      </c>
    </row>
    <row r="55988" spans="1:10" x14ac:dyDescent="0.35">
      <c r="A55988" s="1" t="s">
        <v>27611</v>
      </c>
      <c r="B55988" s="1" t="s">
        <v>187129</v>
      </c>
      <c r="C55988" s="1" t="s">
        <v>100</v>
      </c>
      <c r="D55988" s="1" t="s">
        <v>59474</v>
      </c>
      <c r="E55988" s="1" t="s">
        <v>188300</v>
      </c>
      <c r="F55988" s="1" t="s">
        <v>188301</v>
      </c>
      <c r="G55988" s="1" t="s">
        <v>188238</v>
      </c>
      <c r="H55988" s="1" t="s">
        <v>188239</v>
      </c>
      <c r="I55988" s="1" t="s">
        <v>187135</v>
      </c>
      <c r="J55988" s="1" t="s">
        <v>188302</v>
      </c>
    </row>
    <row r="55989" spans="1:10" x14ac:dyDescent="0.35">
      <c r="A55989" s="1" t="s">
        <v>27611</v>
      </c>
      <c r="B55989" s="1" t="s">
        <v>187129</v>
      </c>
      <c r="C55989" s="1" t="s">
        <v>105</v>
      </c>
      <c r="D55989" s="1" t="s">
        <v>188303</v>
      </c>
      <c r="E55989" s="1" t="s">
        <v>188304</v>
      </c>
      <c r="F55989" s="1" t="s">
        <v>188305</v>
      </c>
      <c r="G55989" s="1" t="s">
        <v>188238</v>
      </c>
      <c r="H55989" s="1" t="s">
        <v>188239</v>
      </c>
      <c r="I55989" s="1" t="s">
        <v>187135</v>
      </c>
      <c r="J55989" s="1" t="s">
        <v>188306</v>
      </c>
    </row>
    <row r="55990" spans="1:10" x14ac:dyDescent="0.35">
      <c r="A55990" s="1" t="s">
        <v>27611</v>
      </c>
      <c r="B55990" s="1" t="s">
        <v>187129</v>
      </c>
      <c r="C55990" s="1" t="s">
        <v>110</v>
      </c>
      <c r="D55990" s="1" t="s">
        <v>188307</v>
      </c>
      <c r="E55990" s="1" t="s">
        <v>188308</v>
      </c>
      <c r="F55990" s="1" t="s">
        <v>188309</v>
      </c>
      <c r="G55990" s="1" t="s">
        <v>188238</v>
      </c>
      <c r="H55990" s="1" t="s">
        <v>188239</v>
      </c>
      <c r="I55990" s="1" t="s">
        <v>187135</v>
      </c>
      <c r="J55990" s="1" t="s">
        <v>188310</v>
      </c>
    </row>
    <row r="55991" spans="1:10" x14ac:dyDescent="0.35">
      <c r="A55991" s="1" t="s">
        <v>27611</v>
      </c>
      <c r="B55991" s="1" t="s">
        <v>187129</v>
      </c>
      <c r="C55991" s="1" t="s">
        <v>115</v>
      </c>
      <c r="D55991" s="1" t="s">
        <v>188311</v>
      </c>
      <c r="E55991" s="1" t="s">
        <v>188312</v>
      </c>
      <c r="F55991" s="1" t="s">
        <v>188313</v>
      </c>
      <c r="G55991" s="1" t="s">
        <v>188238</v>
      </c>
      <c r="H55991" s="1" t="s">
        <v>188239</v>
      </c>
      <c r="I55991" s="1" t="s">
        <v>187135</v>
      </c>
      <c r="J55991" s="1" t="s">
        <v>188314</v>
      </c>
    </row>
    <row r="55992" spans="1:10" x14ac:dyDescent="0.35">
      <c r="A55992" s="1" t="s">
        <v>27611</v>
      </c>
      <c r="B55992" s="1" t="s">
        <v>187129</v>
      </c>
      <c r="C55992" s="1" t="s">
        <v>120</v>
      </c>
      <c r="D55992" s="1" t="s">
        <v>188315</v>
      </c>
      <c r="E55992" s="1" t="s">
        <v>188316</v>
      </c>
      <c r="F55992" s="1" t="s">
        <v>188317</v>
      </c>
      <c r="G55992" s="1" t="s">
        <v>188238</v>
      </c>
      <c r="H55992" s="1" t="s">
        <v>188239</v>
      </c>
      <c r="I55992" s="1" t="s">
        <v>187135</v>
      </c>
      <c r="J55992" s="1" t="s">
        <v>188318</v>
      </c>
    </row>
    <row r="55993" spans="1:10" x14ac:dyDescent="0.35">
      <c r="A55993" s="1" t="s">
        <v>27611</v>
      </c>
      <c r="B55993" s="1" t="s">
        <v>187129</v>
      </c>
      <c r="C55993" s="1" t="s">
        <v>125</v>
      </c>
      <c r="D55993" s="1" t="s">
        <v>188319</v>
      </c>
      <c r="E55993" s="1" t="s">
        <v>188320</v>
      </c>
      <c r="F55993" s="1" t="s">
        <v>188321</v>
      </c>
      <c r="G55993" s="1" t="s">
        <v>188238</v>
      </c>
      <c r="H55993" s="1" t="s">
        <v>188239</v>
      </c>
      <c r="I55993" s="1" t="s">
        <v>187135</v>
      </c>
      <c r="J55993" s="1" t="s">
        <v>188322</v>
      </c>
    </row>
    <row r="55994" spans="1:10" x14ac:dyDescent="0.35">
      <c r="A55994" s="1" t="s">
        <v>27611</v>
      </c>
      <c r="B55994" s="1" t="s">
        <v>187129</v>
      </c>
      <c r="C55994" s="1" t="s">
        <v>130</v>
      </c>
      <c r="D55994" s="1" t="s">
        <v>142097</v>
      </c>
      <c r="E55994" s="1" t="s">
        <v>188323</v>
      </c>
      <c r="F55994" s="1" t="s">
        <v>188324</v>
      </c>
      <c r="G55994" s="1" t="s">
        <v>188238</v>
      </c>
      <c r="H55994" s="1" t="s">
        <v>188239</v>
      </c>
      <c r="I55994" s="1" t="s">
        <v>187135</v>
      </c>
      <c r="J55994" s="1" t="s">
        <v>188325</v>
      </c>
    </row>
    <row r="55995" spans="1:10" x14ac:dyDescent="0.35">
      <c r="A55995" s="1" t="s">
        <v>27611</v>
      </c>
      <c r="B55995" s="1" t="s">
        <v>187129</v>
      </c>
      <c r="C55995" s="1" t="s">
        <v>135</v>
      </c>
      <c r="D55995" s="1" t="s">
        <v>188326</v>
      </c>
      <c r="E55995" s="1" t="s">
        <v>188327</v>
      </c>
      <c r="F55995" s="1" t="s">
        <v>188328</v>
      </c>
      <c r="G55995" s="1" t="s">
        <v>188238</v>
      </c>
      <c r="H55995" s="1" t="s">
        <v>188239</v>
      </c>
      <c r="I55995" s="1" t="s">
        <v>187135</v>
      </c>
      <c r="J55995" s="1" t="s">
        <v>188329</v>
      </c>
    </row>
    <row r="55996" spans="1:10" x14ac:dyDescent="0.35">
      <c r="A55996" s="1" t="s">
        <v>27611</v>
      </c>
      <c r="B55996" s="1" t="s">
        <v>187129</v>
      </c>
      <c r="C55996" s="1" t="s">
        <v>140</v>
      </c>
      <c r="D55996" s="1" t="s">
        <v>32264</v>
      </c>
      <c r="E55996" s="1" t="s">
        <v>188330</v>
      </c>
      <c r="F55996" s="1" t="s">
        <v>188331</v>
      </c>
      <c r="G55996" s="1" t="s">
        <v>188238</v>
      </c>
      <c r="H55996" s="1" t="s">
        <v>188239</v>
      </c>
      <c r="I55996" s="1" t="s">
        <v>187135</v>
      </c>
      <c r="J55996" s="1" t="s">
        <v>188332</v>
      </c>
    </row>
    <row r="55997" spans="1:10" x14ac:dyDescent="0.35">
      <c r="A55997" s="1" t="s">
        <v>27611</v>
      </c>
      <c r="B55997" s="1" t="s">
        <v>187129</v>
      </c>
      <c r="C55997" s="1" t="s">
        <v>145</v>
      </c>
      <c r="D55997" s="1" t="s">
        <v>172983</v>
      </c>
      <c r="E55997" s="1" t="s">
        <v>188333</v>
      </c>
      <c r="F55997" s="1" t="s">
        <v>188334</v>
      </c>
      <c r="G55997" s="1" t="s">
        <v>188238</v>
      </c>
      <c r="H55997" s="1" t="s">
        <v>188239</v>
      </c>
      <c r="I55997" s="1" t="s">
        <v>187135</v>
      </c>
      <c r="J55997" s="1" t="s">
        <v>188335</v>
      </c>
    </row>
    <row r="55998" spans="1:10" x14ac:dyDescent="0.35">
      <c r="A55998" s="1" t="s">
        <v>27611</v>
      </c>
      <c r="B55998" s="1" t="s">
        <v>187129</v>
      </c>
      <c r="C55998" s="1" t="s">
        <v>150</v>
      </c>
      <c r="D55998" s="1" t="s">
        <v>177408</v>
      </c>
      <c r="E55998" s="1" t="s">
        <v>188336</v>
      </c>
      <c r="F55998" s="1" t="s">
        <v>188337</v>
      </c>
      <c r="G55998" s="1" t="s">
        <v>188238</v>
      </c>
      <c r="H55998" s="1" t="s">
        <v>188239</v>
      </c>
      <c r="I55998" s="1" t="s">
        <v>187135</v>
      </c>
      <c r="J55998" s="1" t="s">
        <v>188338</v>
      </c>
    </row>
    <row r="55999" spans="1:10" x14ac:dyDescent="0.35">
      <c r="A55999" s="1" t="s">
        <v>27611</v>
      </c>
      <c r="B55999" s="1" t="s">
        <v>187129</v>
      </c>
      <c r="C55999" s="1" t="s">
        <v>155</v>
      </c>
      <c r="D55999" s="1" t="s">
        <v>99512</v>
      </c>
      <c r="E55999" s="1" t="s">
        <v>188339</v>
      </c>
      <c r="F55999" s="1" t="s">
        <v>188340</v>
      </c>
      <c r="G55999" s="1" t="s">
        <v>188238</v>
      </c>
      <c r="H55999" s="1" t="s">
        <v>188239</v>
      </c>
      <c r="I55999" s="1" t="s">
        <v>187135</v>
      </c>
      <c r="J55999" s="1" t="s">
        <v>188341</v>
      </c>
    </row>
    <row r="56000" spans="1:10" x14ac:dyDescent="0.35">
      <c r="A56000" s="1" t="s">
        <v>27611</v>
      </c>
      <c r="B56000" s="1" t="s">
        <v>187129</v>
      </c>
      <c r="C56000" s="1" t="s">
        <v>160</v>
      </c>
      <c r="D56000" s="1" t="s">
        <v>14366</v>
      </c>
      <c r="E56000" s="1" t="s">
        <v>188342</v>
      </c>
      <c r="F56000" s="1" t="s">
        <v>188343</v>
      </c>
      <c r="G56000" s="1" t="s">
        <v>188238</v>
      </c>
      <c r="H56000" s="1" t="s">
        <v>188239</v>
      </c>
      <c r="I56000" s="1" t="s">
        <v>187135</v>
      </c>
      <c r="J56000" s="1" t="s">
        <v>188344</v>
      </c>
    </row>
    <row r="56001" spans="1:10" x14ac:dyDescent="0.35">
      <c r="A56001" s="1" t="s">
        <v>27611</v>
      </c>
      <c r="B56001" s="1" t="s">
        <v>187129</v>
      </c>
      <c r="C56001" s="1" t="s">
        <v>165</v>
      </c>
      <c r="D56001" s="1" t="s">
        <v>114515</v>
      </c>
      <c r="E56001" s="1" t="s">
        <v>188345</v>
      </c>
      <c r="F56001" s="1" t="s">
        <v>188346</v>
      </c>
      <c r="G56001" s="1" t="s">
        <v>188238</v>
      </c>
      <c r="H56001" s="1" t="s">
        <v>188239</v>
      </c>
      <c r="I56001" s="1" t="s">
        <v>187135</v>
      </c>
      <c r="J56001" s="1" t="s">
        <v>188347</v>
      </c>
    </row>
    <row r="56002" spans="1:10" x14ac:dyDescent="0.35">
      <c r="A56002" s="1" t="s">
        <v>27611</v>
      </c>
      <c r="B56002" s="1" t="s">
        <v>187129</v>
      </c>
      <c r="C56002" s="1" t="s">
        <v>170</v>
      </c>
      <c r="D56002" s="1" t="s">
        <v>188348</v>
      </c>
      <c r="E56002" s="1" t="s">
        <v>188349</v>
      </c>
      <c r="F56002" s="1" t="s">
        <v>188350</v>
      </c>
      <c r="G56002" s="1" t="s">
        <v>188238</v>
      </c>
      <c r="H56002" s="1" t="s">
        <v>188239</v>
      </c>
      <c r="I56002" s="1" t="s">
        <v>187135</v>
      </c>
      <c r="J56002" s="1" t="s">
        <v>188351</v>
      </c>
    </row>
    <row r="56003" spans="1:10" x14ac:dyDescent="0.35">
      <c r="A56003" s="1" t="s">
        <v>105040</v>
      </c>
      <c r="B56003" s="1" t="s">
        <v>187129</v>
      </c>
      <c r="C56003" s="1" t="s">
        <v>8</v>
      </c>
      <c r="D56003" s="1" t="s">
        <v>81156</v>
      </c>
      <c r="E56003" s="1" t="s">
        <v>188352</v>
      </c>
      <c r="F56003" s="1" t="s">
        <v>188353</v>
      </c>
      <c r="G56003" s="1" t="s">
        <v>188354</v>
      </c>
      <c r="H56003" s="1" t="s">
        <v>188355</v>
      </c>
      <c r="I56003" s="1" t="s">
        <v>187135</v>
      </c>
      <c r="J56003" s="1" t="s">
        <v>13</v>
      </c>
    </row>
    <row r="56004" spans="1:10" x14ac:dyDescent="0.35">
      <c r="A56004" s="1" t="s">
        <v>105040</v>
      </c>
      <c r="B56004" s="1" t="s">
        <v>187129</v>
      </c>
      <c r="C56004" s="1" t="s">
        <v>15</v>
      </c>
      <c r="D56004" s="1" t="s">
        <v>58478</v>
      </c>
      <c r="E56004" s="1" t="s">
        <v>188356</v>
      </c>
      <c r="F56004" s="1" t="s">
        <v>188357</v>
      </c>
      <c r="G56004" s="1" t="s">
        <v>188354</v>
      </c>
      <c r="H56004" s="1" t="s">
        <v>188355</v>
      </c>
      <c r="I56004" s="1" t="s">
        <v>187135</v>
      </c>
      <c r="J56004" s="1" t="s">
        <v>188358</v>
      </c>
    </row>
    <row r="56005" spans="1:10" x14ac:dyDescent="0.35">
      <c r="A56005" s="1" t="s">
        <v>105040</v>
      </c>
      <c r="B56005" s="1" t="s">
        <v>187129</v>
      </c>
      <c r="C56005" s="1" t="s">
        <v>20</v>
      </c>
      <c r="D56005" s="1" t="s">
        <v>183691</v>
      </c>
      <c r="E56005" s="1" t="s">
        <v>188359</v>
      </c>
      <c r="F56005" s="1" t="s">
        <v>188360</v>
      </c>
      <c r="G56005" s="1" t="s">
        <v>188354</v>
      </c>
      <c r="H56005" s="1" t="s">
        <v>188355</v>
      </c>
      <c r="I56005" s="1" t="s">
        <v>187135</v>
      </c>
      <c r="J56005" s="1" t="s">
        <v>188361</v>
      </c>
    </row>
    <row r="56006" spans="1:10" x14ac:dyDescent="0.35">
      <c r="A56006" s="1" t="s">
        <v>105040</v>
      </c>
      <c r="B56006" s="1" t="s">
        <v>187129</v>
      </c>
      <c r="C56006" s="1" t="s">
        <v>25</v>
      </c>
      <c r="D56006" s="1" t="s">
        <v>93013</v>
      </c>
      <c r="E56006" s="1" t="s">
        <v>188362</v>
      </c>
      <c r="F56006" s="1" t="s">
        <v>188363</v>
      </c>
      <c r="G56006" s="1" t="s">
        <v>188354</v>
      </c>
      <c r="H56006" s="1" t="s">
        <v>188355</v>
      </c>
      <c r="I56006" s="1" t="s">
        <v>187135</v>
      </c>
      <c r="J56006" s="1" t="s">
        <v>188364</v>
      </c>
    </row>
    <row r="56007" spans="1:10" x14ac:dyDescent="0.35">
      <c r="A56007" s="1" t="s">
        <v>105040</v>
      </c>
      <c r="B56007" s="1" t="s">
        <v>187129</v>
      </c>
      <c r="C56007" s="1" t="s">
        <v>30</v>
      </c>
      <c r="D56007" s="1" t="s">
        <v>98391</v>
      </c>
      <c r="E56007" s="1" t="s">
        <v>188365</v>
      </c>
      <c r="F56007" s="1" t="s">
        <v>188366</v>
      </c>
      <c r="G56007" s="1" t="s">
        <v>188354</v>
      </c>
      <c r="H56007" s="1" t="s">
        <v>188355</v>
      </c>
      <c r="I56007" s="1" t="s">
        <v>187135</v>
      </c>
      <c r="J56007" s="1" t="s">
        <v>188367</v>
      </c>
    </row>
    <row r="56008" spans="1:10" x14ac:dyDescent="0.35">
      <c r="A56008" s="1" t="s">
        <v>105040</v>
      </c>
      <c r="B56008" s="1" t="s">
        <v>187129</v>
      </c>
      <c r="C56008" s="1" t="s">
        <v>35</v>
      </c>
      <c r="D56008" s="1" t="s">
        <v>174982</v>
      </c>
      <c r="E56008" s="1" t="s">
        <v>188368</v>
      </c>
      <c r="F56008" s="1" t="s">
        <v>188369</v>
      </c>
      <c r="G56008" s="1" t="s">
        <v>188354</v>
      </c>
      <c r="H56008" s="1" t="s">
        <v>188355</v>
      </c>
      <c r="I56008" s="1" t="s">
        <v>187135</v>
      </c>
      <c r="J56008" s="1" t="s">
        <v>188370</v>
      </c>
    </row>
    <row r="56009" spans="1:10" x14ac:dyDescent="0.35">
      <c r="A56009" s="1" t="s">
        <v>105040</v>
      </c>
      <c r="B56009" s="1" t="s">
        <v>187129</v>
      </c>
      <c r="C56009" s="1" t="s">
        <v>40</v>
      </c>
      <c r="D56009" s="1" t="s">
        <v>188371</v>
      </c>
      <c r="E56009" s="1" t="s">
        <v>188372</v>
      </c>
      <c r="F56009" s="1" t="s">
        <v>188373</v>
      </c>
      <c r="G56009" s="1" t="s">
        <v>188354</v>
      </c>
      <c r="H56009" s="1" t="s">
        <v>188355</v>
      </c>
      <c r="I56009" s="1" t="s">
        <v>187135</v>
      </c>
      <c r="J56009" s="1" t="s">
        <v>188374</v>
      </c>
    </row>
    <row r="56010" spans="1:10" x14ac:dyDescent="0.35">
      <c r="A56010" s="1" t="s">
        <v>105040</v>
      </c>
      <c r="B56010" s="1" t="s">
        <v>187129</v>
      </c>
      <c r="C56010" s="1" t="s">
        <v>45</v>
      </c>
      <c r="D56010" s="1" t="s">
        <v>174283</v>
      </c>
      <c r="E56010" s="1" t="s">
        <v>188375</v>
      </c>
      <c r="F56010" s="1" t="s">
        <v>188376</v>
      </c>
      <c r="G56010" s="1" t="s">
        <v>188354</v>
      </c>
      <c r="H56010" s="1" t="s">
        <v>188355</v>
      </c>
      <c r="I56010" s="1" t="s">
        <v>187135</v>
      </c>
      <c r="J56010" s="1" t="s">
        <v>188377</v>
      </c>
    </row>
    <row r="56011" spans="1:10" x14ac:dyDescent="0.35">
      <c r="A56011" s="1" t="s">
        <v>105040</v>
      </c>
      <c r="B56011" s="1" t="s">
        <v>187129</v>
      </c>
      <c r="C56011" s="1" t="s">
        <v>50</v>
      </c>
      <c r="D56011" s="1" t="s">
        <v>188378</v>
      </c>
      <c r="E56011" s="1" t="s">
        <v>188379</v>
      </c>
      <c r="F56011" s="1" t="s">
        <v>188380</v>
      </c>
      <c r="G56011" s="1" t="s">
        <v>188354</v>
      </c>
      <c r="H56011" s="1" t="s">
        <v>188355</v>
      </c>
      <c r="I56011" s="1" t="s">
        <v>187135</v>
      </c>
      <c r="J56011" s="1" t="s">
        <v>188381</v>
      </c>
    </row>
    <row r="56012" spans="1:10" x14ac:dyDescent="0.35">
      <c r="A56012" s="1" t="s">
        <v>105040</v>
      </c>
      <c r="B56012" s="1" t="s">
        <v>187129</v>
      </c>
      <c r="C56012" s="1" t="s">
        <v>55</v>
      </c>
      <c r="D56012" s="1" t="s">
        <v>84613</v>
      </c>
      <c r="E56012" s="1" t="s">
        <v>188382</v>
      </c>
      <c r="F56012" s="1" t="s">
        <v>188383</v>
      </c>
      <c r="G56012" s="1" t="s">
        <v>188354</v>
      </c>
      <c r="H56012" s="1" t="s">
        <v>188355</v>
      </c>
      <c r="I56012" s="1" t="s">
        <v>187135</v>
      </c>
      <c r="J56012" s="1" t="s">
        <v>188384</v>
      </c>
    </row>
    <row r="56013" spans="1:10" x14ac:dyDescent="0.35">
      <c r="A56013" s="1" t="s">
        <v>105040</v>
      </c>
      <c r="B56013" s="1" t="s">
        <v>187129</v>
      </c>
      <c r="C56013" s="1" t="s">
        <v>60</v>
      </c>
      <c r="D56013" s="1" t="s">
        <v>127209</v>
      </c>
      <c r="E56013" s="1" t="s">
        <v>188385</v>
      </c>
      <c r="F56013" s="1" t="s">
        <v>188386</v>
      </c>
      <c r="G56013" s="1" t="s">
        <v>188354</v>
      </c>
      <c r="H56013" s="1" t="s">
        <v>188355</v>
      </c>
      <c r="I56013" s="1" t="s">
        <v>187135</v>
      </c>
      <c r="J56013" s="1" t="s">
        <v>188387</v>
      </c>
    </row>
    <row r="56014" spans="1:10" x14ac:dyDescent="0.35">
      <c r="A56014" s="1" t="s">
        <v>105040</v>
      </c>
      <c r="B56014" s="1" t="s">
        <v>187129</v>
      </c>
      <c r="C56014" s="1" t="s">
        <v>65</v>
      </c>
      <c r="D56014" s="1" t="s">
        <v>81311</v>
      </c>
      <c r="E56014" s="1" t="s">
        <v>188388</v>
      </c>
      <c r="F56014" s="1" t="s">
        <v>188389</v>
      </c>
      <c r="G56014" s="1" t="s">
        <v>188354</v>
      </c>
      <c r="H56014" s="1" t="s">
        <v>188355</v>
      </c>
      <c r="I56014" s="1" t="s">
        <v>187135</v>
      </c>
      <c r="J56014" s="1" t="s">
        <v>188390</v>
      </c>
    </row>
    <row r="56015" spans="1:10" x14ac:dyDescent="0.35">
      <c r="A56015" s="1" t="s">
        <v>105040</v>
      </c>
      <c r="B56015" s="1" t="s">
        <v>187129</v>
      </c>
      <c r="C56015" s="1" t="s">
        <v>70</v>
      </c>
      <c r="D56015" s="1" t="s">
        <v>188391</v>
      </c>
      <c r="E56015" s="1" t="s">
        <v>188392</v>
      </c>
      <c r="F56015" s="1" t="s">
        <v>188393</v>
      </c>
      <c r="G56015" s="1" t="s">
        <v>188354</v>
      </c>
      <c r="H56015" s="1" t="s">
        <v>188355</v>
      </c>
      <c r="I56015" s="1" t="s">
        <v>187135</v>
      </c>
      <c r="J56015" s="1" t="s">
        <v>188394</v>
      </c>
    </row>
    <row r="56016" spans="1:10" x14ac:dyDescent="0.35">
      <c r="A56016" s="1" t="s">
        <v>105040</v>
      </c>
      <c r="B56016" s="1" t="s">
        <v>187129</v>
      </c>
      <c r="C56016" s="1" t="s">
        <v>75</v>
      </c>
      <c r="D56016" s="1" t="s">
        <v>40593</v>
      </c>
      <c r="E56016" s="1" t="s">
        <v>188395</v>
      </c>
      <c r="F56016" s="1" t="s">
        <v>188396</v>
      </c>
      <c r="G56016" s="1" t="s">
        <v>188354</v>
      </c>
      <c r="H56016" s="1" t="s">
        <v>188355</v>
      </c>
      <c r="I56016" s="1" t="s">
        <v>187135</v>
      </c>
      <c r="J56016" s="1" t="s">
        <v>188397</v>
      </c>
    </row>
    <row r="56017" spans="1:10" x14ac:dyDescent="0.35">
      <c r="A56017" s="1" t="s">
        <v>105040</v>
      </c>
      <c r="B56017" s="1" t="s">
        <v>187129</v>
      </c>
      <c r="C56017" s="1" t="s">
        <v>80</v>
      </c>
      <c r="D56017" s="1" t="s">
        <v>65969</v>
      </c>
      <c r="E56017" s="1" t="s">
        <v>188398</v>
      </c>
      <c r="F56017" s="1" t="s">
        <v>188399</v>
      </c>
      <c r="G56017" s="1" t="s">
        <v>188354</v>
      </c>
      <c r="H56017" s="1" t="s">
        <v>188355</v>
      </c>
      <c r="I56017" s="1" t="s">
        <v>187135</v>
      </c>
      <c r="J56017" s="1" t="s">
        <v>188400</v>
      </c>
    </row>
    <row r="56018" spans="1:10" x14ac:dyDescent="0.35">
      <c r="A56018" s="1" t="s">
        <v>105040</v>
      </c>
      <c r="B56018" s="1" t="s">
        <v>187129</v>
      </c>
      <c r="C56018" s="1" t="s">
        <v>85</v>
      </c>
      <c r="D56018" s="1" t="s">
        <v>188401</v>
      </c>
      <c r="E56018" s="1" t="s">
        <v>188402</v>
      </c>
      <c r="F56018" s="1" t="s">
        <v>188403</v>
      </c>
      <c r="G56018" s="1" t="s">
        <v>188354</v>
      </c>
      <c r="H56018" s="1" t="s">
        <v>188355</v>
      </c>
      <c r="I56018" s="1" t="s">
        <v>187135</v>
      </c>
      <c r="J56018" s="1" t="s">
        <v>188404</v>
      </c>
    </row>
    <row r="56019" spans="1:10" x14ac:dyDescent="0.35">
      <c r="A56019" s="1" t="s">
        <v>105040</v>
      </c>
      <c r="B56019" s="1" t="s">
        <v>187129</v>
      </c>
      <c r="C56019" s="1" t="s">
        <v>90</v>
      </c>
      <c r="D56019" s="1" t="s">
        <v>188405</v>
      </c>
      <c r="E56019" s="1" t="s">
        <v>188406</v>
      </c>
      <c r="F56019" s="1" t="s">
        <v>188407</v>
      </c>
      <c r="G56019" s="1" t="s">
        <v>188354</v>
      </c>
      <c r="H56019" s="1" t="s">
        <v>188355</v>
      </c>
      <c r="I56019" s="1" t="s">
        <v>187135</v>
      </c>
      <c r="J56019" s="1" t="s">
        <v>188408</v>
      </c>
    </row>
    <row r="56020" spans="1:10" x14ac:dyDescent="0.35">
      <c r="A56020" s="1" t="s">
        <v>105040</v>
      </c>
      <c r="B56020" s="1" t="s">
        <v>187129</v>
      </c>
      <c r="C56020" s="1" t="s">
        <v>95</v>
      </c>
      <c r="D56020" s="1" t="s">
        <v>188409</v>
      </c>
      <c r="E56020" s="1" t="s">
        <v>188410</v>
      </c>
      <c r="F56020" s="1" t="s">
        <v>188411</v>
      </c>
      <c r="G56020" s="1" t="s">
        <v>188354</v>
      </c>
      <c r="H56020" s="1" t="s">
        <v>188355</v>
      </c>
      <c r="I56020" s="1" t="s">
        <v>187135</v>
      </c>
      <c r="J56020" s="1" t="s">
        <v>188412</v>
      </c>
    </row>
    <row r="56021" spans="1:10" x14ac:dyDescent="0.35">
      <c r="A56021" s="1" t="s">
        <v>105040</v>
      </c>
      <c r="B56021" s="1" t="s">
        <v>187129</v>
      </c>
      <c r="C56021" s="1" t="s">
        <v>100</v>
      </c>
      <c r="D56021" s="1" t="s">
        <v>188413</v>
      </c>
      <c r="E56021" s="1" t="s">
        <v>188414</v>
      </c>
      <c r="F56021" s="1" t="s">
        <v>188415</v>
      </c>
      <c r="G56021" s="1" t="s">
        <v>188354</v>
      </c>
      <c r="H56021" s="1" t="s">
        <v>188355</v>
      </c>
      <c r="I56021" s="1" t="s">
        <v>187135</v>
      </c>
      <c r="J56021" s="1" t="s">
        <v>188416</v>
      </c>
    </row>
    <row r="56022" spans="1:10" x14ac:dyDescent="0.35">
      <c r="A56022" s="1" t="s">
        <v>105040</v>
      </c>
      <c r="B56022" s="1" t="s">
        <v>187129</v>
      </c>
      <c r="C56022" s="1" t="s">
        <v>105</v>
      </c>
      <c r="D56022" s="1" t="s">
        <v>188417</v>
      </c>
      <c r="E56022" s="1" t="s">
        <v>188418</v>
      </c>
      <c r="F56022" s="1" t="s">
        <v>188419</v>
      </c>
      <c r="G56022" s="1" t="s">
        <v>188354</v>
      </c>
      <c r="H56022" s="1" t="s">
        <v>188355</v>
      </c>
      <c r="I56022" s="1" t="s">
        <v>187135</v>
      </c>
      <c r="J56022" s="1" t="s">
        <v>188420</v>
      </c>
    </row>
    <row r="56023" spans="1:10" x14ac:dyDescent="0.35">
      <c r="A56023" s="1" t="s">
        <v>105040</v>
      </c>
      <c r="B56023" s="1" t="s">
        <v>187129</v>
      </c>
      <c r="C56023" s="1" t="s">
        <v>110</v>
      </c>
      <c r="D56023" s="1" t="s">
        <v>188421</v>
      </c>
      <c r="E56023" s="1" t="s">
        <v>188422</v>
      </c>
      <c r="F56023" s="1" t="s">
        <v>188423</v>
      </c>
      <c r="G56023" s="1" t="s">
        <v>188354</v>
      </c>
      <c r="H56023" s="1" t="s">
        <v>188355</v>
      </c>
      <c r="I56023" s="1" t="s">
        <v>187135</v>
      </c>
      <c r="J56023" s="1" t="s">
        <v>188424</v>
      </c>
    </row>
    <row r="56024" spans="1:10" x14ac:dyDescent="0.35">
      <c r="A56024" s="1" t="s">
        <v>105040</v>
      </c>
      <c r="B56024" s="1" t="s">
        <v>187129</v>
      </c>
      <c r="C56024" s="1" t="s">
        <v>115</v>
      </c>
      <c r="D56024" s="1" t="s">
        <v>188425</v>
      </c>
      <c r="E56024" s="1" t="s">
        <v>188426</v>
      </c>
      <c r="F56024" s="1" t="s">
        <v>188427</v>
      </c>
      <c r="G56024" s="1" t="s">
        <v>188354</v>
      </c>
      <c r="H56024" s="1" t="s">
        <v>188355</v>
      </c>
      <c r="I56024" s="1" t="s">
        <v>187135</v>
      </c>
      <c r="J56024" s="1" t="s">
        <v>188428</v>
      </c>
    </row>
    <row r="56025" spans="1:10" x14ac:dyDescent="0.35">
      <c r="A56025" s="1" t="s">
        <v>105040</v>
      </c>
      <c r="B56025" s="1" t="s">
        <v>187129</v>
      </c>
      <c r="C56025" s="1" t="s">
        <v>120</v>
      </c>
      <c r="D56025" s="1" t="s">
        <v>188429</v>
      </c>
      <c r="E56025" s="1" t="s">
        <v>188430</v>
      </c>
      <c r="F56025" s="1" t="s">
        <v>188431</v>
      </c>
      <c r="G56025" s="1" t="s">
        <v>188354</v>
      </c>
      <c r="H56025" s="1" t="s">
        <v>188355</v>
      </c>
      <c r="I56025" s="1" t="s">
        <v>187135</v>
      </c>
      <c r="J56025" s="1" t="s">
        <v>188432</v>
      </c>
    </row>
    <row r="56026" spans="1:10" x14ac:dyDescent="0.35">
      <c r="A56026" s="1" t="s">
        <v>105040</v>
      </c>
      <c r="B56026" s="1" t="s">
        <v>187129</v>
      </c>
      <c r="C56026" s="1" t="s">
        <v>125</v>
      </c>
      <c r="D56026" s="1" t="s">
        <v>188433</v>
      </c>
      <c r="E56026" s="1" t="s">
        <v>188434</v>
      </c>
      <c r="F56026" s="1" t="s">
        <v>188435</v>
      </c>
      <c r="G56026" s="1" t="s">
        <v>188354</v>
      </c>
      <c r="H56026" s="1" t="s">
        <v>188355</v>
      </c>
      <c r="I56026" s="1" t="s">
        <v>187135</v>
      </c>
      <c r="J56026" s="1" t="s">
        <v>188436</v>
      </c>
    </row>
    <row r="56027" spans="1:10" x14ac:dyDescent="0.35">
      <c r="A56027" s="1" t="s">
        <v>105040</v>
      </c>
      <c r="B56027" s="1" t="s">
        <v>187129</v>
      </c>
      <c r="C56027" s="1" t="s">
        <v>130</v>
      </c>
      <c r="D56027" s="1" t="s">
        <v>188437</v>
      </c>
      <c r="E56027" s="1" t="s">
        <v>188438</v>
      </c>
      <c r="F56027" s="1" t="s">
        <v>188439</v>
      </c>
      <c r="G56027" s="1" t="s">
        <v>188354</v>
      </c>
      <c r="H56027" s="1" t="s">
        <v>188355</v>
      </c>
      <c r="I56027" s="1" t="s">
        <v>187135</v>
      </c>
      <c r="J56027" s="1" t="s">
        <v>188440</v>
      </c>
    </row>
    <row r="56028" spans="1:10" x14ac:dyDescent="0.35">
      <c r="A56028" s="1" t="s">
        <v>105040</v>
      </c>
      <c r="B56028" s="1" t="s">
        <v>187129</v>
      </c>
      <c r="C56028" s="1" t="s">
        <v>135</v>
      </c>
      <c r="D56028" s="1" t="s">
        <v>188441</v>
      </c>
      <c r="E56028" s="1" t="s">
        <v>188442</v>
      </c>
      <c r="F56028" s="1" t="s">
        <v>188443</v>
      </c>
      <c r="G56028" s="1" t="s">
        <v>188354</v>
      </c>
      <c r="H56028" s="1" t="s">
        <v>188355</v>
      </c>
      <c r="I56028" s="1" t="s">
        <v>187135</v>
      </c>
      <c r="J56028" s="1" t="s">
        <v>188444</v>
      </c>
    </row>
    <row r="56029" spans="1:10" x14ac:dyDescent="0.35">
      <c r="A56029" s="1" t="s">
        <v>105040</v>
      </c>
      <c r="B56029" s="1" t="s">
        <v>187129</v>
      </c>
      <c r="C56029" s="1" t="s">
        <v>140</v>
      </c>
      <c r="D56029" s="1" t="s">
        <v>188445</v>
      </c>
      <c r="E56029" s="1" t="s">
        <v>188446</v>
      </c>
      <c r="F56029" s="1" t="s">
        <v>188447</v>
      </c>
      <c r="G56029" s="1" t="s">
        <v>188354</v>
      </c>
      <c r="H56029" s="1" t="s">
        <v>188355</v>
      </c>
      <c r="I56029" s="1" t="s">
        <v>187135</v>
      </c>
      <c r="J56029" s="1" t="s">
        <v>188448</v>
      </c>
    </row>
    <row r="56030" spans="1:10" x14ac:dyDescent="0.35">
      <c r="A56030" s="1" t="s">
        <v>105040</v>
      </c>
      <c r="B56030" s="1" t="s">
        <v>187129</v>
      </c>
      <c r="C56030" s="1" t="s">
        <v>145</v>
      </c>
      <c r="D56030" s="1" t="s">
        <v>188449</v>
      </c>
      <c r="E56030" s="1" t="s">
        <v>188450</v>
      </c>
      <c r="F56030" s="1" t="s">
        <v>188451</v>
      </c>
      <c r="G56030" s="1" t="s">
        <v>188354</v>
      </c>
      <c r="H56030" s="1" t="s">
        <v>188355</v>
      </c>
      <c r="I56030" s="1" t="s">
        <v>187135</v>
      </c>
      <c r="J56030" s="1" t="s">
        <v>188452</v>
      </c>
    </row>
    <row r="56031" spans="1:10" x14ac:dyDescent="0.35">
      <c r="A56031" s="1" t="s">
        <v>105040</v>
      </c>
      <c r="B56031" s="1" t="s">
        <v>187129</v>
      </c>
      <c r="C56031" s="1" t="s">
        <v>150</v>
      </c>
      <c r="D56031" s="1" t="s">
        <v>188453</v>
      </c>
      <c r="E56031" s="1" t="s">
        <v>188454</v>
      </c>
      <c r="F56031" s="1" t="s">
        <v>188455</v>
      </c>
      <c r="G56031" s="1" t="s">
        <v>188354</v>
      </c>
      <c r="H56031" s="1" t="s">
        <v>188355</v>
      </c>
      <c r="I56031" s="1" t="s">
        <v>187135</v>
      </c>
      <c r="J56031" s="1" t="s">
        <v>188456</v>
      </c>
    </row>
    <row r="56032" spans="1:10" x14ac:dyDescent="0.35">
      <c r="A56032" s="1" t="s">
        <v>105040</v>
      </c>
      <c r="B56032" s="1" t="s">
        <v>187129</v>
      </c>
      <c r="C56032" s="1" t="s">
        <v>155</v>
      </c>
      <c r="D56032" s="1" t="s">
        <v>188457</v>
      </c>
      <c r="E56032" s="1" t="s">
        <v>188458</v>
      </c>
      <c r="F56032" s="1" t="s">
        <v>188459</v>
      </c>
      <c r="G56032" s="1" t="s">
        <v>188354</v>
      </c>
      <c r="H56032" s="1" t="s">
        <v>188355</v>
      </c>
      <c r="I56032" s="1" t="s">
        <v>187135</v>
      </c>
      <c r="J56032" s="1" t="s">
        <v>188460</v>
      </c>
    </row>
    <row r="56033" spans="1:10" x14ac:dyDescent="0.35">
      <c r="A56033" s="1" t="s">
        <v>105040</v>
      </c>
      <c r="B56033" s="1" t="s">
        <v>187129</v>
      </c>
      <c r="C56033" s="1" t="s">
        <v>160</v>
      </c>
      <c r="D56033" s="1" t="s">
        <v>188461</v>
      </c>
      <c r="E56033" s="1" t="s">
        <v>188462</v>
      </c>
      <c r="F56033" s="1" t="s">
        <v>188463</v>
      </c>
      <c r="G56033" s="1" t="s">
        <v>188354</v>
      </c>
      <c r="H56033" s="1" t="s">
        <v>188355</v>
      </c>
      <c r="I56033" s="1" t="s">
        <v>187135</v>
      </c>
      <c r="J56033" s="1" t="s">
        <v>188464</v>
      </c>
    </row>
    <row r="56034" spans="1:10" x14ac:dyDescent="0.35">
      <c r="A56034" s="1" t="s">
        <v>105040</v>
      </c>
      <c r="B56034" s="1" t="s">
        <v>187129</v>
      </c>
      <c r="C56034" s="1" t="s">
        <v>165</v>
      </c>
      <c r="D56034" s="1" t="s">
        <v>188465</v>
      </c>
      <c r="E56034" s="1" t="s">
        <v>188466</v>
      </c>
      <c r="F56034" s="1" t="s">
        <v>188467</v>
      </c>
      <c r="G56034" s="1" t="s">
        <v>188354</v>
      </c>
      <c r="H56034" s="1" t="s">
        <v>188355</v>
      </c>
      <c r="I56034" s="1" t="s">
        <v>187135</v>
      </c>
      <c r="J56034" s="1" t="s">
        <v>188468</v>
      </c>
    </row>
    <row r="56035" spans="1:10" x14ac:dyDescent="0.35">
      <c r="A56035" s="1" t="s">
        <v>105040</v>
      </c>
      <c r="B56035" s="1" t="s">
        <v>187129</v>
      </c>
      <c r="C56035" s="1" t="s">
        <v>170</v>
      </c>
      <c r="D56035" s="1" t="s">
        <v>188469</v>
      </c>
      <c r="E56035" s="1" t="s">
        <v>188470</v>
      </c>
      <c r="F56035" s="1" t="s">
        <v>188471</v>
      </c>
      <c r="G56035" s="1" t="s">
        <v>188354</v>
      </c>
      <c r="H56035" s="1" t="s">
        <v>188355</v>
      </c>
      <c r="I56035" s="1" t="s">
        <v>187135</v>
      </c>
      <c r="J56035" s="1" t="s">
        <v>188472</v>
      </c>
    </row>
    <row r="56036" spans="1:10" x14ac:dyDescent="0.35">
      <c r="A56036" s="1" t="s">
        <v>8734</v>
      </c>
      <c r="B56036" s="1" t="s">
        <v>187129</v>
      </c>
      <c r="C56036" s="1" t="s">
        <v>8</v>
      </c>
      <c r="D56036" s="1" t="s">
        <v>18845</v>
      </c>
      <c r="E56036" s="1" t="s">
        <v>188473</v>
      </c>
      <c r="F56036" s="1" t="s">
        <v>188474</v>
      </c>
      <c r="G56036" s="1" t="s">
        <v>188475</v>
      </c>
      <c r="H56036" s="1" t="s">
        <v>188476</v>
      </c>
      <c r="I56036" s="1" t="s">
        <v>187135</v>
      </c>
      <c r="J56036" s="1" t="s">
        <v>13</v>
      </c>
    </row>
    <row r="56037" spans="1:10" x14ac:dyDescent="0.35">
      <c r="A56037" s="1" t="s">
        <v>8734</v>
      </c>
      <c r="B56037" s="1" t="s">
        <v>187129</v>
      </c>
      <c r="C56037" s="1" t="s">
        <v>15</v>
      </c>
      <c r="D56037" s="1" t="s">
        <v>3647</v>
      </c>
      <c r="E56037" s="1" t="s">
        <v>188477</v>
      </c>
      <c r="F56037" s="1" t="s">
        <v>188478</v>
      </c>
      <c r="G56037" s="1" t="s">
        <v>188475</v>
      </c>
      <c r="H56037" s="1" t="s">
        <v>188476</v>
      </c>
      <c r="I56037" s="1" t="s">
        <v>187135</v>
      </c>
      <c r="J56037" s="1" t="s">
        <v>188479</v>
      </c>
    </row>
    <row r="56038" spans="1:10" x14ac:dyDescent="0.35">
      <c r="A56038" s="1" t="s">
        <v>8734</v>
      </c>
      <c r="B56038" s="1" t="s">
        <v>187129</v>
      </c>
      <c r="C56038" s="1" t="s">
        <v>20</v>
      </c>
      <c r="D56038" s="1" t="s">
        <v>71233</v>
      </c>
      <c r="E56038" s="1" t="s">
        <v>188480</v>
      </c>
      <c r="F56038" s="1" t="s">
        <v>188481</v>
      </c>
      <c r="G56038" s="1" t="s">
        <v>188475</v>
      </c>
      <c r="H56038" s="1" t="s">
        <v>188476</v>
      </c>
      <c r="I56038" s="1" t="s">
        <v>187135</v>
      </c>
      <c r="J56038" s="1" t="s">
        <v>188482</v>
      </c>
    </row>
    <row r="56039" spans="1:10" x14ac:dyDescent="0.35">
      <c r="A56039" s="1" t="s">
        <v>8734</v>
      </c>
      <c r="B56039" s="1" t="s">
        <v>187129</v>
      </c>
      <c r="C56039" s="1" t="s">
        <v>25</v>
      </c>
      <c r="D56039" s="1" t="s">
        <v>188483</v>
      </c>
      <c r="E56039" s="1" t="s">
        <v>188484</v>
      </c>
      <c r="F56039" s="1" t="s">
        <v>188485</v>
      </c>
      <c r="G56039" s="1" t="s">
        <v>188475</v>
      </c>
      <c r="H56039" s="1" t="s">
        <v>188476</v>
      </c>
      <c r="I56039" s="1" t="s">
        <v>187135</v>
      </c>
      <c r="J56039" s="1" t="s">
        <v>188486</v>
      </c>
    </row>
    <row r="56040" spans="1:10" x14ac:dyDescent="0.35">
      <c r="A56040" s="1" t="s">
        <v>8734</v>
      </c>
      <c r="B56040" s="1" t="s">
        <v>187129</v>
      </c>
      <c r="C56040" s="1" t="s">
        <v>30</v>
      </c>
      <c r="D56040" s="1" t="s">
        <v>104294</v>
      </c>
      <c r="E56040" s="1" t="s">
        <v>188487</v>
      </c>
      <c r="F56040" s="1" t="s">
        <v>188488</v>
      </c>
      <c r="G56040" s="1" t="s">
        <v>188475</v>
      </c>
      <c r="H56040" s="1" t="s">
        <v>188476</v>
      </c>
      <c r="I56040" s="1" t="s">
        <v>187135</v>
      </c>
      <c r="J56040" s="1" t="s">
        <v>188489</v>
      </c>
    </row>
    <row r="56041" spans="1:10" x14ac:dyDescent="0.35">
      <c r="A56041" s="1" t="s">
        <v>8734</v>
      </c>
      <c r="B56041" s="1" t="s">
        <v>187129</v>
      </c>
      <c r="C56041" s="1" t="s">
        <v>35</v>
      </c>
      <c r="D56041" s="1" t="s">
        <v>36750</v>
      </c>
      <c r="E56041" s="1" t="s">
        <v>188490</v>
      </c>
      <c r="F56041" s="1" t="s">
        <v>188491</v>
      </c>
      <c r="G56041" s="1" t="s">
        <v>188475</v>
      </c>
      <c r="H56041" s="1" t="s">
        <v>188476</v>
      </c>
      <c r="I56041" s="1" t="s">
        <v>187135</v>
      </c>
      <c r="J56041" s="1" t="s">
        <v>188492</v>
      </c>
    </row>
    <row r="56042" spans="1:10" x14ac:dyDescent="0.35">
      <c r="A56042" s="1" t="s">
        <v>8734</v>
      </c>
      <c r="B56042" s="1" t="s">
        <v>187129</v>
      </c>
      <c r="C56042" s="1" t="s">
        <v>40</v>
      </c>
      <c r="D56042" s="1" t="s">
        <v>233</v>
      </c>
      <c r="E56042" s="1" t="s">
        <v>188493</v>
      </c>
      <c r="F56042" s="1" t="s">
        <v>188494</v>
      </c>
      <c r="G56042" s="1" t="s">
        <v>188475</v>
      </c>
      <c r="H56042" s="1" t="s">
        <v>188476</v>
      </c>
      <c r="I56042" s="1" t="s">
        <v>187135</v>
      </c>
      <c r="J56042" s="1" t="s">
        <v>188495</v>
      </c>
    </row>
    <row r="56043" spans="1:10" x14ac:dyDescent="0.35">
      <c r="A56043" s="1" t="s">
        <v>8734</v>
      </c>
      <c r="B56043" s="1" t="s">
        <v>187129</v>
      </c>
      <c r="C56043" s="1" t="s">
        <v>45</v>
      </c>
      <c r="D56043" s="1" t="s">
        <v>188496</v>
      </c>
      <c r="E56043" s="1" t="s">
        <v>188497</v>
      </c>
      <c r="F56043" s="1" t="s">
        <v>188498</v>
      </c>
      <c r="G56043" s="1" t="s">
        <v>188475</v>
      </c>
      <c r="H56043" s="1" t="s">
        <v>188476</v>
      </c>
      <c r="I56043" s="1" t="s">
        <v>187135</v>
      </c>
      <c r="J56043" s="1" t="s">
        <v>188499</v>
      </c>
    </row>
    <row r="56044" spans="1:10" x14ac:dyDescent="0.35">
      <c r="A56044" s="1" t="s">
        <v>8734</v>
      </c>
      <c r="B56044" s="1" t="s">
        <v>187129</v>
      </c>
      <c r="C56044" s="1" t="s">
        <v>50</v>
      </c>
      <c r="D56044" s="1" t="s">
        <v>13000</v>
      </c>
      <c r="E56044" s="1" t="s">
        <v>188500</v>
      </c>
      <c r="F56044" s="1" t="s">
        <v>188501</v>
      </c>
      <c r="G56044" s="1" t="s">
        <v>188475</v>
      </c>
      <c r="H56044" s="1" t="s">
        <v>188476</v>
      </c>
      <c r="I56044" s="1" t="s">
        <v>187135</v>
      </c>
      <c r="J56044" s="1" t="s">
        <v>188502</v>
      </c>
    </row>
    <row r="56045" spans="1:10" x14ac:dyDescent="0.35">
      <c r="A56045" s="1" t="s">
        <v>8734</v>
      </c>
      <c r="B56045" s="1" t="s">
        <v>187129</v>
      </c>
      <c r="C56045" s="1" t="s">
        <v>55</v>
      </c>
      <c r="D56045" s="1" t="s">
        <v>34719</v>
      </c>
      <c r="E56045" s="1" t="s">
        <v>188503</v>
      </c>
      <c r="F56045" s="1" t="s">
        <v>188504</v>
      </c>
      <c r="G56045" s="1" t="s">
        <v>188475</v>
      </c>
      <c r="H56045" s="1" t="s">
        <v>188476</v>
      </c>
      <c r="I56045" s="1" t="s">
        <v>187135</v>
      </c>
      <c r="J56045" s="1" t="s">
        <v>188505</v>
      </c>
    </row>
    <row r="56046" spans="1:10" x14ac:dyDescent="0.35">
      <c r="A56046" s="1" t="s">
        <v>8734</v>
      </c>
      <c r="B56046" s="1" t="s">
        <v>187129</v>
      </c>
      <c r="C56046" s="1" t="s">
        <v>60</v>
      </c>
      <c r="D56046" s="1" t="s">
        <v>49775</v>
      </c>
      <c r="E56046" s="1" t="s">
        <v>188506</v>
      </c>
      <c r="F56046" s="1" t="s">
        <v>188507</v>
      </c>
      <c r="G56046" s="1" t="s">
        <v>188475</v>
      </c>
      <c r="H56046" s="1" t="s">
        <v>188476</v>
      </c>
      <c r="I56046" s="1" t="s">
        <v>187135</v>
      </c>
      <c r="J56046" s="1" t="s">
        <v>188508</v>
      </c>
    </row>
    <row r="56047" spans="1:10" x14ac:dyDescent="0.35">
      <c r="A56047" s="1" t="s">
        <v>8734</v>
      </c>
      <c r="B56047" s="1" t="s">
        <v>187129</v>
      </c>
      <c r="C56047" s="1" t="s">
        <v>65</v>
      </c>
      <c r="D56047" s="1" t="s">
        <v>118965</v>
      </c>
      <c r="E56047" s="1" t="s">
        <v>188509</v>
      </c>
      <c r="F56047" s="1" t="s">
        <v>188510</v>
      </c>
      <c r="G56047" s="1" t="s">
        <v>188475</v>
      </c>
      <c r="H56047" s="1" t="s">
        <v>188476</v>
      </c>
      <c r="I56047" s="1" t="s">
        <v>187135</v>
      </c>
      <c r="J56047" s="1" t="s">
        <v>188511</v>
      </c>
    </row>
    <row r="56048" spans="1:10" x14ac:dyDescent="0.35">
      <c r="A56048" s="1" t="s">
        <v>8734</v>
      </c>
      <c r="B56048" s="1" t="s">
        <v>187129</v>
      </c>
      <c r="C56048" s="1" t="s">
        <v>70</v>
      </c>
      <c r="D56048" s="1" t="s">
        <v>188512</v>
      </c>
      <c r="E56048" s="1" t="s">
        <v>188513</v>
      </c>
      <c r="F56048" s="1" t="s">
        <v>188514</v>
      </c>
      <c r="G56048" s="1" t="s">
        <v>188475</v>
      </c>
      <c r="H56048" s="1" t="s">
        <v>188476</v>
      </c>
      <c r="I56048" s="1" t="s">
        <v>187135</v>
      </c>
      <c r="J56048" s="1" t="s">
        <v>188515</v>
      </c>
    </row>
    <row r="56049" spans="1:10" x14ac:dyDescent="0.35">
      <c r="A56049" s="1" t="s">
        <v>8734</v>
      </c>
      <c r="B56049" s="1" t="s">
        <v>187129</v>
      </c>
      <c r="C56049" s="1" t="s">
        <v>75</v>
      </c>
      <c r="D56049" s="1" t="s">
        <v>188516</v>
      </c>
      <c r="E56049" s="1" t="s">
        <v>188517</v>
      </c>
      <c r="F56049" s="1" t="s">
        <v>188518</v>
      </c>
      <c r="G56049" s="1" t="s">
        <v>188475</v>
      </c>
      <c r="H56049" s="1" t="s">
        <v>188476</v>
      </c>
      <c r="I56049" s="1" t="s">
        <v>187135</v>
      </c>
      <c r="J56049" s="1" t="s">
        <v>188519</v>
      </c>
    </row>
    <row r="56050" spans="1:10" x14ac:dyDescent="0.35">
      <c r="A56050" s="1" t="s">
        <v>8734</v>
      </c>
      <c r="B56050" s="1" t="s">
        <v>187129</v>
      </c>
      <c r="C56050" s="1" t="s">
        <v>80</v>
      </c>
      <c r="D56050" s="1" t="s">
        <v>5115</v>
      </c>
      <c r="E56050" s="1" t="s">
        <v>188520</v>
      </c>
      <c r="F56050" s="1" t="s">
        <v>188521</v>
      </c>
      <c r="G56050" s="1" t="s">
        <v>188475</v>
      </c>
      <c r="H56050" s="1" t="s">
        <v>188476</v>
      </c>
      <c r="I56050" s="1" t="s">
        <v>187135</v>
      </c>
      <c r="J56050" s="1" t="s">
        <v>188522</v>
      </c>
    </row>
    <row r="56051" spans="1:10" x14ac:dyDescent="0.35">
      <c r="A56051" s="1" t="s">
        <v>8734</v>
      </c>
      <c r="B56051" s="1" t="s">
        <v>187129</v>
      </c>
      <c r="C56051" s="1" t="s">
        <v>85</v>
      </c>
      <c r="D56051" s="1" t="s">
        <v>15787</v>
      </c>
      <c r="E56051" s="1" t="s">
        <v>188523</v>
      </c>
      <c r="F56051" s="1" t="s">
        <v>188524</v>
      </c>
      <c r="G56051" s="1" t="s">
        <v>188475</v>
      </c>
      <c r="H56051" s="1" t="s">
        <v>188476</v>
      </c>
      <c r="I56051" s="1" t="s">
        <v>187135</v>
      </c>
      <c r="J56051" s="1" t="s">
        <v>188525</v>
      </c>
    </row>
    <row r="56052" spans="1:10" x14ac:dyDescent="0.35">
      <c r="A56052" s="1" t="s">
        <v>8734</v>
      </c>
      <c r="B56052" s="1" t="s">
        <v>187129</v>
      </c>
      <c r="C56052" s="1" t="s">
        <v>90</v>
      </c>
      <c r="D56052" s="1" t="s">
        <v>188526</v>
      </c>
      <c r="E56052" s="1" t="s">
        <v>188527</v>
      </c>
      <c r="F56052" s="1" t="s">
        <v>188528</v>
      </c>
      <c r="G56052" s="1" t="s">
        <v>188475</v>
      </c>
      <c r="H56052" s="1" t="s">
        <v>188476</v>
      </c>
      <c r="I56052" s="1" t="s">
        <v>187135</v>
      </c>
      <c r="J56052" s="1" t="s">
        <v>188529</v>
      </c>
    </row>
    <row r="56053" spans="1:10" x14ac:dyDescent="0.35">
      <c r="A56053" s="1" t="s">
        <v>8734</v>
      </c>
      <c r="B56053" s="1" t="s">
        <v>187129</v>
      </c>
      <c r="C56053" s="1" t="s">
        <v>95</v>
      </c>
      <c r="D56053" s="1" t="s">
        <v>188530</v>
      </c>
      <c r="E56053" s="1" t="s">
        <v>188531</v>
      </c>
      <c r="F56053" s="1" t="s">
        <v>188532</v>
      </c>
      <c r="G56053" s="1" t="s">
        <v>188475</v>
      </c>
      <c r="H56053" s="1" t="s">
        <v>188476</v>
      </c>
      <c r="I56053" s="1" t="s">
        <v>187135</v>
      </c>
      <c r="J56053" s="1" t="s">
        <v>188533</v>
      </c>
    </row>
    <row r="56054" spans="1:10" x14ac:dyDescent="0.35">
      <c r="A56054" s="1" t="s">
        <v>8734</v>
      </c>
      <c r="B56054" s="1" t="s">
        <v>187129</v>
      </c>
      <c r="C56054" s="1" t="s">
        <v>100</v>
      </c>
      <c r="D56054" s="1" t="s">
        <v>188534</v>
      </c>
      <c r="E56054" s="1" t="s">
        <v>188535</v>
      </c>
      <c r="F56054" s="1" t="s">
        <v>188536</v>
      </c>
      <c r="G56054" s="1" t="s">
        <v>188475</v>
      </c>
      <c r="H56054" s="1" t="s">
        <v>188476</v>
      </c>
      <c r="I56054" s="1" t="s">
        <v>187135</v>
      </c>
      <c r="J56054" s="1" t="s">
        <v>188537</v>
      </c>
    </row>
    <row r="56055" spans="1:10" x14ac:dyDescent="0.35">
      <c r="A56055" s="1" t="s">
        <v>8734</v>
      </c>
      <c r="B56055" s="1" t="s">
        <v>187129</v>
      </c>
      <c r="C56055" s="1" t="s">
        <v>105</v>
      </c>
      <c r="D56055" s="1" t="s">
        <v>188538</v>
      </c>
      <c r="E56055" s="1" t="s">
        <v>188539</v>
      </c>
      <c r="F56055" s="1" t="s">
        <v>188540</v>
      </c>
      <c r="G56055" s="1" t="s">
        <v>188475</v>
      </c>
      <c r="H56055" s="1" t="s">
        <v>188476</v>
      </c>
      <c r="I56055" s="1" t="s">
        <v>187135</v>
      </c>
      <c r="J56055" s="1" t="s">
        <v>188541</v>
      </c>
    </row>
    <row r="56056" spans="1:10" x14ac:dyDescent="0.35">
      <c r="A56056" s="1" t="s">
        <v>8734</v>
      </c>
      <c r="B56056" s="1" t="s">
        <v>187129</v>
      </c>
      <c r="C56056" s="1" t="s">
        <v>110</v>
      </c>
      <c r="D56056" s="1" t="s">
        <v>187715</v>
      </c>
      <c r="E56056" s="1" t="s">
        <v>188542</v>
      </c>
      <c r="F56056" s="1" t="s">
        <v>188543</v>
      </c>
      <c r="G56056" s="1" t="s">
        <v>188475</v>
      </c>
      <c r="H56056" s="1" t="s">
        <v>188476</v>
      </c>
      <c r="I56056" s="1" t="s">
        <v>187135</v>
      </c>
      <c r="J56056" s="1" t="s">
        <v>188544</v>
      </c>
    </row>
    <row r="56057" spans="1:10" x14ac:dyDescent="0.35">
      <c r="A56057" s="1" t="s">
        <v>8734</v>
      </c>
      <c r="B56057" s="1" t="s">
        <v>187129</v>
      </c>
      <c r="C56057" s="1" t="s">
        <v>115</v>
      </c>
      <c r="D56057" s="1" t="s">
        <v>188545</v>
      </c>
      <c r="E56057" s="1" t="s">
        <v>188546</v>
      </c>
      <c r="F56057" s="1" t="s">
        <v>188547</v>
      </c>
      <c r="G56057" s="1" t="s">
        <v>188475</v>
      </c>
      <c r="H56057" s="1" t="s">
        <v>188476</v>
      </c>
      <c r="I56057" s="1" t="s">
        <v>187135</v>
      </c>
      <c r="J56057" s="1" t="s">
        <v>188548</v>
      </c>
    </row>
    <row r="56058" spans="1:10" x14ac:dyDescent="0.35">
      <c r="A56058" s="1" t="s">
        <v>8734</v>
      </c>
      <c r="B56058" s="1" t="s">
        <v>187129</v>
      </c>
      <c r="C56058" s="1" t="s">
        <v>120</v>
      </c>
      <c r="D56058" s="1" t="s">
        <v>36603</v>
      </c>
      <c r="E56058" s="1" t="s">
        <v>188549</v>
      </c>
      <c r="F56058" s="1" t="s">
        <v>188550</v>
      </c>
      <c r="G56058" s="1" t="s">
        <v>188475</v>
      </c>
      <c r="H56058" s="1" t="s">
        <v>188476</v>
      </c>
      <c r="I56058" s="1" t="s">
        <v>187135</v>
      </c>
      <c r="J56058" s="1" t="s">
        <v>188551</v>
      </c>
    </row>
    <row r="56059" spans="1:10" x14ac:dyDescent="0.35">
      <c r="A56059" s="1" t="s">
        <v>8734</v>
      </c>
      <c r="B56059" s="1" t="s">
        <v>187129</v>
      </c>
      <c r="C56059" s="1" t="s">
        <v>125</v>
      </c>
      <c r="D56059" s="1" t="s">
        <v>47603</v>
      </c>
      <c r="E56059" s="1" t="s">
        <v>188552</v>
      </c>
      <c r="F56059" s="1" t="s">
        <v>188553</v>
      </c>
      <c r="G56059" s="1" t="s">
        <v>188475</v>
      </c>
      <c r="H56059" s="1" t="s">
        <v>188476</v>
      </c>
      <c r="I56059" s="1" t="s">
        <v>187135</v>
      </c>
      <c r="J56059" s="1" t="s">
        <v>188554</v>
      </c>
    </row>
    <row r="56060" spans="1:10" x14ac:dyDescent="0.35">
      <c r="A56060" s="1" t="s">
        <v>8734</v>
      </c>
      <c r="B56060" s="1" t="s">
        <v>187129</v>
      </c>
      <c r="C56060" s="1" t="s">
        <v>130</v>
      </c>
      <c r="D56060" s="1" t="s">
        <v>32020</v>
      </c>
      <c r="E56060" s="1" t="s">
        <v>188555</v>
      </c>
      <c r="F56060" s="1" t="s">
        <v>188556</v>
      </c>
      <c r="G56060" s="1" t="s">
        <v>188475</v>
      </c>
      <c r="H56060" s="1" t="s">
        <v>188476</v>
      </c>
      <c r="I56060" s="1" t="s">
        <v>187135</v>
      </c>
      <c r="J56060" s="1" t="s">
        <v>188557</v>
      </c>
    </row>
    <row r="56061" spans="1:10" x14ac:dyDescent="0.35">
      <c r="A56061" s="1" t="s">
        <v>8734</v>
      </c>
      <c r="B56061" s="1" t="s">
        <v>187129</v>
      </c>
      <c r="C56061" s="1" t="s">
        <v>135</v>
      </c>
      <c r="D56061" s="1" t="s">
        <v>188558</v>
      </c>
      <c r="E56061" s="1" t="s">
        <v>188559</v>
      </c>
      <c r="F56061" s="1" t="s">
        <v>188560</v>
      </c>
      <c r="G56061" s="1" t="s">
        <v>188475</v>
      </c>
      <c r="H56061" s="1" t="s">
        <v>188476</v>
      </c>
      <c r="I56061" s="1" t="s">
        <v>187135</v>
      </c>
      <c r="J56061" s="1" t="s">
        <v>188561</v>
      </c>
    </row>
    <row r="56062" spans="1:10" x14ac:dyDescent="0.35">
      <c r="A56062" s="1" t="s">
        <v>8734</v>
      </c>
      <c r="B56062" s="1" t="s">
        <v>187129</v>
      </c>
      <c r="C56062" s="1" t="s">
        <v>140</v>
      </c>
      <c r="D56062" s="1" t="s">
        <v>188562</v>
      </c>
      <c r="E56062" s="1" t="s">
        <v>188563</v>
      </c>
      <c r="F56062" s="1" t="s">
        <v>188564</v>
      </c>
      <c r="G56062" s="1" t="s">
        <v>188475</v>
      </c>
      <c r="H56062" s="1" t="s">
        <v>188476</v>
      </c>
      <c r="I56062" s="1" t="s">
        <v>187135</v>
      </c>
      <c r="J56062" s="1" t="s">
        <v>188565</v>
      </c>
    </row>
    <row r="56063" spans="1:10" x14ac:dyDescent="0.35">
      <c r="A56063" s="1" t="s">
        <v>8734</v>
      </c>
      <c r="B56063" s="1" t="s">
        <v>187129</v>
      </c>
      <c r="C56063" s="1" t="s">
        <v>145</v>
      </c>
      <c r="D56063" s="1" t="s">
        <v>42804</v>
      </c>
      <c r="E56063" s="1" t="s">
        <v>188566</v>
      </c>
      <c r="F56063" s="1" t="s">
        <v>188567</v>
      </c>
      <c r="G56063" s="1" t="s">
        <v>188475</v>
      </c>
      <c r="H56063" s="1" t="s">
        <v>188476</v>
      </c>
      <c r="I56063" s="1" t="s">
        <v>187135</v>
      </c>
      <c r="J56063" s="1" t="s">
        <v>188568</v>
      </c>
    </row>
    <row r="56064" spans="1:10" x14ac:dyDescent="0.35">
      <c r="A56064" s="1" t="s">
        <v>8734</v>
      </c>
      <c r="B56064" s="1" t="s">
        <v>187129</v>
      </c>
      <c r="C56064" s="1" t="s">
        <v>150</v>
      </c>
      <c r="D56064" s="1" t="s">
        <v>188569</v>
      </c>
      <c r="E56064" s="1" t="s">
        <v>188570</v>
      </c>
      <c r="F56064" s="1" t="s">
        <v>188571</v>
      </c>
      <c r="G56064" s="1" t="s">
        <v>188475</v>
      </c>
      <c r="H56064" s="1" t="s">
        <v>188476</v>
      </c>
      <c r="I56064" s="1" t="s">
        <v>187135</v>
      </c>
      <c r="J56064" s="1" t="s">
        <v>188572</v>
      </c>
    </row>
    <row r="56065" spans="1:10" x14ac:dyDescent="0.35">
      <c r="A56065" s="1" t="s">
        <v>8734</v>
      </c>
      <c r="B56065" s="1" t="s">
        <v>187129</v>
      </c>
      <c r="C56065" s="1" t="s">
        <v>155</v>
      </c>
      <c r="D56065" s="1" t="s">
        <v>118114</v>
      </c>
      <c r="E56065" s="1" t="s">
        <v>188573</v>
      </c>
      <c r="F56065" s="1" t="s">
        <v>188574</v>
      </c>
      <c r="G56065" s="1" t="s">
        <v>188475</v>
      </c>
      <c r="H56065" s="1" t="s">
        <v>188476</v>
      </c>
      <c r="I56065" s="1" t="s">
        <v>187135</v>
      </c>
      <c r="J56065" s="1" t="s">
        <v>188575</v>
      </c>
    </row>
    <row r="56066" spans="1:10" x14ac:dyDescent="0.35">
      <c r="A56066" s="1" t="s">
        <v>8734</v>
      </c>
      <c r="B56066" s="1" t="s">
        <v>187129</v>
      </c>
      <c r="C56066" s="1" t="s">
        <v>160</v>
      </c>
      <c r="D56066" s="1" t="s">
        <v>19818</v>
      </c>
      <c r="E56066" s="1" t="s">
        <v>188576</v>
      </c>
      <c r="F56066" s="1" t="s">
        <v>188577</v>
      </c>
      <c r="G56066" s="1" t="s">
        <v>188475</v>
      </c>
      <c r="H56066" s="1" t="s">
        <v>188476</v>
      </c>
      <c r="I56066" s="1" t="s">
        <v>187135</v>
      </c>
      <c r="J56066" s="1" t="s">
        <v>188578</v>
      </c>
    </row>
    <row r="56067" spans="1:10" x14ac:dyDescent="0.35">
      <c r="A56067" s="1" t="s">
        <v>8734</v>
      </c>
      <c r="B56067" s="1" t="s">
        <v>187129</v>
      </c>
      <c r="C56067" s="1" t="s">
        <v>165</v>
      </c>
      <c r="D56067" s="1" t="s">
        <v>72602</v>
      </c>
      <c r="E56067" s="1" t="s">
        <v>188579</v>
      </c>
      <c r="F56067" s="1" t="s">
        <v>188580</v>
      </c>
      <c r="G56067" s="1" t="s">
        <v>188475</v>
      </c>
      <c r="H56067" s="1" t="s">
        <v>188476</v>
      </c>
      <c r="I56067" s="1" t="s">
        <v>187135</v>
      </c>
      <c r="J56067" s="1" t="s">
        <v>188581</v>
      </c>
    </row>
    <row r="56068" spans="1:10" x14ac:dyDescent="0.35">
      <c r="A56068" s="1" t="s">
        <v>8734</v>
      </c>
      <c r="B56068" s="1" t="s">
        <v>187129</v>
      </c>
      <c r="C56068" s="1" t="s">
        <v>170</v>
      </c>
      <c r="D56068" s="1" t="s">
        <v>114161</v>
      </c>
      <c r="E56068" s="1" t="s">
        <v>188582</v>
      </c>
      <c r="F56068" s="1" t="s">
        <v>188583</v>
      </c>
      <c r="G56068" s="1" t="s">
        <v>188475</v>
      </c>
      <c r="H56068" s="1" t="s">
        <v>188476</v>
      </c>
      <c r="I56068" s="1" t="s">
        <v>187135</v>
      </c>
      <c r="J56068" s="1" t="s">
        <v>188584</v>
      </c>
    </row>
    <row r="56069" spans="1:10" x14ac:dyDescent="0.35">
      <c r="A56069" s="1" t="s">
        <v>104307</v>
      </c>
      <c r="B56069" s="1" t="s">
        <v>187129</v>
      </c>
      <c r="C56069" s="1" t="s">
        <v>8</v>
      </c>
      <c r="D56069" s="1" t="s">
        <v>83067</v>
      </c>
      <c r="E56069" s="1" t="s">
        <v>188585</v>
      </c>
      <c r="F56069" s="1" t="s">
        <v>188586</v>
      </c>
      <c r="G56069" s="1" t="s">
        <v>188587</v>
      </c>
      <c r="H56069" s="1" t="s">
        <v>188588</v>
      </c>
      <c r="I56069" s="1" t="s">
        <v>187135</v>
      </c>
      <c r="J56069" s="1" t="s">
        <v>13</v>
      </c>
    </row>
    <row r="56070" spans="1:10" x14ac:dyDescent="0.35">
      <c r="A56070" s="1" t="s">
        <v>104307</v>
      </c>
      <c r="B56070" s="1" t="s">
        <v>187129</v>
      </c>
      <c r="C56070" s="1" t="s">
        <v>15</v>
      </c>
      <c r="D56070" s="1" t="s">
        <v>188589</v>
      </c>
      <c r="E56070" s="1" t="s">
        <v>188590</v>
      </c>
      <c r="F56070" s="1" t="s">
        <v>188591</v>
      </c>
      <c r="G56070" s="1" t="s">
        <v>188587</v>
      </c>
      <c r="H56070" s="1" t="s">
        <v>188588</v>
      </c>
      <c r="I56070" s="1" t="s">
        <v>187135</v>
      </c>
      <c r="J56070" s="1" t="s">
        <v>188592</v>
      </c>
    </row>
    <row r="56071" spans="1:10" x14ac:dyDescent="0.35">
      <c r="A56071" s="1" t="s">
        <v>104307</v>
      </c>
      <c r="B56071" s="1" t="s">
        <v>187129</v>
      </c>
      <c r="C56071" s="1" t="s">
        <v>20</v>
      </c>
      <c r="D56071" s="1" t="s">
        <v>188593</v>
      </c>
      <c r="E56071" s="1" t="s">
        <v>188594</v>
      </c>
      <c r="F56071" s="1" t="s">
        <v>188595</v>
      </c>
      <c r="G56071" s="1" t="s">
        <v>188587</v>
      </c>
      <c r="H56071" s="1" t="s">
        <v>188588</v>
      </c>
      <c r="I56071" s="1" t="s">
        <v>187135</v>
      </c>
      <c r="J56071" s="1" t="s">
        <v>188596</v>
      </c>
    </row>
    <row r="56072" spans="1:10" x14ac:dyDescent="0.35">
      <c r="A56072" s="1" t="s">
        <v>104307</v>
      </c>
      <c r="B56072" s="1" t="s">
        <v>187129</v>
      </c>
      <c r="C56072" s="1" t="s">
        <v>25</v>
      </c>
      <c r="D56072" s="1" t="s">
        <v>186271</v>
      </c>
      <c r="E56072" s="1" t="s">
        <v>188597</v>
      </c>
      <c r="F56072" s="1" t="s">
        <v>188598</v>
      </c>
      <c r="G56072" s="1" t="s">
        <v>188587</v>
      </c>
      <c r="H56072" s="1" t="s">
        <v>188588</v>
      </c>
      <c r="I56072" s="1" t="s">
        <v>187135</v>
      </c>
      <c r="J56072" s="1" t="s">
        <v>188599</v>
      </c>
    </row>
    <row r="56073" spans="1:10" x14ac:dyDescent="0.35">
      <c r="A56073" s="1" t="s">
        <v>104307</v>
      </c>
      <c r="B56073" s="1" t="s">
        <v>187129</v>
      </c>
      <c r="C56073" s="1" t="s">
        <v>30</v>
      </c>
      <c r="D56073" s="1" t="s">
        <v>188600</v>
      </c>
      <c r="E56073" s="1" t="s">
        <v>188601</v>
      </c>
      <c r="F56073" s="1" t="s">
        <v>188602</v>
      </c>
      <c r="G56073" s="1" t="s">
        <v>188587</v>
      </c>
      <c r="H56073" s="1" t="s">
        <v>188588</v>
      </c>
      <c r="I56073" s="1" t="s">
        <v>187135</v>
      </c>
      <c r="J56073" s="1" t="s">
        <v>188603</v>
      </c>
    </row>
    <row r="56074" spans="1:10" x14ac:dyDescent="0.35">
      <c r="A56074" s="1" t="s">
        <v>104307</v>
      </c>
      <c r="B56074" s="1" t="s">
        <v>187129</v>
      </c>
      <c r="C56074" s="1" t="s">
        <v>35</v>
      </c>
      <c r="D56074" s="1" t="s">
        <v>188604</v>
      </c>
      <c r="E56074" s="1" t="s">
        <v>188605</v>
      </c>
      <c r="F56074" s="1" t="s">
        <v>188606</v>
      </c>
      <c r="G56074" s="1" t="s">
        <v>188587</v>
      </c>
      <c r="H56074" s="1" t="s">
        <v>188588</v>
      </c>
      <c r="I56074" s="1" t="s">
        <v>187135</v>
      </c>
      <c r="J56074" s="1" t="s">
        <v>188607</v>
      </c>
    </row>
    <row r="56075" spans="1:10" x14ac:dyDescent="0.35">
      <c r="A56075" s="1" t="s">
        <v>104307</v>
      </c>
      <c r="B56075" s="1" t="s">
        <v>187129</v>
      </c>
      <c r="C56075" s="1" t="s">
        <v>40</v>
      </c>
      <c r="D56075" s="1" t="s">
        <v>188608</v>
      </c>
      <c r="E56075" s="1" t="s">
        <v>188609</v>
      </c>
      <c r="F56075" s="1" t="s">
        <v>188610</v>
      </c>
      <c r="G56075" s="1" t="s">
        <v>188587</v>
      </c>
      <c r="H56075" s="1" t="s">
        <v>188588</v>
      </c>
      <c r="I56075" s="1" t="s">
        <v>187135</v>
      </c>
      <c r="J56075" s="1" t="s">
        <v>188611</v>
      </c>
    </row>
    <row r="56076" spans="1:10" x14ac:dyDescent="0.35">
      <c r="A56076" s="1" t="s">
        <v>104307</v>
      </c>
      <c r="B56076" s="1" t="s">
        <v>187129</v>
      </c>
      <c r="C56076" s="1" t="s">
        <v>45</v>
      </c>
      <c r="D56076" s="1" t="s">
        <v>159505</v>
      </c>
      <c r="E56076" s="1" t="s">
        <v>188612</v>
      </c>
      <c r="F56076" s="1" t="s">
        <v>188613</v>
      </c>
      <c r="G56076" s="1" t="s">
        <v>188587</v>
      </c>
      <c r="H56076" s="1" t="s">
        <v>188588</v>
      </c>
      <c r="I56076" s="1" t="s">
        <v>187135</v>
      </c>
      <c r="J56076" s="1" t="s">
        <v>188614</v>
      </c>
    </row>
    <row r="56077" spans="1:10" x14ac:dyDescent="0.35">
      <c r="A56077" s="1" t="s">
        <v>104307</v>
      </c>
      <c r="B56077" s="1" t="s">
        <v>187129</v>
      </c>
      <c r="C56077" s="1" t="s">
        <v>50</v>
      </c>
      <c r="D56077" s="1" t="s">
        <v>171317</v>
      </c>
      <c r="E56077" s="1" t="s">
        <v>188615</v>
      </c>
      <c r="F56077" s="1" t="s">
        <v>188616</v>
      </c>
      <c r="G56077" s="1" t="s">
        <v>188587</v>
      </c>
      <c r="H56077" s="1" t="s">
        <v>188588</v>
      </c>
      <c r="I56077" s="1" t="s">
        <v>187135</v>
      </c>
      <c r="J56077" s="1" t="s">
        <v>188617</v>
      </c>
    </row>
    <row r="56078" spans="1:10" x14ac:dyDescent="0.35">
      <c r="A56078" s="1" t="s">
        <v>104307</v>
      </c>
      <c r="B56078" s="1" t="s">
        <v>187129</v>
      </c>
      <c r="C56078" s="1" t="s">
        <v>55</v>
      </c>
      <c r="D56078" s="1" t="s">
        <v>47607</v>
      </c>
      <c r="E56078" s="1" t="s">
        <v>188618</v>
      </c>
      <c r="F56078" s="1" t="s">
        <v>188619</v>
      </c>
      <c r="G56078" s="1" t="s">
        <v>188587</v>
      </c>
      <c r="H56078" s="1" t="s">
        <v>188588</v>
      </c>
      <c r="I56078" s="1" t="s">
        <v>187135</v>
      </c>
      <c r="J56078" s="1" t="s">
        <v>188620</v>
      </c>
    </row>
    <row r="56079" spans="1:10" x14ac:dyDescent="0.35">
      <c r="A56079" s="1" t="s">
        <v>104307</v>
      </c>
      <c r="B56079" s="1" t="s">
        <v>187129</v>
      </c>
      <c r="C56079" s="1" t="s">
        <v>60</v>
      </c>
      <c r="D56079" s="1" t="s">
        <v>186572</v>
      </c>
      <c r="E56079" s="1" t="s">
        <v>188621</v>
      </c>
      <c r="F56079" s="1" t="s">
        <v>188622</v>
      </c>
      <c r="G56079" s="1" t="s">
        <v>188587</v>
      </c>
      <c r="H56079" s="1" t="s">
        <v>188588</v>
      </c>
      <c r="I56079" s="1" t="s">
        <v>187135</v>
      </c>
      <c r="J56079" s="1" t="s">
        <v>188623</v>
      </c>
    </row>
    <row r="56080" spans="1:10" x14ac:dyDescent="0.35">
      <c r="A56080" s="1" t="s">
        <v>104307</v>
      </c>
      <c r="B56080" s="1" t="s">
        <v>187129</v>
      </c>
      <c r="C56080" s="1" t="s">
        <v>65</v>
      </c>
      <c r="D56080" s="1" t="s">
        <v>188624</v>
      </c>
      <c r="E56080" s="1" t="s">
        <v>188625</v>
      </c>
      <c r="F56080" s="1" t="s">
        <v>188626</v>
      </c>
      <c r="G56080" s="1" t="s">
        <v>188587</v>
      </c>
      <c r="H56080" s="1" t="s">
        <v>188588</v>
      </c>
      <c r="I56080" s="1" t="s">
        <v>187135</v>
      </c>
      <c r="J56080" s="1" t="s">
        <v>188627</v>
      </c>
    </row>
    <row r="56081" spans="1:10" x14ac:dyDescent="0.35">
      <c r="A56081" s="1" t="s">
        <v>104307</v>
      </c>
      <c r="B56081" s="1" t="s">
        <v>187129</v>
      </c>
      <c r="C56081" s="1" t="s">
        <v>70</v>
      </c>
      <c r="D56081" s="1" t="s">
        <v>44127</v>
      </c>
      <c r="E56081" s="1" t="s">
        <v>188628</v>
      </c>
      <c r="F56081" s="1" t="s">
        <v>188629</v>
      </c>
      <c r="G56081" s="1" t="s">
        <v>188587</v>
      </c>
      <c r="H56081" s="1" t="s">
        <v>188588</v>
      </c>
      <c r="I56081" s="1" t="s">
        <v>187135</v>
      </c>
      <c r="J56081" s="1" t="s">
        <v>188630</v>
      </c>
    </row>
    <row r="56082" spans="1:10" x14ac:dyDescent="0.35">
      <c r="A56082" s="1" t="s">
        <v>104307</v>
      </c>
      <c r="B56082" s="1" t="s">
        <v>187129</v>
      </c>
      <c r="C56082" s="1" t="s">
        <v>75</v>
      </c>
      <c r="D56082" s="1" t="s">
        <v>188631</v>
      </c>
      <c r="E56082" s="1" t="s">
        <v>188632</v>
      </c>
      <c r="F56082" s="1" t="s">
        <v>188633</v>
      </c>
      <c r="G56082" s="1" t="s">
        <v>188587</v>
      </c>
      <c r="H56082" s="1" t="s">
        <v>188588</v>
      </c>
      <c r="I56082" s="1" t="s">
        <v>187135</v>
      </c>
      <c r="J56082" s="1" t="s">
        <v>188634</v>
      </c>
    </row>
    <row r="56083" spans="1:10" x14ac:dyDescent="0.35">
      <c r="A56083" s="1" t="s">
        <v>104307</v>
      </c>
      <c r="B56083" s="1" t="s">
        <v>187129</v>
      </c>
      <c r="C56083" s="1" t="s">
        <v>80</v>
      </c>
      <c r="D56083" s="1" t="s">
        <v>16834</v>
      </c>
      <c r="E56083" s="1" t="s">
        <v>188635</v>
      </c>
      <c r="F56083" s="1" t="s">
        <v>188636</v>
      </c>
      <c r="G56083" s="1" t="s">
        <v>188587</v>
      </c>
      <c r="H56083" s="1" t="s">
        <v>188588</v>
      </c>
      <c r="I56083" s="1" t="s">
        <v>187135</v>
      </c>
      <c r="J56083" s="1" t="s">
        <v>188637</v>
      </c>
    </row>
    <row r="56084" spans="1:10" x14ac:dyDescent="0.35">
      <c r="A56084" s="1" t="s">
        <v>104307</v>
      </c>
      <c r="B56084" s="1" t="s">
        <v>187129</v>
      </c>
      <c r="C56084" s="1" t="s">
        <v>85</v>
      </c>
      <c r="D56084" s="1" t="s">
        <v>188638</v>
      </c>
      <c r="E56084" s="1" t="s">
        <v>188639</v>
      </c>
      <c r="F56084" s="1" t="s">
        <v>188640</v>
      </c>
      <c r="G56084" s="1" t="s">
        <v>188587</v>
      </c>
      <c r="H56084" s="1" t="s">
        <v>188588</v>
      </c>
      <c r="I56084" s="1" t="s">
        <v>187135</v>
      </c>
      <c r="J56084" s="1" t="s">
        <v>188641</v>
      </c>
    </row>
    <row r="56085" spans="1:10" x14ac:dyDescent="0.35">
      <c r="A56085" s="1" t="s">
        <v>104307</v>
      </c>
      <c r="B56085" s="1" t="s">
        <v>187129</v>
      </c>
      <c r="C56085" s="1" t="s">
        <v>90</v>
      </c>
      <c r="D56085" s="1" t="s">
        <v>188642</v>
      </c>
      <c r="E56085" s="1" t="s">
        <v>188643</v>
      </c>
      <c r="F56085" s="1" t="s">
        <v>188644</v>
      </c>
      <c r="G56085" s="1" t="s">
        <v>188587</v>
      </c>
      <c r="H56085" s="1" t="s">
        <v>188588</v>
      </c>
      <c r="I56085" s="1" t="s">
        <v>187135</v>
      </c>
      <c r="J56085" s="1" t="s">
        <v>188645</v>
      </c>
    </row>
    <row r="56086" spans="1:10" x14ac:dyDescent="0.35">
      <c r="A56086" s="1" t="s">
        <v>104307</v>
      </c>
      <c r="B56086" s="1" t="s">
        <v>187129</v>
      </c>
      <c r="C56086" s="1" t="s">
        <v>95</v>
      </c>
      <c r="D56086" s="1" t="s">
        <v>140409</v>
      </c>
      <c r="E56086" s="1" t="s">
        <v>188646</v>
      </c>
      <c r="F56086" s="1" t="s">
        <v>188647</v>
      </c>
      <c r="G56086" s="1" t="s">
        <v>188587</v>
      </c>
      <c r="H56086" s="1" t="s">
        <v>188588</v>
      </c>
      <c r="I56086" s="1" t="s">
        <v>187135</v>
      </c>
      <c r="J56086" s="1" t="s">
        <v>188648</v>
      </c>
    </row>
    <row r="56087" spans="1:10" x14ac:dyDescent="0.35">
      <c r="A56087" s="1" t="s">
        <v>104307</v>
      </c>
      <c r="B56087" s="1" t="s">
        <v>187129</v>
      </c>
      <c r="C56087" s="1" t="s">
        <v>100</v>
      </c>
      <c r="D56087" s="1" t="s">
        <v>58593</v>
      </c>
      <c r="E56087" s="1" t="s">
        <v>188649</v>
      </c>
      <c r="F56087" s="1" t="s">
        <v>188650</v>
      </c>
      <c r="G56087" s="1" t="s">
        <v>188587</v>
      </c>
      <c r="H56087" s="1" t="s">
        <v>188588</v>
      </c>
      <c r="I56087" s="1" t="s">
        <v>187135</v>
      </c>
      <c r="J56087" s="1" t="s">
        <v>188651</v>
      </c>
    </row>
    <row r="56088" spans="1:10" x14ac:dyDescent="0.35">
      <c r="A56088" s="1" t="s">
        <v>104307</v>
      </c>
      <c r="B56088" s="1" t="s">
        <v>187129</v>
      </c>
      <c r="C56088" s="1" t="s">
        <v>105</v>
      </c>
      <c r="D56088" s="1" t="s">
        <v>166483</v>
      </c>
      <c r="E56088" s="1" t="s">
        <v>188652</v>
      </c>
      <c r="F56088" s="1" t="s">
        <v>188653</v>
      </c>
      <c r="G56088" s="1" t="s">
        <v>188587</v>
      </c>
      <c r="H56088" s="1" t="s">
        <v>188588</v>
      </c>
      <c r="I56088" s="1" t="s">
        <v>187135</v>
      </c>
      <c r="J56088" s="1" t="s">
        <v>188654</v>
      </c>
    </row>
    <row r="56089" spans="1:10" x14ac:dyDescent="0.35">
      <c r="A56089" s="1" t="s">
        <v>104307</v>
      </c>
      <c r="B56089" s="1" t="s">
        <v>187129</v>
      </c>
      <c r="C56089" s="1" t="s">
        <v>110</v>
      </c>
      <c r="D56089" s="1" t="s">
        <v>62834</v>
      </c>
      <c r="E56089" s="1" t="s">
        <v>188655</v>
      </c>
      <c r="F56089" s="1" t="s">
        <v>188656</v>
      </c>
      <c r="G56089" s="1" t="s">
        <v>188587</v>
      </c>
      <c r="H56089" s="1" t="s">
        <v>188588</v>
      </c>
      <c r="I56089" s="1" t="s">
        <v>187135</v>
      </c>
      <c r="J56089" s="1" t="s">
        <v>188657</v>
      </c>
    </row>
    <row r="56090" spans="1:10" x14ac:dyDescent="0.35">
      <c r="A56090" s="1" t="s">
        <v>104307</v>
      </c>
      <c r="B56090" s="1" t="s">
        <v>187129</v>
      </c>
      <c r="C56090" s="1" t="s">
        <v>115</v>
      </c>
      <c r="D56090" s="1" t="s">
        <v>65775</v>
      </c>
      <c r="E56090" s="1" t="s">
        <v>188658</v>
      </c>
      <c r="F56090" s="1" t="s">
        <v>188659</v>
      </c>
      <c r="G56090" s="1" t="s">
        <v>188587</v>
      </c>
      <c r="H56090" s="1" t="s">
        <v>188588</v>
      </c>
      <c r="I56090" s="1" t="s">
        <v>187135</v>
      </c>
      <c r="J56090" s="1" t="s">
        <v>188660</v>
      </c>
    </row>
    <row r="56091" spans="1:10" x14ac:dyDescent="0.35">
      <c r="A56091" s="1" t="s">
        <v>104307</v>
      </c>
      <c r="B56091" s="1" t="s">
        <v>187129</v>
      </c>
      <c r="C56091" s="1" t="s">
        <v>120</v>
      </c>
      <c r="D56091" s="1" t="s">
        <v>69082</v>
      </c>
      <c r="E56091" s="1" t="s">
        <v>188661</v>
      </c>
      <c r="F56091" s="1" t="s">
        <v>188662</v>
      </c>
      <c r="G56091" s="1" t="s">
        <v>188587</v>
      </c>
      <c r="H56091" s="1" t="s">
        <v>188588</v>
      </c>
      <c r="I56091" s="1" t="s">
        <v>187135</v>
      </c>
      <c r="J56091" s="1" t="s">
        <v>188663</v>
      </c>
    </row>
    <row r="56092" spans="1:10" x14ac:dyDescent="0.35">
      <c r="A56092" s="1" t="s">
        <v>104307</v>
      </c>
      <c r="B56092" s="1" t="s">
        <v>187129</v>
      </c>
      <c r="C56092" s="1" t="s">
        <v>125</v>
      </c>
      <c r="D56092" s="1" t="s">
        <v>188664</v>
      </c>
      <c r="E56092" s="1" t="s">
        <v>188665</v>
      </c>
      <c r="F56092" s="1" t="s">
        <v>188666</v>
      </c>
      <c r="G56092" s="1" t="s">
        <v>188587</v>
      </c>
      <c r="H56092" s="1" t="s">
        <v>188588</v>
      </c>
      <c r="I56092" s="1" t="s">
        <v>187135</v>
      </c>
      <c r="J56092" s="1" t="s">
        <v>188667</v>
      </c>
    </row>
    <row r="56093" spans="1:10" x14ac:dyDescent="0.35">
      <c r="A56093" s="1" t="s">
        <v>104307</v>
      </c>
      <c r="B56093" s="1" t="s">
        <v>187129</v>
      </c>
      <c r="C56093" s="1" t="s">
        <v>130</v>
      </c>
      <c r="D56093" s="1" t="s">
        <v>188668</v>
      </c>
      <c r="E56093" s="1" t="s">
        <v>188669</v>
      </c>
      <c r="F56093" s="1" t="s">
        <v>188670</v>
      </c>
      <c r="G56093" s="1" t="s">
        <v>188587</v>
      </c>
      <c r="H56093" s="1" t="s">
        <v>188588</v>
      </c>
      <c r="I56093" s="1" t="s">
        <v>187135</v>
      </c>
      <c r="J56093" s="1" t="s">
        <v>188671</v>
      </c>
    </row>
    <row r="56094" spans="1:10" x14ac:dyDescent="0.35">
      <c r="A56094" s="1" t="s">
        <v>104307</v>
      </c>
      <c r="B56094" s="1" t="s">
        <v>187129</v>
      </c>
      <c r="C56094" s="1" t="s">
        <v>135</v>
      </c>
      <c r="D56094" s="1" t="s">
        <v>128308</v>
      </c>
      <c r="E56094" s="1" t="s">
        <v>188672</v>
      </c>
      <c r="F56094" s="1" t="s">
        <v>188673</v>
      </c>
      <c r="G56094" s="1" t="s">
        <v>188587</v>
      </c>
      <c r="H56094" s="1" t="s">
        <v>188588</v>
      </c>
      <c r="I56094" s="1" t="s">
        <v>187135</v>
      </c>
      <c r="J56094" s="1" t="s">
        <v>188674</v>
      </c>
    </row>
    <row r="56095" spans="1:10" x14ac:dyDescent="0.35">
      <c r="A56095" s="1" t="s">
        <v>104307</v>
      </c>
      <c r="B56095" s="1" t="s">
        <v>187129</v>
      </c>
      <c r="C56095" s="1" t="s">
        <v>140</v>
      </c>
      <c r="D56095" s="1" t="s">
        <v>188675</v>
      </c>
      <c r="E56095" s="1" t="s">
        <v>188676</v>
      </c>
      <c r="F56095" s="1" t="s">
        <v>188677</v>
      </c>
      <c r="G56095" s="1" t="s">
        <v>188587</v>
      </c>
      <c r="H56095" s="1" t="s">
        <v>188588</v>
      </c>
      <c r="I56095" s="1" t="s">
        <v>187135</v>
      </c>
      <c r="J56095" s="1" t="s">
        <v>188678</v>
      </c>
    </row>
    <row r="56096" spans="1:10" x14ac:dyDescent="0.35">
      <c r="A56096" s="1" t="s">
        <v>104307</v>
      </c>
      <c r="B56096" s="1" t="s">
        <v>187129</v>
      </c>
      <c r="C56096" s="1" t="s">
        <v>145</v>
      </c>
      <c r="D56096" s="1" t="s">
        <v>188679</v>
      </c>
      <c r="E56096" s="1" t="s">
        <v>188680</v>
      </c>
      <c r="F56096" s="1" t="s">
        <v>188681</v>
      </c>
      <c r="G56096" s="1" t="s">
        <v>188587</v>
      </c>
      <c r="H56096" s="1" t="s">
        <v>188588</v>
      </c>
      <c r="I56096" s="1" t="s">
        <v>187135</v>
      </c>
      <c r="J56096" s="1" t="s">
        <v>188682</v>
      </c>
    </row>
    <row r="56097" spans="1:10" x14ac:dyDescent="0.35">
      <c r="A56097" s="1" t="s">
        <v>104307</v>
      </c>
      <c r="B56097" s="1" t="s">
        <v>187129</v>
      </c>
      <c r="C56097" s="1" t="s">
        <v>150</v>
      </c>
      <c r="D56097" s="1" t="s">
        <v>61991</v>
      </c>
      <c r="E56097" s="1" t="s">
        <v>188683</v>
      </c>
      <c r="F56097" s="1" t="s">
        <v>188684</v>
      </c>
      <c r="G56097" s="1" t="s">
        <v>188587</v>
      </c>
      <c r="H56097" s="1" t="s">
        <v>188588</v>
      </c>
      <c r="I56097" s="1" t="s">
        <v>187135</v>
      </c>
      <c r="J56097" s="1" t="s">
        <v>188685</v>
      </c>
    </row>
    <row r="56098" spans="1:10" x14ac:dyDescent="0.35">
      <c r="A56098" s="1" t="s">
        <v>104307</v>
      </c>
      <c r="B56098" s="1" t="s">
        <v>187129</v>
      </c>
      <c r="C56098" s="1" t="s">
        <v>155</v>
      </c>
      <c r="D56098" s="1" t="s">
        <v>131465</v>
      </c>
      <c r="E56098" s="1" t="s">
        <v>188686</v>
      </c>
      <c r="F56098" s="1" t="s">
        <v>188687</v>
      </c>
      <c r="G56098" s="1" t="s">
        <v>188587</v>
      </c>
      <c r="H56098" s="1" t="s">
        <v>188588</v>
      </c>
      <c r="I56098" s="1" t="s">
        <v>187135</v>
      </c>
      <c r="J56098" s="1" t="s">
        <v>188688</v>
      </c>
    </row>
    <row r="56099" spans="1:10" x14ac:dyDescent="0.35">
      <c r="A56099" s="1" t="s">
        <v>104307</v>
      </c>
      <c r="B56099" s="1" t="s">
        <v>187129</v>
      </c>
      <c r="C56099" s="1" t="s">
        <v>160</v>
      </c>
      <c r="D56099" s="1" t="s">
        <v>59178</v>
      </c>
      <c r="E56099" s="1" t="s">
        <v>188689</v>
      </c>
      <c r="F56099" s="1" t="s">
        <v>188690</v>
      </c>
      <c r="G56099" s="1" t="s">
        <v>188587</v>
      </c>
      <c r="H56099" s="1" t="s">
        <v>188588</v>
      </c>
      <c r="I56099" s="1" t="s">
        <v>187135</v>
      </c>
      <c r="J56099" s="1" t="s">
        <v>188691</v>
      </c>
    </row>
    <row r="56100" spans="1:10" x14ac:dyDescent="0.35">
      <c r="A56100" s="1" t="s">
        <v>104307</v>
      </c>
      <c r="B56100" s="1" t="s">
        <v>187129</v>
      </c>
      <c r="C56100" s="1" t="s">
        <v>165</v>
      </c>
      <c r="D56100" s="1" t="s">
        <v>188692</v>
      </c>
      <c r="E56100" s="1" t="s">
        <v>165131</v>
      </c>
      <c r="F56100" s="1" t="s">
        <v>188693</v>
      </c>
      <c r="G56100" s="1" t="s">
        <v>188587</v>
      </c>
      <c r="H56100" s="1" t="s">
        <v>188588</v>
      </c>
      <c r="I56100" s="1" t="s">
        <v>187135</v>
      </c>
      <c r="J56100" s="1" t="s">
        <v>188694</v>
      </c>
    </row>
    <row r="56101" spans="1:10" x14ac:dyDescent="0.35">
      <c r="A56101" s="1" t="s">
        <v>104307</v>
      </c>
      <c r="B56101" s="1" t="s">
        <v>187129</v>
      </c>
      <c r="C56101" s="1" t="s">
        <v>170</v>
      </c>
      <c r="D56101" s="1" t="s">
        <v>188695</v>
      </c>
      <c r="E56101" s="1" t="s">
        <v>188696</v>
      </c>
      <c r="F56101" s="1" t="s">
        <v>188697</v>
      </c>
      <c r="G56101" s="1" t="s">
        <v>188587</v>
      </c>
      <c r="H56101" s="1" t="s">
        <v>188588</v>
      </c>
      <c r="I56101" s="1" t="s">
        <v>187135</v>
      </c>
      <c r="J56101" s="1" t="s">
        <v>188698</v>
      </c>
    </row>
    <row r="56102" spans="1:10" x14ac:dyDescent="0.35">
      <c r="A56102" s="1" t="s">
        <v>9916</v>
      </c>
      <c r="B56102" s="1" t="s">
        <v>187129</v>
      </c>
      <c r="C56102" s="1" t="s">
        <v>8</v>
      </c>
      <c r="D56102" s="1" t="s">
        <v>188699</v>
      </c>
      <c r="E56102" s="1" t="s">
        <v>188700</v>
      </c>
      <c r="F56102" s="1" t="s">
        <v>188701</v>
      </c>
      <c r="G56102" s="1" t="s">
        <v>188702</v>
      </c>
      <c r="H56102" s="1" t="s">
        <v>188703</v>
      </c>
      <c r="I56102" s="1" t="s">
        <v>187135</v>
      </c>
      <c r="J56102" s="1" t="s">
        <v>13</v>
      </c>
    </row>
    <row r="56103" spans="1:10" x14ac:dyDescent="0.35">
      <c r="A56103" s="1" t="s">
        <v>9916</v>
      </c>
      <c r="B56103" s="1" t="s">
        <v>187129</v>
      </c>
      <c r="C56103" s="1" t="s">
        <v>15</v>
      </c>
      <c r="D56103" s="1" t="s">
        <v>46730</v>
      </c>
      <c r="E56103" s="1" t="s">
        <v>188704</v>
      </c>
      <c r="F56103" s="1" t="s">
        <v>188705</v>
      </c>
      <c r="G56103" s="1" t="s">
        <v>188702</v>
      </c>
      <c r="H56103" s="1" t="s">
        <v>188703</v>
      </c>
      <c r="I56103" s="1" t="s">
        <v>187135</v>
      </c>
      <c r="J56103" s="1" t="s">
        <v>188706</v>
      </c>
    </row>
    <row r="56104" spans="1:10" x14ac:dyDescent="0.35">
      <c r="A56104" s="1" t="s">
        <v>9916</v>
      </c>
      <c r="B56104" s="1" t="s">
        <v>187129</v>
      </c>
      <c r="C56104" s="1" t="s">
        <v>20</v>
      </c>
      <c r="D56104" s="1" t="s">
        <v>14210</v>
      </c>
      <c r="E56104" s="1" t="s">
        <v>188707</v>
      </c>
      <c r="F56104" s="1" t="s">
        <v>188708</v>
      </c>
      <c r="G56104" s="1" t="s">
        <v>188702</v>
      </c>
      <c r="H56104" s="1" t="s">
        <v>188703</v>
      </c>
      <c r="I56104" s="1" t="s">
        <v>187135</v>
      </c>
      <c r="J56104" s="1" t="s">
        <v>188709</v>
      </c>
    </row>
    <row r="56105" spans="1:10" x14ac:dyDescent="0.35">
      <c r="A56105" s="1" t="s">
        <v>9916</v>
      </c>
      <c r="B56105" s="1" t="s">
        <v>187129</v>
      </c>
      <c r="C56105" s="1" t="s">
        <v>25</v>
      </c>
      <c r="D56105" s="1" t="s">
        <v>6922</v>
      </c>
      <c r="E56105" s="1" t="s">
        <v>188710</v>
      </c>
      <c r="F56105" s="1" t="s">
        <v>188711</v>
      </c>
      <c r="G56105" s="1" t="s">
        <v>188702</v>
      </c>
      <c r="H56105" s="1" t="s">
        <v>188703</v>
      </c>
      <c r="I56105" s="1" t="s">
        <v>187135</v>
      </c>
      <c r="J56105" s="1" t="s">
        <v>188712</v>
      </c>
    </row>
    <row r="56106" spans="1:10" x14ac:dyDescent="0.35">
      <c r="A56106" s="1" t="s">
        <v>9916</v>
      </c>
      <c r="B56106" s="1" t="s">
        <v>187129</v>
      </c>
      <c r="C56106" s="1" t="s">
        <v>30</v>
      </c>
      <c r="D56106" s="1" t="s">
        <v>4070</v>
      </c>
      <c r="E56106" s="1" t="s">
        <v>188713</v>
      </c>
      <c r="F56106" s="1" t="s">
        <v>188714</v>
      </c>
      <c r="G56106" s="1" t="s">
        <v>188702</v>
      </c>
      <c r="H56106" s="1" t="s">
        <v>188703</v>
      </c>
      <c r="I56106" s="1" t="s">
        <v>187135</v>
      </c>
      <c r="J56106" s="1" t="s">
        <v>188715</v>
      </c>
    </row>
    <row r="56107" spans="1:10" x14ac:dyDescent="0.35">
      <c r="A56107" s="1" t="s">
        <v>9916</v>
      </c>
      <c r="B56107" s="1" t="s">
        <v>187129</v>
      </c>
      <c r="C56107" s="1" t="s">
        <v>35</v>
      </c>
      <c r="D56107" s="1" t="s">
        <v>1576</v>
      </c>
      <c r="E56107" s="1" t="s">
        <v>188716</v>
      </c>
      <c r="F56107" s="1" t="s">
        <v>188717</v>
      </c>
      <c r="G56107" s="1" t="s">
        <v>188702</v>
      </c>
      <c r="H56107" s="1" t="s">
        <v>188703</v>
      </c>
      <c r="I56107" s="1" t="s">
        <v>187135</v>
      </c>
      <c r="J56107" s="1" t="s">
        <v>188718</v>
      </c>
    </row>
    <row r="56108" spans="1:10" x14ac:dyDescent="0.35">
      <c r="A56108" s="1" t="s">
        <v>9916</v>
      </c>
      <c r="B56108" s="1" t="s">
        <v>187129</v>
      </c>
      <c r="C56108" s="1" t="s">
        <v>40</v>
      </c>
      <c r="D56108" s="1" t="s">
        <v>146269</v>
      </c>
      <c r="E56108" s="1" t="s">
        <v>188719</v>
      </c>
      <c r="F56108" s="1" t="s">
        <v>188720</v>
      </c>
      <c r="G56108" s="1" t="s">
        <v>188702</v>
      </c>
      <c r="H56108" s="1" t="s">
        <v>188703</v>
      </c>
      <c r="I56108" s="1" t="s">
        <v>187135</v>
      </c>
      <c r="J56108" s="1" t="s">
        <v>188721</v>
      </c>
    </row>
    <row r="56109" spans="1:10" x14ac:dyDescent="0.35">
      <c r="A56109" s="1" t="s">
        <v>9916</v>
      </c>
      <c r="B56109" s="1" t="s">
        <v>187129</v>
      </c>
      <c r="C56109" s="1" t="s">
        <v>45</v>
      </c>
      <c r="D56109" s="1" t="s">
        <v>119779</v>
      </c>
      <c r="E56109" s="1" t="s">
        <v>188722</v>
      </c>
      <c r="F56109" s="1" t="s">
        <v>188723</v>
      </c>
      <c r="G56109" s="1" t="s">
        <v>188702</v>
      </c>
      <c r="H56109" s="1" t="s">
        <v>188703</v>
      </c>
      <c r="I56109" s="1" t="s">
        <v>187135</v>
      </c>
      <c r="J56109" s="1" t="s">
        <v>188724</v>
      </c>
    </row>
    <row r="56110" spans="1:10" x14ac:dyDescent="0.35">
      <c r="A56110" s="1" t="s">
        <v>9916</v>
      </c>
      <c r="B56110" s="1" t="s">
        <v>187129</v>
      </c>
      <c r="C56110" s="1" t="s">
        <v>50</v>
      </c>
      <c r="D56110" s="1" t="s">
        <v>8763</v>
      </c>
      <c r="E56110" s="1" t="s">
        <v>188725</v>
      </c>
      <c r="F56110" s="1" t="s">
        <v>188726</v>
      </c>
      <c r="G56110" s="1" t="s">
        <v>188702</v>
      </c>
      <c r="H56110" s="1" t="s">
        <v>188703</v>
      </c>
      <c r="I56110" s="1" t="s">
        <v>187135</v>
      </c>
      <c r="J56110" s="1" t="s">
        <v>188727</v>
      </c>
    </row>
    <row r="56111" spans="1:10" x14ac:dyDescent="0.35">
      <c r="A56111" s="1" t="s">
        <v>9916</v>
      </c>
      <c r="B56111" s="1" t="s">
        <v>187129</v>
      </c>
      <c r="C56111" s="1" t="s">
        <v>55</v>
      </c>
      <c r="D56111" s="1" t="s">
        <v>104801</v>
      </c>
      <c r="E56111" s="1" t="s">
        <v>188728</v>
      </c>
      <c r="F56111" s="1" t="s">
        <v>188729</v>
      </c>
      <c r="G56111" s="1" t="s">
        <v>188702</v>
      </c>
      <c r="H56111" s="1" t="s">
        <v>188703</v>
      </c>
      <c r="I56111" s="1" t="s">
        <v>187135</v>
      </c>
      <c r="J56111" s="1" t="s">
        <v>188730</v>
      </c>
    </row>
    <row r="56112" spans="1:10" x14ac:dyDescent="0.35">
      <c r="A56112" s="1" t="s">
        <v>9916</v>
      </c>
      <c r="B56112" s="1" t="s">
        <v>187129</v>
      </c>
      <c r="C56112" s="1" t="s">
        <v>60</v>
      </c>
      <c r="D56112" s="1" t="s">
        <v>51707</v>
      </c>
      <c r="E56112" s="1" t="s">
        <v>188731</v>
      </c>
      <c r="F56112" s="1" t="s">
        <v>188732</v>
      </c>
      <c r="G56112" s="1" t="s">
        <v>188702</v>
      </c>
      <c r="H56112" s="1" t="s">
        <v>188703</v>
      </c>
      <c r="I56112" s="1" t="s">
        <v>187135</v>
      </c>
      <c r="J56112" s="1" t="s">
        <v>188733</v>
      </c>
    </row>
    <row r="56113" spans="1:10" x14ac:dyDescent="0.35">
      <c r="A56113" s="1" t="s">
        <v>9916</v>
      </c>
      <c r="B56113" s="1" t="s">
        <v>187129</v>
      </c>
      <c r="C56113" s="1" t="s">
        <v>65</v>
      </c>
      <c r="D56113" s="1" t="s">
        <v>2917</v>
      </c>
      <c r="E56113" s="1" t="s">
        <v>188734</v>
      </c>
      <c r="F56113" s="1" t="s">
        <v>188735</v>
      </c>
      <c r="G56113" s="1" t="s">
        <v>188702</v>
      </c>
      <c r="H56113" s="1" t="s">
        <v>188703</v>
      </c>
      <c r="I56113" s="1" t="s">
        <v>187135</v>
      </c>
      <c r="J56113" s="1" t="s">
        <v>188736</v>
      </c>
    </row>
    <row r="56114" spans="1:10" x14ac:dyDescent="0.35">
      <c r="A56114" s="1" t="s">
        <v>9916</v>
      </c>
      <c r="B56114" s="1" t="s">
        <v>187129</v>
      </c>
      <c r="C56114" s="1" t="s">
        <v>70</v>
      </c>
      <c r="D56114" s="1" t="s">
        <v>118922</v>
      </c>
      <c r="E56114" s="1" t="s">
        <v>188737</v>
      </c>
      <c r="F56114" s="1" t="s">
        <v>188738</v>
      </c>
      <c r="G56114" s="1" t="s">
        <v>188702</v>
      </c>
      <c r="H56114" s="1" t="s">
        <v>188703</v>
      </c>
      <c r="I56114" s="1" t="s">
        <v>187135</v>
      </c>
      <c r="J56114" s="1" t="s">
        <v>188739</v>
      </c>
    </row>
    <row r="56115" spans="1:10" x14ac:dyDescent="0.35">
      <c r="A56115" s="1" t="s">
        <v>9916</v>
      </c>
      <c r="B56115" s="1" t="s">
        <v>187129</v>
      </c>
      <c r="C56115" s="1" t="s">
        <v>75</v>
      </c>
      <c r="D56115" s="1" t="s">
        <v>188740</v>
      </c>
      <c r="E56115" s="1" t="s">
        <v>188741</v>
      </c>
      <c r="F56115" s="1" t="s">
        <v>188742</v>
      </c>
      <c r="G56115" s="1" t="s">
        <v>188702</v>
      </c>
      <c r="H56115" s="1" t="s">
        <v>188703</v>
      </c>
      <c r="I56115" s="1" t="s">
        <v>187135</v>
      </c>
      <c r="J56115" s="1" t="s">
        <v>188743</v>
      </c>
    </row>
    <row r="56116" spans="1:10" x14ac:dyDescent="0.35">
      <c r="A56116" s="1" t="s">
        <v>9916</v>
      </c>
      <c r="B56116" s="1" t="s">
        <v>187129</v>
      </c>
      <c r="C56116" s="1" t="s">
        <v>80</v>
      </c>
      <c r="D56116" s="1" t="s">
        <v>72483</v>
      </c>
      <c r="E56116" s="1" t="s">
        <v>188744</v>
      </c>
      <c r="F56116" s="1" t="s">
        <v>188745</v>
      </c>
      <c r="G56116" s="1" t="s">
        <v>188702</v>
      </c>
      <c r="H56116" s="1" t="s">
        <v>188703</v>
      </c>
      <c r="I56116" s="1" t="s">
        <v>187135</v>
      </c>
      <c r="J56116" s="1" t="s">
        <v>188746</v>
      </c>
    </row>
    <row r="56117" spans="1:10" x14ac:dyDescent="0.35">
      <c r="A56117" s="1" t="s">
        <v>9916</v>
      </c>
      <c r="B56117" s="1" t="s">
        <v>187129</v>
      </c>
      <c r="C56117" s="1" t="s">
        <v>85</v>
      </c>
      <c r="D56117" s="1" t="s">
        <v>104839</v>
      </c>
      <c r="E56117" s="1" t="s">
        <v>188747</v>
      </c>
      <c r="F56117" s="1" t="s">
        <v>188748</v>
      </c>
      <c r="G56117" s="1" t="s">
        <v>188702</v>
      </c>
      <c r="H56117" s="1" t="s">
        <v>188703</v>
      </c>
      <c r="I56117" s="1" t="s">
        <v>187135</v>
      </c>
      <c r="J56117" s="1" t="s">
        <v>188749</v>
      </c>
    </row>
    <row r="56118" spans="1:10" x14ac:dyDescent="0.35">
      <c r="A56118" s="1" t="s">
        <v>9916</v>
      </c>
      <c r="B56118" s="1" t="s">
        <v>187129</v>
      </c>
      <c r="C56118" s="1" t="s">
        <v>90</v>
      </c>
      <c r="D56118" s="1" t="s">
        <v>188750</v>
      </c>
      <c r="E56118" s="1" t="s">
        <v>188751</v>
      </c>
      <c r="F56118" s="1" t="s">
        <v>188752</v>
      </c>
      <c r="G56118" s="1" t="s">
        <v>188702</v>
      </c>
      <c r="H56118" s="1" t="s">
        <v>188703</v>
      </c>
      <c r="I56118" s="1" t="s">
        <v>187135</v>
      </c>
      <c r="J56118" s="1" t="s">
        <v>188753</v>
      </c>
    </row>
    <row r="56119" spans="1:10" x14ac:dyDescent="0.35">
      <c r="A56119" s="1" t="s">
        <v>9916</v>
      </c>
      <c r="B56119" s="1" t="s">
        <v>187129</v>
      </c>
      <c r="C56119" s="1" t="s">
        <v>95</v>
      </c>
      <c r="D56119" s="1" t="s">
        <v>72369</v>
      </c>
      <c r="E56119" s="1" t="s">
        <v>188754</v>
      </c>
      <c r="F56119" s="1" t="s">
        <v>188755</v>
      </c>
      <c r="G56119" s="1" t="s">
        <v>188702</v>
      </c>
      <c r="H56119" s="1" t="s">
        <v>188703</v>
      </c>
      <c r="I56119" s="1" t="s">
        <v>187135</v>
      </c>
      <c r="J56119" s="1" t="s">
        <v>188756</v>
      </c>
    </row>
    <row r="56120" spans="1:10" x14ac:dyDescent="0.35">
      <c r="A56120" s="1" t="s">
        <v>9916</v>
      </c>
      <c r="B56120" s="1" t="s">
        <v>187129</v>
      </c>
      <c r="C56120" s="1" t="s">
        <v>100</v>
      </c>
      <c r="D56120" s="1" t="s">
        <v>51592</v>
      </c>
      <c r="E56120" s="1" t="s">
        <v>188757</v>
      </c>
      <c r="F56120" s="1" t="s">
        <v>188758</v>
      </c>
      <c r="G56120" s="1" t="s">
        <v>188702</v>
      </c>
      <c r="H56120" s="1" t="s">
        <v>188703</v>
      </c>
      <c r="I56120" s="1" t="s">
        <v>187135</v>
      </c>
      <c r="J56120" s="1" t="s">
        <v>188759</v>
      </c>
    </row>
    <row r="56121" spans="1:10" x14ac:dyDescent="0.35">
      <c r="A56121" s="1" t="s">
        <v>9916</v>
      </c>
      <c r="B56121" s="1" t="s">
        <v>187129</v>
      </c>
      <c r="C56121" s="1" t="s">
        <v>105</v>
      </c>
      <c r="D56121" s="1" t="s">
        <v>115531</v>
      </c>
      <c r="E56121" s="1" t="s">
        <v>188760</v>
      </c>
      <c r="F56121" s="1" t="s">
        <v>188761</v>
      </c>
      <c r="G56121" s="1" t="s">
        <v>188702</v>
      </c>
      <c r="H56121" s="1" t="s">
        <v>188703</v>
      </c>
      <c r="I56121" s="1" t="s">
        <v>187135</v>
      </c>
      <c r="J56121" s="1" t="s">
        <v>188762</v>
      </c>
    </row>
    <row r="56122" spans="1:10" x14ac:dyDescent="0.35">
      <c r="A56122" s="1" t="s">
        <v>9916</v>
      </c>
      <c r="B56122" s="1" t="s">
        <v>187129</v>
      </c>
      <c r="C56122" s="1" t="s">
        <v>110</v>
      </c>
      <c r="D56122" s="1" t="s">
        <v>37848</v>
      </c>
      <c r="E56122" s="1" t="s">
        <v>188763</v>
      </c>
      <c r="F56122" s="1" t="s">
        <v>188764</v>
      </c>
      <c r="G56122" s="1" t="s">
        <v>188702</v>
      </c>
      <c r="H56122" s="1" t="s">
        <v>188703</v>
      </c>
      <c r="I56122" s="1" t="s">
        <v>187135</v>
      </c>
      <c r="J56122" s="1" t="s">
        <v>188765</v>
      </c>
    </row>
    <row r="56123" spans="1:10" x14ac:dyDescent="0.35">
      <c r="A56123" s="1" t="s">
        <v>9916</v>
      </c>
      <c r="B56123" s="1" t="s">
        <v>187129</v>
      </c>
      <c r="C56123" s="1" t="s">
        <v>115</v>
      </c>
      <c r="D56123" s="1" t="s">
        <v>125286</v>
      </c>
      <c r="E56123" s="1" t="s">
        <v>188766</v>
      </c>
      <c r="F56123" s="1" t="s">
        <v>188767</v>
      </c>
      <c r="G56123" s="1" t="s">
        <v>188702</v>
      </c>
      <c r="H56123" s="1" t="s">
        <v>188703</v>
      </c>
      <c r="I56123" s="1" t="s">
        <v>187135</v>
      </c>
      <c r="J56123" s="1" t="s">
        <v>188768</v>
      </c>
    </row>
    <row r="56124" spans="1:10" x14ac:dyDescent="0.35">
      <c r="A56124" s="1" t="s">
        <v>9916</v>
      </c>
      <c r="B56124" s="1" t="s">
        <v>187129</v>
      </c>
      <c r="C56124" s="1" t="s">
        <v>120</v>
      </c>
      <c r="D56124" s="1" t="s">
        <v>3140</v>
      </c>
      <c r="E56124" s="1" t="s">
        <v>188769</v>
      </c>
      <c r="F56124" s="1" t="s">
        <v>188770</v>
      </c>
      <c r="G56124" s="1" t="s">
        <v>188702</v>
      </c>
      <c r="H56124" s="1" t="s">
        <v>188703</v>
      </c>
      <c r="I56124" s="1" t="s">
        <v>187135</v>
      </c>
      <c r="J56124" s="1" t="s">
        <v>188771</v>
      </c>
    </row>
    <row r="56125" spans="1:10" x14ac:dyDescent="0.35">
      <c r="A56125" s="1" t="s">
        <v>9916</v>
      </c>
      <c r="B56125" s="1" t="s">
        <v>187129</v>
      </c>
      <c r="C56125" s="1" t="s">
        <v>125</v>
      </c>
      <c r="D56125" s="1" t="s">
        <v>47558</v>
      </c>
      <c r="E56125" s="1" t="s">
        <v>188772</v>
      </c>
      <c r="F56125" s="1" t="s">
        <v>188773</v>
      </c>
      <c r="G56125" s="1" t="s">
        <v>188702</v>
      </c>
      <c r="H56125" s="1" t="s">
        <v>188703</v>
      </c>
      <c r="I56125" s="1" t="s">
        <v>187135</v>
      </c>
      <c r="J56125" s="1" t="s">
        <v>188774</v>
      </c>
    </row>
    <row r="56126" spans="1:10" x14ac:dyDescent="0.35">
      <c r="A56126" s="1" t="s">
        <v>9916</v>
      </c>
      <c r="B56126" s="1" t="s">
        <v>187129</v>
      </c>
      <c r="C56126" s="1" t="s">
        <v>130</v>
      </c>
      <c r="D56126" s="1" t="s">
        <v>110494</v>
      </c>
      <c r="E56126" s="1" t="s">
        <v>188775</v>
      </c>
      <c r="F56126" s="1" t="s">
        <v>188776</v>
      </c>
      <c r="G56126" s="1" t="s">
        <v>188702</v>
      </c>
      <c r="H56126" s="1" t="s">
        <v>188703</v>
      </c>
      <c r="I56126" s="1" t="s">
        <v>187135</v>
      </c>
      <c r="J56126" s="1" t="s">
        <v>188777</v>
      </c>
    </row>
    <row r="56127" spans="1:10" x14ac:dyDescent="0.35">
      <c r="A56127" s="1" t="s">
        <v>9916</v>
      </c>
      <c r="B56127" s="1" t="s">
        <v>187129</v>
      </c>
      <c r="C56127" s="1" t="s">
        <v>135</v>
      </c>
      <c r="D56127" s="1" t="s">
        <v>176583</v>
      </c>
      <c r="E56127" s="1" t="s">
        <v>188778</v>
      </c>
      <c r="F56127" s="1" t="s">
        <v>188779</v>
      </c>
      <c r="G56127" s="1" t="s">
        <v>188702</v>
      </c>
      <c r="H56127" s="1" t="s">
        <v>188703</v>
      </c>
      <c r="I56127" s="1" t="s">
        <v>187135</v>
      </c>
      <c r="J56127" s="1" t="s">
        <v>188780</v>
      </c>
    </row>
    <row r="56128" spans="1:10" x14ac:dyDescent="0.35">
      <c r="A56128" s="1" t="s">
        <v>9916</v>
      </c>
      <c r="B56128" s="1" t="s">
        <v>187129</v>
      </c>
      <c r="C56128" s="1" t="s">
        <v>140</v>
      </c>
      <c r="D56128" s="1" t="s">
        <v>188781</v>
      </c>
      <c r="E56128" s="1" t="s">
        <v>188782</v>
      </c>
      <c r="F56128" s="1" t="s">
        <v>188783</v>
      </c>
      <c r="G56128" s="1" t="s">
        <v>188702</v>
      </c>
      <c r="H56128" s="1" t="s">
        <v>188703</v>
      </c>
      <c r="I56128" s="1" t="s">
        <v>187135</v>
      </c>
      <c r="J56128" s="1" t="s">
        <v>188784</v>
      </c>
    </row>
    <row r="56129" spans="1:10" x14ac:dyDescent="0.35">
      <c r="A56129" s="1" t="s">
        <v>9916</v>
      </c>
      <c r="B56129" s="1" t="s">
        <v>187129</v>
      </c>
      <c r="C56129" s="1" t="s">
        <v>145</v>
      </c>
      <c r="D56129" s="1" t="s">
        <v>188785</v>
      </c>
      <c r="E56129" s="1" t="s">
        <v>188786</v>
      </c>
      <c r="F56129" s="1" t="s">
        <v>188787</v>
      </c>
      <c r="G56129" s="1" t="s">
        <v>188702</v>
      </c>
      <c r="H56129" s="1" t="s">
        <v>188703</v>
      </c>
      <c r="I56129" s="1" t="s">
        <v>187135</v>
      </c>
      <c r="J56129" s="1" t="s">
        <v>188788</v>
      </c>
    </row>
    <row r="56130" spans="1:10" x14ac:dyDescent="0.35">
      <c r="A56130" s="1" t="s">
        <v>9916</v>
      </c>
      <c r="B56130" s="1" t="s">
        <v>187129</v>
      </c>
      <c r="C56130" s="1" t="s">
        <v>150</v>
      </c>
      <c r="D56130" s="1" t="s">
        <v>188789</v>
      </c>
      <c r="E56130" s="1" t="s">
        <v>188790</v>
      </c>
      <c r="F56130" s="1" t="s">
        <v>188791</v>
      </c>
      <c r="G56130" s="1" t="s">
        <v>188702</v>
      </c>
      <c r="H56130" s="1" t="s">
        <v>188703</v>
      </c>
      <c r="I56130" s="1" t="s">
        <v>187135</v>
      </c>
      <c r="J56130" s="1" t="s">
        <v>188792</v>
      </c>
    </row>
    <row r="56131" spans="1:10" x14ac:dyDescent="0.35">
      <c r="A56131" s="1" t="s">
        <v>9916</v>
      </c>
      <c r="B56131" s="1" t="s">
        <v>187129</v>
      </c>
      <c r="C56131" s="1" t="s">
        <v>155</v>
      </c>
      <c r="D56131" s="1" t="s">
        <v>115666</v>
      </c>
      <c r="E56131" s="1" t="s">
        <v>188793</v>
      </c>
      <c r="F56131" s="1" t="s">
        <v>188794</v>
      </c>
      <c r="G56131" s="1" t="s">
        <v>188702</v>
      </c>
      <c r="H56131" s="1" t="s">
        <v>188703</v>
      </c>
      <c r="I56131" s="1" t="s">
        <v>187135</v>
      </c>
      <c r="J56131" s="1" t="s">
        <v>188795</v>
      </c>
    </row>
    <row r="56132" spans="1:10" x14ac:dyDescent="0.35">
      <c r="A56132" s="1" t="s">
        <v>9916</v>
      </c>
      <c r="B56132" s="1" t="s">
        <v>187129</v>
      </c>
      <c r="C56132" s="1" t="s">
        <v>160</v>
      </c>
      <c r="D56132" s="1" t="s">
        <v>188796</v>
      </c>
      <c r="E56132" s="1" t="s">
        <v>188797</v>
      </c>
      <c r="F56132" s="1" t="s">
        <v>188798</v>
      </c>
      <c r="G56132" s="1" t="s">
        <v>188702</v>
      </c>
      <c r="H56132" s="1" t="s">
        <v>188703</v>
      </c>
      <c r="I56132" s="1" t="s">
        <v>187135</v>
      </c>
      <c r="J56132" s="1" t="s">
        <v>188799</v>
      </c>
    </row>
    <row r="56133" spans="1:10" x14ac:dyDescent="0.35">
      <c r="A56133" s="1" t="s">
        <v>9916</v>
      </c>
      <c r="B56133" s="1" t="s">
        <v>187129</v>
      </c>
      <c r="C56133" s="1" t="s">
        <v>165</v>
      </c>
      <c r="D56133" s="1" t="s">
        <v>120299</v>
      </c>
      <c r="E56133" s="1" t="s">
        <v>188800</v>
      </c>
      <c r="F56133" s="1" t="s">
        <v>188801</v>
      </c>
      <c r="G56133" s="1" t="s">
        <v>188702</v>
      </c>
      <c r="H56133" s="1" t="s">
        <v>188703</v>
      </c>
      <c r="I56133" s="1" t="s">
        <v>187135</v>
      </c>
      <c r="J56133" s="1" t="s">
        <v>188802</v>
      </c>
    </row>
    <row r="56134" spans="1:10" x14ac:dyDescent="0.35">
      <c r="A56134" s="1" t="s">
        <v>9916</v>
      </c>
      <c r="B56134" s="1" t="s">
        <v>187129</v>
      </c>
      <c r="C56134" s="1" t="s">
        <v>170</v>
      </c>
      <c r="D56134" s="1" t="s">
        <v>188803</v>
      </c>
      <c r="E56134" s="1" t="s">
        <v>188804</v>
      </c>
      <c r="F56134" s="1" t="s">
        <v>188805</v>
      </c>
      <c r="G56134" s="1" t="s">
        <v>188702</v>
      </c>
      <c r="H56134" s="1" t="s">
        <v>188703</v>
      </c>
      <c r="I56134" s="1" t="s">
        <v>187135</v>
      </c>
      <c r="J56134" s="1" t="s">
        <v>188806</v>
      </c>
    </row>
    <row r="56135" spans="1:10" x14ac:dyDescent="0.35">
      <c r="A56135" s="1" t="s">
        <v>142479</v>
      </c>
      <c r="B56135" s="1" t="s">
        <v>187129</v>
      </c>
      <c r="C56135" s="1" t="s">
        <v>8</v>
      </c>
      <c r="D56135" s="1" t="s">
        <v>36228</v>
      </c>
      <c r="E56135" s="1" t="s">
        <v>188807</v>
      </c>
      <c r="F56135" s="1" t="s">
        <v>188808</v>
      </c>
      <c r="G56135" s="1" t="s">
        <v>188809</v>
      </c>
      <c r="H56135" s="1" t="s">
        <v>188810</v>
      </c>
      <c r="I56135" s="1" t="s">
        <v>187135</v>
      </c>
      <c r="J56135" s="1" t="s">
        <v>13</v>
      </c>
    </row>
    <row r="56136" spans="1:10" x14ac:dyDescent="0.35">
      <c r="A56136" s="1" t="s">
        <v>142479</v>
      </c>
      <c r="B56136" s="1" t="s">
        <v>187129</v>
      </c>
      <c r="C56136" s="1" t="s">
        <v>15</v>
      </c>
      <c r="D56136" s="1" t="s">
        <v>31265</v>
      </c>
      <c r="E56136" s="1" t="s">
        <v>188811</v>
      </c>
      <c r="F56136" s="1" t="s">
        <v>188812</v>
      </c>
      <c r="G56136" s="1" t="s">
        <v>188809</v>
      </c>
      <c r="H56136" s="1" t="s">
        <v>188810</v>
      </c>
      <c r="I56136" s="1" t="s">
        <v>187135</v>
      </c>
      <c r="J56136" s="1" t="s">
        <v>188813</v>
      </c>
    </row>
    <row r="56137" spans="1:10" x14ac:dyDescent="0.35">
      <c r="A56137" s="1" t="s">
        <v>142479</v>
      </c>
      <c r="B56137" s="1" t="s">
        <v>187129</v>
      </c>
      <c r="C56137" s="1" t="s">
        <v>20</v>
      </c>
      <c r="D56137" s="1" t="s">
        <v>188814</v>
      </c>
      <c r="E56137" s="1" t="s">
        <v>188815</v>
      </c>
      <c r="F56137" s="1" t="s">
        <v>188816</v>
      </c>
      <c r="G56137" s="1" t="s">
        <v>188809</v>
      </c>
      <c r="H56137" s="1" t="s">
        <v>188810</v>
      </c>
      <c r="I56137" s="1" t="s">
        <v>187135</v>
      </c>
      <c r="J56137" s="1" t="s">
        <v>188817</v>
      </c>
    </row>
    <row r="56138" spans="1:10" x14ac:dyDescent="0.35">
      <c r="A56138" s="1" t="s">
        <v>142479</v>
      </c>
      <c r="B56138" s="1" t="s">
        <v>187129</v>
      </c>
      <c r="C56138" s="1" t="s">
        <v>25</v>
      </c>
      <c r="D56138" s="1" t="s">
        <v>157557</v>
      </c>
      <c r="E56138" s="1" t="s">
        <v>188818</v>
      </c>
      <c r="F56138" s="1" t="s">
        <v>188819</v>
      </c>
      <c r="G56138" s="1" t="s">
        <v>188809</v>
      </c>
      <c r="H56138" s="1" t="s">
        <v>188810</v>
      </c>
      <c r="I56138" s="1" t="s">
        <v>187135</v>
      </c>
      <c r="J56138" s="1" t="s">
        <v>188820</v>
      </c>
    </row>
    <row r="56139" spans="1:10" x14ac:dyDescent="0.35">
      <c r="A56139" s="1" t="s">
        <v>142479</v>
      </c>
      <c r="B56139" s="1" t="s">
        <v>187129</v>
      </c>
      <c r="C56139" s="1" t="s">
        <v>30</v>
      </c>
      <c r="D56139" s="1" t="s">
        <v>46860</v>
      </c>
      <c r="E56139" s="1" t="s">
        <v>188821</v>
      </c>
      <c r="F56139" s="1" t="s">
        <v>188822</v>
      </c>
      <c r="G56139" s="1" t="s">
        <v>188809</v>
      </c>
      <c r="H56139" s="1" t="s">
        <v>188810</v>
      </c>
      <c r="I56139" s="1" t="s">
        <v>187135</v>
      </c>
      <c r="J56139" s="1" t="s">
        <v>188823</v>
      </c>
    </row>
    <row r="56140" spans="1:10" x14ac:dyDescent="0.35">
      <c r="A56140" s="1" t="s">
        <v>142479</v>
      </c>
      <c r="B56140" s="1" t="s">
        <v>187129</v>
      </c>
      <c r="C56140" s="1" t="s">
        <v>35</v>
      </c>
      <c r="D56140" s="1" t="s">
        <v>6612</v>
      </c>
      <c r="E56140" s="1" t="s">
        <v>188824</v>
      </c>
      <c r="F56140" s="1" t="s">
        <v>188825</v>
      </c>
      <c r="G56140" s="1" t="s">
        <v>188809</v>
      </c>
      <c r="H56140" s="1" t="s">
        <v>188810</v>
      </c>
      <c r="I56140" s="1" t="s">
        <v>187135</v>
      </c>
      <c r="J56140" s="1" t="s">
        <v>188826</v>
      </c>
    </row>
    <row r="56141" spans="1:10" x14ac:dyDescent="0.35">
      <c r="A56141" s="1" t="s">
        <v>142479</v>
      </c>
      <c r="B56141" s="1" t="s">
        <v>187129</v>
      </c>
      <c r="C56141" s="1" t="s">
        <v>40</v>
      </c>
      <c r="D56141" s="1" t="s">
        <v>188827</v>
      </c>
      <c r="E56141" s="1" t="s">
        <v>188828</v>
      </c>
      <c r="F56141" s="1" t="s">
        <v>188829</v>
      </c>
      <c r="G56141" s="1" t="s">
        <v>188809</v>
      </c>
      <c r="H56141" s="1" t="s">
        <v>188810</v>
      </c>
      <c r="I56141" s="1" t="s">
        <v>187135</v>
      </c>
      <c r="J56141" s="1" t="s">
        <v>188830</v>
      </c>
    </row>
    <row r="56142" spans="1:10" x14ac:dyDescent="0.35">
      <c r="A56142" s="1" t="s">
        <v>142479</v>
      </c>
      <c r="B56142" s="1" t="s">
        <v>187129</v>
      </c>
      <c r="C56142" s="1" t="s">
        <v>45</v>
      </c>
      <c r="D56142" s="1" t="s">
        <v>49112</v>
      </c>
      <c r="E56142" s="1" t="s">
        <v>188831</v>
      </c>
      <c r="F56142" s="1" t="s">
        <v>188832</v>
      </c>
      <c r="G56142" s="1" t="s">
        <v>188809</v>
      </c>
      <c r="H56142" s="1" t="s">
        <v>188810</v>
      </c>
      <c r="I56142" s="1" t="s">
        <v>187135</v>
      </c>
      <c r="J56142" s="1" t="s">
        <v>188833</v>
      </c>
    </row>
    <row r="56143" spans="1:10" x14ac:dyDescent="0.35">
      <c r="A56143" s="1" t="s">
        <v>142479</v>
      </c>
      <c r="B56143" s="1" t="s">
        <v>187129</v>
      </c>
      <c r="C56143" s="1" t="s">
        <v>50</v>
      </c>
      <c r="D56143" s="1" t="s">
        <v>36707</v>
      </c>
      <c r="E56143" s="1" t="s">
        <v>188834</v>
      </c>
      <c r="F56143" s="1" t="s">
        <v>188835</v>
      </c>
      <c r="G56143" s="1" t="s">
        <v>188809</v>
      </c>
      <c r="H56143" s="1" t="s">
        <v>188810</v>
      </c>
      <c r="I56143" s="1" t="s">
        <v>187135</v>
      </c>
      <c r="J56143" s="1" t="s">
        <v>188836</v>
      </c>
    </row>
    <row r="56144" spans="1:10" x14ac:dyDescent="0.35">
      <c r="A56144" s="1" t="s">
        <v>142479</v>
      </c>
      <c r="B56144" s="1" t="s">
        <v>187129</v>
      </c>
      <c r="C56144" s="1" t="s">
        <v>55</v>
      </c>
      <c r="D56144" s="1" t="s">
        <v>52055</v>
      </c>
      <c r="E56144" s="1" t="s">
        <v>188837</v>
      </c>
      <c r="F56144" s="1" t="s">
        <v>188838</v>
      </c>
      <c r="G56144" s="1" t="s">
        <v>188809</v>
      </c>
      <c r="H56144" s="1" t="s">
        <v>188810</v>
      </c>
      <c r="I56144" s="1" t="s">
        <v>187135</v>
      </c>
      <c r="J56144" s="1" t="s">
        <v>188839</v>
      </c>
    </row>
    <row r="56145" spans="1:10" x14ac:dyDescent="0.35">
      <c r="A56145" s="1" t="s">
        <v>142479</v>
      </c>
      <c r="B56145" s="1" t="s">
        <v>187129</v>
      </c>
      <c r="C56145" s="1" t="s">
        <v>60</v>
      </c>
      <c r="D56145" s="1" t="s">
        <v>11779</v>
      </c>
      <c r="E56145" s="1" t="s">
        <v>188840</v>
      </c>
      <c r="F56145" s="1" t="s">
        <v>188841</v>
      </c>
      <c r="G56145" s="1" t="s">
        <v>188809</v>
      </c>
      <c r="H56145" s="1" t="s">
        <v>188810</v>
      </c>
      <c r="I56145" s="1" t="s">
        <v>187135</v>
      </c>
      <c r="J56145" s="1" t="s">
        <v>188842</v>
      </c>
    </row>
    <row r="56146" spans="1:10" x14ac:dyDescent="0.35">
      <c r="A56146" s="1" t="s">
        <v>142479</v>
      </c>
      <c r="B56146" s="1" t="s">
        <v>187129</v>
      </c>
      <c r="C56146" s="1" t="s">
        <v>65</v>
      </c>
      <c r="D56146" s="1" t="s">
        <v>125093</v>
      </c>
      <c r="E56146" s="1" t="s">
        <v>188843</v>
      </c>
      <c r="F56146" s="1" t="s">
        <v>188844</v>
      </c>
      <c r="G56146" s="1" t="s">
        <v>188809</v>
      </c>
      <c r="H56146" s="1" t="s">
        <v>188810</v>
      </c>
      <c r="I56146" s="1" t="s">
        <v>187135</v>
      </c>
      <c r="J56146" s="1" t="s">
        <v>188845</v>
      </c>
    </row>
    <row r="56147" spans="1:10" x14ac:dyDescent="0.35">
      <c r="A56147" s="1" t="s">
        <v>142479</v>
      </c>
      <c r="B56147" s="1" t="s">
        <v>187129</v>
      </c>
      <c r="C56147" s="1" t="s">
        <v>70</v>
      </c>
      <c r="D56147" s="1" t="s">
        <v>188846</v>
      </c>
      <c r="E56147" s="1" t="s">
        <v>188847</v>
      </c>
      <c r="F56147" s="1" t="s">
        <v>188848</v>
      </c>
      <c r="G56147" s="1" t="s">
        <v>188809</v>
      </c>
      <c r="H56147" s="1" t="s">
        <v>188810</v>
      </c>
      <c r="I56147" s="1" t="s">
        <v>187135</v>
      </c>
      <c r="J56147" s="1" t="s">
        <v>188849</v>
      </c>
    </row>
    <row r="56148" spans="1:10" x14ac:dyDescent="0.35">
      <c r="A56148" s="1" t="s">
        <v>142479</v>
      </c>
      <c r="B56148" s="1" t="s">
        <v>187129</v>
      </c>
      <c r="C56148" s="1" t="s">
        <v>75</v>
      </c>
      <c r="D56148" s="1" t="s">
        <v>72396</v>
      </c>
      <c r="E56148" s="1" t="s">
        <v>188850</v>
      </c>
      <c r="F56148" s="1" t="s">
        <v>188851</v>
      </c>
      <c r="G56148" s="1" t="s">
        <v>188809</v>
      </c>
      <c r="H56148" s="1" t="s">
        <v>188810</v>
      </c>
      <c r="I56148" s="1" t="s">
        <v>187135</v>
      </c>
      <c r="J56148" s="1" t="s">
        <v>188852</v>
      </c>
    </row>
    <row r="56149" spans="1:10" x14ac:dyDescent="0.35">
      <c r="A56149" s="1" t="s">
        <v>142479</v>
      </c>
      <c r="B56149" s="1" t="s">
        <v>187129</v>
      </c>
      <c r="C56149" s="1" t="s">
        <v>80</v>
      </c>
      <c r="D56149" s="1" t="s">
        <v>181234</v>
      </c>
      <c r="E56149" s="1" t="s">
        <v>188853</v>
      </c>
      <c r="F56149" s="1" t="s">
        <v>188854</v>
      </c>
      <c r="G56149" s="1" t="s">
        <v>188809</v>
      </c>
      <c r="H56149" s="1" t="s">
        <v>188810</v>
      </c>
      <c r="I56149" s="1" t="s">
        <v>187135</v>
      </c>
      <c r="J56149" s="1" t="s">
        <v>188855</v>
      </c>
    </row>
    <row r="56150" spans="1:10" x14ac:dyDescent="0.35">
      <c r="A56150" s="1" t="s">
        <v>142479</v>
      </c>
      <c r="B56150" s="1" t="s">
        <v>187129</v>
      </c>
      <c r="C56150" s="1" t="s">
        <v>85</v>
      </c>
      <c r="D56150" s="1" t="s">
        <v>3417</v>
      </c>
      <c r="E56150" s="1" t="s">
        <v>188856</v>
      </c>
      <c r="F56150" s="1" t="s">
        <v>188857</v>
      </c>
      <c r="G56150" s="1" t="s">
        <v>188809</v>
      </c>
      <c r="H56150" s="1" t="s">
        <v>188810</v>
      </c>
      <c r="I56150" s="1" t="s">
        <v>187135</v>
      </c>
      <c r="J56150" s="1" t="s">
        <v>188858</v>
      </c>
    </row>
    <row r="56151" spans="1:10" x14ac:dyDescent="0.35">
      <c r="A56151" s="1" t="s">
        <v>142479</v>
      </c>
      <c r="B56151" s="1" t="s">
        <v>187129</v>
      </c>
      <c r="C56151" s="1" t="s">
        <v>90</v>
      </c>
      <c r="D56151" s="1" t="s">
        <v>125475</v>
      </c>
      <c r="E56151" s="1" t="s">
        <v>188859</v>
      </c>
      <c r="F56151" s="1" t="s">
        <v>188860</v>
      </c>
      <c r="G56151" s="1" t="s">
        <v>188809</v>
      </c>
      <c r="H56151" s="1" t="s">
        <v>188810</v>
      </c>
      <c r="I56151" s="1" t="s">
        <v>187135</v>
      </c>
      <c r="J56151" s="1" t="s">
        <v>188861</v>
      </c>
    </row>
    <row r="56152" spans="1:10" x14ac:dyDescent="0.35">
      <c r="A56152" s="1" t="s">
        <v>142479</v>
      </c>
      <c r="B56152" s="1" t="s">
        <v>187129</v>
      </c>
      <c r="C56152" s="1" t="s">
        <v>95</v>
      </c>
      <c r="D56152" s="1" t="s">
        <v>188862</v>
      </c>
      <c r="E56152" s="1" t="s">
        <v>188863</v>
      </c>
      <c r="F56152" s="1" t="s">
        <v>188864</v>
      </c>
      <c r="G56152" s="1" t="s">
        <v>188809</v>
      </c>
      <c r="H56152" s="1" t="s">
        <v>188810</v>
      </c>
      <c r="I56152" s="1" t="s">
        <v>187135</v>
      </c>
      <c r="J56152" s="1" t="s">
        <v>188865</v>
      </c>
    </row>
    <row r="56153" spans="1:10" x14ac:dyDescent="0.35">
      <c r="A56153" s="1" t="s">
        <v>142479</v>
      </c>
      <c r="B56153" s="1" t="s">
        <v>187129</v>
      </c>
      <c r="C56153" s="1" t="s">
        <v>100</v>
      </c>
      <c r="D56153" s="1" t="s">
        <v>188866</v>
      </c>
      <c r="E56153" s="1" t="s">
        <v>188867</v>
      </c>
      <c r="F56153" s="1" t="s">
        <v>188868</v>
      </c>
      <c r="G56153" s="1" t="s">
        <v>188809</v>
      </c>
      <c r="H56153" s="1" t="s">
        <v>188810</v>
      </c>
      <c r="I56153" s="1" t="s">
        <v>187135</v>
      </c>
      <c r="J56153" s="1" t="s">
        <v>188869</v>
      </c>
    </row>
    <row r="56154" spans="1:10" x14ac:dyDescent="0.35">
      <c r="A56154" s="1" t="s">
        <v>142479</v>
      </c>
      <c r="B56154" s="1" t="s">
        <v>187129</v>
      </c>
      <c r="C56154" s="1" t="s">
        <v>105</v>
      </c>
      <c r="D56154" s="1" t="s">
        <v>75047</v>
      </c>
      <c r="E56154" s="1" t="s">
        <v>188870</v>
      </c>
      <c r="F56154" s="1" t="s">
        <v>188871</v>
      </c>
      <c r="G56154" s="1" t="s">
        <v>188809</v>
      </c>
      <c r="H56154" s="1" t="s">
        <v>188810</v>
      </c>
      <c r="I56154" s="1" t="s">
        <v>187135</v>
      </c>
      <c r="J56154" s="1" t="s">
        <v>188872</v>
      </c>
    </row>
    <row r="56155" spans="1:10" x14ac:dyDescent="0.35">
      <c r="A56155" s="1" t="s">
        <v>142479</v>
      </c>
      <c r="B56155" s="1" t="s">
        <v>187129</v>
      </c>
      <c r="C56155" s="1" t="s">
        <v>110</v>
      </c>
      <c r="D56155" s="1" t="s">
        <v>73789</v>
      </c>
      <c r="E56155" s="1" t="s">
        <v>188873</v>
      </c>
      <c r="F56155" s="1" t="s">
        <v>188874</v>
      </c>
      <c r="G56155" s="1" t="s">
        <v>188809</v>
      </c>
      <c r="H56155" s="1" t="s">
        <v>188810</v>
      </c>
      <c r="I56155" s="1" t="s">
        <v>187135</v>
      </c>
      <c r="J56155" s="1" t="s">
        <v>188875</v>
      </c>
    </row>
    <row r="56156" spans="1:10" x14ac:dyDescent="0.35">
      <c r="A56156" s="1" t="s">
        <v>142479</v>
      </c>
      <c r="B56156" s="1" t="s">
        <v>187129</v>
      </c>
      <c r="C56156" s="1" t="s">
        <v>115</v>
      </c>
      <c r="D56156" s="1" t="s">
        <v>32806</v>
      </c>
      <c r="E56156" s="1" t="s">
        <v>188876</v>
      </c>
      <c r="F56156" s="1" t="s">
        <v>188877</v>
      </c>
      <c r="G56156" s="1" t="s">
        <v>188809</v>
      </c>
      <c r="H56156" s="1" t="s">
        <v>188810</v>
      </c>
      <c r="I56156" s="1" t="s">
        <v>187135</v>
      </c>
      <c r="J56156" s="1" t="s">
        <v>188878</v>
      </c>
    </row>
    <row r="56157" spans="1:10" x14ac:dyDescent="0.35">
      <c r="A56157" s="1" t="s">
        <v>142479</v>
      </c>
      <c r="B56157" s="1" t="s">
        <v>187129</v>
      </c>
      <c r="C56157" s="1" t="s">
        <v>120</v>
      </c>
      <c r="D56157" s="1" t="s">
        <v>73048</v>
      </c>
      <c r="E56157" s="1" t="s">
        <v>188879</v>
      </c>
      <c r="F56157" s="1" t="s">
        <v>188880</v>
      </c>
      <c r="G56157" s="1" t="s">
        <v>188809</v>
      </c>
      <c r="H56157" s="1" t="s">
        <v>188810</v>
      </c>
      <c r="I56157" s="1" t="s">
        <v>187135</v>
      </c>
      <c r="J56157" s="1" t="s">
        <v>188881</v>
      </c>
    </row>
    <row r="56158" spans="1:10" x14ac:dyDescent="0.35">
      <c r="A56158" s="1" t="s">
        <v>142479</v>
      </c>
      <c r="B56158" s="1" t="s">
        <v>187129</v>
      </c>
      <c r="C56158" s="1" t="s">
        <v>125</v>
      </c>
      <c r="D56158" s="1" t="s">
        <v>32607</v>
      </c>
      <c r="E56158" s="1" t="s">
        <v>188882</v>
      </c>
      <c r="F56158" s="1" t="s">
        <v>188883</v>
      </c>
      <c r="G56158" s="1" t="s">
        <v>188809</v>
      </c>
      <c r="H56158" s="1" t="s">
        <v>188810</v>
      </c>
      <c r="I56158" s="1" t="s">
        <v>187135</v>
      </c>
      <c r="J56158" s="1" t="s">
        <v>188884</v>
      </c>
    </row>
    <row r="56159" spans="1:10" x14ac:dyDescent="0.35">
      <c r="A56159" s="1" t="s">
        <v>142479</v>
      </c>
      <c r="B56159" s="1" t="s">
        <v>187129</v>
      </c>
      <c r="C56159" s="1" t="s">
        <v>130</v>
      </c>
      <c r="D56159" s="1" t="s">
        <v>13259</v>
      </c>
      <c r="E56159" s="1" t="s">
        <v>188885</v>
      </c>
      <c r="F56159" s="1" t="s">
        <v>188886</v>
      </c>
      <c r="G56159" s="1" t="s">
        <v>188809</v>
      </c>
      <c r="H56159" s="1" t="s">
        <v>188810</v>
      </c>
      <c r="I56159" s="1" t="s">
        <v>187135</v>
      </c>
      <c r="J56159" s="1" t="s">
        <v>188887</v>
      </c>
    </row>
    <row r="56160" spans="1:10" x14ac:dyDescent="0.35">
      <c r="A56160" s="1" t="s">
        <v>142479</v>
      </c>
      <c r="B56160" s="1" t="s">
        <v>187129</v>
      </c>
      <c r="C56160" s="1" t="s">
        <v>135</v>
      </c>
      <c r="D56160" s="1" t="s">
        <v>111</v>
      </c>
      <c r="E56160" s="1" t="s">
        <v>188888</v>
      </c>
      <c r="F56160" s="1" t="s">
        <v>188889</v>
      </c>
      <c r="G56160" s="1" t="s">
        <v>188809</v>
      </c>
      <c r="H56160" s="1" t="s">
        <v>188810</v>
      </c>
      <c r="I56160" s="1" t="s">
        <v>187135</v>
      </c>
      <c r="J56160" s="1" t="s">
        <v>188890</v>
      </c>
    </row>
    <row r="56161" spans="1:10" x14ac:dyDescent="0.35">
      <c r="A56161" s="1" t="s">
        <v>142479</v>
      </c>
      <c r="B56161" s="1" t="s">
        <v>187129</v>
      </c>
      <c r="C56161" s="1" t="s">
        <v>140</v>
      </c>
      <c r="D56161" s="1" t="s">
        <v>42536</v>
      </c>
      <c r="E56161" s="1" t="s">
        <v>188891</v>
      </c>
      <c r="F56161" s="1" t="s">
        <v>188892</v>
      </c>
      <c r="G56161" s="1" t="s">
        <v>188809</v>
      </c>
      <c r="H56161" s="1" t="s">
        <v>188810</v>
      </c>
      <c r="I56161" s="1" t="s">
        <v>187135</v>
      </c>
      <c r="J56161" s="1" t="s">
        <v>188893</v>
      </c>
    </row>
    <row r="56162" spans="1:10" x14ac:dyDescent="0.35">
      <c r="A56162" s="1" t="s">
        <v>142479</v>
      </c>
      <c r="B56162" s="1" t="s">
        <v>187129</v>
      </c>
      <c r="C56162" s="1" t="s">
        <v>145</v>
      </c>
      <c r="D56162" s="1" t="s">
        <v>188894</v>
      </c>
      <c r="E56162" s="1" t="s">
        <v>188895</v>
      </c>
      <c r="F56162" s="1" t="s">
        <v>188896</v>
      </c>
      <c r="G56162" s="1" t="s">
        <v>188809</v>
      </c>
      <c r="H56162" s="1" t="s">
        <v>188810</v>
      </c>
      <c r="I56162" s="1" t="s">
        <v>187135</v>
      </c>
      <c r="J56162" s="1" t="s">
        <v>188897</v>
      </c>
    </row>
    <row r="56163" spans="1:10" x14ac:dyDescent="0.35">
      <c r="A56163" s="1" t="s">
        <v>142479</v>
      </c>
      <c r="B56163" s="1" t="s">
        <v>187129</v>
      </c>
      <c r="C56163" s="1" t="s">
        <v>150</v>
      </c>
      <c r="D56163" s="1" t="s">
        <v>83509</v>
      </c>
      <c r="E56163" s="1" t="s">
        <v>188898</v>
      </c>
      <c r="F56163" s="1" t="s">
        <v>188899</v>
      </c>
      <c r="G56163" s="1" t="s">
        <v>188809</v>
      </c>
      <c r="H56163" s="1" t="s">
        <v>188810</v>
      </c>
      <c r="I56163" s="1" t="s">
        <v>187135</v>
      </c>
      <c r="J56163" s="1" t="s">
        <v>188900</v>
      </c>
    </row>
    <row r="56164" spans="1:10" x14ac:dyDescent="0.35">
      <c r="A56164" s="1" t="s">
        <v>142479</v>
      </c>
      <c r="B56164" s="1" t="s">
        <v>187129</v>
      </c>
      <c r="C56164" s="1" t="s">
        <v>155</v>
      </c>
      <c r="D56164" s="1" t="s">
        <v>188901</v>
      </c>
      <c r="E56164" s="1" t="s">
        <v>188902</v>
      </c>
      <c r="F56164" s="1" t="s">
        <v>188903</v>
      </c>
      <c r="G56164" s="1" t="s">
        <v>188809</v>
      </c>
      <c r="H56164" s="1" t="s">
        <v>188810</v>
      </c>
      <c r="I56164" s="1" t="s">
        <v>187135</v>
      </c>
      <c r="J56164" s="1" t="s">
        <v>188904</v>
      </c>
    </row>
    <row r="56165" spans="1:10" x14ac:dyDescent="0.35">
      <c r="A56165" s="1" t="s">
        <v>142479</v>
      </c>
      <c r="B56165" s="1" t="s">
        <v>187129</v>
      </c>
      <c r="C56165" s="1" t="s">
        <v>160</v>
      </c>
      <c r="D56165" s="1" t="s">
        <v>123863</v>
      </c>
      <c r="E56165" s="1" t="s">
        <v>188905</v>
      </c>
      <c r="F56165" s="1" t="s">
        <v>188906</v>
      </c>
      <c r="G56165" s="1" t="s">
        <v>188809</v>
      </c>
      <c r="H56165" s="1" t="s">
        <v>188810</v>
      </c>
      <c r="I56165" s="1" t="s">
        <v>187135</v>
      </c>
      <c r="J56165" s="1" t="s">
        <v>188907</v>
      </c>
    </row>
    <row r="56166" spans="1:10" x14ac:dyDescent="0.35">
      <c r="A56166" s="1" t="s">
        <v>142479</v>
      </c>
      <c r="B56166" s="1" t="s">
        <v>187129</v>
      </c>
      <c r="C56166" s="1" t="s">
        <v>165</v>
      </c>
      <c r="D56166" s="1" t="s">
        <v>4634</v>
      </c>
      <c r="E56166" s="1" t="s">
        <v>188908</v>
      </c>
      <c r="F56166" s="1" t="s">
        <v>188909</v>
      </c>
      <c r="G56166" s="1" t="s">
        <v>188809</v>
      </c>
      <c r="H56166" s="1" t="s">
        <v>188810</v>
      </c>
      <c r="I56166" s="1" t="s">
        <v>187135</v>
      </c>
      <c r="J56166" s="1" t="s">
        <v>188910</v>
      </c>
    </row>
    <row r="56167" spans="1:10" x14ac:dyDescent="0.35">
      <c r="A56167" s="1" t="s">
        <v>142479</v>
      </c>
      <c r="B56167" s="1" t="s">
        <v>187129</v>
      </c>
      <c r="C56167" s="1" t="s">
        <v>170</v>
      </c>
      <c r="D56167" s="1" t="s">
        <v>73820</v>
      </c>
      <c r="E56167" s="1" t="s">
        <v>188911</v>
      </c>
      <c r="F56167" s="1" t="s">
        <v>188912</v>
      </c>
      <c r="G56167" s="1" t="s">
        <v>188809</v>
      </c>
      <c r="H56167" s="1" t="s">
        <v>188810</v>
      </c>
      <c r="I56167" s="1" t="s">
        <v>187135</v>
      </c>
      <c r="J56167" s="1" t="s">
        <v>188913</v>
      </c>
    </row>
    <row r="56168" spans="1:10" x14ac:dyDescent="0.35">
      <c r="A56168" s="1" t="s">
        <v>45725</v>
      </c>
      <c r="B56168" s="1" t="s">
        <v>187129</v>
      </c>
      <c r="C56168" s="1" t="s">
        <v>8</v>
      </c>
      <c r="D56168" s="1" t="s">
        <v>144789</v>
      </c>
      <c r="E56168" s="1" t="s">
        <v>188914</v>
      </c>
      <c r="F56168" s="1" t="s">
        <v>188915</v>
      </c>
      <c r="G56168" s="1" t="s">
        <v>188916</v>
      </c>
      <c r="H56168" s="1" t="s">
        <v>188917</v>
      </c>
      <c r="I56168" s="1" t="s">
        <v>187135</v>
      </c>
      <c r="J56168" s="1" t="s">
        <v>13</v>
      </c>
    </row>
    <row r="56169" spans="1:10" x14ac:dyDescent="0.35">
      <c r="A56169" s="1" t="s">
        <v>45725</v>
      </c>
      <c r="B56169" s="1" t="s">
        <v>187129</v>
      </c>
      <c r="C56169" s="1" t="s">
        <v>15</v>
      </c>
      <c r="D56169" s="1" t="s">
        <v>1719</v>
      </c>
      <c r="E56169" s="1" t="s">
        <v>188918</v>
      </c>
      <c r="F56169" s="1" t="s">
        <v>188919</v>
      </c>
      <c r="G56169" s="1" t="s">
        <v>188916</v>
      </c>
      <c r="H56169" s="1" t="s">
        <v>188917</v>
      </c>
      <c r="I56169" s="1" t="s">
        <v>187135</v>
      </c>
      <c r="J56169" s="1" t="s">
        <v>188920</v>
      </c>
    </row>
    <row r="56170" spans="1:10" x14ac:dyDescent="0.35">
      <c r="A56170" s="1" t="s">
        <v>45725</v>
      </c>
      <c r="B56170" s="1" t="s">
        <v>187129</v>
      </c>
      <c r="C56170" s="1" t="s">
        <v>20</v>
      </c>
      <c r="D56170" s="1" t="s">
        <v>7556</v>
      </c>
      <c r="E56170" s="1" t="s">
        <v>188921</v>
      </c>
      <c r="F56170" s="1" t="s">
        <v>188922</v>
      </c>
      <c r="G56170" s="1" t="s">
        <v>188916</v>
      </c>
      <c r="H56170" s="1" t="s">
        <v>188917</v>
      </c>
      <c r="I56170" s="1" t="s">
        <v>187135</v>
      </c>
      <c r="J56170" s="1" t="s">
        <v>188923</v>
      </c>
    </row>
    <row r="56171" spans="1:10" x14ac:dyDescent="0.35">
      <c r="A56171" s="1" t="s">
        <v>45725</v>
      </c>
      <c r="B56171" s="1" t="s">
        <v>187129</v>
      </c>
      <c r="C56171" s="1" t="s">
        <v>25</v>
      </c>
      <c r="D56171" s="1" t="s">
        <v>45635</v>
      </c>
      <c r="E56171" s="1" t="s">
        <v>188924</v>
      </c>
      <c r="F56171" s="1" t="s">
        <v>188925</v>
      </c>
      <c r="G56171" s="1" t="s">
        <v>188916</v>
      </c>
      <c r="H56171" s="1" t="s">
        <v>188917</v>
      </c>
      <c r="I56171" s="1" t="s">
        <v>187135</v>
      </c>
      <c r="J56171" s="1" t="s">
        <v>188926</v>
      </c>
    </row>
    <row r="56172" spans="1:10" x14ac:dyDescent="0.35">
      <c r="A56172" s="1" t="s">
        <v>45725</v>
      </c>
      <c r="B56172" s="1" t="s">
        <v>187129</v>
      </c>
      <c r="C56172" s="1" t="s">
        <v>30</v>
      </c>
      <c r="D56172" s="1" t="s">
        <v>44542</v>
      </c>
      <c r="E56172" s="1" t="s">
        <v>188927</v>
      </c>
      <c r="F56172" s="1" t="s">
        <v>188928</v>
      </c>
      <c r="G56172" s="1" t="s">
        <v>188916</v>
      </c>
      <c r="H56172" s="1" t="s">
        <v>188917</v>
      </c>
      <c r="I56172" s="1" t="s">
        <v>187135</v>
      </c>
      <c r="J56172" s="1" t="s">
        <v>188929</v>
      </c>
    </row>
    <row r="56173" spans="1:10" x14ac:dyDescent="0.35">
      <c r="A56173" s="1" t="s">
        <v>45725</v>
      </c>
      <c r="B56173" s="1" t="s">
        <v>187129</v>
      </c>
      <c r="C56173" s="1" t="s">
        <v>35</v>
      </c>
      <c r="D56173" s="1" t="s">
        <v>111798</v>
      </c>
      <c r="E56173" s="1" t="s">
        <v>188930</v>
      </c>
      <c r="F56173" s="1" t="s">
        <v>188931</v>
      </c>
      <c r="G56173" s="1" t="s">
        <v>188916</v>
      </c>
      <c r="H56173" s="1" t="s">
        <v>188917</v>
      </c>
      <c r="I56173" s="1" t="s">
        <v>187135</v>
      </c>
      <c r="J56173" s="1" t="s">
        <v>188932</v>
      </c>
    </row>
    <row r="56174" spans="1:10" x14ac:dyDescent="0.35">
      <c r="A56174" s="1" t="s">
        <v>45725</v>
      </c>
      <c r="B56174" s="1" t="s">
        <v>187129</v>
      </c>
      <c r="C56174" s="1" t="s">
        <v>40</v>
      </c>
      <c r="D56174" s="1" t="s">
        <v>29553</v>
      </c>
      <c r="E56174" s="1" t="s">
        <v>188933</v>
      </c>
      <c r="F56174" s="1" t="s">
        <v>188934</v>
      </c>
      <c r="G56174" s="1" t="s">
        <v>188916</v>
      </c>
      <c r="H56174" s="1" t="s">
        <v>188917</v>
      </c>
      <c r="I56174" s="1" t="s">
        <v>187135</v>
      </c>
      <c r="J56174" s="1" t="s">
        <v>188935</v>
      </c>
    </row>
    <row r="56175" spans="1:10" x14ac:dyDescent="0.35">
      <c r="A56175" s="1" t="s">
        <v>45725</v>
      </c>
      <c r="B56175" s="1" t="s">
        <v>187129</v>
      </c>
      <c r="C56175" s="1" t="s">
        <v>45</v>
      </c>
      <c r="D56175" s="1" t="s">
        <v>14983</v>
      </c>
      <c r="E56175" s="1" t="s">
        <v>188936</v>
      </c>
      <c r="F56175" s="1" t="s">
        <v>188937</v>
      </c>
      <c r="G56175" s="1" t="s">
        <v>188916</v>
      </c>
      <c r="H56175" s="1" t="s">
        <v>188917</v>
      </c>
      <c r="I56175" s="1" t="s">
        <v>187135</v>
      </c>
      <c r="J56175" s="1" t="s">
        <v>188938</v>
      </c>
    </row>
    <row r="56176" spans="1:10" x14ac:dyDescent="0.35">
      <c r="A56176" s="1" t="s">
        <v>45725</v>
      </c>
      <c r="B56176" s="1" t="s">
        <v>187129</v>
      </c>
      <c r="C56176" s="1" t="s">
        <v>50</v>
      </c>
      <c r="D56176" s="1" t="s">
        <v>1383</v>
      </c>
      <c r="E56176" s="1" t="s">
        <v>188939</v>
      </c>
      <c r="F56176" s="1" t="s">
        <v>188940</v>
      </c>
      <c r="G56176" s="1" t="s">
        <v>188916</v>
      </c>
      <c r="H56176" s="1" t="s">
        <v>188917</v>
      </c>
      <c r="I56176" s="1" t="s">
        <v>187135</v>
      </c>
      <c r="J56176" s="1" t="s">
        <v>188941</v>
      </c>
    </row>
    <row r="56177" spans="1:10" x14ac:dyDescent="0.35">
      <c r="A56177" s="1" t="s">
        <v>45725</v>
      </c>
      <c r="B56177" s="1" t="s">
        <v>187129</v>
      </c>
      <c r="C56177" s="1" t="s">
        <v>55</v>
      </c>
      <c r="D56177" s="1" t="s">
        <v>27965</v>
      </c>
      <c r="E56177" s="1" t="s">
        <v>188942</v>
      </c>
      <c r="F56177" s="1" t="s">
        <v>188943</v>
      </c>
      <c r="G56177" s="1" t="s">
        <v>188916</v>
      </c>
      <c r="H56177" s="1" t="s">
        <v>188917</v>
      </c>
      <c r="I56177" s="1" t="s">
        <v>187135</v>
      </c>
      <c r="J56177" s="1" t="s">
        <v>188944</v>
      </c>
    </row>
    <row r="56178" spans="1:10" x14ac:dyDescent="0.35">
      <c r="A56178" s="1" t="s">
        <v>45725</v>
      </c>
      <c r="B56178" s="1" t="s">
        <v>187129</v>
      </c>
      <c r="C56178" s="1" t="s">
        <v>60</v>
      </c>
      <c r="D56178" s="1" t="s">
        <v>14130</v>
      </c>
      <c r="E56178" s="1" t="s">
        <v>188945</v>
      </c>
      <c r="F56178" s="1" t="s">
        <v>188946</v>
      </c>
      <c r="G56178" s="1" t="s">
        <v>188916</v>
      </c>
      <c r="H56178" s="1" t="s">
        <v>188917</v>
      </c>
      <c r="I56178" s="1" t="s">
        <v>187135</v>
      </c>
      <c r="J56178" s="1" t="s">
        <v>188947</v>
      </c>
    </row>
    <row r="56179" spans="1:10" x14ac:dyDescent="0.35">
      <c r="A56179" s="1" t="s">
        <v>45725</v>
      </c>
      <c r="B56179" s="1" t="s">
        <v>187129</v>
      </c>
      <c r="C56179" s="1" t="s">
        <v>65</v>
      </c>
      <c r="D56179" s="1" t="s">
        <v>45248</v>
      </c>
      <c r="E56179" s="1" t="s">
        <v>188948</v>
      </c>
      <c r="F56179" s="1" t="s">
        <v>188949</v>
      </c>
      <c r="G56179" s="1" t="s">
        <v>188916</v>
      </c>
      <c r="H56179" s="1" t="s">
        <v>188917</v>
      </c>
      <c r="I56179" s="1" t="s">
        <v>187135</v>
      </c>
      <c r="J56179" s="1" t="s">
        <v>188950</v>
      </c>
    </row>
    <row r="56180" spans="1:10" x14ac:dyDescent="0.35">
      <c r="A56180" s="1" t="s">
        <v>45725</v>
      </c>
      <c r="B56180" s="1" t="s">
        <v>187129</v>
      </c>
      <c r="C56180" s="1" t="s">
        <v>70</v>
      </c>
      <c r="D56180" s="1" t="s">
        <v>29148</v>
      </c>
      <c r="E56180" s="1" t="s">
        <v>188951</v>
      </c>
      <c r="F56180" s="1" t="s">
        <v>188952</v>
      </c>
      <c r="G56180" s="1" t="s">
        <v>188916</v>
      </c>
      <c r="H56180" s="1" t="s">
        <v>188917</v>
      </c>
      <c r="I56180" s="1" t="s">
        <v>187135</v>
      </c>
      <c r="J56180" s="1" t="s">
        <v>188953</v>
      </c>
    </row>
    <row r="56181" spans="1:10" x14ac:dyDescent="0.35">
      <c r="A56181" s="1" t="s">
        <v>45725</v>
      </c>
      <c r="B56181" s="1" t="s">
        <v>187129</v>
      </c>
      <c r="C56181" s="1" t="s">
        <v>75</v>
      </c>
      <c r="D56181" s="1" t="s">
        <v>143761</v>
      </c>
      <c r="E56181" s="1" t="s">
        <v>188954</v>
      </c>
      <c r="F56181" s="1" t="s">
        <v>188955</v>
      </c>
      <c r="G56181" s="1" t="s">
        <v>188916</v>
      </c>
      <c r="H56181" s="1" t="s">
        <v>188917</v>
      </c>
      <c r="I56181" s="1" t="s">
        <v>187135</v>
      </c>
      <c r="J56181" s="1" t="s">
        <v>188956</v>
      </c>
    </row>
    <row r="56182" spans="1:10" x14ac:dyDescent="0.35">
      <c r="A56182" s="1" t="s">
        <v>45725</v>
      </c>
      <c r="B56182" s="1" t="s">
        <v>187129</v>
      </c>
      <c r="C56182" s="1" t="s">
        <v>80</v>
      </c>
      <c r="D56182" s="1" t="s">
        <v>45635</v>
      </c>
      <c r="E56182" s="1" t="s">
        <v>188957</v>
      </c>
      <c r="F56182" s="1" t="s">
        <v>188958</v>
      </c>
      <c r="G56182" s="1" t="s">
        <v>188916</v>
      </c>
      <c r="H56182" s="1" t="s">
        <v>188917</v>
      </c>
      <c r="I56182" s="1" t="s">
        <v>187135</v>
      </c>
      <c r="J56182" s="1" t="s">
        <v>188959</v>
      </c>
    </row>
    <row r="56183" spans="1:10" x14ac:dyDescent="0.35">
      <c r="A56183" s="1" t="s">
        <v>45725</v>
      </c>
      <c r="B56183" s="1" t="s">
        <v>187129</v>
      </c>
      <c r="C56183" s="1" t="s">
        <v>85</v>
      </c>
      <c r="D56183" s="1" t="s">
        <v>8901</v>
      </c>
      <c r="E56183" s="1" t="s">
        <v>188960</v>
      </c>
      <c r="F56183" s="1" t="s">
        <v>188961</v>
      </c>
      <c r="G56183" s="1" t="s">
        <v>188916</v>
      </c>
      <c r="H56183" s="1" t="s">
        <v>188917</v>
      </c>
      <c r="I56183" s="1" t="s">
        <v>187135</v>
      </c>
      <c r="J56183" s="1" t="s">
        <v>188962</v>
      </c>
    </row>
    <row r="56184" spans="1:10" x14ac:dyDescent="0.35">
      <c r="A56184" s="1" t="s">
        <v>45725</v>
      </c>
      <c r="B56184" s="1" t="s">
        <v>187129</v>
      </c>
      <c r="C56184" s="1" t="s">
        <v>90</v>
      </c>
      <c r="D56184" s="1" t="s">
        <v>28095</v>
      </c>
      <c r="E56184" s="1" t="s">
        <v>188963</v>
      </c>
      <c r="F56184" s="1" t="s">
        <v>188964</v>
      </c>
      <c r="G56184" s="1" t="s">
        <v>188916</v>
      </c>
      <c r="H56184" s="1" t="s">
        <v>188917</v>
      </c>
      <c r="I56184" s="1" t="s">
        <v>187135</v>
      </c>
      <c r="J56184" s="1" t="s">
        <v>188965</v>
      </c>
    </row>
    <row r="56185" spans="1:10" x14ac:dyDescent="0.35">
      <c r="A56185" s="1" t="s">
        <v>45725</v>
      </c>
      <c r="B56185" s="1" t="s">
        <v>187129</v>
      </c>
      <c r="C56185" s="1" t="s">
        <v>95</v>
      </c>
      <c r="D56185" s="1" t="s">
        <v>28649</v>
      </c>
      <c r="E56185" s="1" t="s">
        <v>188966</v>
      </c>
      <c r="F56185" s="1" t="s">
        <v>188967</v>
      </c>
      <c r="G56185" s="1" t="s">
        <v>188916</v>
      </c>
      <c r="H56185" s="1" t="s">
        <v>188917</v>
      </c>
      <c r="I56185" s="1" t="s">
        <v>187135</v>
      </c>
      <c r="J56185" s="1" t="s">
        <v>188968</v>
      </c>
    </row>
    <row r="56186" spans="1:10" x14ac:dyDescent="0.35">
      <c r="A56186" s="1" t="s">
        <v>45725</v>
      </c>
      <c r="B56186" s="1" t="s">
        <v>187129</v>
      </c>
      <c r="C56186" s="1" t="s">
        <v>100</v>
      </c>
      <c r="D56186" s="1" t="s">
        <v>188969</v>
      </c>
      <c r="E56186" s="1" t="s">
        <v>188970</v>
      </c>
      <c r="F56186" s="1" t="s">
        <v>188971</v>
      </c>
      <c r="G56186" s="1" t="s">
        <v>188916</v>
      </c>
      <c r="H56186" s="1" t="s">
        <v>188917</v>
      </c>
      <c r="I56186" s="1" t="s">
        <v>187135</v>
      </c>
      <c r="J56186" s="1" t="s">
        <v>188972</v>
      </c>
    </row>
    <row r="56187" spans="1:10" x14ac:dyDescent="0.35">
      <c r="A56187" s="1" t="s">
        <v>45725</v>
      </c>
      <c r="B56187" s="1" t="s">
        <v>187129</v>
      </c>
      <c r="C56187" s="1" t="s">
        <v>105</v>
      </c>
      <c r="D56187" s="1" t="s">
        <v>7086</v>
      </c>
      <c r="E56187" s="1" t="s">
        <v>188973</v>
      </c>
      <c r="F56187" s="1" t="s">
        <v>188974</v>
      </c>
      <c r="G56187" s="1" t="s">
        <v>188916</v>
      </c>
      <c r="H56187" s="1" t="s">
        <v>188917</v>
      </c>
      <c r="I56187" s="1" t="s">
        <v>187135</v>
      </c>
      <c r="J56187" s="1" t="s">
        <v>188975</v>
      </c>
    </row>
    <row r="56188" spans="1:10" x14ac:dyDescent="0.35">
      <c r="A56188" s="1" t="s">
        <v>45725</v>
      </c>
      <c r="B56188" s="1" t="s">
        <v>187129</v>
      </c>
      <c r="C56188" s="1" t="s">
        <v>110</v>
      </c>
      <c r="D56188" s="1" t="s">
        <v>188976</v>
      </c>
      <c r="E56188" s="1" t="s">
        <v>188977</v>
      </c>
      <c r="F56188" s="1" t="s">
        <v>188978</v>
      </c>
      <c r="G56188" s="1" t="s">
        <v>188916</v>
      </c>
      <c r="H56188" s="1" t="s">
        <v>188917</v>
      </c>
      <c r="I56188" s="1" t="s">
        <v>187135</v>
      </c>
      <c r="J56188" s="1" t="s">
        <v>188979</v>
      </c>
    </row>
    <row r="56189" spans="1:10" x14ac:dyDescent="0.35">
      <c r="A56189" s="1" t="s">
        <v>45725</v>
      </c>
      <c r="B56189" s="1" t="s">
        <v>187129</v>
      </c>
      <c r="C56189" s="1" t="s">
        <v>115</v>
      </c>
      <c r="D56189" s="1" t="s">
        <v>2948</v>
      </c>
      <c r="E56189" s="1" t="s">
        <v>188980</v>
      </c>
      <c r="F56189" s="1" t="s">
        <v>188981</v>
      </c>
      <c r="G56189" s="1" t="s">
        <v>188916</v>
      </c>
      <c r="H56189" s="1" t="s">
        <v>188917</v>
      </c>
      <c r="I56189" s="1" t="s">
        <v>187135</v>
      </c>
      <c r="J56189" s="1" t="s">
        <v>188982</v>
      </c>
    </row>
    <row r="56190" spans="1:10" x14ac:dyDescent="0.35">
      <c r="A56190" s="1" t="s">
        <v>45725</v>
      </c>
      <c r="B56190" s="1" t="s">
        <v>187129</v>
      </c>
      <c r="C56190" s="1" t="s">
        <v>120</v>
      </c>
      <c r="D56190" s="1" t="s">
        <v>37589</v>
      </c>
      <c r="E56190" s="1" t="s">
        <v>188983</v>
      </c>
      <c r="F56190" s="1" t="s">
        <v>188984</v>
      </c>
      <c r="G56190" s="1" t="s">
        <v>188916</v>
      </c>
      <c r="H56190" s="1" t="s">
        <v>188917</v>
      </c>
      <c r="I56190" s="1" t="s">
        <v>187135</v>
      </c>
      <c r="J56190" s="1" t="s">
        <v>188985</v>
      </c>
    </row>
    <row r="56191" spans="1:10" x14ac:dyDescent="0.35">
      <c r="A56191" s="1" t="s">
        <v>45725</v>
      </c>
      <c r="B56191" s="1" t="s">
        <v>187129</v>
      </c>
      <c r="C56191" s="1" t="s">
        <v>125</v>
      </c>
      <c r="D56191" s="1" t="s">
        <v>181913</v>
      </c>
      <c r="E56191" s="1" t="s">
        <v>188986</v>
      </c>
      <c r="F56191" s="1" t="s">
        <v>188987</v>
      </c>
      <c r="G56191" s="1" t="s">
        <v>188916</v>
      </c>
      <c r="H56191" s="1" t="s">
        <v>188917</v>
      </c>
      <c r="I56191" s="1" t="s">
        <v>187135</v>
      </c>
      <c r="J56191" s="1" t="s">
        <v>188988</v>
      </c>
    </row>
    <row r="56192" spans="1:10" x14ac:dyDescent="0.35">
      <c r="A56192" s="1" t="s">
        <v>45725</v>
      </c>
      <c r="B56192" s="1" t="s">
        <v>187129</v>
      </c>
      <c r="C56192" s="1" t="s">
        <v>130</v>
      </c>
      <c r="D56192" s="1" t="s">
        <v>33572</v>
      </c>
      <c r="E56192" s="1" t="s">
        <v>188989</v>
      </c>
      <c r="F56192" s="1" t="s">
        <v>188990</v>
      </c>
      <c r="G56192" s="1" t="s">
        <v>188916</v>
      </c>
      <c r="H56192" s="1" t="s">
        <v>188917</v>
      </c>
      <c r="I56192" s="1" t="s">
        <v>187135</v>
      </c>
      <c r="J56192" s="1" t="s">
        <v>188991</v>
      </c>
    </row>
    <row r="56193" spans="1:10" x14ac:dyDescent="0.35">
      <c r="A56193" s="1" t="s">
        <v>45725</v>
      </c>
      <c r="B56193" s="1" t="s">
        <v>187129</v>
      </c>
      <c r="C56193" s="1" t="s">
        <v>135</v>
      </c>
      <c r="D56193" s="1" t="s">
        <v>74984</v>
      </c>
      <c r="E56193" s="1" t="s">
        <v>188992</v>
      </c>
      <c r="F56193" s="1" t="s">
        <v>188993</v>
      </c>
      <c r="G56193" s="1" t="s">
        <v>188916</v>
      </c>
      <c r="H56193" s="1" t="s">
        <v>188917</v>
      </c>
      <c r="I56193" s="1" t="s">
        <v>187135</v>
      </c>
      <c r="J56193" s="1" t="s">
        <v>188994</v>
      </c>
    </row>
    <row r="56194" spans="1:10" x14ac:dyDescent="0.35">
      <c r="A56194" s="1" t="s">
        <v>45725</v>
      </c>
      <c r="B56194" s="1" t="s">
        <v>187129</v>
      </c>
      <c r="C56194" s="1" t="s">
        <v>140</v>
      </c>
      <c r="D56194" s="1" t="s">
        <v>188995</v>
      </c>
      <c r="E56194" s="1" t="s">
        <v>188996</v>
      </c>
      <c r="F56194" s="1" t="s">
        <v>188997</v>
      </c>
      <c r="G56194" s="1" t="s">
        <v>188916</v>
      </c>
      <c r="H56194" s="1" t="s">
        <v>188917</v>
      </c>
      <c r="I56194" s="1" t="s">
        <v>187135</v>
      </c>
      <c r="J56194" s="1" t="s">
        <v>188998</v>
      </c>
    </row>
    <row r="56195" spans="1:10" x14ac:dyDescent="0.35">
      <c r="A56195" s="1" t="s">
        <v>45725</v>
      </c>
      <c r="B56195" s="1" t="s">
        <v>187129</v>
      </c>
      <c r="C56195" s="1" t="s">
        <v>145</v>
      </c>
      <c r="D56195" s="1" t="s">
        <v>188999</v>
      </c>
      <c r="E56195" s="1" t="s">
        <v>189000</v>
      </c>
      <c r="F56195" s="1" t="s">
        <v>189001</v>
      </c>
      <c r="G56195" s="1" t="s">
        <v>188916</v>
      </c>
      <c r="H56195" s="1" t="s">
        <v>188917</v>
      </c>
      <c r="I56195" s="1" t="s">
        <v>187135</v>
      </c>
      <c r="J56195" s="1" t="s">
        <v>189002</v>
      </c>
    </row>
    <row r="56196" spans="1:10" x14ac:dyDescent="0.35">
      <c r="A56196" s="1" t="s">
        <v>45725</v>
      </c>
      <c r="B56196" s="1" t="s">
        <v>187129</v>
      </c>
      <c r="C56196" s="1" t="s">
        <v>150</v>
      </c>
      <c r="D56196" s="1" t="s">
        <v>37554</v>
      </c>
      <c r="E56196" s="1" t="s">
        <v>189003</v>
      </c>
      <c r="F56196" s="1" t="s">
        <v>189004</v>
      </c>
      <c r="G56196" s="1" t="s">
        <v>188916</v>
      </c>
      <c r="H56196" s="1" t="s">
        <v>188917</v>
      </c>
      <c r="I56196" s="1" t="s">
        <v>187135</v>
      </c>
      <c r="J56196" s="1" t="s">
        <v>189005</v>
      </c>
    </row>
    <row r="56197" spans="1:10" x14ac:dyDescent="0.35">
      <c r="A56197" s="1" t="s">
        <v>45725</v>
      </c>
      <c r="B56197" s="1" t="s">
        <v>187129</v>
      </c>
      <c r="C56197" s="1" t="s">
        <v>155</v>
      </c>
      <c r="D56197" s="1" t="s">
        <v>157456</v>
      </c>
      <c r="E56197" s="1" t="s">
        <v>189006</v>
      </c>
      <c r="F56197" s="1" t="s">
        <v>189007</v>
      </c>
      <c r="G56197" s="1" t="s">
        <v>188916</v>
      </c>
      <c r="H56197" s="1" t="s">
        <v>188917</v>
      </c>
      <c r="I56197" s="1" t="s">
        <v>187135</v>
      </c>
      <c r="J56197" s="1" t="s">
        <v>189008</v>
      </c>
    </row>
    <row r="56198" spans="1:10" x14ac:dyDescent="0.35">
      <c r="A56198" s="1" t="s">
        <v>45725</v>
      </c>
      <c r="B56198" s="1" t="s">
        <v>187129</v>
      </c>
      <c r="C56198" s="1" t="s">
        <v>160</v>
      </c>
      <c r="D56198" s="1" t="s">
        <v>34068</v>
      </c>
      <c r="E56198" s="1" t="s">
        <v>189009</v>
      </c>
      <c r="F56198" s="1" t="s">
        <v>189010</v>
      </c>
      <c r="G56198" s="1" t="s">
        <v>188916</v>
      </c>
      <c r="H56198" s="1" t="s">
        <v>188917</v>
      </c>
      <c r="I56198" s="1" t="s">
        <v>187135</v>
      </c>
      <c r="J56198" s="1" t="s">
        <v>189011</v>
      </c>
    </row>
    <row r="56199" spans="1:10" x14ac:dyDescent="0.35">
      <c r="A56199" s="1" t="s">
        <v>45725</v>
      </c>
      <c r="B56199" s="1" t="s">
        <v>187129</v>
      </c>
      <c r="C56199" s="1" t="s">
        <v>165</v>
      </c>
      <c r="D56199" s="1" t="s">
        <v>189012</v>
      </c>
      <c r="E56199" s="1" t="s">
        <v>189013</v>
      </c>
      <c r="F56199" s="1" t="s">
        <v>189014</v>
      </c>
      <c r="G56199" s="1" t="s">
        <v>188916</v>
      </c>
      <c r="H56199" s="1" t="s">
        <v>188917</v>
      </c>
      <c r="I56199" s="1" t="s">
        <v>187135</v>
      </c>
      <c r="J56199" s="1" t="s">
        <v>189015</v>
      </c>
    </row>
    <row r="56200" spans="1:10" x14ac:dyDescent="0.35">
      <c r="A56200" s="1" t="s">
        <v>45725</v>
      </c>
      <c r="B56200" s="1" t="s">
        <v>187129</v>
      </c>
      <c r="C56200" s="1" t="s">
        <v>170</v>
      </c>
      <c r="D56200" s="1" t="s">
        <v>70848</v>
      </c>
      <c r="E56200" s="1" t="s">
        <v>189016</v>
      </c>
      <c r="F56200" s="1" t="s">
        <v>189017</v>
      </c>
      <c r="G56200" s="1" t="s">
        <v>188916</v>
      </c>
      <c r="H56200" s="1" t="s">
        <v>188917</v>
      </c>
      <c r="I56200" s="1" t="s">
        <v>187135</v>
      </c>
      <c r="J56200" s="1" t="s">
        <v>189018</v>
      </c>
    </row>
    <row r="56201" spans="1:10" x14ac:dyDescent="0.35">
      <c r="A56201" s="1" t="s">
        <v>111798</v>
      </c>
      <c r="B56201" s="1" t="s">
        <v>187129</v>
      </c>
      <c r="C56201" s="1" t="s">
        <v>8</v>
      </c>
      <c r="D56201" s="1" t="s">
        <v>189019</v>
      </c>
      <c r="E56201" s="1" t="s">
        <v>189020</v>
      </c>
      <c r="F56201" s="1" t="s">
        <v>189021</v>
      </c>
      <c r="G56201" s="1" t="s">
        <v>189022</v>
      </c>
      <c r="H56201" s="1" t="s">
        <v>189023</v>
      </c>
      <c r="I56201" s="1" t="s">
        <v>187135</v>
      </c>
      <c r="J56201" s="1" t="s">
        <v>13</v>
      </c>
    </row>
    <row r="56202" spans="1:10" x14ac:dyDescent="0.35">
      <c r="A56202" s="1" t="s">
        <v>111798</v>
      </c>
      <c r="B56202" s="1" t="s">
        <v>187129</v>
      </c>
      <c r="C56202" s="1" t="s">
        <v>15</v>
      </c>
      <c r="D56202" s="1" t="s">
        <v>32755</v>
      </c>
      <c r="E56202" s="1" t="s">
        <v>189024</v>
      </c>
      <c r="F56202" s="1" t="s">
        <v>189025</v>
      </c>
      <c r="G56202" s="1" t="s">
        <v>189022</v>
      </c>
      <c r="H56202" s="1" t="s">
        <v>189023</v>
      </c>
      <c r="I56202" s="1" t="s">
        <v>187135</v>
      </c>
      <c r="J56202" s="1" t="s">
        <v>189026</v>
      </c>
    </row>
    <row r="56203" spans="1:10" x14ac:dyDescent="0.35">
      <c r="A56203" s="1" t="s">
        <v>111798</v>
      </c>
      <c r="B56203" s="1" t="s">
        <v>187129</v>
      </c>
      <c r="C56203" s="1" t="s">
        <v>20</v>
      </c>
      <c r="D56203" s="1" t="s">
        <v>10654</v>
      </c>
      <c r="E56203" s="1" t="s">
        <v>189027</v>
      </c>
      <c r="F56203" s="1" t="s">
        <v>189028</v>
      </c>
      <c r="G56203" s="1" t="s">
        <v>189022</v>
      </c>
      <c r="H56203" s="1" t="s">
        <v>189023</v>
      </c>
      <c r="I56203" s="1" t="s">
        <v>187135</v>
      </c>
      <c r="J56203" s="1" t="s">
        <v>189029</v>
      </c>
    </row>
    <row r="56204" spans="1:10" x14ac:dyDescent="0.35">
      <c r="A56204" s="1" t="s">
        <v>111798</v>
      </c>
      <c r="B56204" s="1" t="s">
        <v>187129</v>
      </c>
      <c r="C56204" s="1" t="s">
        <v>25</v>
      </c>
      <c r="D56204" s="1" t="s">
        <v>189030</v>
      </c>
      <c r="E56204" s="1" t="s">
        <v>189031</v>
      </c>
      <c r="F56204" s="1" t="s">
        <v>189032</v>
      </c>
      <c r="G56204" s="1" t="s">
        <v>189022</v>
      </c>
      <c r="H56204" s="1" t="s">
        <v>189023</v>
      </c>
      <c r="I56204" s="1" t="s">
        <v>187135</v>
      </c>
      <c r="J56204" s="1" t="s">
        <v>189033</v>
      </c>
    </row>
    <row r="56205" spans="1:10" x14ac:dyDescent="0.35">
      <c r="A56205" s="1" t="s">
        <v>111798</v>
      </c>
      <c r="B56205" s="1" t="s">
        <v>187129</v>
      </c>
      <c r="C56205" s="1" t="s">
        <v>30</v>
      </c>
      <c r="D56205" s="1" t="s">
        <v>42956</v>
      </c>
      <c r="E56205" s="1" t="s">
        <v>189034</v>
      </c>
      <c r="F56205" s="1" t="s">
        <v>189035</v>
      </c>
      <c r="G56205" s="1" t="s">
        <v>189022</v>
      </c>
      <c r="H56205" s="1" t="s">
        <v>189023</v>
      </c>
      <c r="I56205" s="1" t="s">
        <v>187135</v>
      </c>
      <c r="J56205" s="1" t="s">
        <v>189036</v>
      </c>
    </row>
    <row r="56206" spans="1:10" x14ac:dyDescent="0.35">
      <c r="A56206" s="1" t="s">
        <v>111798</v>
      </c>
      <c r="B56206" s="1" t="s">
        <v>187129</v>
      </c>
      <c r="C56206" s="1" t="s">
        <v>35</v>
      </c>
      <c r="D56206" s="1" t="s">
        <v>13561</v>
      </c>
      <c r="E56206" s="1" t="s">
        <v>189037</v>
      </c>
      <c r="F56206" s="1" t="s">
        <v>189038</v>
      </c>
      <c r="G56206" s="1" t="s">
        <v>189022</v>
      </c>
      <c r="H56206" s="1" t="s">
        <v>189023</v>
      </c>
      <c r="I56206" s="1" t="s">
        <v>187135</v>
      </c>
      <c r="J56206" s="1" t="s">
        <v>189039</v>
      </c>
    </row>
    <row r="56207" spans="1:10" x14ac:dyDescent="0.35">
      <c r="A56207" s="1" t="s">
        <v>111798</v>
      </c>
      <c r="B56207" s="1" t="s">
        <v>187129</v>
      </c>
      <c r="C56207" s="1" t="s">
        <v>40</v>
      </c>
      <c r="D56207" s="1" t="s">
        <v>912</v>
      </c>
      <c r="E56207" s="1" t="s">
        <v>189040</v>
      </c>
      <c r="F56207" s="1" t="s">
        <v>189041</v>
      </c>
      <c r="G56207" s="1" t="s">
        <v>189022</v>
      </c>
      <c r="H56207" s="1" t="s">
        <v>189023</v>
      </c>
      <c r="I56207" s="1" t="s">
        <v>187135</v>
      </c>
      <c r="J56207" s="1" t="s">
        <v>189042</v>
      </c>
    </row>
    <row r="56208" spans="1:10" x14ac:dyDescent="0.35">
      <c r="A56208" s="1" t="s">
        <v>111798</v>
      </c>
      <c r="B56208" s="1" t="s">
        <v>187129</v>
      </c>
      <c r="C56208" s="1" t="s">
        <v>45</v>
      </c>
      <c r="D56208" s="1" t="s">
        <v>189043</v>
      </c>
      <c r="E56208" s="1" t="s">
        <v>189044</v>
      </c>
      <c r="F56208" s="1" t="s">
        <v>189045</v>
      </c>
      <c r="G56208" s="1" t="s">
        <v>189022</v>
      </c>
      <c r="H56208" s="1" t="s">
        <v>189023</v>
      </c>
      <c r="I56208" s="1" t="s">
        <v>187135</v>
      </c>
      <c r="J56208" s="1" t="s">
        <v>189046</v>
      </c>
    </row>
    <row r="56209" spans="1:10" x14ac:dyDescent="0.35">
      <c r="A56209" s="1" t="s">
        <v>111798</v>
      </c>
      <c r="B56209" s="1" t="s">
        <v>187129</v>
      </c>
      <c r="C56209" s="1" t="s">
        <v>50</v>
      </c>
      <c r="D56209" s="1" t="s">
        <v>189047</v>
      </c>
      <c r="E56209" s="1" t="s">
        <v>189048</v>
      </c>
      <c r="F56209" s="1" t="s">
        <v>189049</v>
      </c>
      <c r="G56209" s="1" t="s">
        <v>189022</v>
      </c>
      <c r="H56209" s="1" t="s">
        <v>189023</v>
      </c>
      <c r="I56209" s="1" t="s">
        <v>187135</v>
      </c>
      <c r="J56209" s="1" t="s">
        <v>189050</v>
      </c>
    </row>
    <row r="56210" spans="1:10" x14ac:dyDescent="0.35">
      <c r="A56210" s="1" t="s">
        <v>111798</v>
      </c>
      <c r="B56210" s="1" t="s">
        <v>187129</v>
      </c>
      <c r="C56210" s="1" t="s">
        <v>55</v>
      </c>
      <c r="D56210" s="1" t="s">
        <v>189051</v>
      </c>
      <c r="E56210" s="1" t="s">
        <v>189052</v>
      </c>
      <c r="F56210" s="1" t="s">
        <v>189053</v>
      </c>
      <c r="G56210" s="1" t="s">
        <v>189022</v>
      </c>
      <c r="H56210" s="1" t="s">
        <v>189023</v>
      </c>
      <c r="I56210" s="1" t="s">
        <v>187135</v>
      </c>
      <c r="J56210" s="1" t="s">
        <v>189054</v>
      </c>
    </row>
    <row r="56211" spans="1:10" x14ac:dyDescent="0.35">
      <c r="A56211" s="1" t="s">
        <v>111798</v>
      </c>
      <c r="B56211" s="1" t="s">
        <v>187129</v>
      </c>
      <c r="C56211" s="1" t="s">
        <v>60</v>
      </c>
      <c r="D56211" s="1" t="s">
        <v>45449</v>
      </c>
      <c r="E56211" s="1" t="s">
        <v>189055</v>
      </c>
      <c r="F56211" s="1" t="s">
        <v>189056</v>
      </c>
      <c r="G56211" s="1" t="s">
        <v>189022</v>
      </c>
      <c r="H56211" s="1" t="s">
        <v>189023</v>
      </c>
      <c r="I56211" s="1" t="s">
        <v>187135</v>
      </c>
      <c r="J56211" s="1" t="s">
        <v>189057</v>
      </c>
    </row>
    <row r="56212" spans="1:10" x14ac:dyDescent="0.35">
      <c r="A56212" s="1" t="s">
        <v>111798</v>
      </c>
      <c r="B56212" s="1" t="s">
        <v>187129</v>
      </c>
      <c r="C56212" s="1" t="s">
        <v>65</v>
      </c>
      <c r="D56212" s="1" t="s">
        <v>33872</v>
      </c>
      <c r="E56212" s="1" t="s">
        <v>189058</v>
      </c>
      <c r="F56212" s="1" t="s">
        <v>189059</v>
      </c>
      <c r="G56212" s="1" t="s">
        <v>189022</v>
      </c>
      <c r="H56212" s="1" t="s">
        <v>189023</v>
      </c>
      <c r="I56212" s="1" t="s">
        <v>187135</v>
      </c>
      <c r="J56212" s="1" t="s">
        <v>189060</v>
      </c>
    </row>
    <row r="56213" spans="1:10" x14ac:dyDescent="0.35">
      <c r="A56213" s="1" t="s">
        <v>111798</v>
      </c>
      <c r="B56213" s="1" t="s">
        <v>187129</v>
      </c>
      <c r="C56213" s="1" t="s">
        <v>70</v>
      </c>
      <c r="D56213" s="1" t="s">
        <v>114497</v>
      </c>
      <c r="E56213" s="1" t="s">
        <v>189061</v>
      </c>
      <c r="F56213" s="1" t="s">
        <v>189062</v>
      </c>
      <c r="G56213" s="1" t="s">
        <v>189022</v>
      </c>
      <c r="H56213" s="1" t="s">
        <v>189023</v>
      </c>
      <c r="I56213" s="1" t="s">
        <v>187135</v>
      </c>
      <c r="J56213" s="1" t="s">
        <v>189063</v>
      </c>
    </row>
    <row r="56214" spans="1:10" x14ac:dyDescent="0.35">
      <c r="A56214" s="1" t="s">
        <v>111798</v>
      </c>
      <c r="B56214" s="1" t="s">
        <v>187129</v>
      </c>
      <c r="C56214" s="1" t="s">
        <v>75</v>
      </c>
      <c r="D56214" s="1" t="s">
        <v>176942</v>
      </c>
      <c r="E56214" s="1" t="s">
        <v>189064</v>
      </c>
      <c r="F56214" s="1" t="s">
        <v>189065</v>
      </c>
      <c r="G56214" s="1" t="s">
        <v>189022</v>
      </c>
      <c r="H56214" s="1" t="s">
        <v>189023</v>
      </c>
      <c r="I56214" s="1" t="s">
        <v>187135</v>
      </c>
      <c r="J56214" s="1" t="s">
        <v>189066</v>
      </c>
    </row>
    <row r="56215" spans="1:10" x14ac:dyDescent="0.35">
      <c r="A56215" s="1" t="s">
        <v>111798</v>
      </c>
      <c r="B56215" s="1" t="s">
        <v>187129</v>
      </c>
      <c r="C56215" s="1" t="s">
        <v>80</v>
      </c>
      <c r="D56215" s="1" t="s">
        <v>181213</v>
      </c>
      <c r="E56215" s="1" t="s">
        <v>189067</v>
      </c>
      <c r="F56215" s="1" t="s">
        <v>189068</v>
      </c>
      <c r="G56215" s="1" t="s">
        <v>189022</v>
      </c>
      <c r="H56215" s="1" t="s">
        <v>189023</v>
      </c>
      <c r="I56215" s="1" t="s">
        <v>187135</v>
      </c>
      <c r="J56215" s="1" t="s">
        <v>189069</v>
      </c>
    </row>
    <row r="56216" spans="1:10" x14ac:dyDescent="0.35">
      <c r="A56216" s="1" t="s">
        <v>111798</v>
      </c>
      <c r="B56216" s="1" t="s">
        <v>187129</v>
      </c>
      <c r="C56216" s="1" t="s">
        <v>85</v>
      </c>
      <c r="D56216" s="1" t="s">
        <v>189070</v>
      </c>
      <c r="E56216" s="1" t="s">
        <v>189071</v>
      </c>
      <c r="F56216" s="1" t="s">
        <v>189072</v>
      </c>
      <c r="G56216" s="1" t="s">
        <v>189022</v>
      </c>
      <c r="H56216" s="1" t="s">
        <v>189023</v>
      </c>
      <c r="I56216" s="1" t="s">
        <v>187135</v>
      </c>
      <c r="J56216" s="1" t="s">
        <v>189073</v>
      </c>
    </row>
    <row r="56217" spans="1:10" x14ac:dyDescent="0.35">
      <c r="A56217" s="1" t="s">
        <v>111798</v>
      </c>
      <c r="B56217" s="1" t="s">
        <v>187129</v>
      </c>
      <c r="C56217" s="1" t="s">
        <v>90</v>
      </c>
      <c r="D56217" s="1" t="s">
        <v>43044</v>
      </c>
      <c r="E56217" s="1" t="s">
        <v>189074</v>
      </c>
      <c r="F56217" s="1" t="s">
        <v>189075</v>
      </c>
      <c r="G56217" s="1" t="s">
        <v>189022</v>
      </c>
      <c r="H56217" s="1" t="s">
        <v>189023</v>
      </c>
      <c r="I56217" s="1" t="s">
        <v>187135</v>
      </c>
      <c r="J56217" s="1" t="s">
        <v>189076</v>
      </c>
    </row>
    <row r="56218" spans="1:10" x14ac:dyDescent="0.35">
      <c r="A56218" s="1" t="s">
        <v>111798</v>
      </c>
      <c r="B56218" s="1" t="s">
        <v>187129</v>
      </c>
      <c r="C56218" s="1" t="s">
        <v>95</v>
      </c>
      <c r="D56218" s="1" t="s">
        <v>189077</v>
      </c>
      <c r="E56218" s="1" t="s">
        <v>189078</v>
      </c>
      <c r="F56218" s="1" t="s">
        <v>189079</v>
      </c>
      <c r="G56218" s="1" t="s">
        <v>189022</v>
      </c>
      <c r="H56218" s="1" t="s">
        <v>189023</v>
      </c>
      <c r="I56218" s="1" t="s">
        <v>187135</v>
      </c>
      <c r="J56218" s="1" t="s">
        <v>189080</v>
      </c>
    </row>
    <row r="56219" spans="1:10" x14ac:dyDescent="0.35">
      <c r="A56219" s="1" t="s">
        <v>111798</v>
      </c>
      <c r="B56219" s="1" t="s">
        <v>187129</v>
      </c>
      <c r="C56219" s="1" t="s">
        <v>100</v>
      </c>
      <c r="D56219" s="1" t="s">
        <v>38702</v>
      </c>
      <c r="E56219" s="1" t="s">
        <v>189081</v>
      </c>
      <c r="F56219" s="1" t="s">
        <v>189082</v>
      </c>
      <c r="G56219" s="1" t="s">
        <v>189022</v>
      </c>
      <c r="H56219" s="1" t="s">
        <v>189023</v>
      </c>
      <c r="I56219" s="1" t="s">
        <v>187135</v>
      </c>
      <c r="J56219" s="1" t="s">
        <v>189083</v>
      </c>
    </row>
    <row r="56220" spans="1:10" x14ac:dyDescent="0.35">
      <c r="A56220" s="1" t="s">
        <v>111798</v>
      </c>
      <c r="B56220" s="1" t="s">
        <v>187129</v>
      </c>
      <c r="C56220" s="1" t="s">
        <v>105</v>
      </c>
      <c r="D56220" s="1" t="s">
        <v>189084</v>
      </c>
      <c r="E56220" s="1" t="s">
        <v>189085</v>
      </c>
      <c r="F56220" s="1" t="s">
        <v>189086</v>
      </c>
      <c r="G56220" s="1" t="s">
        <v>189022</v>
      </c>
      <c r="H56220" s="1" t="s">
        <v>189023</v>
      </c>
      <c r="I56220" s="1" t="s">
        <v>187135</v>
      </c>
      <c r="J56220" s="1" t="s">
        <v>189087</v>
      </c>
    </row>
    <row r="56221" spans="1:10" x14ac:dyDescent="0.35">
      <c r="A56221" s="1" t="s">
        <v>111798</v>
      </c>
      <c r="B56221" s="1" t="s">
        <v>187129</v>
      </c>
      <c r="C56221" s="1" t="s">
        <v>110</v>
      </c>
      <c r="D56221" s="1" t="s">
        <v>189088</v>
      </c>
      <c r="E56221" s="1" t="s">
        <v>189089</v>
      </c>
      <c r="F56221" s="1" t="s">
        <v>189090</v>
      </c>
      <c r="G56221" s="1" t="s">
        <v>189022</v>
      </c>
      <c r="H56221" s="1" t="s">
        <v>189023</v>
      </c>
      <c r="I56221" s="1" t="s">
        <v>187135</v>
      </c>
      <c r="J56221" s="1" t="s">
        <v>189091</v>
      </c>
    </row>
    <row r="56222" spans="1:10" x14ac:dyDescent="0.35">
      <c r="A56222" s="1" t="s">
        <v>111798</v>
      </c>
      <c r="B56222" s="1" t="s">
        <v>187129</v>
      </c>
      <c r="C56222" s="1" t="s">
        <v>115</v>
      </c>
      <c r="D56222" s="1" t="s">
        <v>109389</v>
      </c>
      <c r="E56222" s="1" t="s">
        <v>189092</v>
      </c>
      <c r="F56222" s="1" t="s">
        <v>189093</v>
      </c>
      <c r="G56222" s="1" t="s">
        <v>189022</v>
      </c>
      <c r="H56222" s="1" t="s">
        <v>189023</v>
      </c>
      <c r="I56222" s="1" t="s">
        <v>187135</v>
      </c>
      <c r="J56222" s="1" t="s">
        <v>189094</v>
      </c>
    </row>
    <row r="56223" spans="1:10" x14ac:dyDescent="0.35">
      <c r="A56223" s="1" t="s">
        <v>111798</v>
      </c>
      <c r="B56223" s="1" t="s">
        <v>187129</v>
      </c>
      <c r="C56223" s="1" t="s">
        <v>120</v>
      </c>
      <c r="D56223" s="1" t="s">
        <v>131947</v>
      </c>
      <c r="E56223" s="1" t="s">
        <v>189095</v>
      </c>
      <c r="F56223" s="1" t="s">
        <v>189096</v>
      </c>
      <c r="G56223" s="1" t="s">
        <v>189022</v>
      </c>
      <c r="H56223" s="1" t="s">
        <v>189023</v>
      </c>
      <c r="I56223" s="1" t="s">
        <v>187135</v>
      </c>
      <c r="J56223" s="1" t="s">
        <v>189097</v>
      </c>
    </row>
    <row r="56224" spans="1:10" x14ac:dyDescent="0.35">
      <c r="A56224" s="1" t="s">
        <v>111798</v>
      </c>
      <c r="B56224" s="1" t="s">
        <v>187129</v>
      </c>
      <c r="C56224" s="1" t="s">
        <v>125</v>
      </c>
      <c r="D56224" s="1" t="s">
        <v>113768</v>
      </c>
      <c r="E56224" s="1" t="s">
        <v>189098</v>
      </c>
      <c r="F56224" s="1" t="s">
        <v>189099</v>
      </c>
      <c r="G56224" s="1" t="s">
        <v>189022</v>
      </c>
      <c r="H56224" s="1" t="s">
        <v>189023</v>
      </c>
      <c r="I56224" s="1" t="s">
        <v>187135</v>
      </c>
      <c r="J56224" s="1" t="s">
        <v>189100</v>
      </c>
    </row>
    <row r="56225" spans="1:10" x14ac:dyDescent="0.35">
      <c r="A56225" s="1" t="s">
        <v>111798</v>
      </c>
      <c r="B56225" s="1" t="s">
        <v>187129</v>
      </c>
      <c r="C56225" s="1" t="s">
        <v>130</v>
      </c>
      <c r="D56225" s="1" t="s">
        <v>189101</v>
      </c>
      <c r="E56225" s="1" t="s">
        <v>189102</v>
      </c>
      <c r="F56225" s="1" t="s">
        <v>189103</v>
      </c>
      <c r="G56225" s="1" t="s">
        <v>189022</v>
      </c>
      <c r="H56225" s="1" t="s">
        <v>189023</v>
      </c>
      <c r="I56225" s="1" t="s">
        <v>187135</v>
      </c>
      <c r="J56225" s="1" t="s">
        <v>189104</v>
      </c>
    </row>
    <row r="56226" spans="1:10" x14ac:dyDescent="0.35">
      <c r="A56226" s="1" t="s">
        <v>111798</v>
      </c>
      <c r="B56226" s="1" t="s">
        <v>187129</v>
      </c>
      <c r="C56226" s="1" t="s">
        <v>135</v>
      </c>
      <c r="D56226" s="1" t="s">
        <v>189105</v>
      </c>
      <c r="E56226" s="1" t="s">
        <v>189106</v>
      </c>
      <c r="F56226" s="1" t="s">
        <v>189107</v>
      </c>
      <c r="G56226" s="1" t="s">
        <v>189022</v>
      </c>
      <c r="H56226" s="1" t="s">
        <v>189023</v>
      </c>
      <c r="I56226" s="1" t="s">
        <v>187135</v>
      </c>
      <c r="J56226" s="1" t="s">
        <v>189108</v>
      </c>
    </row>
    <row r="56227" spans="1:10" x14ac:dyDescent="0.35">
      <c r="A56227" s="1" t="s">
        <v>111798</v>
      </c>
      <c r="B56227" s="1" t="s">
        <v>187129</v>
      </c>
      <c r="C56227" s="1" t="s">
        <v>140</v>
      </c>
      <c r="D56227" s="1" t="s">
        <v>179992</v>
      </c>
      <c r="E56227" s="1" t="s">
        <v>189109</v>
      </c>
      <c r="F56227" s="1" t="s">
        <v>189110</v>
      </c>
      <c r="G56227" s="1" t="s">
        <v>189022</v>
      </c>
      <c r="H56227" s="1" t="s">
        <v>189023</v>
      </c>
      <c r="I56227" s="1" t="s">
        <v>187135</v>
      </c>
      <c r="J56227" s="1" t="s">
        <v>189111</v>
      </c>
    </row>
    <row r="56228" spans="1:10" x14ac:dyDescent="0.35">
      <c r="A56228" s="1" t="s">
        <v>111798</v>
      </c>
      <c r="B56228" s="1" t="s">
        <v>187129</v>
      </c>
      <c r="C56228" s="1" t="s">
        <v>145</v>
      </c>
      <c r="D56228" s="1" t="s">
        <v>106222</v>
      </c>
      <c r="E56228" s="1" t="s">
        <v>189112</v>
      </c>
      <c r="F56228" s="1" t="s">
        <v>189113</v>
      </c>
      <c r="G56228" s="1" t="s">
        <v>189022</v>
      </c>
      <c r="H56228" s="1" t="s">
        <v>189023</v>
      </c>
      <c r="I56228" s="1" t="s">
        <v>187135</v>
      </c>
      <c r="J56228" s="1" t="s">
        <v>189114</v>
      </c>
    </row>
    <row r="56229" spans="1:10" x14ac:dyDescent="0.35">
      <c r="A56229" s="1" t="s">
        <v>111798</v>
      </c>
      <c r="B56229" s="1" t="s">
        <v>187129</v>
      </c>
      <c r="C56229" s="1" t="s">
        <v>150</v>
      </c>
      <c r="D56229" s="1" t="s">
        <v>103021</v>
      </c>
      <c r="E56229" s="1" t="s">
        <v>189115</v>
      </c>
      <c r="F56229" s="1" t="s">
        <v>189116</v>
      </c>
      <c r="G56229" s="1" t="s">
        <v>189022</v>
      </c>
      <c r="H56229" s="1" t="s">
        <v>189023</v>
      </c>
      <c r="I56229" s="1" t="s">
        <v>187135</v>
      </c>
      <c r="J56229" s="1" t="s">
        <v>189117</v>
      </c>
    </row>
    <row r="56230" spans="1:10" x14ac:dyDescent="0.35">
      <c r="A56230" s="1" t="s">
        <v>111798</v>
      </c>
      <c r="B56230" s="1" t="s">
        <v>187129</v>
      </c>
      <c r="C56230" s="1" t="s">
        <v>155</v>
      </c>
      <c r="D56230" s="1" t="s">
        <v>128151</v>
      </c>
      <c r="E56230" s="1" t="s">
        <v>189118</v>
      </c>
      <c r="F56230" s="1" t="s">
        <v>189119</v>
      </c>
      <c r="G56230" s="1" t="s">
        <v>189022</v>
      </c>
      <c r="H56230" s="1" t="s">
        <v>189023</v>
      </c>
      <c r="I56230" s="1" t="s">
        <v>187135</v>
      </c>
      <c r="J56230" s="1" t="s">
        <v>189120</v>
      </c>
    </row>
    <row r="56231" spans="1:10" x14ac:dyDescent="0.35">
      <c r="A56231" s="1" t="s">
        <v>111798</v>
      </c>
      <c r="B56231" s="1" t="s">
        <v>187129</v>
      </c>
      <c r="C56231" s="1" t="s">
        <v>160</v>
      </c>
      <c r="D56231" s="1" t="s">
        <v>173937</v>
      </c>
      <c r="E56231" s="1" t="s">
        <v>189121</v>
      </c>
      <c r="F56231" s="1" t="s">
        <v>189122</v>
      </c>
      <c r="G56231" s="1" t="s">
        <v>189022</v>
      </c>
      <c r="H56231" s="1" t="s">
        <v>189023</v>
      </c>
      <c r="I56231" s="1" t="s">
        <v>187135</v>
      </c>
      <c r="J56231" s="1" t="s">
        <v>189123</v>
      </c>
    </row>
    <row r="56232" spans="1:10" x14ac:dyDescent="0.35">
      <c r="A56232" s="1" t="s">
        <v>111798</v>
      </c>
      <c r="B56232" s="1" t="s">
        <v>187129</v>
      </c>
      <c r="C56232" s="1" t="s">
        <v>165</v>
      </c>
      <c r="D56232" s="1" t="s">
        <v>98869</v>
      </c>
      <c r="E56232" s="1" t="s">
        <v>189124</v>
      </c>
      <c r="F56232" s="1" t="s">
        <v>189125</v>
      </c>
      <c r="G56232" s="1" t="s">
        <v>189022</v>
      </c>
      <c r="H56232" s="1" t="s">
        <v>189023</v>
      </c>
      <c r="I56232" s="1" t="s">
        <v>187135</v>
      </c>
      <c r="J56232" s="1" t="s">
        <v>189126</v>
      </c>
    </row>
    <row r="56233" spans="1:10" x14ac:dyDescent="0.35">
      <c r="A56233" s="1" t="s">
        <v>111798</v>
      </c>
      <c r="B56233" s="1" t="s">
        <v>187129</v>
      </c>
      <c r="C56233" s="1" t="s">
        <v>170</v>
      </c>
      <c r="D56233" s="1" t="s">
        <v>189127</v>
      </c>
      <c r="E56233" s="1" t="s">
        <v>189128</v>
      </c>
      <c r="F56233" s="1" t="s">
        <v>189129</v>
      </c>
      <c r="G56233" s="1" t="s">
        <v>189022</v>
      </c>
      <c r="H56233" s="1" t="s">
        <v>189023</v>
      </c>
      <c r="I56233" s="1" t="s">
        <v>187135</v>
      </c>
      <c r="J56233" s="1" t="s">
        <v>189130</v>
      </c>
    </row>
    <row r="56234" spans="1:10" x14ac:dyDescent="0.35">
      <c r="A56234" s="1" t="s">
        <v>46220</v>
      </c>
      <c r="B56234" s="1" t="s">
        <v>187129</v>
      </c>
      <c r="C56234" s="1" t="s">
        <v>8</v>
      </c>
      <c r="D56234" s="1" t="s">
        <v>189131</v>
      </c>
      <c r="E56234" s="1" t="s">
        <v>189132</v>
      </c>
      <c r="F56234" s="1" t="s">
        <v>189133</v>
      </c>
      <c r="G56234" s="1" t="s">
        <v>189134</v>
      </c>
      <c r="H56234" s="1" t="s">
        <v>189135</v>
      </c>
      <c r="I56234" s="1" t="s">
        <v>187135</v>
      </c>
      <c r="J56234" s="1" t="s">
        <v>13</v>
      </c>
    </row>
    <row r="56235" spans="1:10" x14ac:dyDescent="0.35">
      <c r="A56235" s="1" t="s">
        <v>46220</v>
      </c>
      <c r="B56235" s="1" t="s">
        <v>187129</v>
      </c>
      <c r="C56235" s="1" t="s">
        <v>15</v>
      </c>
      <c r="D56235" s="1" t="s">
        <v>15383</v>
      </c>
      <c r="E56235" s="1" t="s">
        <v>189136</v>
      </c>
      <c r="F56235" s="1" t="s">
        <v>189137</v>
      </c>
      <c r="G56235" s="1" t="s">
        <v>189134</v>
      </c>
      <c r="H56235" s="1" t="s">
        <v>189135</v>
      </c>
      <c r="I56235" s="1" t="s">
        <v>187135</v>
      </c>
      <c r="J56235" s="1" t="s">
        <v>189138</v>
      </c>
    </row>
    <row r="56236" spans="1:10" x14ac:dyDescent="0.35">
      <c r="A56236" s="1" t="s">
        <v>46220</v>
      </c>
      <c r="B56236" s="1" t="s">
        <v>187129</v>
      </c>
      <c r="C56236" s="1" t="s">
        <v>20</v>
      </c>
      <c r="D56236" s="1" t="s">
        <v>189139</v>
      </c>
      <c r="E56236" s="1" t="s">
        <v>189140</v>
      </c>
      <c r="F56236" s="1" t="s">
        <v>189141</v>
      </c>
      <c r="G56236" s="1" t="s">
        <v>189134</v>
      </c>
      <c r="H56236" s="1" t="s">
        <v>189135</v>
      </c>
      <c r="I56236" s="1" t="s">
        <v>187135</v>
      </c>
      <c r="J56236" s="1" t="s">
        <v>189142</v>
      </c>
    </row>
    <row r="56237" spans="1:10" x14ac:dyDescent="0.35">
      <c r="A56237" s="1" t="s">
        <v>46220</v>
      </c>
      <c r="B56237" s="1" t="s">
        <v>187129</v>
      </c>
      <c r="C56237" s="1" t="s">
        <v>25</v>
      </c>
      <c r="D56237" s="1" t="s">
        <v>6579</v>
      </c>
      <c r="E56237" s="1" t="s">
        <v>189143</v>
      </c>
      <c r="F56237" s="1" t="s">
        <v>189144</v>
      </c>
      <c r="G56237" s="1" t="s">
        <v>189134</v>
      </c>
      <c r="H56237" s="1" t="s">
        <v>189135</v>
      </c>
      <c r="I56237" s="1" t="s">
        <v>187135</v>
      </c>
      <c r="J56237" s="1" t="s">
        <v>189145</v>
      </c>
    </row>
    <row r="56238" spans="1:10" x14ac:dyDescent="0.35">
      <c r="A56238" s="1" t="s">
        <v>46220</v>
      </c>
      <c r="B56238" s="1" t="s">
        <v>187129</v>
      </c>
      <c r="C56238" s="1" t="s">
        <v>30</v>
      </c>
      <c r="D56238" s="1" t="s">
        <v>116412</v>
      </c>
      <c r="E56238" s="1" t="s">
        <v>189146</v>
      </c>
      <c r="F56238" s="1" t="s">
        <v>189147</v>
      </c>
      <c r="G56238" s="1" t="s">
        <v>189134</v>
      </c>
      <c r="H56238" s="1" t="s">
        <v>189135</v>
      </c>
      <c r="I56238" s="1" t="s">
        <v>187135</v>
      </c>
      <c r="J56238" s="1" t="s">
        <v>189148</v>
      </c>
    </row>
    <row r="56239" spans="1:10" x14ac:dyDescent="0.35">
      <c r="A56239" s="1" t="s">
        <v>46220</v>
      </c>
      <c r="B56239" s="1" t="s">
        <v>187129</v>
      </c>
      <c r="C56239" s="1" t="s">
        <v>35</v>
      </c>
      <c r="D56239" s="1" t="s">
        <v>37318</v>
      </c>
      <c r="E56239" s="1" t="s">
        <v>189149</v>
      </c>
      <c r="F56239" s="1" t="s">
        <v>189150</v>
      </c>
      <c r="G56239" s="1" t="s">
        <v>189134</v>
      </c>
      <c r="H56239" s="1" t="s">
        <v>189135</v>
      </c>
      <c r="I56239" s="1" t="s">
        <v>187135</v>
      </c>
      <c r="J56239" s="1" t="s">
        <v>189151</v>
      </c>
    </row>
    <row r="56240" spans="1:10" x14ac:dyDescent="0.35">
      <c r="A56240" s="1" t="s">
        <v>46220</v>
      </c>
      <c r="B56240" s="1" t="s">
        <v>187129</v>
      </c>
      <c r="C56240" s="1" t="s">
        <v>40</v>
      </c>
      <c r="D56240" s="1" t="s">
        <v>48152</v>
      </c>
      <c r="E56240" s="1" t="s">
        <v>189152</v>
      </c>
      <c r="F56240" s="1" t="s">
        <v>189153</v>
      </c>
      <c r="G56240" s="1" t="s">
        <v>189134</v>
      </c>
      <c r="H56240" s="1" t="s">
        <v>189135</v>
      </c>
      <c r="I56240" s="1" t="s">
        <v>187135</v>
      </c>
      <c r="J56240" s="1" t="s">
        <v>189154</v>
      </c>
    </row>
    <row r="56241" spans="1:10" x14ac:dyDescent="0.35">
      <c r="A56241" s="1" t="s">
        <v>46220</v>
      </c>
      <c r="B56241" s="1" t="s">
        <v>187129</v>
      </c>
      <c r="C56241" s="1" t="s">
        <v>45</v>
      </c>
      <c r="D56241" s="1" t="s">
        <v>29227</v>
      </c>
      <c r="E56241" s="1" t="s">
        <v>189155</v>
      </c>
      <c r="F56241" s="1" t="s">
        <v>189156</v>
      </c>
      <c r="G56241" s="1" t="s">
        <v>189134</v>
      </c>
      <c r="H56241" s="1" t="s">
        <v>189135</v>
      </c>
      <c r="I56241" s="1" t="s">
        <v>187135</v>
      </c>
      <c r="J56241" s="1" t="s">
        <v>189157</v>
      </c>
    </row>
    <row r="56242" spans="1:10" x14ac:dyDescent="0.35">
      <c r="A56242" s="1" t="s">
        <v>46220</v>
      </c>
      <c r="B56242" s="1" t="s">
        <v>187129</v>
      </c>
      <c r="C56242" s="1" t="s">
        <v>50</v>
      </c>
      <c r="D56242" s="1" t="s">
        <v>189158</v>
      </c>
      <c r="E56242" s="1" t="s">
        <v>189159</v>
      </c>
      <c r="F56242" s="1" t="s">
        <v>189160</v>
      </c>
      <c r="G56242" s="1" t="s">
        <v>189134</v>
      </c>
      <c r="H56242" s="1" t="s">
        <v>189135</v>
      </c>
      <c r="I56242" s="1" t="s">
        <v>187135</v>
      </c>
      <c r="J56242" s="1" t="s">
        <v>189161</v>
      </c>
    </row>
    <row r="56243" spans="1:10" x14ac:dyDescent="0.35">
      <c r="A56243" s="1" t="s">
        <v>46220</v>
      </c>
      <c r="B56243" s="1" t="s">
        <v>187129</v>
      </c>
      <c r="C56243" s="1" t="s">
        <v>55</v>
      </c>
      <c r="D56243" s="1" t="s">
        <v>70862</v>
      </c>
      <c r="E56243" s="1" t="s">
        <v>189162</v>
      </c>
      <c r="F56243" s="1" t="s">
        <v>189163</v>
      </c>
      <c r="G56243" s="1" t="s">
        <v>189134</v>
      </c>
      <c r="H56243" s="1" t="s">
        <v>189135</v>
      </c>
      <c r="I56243" s="1" t="s">
        <v>187135</v>
      </c>
      <c r="J56243" s="1" t="s">
        <v>189164</v>
      </c>
    </row>
    <row r="56244" spans="1:10" x14ac:dyDescent="0.35">
      <c r="A56244" s="1" t="s">
        <v>46220</v>
      </c>
      <c r="B56244" s="1" t="s">
        <v>187129</v>
      </c>
      <c r="C56244" s="1" t="s">
        <v>60</v>
      </c>
      <c r="D56244" s="1" t="s">
        <v>189165</v>
      </c>
      <c r="E56244" s="1" t="s">
        <v>189166</v>
      </c>
      <c r="F56244" s="1" t="s">
        <v>189167</v>
      </c>
      <c r="G56244" s="1" t="s">
        <v>189134</v>
      </c>
      <c r="H56244" s="1" t="s">
        <v>189135</v>
      </c>
      <c r="I56244" s="1" t="s">
        <v>187135</v>
      </c>
      <c r="J56244" s="1" t="s">
        <v>189168</v>
      </c>
    </row>
    <row r="56245" spans="1:10" x14ac:dyDescent="0.35">
      <c r="A56245" s="1" t="s">
        <v>46220</v>
      </c>
      <c r="B56245" s="1" t="s">
        <v>187129</v>
      </c>
      <c r="C56245" s="1" t="s">
        <v>65</v>
      </c>
      <c r="D56245" s="1" t="s">
        <v>7988</v>
      </c>
      <c r="E56245" s="1" t="s">
        <v>189169</v>
      </c>
      <c r="F56245" s="1" t="s">
        <v>189170</v>
      </c>
      <c r="G56245" s="1" t="s">
        <v>189134</v>
      </c>
      <c r="H56245" s="1" t="s">
        <v>189135</v>
      </c>
      <c r="I56245" s="1" t="s">
        <v>187135</v>
      </c>
      <c r="J56245" s="1" t="s">
        <v>189171</v>
      </c>
    </row>
    <row r="56246" spans="1:10" x14ac:dyDescent="0.35">
      <c r="A56246" s="1" t="s">
        <v>46220</v>
      </c>
      <c r="B56246" s="1" t="s">
        <v>187129</v>
      </c>
      <c r="C56246" s="1" t="s">
        <v>70</v>
      </c>
      <c r="D56246" s="1" t="s">
        <v>111456</v>
      </c>
      <c r="E56246" s="1" t="s">
        <v>189172</v>
      </c>
      <c r="F56246" s="1" t="s">
        <v>189173</v>
      </c>
      <c r="G56246" s="1" t="s">
        <v>189134</v>
      </c>
      <c r="H56246" s="1" t="s">
        <v>189135</v>
      </c>
      <c r="I56246" s="1" t="s">
        <v>187135</v>
      </c>
      <c r="J56246" s="1" t="s">
        <v>189174</v>
      </c>
    </row>
    <row r="56247" spans="1:10" x14ac:dyDescent="0.35">
      <c r="A56247" s="1" t="s">
        <v>46220</v>
      </c>
      <c r="B56247" s="1" t="s">
        <v>187129</v>
      </c>
      <c r="C56247" s="1" t="s">
        <v>75</v>
      </c>
      <c r="D56247" s="1" t="s">
        <v>189175</v>
      </c>
      <c r="E56247" s="1" t="s">
        <v>189176</v>
      </c>
      <c r="F56247" s="1" t="s">
        <v>189177</v>
      </c>
      <c r="G56247" s="1" t="s">
        <v>189134</v>
      </c>
      <c r="H56247" s="1" t="s">
        <v>189135</v>
      </c>
      <c r="I56247" s="1" t="s">
        <v>187135</v>
      </c>
      <c r="J56247" s="1" t="s">
        <v>189178</v>
      </c>
    </row>
    <row r="56248" spans="1:10" x14ac:dyDescent="0.35">
      <c r="A56248" s="1" t="s">
        <v>46220</v>
      </c>
      <c r="B56248" s="1" t="s">
        <v>187129</v>
      </c>
      <c r="C56248" s="1" t="s">
        <v>80</v>
      </c>
      <c r="D56248" s="1" t="s">
        <v>188223</v>
      </c>
      <c r="E56248" s="1" t="s">
        <v>189179</v>
      </c>
      <c r="F56248" s="1" t="s">
        <v>189180</v>
      </c>
      <c r="G56248" s="1" t="s">
        <v>189134</v>
      </c>
      <c r="H56248" s="1" t="s">
        <v>189135</v>
      </c>
      <c r="I56248" s="1" t="s">
        <v>187135</v>
      </c>
      <c r="J56248" s="1" t="s">
        <v>189181</v>
      </c>
    </row>
    <row r="56249" spans="1:10" x14ac:dyDescent="0.35">
      <c r="A56249" s="1" t="s">
        <v>46220</v>
      </c>
      <c r="B56249" s="1" t="s">
        <v>187129</v>
      </c>
      <c r="C56249" s="1" t="s">
        <v>85</v>
      </c>
      <c r="D56249" s="1" t="s">
        <v>47439</v>
      </c>
      <c r="E56249" s="1" t="s">
        <v>189182</v>
      </c>
      <c r="F56249" s="1" t="s">
        <v>189183</v>
      </c>
      <c r="G56249" s="1" t="s">
        <v>189134</v>
      </c>
      <c r="H56249" s="1" t="s">
        <v>189135</v>
      </c>
      <c r="I56249" s="1" t="s">
        <v>187135</v>
      </c>
      <c r="J56249" s="1" t="s">
        <v>189184</v>
      </c>
    </row>
    <row r="56250" spans="1:10" x14ac:dyDescent="0.35">
      <c r="A56250" s="1" t="s">
        <v>46220</v>
      </c>
      <c r="B56250" s="1" t="s">
        <v>187129</v>
      </c>
      <c r="C56250" s="1" t="s">
        <v>90</v>
      </c>
      <c r="D56250" s="1" t="s">
        <v>189185</v>
      </c>
      <c r="E56250" s="1" t="s">
        <v>189186</v>
      </c>
      <c r="F56250" s="1" t="s">
        <v>189187</v>
      </c>
      <c r="G56250" s="1" t="s">
        <v>189134</v>
      </c>
      <c r="H56250" s="1" t="s">
        <v>189135</v>
      </c>
      <c r="I56250" s="1" t="s">
        <v>187135</v>
      </c>
      <c r="J56250" s="1" t="s">
        <v>189188</v>
      </c>
    </row>
    <row r="56251" spans="1:10" x14ac:dyDescent="0.35">
      <c r="A56251" s="1" t="s">
        <v>46220</v>
      </c>
      <c r="B56251" s="1" t="s">
        <v>187129</v>
      </c>
      <c r="C56251" s="1" t="s">
        <v>95</v>
      </c>
      <c r="D56251" s="1" t="s">
        <v>3469</v>
      </c>
      <c r="E56251" s="1" t="s">
        <v>189189</v>
      </c>
      <c r="F56251" s="1" t="s">
        <v>189190</v>
      </c>
      <c r="G56251" s="1" t="s">
        <v>189134</v>
      </c>
      <c r="H56251" s="1" t="s">
        <v>189135</v>
      </c>
      <c r="I56251" s="1" t="s">
        <v>187135</v>
      </c>
      <c r="J56251" s="1" t="s">
        <v>189191</v>
      </c>
    </row>
    <row r="56252" spans="1:10" x14ac:dyDescent="0.35">
      <c r="A56252" s="1" t="s">
        <v>46220</v>
      </c>
      <c r="B56252" s="1" t="s">
        <v>187129</v>
      </c>
      <c r="C56252" s="1" t="s">
        <v>100</v>
      </c>
      <c r="D56252" s="1" t="s">
        <v>189192</v>
      </c>
      <c r="E56252" s="1" t="s">
        <v>189193</v>
      </c>
      <c r="F56252" s="1" t="s">
        <v>189194</v>
      </c>
      <c r="G56252" s="1" t="s">
        <v>189134</v>
      </c>
      <c r="H56252" s="1" t="s">
        <v>189135</v>
      </c>
      <c r="I56252" s="1" t="s">
        <v>187135</v>
      </c>
      <c r="J56252" s="1" t="s">
        <v>189195</v>
      </c>
    </row>
    <row r="56253" spans="1:10" x14ac:dyDescent="0.35">
      <c r="A56253" s="1" t="s">
        <v>46220</v>
      </c>
      <c r="B56253" s="1" t="s">
        <v>187129</v>
      </c>
      <c r="C56253" s="1" t="s">
        <v>105</v>
      </c>
      <c r="D56253" s="1" t="s">
        <v>189196</v>
      </c>
      <c r="E56253" s="1" t="s">
        <v>189197</v>
      </c>
      <c r="F56253" s="1" t="s">
        <v>189198</v>
      </c>
      <c r="G56253" s="1" t="s">
        <v>189134</v>
      </c>
      <c r="H56253" s="1" t="s">
        <v>189135</v>
      </c>
      <c r="I56253" s="1" t="s">
        <v>187135</v>
      </c>
      <c r="J56253" s="1" t="s">
        <v>189199</v>
      </c>
    </row>
    <row r="56254" spans="1:10" x14ac:dyDescent="0.35">
      <c r="A56254" s="1" t="s">
        <v>46220</v>
      </c>
      <c r="B56254" s="1" t="s">
        <v>187129</v>
      </c>
      <c r="C56254" s="1" t="s">
        <v>110</v>
      </c>
      <c r="D56254" s="1" t="s">
        <v>189200</v>
      </c>
      <c r="E56254" s="1" t="s">
        <v>189201</v>
      </c>
      <c r="F56254" s="1" t="s">
        <v>189202</v>
      </c>
      <c r="G56254" s="1" t="s">
        <v>189134</v>
      </c>
      <c r="H56254" s="1" t="s">
        <v>189135</v>
      </c>
      <c r="I56254" s="1" t="s">
        <v>187135</v>
      </c>
      <c r="J56254" s="1" t="s">
        <v>189203</v>
      </c>
    </row>
    <row r="56255" spans="1:10" x14ac:dyDescent="0.35">
      <c r="A56255" s="1" t="s">
        <v>46220</v>
      </c>
      <c r="B56255" s="1" t="s">
        <v>187129</v>
      </c>
      <c r="C56255" s="1" t="s">
        <v>115</v>
      </c>
      <c r="D56255" s="1" t="s">
        <v>125818</v>
      </c>
      <c r="E56255" s="1" t="s">
        <v>189204</v>
      </c>
      <c r="F56255" s="1" t="s">
        <v>189205</v>
      </c>
      <c r="G56255" s="1" t="s">
        <v>189134</v>
      </c>
      <c r="H56255" s="1" t="s">
        <v>189135</v>
      </c>
      <c r="I56255" s="1" t="s">
        <v>187135</v>
      </c>
      <c r="J56255" s="1" t="s">
        <v>189206</v>
      </c>
    </row>
    <row r="56256" spans="1:10" x14ac:dyDescent="0.35">
      <c r="A56256" s="1" t="s">
        <v>46220</v>
      </c>
      <c r="B56256" s="1" t="s">
        <v>187129</v>
      </c>
      <c r="C56256" s="1" t="s">
        <v>120</v>
      </c>
      <c r="D56256" s="1" t="s">
        <v>16177</v>
      </c>
      <c r="E56256" s="1" t="s">
        <v>189207</v>
      </c>
      <c r="F56256" s="1" t="s">
        <v>189208</v>
      </c>
      <c r="G56256" s="1" t="s">
        <v>189134</v>
      </c>
      <c r="H56256" s="1" t="s">
        <v>189135</v>
      </c>
      <c r="I56256" s="1" t="s">
        <v>187135</v>
      </c>
      <c r="J56256" s="1" t="s">
        <v>189209</v>
      </c>
    </row>
    <row r="56257" spans="1:10" x14ac:dyDescent="0.35">
      <c r="A56257" s="1" t="s">
        <v>46220</v>
      </c>
      <c r="B56257" s="1" t="s">
        <v>187129</v>
      </c>
      <c r="C56257" s="1" t="s">
        <v>125</v>
      </c>
      <c r="D56257" s="1" t="s">
        <v>17413</v>
      </c>
      <c r="E56257" s="1" t="s">
        <v>189210</v>
      </c>
      <c r="F56257" s="1" t="s">
        <v>189211</v>
      </c>
      <c r="G56257" s="1" t="s">
        <v>189134</v>
      </c>
      <c r="H56257" s="1" t="s">
        <v>189135</v>
      </c>
      <c r="I56257" s="1" t="s">
        <v>187135</v>
      </c>
      <c r="J56257" s="1" t="s">
        <v>189212</v>
      </c>
    </row>
    <row r="56258" spans="1:10" x14ac:dyDescent="0.35">
      <c r="A56258" s="1" t="s">
        <v>46220</v>
      </c>
      <c r="B56258" s="1" t="s">
        <v>187129</v>
      </c>
      <c r="C56258" s="1" t="s">
        <v>130</v>
      </c>
      <c r="D56258" s="1" t="s">
        <v>118562</v>
      </c>
      <c r="E56258" s="1" t="s">
        <v>189213</v>
      </c>
      <c r="F56258" s="1" t="s">
        <v>189214</v>
      </c>
      <c r="G56258" s="1" t="s">
        <v>189134</v>
      </c>
      <c r="H56258" s="1" t="s">
        <v>189135</v>
      </c>
      <c r="I56258" s="1" t="s">
        <v>187135</v>
      </c>
      <c r="J56258" s="1" t="s">
        <v>189215</v>
      </c>
    </row>
    <row r="56259" spans="1:10" x14ac:dyDescent="0.35">
      <c r="A56259" s="1" t="s">
        <v>46220</v>
      </c>
      <c r="B56259" s="1" t="s">
        <v>187129</v>
      </c>
      <c r="C56259" s="1" t="s">
        <v>135</v>
      </c>
      <c r="D56259" s="1" t="s">
        <v>189216</v>
      </c>
      <c r="E56259" s="1" t="s">
        <v>189217</v>
      </c>
      <c r="F56259" s="1" t="s">
        <v>189218</v>
      </c>
      <c r="G56259" s="1" t="s">
        <v>189134</v>
      </c>
      <c r="H56259" s="1" t="s">
        <v>189135</v>
      </c>
      <c r="I56259" s="1" t="s">
        <v>187135</v>
      </c>
      <c r="J56259" s="1" t="s">
        <v>189219</v>
      </c>
    </row>
    <row r="56260" spans="1:10" x14ac:dyDescent="0.35">
      <c r="A56260" s="1" t="s">
        <v>46220</v>
      </c>
      <c r="B56260" s="1" t="s">
        <v>187129</v>
      </c>
      <c r="C56260" s="1" t="s">
        <v>140</v>
      </c>
      <c r="D56260" s="1" t="s">
        <v>33584</v>
      </c>
      <c r="E56260" s="1" t="s">
        <v>189220</v>
      </c>
      <c r="F56260" s="1" t="s">
        <v>189221</v>
      </c>
      <c r="G56260" s="1" t="s">
        <v>189134</v>
      </c>
      <c r="H56260" s="1" t="s">
        <v>189135</v>
      </c>
      <c r="I56260" s="1" t="s">
        <v>187135</v>
      </c>
      <c r="J56260" s="1" t="s">
        <v>189222</v>
      </c>
    </row>
    <row r="56261" spans="1:10" x14ac:dyDescent="0.35">
      <c r="A56261" s="1" t="s">
        <v>46220</v>
      </c>
      <c r="B56261" s="1" t="s">
        <v>187129</v>
      </c>
      <c r="C56261" s="1" t="s">
        <v>145</v>
      </c>
      <c r="D56261" s="1" t="s">
        <v>7179</v>
      </c>
      <c r="E56261" s="1" t="s">
        <v>189223</v>
      </c>
      <c r="F56261" s="1" t="s">
        <v>189224</v>
      </c>
      <c r="G56261" s="1" t="s">
        <v>189134</v>
      </c>
      <c r="H56261" s="1" t="s">
        <v>189135</v>
      </c>
      <c r="I56261" s="1" t="s">
        <v>187135</v>
      </c>
      <c r="J56261" s="1" t="s">
        <v>189225</v>
      </c>
    </row>
    <row r="56262" spans="1:10" x14ac:dyDescent="0.35">
      <c r="A56262" s="1" t="s">
        <v>46220</v>
      </c>
      <c r="B56262" s="1" t="s">
        <v>187129</v>
      </c>
      <c r="C56262" s="1" t="s">
        <v>150</v>
      </c>
      <c r="D56262" s="1" t="s">
        <v>648</v>
      </c>
      <c r="E56262" s="1" t="s">
        <v>189226</v>
      </c>
      <c r="F56262" s="1" t="s">
        <v>189227</v>
      </c>
      <c r="G56262" s="1" t="s">
        <v>189134</v>
      </c>
      <c r="H56262" s="1" t="s">
        <v>189135</v>
      </c>
      <c r="I56262" s="1" t="s">
        <v>187135</v>
      </c>
      <c r="J56262" s="1" t="s">
        <v>189228</v>
      </c>
    </row>
    <row r="56263" spans="1:10" x14ac:dyDescent="0.35">
      <c r="A56263" s="1" t="s">
        <v>46220</v>
      </c>
      <c r="B56263" s="1" t="s">
        <v>187129</v>
      </c>
      <c r="C56263" s="1" t="s">
        <v>155</v>
      </c>
      <c r="D56263" s="1" t="s">
        <v>189229</v>
      </c>
      <c r="E56263" s="1" t="s">
        <v>189230</v>
      </c>
      <c r="F56263" s="1" t="s">
        <v>189231</v>
      </c>
      <c r="G56263" s="1" t="s">
        <v>189134</v>
      </c>
      <c r="H56263" s="1" t="s">
        <v>189135</v>
      </c>
      <c r="I56263" s="1" t="s">
        <v>187135</v>
      </c>
      <c r="J56263" s="1" t="s">
        <v>189232</v>
      </c>
    </row>
    <row r="56264" spans="1:10" x14ac:dyDescent="0.35">
      <c r="A56264" s="1" t="s">
        <v>46220</v>
      </c>
      <c r="B56264" s="1" t="s">
        <v>187129</v>
      </c>
      <c r="C56264" s="1" t="s">
        <v>160</v>
      </c>
      <c r="D56264" s="1" t="s">
        <v>9613</v>
      </c>
      <c r="E56264" s="1" t="s">
        <v>189233</v>
      </c>
      <c r="F56264" s="1" t="s">
        <v>189234</v>
      </c>
      <c r="G56264" s="1" t="s">
        <v>189134</v>
      </c>
      <c r="H56264" s="1" t="s">
        <v>189135</v>
      </c>
      <c r="I56264" s="1" t="s">
        <v>187135</v>
      </c>
      <c r="J56264" s="1" t="s">
        <v>189235</v>
      </c>
    </row>
    <row r="56265" spans="1:10" x14ac:dyDescent="0.35">
      <c r="A56265" s="1" t="s">
        <v>46220</v>
      </c>
      <c r="B56265" s="1" t="s">
        <v>187129</v>
      </c>
      <c r="C56265" s="1" t="s">
        <v>165</v>
      </c>
      <c r="D56265" s="1" t="s">
        <v>48950</v>
      </c>
      <c r="E56265" s="1" t="s">
        <v>189236</v>
      </c>
      <c r="F56265" s="1" t="s">
        <v>189237</v>
      </c>
      <c r="G56265" s="1" t="s">
        <v>189134</v>
      </c>
      <c r="H56265" s="1" t="s">
        <v>189135</v>
      </c>
      <c r="I56265" s="1" t="s">
        <v>187135</v>
      </c>
      <c r="J56265" s="1" t="s">
        <v>189238</v>
      </c>
    </row>
    <row r="56266" spans="1:10" x14ac:dyDescent="0.35">
      <c r="A56266" s="1" t="s">
        <v>46220</v>
      </c>
      <c r="B56266" s="1" t="s">
        <v>187129</v>
      </c>
      <c r="C56266" s="1" t="s">
        <v>170</v>
      </c>
      <c r="D56266" s="1" t="s">
        <v>118775</v>
      </c>
      <c r="E56266" s="1" t="s">
        <v>189239</v>
      </c>
      <c r="F56266" s="1" t="s">
        <v>189240</v>
      </c>
      <c r="G56266" s="1" t="s">
        <v>189134</v>
      </c>
      <c r="H56266" s="1" t="s">
        <v>189135</v>
      </c>
      <c r="I56266" s="1" t="s">
        <v>187135</v>
      </c>
      <c r="J56266" s="1" t="s">
        <v>189241</v>
      </c>
    </row>
    <row r="56267" spans="1:10" x14ac:dyDescent="0.35">
      <c r="A56267" s="1" t="s">
        <v>14968</v>
      </c>
      <c r="B56267" s="1" t="s">
        <v>187129</v>
      </c>
      <c r="C56267" s="1" t="s">
        <v>8</v>
      </c>
      <c r="D56267" s="1" t="s">
        <v>47369</v>
      </c>
      <c r="E56267" s="1" t="s">
        <v>189242</v>
      </c>
      <c r="F56267" s="1" t="s">
        <v>189243</v>
      </c>
      <c r="G56267" s="1" t="s">
        <v>189244</v>
      </c>
      <c r="H56267" s="1" t="s">
        <v>189245</v>
      </c>
      <c r="I56267" s="1" t="s">
        <v>187135</v>
      </c>
      <c r="J56267" s="1" t="s">
        <v>13</v>
      </c>
    </row>
    <row r="56268" spans="1:10" x14ac:dyDescent="0.35">
      <c r="A56268" s="1" t="s">
        <v>14968</v>
      </c>
      <c r="B56268" s="1" t="s">
        <v>187129</v>
      </c>
      <c r="C56268" s="1" t="s">
        <v>15</v>
      </c>
      <c r="D56268" s="1" t="s">
        <v>31360</v>
      </c>
      <c r="E56268" s="1" t="s">
        <v>189246</v>
      </c>
      <c r="F56268" s="1" t="s">
        <v>189247</v>
      </c>
      <c r="G56268" s="1" t="s">
        <v>189244</v>
      </c>
      <c r="H56268" s="1" t="s">
        <v>189245</v>
      </c>
      <c r="I56268" s="1" t="s">
        <v>187135</v>
      </c>
      <c r="J56268" s="1" t="s">
        <v>189248</v>
      </c>
    </row>
    <row r="56269" spans="1:10" x14ac:dyDescent="0.35">
      <c r="A56269" s="1" t="s">
        <v>14968</v>
      </c>
      <c r="B56269" s="1" t="s">
        <v>187129</v>
      </c>
      <c r="C56269" s="1" t="s">
        <v>20</v>
      </c>
      <c r="D56269" s="1" t="s">
        <v>16023</v>
      </c>
      <c r="E56269" s="1" t="s">
        <v>189249</v>
      </c>
      <c r="F56269" s="1" t="s">
        <v>189250</v>
      </c>
      <c r="G56269" s="1" t="s">
        <v>189244</v>
      </c>
      <c r="H56269" s="1" t="s">
        <v>189245</v>
      </c>
      <c r="I56269" s="1" t="s">
        <v>187135</v>
      </c>
      <c r="J56269" s="1" t="s">
        <v>189251</v>
      </c>
    </row>
    <row r="56270" spans="1:10" x14ac:dyDescent="0.35">
      <c r="A56270" s="1" t="s">
        <v>14968</v>
      </c>
      <c r="B56270" s="1" t="s">
        <v>187129</v>
      </c>
      <c r="C56270" s="1" t="s">
        <v>25</v>
      </c>
      <c r="D56270" s="1" t="s">
        <v>72509</v>
      </c>
      <c r="E56270" s="1" t="s">
        <v>189252</v>
      </c>
      <c r="F56270" s="1" t="s">
        <v>189253</v>
      </c>
      <c r="G56270" s="1" t="s">
        <v>189244</v>
      </c>
      <c r="H56270" s="1" t="s">
        <v>189245</v>
      </c>
      <c r="I56270" s="1" t="s">
        <v>187135</v>
      </c>
      <c r="J56270" s="1" t="s">
        <v>189254</v>
      </c>
    </row>
    <row r="56271" spans="1:10" x14ac:dyDescent="0.35">
      <c r="A56271" s="1" t="s">
        <v>14968</v>
      </c>
      <c r="B56271" s="1" t="s">
        <v>187129</v>
      </c>
      <c r="C56271" s="1" t="s">
        <v>30</v>
      </c>
      <c r="D56271" s="1" t="s">
        <v>120383</v>
      </c>
      <c r="E56271" s="1" t="s">
        <v>189255</v>
      </c>
      <c r="F56271" s="1" t="s">
        <v>189256</v>
      </c>
      <c r="G56271" s="1" t="s">
        <v>189244</v>
      </c>
      <c r="H56271" s="1" t="s">
        <v>189245</v>
      </c>
      <c r="I56271" s="1" t="s">
        <v>187135</v>
      </c>
      <c r="J56271" s="1" t="s">
        <v>189257</v>
      </c>
    </row>
    <row r="56272" spans="1:10" x14ac:dyDescent="0.35">
      <c r="A56272" s="1" t="s">
        <v>14968</v>
      </c>
      <c r="B56272" s="1" t="s">
        <v>187129</v>
      </c>
      <c r="C56272" s="1" t="s">
        <v>35</v>
      </c>
      <c r="D56272" s="1" t="s">
        <v>48324</v>
      </c>
      <c r="E56272" s="1" t="s">
        <v>189258</v>
      </c>
      <c r="F56272" s="1" t="s">
        <v>189259</v>
      </c>
      <c r="G56272" s="1" t="s">
        <v>189244</v>
      </c>
      <c r="H56272" s="1" t="s">
        <v>189245</v>
      </c>
      <c r="I56272" s="1" t="s">
        <v>187135</v>
      </c>
      <c r="J56272" s="1" t="s">
        <v>189260</v>
      </c>
    </row>
    <row r="56273" spans="1:10" x14ac:dyDescent="0.35">
      <c r="A56273" s="1" t="s">
        <v>14968</v>
      </c>
      <c r="B56273" s="1" t="s">
        <v>187129</v>
      </c>
      <c r="C56273" s="1" t="s">
        <v>40</v>
      </c>
      <c r="D56273" s="1" t="s">
        <v>36723</v>
      </c>
      <c r="E56273" s="1" t="s">
        <v>189261</v>
      </c>
      <c r="F56273" s="1" t="s">
        <v>189262</v>
      </c>
      <c r="G56273" s="1" t="s">
        <v>189244</v>
      </c>
      <c r="H56273" s="1" t="s">
        <v>189245</v>
      </c>
      <c r="I56273" s="1" t="s">
        <v>187135</v>
      </c>
      <c r="J56273" s="1" t="s">
        <v>189263</v>
      </c>
    </row>
    <row r="56274" spans="1:10" x14ac:dyDescent="0.35">
      <c r="A56274" s="1" t="s">
        <v>14968</v>
      </c>
      <c r="B56274" s="1" t="s">
        <v>187129</v>
      </c>
      <c r="C56274" s="1" t="s">
        <v>45</v>
      </c>
      <c r="D56274" s="1" t="s">
        <v>34492</v>
      </c>
      <c r="E56274" s="1" t="s">
        <v>189264</v>
      </c>
      <c r="F56274" s="1" t="s">
        <v>189265</v>
      </c>
      <c r="G56274" s="1" t="s">
        <v>189244</v>
      </c>
      <c r="H56274" s="1" t="s">
        <v>189245</v>
      </c>
      <c r="I56274" s="1" t="s">
        <v>187135</v>
      </c>
      <c r="J56274" s="1" t="s">
        <v>189266</v>
      </c>
    </row>
    <row r="56275" spans="1:10" x14ac:dyDescent="0.35">
      <c r="A56275" s="1" t="s">
        <v>14968</v>
      </c>
      <c r="B56275" s="1" t="s">
        <v>187129</v>
      </c>
      <c r="C56275" s="1" t="s">
        <v>50</v>
      </c>
      <c r="D56275" s="1" t="s">
        <v>34835</v>
      </c>
      <c r="E56275" s="1" t="s">
        <v>189267</v>
      </c>
      <c r="F56275" s="1" t="s">
        <v>189268</v>
      </c>
      <c r="G56275" s="1" t="s">
        <v>189244</v>
      </c>
      <c r="H56275" s="1" t="s">
        <v>189245</v>
      </c>
      <c r="I56275" s="1" t="s">
        <v>187135</v>
      </c>
      <c r="J56275" s="1" t="s">
        <v>189269</v>
      </c>
    </row>
    <row r="56276" spans="1:10" x14ac:dyDescent="0.35">
      <c r="A56276" s="1" t="s">
        <v>14968</v>
      </c>
      <c r="B56276" s="1" t="s">
        <v>187129</v>
      </c>
      <c r="C56276" s="1" t="s">
        <v>55</v>
      </c>
      <c r="D56276" s="1" t="s">
        <v>15879</v>
      </c>
      <c r="E56276" s="1" t="s">
        <v>189270</v>
      </c>
      <c r="F56276" s="1" t="s">
        <v>189271</v>
      </c>
      <c r="G56276" s="1" t="s">
        <v>189244</v>
      </c>
      <c r="H56276" s="1" t="s">
        <v>189245</v>
      </c>
      <c r="I56276" s="1" t="s">
        <v>187135</v>
      </c>
      <c r="J56276" s="1" t="s">
        <v>189272</v>
      </c>
    </row>
    <row r="56277" spans="1:10" x14ac:dyDescent="0.35">
      <c r="A56277" s="1" t="s">
        <v>14968</v>
      </c>
      <c r="B56277" s="1" t="s">
        <v>187129</v>
      </c>
      <c r="C56277" s="1" t="s">
        <v>60</v>
      </c>
      <c r="D56277" s="1" t="s">
        <v>25032</v>
      </c>
      <c r="E56277" s="1" t="s">
        <v>189273</v>
      </c>
      <c r="F56277" s="1" t="s">
        <v>189274</v>
      </c>
      <c r="G56277" s="1" t="s">
        <v>189244</v>
      </c>
      <c r="H56277" s="1" t="s">
        <v>189245</v>
      </c>
      <c r="I56277" s="1" t="s">
        <v>187135</v>
      </c>
      <c r="J56277" s="1" t="s">
        <v>189275</v>
      </c>
    </row>
    <row r="56278" spans="1:10" x14ac:dyDescent="0.35">
      <c r="A56278" s="1" t="s">
        <v>14968</v>
      </c>
      <c r="B56278" s="1" t="s">
        <v>187129</v>
      </c>
      <c r="C56278" s="1" t="s">
        <v>65</v>
      </c>
      <c r="D56278" s="1" t="s">
        <v>170357</v>
      </c>
      <c r="E56278" s="1" t="s">
        <v>189276</v>
      </c>
      <c r="F56278" s="1" t="s">
        <v>189277</v>
      </c>
      <c r="G56278" s="1" t="s">
        <v>189244</v>
      </c>
      <c r="H56278" s="1" t="s">
        <v>189245</v>
      </c>
      <c r="I56278" s="1" t="s">
        <v>187135</v>
      </c>
      <c r="J56278" s="1" t="s">
        <v>189278</v>
      </c>
    </row>
    <row r="56279" spans="1:10" x14ac:dyDescent="0.35">
      <c r="A56279" s="1" t="s">
        <v>14968</v>
      </c>
      <c r="B56279" s="1" t="s">
        <v>187129</v>
      </c>
      <c r="C56279" s="1" t="s">
        <v>70</v>
      </c>
      <c r="D56279" s="1" t="s">
        <v>156628</v>
      </c>
      <c r="E56279" s="1" t="s">
        <v>189279</v>
      </c>
      <c r="F56279" s="1" t="s">
        <v>189280</v>
      </c>
      <c r="G56279" s="1" t="s">
        <v>189244</v>
      </c>
      <c r="H56279" s="1" t="s">
        <v>189245</v>
      </c>
      <c r="I56279" s="1" t="s">
        <v>187135</v>
      </c>
      <c r="J56279" s="1" t="s">
        <v>189281</v>
      </c>
    </row>
    <row r="56280" spans="1:10" x14ac:dyDescent="0.35">
      <c r="A56280" s="1" t="s">
        <v>14968</v>
      </c>
      <c r="B56280" s="1" t="s">
        <v>187129</v>
      </c>
      <c r="C56280" s="1" t="s">
        <v>75</v>
      </c>
      <c r="D56280" s="1" t="s">
        <v>189282</v>
      </c>
      <c r="E56280" s="1" t="s">
        <v>189283</v>
      </c>
      <c r="F56280" s="1" t="s">
        <v>189284</v>
      </c>
      <c r="G56280" s="1" t="s">
        <v>189244</v>
      </c>
      <c r="H56280" s="1" t="s">
        <v>189245</v>
      </c>
      <c r="I56280" s="1" t="s">
        <v>187135</v>
      </c>
      <c r="J56280" s="1" t="s">
        <v>189285</v>
      </c>
    </row>
    <row r="56281" spans="1:10" x14ac:dyDescent="0.35">
      <c r="A56281" s="1" t="s">
        <v>14968</v>
      </c>
      <c r="B56281" s="1" t="s">
        <v>187129</v>
      </c>
      <c r="C56281" s="1" t="s">
        <v>80</v>
      </c>
      <c r="D56281" s="1" t="s">
        <v>25043</v>
      </c>
      <c r="E56281" s="1" t="s">
        <v>189286</v>
      </c>
      <c r="F56281" s="1" t="s">
        <v>189287</v>
      </c>
      <c r="G56281" s="1" t="s">
        <v>189244</v>
      </c>
      <c r="H56281" s="1" t="s">
        <v>189245</v>
      </c>
      <c r="I56281" s="1" t="s">
        <v>187135</v>
      </c>
      <c r="J56281" s="1" t="s">
        <v>189288</v>
      </c>
    </row>
    <row r="56282" spans="1:10" x14ac:dyDescent="0.35">
      <c r="A56282" s="1" t="s">
        <v>14968</v>
      </c>
      <c r="B56282" s="1" t="s">
        <v>187129</v>
      </c>
      <c r="C56282" s="1" t="s">
        <v>85</v>
      </c>
      <c r="D56282" s="1" t="s">
        <v>126506</v>
      </c>
      <c r="E56282" s="1" t="s">
        <v>189289</v>
      </c>
      <c r="F56282" s="1" t="s">
        <v>189290</v>
      </c>
      <c r="G56282" s="1" t="s">
        <v>189244</v>
      </c>
      <c r="H56282" s="1" t="s">
        <v>189245</v>
      </c>
      <c r="I56282" s="1" t="s">
        <v>187135</v>
      </c>
      <c r="J56282" s="1" t="s">
        <v>189291</v>
      </c>
    </row>
    <row r="56283" spans="1:10" x14ac:dyDescent="0.35">
      <c r="A56283" s="1" t="s">
        <v>14968</v>
      </c>
      <c r="B56283" s="1" t="s">
        <v>187129</v>
      </c>
      <c r="C56283" s="1" t="s">
        <v>90</v>
      </c>
      <c r="D56283" s="1" t="s">
        <v>51214</v>
      </c>
      <c r="E56283" s="1" t="s">
        <v>189292</v>
      </c>
      <c r="F56283" s="1" t="s">
        <v>189293</v>
      </c>
      <c r="G56283" s="1" t="s">
        <v>189244</v>
      </c>
      <c r="H56283" s="1" t="s">
        <v>189245</v>
      </c>
      <c r="I56283" s="1" t="s">
        <v>187135</v>
      </c>
      <c r="J56283" s="1" t="s">
        <v>189294</v>
      </c>
    </row>
    <row r="56284" spans="1:10" x14ac:dyDescent="0.35">
      <c r="A56284" s="1" t="s">
        <v>14968</v>
      </c>
      <c r="B56284" s="1" t="s">
        <v>187129</v>
      </c>
      <c r="C56284" s="1" t="s">
        <v>95</v>
      </c>
      <c r="D56284" s="1" t="s">
        <v>48405</v>
      </c>
      <c r="E56284" s="1" t="s">
        <v>189295</v>
      </c>
      <c r="F56284" s="1" t="s">
        <v>189296</v>
      </c>
      <c r="G56284" s="1" t="s">
        <v>189244</v>
      </c>
      <c r="H56284" s="1" t="s">
        <v>189245</v>
      </c>
      <c r="I56284" s="1" t="s">
        <v>187135</v>
      </c>
      <c r="J56284" s="1" t="s">
        <v>189297</v>
      </c>
    </row>
    <row r="56285" spans="1:10" x14ac:dyDescent="0.35">
      <c r="A56285" s="1" t="s">
        <v>14968</v>
      </c>
      <c r="B56285" s="1" t="s">
        <v>187129</v>
      </c>
      <c r="C56285" s="1" t="s">
        <v>100</v>
      </c>
      <c r="D56285" s="1" t="s">
        <v>71929</v>
      </c>
      <c r="E56285" s="1" t="s">
        <v>189298</v>
      </c>
      <c r="F56285" s="1" t="s">
        <v>189299</v>
      </c>
      <c r="G56285" s="1" t="s">
        <v>189244</v>
      </c>
      <c r="H56285" s="1" t="s">
        <v>189245</v>
      </c>
      <c r="I56285" s="1" t="s">
        <v>187135</v>
      </c>
      <c r="J56285" s="1" t="s">
        <v>189300</v>
      </c>
    </row>
    <row r="56286" spans="1:10" x14ac:dyDescent="0.35">
      <c r="A56286" s="1" t="s">
        <v>14968</v>
      </c>
      <c r="B56286" s="1" t="s">
        <v>187129</v>
      </c>
      <c r="C56286" s="1" t="s">
        <v>105</v>
      </c>
      <c r="D56286" s="1" t="s">
        <v>118539</v>
      </c>
      <c r="E56286" s="1" t="s">
        <v>189301</v>
      </c>
      <c r="F56286" s="1" t="s">
        <v>189302</v>
      </c>
      <c r="G56286" s="1" t="s">
        <v>189244</v>
      </c>
      <c r="H56286" s="1" t="s">
        <v>189245</v>
      </c>
      <c r="I56286" s="1" t="s">
        <v>187135</v>
      </c>
      <c r="J56286" s="1" t="s">
        <v>189303</v>
      </c>
    </row>
    <row r="56287" spans="1:10" x14ac:dyDescent="0.35">
      <c r="A56287" s="1" t="s">
        <v>14968</v>
      </c>
      <c r="B56287" s="1" t="s">
        <v>187129</v>
      </c>
      <c r="C56287" s="1" t="s">
        <v>110</v>
      </c>
      <c r="D56287" s="1" t="s">
        <v>73397</v>
      </c>
      <c r="E56287" s="1" t="s">
        <v>189304</v>
      </c>
      <c r="F56287" s="1" t="s">
        <v>189305</v>
      </c>
      <c r="G56287" s="1" t="s">
        <v>189244</v>
      </c>
      <c r="H56287" s="1" t="s">
        <v>189245</v>
      </c>
      <c r="I56287" s="1" t="s">
        <v>187135</v>
      </c>
      <c r="J56287" s="1" t="s">
        <v>61517</v>
      </c>
    </row>
    <row r="56288" spans="1:10" x14ac:dyDescent="0.35">
      <c r="A56288" s="1" t="s">
        <v>14968</v>
      </c>
      <c r="B56288" s="1" t="s">
        <v>187129</v>
      </c>
      <c r="C56288" s="1" t="s">
        <v>115</v>
      </c>
      <c r="D56288" s="1" t="s">
        <v>376</v>
      </c>
      <c r="E56288" s="1" t="s">
        <v>189306</v>
      </c>
      <c r="F56288" s="1" t="s">
        <v>189307</v>
      </c>
      <c r="G56288" s="1" t="s">
        <v>189244</v>
      </c>
      <c r="H56288" s="1" t="s">
        <v>189245</v>
      </c>
      <c r="I56288" s="1" t="s">
        <v>187135</v>
      </c>
      <c r="J56288" s="1" t="s">
        <v>189308</v>
      </c>
    </row>
    <row r="56289" spans="1:10" x14ac:dyDescent="0.35">
      <c r="A56289" s="1" t="s">
        <v>14968</v>
      </c>
      <c r="B56289" s="1" t="s">
        <v>187129</v>
      </c>
      <c r="C56289" s="1" t="s">
        <v>120</v>
      </c>
      <c r="D56289" s="1" t="s">
        <v>71268</v>
      </c>
      <c r="E56289" s="1" t="s">
        <v>189309</v>
      </c>
      <c r="F56289" s="1" t="s">
        <v>189310</v>
      </c>
      <c r="G56289" s="1" t="s">
        <v>189244</v>
      </c>
      <c r="H56289" s="1" t="s">
        <v>189245</v>
      </c>
      <c r="I56289" s="1" t="s">
        <v>187135</v>
      </c>
      <c r="J56289" s="1" t="s">
        <v>189311</v>
      </c>
    </row>
    <row r="56290" spans="1:10" x14ac:dyDescent="0.35">
      <c r="A56290" s="1" t="s">
        <v>14968</v>
      </c>
      <c r="B56290" s="1" t="s">
        <v>187129</v>
      </c>
      <c r="C56290" s="1" t="s">
        <v>125</v>
      </c>
      <c r="D56290" s="1" t="s">
        <v>157882</v>
      </c>
      <c r="E56290" s="1" t="s">
        <v>189312</v>
      </c>
      <c r="F56290" s="1" t="s">
        <v>189313</v>
      </c>
      <c r="G56290" s="1" t="s">
        <v>189244</v>
      </c>
      <c r="H56290" s="1" t="s">
        <v>189245</v>
      </c>
      <c r="I56290" s="1" t="s">
        <v>187135</v>
      </c>
      <c r="J56290" s="1" t="s">
        <v>189314</v>
      </c>
    </row>
    <row r="56291" spans="1:10" x14ac:dyDescent="0.35">
      <c r="A56291" s="1" t="s">
        <v>14968</v>
      </c>
      <c r="B56291" s="1" t="s">
        <v>187129</v>
      </c>
      <c r="C56291" s="1" t="s">
        <v>130</v>
      </c>
      <c r="D56291" s="1" t="s">
        <v>189315</v>
      </c>
      <c r="E56291" s="1" t="s">
        <v>189316</v>
      </c>
      <c r="F56291" s="1" t="s">
        <v>189317</v>
      </c>
      <c r="G56291" s="1" t="s">
        <v>189244</v>
      </c>
      <c r="H56291" s="1" t="s">
        <v>189245</v>
      </c>
      <c r="I56291" s="1" t="s">
        <v>187135</v>
      </c>
      <c r="J56291" s="1" t="s">
        <v>189318</v>
      </c>
    </row>
    <row r="56292" spans="1:10" x14ac:dyDescent="0.35">
      <c r="A56292" s="1" t="s">
        <v>14968</v>
      </c>
      <c r="B56292" s="1" t="s">
        <v>187129</v>
      </c>
      <c r="C56292" s="1" t="s">
        <v>135</v>
      </c>
      <c r="D56292" s="1" t="s">
        <v>123514</v>
      </c>
      <c r="E56292" s="1" t="s">
        <v>189319</v>
      </c>
      <c r="F56292" s="1" t="s">
        <v>189320</v>
      </c>
      <c r="G56292" s="1" t="s">
        <v>189244</v>
      </c>
      <c r="H56292" s="1" t="s">
        <v>189245</v>
      </c>
      <c r="I56292" s="1" t="s">
        <v>187135</v>
      </c>
      <c r="J56292" s="1" t="s">
        <v>189321</v>
      </c>
    </row>
    <row r="56293" spans="1:10" x14ac:dyDescent="0.35">
      <c r="A56293" s="1" t="s">
        <v>14968</v>
      </c>
      <c r="B56293" s="1" t="s">
        <v>187129</v>
      </c>
      <c r="C56293" s="1" t="s">
        <v>140</v>
      </c>
      <c r="D56293" s="1" t="s">
        <v>124126</v>
      </c>
      <c r="E56293" s="1" t="s">
        <v>189322</v>
      </c>
      <c r="F56293" s="1" t="s">
        <v>189323</v>
      </c>
      <c r="G56293" s="1" t="s">
        <v>189244</v>
      </c>
      <c r="H56293" s="1" t="s">
        <v>189245</v>
      </c>
      <c r="I56293" s="1" t="s">
        <v>187135</v>
      </c>
      <c r="J56293" s="1" t="s">
        <v>189324</v>
      </c>
    </row>
    <row r="56294" spans="1:10" x14ac:dyDescent="0.35">
      <c r="A56294" s="1" t="s">
        <v>14968</v>
      </c>
      <c r="B56294" s="1" t="s">
        <v>187129</v>
      </c>
      <c r="C56294" s="1" t="s">
        <v>145</v>
      </c>
      <c r="D56294" s="1" t="s">
        <v>189325</v>
      </c>
      <c r="E56294" s="1" t="s">
        <v>189326</v>
      </c>
      <c r="F56294" s="1" t="s">
        <v>189327</v>
      </c>
      <c r="G56294" s="1" t="s">
        <v>189244</v>
      </c>
      <c r="H56294" s="1" t="s">
        <v>189245</v>
      </c>
      <c r="I56294" s="1" t="s">
        <v>187135</v>
      </c>
      <c r="J56294" s="1" t="s">
        <v>189328</v>
      </c>
    </row>
    <row r="56295" spans="1:10" x14ac:dyDescent="0.35">
      <c r="A56295" s="1" t="s">
        <v>14968</v>
      </c>
      <c r="B56295" s="1" t="s">
        <v>187129</v>
      </c>
      <c r="C56295" s="1" t="s">
        <v>150</v>
      </c>
      <c r="D56295" s="1" t="s">
        <v>189329</v>
      </c>
      <c r="E56295" s="1" t="s">
        <v>189330</v>
      </c>
      <c r="F56295" s="1" t="s">
        <v>189331</v>
      </c>
      <c r="G56295" s="1" t="s">
        <v>189244</v>
      </c>
      <c r="H56295" s="1" t="s">
        <v>189245</v>
      </c>
      <c r="I56295" s="1" t="s">
        <v>187135</v>
      </c>
      <c r="J56295" s="1" t="s">
        <v>189332</v>
      </c>
    </row>
    <row r="56296" spans="1:10" x14ac:dyDescent="0.35">
      <c r="A56296" s="1" t="s">
        <v>14968</v>
      </c>
      <c r="B56296" s="1" t="s">
        <v>187129</v>
      </c>
      <c r="C56296" s="1" t="s">
        <v>155</v>
      </c>
      <c r="D56296" s="1" t="s">
        <v>5155</v>
      </c>
      <c r="E56296" s="1" t="s">
        <v>189333</v>
      </c>
      <c r="F56296" s="1" t="s">
        <v>189334</v>
      </c>
      <c r="G56296" s="1" t="s">
        <v>189244</v>
      </c>
      <c r="H56296" s="1" t="s">
        <v>189245</v>
      </c>
      <c r="I56296" s="1" t="s">
        <v>187135</v>
      </c>
      <c r="J56296" s="1" t="s">
        <v>189335</v>
      </c>
    </row>
    <row r="56297" spans="1:10" x14ac:dyDescent="0.35">
      <c r="A56297" s="1" t="s">
        <v>14968</v>
      </c>
      <c r="B56297" s="1" t="s">
        <v>187129</v>
      </c>
      <c r="C56297" s="1" t="s">
        <v>160</v>
      </c>
      <c r="D56297" s="1" t="s">
        <v>119842</v>
      </c>
      <c r="E56297" s="1" t="s">
        <v>189336</v>
      </c>
      <c r="F56297" s="1" t="s">
        <v>189337</v>
      </c>
      <c r="G56297" s="1" t="s">
        <v>189244</v>
      </c>
      <c r="H56297" s="1" t="s">
        <v>189245</v>
      </c>
      <c r="I56297" s="1" t="s">
        <v>187135</v>
      </c>
      <c r="J56297" s="1" t="s">
        <v>189338</v>
      </c>
    </row>
    <row r="56298" spans="1:10" x14ac:dyDescent="0.35">
      <c r="A56298" s="1" t="s">
        <v>14968</v>
      </c>
      <c r="B56298" s="1" t="s">
        <v>187129</v>
      </c>
      <c r="C56298" s="1" t="s">
        <v>165</v>
      </c>
      <c r="D56298" s="1" t="s">
        <v>30629</v>
      </c>
      <c r="E56298" s="1" t="s">
        <v>189339</v>
      </c>
      <c r="F56298" s="1" t="s">
        <v>189340</v>
      </c>
      <c r="G56298" s="1" t="s">
        <v>189244</v>
      </c>
      <c r="H56298" s="1" t="s">
        <v>189245</v>
      </c>
      <c r="I56298" s="1" t="s">
        <v>187135</v>
      </c>
      <c r="J56298" s="1" t="s">
        <v>189341</v>
      </c>
    </row>
    <row r="56299" spans="1:10" x14ac:dyDescent="0.35">
      <c r="A56299" s="1" t="s">
        <v>14968</v>
      </c>
      <c r="B56299" s="1" t="s">
        <v>187129</v>
      </c>
      <c r="C56299" s="1" t="s">
        <v>170</v>
      </c>
      <c r="D56299" s="1" t="s">
        <v>41</v>
      </c>
      <c r="E56299" s="1" t="s">
        <v>189342</v>
      </c>
      <c r="F56299" s="1" t="s">
        <v>189343</v>
      </c>
      <c r="G56299" s="1" t="s">
        <v>189244</v>
      </c>
      <c r="H56299" s="1" t="s">
        <v>189245</v>
      </c>
      <c r="I56299" s="1" t="s">
        <v>187135</v>
      </c>
      <c r="J56299" s="1" t="s">
        <v>189344</v>
      </c>
    </row>
    <row r="56300" spans="1:10" x14ac:dyDescent="0.35">
      <c r="A56300" s="1" t="s">
        <v>9920</v>
      </c>
      <c r="B56300" s="1" t="s">
        <v>187129</v>
      </c>
      <c r="C56300" s="1" t="s">
        <v>8</v>
      </c>
      <c r="D56300" s="1" t="s">
        <v>13564</v>
      </c>
      <c r="E56300" s="1" t="s">
        <v>189345</v>
      </c>
      <c r="F56300" s="1" t="s">
        <v>189346</v>
      </c>
      <c r="G56300" s="1" t="s">
        <v>189347</v>
      </c>
      <c r="H56300" s="1" t="s">
        <v>189348</v>
      </c>
      <c r="I56300" s="1" t="s">
        <v>187135</v>
      </c>
      <c r="J56300" s="1" t="s">
        <v>13</v>
      </c>
    </row>
    <row r="56301" spans="1:10" x14ac:dyDescent="0.35">
      <c r="A56301" s="1" t="s">
        <v>9920</v>
      </c>
      <c r="B56301" s="1" t="s">
        <v>187129</v>
      </c>
      <c r="C56301" s="1" t="s">
        <v>15</v>
      </c>
      <c r="D56301" s="1" t="s">
        <v>48754</v>
      </c>
      <c r="E56301" s="1" t="s">
        <v>189349</v>
      </c>
      <c r="F56301" s="1" t="s">
        <v>189350</v>
      </c>
      <c r="G56301" s="1" t="s">
        <v>189347</v>
      </c>
      <c r="H56301" s="1" t="s">
        <v>189348</v>
      </c>
      <c r="I56301" s="1" t="s">
        <v>187135</v>
      </c>
      <c r="J56301" s="1" t="s">
        <v>189351</v>
      </c>
    </row>
    <row r="56302" spans="1:10" x14ac:dyDescent="0.35">
      <c r="A56302" s="1" t="s">
        <v>9920</v>
      </c>
      <c r="B56302" s="1" t="s">
        <v>187129</v>
      </c>
      <c r="C56302" s="1" t="s">
        <v>20</v>
      </c>
      <c r="D56302" s="1" t="s">
        <v>189352</v>
      </c>
      <c r="E56302" s="1" t="s">
        <v>189353</v>
      </c>
      <c r="F56302" s="1" t="s">
        <v>189354</v>
      </c>
      <c r="G56302" s="1" t="s">
        <v>189347</v>
      </c>
      <c r="H56302" s="1" t="s">
        <v>189348</v>
      </c>
      <c r="I56302" s="1" t="s">
        <v>187135</v>
      </c>
      <c r="J56302" s="1" t="s">
        <v>189355</v>
      </c>
    </row>
    <row r="56303" spans="1:10" x14ac:dyDescent="0.35">
      <c r="A56303" s="1" t="s">
        <v>9920</v>
      </c>
      <c r="B56303" s="1" t="s">
        <v>187129</v>
      </c>
      <c r="C56303" s="1" t="s">
        <v>25</v>
      </c>
      <c r="D56303" s="1" t="s">
        <v>3691</v>
      </c>
      <c r="E56303" s="1" t="s">
        <v>189356</v>
      </c>
      <c r="F56303" s="1" t="s">
        <v>189357</v>
      </c>
      <c r="G56303" s="1" t="s">
        <v>189347</v>
      </c>
      <c r="H56303" s="1" t="s">
        <v>189348</v>
      </c>
      <c r="I56303" s="1" t="s">
        <v>187135</v>
      </c>
      <c r="J56303" s="1" t="s">
        <v>189358</v>
      </c>
    </row>
    <row r="56304" spans="1:10" x14ac:dyDescent="0.35">
      <c r="A56304" s="1" t="s">
        <v>9920</v>
      </c>
      <c r="B56304" s="1" t="s">
        <v>187129</v>
      </c>
      <c r="C56304" s="1" t="s">
        <v>30</v>
      </c>
      <c r="D56304" s="1" t="s">
        <v>155601</v>
      </c>
      <c r="E56304" s="1" t="s">
        <v>189359</v>
      </c>
      <c r="F56304" s="1" t="s">
        <v>189360</v>
      </c>
      <c r="G56304" s="1" t="s">
        <v>189347</v>
      </c>
      <c r="H56304" s="1" t="s">
        <v>189348</v>
      </c>
      <c r="I56304" s="1" t="s">
        <v>187135</v>
      </c>
      <c r="J56304" s="1" t="s">
        <v>189361</v>
      </c>
    </row>
    <row r="56305" spans="1:10" x14ac:dyDescent="0.35">
      <c r="A56305" s="1" t="s">
        <v>9920</v>
      </c>
      <c r="B56305" s="1" t="s">
        <v>187129</v>
      </c>
      <c r="C56305" s="1" t="s">
        <v>35</v>
      </c>
      <c r="D56305" s="1" t="s">
        <v>5155</v>
      </c>
      <c r="E56305" s="1" t="s">
        <v>189362</v>
      </c>
      <c r="F56305" s="1" t="s">
        <v>189363</v>
      </c>
      <c r="G56305" s="1" t="s">
        <v>189347</v>
      </c>
      <c r="H56305" s="1" t="s">
        <v>189348</v>
      </c>
      <c r="I56305" s="1" t="s">
        <v>187135</v>
      </c>
      <c r="J56305" s="1" t="s">
        <v>189364</v>
      </c>
    </row>
    <row r="56306" spans="1:10" x14ac:dyDescent="0.35">
      <c r="A56306" s="1" t="s">
        <v>9920</v>
      </c>
      <c r="B56306" s="1" t="s">
        <v>187129</v>
      </c>
      <c r="C56306" s="1" t="s">
        <v>40</v>
      </c>
      <c r="D56306" s="1" t="s">
        <v>121795</v>
      </c>
      <c r="E56306" s="1" t="s">
        <v>189365</v>
      </c>
      <c r="F56306" s="1" t="s">
        <v>189366</v>
      </c>
      <c r="G56306" s="1" t="s">
        <v>189347</v>
      </c>
      <c r="H56306" s="1" t="s">
        <v>189348</v>
      </c>
      <c r="I56306" s="1" t="s">
        <v>187135</v>
      </c>
      <c r="J56306" s="1" t="s">
        <v>189367</v>
      </c>
    </row>
    <row r="56307" spans="1:10" x14ac:dyDescent="0.35">
      <c r="A56307" s="1" t="s">
        <v>9920</v>
      </c>
      <c r="B56307" s="1" t="s">
        <v>187129</v>
      </c>
      <c r="C56307" s="1" t="s">
        <v>45</v>
      </c>
      <c r="D56307" s="1" t="s">
        <v>277</v>
      </c>
      <c r="E56307" s="1" t="s">
        <v>189368</v>
      </c>
      <c r="F56307" s="1" t="s">
        <v>189369</v>
      </c>
      <c r="G56307" s="1" t="s">
        <v>189347</v>
      </c>
      <c r="H56307" s="1" t="s">
        <v>189348</v>
      </c>
      <c r="I56307" s="1" t="s">
        <v>187135</v>
      </c>
      <c r="J56307" s="1" t="s">
        <v>189370</v>
      </c>
    </row>
    <row r="56308" spans="1:10" x14ac:dyDescent="0.35">
      <c r="A56308" s="1" t="s">
        <v>9920</v>
      </c>
      <c r="B56308" s="1" t="s">
        <v>187129</v>
      </c>
      <c r="C56308" s="1" t="s">
        <v>50</v>
      </c>
      <c r="D56308" s="1" t="s">
        <v>173960</v>
      </c>
      <c r="E56308" s="1" t="s">
        <v>189371</v>
      </c>
      <c r="F56308" s="1" t="s">
        <v>189372</v>
      </c>
      <c r="G56308" s="1" t="s">
        <v>189347</v>
      </c>
      <c r="H56308" s="1" t="s">
        <v>189348</v>
      </c>
      <c r="I56308" s="1" t="s">
        <v>187135</v>
      </c>
      <c r="J56308" s="1" t="s">
        <v>189373</v>
      </c>
    </row>
    <row r="56309" spans="1:10" x14ac:dyDescent="0.35">
      <c r="A56309" s="1" t="s">
        <v>9920</v>
      </c>
      <c r="B56309" s="1" t="s">
        <v>187129</v>
      </c>
      <c r="C56309" s="1" t="s">
        <v>55</v>
      </c>
      <c r="D56309" s="1" t="s">
        <v>74222</v>
      </c>
      <c r="E56309" s="1" t="s">
        <v>189374</v>
      </c>
      <c r="F56309" s="1" t="s">
        <v>189375</v>
      </c>
      <c r="G56309" s="1" t="s">
        <v>189347</v>
      </c>
      <c r="H56309" s="1" t="s">
        <v>189348</v>
      </c>
      <c r="I56309" s="1" t="s">
        <v>187135</v>
      </c>
      <c r="J56309" s="1" t="s">
        <v>189376</v>
      </c>
    </row>
    <row r="56310" spans="1:10" x14ac:dyDescent="0.35">
      <c r="A56310" s="1" t="s">
        <v>9920</v>
      </c>
      <c r="B56310" s="1" t="s">
        <v>187129</v>
      </c>
      <c r="C56310" s="1" t="s">
        <v>60</v>
      </c>
      <c r="D56310" s="1" t="s">
        <v>104144</v>
      </c>
      <c r="E56310" s="1" t="s">
        <v>189377</v>
      </c>
      <c r="F56310" s="1" t="s">
        <v>189378</v>
      </c>
      <c r="G56310" s="1" t="s">
        <v>189347</v>
      </c>
      <c r="H56310" s="1" t="s">
        <v>189348</v>
      </c>
      <c r="I56310" s="1" t="s">
        <v>187135</v>
      </c>
      <c r="J56310" s="1" t="s">
        <v>189379</v>
      </c>
    </row>
    <row r="56311" spans="1:10" x14ac:dyDescent="0.35">
      <c r="A56311" s="1" t="s">
        <v>9920</v>
      </c>
      <c r="B56311" s="1" t="s">
        <v>187129</v>
      </c>
      <c r="C56311" s="1" t="s">
        <v>65</v>
      </c>
      <c r="D56311" s="1" t="s">
        <v>19814</v>
      </c>
      <c r="E56311" s="1" t="s">
        <v>189380</v>
      </c>
      <c r="F56311" s="1" t="s">
        <v>189381</v>
      </c>
      <c r="G56311" s="1" t="s">
        <v>189347</v>
      </c>
      <c r="H56311" s="1" t="s">
        <v>189348</v>
      </c>
      <c r="I56311" s="1" t="s">
        <v>187135</v>
      </c>
      <c r="J56311" s="1" t="s">
        <v>189382</v>
      </c>
    </row>
    <row r="56312" spans="1:10" x14ac:dyDescent="0.35">
      <c r="A56312" s="1" t="s">
        <v>9920</v>
      </c>
      <c r="B56312" s="1" t="s">
        <v>187129</v>
      </c>
      <c r="C56312" s="1" t="s">
        <v>70</v>
      </c>
      <c r="D56312" s="1" t="s">
        <v>125539</v>
      </c>
      <c r="E56312" s="1" t="s">
        <v>189383</v>
      </c>
      <c r="F56312" s="1" t="s">
        <v>189384</v>
      </c>
      <c r="G56312" s="1" t="s">
        <v>189347</v>
      </c>
      <c r="H56312" s="1" t="s">
        <v>189348</v>
      </c>
      <c r="I56312" s="1" t="s">
        <v>187135</v>
      </c>
      <c r="J56312" s="1" t="s">
        <v>189385</v>
      </c>
    </row>
    <row r="56313" spans="1:10" x14ac:dyDescent="0.35">
      <c r="A56313" s="1" t="s">
        <v>9920</v>
      </c>
      <c r="B56313" s="1" t="s">
        <v>187129</v>
      </c>
      <c r="C56313" s="1" t="s">
        <v>75</v>
      </c>
      <c r="D56313" s="1" t="s">
        <v>43167</v>
      </c>
      <c r="E56313" s="1" t="s">
        <v>189386</v>
      </c>
      <c r="F56313" s="1" t="s">
        <v>189387</v>
      </c>
      <c r="G56313" s="1" t="s">
        <v>189347</v>
      </c>
      <c r="H56313" s="1" t="s">
        <v>189348</v>
      </c>
      <c r="I56313" s="1" t="s">
        <v>187135</v>
      </c>
      <c r="J56313" s="1" t="s">
        <v>189388</v>
      </c>
    </row>
    <row r="56314" spans="1:10" x14ac:dyDescent="0.35">
      <c r="A56314" s="1" t="s">
        <v>9920</v>
      </c>
      <c r="B56314" s="1" t="s">
        <v>187129</v>
      </c>
      <c r="C56314" s="1" t="s">
        <v>80</v>
      </c>
      <c r="D56314" s="1" t="s">
        <v>160531</v>
      </c>
      <c r="E56314" s="1" t="s">
        <v>189389</v>
      </c>
      <c r="F56314" s="1" t="s">
        <v>189390</v>
      </c>
      <c r="G56314" s="1" t="s">
        <v>189347</v>
      </c>
      <c r="H56314" s="1" t="s">
        <v>189348</v>
      </c>
      <c r="I56314" s="1" t="s">
        <v>187135</v>
      </c>
      <c r="J56314" s="1" t="s">
        <v>189391</v>
      </c>
    </row>
    <row r="56315" spans="1:10" x14ac:dyDescent="0.35">
      <c r="A56315" s="1" t="s">
        <v>9920</v>
      </c>
      <c r="B56315" s="1" t="s">
        <v>187129</v>
      </c>
      <c r="C56315" s="1" t="s">
        <v>85</v>
      </c>
      <c r="D56315" s="1" t="s">
        <v>189392</v>
      </c>
      <c r="E56315" s="1" t="s">
        <v>189393</v>
      </c>
      <c r="F56315" s="1" t="s">
        <v>189394</v>
      </c>
      <c r="G56315" s="1" t="s">
        <v>189347</v>
      </c>
      <c r="H56315" s="1" t="s">
        <v>189348</v>
      </c>
      <c r="I56315" s="1" t="s">
        <v>187135</v>
      </c>
      <c r="J56315" s="1" t="s">
        <v>189395</v>
      </c>
    </row>
    <row r="56316" spans="1:10" x14ac:dyDescent="0.35">
      <c r="A56316" s="1" t="s">
        <v>9920</v>
      </c>
      <c r="B56316" s="1" t="s">
        <v>187129</v>
      </c>
      <c r="C56316" s="1" t="s">
        <v>90</v>
      </c>
      <c r="D56316" s="1" t="s">
        <v>171085</v>
      </c>
      <c r="E56316" s="1" t="s">
        <v>189396</v>
      </c>
      <c r="F56316" s="1" t="s">
        <v>189397</v>
      </c>
      <c r="G56316" s="1" t="s">
        <v>189347</v>
      </c>
      <c r="H56316" s="1" t="s">
        <v>189348</v>
      </c>
      <c r="I56316" s="1" t="s">
        <v>187135</v>
      </c>
      <c r="J56316" s="1" t="s">
        <v>189398</v>
      </c>
    </row>
    <row r="56317" spans="1:10" x14ac:dyDescent="0.35">
      <c r="A56317" s="1" t="s">
        <v>9920</v>
      </c>
      <c r="B56317" s="1" t="s">
        <v>187129</v>
      </c>
      <c r="C56317" s="1" t="s">
        <v>95</v>
      </c>
      <c r="D56317" s="1" t="s">
        <v>38486</v>
      </c>
      <c r="E56317" s="1" t="s">
        <v>189399</v>
      </c>
      <c r="F56317" s="1" t="s">
        <v>189400</v>
      </c>
      <c r="G56317" s="1" t="s">
        <v>189347</v>
      </c>
      <c r="H56317" s="1" t="s">
        <v>189348</v>
      </c>
      <c r="I56317" s="1" t="s">
        <v>187135</v>
      </c>
      <c r="J56317" s="1" t="s">
        <v>189401</v>
      </c>
    </row>
    <row r="56318" spans="1:10" x14ac:dyDescent="0.35">
      <c r="A56318" s="1" t="s">
        <v>9920</v>
      </c>
      <c r="B56318" s="1" t="s">
        <v>187129</v>
      </c>
      <c r="C56318" s="1" t="s">
        <v>100</v>
      </c>
      <c r="D56318" s="1" t="s">
        <v>174361</v>
      </c>
      <c r="E56318" s="1" t="s">
        <v>189402</v>
      </c>
      <c r="F56318" s="1" t="s">
        <v>189403</v>
      </c>
      <c r="G56318" s="1" t="s">
        <v>189347</v>
      </c>
      <c r="H56318" s="1" t="s">
        <v>189348</v>
      </c>
      <c r="I56318" s="1" t="s">
        <v>187135</v>
      </c>
      <c r="J56318" s="1" t="s">
        <v>189404</v>
      </c>
    </row>
    <row r="56319" spans="1:10" x14ac:dyDescent="0.35">
      <c r="A56319" s="1" t="s">
        <v>9920</v>
      </c>
      <c r="B56319" s="1" t="s">
        <v>187129</v>
      </c>
      <c r="C56319" s="1" t="s">
        <v>105</v>
      </c>
      <c r="D56319" s="1" t="s">
        <v>153148</v>
      </c>
      <c r="E56319" s="1" t="s">
        <v>189405</v>
      </c>
      <c r="F56319" s="1" t="s">
        <v>189406</v>
      </c>
      <c r="G56319" s="1" t="s">
        <v>189347</v>
      </c>
      <c r="H56319" s="1" t="s">
        <v>189348</v>
      </c>
      <c r="I56319" s="1" t="s">
        <v>187135</v>
      </c>
      <c r="J56319" s="1" t="s">
        <v>189407</v>
      </c>
    </row>
    <row r="56320" spans="1:10" x14ac:dyDescent="0.35">
      <c r="A56320" s="1" t="s">
        <v>9920</v>
      </c>
      <c r="B56320" s="1" t="s">
        <v>187129</v>
      </c>
      <c r="C56320" s="1" t="s">
        <v>110</v>
      </c>
      <c r="D56320" s="1" t="s">
        <v>45329</v>
      </c>
      <c r="E56320" s="1" t="s">
        <v>189408</v>
      </c>
      <c r="F56320" s="1" t="s">
        <v>189409</v>
      </c>
      <c r="G56320" s="1" t="s">
        <v>189347</v>
      </c>
      <c r="H56320" s="1" t="s">
        <v>189348</v>
      </c>
      <c r="I56320" s="1" t="s">
        <v>187135</v>
      </c>
      <c r="J56320" s="1" t="s">
        <v>189410</v>
      </c>
    </row>
    <row r="56321" spans="1:10" x14ac:dyDescent="0.35">
      <c r="A56321" s="1" t="s">
        <v>9920</v>
      </c>
      <c r="B56321" s="1" t="s">
        <v>187129</v>
      </c>
      <c r="C56321" s="1" t="s">
        <v>115</v>
      </c>
      <c r="D56321" s="1" t="s">
        <v>159961</v>
      </c>
      <c r="E56321" s="1" t="s">
        <v>189411</v>
      </c>
      <c r="F56321" s="1" t="s">
        <v>189412</v>
      </c>
      <c r="G56321" s="1" t="s">
        <v>189347</v>
      </c>
      <c r="H56321" s="1" t="s">
        <v>189348</v>
      </c>
      <c r="I56321" s="1" t="s">
        <v>187135</v>
      </c>
      <c r="J56321" s="1" t="s">
        <v>189413</v>
      </c>
    </row>
    <row r="56322" spans="1:10" x14ac:dyDescent="0.35">
      <c r="A56322" s="1" t="s">
        <v>9920</v>
      </c>
      <c r="B56322" s="1" t="s">
        <v>187129</v>
      </c>
      <c r="C56322" s="1" t="s">
        <v>120</v>
      </c>
      <c r="D56322" s="1" t="s">
        <v>15092</v>
      </c>
      <c r="E56322" s="1" t="s">
        <v>189414</v>
      </c>
      <c r="F56322" s="1" t="s">
        <v>189415</v>
      </c>
      <c r="G56322" s="1" t="s">
        <v>189347</v>
      </c>
      <c r="H56322" s="1" t="s">
        <v>189348</v>
      </c>
      <c r="I56322" s="1" t="s">
        <v>187135</v>
      </c>
      <c r="J56322" s="1" t="s">
        <v>189416</v>
      </c>
    </row>
    <row r="56323" spans="1:10" x14ac:dyDescent="0.35">
      <c r="A56323" s="1" t="s">
        <v>9920</v>
      </c>
      <c r="B56323" s="1" t="s">
        <v>187129</v>
      </c>
      <c r="C56323" s="1" t="s">
        <v>125</v>
      </c>
      <c r="D56323" s="1" t="s">
        <v>189417</v>
      </c>
      <c r="E56323" s="1" t="s">
        <v>189418</v>
      </c>
      <c r="F56323" s="1" t="s">
        <v>189419</v>
      </c>
      <c r="G56323" s="1" t="s">
        <v>189347</v>
      </c>
      <c r="H56323" s="1" t="s">
        <v>189348</v>
      </c>
      <c r="I56323" s="1" t="s">
        <v>187135</v>
      </c>
      <c r="J56323" s="1" t="s">
        <v>189420</v>
      </c>
    </row>
    <row r="56324" spans="1:10" x14ac:dyDescent="0.35">
      <c r="A56324" s="1" t="s">
        <v>9920</v>
      </c>
      <c r="B56324" s="1" t="s">
        <v>187129</v>
      </c>
      <c r="C56324" s="1" t="s">
        <v>130</v>
      </c>
      <c r="D56324" s="1" t="s">
        <v>69273</v>
      </c>
      <c r="E56324" s="1" t="s">
        <v>189421</v>
      </c>
      <c r="F56324" s="1" t="s">
        <v>189422</v>
      </c>
      <c r="G56324" s="1" t="s">
        <v>189347</v>
      </c>
      <c r="H56324" s="1" t="s">
        <v>189348</v>
      </c>
      <c r="I56324" s="1" t="s">
        <v>187135</v>
      </c>
      <c r="J56324" s="1" t="s">
        <v>189423</v>
      </c>
    </row>
    <row r="56325" spans="1:10" x14ac:dyDescent="0.35">
      <c r="A56325" s="1" t="s">
        <v>9920</v>
      </c>
      <c r="B56325" s="1" t="s">
        <v>187129</v>
      </c>
      <c r="C56325" s="1" t="s">
        <v>135</v>
      </c>
      <c r="D56325" s="1" t="s">
        <v>189424</v>
      </c>
      <c r="E56325" s="1" t="s">
        <v>189425</v>
      </c>
      <c r="F56325" s="1" t="s">
        <v>189426</v>
      </c>
      <c r="G56325" s="1" t="s">
        <v>189347</v>
      </c>
      <c r="H56325" s="1" t="s">
        <v>189348</v>
      </c>
      <c r="I56325" s="1" t="s">
        <v>187135</v>
      </c>
      <c r="J56325" s="1" t="s">
        <v>189427</v>
      </c>
    </row>
    <row r="56326" spans="1:10" x14ac:dyDescent="0.35">
      <c r="A56326" s="1" t="s">
        <v>9920</v>
      </c>
      <c r="B56326" s="1" t="s">
        <v>187129</v>
      </c>
      <c r="C56326" s="1" t="s">
        <v>140</v>
      </c>
      <c r="D56326" s="1" t="s">
        <v>189428</v>
      </c>
      <c r="E56326" s="1" t="s">
        <v>189429</v>
      </c>
      <c r="F56326" s="1" t="s">
        <v>189430</v>
      </c>
      <c r="G56326" s="1" t="s">
        <v>189347</v>
      </c>
      <c r="H56326" s="1" t="s">
        <v>189348</v>
      </c>
      <c r="I56326" s="1" t="s">
        <v>187135</v>
      </c>
      <c r="J56326" s="1" t="s">
        <v>189431</v>
      </c>
    </row>
    <row r="56327" spans="1:10" x14ac:dyDescent="0.35">
      <c r="A56327" s="1" t="s">
        <v>9920</v>
      </c>
      <c r="B56327" s="1" t="s">
        <v>187129</v>
      </c>
      <c r="C56327" s="1" t="s">
        <v>145</v>
      </c>
      <c r="D56327" s="1" t="s">
        <v>189432</v>
      </c>
      <c r="E56327" s="1" t="s">
        <v>189433</v>
      </c>
      <c r="F56327" s="1" t="s">
        <v>189434</v>
      </c>
      <c r="G56327" s="1" t="s">
        <v>189347</v>
      </c>
      <c r="H56327" s="1" t="s">
        <v>189348</v>
      </c>
      <c r="I56327" s="1" t="s">
        <v>187135</v>
      </c>
      <c r="J56327" s="1" t="s">
        <v>189435</v>
      </c>
    </row>
    <row r="56328" spans="1:10" x14ac:dyDescent="0.35">
      <c r="A56328" s="1" t="s">
        <v>9920</v>
      </c>
      <c r="B56328" s="1" t="s">
        <v>187129</v>
      </c>
      <c r="C56328" s="1" t="s">
        <v>150</v>
      </c>
      <c r="D56328" s="1" t="s">
        <v>79137</v>
      </c>
      <c r="E56328" s="1" t="s">
        <v>189436</v>
      </c>
      <c r="F56328" s="1" t="s">
        <v>189437</v>
      </c>
      <c r="G56328" s="1" t="s">
        <v>189347</v>
      </c>
      <c r="H56328" s="1" t="s">
        <v>189348</v>
      </c>
      <c r="I56328" s="1" t="s">
        <v>187135</v>
      </c>
      <c r="J56328" s="1" t="s">
        <v>189438</v>
      </c>
    </row>
    <row r="56329" spans="1:10" x14ac:dyDescent="0.35">
      <c r="A56329" s="1" t="s">
        <v>9920</v>
      </c>
      <c r="B56329" s="1" t="s">
        <v>187129</v>
      </c>
      <c r="C56329" s="1" t="s">
        <v>155</v>
      </c>
      <c r="D56329" s="1" t="s">
        <v>189439</v>
      </c>
      <c r="E56329" s="1" t="s">
        <v>189440</v>
      </c>
      <c r="F56329" s="1" t="s">
        <v>189441</v>
      </c>
      <c r="G56329" s="1" t="s">
        <v>189347</v>
      </c>
      <c r="H56329" s="1" t="s">
        <v>189348</v>
      </c>
      <c r="I56329" s="1" t="s">
        <v>187135</v>
      </c>
      <c r="J56329" s="1" t="s">
        <v>189442</v>
      </c>
    </row>
    <row r="56330" spans="1:10" x14ac:dyDescent="0.35">
      <c r="A56330" s="1" t="s">
        <v>9920</v>
      </c>
      <c r="B56330" s="1" t="s">
        <v>187129</v>
      </c>
      <c r="C56330" s="1" t="s">
        <v>160</v>
      </c>
      <c r="D56330" s="1" t="s">
        <v>61094</v>
      </c>
      <c r="E56330" s="1" t="s">
        <v>97806</v>
      </c>
      <c r="F56330" s="1" t="s">
        <v>189443</v>
      </c>
      <c r="G56330" s="1" t="s">
        <v>189347</v>
      </c>
      <c r="H56330" s="1" t="s">
        <v>189348</v>
      </c>
      <c r="I56330" s="1" t="s">
        <v>187135</v>
      </c>
      <c r="J56330" s="1" t="s">
        <v>189444</v>
      </c>
    </row>
    <row r="56331" spans="1:10" x14ac:dyDescent="0.35">
      <c r="A56331" s="1" t="s">
        <v>9920</v>
      </c>
      <c r="B56331" s="1" t="s">
        <v>187129</v>
      </c>
      <c r="C56331" s="1" t="s">
        <v>165</v>
      </c>
      <c r="D56331" s="1" t="s">
        <v>128422</v>
      </c>
      <c r="E56331" s="1" t="s">
        <v>189445</v>
      </c>
      <c r="F56331" s="1" t="s">
        <v>189446</v>
      </c>
      <c r="G56331" s="1" t="s">
        <v>189347</v>
      </c>
      <c r="H56331" s="1" t="s">
        <v>189348</v>
      </c>
      <c r="I56331" s="1" t="s">
        <v>187135</v>
      </c>
      <c r="J56331" s="1" t="s">
        <v>189447</v>
      </c>
    </row>
    <row r="56332" spans="1:10" x14ac:dyDescent="0.35">
      <c r="A56332" s="1" t="s">
        <v>9920</v>
      </c>
      <c r="B56332" s="1" t="s">
        <v>187129</v>
      </c>
      <c r="C56332" s="1" t="s">
        <v>170</v>
      </c>
      <c r="D56332" s="1" t="s">
        <v>189448</v>
      </c>
      <c r="E56332" s="1" t="s">
        <v>189449</v>
      </c>
      <c r="F56332" s="1" t="s">
        <v>189450</v>
      </c>
      <c r="G56332" s="1" t="s">
        <v>189347</v>
      </c>
      <c r="H56332" s="1" t="s">
        <v>189348</v>
      </c>
      <c r="I56332" s="1" t="s">
        <v>187135</v>
      </c>
      <c r="J56332" s="1" t="s">
        <v>189451</v>
      </c>
    </row>
    <row r="56333" spans="1:10" x14ac:dyDescent="0.35">
      <c r="A56333" s="1" t="s">
        <v>27619</v>
      </c>
      <c r="B56333" s="1" t="s">
        <v>187129</v>
      </c>
      <c r="C56333" s="1" t="s">
        <v>8</v>
      </c>
      <c r="D56333" s="1" t="s">
        <v>33477</v>
      </c>
      <c r="E56333" s="1" t="s">
        <v>189452</v>
      </c>
      <c r="F56333" s="1" t="s">
        <v>189453</v>
      </c>
      <c r="G56333" s="1" t="s">
        <v>189454</v>
      </c>
      <c r="H56333" s="1" t="s">
        <v>189455</v>
      </c>
      <c r="I56333" s="1" t="s">
        <v>187135</v>
      </c>
      <c r="J56333" s="1" t="s">
        <v>13</v>
      </c>
    </row>
    <row r="56334" spans="1:10" x14ac:dyDescent="0.35">
      <c r="A56334" s="1" t="s">
        <v>27619</v>
      </c>
      <c r="B56334" s="1" t="s">
        <v>187129</v>
      </c>
      <c r="C56334" s="1" t="s">
        <v>15</v>
      </c>
      <c r="D56334" s="1" t="s">
        <v>189456</v>
      </c>
      <c r="E56334" s="1" t="s">
        <v>189457</v>
      </c>
      <c r="F56334" s="1" t="s">
        <v>189458</v>
      </c>
      <c r="G56334" s="1" t="s">
        <v>189454</v>
      </c>
      <c r="H56334" s="1" t="s">
        <v>189455</v>
      </c>
      <c r="I56334" s="1" t="s">
        <v>187135</v>
      </c>
      <c r="J56334" s="1" t="s">
        <v>189459</v>
      </c>
    </row>
    <row r="56335" spans="1:10" x14ac:dyDescent="0.35">
      <c r="A56335" s="1" t="s">
        <v>27619</v>
      </c>
      <c r="B56335" s="1" t="s">
        <v>187129</v>
      </c>
      <c r="C56335" s="1" t="s">
        <v>20</v>
      </c>
      <c r="D56335" s="1" t="s">
        <v>126108</v>
      </c>
      <c r="E56335" s="1" t="s">
        <v>189460</v>
      </c>
      <c r="F56335" s="1" t="s">
        <v>189461</v>
      </c>
      <c r="G56335" s="1" t="s">
        <v>189454</v>
      </c>
      <c r="H56335" s="1" t="s">
        <v>189455</v>
      </c>
      <c r="I56335" s="1" t="s">
        <v>187135</v>
      </c>
      <c r="J56335" s="1" t="s">
        <v>189462</v>
      </c>
    </row>
    <row r="56336" spans="1:10" x14ac:dyDescent="0.35">
      <c r="A56336" s="1" t="s">
        <v>27619</v>
      </c>
      <c r="B56336" s="1" t="s">
        <v>187129</v>
      </c>
      <c r="C56336" s="1" t="s">
        <v>25</v>
      </c>
      <c r="D56336" s="1" t="s">
        <v>38626</v>
      </c>
      <c r="E56336" s="1" t="s">
        <v>189463</v>
      </c>
      <c r="F56336" s="1" t="s">
        <v>189464</v>
      </c>
      <c r="G56336" s="1" t="s">
        <v>189454</v>
      </c>
      <c r="H56336" s="1" t="s">
        <v>189455</v>
      </c>
      <c r="I56336" s="1" t="s">
        <v>187135</v>
      </c>
      <c r="J56336" s="1" t="s">
        <v>189465</v>
      </c>
    </row>
    <row r="56337" spans="1:10" x14ac:dyDescent="0.35">
      <c r="A56337" s="1" t="s">
        <v>27619</v>
      </c>
      <c r="B56337" s="1" t="s">
        <v>187129</v>
      </c>
      <c r="C56337" s="1" t="s">
        <v>30</v>
      </c>
      <c r="D56337" s="1" t="s">
        <v>46954</v>
      </c>
      <c r="E56337" s="1" t="s">
        <v>189466</v>
      </c>
      <c r="F56337" s="1" t="s">
        <v>189467</v>
      </c>
      <c r="G56337" s="1" t="s">
        <v>189454</v>
      </c>
      <c r="H56337" s="1" t="s">
        <v>189455</v>
      </c>
      <c r="I56337" s="1" t="s">
        <v>187135</v>
      </c>
      <c r="J56337" s="1" t="s">
        <v>189468</v>
      </c>
    </row>
    <row r="56338" spans="1:10" x14ac:dyDescent="0.35">
      <c r="A56338" s="1" t="s">
        <v>27619</v>
      </c>
      <c r="B56338" s="1" t="s">
        <v>187129</v>
      </c>
      <c r="C56338" s="1" t="s">
        <v>35</v>
      </c>
      <c r="D56338" s="1" t="s">
        <v>135873</v>
      </c>
      <c r="E56338" s="1" t="s">
        <v>189469</v>
      </c>
      <c r="F56338" s="1" t="s">
        <v>189470</v>
      </c>
      <c r="G56338" s="1" t="s">
        <v>189454</v>
      </c>
      <c r="H56338" s="1" t="s">
        <v>189455</v>
      </c>
      <c r="I56338" s="1" t="s">
        <v>187135</v>
      </c>
      <c r="J56338" s="1" t="s">
        <v>189471</v>
      </c>
    </row>
    <row r="56339" spans="1:10" x14ac:dyDescent="0.35">
      <c r="A56339" s="1" t="s">
        <v>27619</v>
      </c>
      <c r="B56339" s="1" t="s">
        <v>187129</v>
      </c>
      <c r="C56339" s="1" t="s">
        <v>40</v>
      </c>
      <c r="D56339" s="1" t="s">
        <v>120940</v>
      </c>
      <c r="E56339" s="1" t="s">
        <v>189472</v>
      </c>
      <c r="F56339" s="1" t="s">
        <v>189473</v>
      </c>
      <c r="G56339" s="1" t="s">
        <v>189454</v>
      </c>
      <c r="H56339" s="1" t="s">
        <v>189455</v>
      </c>
      <c r="I56339" s="1" t="s">
        <v>187135</v>
      </c>
      <c r="J56339" s="1" t="s">
        <v>189474</v>
      </c>
    </row>
    <row r="56340" spans="1:10" x14ac:dyDescent="0.35">
      <c r="A56340" s="1" t="s">
        <v>27619</v>
      </c>
      <c r="B56340" s="1" t="s">
        <v>187129</v>
      </c>
      <c r="C56340" s="1" t="s">
        <v>45</v>
      </c>
      <c r="D56340" s="1" t="s">
        <v>189475</v>
      </c>
      <c r="E56340" s="1" t="s">
        <v>189476</v>
      </c>
      <c r="F56340" s="1" t="s">
        <v>189477</v>
      </c>
      <c r="G56340" s="1" t="s">
        <v>189454</v>
      </c>
      <c r="H56340" s="1" t="s">
        <v>189455</v>
      </c>
      <c r="I56340" s="1" t="s">
        <v>187135</v>
      </c>
      <c r="J56340" s="1" t="s">
        <v>189478</v>
      </c>
    </row>
    <row r="56341" spans="1:10" x14ac:dyDescent="0.35">
      <c r="A56341" s="1" t="s">
        <v>27619</v>
      </c>
      <c r="B56341" s="1" t="s">
        <v>187129</v>
      </c>
      <c r="C56341" s="1" t="s">
        <v>50</v>
      </c>
      <c r="D56341" s="1" t="s">
        <v>170988</v>
      </c>
      <c r="E56341" s="1" t="s">
        <v>189479</v>
      </c>
      <c r="F56341" s="1" t="s">
        <v>189480</v>
      </c>
      <c r="G56341" s="1" t="s">
        <v>189454</v>
      </c>
      <c r="H56341" s="1" t="s">
        <v>189455</v>
      </c>
      <c r="I56341" s="1" t="s">
        <v>187135</v>
      </c>
      <c r="J56341" s="1" t="s">
        <v>189481</v>
      </c>
    </row>
    <row r="56342" spans="1:10" x14ac:dyDescent="0.35">
      <c r="A56342" s="1" t="s">
        <v>27619</v>
      </c>
      <c r="B56342" s="1" t="s">
        <v>187129</v>
      </c>
      <c r="C56342" s="1" t="s">
        <v>55</v>
      </c>
      <c r="D56342" s="1" t="s">
        <v>31128</v>
      </c>
      <c r="E56342" s="1" t="s">
        <v>189482</v>
      </c>
      <c r="F56342" s="1" t="s">
        <v>189483</v>
      </c>
      <c r="G56342" s="1" t="s">
        <v>189454</v>
      </c>
      <c r="H56342" s="1" t="s">
        <v>189455</v>
      </c>
      <c r="I56342" s="1" t="s">
        <v>187135</v>
      </c>
      <c r="J56342" s="1" t="s">
        <v>189484</v>
      </c>
    </row>
    <row r="56343" spans="1:10" x14ac:dyDescent="0.35">
      <c r="A56343" s="1" t="s">
        <v>27619</v>
      </c>
      <c r="B56343" s="1" t="s">
        <v>187129</v>
      </c>
      <c r="C56343" s="1" t="s">
        <v>60</v>
      </c>
      <c r="D56343" s="1" t="s">
        <v>16135</v>
      </c>
      <c r="E56343" s="1" t="s">
        <v>189485</v>
      </c>
      <c r="F56343" s="1" t="s">
        <v>189486</v>
      </c>
      <c r="G56343" s="1" t="s">
        <v>189454</v>
      </c>
      <c r="H56343" s="1" t="s">
        <v>189455</v>
      </c>
      <c r="I56343" s="1" t="s">
        <v>187135</v>
      </c>
      <c r="J56343" s="1" t="s">
        <v>189487</v>
      </c>
    </row>
    <row r="56344" spans="1:10" x14ac:dyDescent="0.35">
      <c r="A56344" s="1" t="s">
        <v>27619</v>
      </c>
      <c r="B56344" s="1" t="s">
        <v>187129</v>
      </c>
      <c r="C56344" s="1" t="s">
        <v>65</v>
      </c>
      <c r="D56344" s="1" t="s">
        <v>189488</v>
      </c>
      <c r="E56344" s="1" t="s">
        <v>189489</v>
      </c>
      <c r="F56344" s="1" t="s">
        <v>189490</v>
      </c>
      <c r="G56344" s="1" t="s">
        <v>189454</v>
      </c>
      <c r="H56344" s="1" t="s">
        <v>189455</v>
      </c>
      <c r="I56344" s="1" t="s">
        <v>187135</v>
      </c>
      <c r="J56344" s="1" t="s">
        <v>189491</v>
      </c>
    </row>
    <row r="56345" spans="1:10" x14ac:dyDescent="0.35">
      <c r="A56345" s="1" t="s">
        <v>27619</v>
      </c>
      <c r="B56345" s="1" t="s">
        <v>187129</v>
      </c>
      <c r="C56345" s="1" t="s">
        <v>70</v>
      </c>
      <c r="D56345" s="1" t="s">
        <v>51888</v>
      </c>
      <c r="E56345" s="1" t="s">
        <v>189492</v>
      </c>
      <c r="F56345" s="1" t="s">
        <v>189493</v>
      </c>
      <c r="G56345" s="1" t="s">
        <v>189454</v>
      </c>
      <c r="H56345" s="1" t="s">
        <v>189455</v>
      </c>
      <c r="I56345" s="1" t="s">
        <v>187135</v>
      </c>
      <c r="J56345" s="1" t="s">
        <v>189494</v>
      </c>
    </row>
    <row r="56346" spans="1:10" x14ac:dyDescent="0.35">
      <c r="A56346" s="1" t="s">
        <v>27619</v>
      </c>
      <c r="B56346" s="1" t="s">
        <v>187129</v>
      </c>
      <c r="C56346" s="1" t="s">
        <v>75</v>
      </c>
      <c r="D56346" s="1" t="s">
        <v>124970</v>
      </c>
      <c r="E56346" s="1" t="s">
        <v>189495</v>
      </c>
      <c r="F56346" s="1" t="s">
        <v>189496</v>
      </c>
      <c r="G56346" s="1" t="s">
        <v>189454</v>
      </c>
      <c r="H56346" s="1" t="s">
        <v>189455</v>
      </c>
      <c r="I56346" s="1" t="s">
        <v>187135</v>
      </c>
      <c r="J56346" s="1" t="s">
        <v>189497</v>
      </c>
    </row>
    <row r="56347" spans="1:10" x14ac:dyDescent="0.35">
      <c r="A56347" s="1" t="s">
        <v>27619</v>
      </c>
      <c r="B56347" s="1" t="s">
        <v>187129</v>
      </c>
      <c r="C56347" s="1" t="s">
        <v>80</v>
      </c>
      <c r="D56347" s="1" t="s">
        <v>104564</v>
      </c>
      <c r="E56347" s="1" t="s">
        <v>189498</v>
      </c>
      <c r="F56347" s="1" t="s">
        <v>189499</v>
      </c>
      <c r="G56347" s="1" t="s">
        <v>189454</v>
      </c>
      <c r="H56347" s="1" t="s">
        <v>189455</v>
      </c>
      <c r="I56347" s="1" t="s">
        <v>187135</v>
      </c>
      <c r="J56347" s="1" t="s">
        <v>189500</v>
      </c>
    </row>
    <row r="56348" spans="1:10" x14ac:dyDescent="0.35">
      <c r="A56348" s="1" t="s">
        <v>27619</v>
      </c>
      <c r="B56348" s="1" t="s">
        <v>187129</v>
      </c>
      <c r="C56348" s="1" t="s">
        <v>85</v>
      </c>
      <c r="D56348" s="1" t="s">
        <v>189501</v>
      </c>
      <c r="E56348" s="1" t="s">
        <v>189502</v>
      </c>
      <c r="F56348" s="1" t="s">
        <v>189503</v>
      </c>
      <c r="G56348" s="1" t="s">
        <v>189454</v>
      </c>
      <c r="H56348" s="1" t="s">
        <v>189455</v>
      </c>
      <c r="I56348" s="1" t="s">
        <v>187135</v>
      </c>
      <c r="J56348" s="1" t="s">
        <v>189504</v>
      </c>
    </row>
    <row r="56349" spans="1:10" x14ac:dyDescent="0.35">
      <c r="A56349" s="1" t="s">
        <v>27619</v>
      </c>
      <c r="B56349" s="1" t="s">
        <v>187129</v>
      </c>
      <c r="C56349" s="1" t="s">
        <v>90</v>
      </c>
      <c r="D56349" s="1" t="s">
        <v>43905</v>
      </c>
      <c r="E56349" s="1" t="s">
        <v>189505</v>
      </c>
      <c r="F56349" s="1" t="s">
        <v>189506</v>
      </c>
      <c r="G56349" s="1" t="s">
        <v>189454</v>
      </c>
      <c r="H56349" s="1" t="s">
        <v>189455</v>
      </c>
      <c r="I56349" s="1" t="s">
        <v>187135</v>
      </c>
      <c r="J56349" s="1" t="s">
        <v>189507</v>
      </c>
    </row>
    <row r="56350" spans="1:10" x14ac:dyDescent="0.35">
      <c r="A56350" s="1" t="s">
        <v>27619</v>
      </c>
      <c r="B56350" s="1" t="s">
        <v>187129</v>
      </c>
      <c r="C56350" s="1" t="s">
        <v>95</v>
      </c>
      <c r="D56350" s="1" t="s">
        <v>123266</v>
      </c>
      <c r="E56350" s="1" t="s">
        <v>189508</v>
      </c>
      <c r="F56350" s="1" t="s">
        <v>189509</v>
      </c>
      <c r="G56350" s="1" t="s">
        <v>189454</v>
      </c>
      <c r="H56350" s="1" t="s">
        <v>189455</v>
      </c>
      <c r="I56350" s="1" t="s">
        <v>187135</v>
      </c>
      <c r="J56350" s="1" t="s">
        <v>189510</v>
      </c>
    </row>
    <row r="56351" spans="1:10" x14ac:dyDescent="0.35">
      <c r="A56351" s="1" t="s">
        <v>27619</v>
      </c>
      <c r="B56351" s="1" t="s">
        <v>187129</v>
      </c>
      <c r="C56351" s="1" t="s">
        <v>100</v>
      </c>
      <c r="D56351" s="1" t="s">
        <v>157889</v>
      </c>
      <c r="E56351" s="1" t="s">
        <v>189511</v>
      </c>
      <c r="F56351" s="1" t="s">
        <v>189512</v>
      </c>
      <c r="G56351" s="1" t="s">
        <v>189454</v>
      </c>
      <c r="H56351" s="1" t="s">
        <v>189455</v>
      </c>
      <c r="I56351" s="1" t="s">
        <v>187135</v>
      </c>
      <c r="J56351" s="1" t="s">
        <v>189513</v>
      </c>
    </row>
    <row r="56352" spans="1:10" x14ac:dyDescent="0.35">
      <c r="A56352" s="1" t="s">
        <v>27619</v>
      </c>
      <c r="B56352" s="1" t="s">
        <v>187129</v>
      </c>
      <c r="C56352" s="1" t="s">
        <v>105</v>
      </c>
      <c r="D56352" s="1" t="s">
        <v>118208</v>
      </c>
      <c r="E56352" s="1" t="s">
        <v>189514</v>
      </c>
      <c r="F56352" s="1" t="s">
        <v>189515</v>
      </c>
      <c r="G56352" s="1" t="s">
        <v>189454</v>
      </c>
      <c r="H56352" s="1" t="s">
        <v>189455</v>
      </c>
      <c r="I56352" s="1" t="s">
        <v>187135</v>
      </c>
      <c r="J56352" s="1" t="s">
        <v>189516</v>
      </c>
    </row>
    <row r="56353" spans="1:10" x14ac:dyDescent="0.35">
      <c r="A56353" s="1" t="s">
        <v>27619</v>
      </c>
      <c r="B56353" s="1" t="s">
        <v>187129</v>
      </c>
      <c r="C56353" s="1" t="s">
        <v>110</v>
      </c>
      <c r="D56353" s="1" t="s">
        <v>125450</v>
      </c>
      <c r="E56353" s="1" t="s">
        <v>189517</v>
      </c>
      <c r="F56353" s="1" t="s">
        <v>189518</v>
      </c>
      <c r="G56353" s="1" t="s">
        <v>189454</v>
      </c>
      <c r="H56353" s="1" t="s">
        <v>189455</v>
      </c>
      <c r="I56353" s="1" t="s">
        <v>187135</v>
      </c>
      <c r="J56353" s="1" t="s">
        <v>189519</v>
      </c>
    </row>
    <row r="56354" spans="1:10" x14ac:dyDescent="0.35">
      <c r="A56354" s="1" t="s">
        <v>27619</v>
      </c>
      <c r="B56354" s="1" t="s">
        <v>187129</v>
      </c>
      <c r="C56354" s="1" t="s">
        <v>115</v>
      </c>
      <c r="D56354" s="1" t="s">
        <v>18824</v>
      </c>
      <c r="E56354" s="1" t="s">
        <v>189520</v>
      </c>
      <c r="F56354" s="1" t="s">
        <v>189521</v>
      </c>
      <c r="G56354" s="1" t="s">
        <v>189454</v>
      </c>
      <c r="H56354" s="1" t="s">
        <v>189455</v>
      </c>
      <c r="I56354" s="1" t="s">
        <v>187135</v>
      </c>
      <c r="J56354" s="1" t="s">
        <v>189522</v>
      </c>
    </row>
    <row r="56355" spans="1:10" x14ac:dyDescent="0.35">
      <c r="A56355" s="1" t="s">
        <v>27619</v>
      </c>
      <c r="B56355" s="1" t="s">
        <v>187129</v>
      </c>
      <c r="C56355" s="1" t="s">
        <v>120</v>
      </c>
      <c r="D56355" s="1" t="s">
        <v>18875</v>
      </c>
      <c r="E56355" s="1" t="s">
        <v>189523</v>
      </c>
      <c r="F56355" s="1" t="s">
        <v>189524</v>
      </c>
      <c r="G56355" s="1" t="s">
        <v>189454</v>
      </c>
      <c r="H56355" s="1" t="s">
        <v>189455</v>
      </c>
      <c r="I56355" s="1" t="s">
        <v>187135</v>
      </c>
      <c r="J56355" s="1" t="s">
        <v>189525</v>
      </c>
    </row>
    <row r="56356" spans="1:10" x14ac:dyDescent="0.35">
      <c r="A56356" s="1" t="s">
        <v>27619</v>
      </c>
      <c r="B56356" s="1" t="s">
        <v>187129</v>
      </c>
      <c r="C56356" s="1" t="s">
        <v>125</v>
      </c>
      <c r="D56356" s="1" t="s">
        <v>177657</v>
      </c>
      <c r="E56356" s="1" t="s">
        <v>189526</v>
      </c>
      <c r="F56356" s="1" t="s">
        <v>189527</v>
      </c>
      <c r="G56356" s="1" t="s">
        <v>189454</v>
      </c>
      <c r="H56356" s="1" t="s">
        <v>189455</v>
      </c>
      <c r="I56356" s="1" t="s">
        <v>187135</v>
      </c>
      <c r="J56356" s="1" t="s">
        <v>189528</v>
      </c>
    </row>
    <row r="56357" spans="1:10" x14ac:dyDescent="0.35">
      <c r="A56357" s="1" t="s">
        <v>27619</v>
      </c>
      <c r="B56357" s="1" t="s">
        <v>187129</v>
      </c>
      <c r="C56357" s="1" t="s">
        <v>130</v>
      </c>
      <c r="D56357" s="1" t="s">
        <v>48958</v>
      </c>
      <c r="E56357" s="1" t="s">
        <v>189529</v>
      </c>
      <c r="F56357" s="1" t="s">
        <v>189530</v>
      </c>
      <c r="G56357" s="1" t="s">
        <v>189454</v>
      </c>
      <c r="H56357" s="1" t="s">
        <v>189455</v>
      </c>
      <c r="I56357" s="1" t="s">
        <v>187135</v>
      </c>
      <c r="J56357" s="1" t="s">
        <v>189531</v>
      </c>
    </row>
    <row r="56358" spans="1:10" x14ac:dyDescent="0.35">
      <c r="A56358" s="1" t="s">
        <v>27619</v>
      </c>
      <c r="B56358" s="1" t="s">
        <v>187129</v>
      </c>
      <c r="C56358" s="1" t="s">
        <v>135</v>
      </c>
      <c r="D56358" s="1" t="s">
        <v>117574</v>
      </c>
      <c r="E56358" s="1" t="s">
        <v>189532</v>
      </c>
      <c r="F56358" s="1" t="s">
        <v>189533</v>
      </c>
      <c r="G56358" s="1" t="s">
        <v>189454</v>
      </c>
      <c r="H56358" s="1" t="s">
        <v>189455</v>
      </c>
      <c r="I56358" s="1" t="s">
        <v>187135</v>
      </c>
      <c r="J56358" s="1" t="s">
        <v>189534</v>
      </c>
    </row>
    <row r="56359" spans="1:10" x14ac:dyDescent="0.35">
      <c r="A56359" s="1" t="s">
        <v>27619</v>
      </c>
      <c r="B56359" s="1" t="s">
        <v>187129</v>
      </c>
      <c r="C56359" s="1" t="s">
        <v>140</v>
      </c>
      <c r="D56359" s="1" t="s">
        <v>188530</v>
      </c>
      <c r="E56359" s="1" t="s">
        <v>189535</v>
      </c>
      <c r="F56359" s="1" t="s">
        <v>189536</v>
      </c>
      <c r="G56359" s="1" t="s">
        <v>189454</v>
      </c>
      <c r="H56359" s="1" t="s">
        <v>189455</v>
      </c>
      <c r="I56359" s="1" t="s">
        <v>187135</v>
      </c>
      <c r="J56359" s="1" t="s">
        <v>189537</v>
      </c>
    </row>
    <row r="56360" spans="1:10" x14ac:dyDescent="0.35">
      <c r="A56360" s="1" t="s">
        <v>27619</v>
      </c>
      <c r="B56360" s="1" t="s">
        <v>187129</v>
      </c>
      <c r="C56360" s="1" t="s">
        <v>145</v>
      </c>
      <c r="D56360" s="1" t="s">
        <v>83033</v>
      </c>
      <c r="E56360" s="1" t="s">
        <v>189538</v>
      </c>
      <c r="F56360" s="1" t="s">
        <v>189539</v>
      </c>
      <c r="G56360" s="1" t="s">
        <v>189454</v>
      </c>
      <c r="H56360" s="1" t="s">
        <v>189455</v>
      </c>
      <c r="I56360" s="1" t="s">
        <v>187135</v>
      </c>
      <c r="J56360" s="1" t="s">
        <v>189540</v>
      </c>
    </row>
    <row r="56361" spans="1:10" x14ac:dyDescent="0.35">
      <c r="A56361" s="1" t="s">
        <v>27619</v>
      </c>
      <c r="B56361" s="1" t="s">
        <v>187129</v>
      </c>
      <c r="C56361" s="1" t="s">
        <v>150</v>
      </c>
      <c r="D56361" s="1" t="s">
        <v>174240</v>
      </c>
      <c r="E56361" s="1" t="s">
        <v>189541</v>
      </c>
      <c r="F56361" s="1" t="s">
        <v>189542</v>
      </c>
      <c r="G56361" s="1" t="s">
        <v>189454</v>
      </c>
      <c r="H56361" s="1" t="s">
        <v>189455</v>
      </c>
      <c r="I56361" s="1" t="s">
        <v>187135</v>
      </c>
      <c r="J56361" s="1" t="s">
        <v>189543</v>
      </c>
    </row>
    <row r="56362" spans="1:10" x14ac:dyDescent="0.35">
      <c r="A56362" s="1" t="s">
        <v>27619</v>
      </c>
      <c r="B56362" s="1" t="s">
        <v>187129</v>
      </c>
      <c r="C56362" s="1" t="s">
        <v>155</v>
      </c>
      <c r="D56362" s="1" t="s">
        <v>150048</v>
      </c>
      <c r="E56362" s="1" t="s">
        <v>189544</v>
      </c>
      <c r="F56362" s="1" t="s">
        <v>189545</v>
      </c>
      <c r="G56362" s="1" t="s">
        <v>189454</v>
      </c>
      <c r="H56362" s="1" t="s">
        <v>189455</v>
      </c>
      <c r="I56362" s="1" t="s">
        <v>187135</v>
      </c>
      <c r="J56362" s="1" t="s">
        <v>189546</v>
      </c>
    </row>
    <row r="56363" spans="1:10" x14ac:dyDescent="0.35">
      <c r="A56363" s="1" t="s">
        <v>27619</v>
      </c>
      <c r="B56363" s="1" t="s">
        <v>187129</v>
      </c>
      <c r="C56363" s="1" t="s">
        <v>160</v>
      </c>
      <c r="D56363" s="1" t="s">
        <v>141893</v>
      </c>
      <c r="E56363" s="1" t="s">
        <v>189547</v>
      </c>
      <c r="F56363" s="1" t="s">
        <v>189548</v>
      </c>
      <c r="G56363" s="1" t="s">
        <v>189454</v>
      </c>
      <c r="H56363" s="1" t="s">
        <v>189455</v>
      </c>
      <c r="I56363" s="1" t="s">
        <v>187135</v>
      </c>
      <c r="J56363" s="1" t="s">
        <v>189549</v>
      </c>
    </row>
    <row r="56364" spans="1:10" x14ac:dyDescent="0.35">
      <c r="A56364" s="1" t="s">
        <v>27619</v>
      </c>
      <c r="B56364" s="1" t="s">
        <v>187129</v>
      </c>
      <c r="C56364" s="1" t="s">
        <v>165</v>
      </c>
      <c r="D56364" s="1" t="s">
        <v>189550</v>
      </c>
      <c r="E56364" s="1" t="s">
        <v>189551</v>
      </c>
      <c r="F56364" s="1" t="s">
        <v>189552</v>
      </c>
      <c r="G56364" s="1" t="s">
        <v>189454</v>
      </c>
      <c r="H56364" s="1" t="s">
        <v>189455</v>
      </c>
      <c r="I56364" s="1" t="s">
        <v>187135</v>
      </c>
      <c r="J56364" s="1" t="s">
        <v>189553</v>
      </c>
    </row>
    <row r="56365" spans="1:10" x14ac:dyDescent="0.35">
      <c r="A56365" s="1" t="s">
        <v>27619</v>
      </c>
      <c r="B56365" s="1" t="s">
        <v>187129</v>
      </c>
      <c r="C56365" s="1" t="s">
        <v>170</v>
      </c>
      <c r="D56365" s="1" t="s">
        <v>189554</v>
      </c>
      <c r="E56365" s="1" t="s">
        <v>189555</v>
      </c>
      <c r="F56365" s="1" t="s">
        <v>189556</v>
      </c>
      <c r="G56365" s="1" t="s">
        <v>189454</v>
      </c>
      <c r="H56365" s="1" t="s">
        <v>189455</v>
      </c>
      <c r="I56365" s="1" t="s">
        <v>187135</v>
      </c>
      <c r="J56365" s="1" t="s">
        <v>189557</v>
      </c>
    </row>
    <row r="56366" spans="1:10" x14ac:dyDescent="0.35">
      <c r="A56366" s="1" t="s">
        <v>8772</v>
      </c>
      <c r="B56366" s="1" t="s">
        <v>187129</v>
      </c>
      <c r="C56366" s="1" t="s">
        <v>8</v>
      </c>
      <c r="D56366" s="1" t="s">
        <v>189558</v>
      </c>
      <c r="E56366" s="1" t="s">
        <v>189559</v>
      </c>
      <c r="F56366" s="1" t="s">
        <v>189560</v>
      </c>
      <c r="G56366" s="1" t="s">
        <v>189561</v>
      </c>
      <c r="H56366" s="1" t="s">
        <v>189562</v>
      </c>
      <c r="I56366" s="1" t="s">
        <v>187135</v>
      </c>
      <c r="J56366" s="1" t="s">
        <v>13</v>
      </c>
    </row>
    <row r="56367" spans="1:10" x14ac:dyDescent="0.35">
      <c r="A56367" s="1" t="s">
        <v>8772</v>
      </c>
      <c r="B56367" s="1" t="s">
        <v>187129</v>
      </c>
      <c r="C56367" s="1" t="s">
        <v>15</v>
      </c>
      <c r="D56367" s="1" t="s">
        <v>175754</v>
      </c>
      <c r="E56367" s="1" t="s">
        <v>189563</v>
      </c>
      <c r="F56367" s="1" t="s">
        <v>189564</v>
      </c>
      <c r="G56367" s="1" t="s">
        <v>189561</v>
      </c>
      <c r="H56367" s="1" t="s">
        <v>189562</v>
      </c>
      <c r="I56367" s="1" t="s">
        <v>187135</v>
      </c>
      <c r="J56367" s="1" t="s">
        <v>189565</v>
      </c>
    </row>
    <row r="56368" spans="1:10" x14ac:dyDescent="0.35">
      <c r="A56368" s="1" t="s">
        <v>8772</v>
      </c>
      <c r="B56368" s="1" t="s">
        <v>187129</v>
      </c>
      <c r="C56368" s="1" t="s">
        <v>20</v>
      </c>
      <c r="D56368" s="1" t="s">
        <v>15299</v>
      </c>
      <c r="E56368" s="1" t="s">
        <v>189566</v>
      </c>
      <c r="F56368" s="1" t="s">
        <v>189567</v>
      </c>
      <c r="G56368" s="1" t="s">
        <v>189561</v>
      </c>
      <c r="H56368" s="1" t="s">
        <v>189562</v>
      </c>
      <c r="I56368" s="1" t="s">
        <v>187135</v>
      </c>
      <c r="J56368" s="1" t="s">
        <v>189568</v>
      </c>
    </row>
    <row r="56369" spans="1:10" x14ac:dyDescent="0.35">
      <c r="A56369" s="1" t="s">
        <v>8772</v>
      </c>
      <c r="B56369" s="1" t="s">
        <v>187129</v>
      </c>
      <c r="C56369" s="1" t="s">
        <v>25</v>
      </c>
      <c r="D56369" s="1" t="s">
        <v>189569</v>
      </c>
      <c r="E56369" s="1" t="s">
        <v>189570</v>
      </c>
      <c r="F56369" s="1" t="s">
        <v>189571</v>
      </c>
      <c r="G56369" s="1" t="s">
        <v>189561</v>
      </c>
      <c r="H56369" s="1" t="s">
        <v>189562</v>
      </c>
      <c r="I56369" s="1" t="s">
        <v>187135</v>
      </c>
      <c r="J56369" s="1" t="s">
        <v>189572</v>
      </c>
    </row>
    <row r="56370" spans="1:10" x14ac:dyDescent="0.35">
      <c r="A56370" s="1" t="s">
        <v>8772</v>
      </c>
      <c r="B56370" s="1" t="s">
        <v>187129</v>
      </c>
      <c r="C56370" s="1" t="s">
        <v>30</v>
      </c>
      <c r="D56370" s="1" t="s">
        <v>151548</v>
      </c>
      <c r="E56370" s="1" t="s">
        <v>189573</v>
      </c>
      <c r="F56370" s="1" t="s">
        <v>189574</v>
      </c>
      <c r="G56370" s="1" t="s">
        <v>189561</v>
      </c>
      <c r="H56370" s="1" t="s">
        <v>189562</v>
      </c>
      <c r="I56370" s="1" t="s">
        <v>187135</v>
      </c>
      <c r="J56370" s="1" t="s">
        <v>189575</v>
      </c>
    </row>
    <row r="56371" spans="1:10" x14ac:dyDescent="0.35">
      <c r="A56371" s="1" t="s">
        <v>8772</v>
      </c>
      <c r="B56371" s="1" t="s">
        <v>187129</v>
      </c>
      <c r="C56371" s="1" t="s">
        <v>35</v>
      </c>
      <c r="D56371" s="1" t="s">
        <v>48073</v>
      </c>
      <c r="E56371" s="1" t="s">
        <v>189576</v>
      </c>
      <c r="F56371" s="1" t="s">
        <v>189577</v>
      </c>
      <c r="G56371" s="1" t="s">
        <v>189561</v>
      </c>
      <c r="H56371" s="1" t="s">
        <v>189562</v>
      </c>
      <c r="I56371" s="1" t="s">
        <v>187135</v>
      </c>
      <c r="J56371" s="1" t="s">
        <v>189578</v>
      </c>
    </row>
    <row r="56372" spans="1:10" x14ac:dyDescent="0.35">
      <c r="A56372" s="1" t="s">
        <v>8772</v>
      </c>
      <c r="B56372" s="1" t="s">
        <v>187129</v>
      </c>
      <c r="C56372" s="1" t="s">
        <v>40</v>
      </c>
      <c r="D56372" s="1" t="s">
        <v>35021</v>
      </c>
      <c r="E56372" s="1" t="s">
        <v>189579</v>
      </c>
      <c r="F56372" s="1" t="s">
        <v>189580</v>
      </c>
      <c r="G56372" s="1" t="s">
        <v>189561</v>
      </c>
      <c r="H56372" s="1" t="s">
        <v>189562</v>
      </c>
      <c r="I56372" s="1" t="s">
        <v>187135</v>
      </c>
      <c r="J56372" s="1" t="s">
        <v>189581</v>
      </c>
    </row>
    <row r="56373" spans="1:10" x14ac:dyDescent="0.35">
      <c r="A56373" s="1" t="s">
        <v>8772</v>
      </c>
      <c r="B56373" s="1" t="s">
        <v>187129</v>
      </c>
      <c r="C56373" s="1" t="s">
        <v>45</v>
      </c>
      <c r="D56373" s="1" t="s">
        <v>15383</v>
      </c>
      <c r="E56373" s="1" t="s">
        <v>189582</v>
      </c>
      <c r="F56373" s="1" t="s">
        <v>189583</v>
      </c>
      <c r="G56373" s="1" t="s">
        <v>189561</v>
      </c>
      <c r="H56373" s="1" t="s">
        <v>189562</v>
      </c>
      <c r="I56373" s="1" t="s">
        <v>187135</v>
      </c>
      <c r="J56373" s="1" t="s">
        <v>65750</v>
      </c>
    </row>
    <row r="56374" spans="1:10" x14ac:dyDescent="0.35">
      <c r="A56374" s="1" t="s">
        <v>8772</v>
      </c>
      <c r="B56374" s="1" t="s">
        <v>187129</v>
      </c>
      <c r="C56374" s="1" t="s">
        <v>50</v>
      </c>
      <c r="D56374" s="1" t="s">
        <v>189584</v>
      </c>
      <c r="E56374" s="1" t="s">
        <v>189585</v>
      </c>
      <c r="F56374" s="1" t="s">
        <v>189586</v>
      </c>
      <c r="G56374" s="1" t="s">
        <v>189561</v>
      </c>
      <c r="H56374" s="1" t="s">
        <v>189562</v>
      </c>
      <c r="I56374" s="1" t="s">
        <v>187135</v>
      </c>
      <c r="J56374" s="1" t="s">
        <v>189587</v>
      </c>
    </row>
    <row r="56375" spans="1:10" x14ac:dyDescent="0.35">
      <c r="A56375" s="1" t="s">
        <v>8772</v>
      </c>
      <c r="B56375" s="1" t="s">
        <v>187129</v>
      </c>
      <c r="C56375" s="1" t="s">
        <v>55</v>
      </c>
      <c r="D56375" s="1" t="s">
        <v>157256</v>
      </c>
      <c r="E56375" s="1" t="s">
        <v>189588</v>
      </c>
      <c r="F56375" s="1" t="s">
        <v>189589</v>
      </c>
      <c r="G56375" s="1" t="s">
        <v>189561</v>
      </c>
      <c r="H56375" s="1" t="s">
        <v>189562</v>
      </c>
      <c r="I56375" s="1" t="s">
        <v>187135</v>
      </c>
      <c r="J56375" s="1" t="s">
        <v>189590</v>
      </c>
    </row>
    <row r="56376" spans="1:10" x14ac:dyDescent="0.35">
      <c r="A56376" s="1" t="s">
        <v>8772</v>
      </c>
      <c r="B56376" s="1" t="s">
        <v>187129</v>
      </c>
      <c r="C56376" s="1" t="s">
        <v>60</v>
      </c>
      <c r="D56376" s="1" t="s">
        <v>135190</v>
      </c>
      <c r="E56376" s="1" t="s">
        <v>189591</v>
      </c>
      <c r="F56376" s="1" t="s">
        <v>189592</v>
      </c>
      <c r="G56376" s="1" t="s">
        <v>189561</v>
      </c>
      <c r="H56376" s="1" t="s">
        <v>189562</v>
      </c>
      <c r="I56376" s="1" t="s">
        <v>187135</v>
      </c>
      <c r="J56376" s="1" t="s">
        <v>189593</v>
      </c>
    </row>
    <row r="56377" spans="1:10" x14ac:dyDescent="0.35">
      <c r="A56377" s="1" t="s">
        <v>8772</v>
      </c>
      <c r="B56377" s="1" t="s">
        <v>187129</v>
      </c>
      <c r="C56377" s="1" t="s">
        <v>65</v>
      </c>
      <c r="D56377" s="1" t="s">
        <v>71649</v>
      </c>
      <c r="E56377" s="1" t="s">
        <v>189594</v>
      </c>
      <c r="F56377" s="1" t="s">
        <v>189595</v>
      </c>
      <c r="G56377" s="1" t="s">
        <v>189561</v>
      </c>
      <c r="H56377" s="1" t="s">
        <v>189562</v>
      </c>
      <c r="I56377" s="1" t="s">
        <v>187135</v>
      </c>
      <c r="J56377" s="1" t="s">
        <v>189596</v>
      </c>
    </row>
    <row r="56378" spans="1:10" x14ac:dyDescent="0.35">
      <c r="A56378" s="1" t="s">
        <v>8772</v>
      </c>
      <c r="B56378" s="1" t="s">
        <v>187129</v>
      </c>
      <c r="C56378" s="1" t="s">
        <v>70</v>
      </c>
      <c r="D56378" s="1" t="s">
        <v>49977</v>
      </c>
      <c r="E56378" s="1" t="s">
        <v>189597</v>
      </c>
      <c r="F56378" s="1" t="s">
        <v>189598</v>
      </c>
      <c r="G56378" s="1" t="s">
        <v>189561</v>
      </c>
      <c r="H56378" s="1" t="s">
        <v>189562</v>
      </c>
      <c r="I56378" s="1" t="s">
        <v>187135</v>
      </c>
      <c r="J56378" s="1" t="s">
        <v>189599</v>
      </c>
    </row>
    <row r="56379" spans="1:10" x14ac:dyDescent="0.35">
      <c r="A56379" s="1" t="s">
        <v>8772</v>
      </c>
      <c r="B56379" s="1" t="s">
        <v>187129</v>
      </c>
      <c r="C56379" s="1" t="s">
        <v>75</v>
      </c>
      <c r="D56379" s="1" t="s">
        <v>155753</v>
      </c>
      <c r="E56379" s="1" t="s">
        <v>189600</v>
      </c>
      <c r="F56379" s="1" t="s">
        <v>189601</v>
      </c>
      <c r="G56379" s="1" t="s">
        <v>189561</v>
      </c>
      <c r="H56379" s="1" t="s">
        <v>189562</v>
      </c>
      <c r="I56379" s="1" t="s">
        <v>187135</v>
      </c>
      <c r="J56379" s="1" t="s">
        <v>189602</v>
      </c>
    </row>
    <row r="56380" spans="1:10" x14ac:dyDescent="0.35">
      <c r="A56380" s="1" t="s">
        <v>8772</v>
      </c>
      <c r="B56380" s="1" t="s">
        <v>187129</v>
      </c>
      <c r="C56380" s="1" t="s">
        <v>80</v>
      </c>
      <c r="D56380" s="1" t="s">
        <v>18538</v>
      </c>
      <c r="E56380" s="1" t="s">
        <v>189603</v>
      </c>
      <c r="F56380" s="1" t="s">
        <v>189604</v>
      </c>
      <c r="G56380" s="1" t="s">
        <v>189561</v>
      </c>
      <c r="H56380" s="1" t="s">
        <v>189562</v>
      </c>
      <c r="I56380" s="1" t="s">
        <v>187135</v>
      </c>
      <c r="J56380" s="1" t="s">
        <v>189605</v>
      </c>
    </row>
    <row r="56381" spans="1:10" x14ac:dyDescent="0.35">
      <c r="A56381" s="1" t="s">
        <v>8772</v>
      </c>
      <c r="B56381" s="1" t="s">
        <v>187129</v>
      </c>
      <c r="C56381" s="1" t="s">
        <v>85</v>
      </c>
      <c r="D56381" s="1" t="s">
        <v>169364</v>
      </c>
      <c r="E56381" s="1" t="s">
        <v>189606</v>
      </c>
      <c r="F56381" s="1" t="s">
        <v>189607</v>
      </c>
      <c r="G56381" s="1" t="s">
        <v>189561</v>
      </c>
      <c r="H56381" s="1" t="s">
        <v>189562</v>
      </c>
      <c r="I56381" s="1" t="s">
        <v>187135</v>
      </c>
      <c r="J56381" s="1" t="s">
        <v>189608</v>
      </c>
    </row>
    <row r="56382" spans="1:10" x14ac:dyDescent="0.35">
      <c r="A56382" s="1" t="s">
        <v>8772</v>
      </c>
      <c r="B56382" s="1" t="s">
        <v>187129</v>
      </c>
      <c r="C56382" s="1" t="s">
        <v>90</v>
      </c>
      <c r="D56382" s="1" t="s">
        <v>135138</v>
      </c>
      <c r="E56382" s="1" t="s">
        <v>189609</v>
      </c>
      <c r="F56382" s="1" t="s">
        <v>189610</v>
      </c>
      <c r="G56382" s="1" t="s">
        <v>189561</v>
      </c>
      <c r="H56382" s="1" t="s">
        <v>189562</v>
      </c>
      <c r="I56382" s="1" t="s">
        <v>187135</v>
      </c>
      <c r="J56382" s="1" t="s">
        <v>189611</v>
      </c>
    </row>
    <row r="56383" spans="1:10" x14ac:dyDescent="0.35">
      <c r="A56383" s="1" t="s">
        <v>8772</v>
      </c>
      <c r="B56383" s="1" t="s">
        <v>187129</v>
      </c>
      <c r="C56383" s="1" t="s">
        <v>95</v>
      </c>
      <c r="D56383" s="1" t="s">
        <v>189612</v>
      </c>
      <c r="E56383" s="1" t="s">
        <v>189613</v>
      </c>
      <c r="F56383" s="1" t="s">
        <v>189614</v>
      </c>
      <c r="G56383" s="1" t="s">
        <v>189561</v>
      </c>
      <c r="H56383" s="1" t="s">
        <v>189562</v>
      </c>
      <c r="I56383" s="1" t="s">
        <v>187135</v>
      </c>
      <c r="J56383" s="1" t="s">
        <v>189615</v>
      </c>
    </row>
    <row r="56384" spans="1:10" x14ac:dyDescent="0.35">
      <c r="A56384" s="1" t="s">
        <v>8772</v>
      </c>
      <c r="B56384" s="1" t="s">
        <v>187129</v>
      </c>
      <c r="C56384" s="1" t="s">
        <v>100</v>
      </c>
      <c r="D56384" s="1" t="s">
        <v>33884</v>
      </c>
      <c r="E56384" s="1" t="s">
        <v>189616</v>
      </c>
      <c r="F56384" s="1" t="s">
        <v>189617</v>
      </c>
      <c r="G56384" s="1" t="s">
        <v>189561</v>
      </c>
      <c r="H56384" s="1" t="s">
        <v>189562</v>
      </c>
      <c r="I56384" s="1" t="s">
        <v>187135</v>
      </c>
      <c r="J56384" s="1" t="s">
        <v>189618</v>
      </c>
    </row>
    <row r="56385" spans="1:10" x14ac:dyDescent="0.35">
      <c r="A56385" s="1" t="s">
        <v>8772</v>
      </c>
      <c r="B56385" s="1" t="s">
        <v>187129</v>
      </c>
      <c r="C56385" s="1" t="s">
        <v>105</v>
      </c>
      <c r="D56385" s="1" t="s">
        <v>82132</v>
      </c>
      <c r="E56385" s="1" t="s">
        <v>189619</v>
      </c>
      <c r="F56385" s="1" t="s">
        <v>189620</v>
      </c>
      <c r="G56385" s="1" t="s">
        <v>189561</v>
      </c>
      <c r="H56385" s="1" t="s">
        <v>189562</v>
      </c>
      <c r="I56385" s="1" t="s">
        <v>187135</v>
      </c>
      <c r="J56385" s="1" t="s">
        <v>189621</v>
      </c>
    </row>
    <row r="56386" spans="1:10" x14ac:dyDescent="0.35">
      <c r="A56386" s="1" t="s">
        <v>8772</v>
      </c>
      <c r="B56386" s="1" t="s">
        <v>187129</v>
      </c>
      <c r="C56386" s="1" t="s">
        <v>110</v>
      </c>
      <c r="D56386" s="1" t="s">
        <v>82574</v>
      </c>
      <c r="E56386" s="1" t="s">
        <v>189622</v>
      </c>
      <c r="F56386" s="1" t="s">
        <v>189623</v>
      </c>
      <c r="G56386" s="1" t="s">
        <v>189561</v>
      </c>
      <c r="H56386" s="1" t="s">
        <v>189562</v>
      </c>
      <c r="I56386" s="1" t="s">
        <v>187135</v>
      </c>
      <c r="J56386" s="1" t="s">
        <v>189624</v>
      </c>
    </row>
    <row r="56387" spans="1:10" x14ac:dyDescent="0.35">
      <c r="A56387" s="1" t="s">
        <v>8772</v>
      </c>
      <c r="B56387" s="1" t="s">
        <v>187129</v>
      </c>
      <c r="C56387" s="1" t="s">
        <v>115</v>
      </c>
      <c r="D56387" s="1" t="s">
        <v>187076</v>
      </c>
      <c r="E56387" s="1" t="s">
        <v>189625</v>
      </c>
      <c r="F56387" s="1" t="s">
        <v>189626</v>
      </c>
      <c r="G56387" s="1" t="s">
        <v>189561</v>
      </c>
      <c r="H56387" s="1" t="s">
        <v>189562</v>
      </c>
      <c r="I56387" s="1" t="s">
        <v>187135</v>
      </c>
      <c r="J56387" s="1" t="s">
        <v>189627</v>
      </c>
    </row>
    <row r="56388" spans="1:10" x14ac:dyDescent="0.35">
      <c r="A56388" s="1" t="s">
        <v>8772</v>
      </c>
      <c r="B56388" s="1" t="s">
        <v>187129</v>
      </c>
      <c r="C56388" s="1" t="s">
        <v>120</v>
      </c>
      <c r="D56388" s="1" t="s">
        <v>189628</v>
      </c>
      <c r="E56388" s="1" t="s">
        <v>189629</v>
      </c>
      <c r="F56388" s="1" t="s">
        <v>189630</v>
      </c>
      <c r="G56388" s="1" t="s">
        <v>189561</v>
      </c>
      <c r="H56388" s="1" t="s">
        <v>189562</v>
      </c>
      <c r="I56388" s="1" t="s">
        <v>187135</v>
      </c>
      <c r="J56388" s="1" t="s">
        <v>189631</v>
      </c>
    </row>
    <row r="56389" spans="1:10" x14ac:dyDescent="0.35">
      <c r="A56389" s="1" t="s">
        <v>8772</v>
      </c>
      <c r="B56389" s="1" t="s">
        <v>187129</v>
      </c>
      <c r="C56389" s="1" t="s">
        <v>125</v>
      </c>
      <c r="D56389" s="1" t="s">
        <v>189632</v>
      </c>
      <c r="E56389" s="1" t="s">
        <v>189633</v>
      </c>
      <c r="F56389" s="1" t="s">
        <v>189634</v>
      </c>
      <c r="G56389" s="1" t="s">
        <v>189561</v>
      </c>
      <c r="H56389" s="1" t="s">
        <v>189562</v>
      </c>
      <c r="I56389" s="1" t="s">
        <v>187135</v>
      </c>
      <c r="J56389" s="1" t="s">
        <v>189635</v>
      </c>
    </row>
    <row r="56390" spans="1:10" x14ac:dyDescent="0.35">
      <c r="A56390" s="1" t="s">
        <v>8772</v>
      </c>
      <c r="B56390" s="1" t="s">
        <v>187129</v>
      </c>
      <c r="C56390" s="1" t="s">
        <v>130</v>
      </c>
      <c r="D56390" s="1" t="s">
        <v>179298</v>
      </c>
      <c r="E56390" s="1" t="s">
        <v>189636</v>
      </c>
      <c r="F56390" s="1" t="s">
        <v>189637</v>
      </c>
      <c r="G56390" s="1" t="s">
        <v>189561</v>
      </c>
      <c r="H56390" s="1" t="s">
        <v>189562</v>
      </c>
      <c r="I56390" s="1" t="s">
        <v>187135</v>
      </c>
      <c r="J56390" s="1" t="s">
        <v>189638</v>
      </c>
    </row>
    <row r="56391" spans="1:10" x14ac:dyDescent="0.35">
      <c r="A56391" s="1" t="s">
        <v>8772</v>
      </c>
      <c r="B56391" s="1" t="s">
        <v>187129</v>
      </c>
      <c r="C56391" s="1" t="s">
        <v>135</v>
      </c>
      <c r="D56391" s="1" t="s">
        <v>77205</v>
      </c>
      <c r="E56391" s="1" t="s">
        <v>189639</v>
      </c>
      <c r="F56391" s="1" t="s">
        <v>189640</v>
      </c>
      <c r="G56391" s="1" t="s">
        <v>189561</v>
      </c>
      <c r="H56391" s="1" t="s">
        <v>189562</v>
      </c>
      <c r="I56391" s="1" t="s">
        <v>187135</v>
      </c>
      <c r="J56391" s="1" t="s">
        <v>189641</v>
      </c>
    </row>
    <row r="56392" spans="1:10" x14ac:dyDescent="0.35">
      <c r="A56392" s="1" t="s">
        <v>8772</v>
      </c>
      <c r="B56392" s="1" t="s">
        <v>187129</v>
      </c>
      <c r="C56392" s="1" t="s">
        <v>140</v>
      </c>
      <c r="D56392" s="1" t="s">
        <v>175303</v>
      </c>
      <c r="E56392" s="1" t="s">
        <v>189642</v>
      </c>
      <c r="F56392" s="1" t="s">
        <v>189643</v>
      </c>
      <c r="G56392" s="1" t="s">
        <v>189561</v>
      </c>
      <c r="H56392" s="1" t="s">
        <v>189562</v>
      </c>
      <c r="I56392" s="1" t="s">
        <v>187135</v>
      </c>
      <c r="J56392" s="1" t="s">
        <v>189644</v>
      </c>
    </row>
    <row r="56393" spans="1:10" x14ac:dyDescent="0.35">
      <c r="A56393" s="1" t="s">
        <v>8772</v>
      </c>
      <c r="B56393" s="1" t="s">
        <v>187129</v>
      </c>
      <c r="C56393" s="1" t="s">
        <v>145</v>
      </c>
      <c r="D56393" s="1" t="s">
        <v>65029</v>
      </c>
      <c r="E56393" s="1" t="s">
        <v>189645</v>
      </c>
      <c r="F56393" s="1" t="s">
        <v>189646</v>
      </c>
      <c r="G56393" s="1" t="s">
        <v>189561</v>
      </c>
      <c r="H56393" s="1" t="s">
        <v>189562</v>
      </c>
      <c r="I56393" s="1" t="s">
        <v>187135</v>
      </c>
      <c r="J56393" s="1" t="s">
        <v>189647</v>
      </c>
    </row>
    <row r="56394" spans="1:10" x14ac:dyDescent="0.35">
      <c r="A56394" s="1" t="s">
        <v>8772</v>
      </c>
      <c r="B56394" s="1" t="s">
        <v>187129</v>
      </c>
      <c r="C56394" s="1" t="s">
        <v>150</v>
      </c>
      <c r="D56394" s="1" t="s">
        <v>189648</v>
      </c>
      <c r="E56394" s="1" t="s">
        <v>189649</v>
      </c>
      <c r="F56394" s="1" t="s">
        <v>189650</v>
      </c>
      <c r="G56394" s="1" t="s">
        <v>189561</v>
      </c>
      <c r="H56394" s="1" t="s">
        <v>189562</v>
      </c>
      <c r="I56394" s="1" t="s">
        <v>187135</v>
      </c>
      <c r="J56394" s="1" t="s">
        <v>189651</v>
      </c>
    </row>
    <row r="56395" spans="1:10" x14ac:dyDescent="0.35">
      <c r="A56395" s="1" t="s">
        <v>8772</v>
      </c>
      <c r="B56395" s="1" t="s">
        <v>187129</v>
      </c>
      <c r="C56395" s="1" t="s">
        <v>155</v>
      </c>
      <c r="D56395" s="1" t="s">
        <v>189652</v>
      </c>
      <c r="E56395" s="1" t="s">
        <v>189653</v>
      </c>
      <c r="F56395" s="1" t="s">
        <v>189654</v>
      </c>
      <c r="G56395" s="1" t="s">
        <v>189561</v>
      </c>
      <c r="H56395" s="1" t="s">
        <v>189562</v>
      </c>
      <c r="I56395" s="1" t="s">
        <v>187135</v>
      </c>
      <c r="J56395" s="1" t="s">
        <v>189655</v>
      </c>
    </row>
    <row r="56396" spans="1:10" x14ac:dyDescent="0.35">
      <c r="A56396" s="1" t="s">
        <v>8772</v>
      </c>
      <c r="B56396" s="1" t="s">
        <v>187129</v>
      </c>
      <c r="C56396" s="1" t="s">
        <v>160</v>
      </c>
      <c r="D56396" s="1" t="s">
        <v>67783</v>
      </c>
      <c r="E56396" s="1" t="s">
        <v>189656</v>
      </c>
      <c r="F56396" s="1" t="s">
        <v>189657</v>
      </c>
      <c r="G56396" s="1" t="s">
        <v>189561</v>
      </c>
      <c r="H56396" s="1" t="s">
        <v>189562</v>
      </c>
      <c r="I56396" s="1" t="s">
        <v>187135</v>
      </c>
      <c r="J56396" s="1" t="s">
        <v>189658</v>
      </c>
    </row>
    <row r="56397" spans="1:10" x14ac:dyDescent="0.35">
      <c r="A56397" s="1" t="s">
        <v>8772</v>
      </c>
      <c r="B56397" s="1" t="s">
        <v>187129</v>
      </c>
      <c r="C56397" s="1" t="s">
        <v>165</v>
      </c>
      <c r="D56397" s="1" t="s">
        <v>17068</v>
      </c>
      <c r="E56397" s="1" t="s">
        <v>189659</v>
      </c>
      <c r="F56397" s="1" t="s">
        <v>189660</v>
      </c>
      <c r="G56397" s="1" t="s">
        <v>189561</v>
      </c>
      <c r="H56397" s="1" t="s">
        <v>189562</v>
      </c>
      <c r="I56397" s="1" t="s">
        <v>187135</v>
      </c>
      <c r="J56397" s="1" t="s">
        <v>189661</v>
      </c>
    </row>
    <row r="56398" spans="1:10" x14ac:dyDescent="0.35">
      <c r="A56398" s="1" t="s">
        <v>8772</v>
      </c>
      <c r="B56398" s="1" t="s">
        <v>187129</v>
      </c>
      <c r="C56398" s="1" t="s">
        <v>170</v>
      </c>
      <c r="D56398" s="1" t="s">
        <v>54842</v>
      </c>
      <c r="E56398" s="1" t="s">
        <v>189662</v>
      </c>
      <c r="F56398" s="1" t="s">
        <v>189663</v>
      </c>
      <c r="G56398" s="1" t="s">
        <v>189561</v>
      </c>
      <c r="H56398" s="1" t="s">
        <v>189562</v>
      </c>
      <c r="I56398" s="1" t="s">
        <v>187135</v>
      </c>
      <c r="J56398" s="1" t="s">
        <v>189664</v>
      </c>
    </row>
    <row r="56399" spans="1:10" x14ac:dyDescent="0.35">
      <c r="A56399" s="1" t="s">
        <v>143027</v>
      </c>
      <c r="B56399" s="1" t="s">
        <v>187129</v>
      </c>
      <c r="C56399" s="1" t="s">
        <v>8</v>
      </c>
      <c r="D56399" s="1" t="s">
        <v>189665</v>
      </c>
      <c r="E56399" s="1" t="s">
        <v>189666</v>
      </c>
      <c r="F56399" s="1" t="s">
        <v>189667</v>
      </c>
      <c r="G56399" s="1" t="s">
        <v>189668</v>
      </c>
      <c r="H56399" s="1" t="s">
        <v>189669</v>
      </c>
      <c r="I56399" s="1" t="s">
        <v>187135</v>
      </c>
      <c r="J56399" s="1" t="s">
        <v>13</v>
      </c>
    </row>
    <row r="56400" spans="1:10" x14ac:dyDescent="0.35">
      <c r="A56400" s="1" t="s">
        <v>143027</v>
      </c>
      <c r="B56400" s="1" t="s">
        <v>187129</v>
      </c>
      <c r="C56400" s="1" t="s">
        <v>15</v>
      </c>
      <c r="D56400" s="1" t="s">
        <v>129115</v>
      </c>
      <c r="E56400" s="1" t="s">
        <v>189670</v>
      </c>
      <c r="F56400" s="1" t="s">
        <v>189671</v>
      </c>
      <c r="G56400" s="1" t="s">
        <v>189668</v>
      </c>
      <c r="H56400" s="1" t="s">
        <v>189669</v>
      </c>
      <c r="I56400" s="1" t="s">
        <v>187135</v>
      </c>
      <c r="J56400" s="1" t="s">
        <v>189672</v>
      </c>
    </row>
    <row r="56401" spans="1:10" x14ac:dyDescent="0.35">
      <c r="A56401" s="1" t="s">
        <v>143027</v>
      </c>
      <c r="B56401" s="1" t="s">
        <v>187129</v>
      </c>
      <c r="C56401" s="1" t="s">
        <v>20</v>
      </c>
      <c r="D56401" s="1" t="s">
        <v>16965</v>
      </c>
      <c r="E56401" s="1" t="s">
        <v>189673</v>
      </c>
      <c r="F56401" s="1" t="s">
        <v>189674</v>
      </c>
      <c r="G56401" s="1" t="s">
        <v>189668</v>
      </c>
      <c r="H56401" s="1" t="s">
        <v>189669</v>
      </c>
      <c r="I56401" s="1" t="s">
        <v>187135</v>
      </c>
      <c r="J56401" s="1" t="s">
        <v>189675</v>
      </c>
    </row>
    <row r="56402" spans="1:10" x14ac:dyDescent="0.35">
      <c r="A56402" s="1" t="s">
        <v>143027</v>
      </c>
      <c r="B56402" s="1" t="s">
        <v>187129</v>
      </c>
      <c r="C56402" s="1" t="s">
        <v>25</v>
      </c>
      <c r="D56402" s="1" t="s">
        <v>189676</v>
      </c>
      <c r="E56402" s="1" t="s">
        <v>189677</v>
      </c>
      <c r="F56402" s="1" t="s">
        <v>189678</v>
      </c>
      <c r="G56402" s="1" t="s">
        <v>189668</v>
      </c>
      <c r="H56402" s="1" t="s">
        <v>189669</v>
      </c>
      <c r="I56402" s="1" t="s">
        <v>187135</v>
      </c>
      <c r="J56402" s="1" t="s">
        <v>189679</v>
      </c>
    </row>
    <row r="56403" spans="1:10" x14ac:dyDescent="0.35">
      <c r="A56403" s="1" t="s">
        <v>143027</v>
      </c>
      <c r="B56403" s="1" t="s">
        <v>187129</v>
      </c>
      <c r="C56403" s="1" t="s">
        <v>30</v>
      </c>
      <c r="D56403" s="1" t="s">
        <v>189680</v>
      </c>
      <c r="E56403" s="1" t="s">
        <v>189681</v>
      </c>
      <c r="F56403" s="1" t="s">
        <v>189682</v>
      </c>
      <c r="G56403" s="1" t="s">
        <v>189668</v>
      </c>
      <c r="H56403" s="1" t="s">
        <v>189669</v>
      </c>
      <c r="I56403" s="1" t="s">
        <v>187135</v>
      </c>
      <c r="J56403" s="1" t="s">
        <v>189683</v>
      </c>
    </row>
    <row r="56404" spans="1:10" x14ac:dyDescent="0.35">
      <c r="A56404" s="1" t="s">
        <v>143027</v>
      </c>
      <c r="B56404" s="1" t="s">
        <v>187129</v>
      </c>
      <c r="C56404" s="1" t="s">
        <v>35</v>
      </c>
      <c r="D56404" s="1" t="s">
        <v>3192</v>
      </c>
      <c r="E56404" s="1" t="s">
        <v>189684</v>
      </c>
      <c r="F56404" s="1" t="s">
        <v>189685</v>
      </c>
      <c r="G56404" s="1" t="s">
        <v>189668</v>
      </c>
      <c r="H56404" s="1" t="s">
        <v>189669</v>
      </c>
      <c r="I56404" s="1" t="s">
        <v>187135</v>
      </c>
      <c r="J56404" s="1" t="s">
        <v>189686</v>
      </c>
    </row>
    <row r="56405" spans="1:10" x14ac:dyDescent="0.35">
      <c r="A56405" s="1" t="s">
        <v>143027</v>
      </c>
      <c r="B56405" s="1" t="s">
        <v>187129</v>
      </c>
      <c r="C56405" s="1" t="s">
        <v>40</v>
      </c>
      <c r="D56405" s="1" t="s">
        <v>42254</v>
      </c>
      <c r="E56405" s="1" t="s">
        <v>189687</v>
      </c>
      <c r="F56405" s="1" t="s">
        <v>189688</v>
      </c>
      <c r="G56405" s="1" t="s">
        <v>189668</v>
      </c>
      <c r="H56405" s="1" t="s">
        <v>189669</v>
      </c>
      <c r="I56405" s="1" t="s">
        <v>187135</v>
      </c>
      <c r="J56405" s="1" t="s">
        <v>189689</v>
      </c>
    </row>
    <row r="56406" spans="1:10" x14ac:dyDescent="0.35">
      <c r="A56406" s="1" t="s">
        <v>143027</v>
      </c>
      <c r="B56406" s="1" t="s">
        <v>187129</v>
      </c>
      <c r="C56406" s="1" t="s">
        <v>45</v>
      </c>
      <c r="D56406" s="1" t="s">
        <v>110224</v>
      </c>
      <c r="E56406" s="1" t="s">
        <v>189690</v>
      </c>
      <c r="F56406" s="1" t="s">
        <v>189691</v>
      </c>
      <c r="G56406" s="1" t="s">
        <v>189668</v>
      </c>
      <c r="H56406" s="1" t="s">
        <v>189669</v>
      </c>
      <c r="I56406" s="1" t="s">
        <v>187135</v>
      </c>
      <c r="J56406" s="1" t="s">
        <v>189692</v>
      </c>
    </row>
    <row r="56407" spans="1:10" x14ac:dyDescent="0.35">
      <c r="A56407" s="1" t="s">
        <v>143027</v>
      </c>
      <c r="B56407" s="1" t="s">
        <v>187129</v>
      </c>
      <c r="C56407" s="1" t="s">
        <v>50</v>
      </c>
      <c r="D56407" s="1" t="s">
        <v>189693</v>
      </c>
      <c r="E56407" s="1" t="s">
        <v>189694</v>
      </c>
      <c r="F56407" s="1" t="s">
        <v>189695</v>
      </c>
      <c r="G56407" s="1" t="s">
        <v>189668</v>
      </c>
      <c r="H56407" s="1" t="s">
        <v>189669</v>
      </c>
      <c r="I56407" s="1" t="s">
        <v>187135</v>
      </c>
      <c r="J56407" s="1" t="s">
        <v>189696</v>
      </c>
    </row>
    <row r="56408" spans="1:10" x14ac:dyDescent="0.35">
      <c r="A56408" s="1" t="s">
        <v>143027</v>
      </c>
      <c r="B56408" s="1" t="s">
        <v>187129</v>
      </c>
      <c r="C56408" s="1" t="s">
        <v>55</v>
      </c>
      <c r="D56408" s="1" t="s">
        <v>189697</v>
      </c>
      <c r="E56408" s="1" t="s">
        <v>189698</v>
      </c>
      <c r="F56408" s="1" t="s">
        <v>189699</v>
      </c>
      <c r="G56408" s="1" t="s">
        <v>189668</v>
      </c>
      <c r="H56408" s="1" t="s">
        <v>189669</v>
      </c>
      <c r="I56408" s="1" t="s">
        <v>187135</v>
      </c>
      <c r="J56408" s="1" t="s">
        <v>189700</v>
      </c>
    </row>
    <row r="56409" spans="1:10" x14ac:dyDescent="0.35">
      <c r="A56409" s="1" t="s">
        <v>143027</v>
      </c>
      <c r="B56409" s="1" t="s">
        <v>187129</v>
      </c>
      <c r="C56409" s="1" t="s">
        <v>60</v>
      </c>
      <c r="D56409" s="1" t="s">
        <v>106802</v>
      </c>
      <c r="E56409" s="1" t="s">
        <v>189701</v>
      </c>
      <c r="F56409" s="1" t="s">
        <v>189702</v>
      </c>
      <c r="G56409" s="1" t="s">
        <v>189668</v>
      </c>
      <c r="H56409" s="1" t="s">
        <v>189669</v>
      </c>
      <c r="I56409" s="1" t="s">
        <v>187135</v>
      </c>
      <c r="J56409" s="1" t="s">
        <v>189703</v>
      </c>
    </row>
    <row r="56410" spans="1:10" x14ac:dyDescent="0.35">
      <c r="A56410" s="1" t="s">
        <v>143027</v>
      </c>
      <c r="B56410" s="1" t="s">
        <v>187129</v>
      </c>
      <c r="C56410" s="1" t="s">
        <v>65</v>
      </c>
      <c r="D56410" s="1" t="s">
        <v>189704</v>
      </c>
      <c r="E56410" s="1" t="s">
        <v>189705</v>
      </c>
      <c r="F56410" s="1" t="s">
        <v>189706</v>
      </c>
      <c r="G56410" s="1" t="s">
        <v>189668</v>
      </c>
      <c r="H56410" s="1" t="s">
        <v>189669</v>
      </c>
      <c r="I56410" s="1" t="s">
        <v>187135</v>
      </c>
      <c r="J56410" s="1" t="s">
        <v>189707</v>
      </c>
    </row>
    <row r="56411" spans="1:10" x14ac:dyDescent="0.35">
      <c r="A56411" s="1" t="s">
        <v>143027</v>
      </c>
      <c r="B56411" s="1" t="s">
        <v>187129</v>
      </c>
      <c r="C56411" s="1" t="s">
        <v>70</v>
      </c>
      <c r="D56411" s="1" t="s">
        <v>189708</v>
      </c>
      <c r="E56411" s="1" t="s">
        <v>189709</v>
      </c>
      <c r="F56411" s="1" t="s">
        <v>189710</v>
      </c>
      <c r="G56411" s="1" t="s">
        <v>189668</v>
      </c>
      <c r="H56411" s="1" t="s">
        <v>189669</v>
      </c>
      <c r="I56411" s="1" t="s">
        <v>187135</v>
      </c>
      <c r="J56411" s="1" t="s">
        <v>189711</v>
      </c>
    </row>
    <row r="56412" spans="1:10" x14ac:dyDescent="0.35">
      <c r="A56412" s="1" t="s">
        <v>143027</v>
      </c>
      <c r="B56412" s="1" t="s">
        <v>187129</v>
      </c>
      <c r="C56412" s="1" t="s">
        <v>75</v>
      </c>
      <c r="D56412" s="1" t="s">
        <v>189712</v>
      </c>
      <c r="E56412" s="1" t="s">
        <v>189713</v>
      </c>
      <c r="F56412" s="1" t="s">
        <v>189714</v>
      </c>
      <c r="G56412" s="1" t="s">
        <v>189668</v>
      </c>
      <c r="H56412" s="1" t="s">
        <v>189669</v>
      </c>
      <c r="I56412" s="1" t="s">
        <v>187135</v>
      </c>
      <c r="J56412" s="1" t="s">
        <v>189715</v>
      </c>
    </row>
    <row r="56413" spans="1:10" x14ac:dyDescent="0.35">
      <c r="A56413" s="1" t="s">
        <v>143027</v>
      </c>
      <c r="B56413" s="1" t="s">
        <v>187129</v>
      </c>
      <c r="C56413" s="1" t="s">
        <v>80</v>
      </c>
      <c r="D56413" s="1" t="s">
        <v>189716</v>
      </c>
      <c r="E56413" s="1" t="s">
        <v>189717</v>
      </c>
      <c r="F56413" s="1" t="s">
        <v>189718</v>
      </c>
      <c r="G56413" s="1" t="s">
        <v>189668</v>
      </c>
      <c r="H56413" s="1" t="s">
        <v>189669</v>
      </c>
      <c r="I56413" s="1" t="s">
        <v>187135</v>
      </c>
      <c r="J56413" s="1" t="s">
        <v>189719</v>
      </c>
    </row>
    <row r="56414" spans="1:10" x14ac:dyDescent="0.35">
      <c r="A56414" s="1" t="s">
        <v>143027</v>
      </c>
      <c r="B56414" s="1" t="s">
        <v>187129</v>
      </c>
      <c r="C56414" s="1" t="s">
        <v>85</v>
      </c>
      <c r="D56414" s="1" t="s">
        <v>79740</v>
      </c>
      <c r="E56414" s="1" t="s">
        <v>189720</v>
      </c>
      <c r="F56414" s="1" t="s">
        <v>189721</v>
      </c>
      <c r="G56414" s="1" t="s">
        <v>189668</v>
      </c>
      <c r="H56414" s="1" t="s">
        <v>189669</v>
      </c>
      <c r="I56414" s="1" t="s">
        <v>187135</v>
      </c>
      <c r="J56414" s="1" t="s">
        <v>189722</v>
      </c>
    </row>
    <row r="56415" spans="1:10" x14ac:dyDescent="0.35">
      <c r="A56415" s="1" t="s">
        <v>143027</v>
      </c>
      <c r="B56415" s="1" t="s">
        <v>187129</v>
      </c>
      <c r="C56415" s="1" t="s">
        <v>90</v>
      </c>
      <c r="D56415" s="1" t="s">
        <v>54754</v>
      </c>
      <c r="E56415" s="1" t="s">
        <v>189723</v>
      </c>
      <c r="F56415" s="1" t="s">
        <v>189724</v>
      </c>
      <c r="G56415" s="1" t="s">
        <v>189668</v>
      </c>
      <c r="H56415" s="1" t="s">
        <v>189669</v>
      </c>
      <c r="I56415" s="1" t="s">
        <v>187135</v>
      </c>
      <c r="J56415" s="1" t="s">
        <v>189725</v>
      </c>
    </row>
    <row r="56416" spans="1:10" x14ac:dyDescent="0.35">
      <c r="A56416" s="1" t="s">
        <v>143027</v>
      </c>
      <c r="B56416" s="1" t="s">
        <v>187129</v>
      </c>
      <c r="C56416" s="1" t="s">
        <v>95</v>
      </c>
      <c r="D56416" s="1" t="s">
        <v>189726</v>
      </c>
      <c r="E56416" s="1" t="s">
        <v>189727</v>
      </c>
      <c r="F56416" s="1" t="s">
        <v>189728</v>
      </c>
      <c r="G56416" s="1" t="s">
        <v>189668</v>
      </c>
      <c r="H56416" s="1" t="s">
        <v>189669</v>
      </c>
      <c r="I56416" s="1" t="s">
        <v>187135</v>
      </c>
      <c r="J56416" s="1" t="s">
        <v>189729</v>
      </c>
    </row>
    <row r="56417" spans="1:10" x14ac:dyDescent="0.35">
      <c r="A56417" s="1" t="s">
        <v>143027</v>
      </c>
      <c r="B56417" s="1" t="s">
        <v>187129</v>
      </c>
      <c r="C56417" s="1" t="s">
        <v>100</v>
      </c>
      <c r="D56417" s="1" t="s">
        <v>88494</v>
      </c>
      <c r="E56417" s="1" t="s">
        <v>189730</v>
      </c>
      <c r="F56417" s="1" t="s">
        <v>189731</v>
      </c>
      <c r="G56417" s="1" t="s">
        <v>189668</v>
      </c>
      <c r="H56417" s="1" t="s">
        <v>189669</v>
      </c>
      <c r="I56417" s="1" t="s">
        <v>187135</v>
      </c>
      <c r="J56417" s="1" t="s">
        <v>189732</v>
      </c>
    </row>
    <row r="56418" spans="1:10" x14ac:dyDescent="0.35">
      <c r="A56418" s="1" t="s">
        <v>143027</v>
      </c>
      <c r="B56418" s="1" t="s">
        <v>187129</v>
      </c>
      <c r="C56418" s="1" t="s">
        <v>105</v>
      </c>
      <c r="D56418" s="1" t="s">
        <v>24334</v>
      </c>
      <c r="E56418" s="1" t="s">
        <v>189733</v>
      </c>
      <c r="F56418" s="1" t="s">
        <v>189734</v>
      </c>
      <c r="G56418" s="1" t="s">
        <v>189668</v>
      </c>
      <c r="H56418" s="1" t="s">
        <v>189669</v>
      </c>
      <c r="I56418" s="1" t="s">
        <v>187135</v>
      </c>
      <c r="J56418" s="1" t="s">
        <v>189735</v>
      </c>
    </row>
    <row r="56419" spans="1:10" x14ac:dyDescent="0.35">
      <c r="A56419" s="1" t="s">
        <v>143027</v>
      </c>
      <c r="B56419" s="1" t="s">
        <v>187129</v>
      </c>
      <c r="C56419" s="1" t="s">
        <v>110</v>
      </c>
      <c r="D56419" s="1" t="s">
        <v>66836</v>
      </c>
      <c r="E56419" s="1" t="s">
        <v>189736</v>
      </c>
      <c r="F56419" s="1" t="s">
        <v>189737</v>
      </c>
      <c r="G56419" s="1" t="s">
        <v>189668</v>
      </c>
      <c r="H56419" s="1" t="s">
        <v>189669</v>
      </c>
      <c r="I56419" s="1" t="s">
        <v>187135</v>
      </c>
      <c r="J56419" s="1" t="s">
        <v>189738</v>
      </c>
    </row>
    <row r="56420" spans="1:10" x14ac:dyDescent="0.35">
      <c r="A56420" s="1" t="s">
        <v>143027</v>
      </c>
      <c r="B56420" s="1" t="s">
        <v>187129</v>
      </c>
      <c r="C56420" s="1" t="s">
        <v>115</v>
      </c>
      <c r="D56420" s="1" t="s">
        <v>90450</v>
      </c>
      <c r="E56420" s="1" t="s">
        <v>189739</v>
      </c>
      <c r="F56420" s="1" t="s">
        <v>189740</v>
      </c>
      <c r="G56420" s="1" t="s">
        <v>189668</v>
      </c>
      <c r="H56420" s="1" t="s">
        <v>189669</v>
      </c>
      <c r="I56420" s="1" t="s">
        <v>187135</v>
      </c>
      <c r="J56420" s="1" t="s">
        <v>189741</v>
      </c>
    </row>
    <row r="56421" spans="1:10" x14ac:dyDescent="0.35">
      <c r="A56421" s="1" t="s">
        <v>143027</v>
      </c>
      <c r="B56421" s="1" t="s">
        <v>187129</v>
      </c>
      <c r="C56421" s="1" t="s">
        <v>120</v>
      </c>
      <c r="D56421" s="1" t="s">
        <v>87227</v>
      </c>
      <c r="E56421" s="1" t="s">
        <v>189742</v>
      </c>
      <c r="F56421" s="1" t="s">
        <v>189743</v>
      </c>
      <c r="G56421" s="1" t="s">
        <v>189668</v>
      </c>
      <c r="H56421" s="1" t="s">
        <v>189669</v>
      </c>
      <c r="I56421" s="1" t="s">
        <v>187135</v>
      </c>
      <c r="J56421" s="1" t="s">
        <v>189744</v>
      </c>
    </row>
    <row r="56422" spans="1:10" x14ac:dyDescent="0.35">
      <c r="A56422" s="1" t="s">
        <v>143027</v>
      </c>
      <c r="B56422" s="1" t="s">
        <v>187129</v>
      </c>
      <c r="C56422" s="1" t="s">
        <v>125</v>
      </c>
      <c r="D56422" s="1" t="s">
        <v>189745</v>
      </c>
      <c r="E56422" s="1" t="s">
        <v>189746</v>
      </c>
      <c r="F56422" s="1" t="s">
        <v>189747</v>
      </c>
      <c r="G56422" s="1" t="s">
        <v>189668</v>
      </c>
      <c r="H56422" s="1" t="s">
        <v>189669</v>
      </c>
      <c r="I56422" s="1" t="s">
        <v>187135</v>
      </c>
      <c r="J56422" s="1" t="s">
        <v>189748</v>
      </c>
    </row>
    <row r="56423" spans="1:10" x14ac:dyDescent="0.35">
      <c r="A56423" s="1" t="s">
        <v>143027</v>
      </c>
      <c r="B56423" s="1" t="s">
        <v>187129</v>
      </c>
      <c r="C56423" s="1" t="s">
        <v>130</v>
      </c>
      <c r="D56423" s="1" t="s">
        <v>189749</v>
      </c>
      <c r="E56423" s="1" t="s">
        <v>189750</v>
      </c>
      <c r="F56423" s="1" t="s">
        <v>189751</v>
      </c>
      <c r="G56423" s="1" t="s">
        <v>189668</v>
      </c>
      <c r="H56423" s="1" t="s">
        <v>189669</v>
      </c>
      <c r="I56423" s="1" t="s">
        <v>187135</v>
      </c>
      <c r="J56423" s="1" t="s">
        <v>189752</v>
      </c>
    </row>
    <row r="56424" spans="1:10" x14ac:dyDescent="0.35">
      <c r="A56424" s="1" t="s">
        <v>143027</v>
      </c>
      <c r="B56424" s="1" t="s">
        <v>187129</v>
      </c>
      <c r="C56424" s="1" t="s">
        <v>135</v>
      </c>
      <c r="D56424" s="1" t="s">
        <v>189753</v>
      </c>
      <c r="E56424" s="1" t="s">
        <v>189754</v>
      </c>
      <c r="F56424" s="1" t="s">
        <v>189755</v>
      </c>
      <c r="G56424" s="1" t="s">
        <v>189668</v>
      </c>
      <c r="H56424" s="1" t="s">
        <v>189669</v>
      </c>
      <c r="I56424" s="1" t="s">
        <v>187135</v>
      </c>
      <c r="J56424" s="1" t="s">
        <v>189756</v>
      </c>
    </row>
    <row r="56425" spans="1:10" x14ac:dyDescent="0.35">
      <c r="A56425" s="1" t="s">
        <v>143027</v>
      </c>
      <c r="B56425" s="1" t="s">
        <v>187129</v>
      </c>
      <c r="C56425" s="1" t="s">
        <v>140</v>
      </c>
      <c r="D56425" s="1" t="s">
        <v>189757</v>
      </c>
      <c r="E56425" s="1" t="s">
        <v>189758</v>
      </c>
      <c r="F56425" s="1" t="s">
        <v>189759</v>
      </c>
      <c r="G56425" s="1" t="s">
        <v>189668</v>
      </c>
      <c r="H56425" s="1" t="s">
        <v>189669</v>
      </c>
      <c r="I56425" s="1" t="s">
        <v>187135</v>
      </c>
      <c r="J56425" s="1" t="s">
        <v>189760</v>
      </c>
    </row>
    <row r="56426" spans="1:10" x14ac:dyDescent="0.35">
      <c r="A56426" s="1" t="s">
        <v>143027</v>
      </c>
      <c r="B56426" s="1" t="s">
        <v>187129</v>
      </c>
      <c r="C56426" s="1" t="s">
        <v>145</v>
      </c>
      <c r="D56426" s="1" t="s">
        <v>189761</v>
      </c>
      <c r="E56426" s="1" t="s">
        <v>189762</v>
      </c>
      <c r="F56426" s="1" t="s">
        <v>189763</v>
      </c>
      <c r="G56426" s="1" t="s">
        <v>189668</v>
      </c>
      <c r="H56426" s="1" t="s">
        <v>189669</v>
      </c>
      <c r="I56426" s="1" t="s">
        <v>187135</v>
      </c>
      <c r="J56426" s="1" t="s">
        <v>189764</v>
      </c>
    </row>
    <row r="56427" spans="1:10" x14ac:dyDescent="0.35">
      <c r="A56427" s="1" t="s">
        <v>143027</v>
      </c>
      <c r="B56427" s="1" t="s">
        <v>187129</v>
      </c>
      <c r="C56427" s="1" t="s">
        <v>150</v>
      </c>
      <c r="D56427" s="1" t="s">
        <v>52778</v>
      </c>
      <c r="E56427" s="1" t="s">
        <v>189765</v>
      </c>
      <c r="F56427" s="1" t="s">
        <v>189766</v>
      </c>
      <c r="G56427" s="1" t="s">
        <v>189668</v>
      </c>
      <c r="H56427" s="1" t="s">
        <v>189669</v>
      </c>
      <c r="I56427" s="1" t="s">
        <v>187135</v>
      </c>
      <c r="J56427" s="1" t="s">
        <v>189767</v>
      </c>
    </row>
    <row r="56428" spans="1:10" x14ac:dyDescent="0.35">
      <c r="A56428" s="1" t="s">
        <v>143027</v>
      </c>
      <c r="B56428" s="1" t="s">
        <v>187129</v>
      </c>
      <c r="C56428" s="1" t="s">
        <v>155</v>
      </c>
      <c r="D56428" s="1" t="s">
        <v>70550</v>
      </c>
      <c r="E56428" s="1" t="s">
        <v>189768</v>
      </c>
      <c r="F56428" s="1" t="s">
        <v>189769</v>
      </c>
      <c r="G56428" s="1" t="s">
        <v>189668</v>
      </c>
      <c r="H56428" s="1" t="s">
        <v>189669</v>
      </c>
      <c r="I56428" s="1" t="s">
        <v>187135</v>
      </c>
      <c r="J56428" s="1" t="s">
        <v>189770</v>
      </c>
    </row>
    <row r="56429" spans="1:10" x14ac:dyDescent="0.35">
      <c r="A56429" s="1" t="s">
        <v>143027</v>
      </c>
      <c r="B56429" s="1" t="s">
        <v>187129</v>
      </c>
      <c r="C56429" s="1" t="s">
        <v>160</v>
      </c>
      <c r="D56429" s="1" t="s">
        <v>189771</v>
      </c>
      <c r="E56429" s="1" t="s">
        <v>189772</v>
      </c>
      <c r="F56429" s="1" t="s">
        <v>189773</v>
      </c>
      <c r="G56429" s="1" t="s">
        <v>189668</v>
      </c>
      <c r="H56429" s="1" t="s">
        <v>189669</v>
      </c>
      <c r="I56429" s="1" t="s">
        <v>187135</v>
      </c>
      <c r="J56429" s="1" t="s">
        <v>189774</v>
      </c>
    </row>
    <row r="56430" spans="1:10" x14ac:dyDescent="0.35">
      <c r="A56430" s="1" t="s">
        <v>143027</v>
      </c>
      <c r="B56430" s="1" t="s">
        <v>187129</v>
      </c>
      <c r="C56430" s="1" t="s">
        <v>165</v>
      </c>
      <c r="D56430" s="1" t="s">
        <v>189775</v>
      </c>
      <c r="E56430" s="1" t="s">
        <v>189776</v>
      </c>
      <c r="F56430" s="1" t="s">
        <v>189777</v>
      </c>
      <c r="G56430" s="1" t="s">
        <v>189668</v>
      </c>
      <c r="H56430" s="1" t="s">
        <v>189669</v>
      </c>
      <c r="I56430" s="1" t="s">
        <v>187135</v>
      </c>
      <c r="J56430" s="1" t="s">
        <v>189778</v>
      </c>
    </row>
    <row r="56431" spans="1:10" x14ac:dyDescent="0.35">
      <c r="A56431" s="1" t="s">
        <v>143027</v>
      </c>
      <c r="B56431" s="1" t="s">
        <v>187129</v>
      </c>
      <c r="C56431" s="1" t="s">
        <v>170</v>
      </c>
      <c r="D56431" s="1" t="s">
        <v>90995</v>
      </c>
      <c r="E56431" s="1" t="s">
        <v>189779</v>
      </c>
      <c r="F56431" s="1" t="s">
        <v>189780</v>
      </c>
      <c r="G56431" s="1" t="s">
        <v>189668</v>
      </c>
      <c r="H56431" s="1" t="s">
        <v>189669</v>
      </c>
      <c r="I56431" s="1" t="s">
        <v>187135</v>
      </c>
      <c r="J56431" s="1" t="s">
        <v>189781</v>
      </c>
    </row>
    <row r="56432" spans="1:10" x14ac:dyDescent="0.35">
      <c r="A56432" s="1" t="s">
        <v>8738</v>
      </c>
      <c r="B56432" s="1" t="s">
        <v>187129</v>
      </c>
      <c r="C56432" s="1" t="s">
        <v>8</v>
      </c>
      <c r="D56432" s="1" t="s">
        <v>35013</v>
      </c>
      <c r="E56432" s="1" t="s">
        <v>189782</v>
      </c>
      <c r="F56432" s="1" t="s">
        <v>189783</v>
      </c>
      <c r="G56432" s="1" t="s">
        <v>189784</v>
      </c>
      <c r="H56432" s="1" t="s">
        <v>189785</v>
      </c>
      <c r="I56432" s="1" t="s">
        <v>187135</v>
      </c>
      <c r="J56432" s="1" t="s">
        <v>13</v>
      </c>
    </row>
    <row r="56433" spans="1:10" x14ac:dyDescent="0.35">
      <c r="A56433" s="1" t="s">
        <v>8738</v>
      </c>
      <c r="B56433" s="1" t="s">
        <v>187129</v>
      </c>
      <c r="C56433" s="1" t="s">
        <v>15</v>
      </c>
      <c r="D56433" s="1" t="s">
        <v>189786</v>
      </c>
      <c r="E56433" s="1" t="s">
        <v>189787</v>
      </c>
      <c r="F56433" s="1" t="s">
        <v>189788</v>
      </c>
      <c r="G56433" s="1" t="s">
        <v>189784</v>
      </c>
      <c r="H56433" s="1" t="s">
        <v>189785</v>
      </c>
      <c r="I56433" s="1" t="s">
        <v>187135</v>
      </c>
      <c r="J56433" s="1" t="s">
        <v>189789</v>
      </c>
    </row>
    <row r="56434" spans="1:10" x14ac:dyDescent="0.35">
      <c r="A56434" s="1" t="s">
        <v>8738</v>
      </c>
      <c r="B56434" s="1" t="s">
        <v>187129</v>
      </c>
      <c r="C56434" s="1" t="s">
        <v>20</v>
      </c>
      <c r="D56434" s="1" t="s">
        <v>124600</v>
      </c>
      <c r="E56434" s="1" t="s">
        <v>189790</v>
      </c>
      <c r="F56434" s="1" t="s">
        <v>189791</v>
      </c>
      <c r="G56434" s="1" t="s">
        <v>189784</v>
      </c>
      <c r="H56434" s="1" t="s">
        <v>189785</v>
      </c>
      <c r="I56434" s="1" t="s">
        <v>187135</v>
      </c>
      <c r="J56434" s="1" t="s">
        <v>189792</v>
      </c>
    </row>
    <row r="56435" spans="1:10" x14ac:dyDescent="0.35">
      <c r="A56435" s="1" t="s">
        <v>8738</v>
      </c>
      <c r="B56435" s="1" t="s">
        <v>187129</v>
      </c>
      <c r="C56435" s="1" t="s">
        <v>25</v>
      </c>
      <c r="D56435" s="1" t="s">
        <v>46364</v>
      </c>
      <c r="E56435" s="1" t="s">
        <v>189793</v>
      </c>
      <c r="F56435" s="1" t="s">
        <v>189794</v>
      </c>
      <c r="G56435" s="1" t="s">
        <v>189784</v>
      </c>
      <c r="H56435" s="1" t="s">
        <v>189785</v>
      </c>
      <c r="I56435" s="1" t="s">
        <v>187135</v>
      </c>
      <c r="J56435" s="1" t="s">
        <v>189795</v>
      </c>
    </row>
    <row r="56436" spans="1:10" x14ac:dyDescent="0.35">
      <c r="A56436" s="1" t="s">
        <v>8738</v>
      </c>
      <c r="B56436" s="1" t="s">
        <v>187129</v>
      </c>
      <c r="C56436" s="1" t="s">
        <v>30</v>
      </c>
      <c r="D56436" s="1" t="s">
        <v>48496</v>
      </c>
      <c r="E56436" s="1" t="s">
        <v>189796</v>
      </c>
      <c r="F56436" s="1" t="s">
        <v>189797</v>
      </c>
      <c r="G56436" s="1" t="s">
        <v>189784</v>
      </c>
      <c r="H56436" s="1" t="s">
        <v>189785</v>
      </c>
      <c r="I56436" s="1" t="s">
        <v>187135</v>
      </c>
      <c r="J56436" s="1" t="s">
        <v>189798</v>
      </c>
    </row>
    <row r="56437" spans="1:10" x14ac:dyDescent="0.35">
      <c r="A56437" s="1" t="s">
        <v>8738</v>
      </c>
      <c r="B56437" s="1" t="s">
        <v>187129</v>
      </c>
      <c r="C56437" s="1" t="s">
        <v>35</v>
      </c>
      <c r="D56437" s="1" t="s">
        <v>104104</v>
      </c>
      <c r="E56437" s="1" t="s">
        <v>189799</v>
      </c>
      <c r="F56437" s="1" t="s">
        <v>189800</v>
      </c>
      <c r="G56437" s="1" t="s">
        <v>189784</v>
      </c>
      <c r="H56437" s="1" t="s">
        <v>189785</v>
      </c>
      <c r="I56437" s="1" t="s">
        <v>187135</v>
      </c>
      <c r="J56437" s="1" t="s">
        <v>189801</v>
      </c>
    </row>
    <row r="56438" spans="1:10" x14ac:dyDescent="0.35">
      <c r="A56438" s="1" t="s">
        <v>8738</v>
      </c>
      <c r="B56438" s="1" t="s">
        <v>187129</v>
      </c>
      <c r="C56438" s="1" t="s">
        <v>40</v>
      </c>
      <c r="D56438" s="1" t="s">
        <v>116013</v>
      </c>
      <c r="E56438" s="1" t="s">
        <v>189802</v>
      </c>
      <c r="F56438" s="1" t="s">
        <v>189803</v>
      </c>
      <c r="G56438" s="1" t="s">
        <v>189784</v>
      </c>
      <c r="H56438" s="1" t="s">
        <v>189785</v>
      </c>
      <c r="I56438" s="1" t="s">
        <v>187135</v>
      </c>
      <c r="J56438" s="1" t="s">
        <v>189804</v>
      </c>
    </row>
    <row r="56439" spans="1:10" x14ac:dyDescent="0.35">
      <c r="A56439" s="1" t="s">
        <v>8738</v>
      </c>
      <c r="B56439" s="1" t="s">
        <v>187129</v>
      </c>
      <c r="C56439" s="1" t="s">
        <v>45</v>
      </c>
      <c r="D56439" s="1" t="s">
        <v>148919</v>
      </c>
      <c r="E56439" s="1" t="s">
        <v>189805</v>
      </c>
      <c r="F56439" s="1" t="s">
        <v>189806</v>
      </c>
      <c r="G56439" s="1" t="s">
        <v>189784</v>
      </c>
      <c r="H56439" s="1" t="s">
        <v>189785</v>
      </c>
      <c r="I56439" s="1" t="s">
        <v>187135</v>
      </c>
      <c r="J56439" s="1" t="s">
        <v>189807</v>
      </c>
    </row>
    <row r="56440" spans="1:10" x14ac:dyDescent="0.35">
      <c r="A56440" s="1" t="s">
        <v>8738</v>
      </c>
      <c r="B56440" s="1" t="s">
        <v>187129</v>
      </c>
      <c r="C56440" s="1" t="s">
        <v>50</v>
      </c>
      <c r="D56440" s="1" t="s">
        <v>10820</v>
      </c>
      <c r="E56440" s="1" t="s">
        <v>189808</v>
      </c>
      <c r="F56440" s="1" t="s">
        <v>189809</v>
      </c>
      <c r="G56440" s="1" t="s">
        <v>189784</v>
      </c>
      <c r="H56440" s="1" t="s">
        <v>189785</v>
      </c>
      <c r="I56440" s="1" t="s">
        <v>187135</v>
      </c>
      <c r="J56440" s="1" t="s">
        <v>189810</v>
      </c>
    </row>
    <row r="56441" spans="1:10" x14ac:dyDescent="0.35">
      <c r="A56441" s="1" t="s">
        <v>8738</v>
      </c>
      <c r="B56441" s="1" t="s">
        <v>187129</v>
      </c>
      <c r="C56441" s="1" t="s">
        <v>55</v>
      </c>
      <c r="D56441" s="1" t="s">
        <v>111954</v>
      </c>
      <c r="E56441" s="1" t="s">
        <v>189811</v>
      </c>
      <c r="F56441" s="1" t="s">
        <v>189812</v>
      </c>
      <c r="G56441" s="1" t="s">
        <v>189784</v>
      </c>
      <c r="H56441" s="1" t="s">
        <v>189785</v>
      </c>
      <c r="I56441" s="1" t="s">
        <v>187135</v>
      </c>
      <c r="J56441" s="1" t="s">
        <v>189813</v>
      </c>
    </row>
    <row r="56442" spans="1:10" x14ac:dyDescent="0.35">
      <c r="A56442" s="1" t="s">
        <v>8738</v>
      </c>
      <c r="B56442" s="1" t="s">
        <v>187129</v>
      </c>
      <c r="C56442" s="1" t="s">
        <v>60</v>
      </c>
      <c r="D56442" s="1" t="s">
        <v>116475</v>
      </c>
      <c r="E56442" s="1" t="s">
        <v>189814</v>
      </c>
      <c r="F56442" s="1" t="s">
        <v>189815</v>
      </c>
      <c r="G56442" s="1" t="s">
        <v>189784</v>
      </c>
      <c r="H56442" s="1" t="s">
        <v>189785</v>
      </c>
      <c r="I56442" s="1" t="s">
        <v>187135</v>
      </c>
      <c r="J56442" s="1" t="s">
        <v>189816</v>
      </c>
    </row>
    <row r="56443" spans="1:10" x14ac:dyDescent="0.35">
      <c r="A56443" s="1" t="s">
        <v>8738</v>
      </c>
      <c r="B56443" s="1" t="s">
        <v>187129</v>
      </c>
      <c r="C56443" s="1" t="s">
        <v>65</v>
      </c>
      <c r="D56443" s="1" t="s">
        <v>168883</v>
      </c>
      <c r="E56443" s="1" t="s">
        <v>189817</v>
      </c>
      <c r="F56443" s="1" t="s">
        <v>189818</v>
      </c>
      <c r="G56443" s="1" t="s">
        <v>189784</v>
      </c>
      <c r="H56443" s="1" t="s">
        <v>189785</v>
      </c>
      <c r="I56443" s="1" t="s">
        <v>187135</v>
      </c>
      <c r="J56443" s="1" t="s">
        <v>189819</v>
      </c>
    </row>
    <row r="56444" spans="1:10" x14ac:dyDescent="0.35">
      <c r="A56444" s="1" t="s">
        <v>8738</v>
      </c>
      <c r="B56444" s="1" t="s">
        <v>187129</v>
      </c>
      <c r="C56444" s="1" t="s">
        <v>70</v>
      </c>
      <c r="D56444" s="1" t="s">
        <v>72299</v>
      </c>
      <c r="E56444" s="1" t="s">
        <v>189820</v>
      </c>
      <c r="F56444" s="1" t="s">
        <v>189821</v>
      </c>
      <c r="G56444" s="1" t="s">
        <v>189784</v>
      </c>
      <c r="H56444" s="1" t="s">
        <v>189785</v>
      </c>
      <c r="I56444" s="1" t="s">
        <v>187135</v>
      </c>
      <c r="J56444" s="1" t="s">
        <v>189822</v>
      </c>
    </row>
    <row r="56445" spans="1:10" x14ac:dyDescent="0.35">
      <c r="A56445" s="1" t="s">
        <v>8738</v>
      </c>
      <c r="B56445" s="1" t="s">
        <v>187129</v>
      </c>
      <c r="C56445" s="1" t="s">
        <v>75</v>
      </c>
      <c r="D56445" s="1" t="s">
        <v>189823</v>
      </c>
      <c r="E56445" s="1" t="s">
        <v>189824</v>
      </c>
      <c r="F56445" s="1" t="s">
        <v>189825</v>
      </c>
      <c r="G56445" s="1" t="s">
        <v>189784</v>
      </c>
      <c r="H56445" s="1" t="s">
        <v>189785</v>
      </c>
      <c r="I56445" s="1" t="s">
        <v>187135</v>
      </c>
      <c r="J56445" s="1" t="s">
        <v>189826</v>
      </c>
    </row>
    <row r="56446" spans="1:10" x14ac:dyDescent="0.35">
      <c r="A56446" s="1" t="s">
        <v>8738</v>
      </c>
      <c r="B56446" s="1" t="s">
        <v>187129</v>
      </c>
      <c r="C56446" s="1" t="s">
        <v>80</v>
      </c>
      <c r="D56446" s="1" t="s">
        <v>186815</v>
      </c>
      <c r="E56446" s="1" t="s">
        <v>189827</v>
      </c>
      <c r="F56446" s="1" t="s">
        <v>189828</v>
      </c>
      <c r="G56446" s="1" t="s">
        <v>189784</v>
      </c>
      <c r="H56446" s="1" t="s">
        <v>189785</v>
      </c>
      <c r="I56446" s="1" t="s">
        <v>187135</v>
      </c>
      <c r="J56446" s="1" t="s">
        <v>189829</v>
      </c>
    </row>
    <row r="56447" spans="1:10" x14ac:dyDescent="0.35">
      <c r="A56447" s="1" t="s">
        <v>8738</v>
      </c>
      <c r="B56447" s="1" t="s">
        <v>187129</v>
      </c>
      <c r="C56447" s="1" t="s">
        <v>85</v>
      </c>
      <c r="D56447" s="1" t="s">
        <v>170667</v>
      </c>
      <c r="E56447" s="1" t="s">
        <v>189830</v>
      </c>
      <c r="F56447" s="1" t="s">
        <v>189831</v>
      </c>
      <c r="G56447" s="1" t="s">
        <v>189784</v>
      </c>
      <c r="H56447" s="1" t="s">
        <v>189785</v>
      </c>
      <c r="I56447" s="1" t="s">
        <v>187135</v>
      </c>
      <c r="J56447" s="1" t="s">
        <v>189832</v>
      </c>
    </row>
    <row r="56448" spans="1:10" x14ac:dyDescent="0.35">
      <c r="A56448" s="1" t="s">
        <v>8738</v>
      </c>
      <c r="B56448" s="1" t="s">
        <v>187129</v>
      </c>
      <c r="C56448" s="1" t="s">
        <v>90</v>
      </c>
      <c r="D56448" s="1" t="s">
        <v>34872</v>
      </c>
      <c r="E56448" s="1" t="s">
        <v>189833</v>
      </c>
      <c r="F56448" s="1" t="s">
        <v>189834</v>
      </c>
      <c r="G56448" s="1" t="s">
        <v>189784</v>
      </c>
      <c r="H56448" s="1" t="s">
        <v>189785</v>
      </c>
      <c r="I56448" s="1" t="s">
        <v>187135</v>
      </c>
      <c r="J56448" s="1" t="s">
        <v>189835</v>
      </c>
    </row>
    <row r="56449" spans="1:10" x14ac:dyDescent="0.35">
      <c r="A56449" s="1" t="s">
        <v>8738</v>
      </c>
      <c r="B56449" s="1" t="s">
        <v>187129</v>
      </c>
      <c r="C56449" s="1" t="s">
        <v>95</v>
      </c>
      <c r="D56449" s="1" t="s">
        <v>189836</v>
      </c>
      <c r="E56449" s="1" t="s">
        <v>189837</v>
      </c>
      <c r="F56449" s="1" t="s">
        <v>189838</v>
      </c>
      <c r="G56449" s="1" t="s">
        <v>189784</v>
      </c>
      <c r="H56449" s="1" t="s">
        <v>189785</v>
      </c>
      <c r="I56449" s="1" t="s">
        <v>187135</v>
      </c>
      <c r="J56449" s="1" t="s">
        <v>189839</v>
      </c>
    </row>
    <row r="56450" spans="1:10" x14ac:dyDescent="0.35">
      <c r="A56450" s="1" t="s">
        <v>8738</v>
      </c>
      <c r="B56450" s="1" t="s">
        <v>187129</v>
      </c>
      <c r="C56450" s="1" t="s">
        <v>100</v>
      </c>
      <c r="D56450" s="1" t="s">
        <v>188516</v>
      </c>
      <c r="E56450" s="1" t="s">
        <v>189840</v>
      </c>
      <c r="F56450" s="1" t="s">
        <v>189841</v>
      </c>
      <c r="G56450" s="1" t="s">
        <v>189784</v>
      </c>
      <c r="H56450" s="1" t="s">
        <v>189785</v>
      </c>
      <c r="I56450" s="1" t="s">
        <v>187135</v>
      </c>
      <c r="J56450" s="1" t="s">
        <v>189842</v>
      </c>
    </row>
    <row r="56451" spans="1:10" x14ac:dyDescent="0.35">
      <c r="A56451" s="1" t="s">
        <v>8738</v>
      </c>
      <c r="B56451" s="1" t="s">
        <v>187129</v>
      </c>
      <c r="C56451" s="1" t="s">
        <v>105</v>
      </c>
      <c r="D56451" s="1" t="s">
        <v>49026</v>
      </c>
      <c r="E56451" s="1" t="s">
        <v>189843</v>
      </c>
      <c r="F56451" s="1" t="s">
        <v>189844</v>
      </c>
      <c r="G56451" s="1" t="s">
        <v>189784</v>
      </c>
      <c r="H56451" s="1" t="s">
        <v>189785</v>
      </c>
      <c r="I56451" s="1" t="s">
        <v>187135</v>
      </c>
      <c r="J56451" s="1" t="s">
        <v>189845</v>
      </c>
    </row>
    <row r="56452" spans="1:10" x14ac:dyDescent="0.35">
      <c r="A56452" s="1" t="s">
        <v>8738</v>
      </c>
      <c r="B56452" s="1" t="s">
        <v>187129</v>
      </c>
      <c r="C56452" s="1" t="s">
        <v>110</v>
      </c>
      <c r="D56452" s="1" t="s">
        <v>31960</v>
      </c>
      <c r="E56452" s="1" t="s">
        <v>189846</v>
      </c>
      <c r="F56452" s="1" t="s">
        <v>189847</v>
      </c>
      <c r="G56452" s="1" t="s">
        <v>189784</v>
      </c>
      <c r="H56452" s="1" t="s">
        <v>189785</v>
      </c>
      <c r="I56452" s="1" t="s">
        <v>187135</v>
      </c>
      <c r="J56452" s="1" t="s">
        <v>189848</v>
      </c>
    </row>
    <row r="56453" spans="1:10" x14ac:dyDescent="0.35">
      <c r="A56453" s="1" t="s">
        <v>8738</v>
      </c>
      <c r="B56453" s="1" t="s">
        <v>187129</v>
      </c>
      <c r="C56453" s="1" t="s">
        <v>115</v>
      </c>
      <c r="D56453" s="1" t="s">
        <v>15621</v>
      </c>
      <c r="E56453" s="1" t="s">
        <v>189849</v>
      </c>
      <c r="F56453" s="1" t="s">
        <v>189850</v>
      </c>
      <c r="G56453" s="1" t="s">
        <v>189784</v>
      </c>
      <c r="H56453" s="1" t="s">
        <v>189785</v>
      </c>
      <c r="I56453" s="1" t="s">
        <v>187135</v>
      </c>
      <c r="J56453" s="1" t="s">
        <v>189851</v>
      </c>
    </row>
    <row r="56454" spans="1:10" x14ac:dyDescent="0.35">
      <c r="A56454" s="1" t="s">
        <v>8738</v>
      </c>
      <c r="B56454" s="1" t="s">
        <v>187129</v>
      </c>
      <c r="C56454" s="1" t="s">
        <v>120</v>
      </c>
      <c r="D56454" s="1" t="s">
        <v>82427</v>
      </c>
      <c r="E56454" s="1" t="s">
        <v>189852</v>
      </c>
      <c r="F56454" s="1" t="s">
        <v>189853</v>
      </c>
      <c r="G56454" s="1" t="s">
        <v>189784</v>
      </c>
      <c r="H56454" s="1" t="s">
        <v>189785</v>
      </c>
      <c r="I56454" s="1" t="s">
        <v>187135</v>
      </c>
      <c r="J56454" s="1" t="s">
        <v>189854</v>
      </c>
    </row>
    <row r="56455" spans="1:10" x14ac:dyDescent="0.35">
      <c r="A56455" s="1" t="s">
        <v>8738</v>
      </c>
      <c r="B56455" s="1" t="s">
        <v>187129</v>
      </c>
      <c r="C56455" s="1" t="s">
        <v>125</v>
      </c>
      <c r="D56455" s="1" t="s">
        <v>49853</v>
      </c>
      <c r="E56455" s="1" t="s">
        <v>189855</v>
      </c>
      <c r="F56455" s="1" t="s">
        <v>189856</v>
      </c>
      <c r="G56455" s="1" t="s">
        <v>189784</v>
      </c>
      <c r="H56455" s="1" t="s">
        <v>189785</v>
      </c>
      <c r="I56455" s="1" t="s">
        <v>187135</v>
      </c>
      <c r="J56455" s="1" t="s">
        <v>189857</v>
      </c>
    </row>
    <row r="56456" spans="1:10" x14ac:dyDescent="0.35">
      <c r="A56456" s="1" t="s">
        <v>8738</v>
      </c>
      <c r="B56456" s="1" t="s">
        <v>187129</v>
      </c>
      <c r="C56456" s="1" t="s">
        <v>130</v>
      </c>
      <c r="D56456" s="1" t="s">
        <v>189858</v>
      </c>
      <c r="E56456" s="1" t="s">
        <v>189859</v>
      </c>
      <c r="F56456" s="1" t="s">
        <v>189860</v>
      </c>
      <c r="G56456" s="1" t="s">
        <v>189784</v>
      </c>
      <c r="H56456" s="1" t="s">
        <v>189785</v>
      </c>
      <c r="I56456" s="1" t="s">
        <v>187135</v>
      </c>
      <c r="J56456" s="1" t="s">
        <v>189861</v>
      </c>
    </row>
    <row r="56457" spans="1:10" x14ac:dyDescent="0.35">
      <c r="A56457" s="1" t="s">
        <v>8738</v>
      </c>
      <c r="B56457" s="1" t="s">
        <v>187129</v>
      </c>
      <c r="C56457" s="1" t="s">
        <v>135</v>
      </c>
      <c r="D56457" s="1" t="s">
        <v>51322</v>
      </c>
      <c r="E56457" s="1" t="s">
        <v>189862</v>
      </c>
      <c r="F56457" s="1" t="s">
        <v>189863</v>
      </c>
      <c r="G56457" s="1" t="s">
        <v>189784</v>
      </c>
      <c r="H56457" s="1" t="s">
        <v>189785</v>
      </c>
      <c r="I56457" s="1" t="s">
        <v>187135</v>
      </c>
      <c r="J56457" s="1" t="s">
        <v>189864</v>
      </c>
    </row>
    <row r="56458" spans="1:10" x14ac:dyDescent="0.35">
      <c r="A56458" s="1" t="s">
        <v>8738</v>
      </c>
      <c r="B56458" s="1" t="s">
        <v>187129</v>
      </c>
      <c r="C56458" s="1" t="s">
        <v>140</v>
      </c>
      <c r="D56458" s="1" t="s">
        <v>49042</v>
      </c>
      <c r="E56458" s="1" t="s">
        <v>189865</v>
      </c>
      <c r="F56458" s="1" t="s">
        <v>189866</v>
      </c>
      <c r="G56458" s="1" t="s">
        <v>189784</v>
      </c>
      <c r="H56458" s="1" t="s">
        <v>189785</v>
      </c>
      <c r="I56458" s="1" t="s">
        <v>187135</v>
      </c>
      <c r="J56458" s="1" t="s">
        <v>189867</v>
      </c>
    </row>
    <row r="56459" spans="1:10" x14ac:dyDescent="0.35">
      <c r="A56459" s="1" t="s">
        <v>8738</v>
      </c>
      <c r="B56459" s="1" t="s">
        <v>187129</v>
      </c>
      <c r="C56459" s="1" t="s">
        <v>145</v>
      </c>
      <c r="D56459" s="1" t="s">
        <v>17783</v>
      </c>
      <c r="E56459" s="1" t="s">
        <v>189868</v>
      </c>
      <c r="F56459" s="1" t="s">
        <v>189869</v>
      </c>
      <c r="G56459" s="1" t="s">
        <v>189784</v>
      </c>
      <c r="H56459" s="1" t="s">
        <v>189785</v>
      </c>
      <c r="I56459" s="1" t="s">
        <v>187135</v>
      </c>
      <c r="J56459" s="1" t="s">
        <v>189870</v>
      </c>
    </row>
    <row r="56460" spans="1:10" x14ac:dyDescent="0.35">
      <c r="A56460" s="1" t="s">
        <v>8738</v>
      </c>
      <c r="B56460" s="1" t="s">
        <v>187129</v>
      </c>
      <c r="C56460" s="1" t="s">
        <v>150</v>
      </c>
      <c r="D56460" s="1" t="s">
        <v>35069</v>
      </c>
      <c r="E56460" s="1" t="s">
        <v>189871</v>
      </c>
      <c r="F56460" s="1" t="s">
        <v>189872</v>
      </c>
      <c r="G56460" s="1" t="s">
        <v>189784</v>
      </c>
      <c r="H56460" s="1" t="s">
        <v>189785</v>
      </c>
      <c r="I56460" s="1" t="s">
        <v>187135</v>
      </c>
      <c r="J56460" s="1" t="s">
        <v>189873</v>
      </c>
    </row>
    <row r="56461" spans="1:10" x14ac:dyDescent="0.35">
      <c r="A56461" s="1" t="s">
        <v>8738</v>
      </c>
      <c r="B56461" s="1" t="s">
        <v>187129</v>
      </c>
      <c r="C56461" s="1" t="s">
        <v>155</v>
      </c>
      <c r="D56461" s="1" t="s">
        <v>41</v>
      </c>
      <c r="E56461" s="1" t="s">
        <v>189874</v>
      </c>
      <c r="F56461" s="1" t="s">
        <v>189875</v>
      </c>
      <c r="G56461" s="1" t="s">
        <v>189784</v>
      </c>
      <c r="H56461" s="1" t="s">
        <v>189785</v>
      </c>
      <c r="I56461" s="1" t="s">
        <v>187135</v>
      </c>
      <c r="J56461" s="1" t="s">
        <v>189876</v>
      </c>
    </row>
    <row r="56462" spans="1:10" x14ac:dyDescent="0.35">
      <c r="A56462" s="1" t="s">
        <v>8738</v>
      </c>
      <c r="B56462" s="1" t="s">
        <v>187129</v>
      </c>
      <c r="C56462" s="1" t="s">
        <v>160</v>
      </c>
      <c r="D56462" s="1" t="s">
        <v>182120</v>
      </c>
      <c r="E56462" s="1" t="s">
        <v>189877</v>
      </c>
      <c r="F56462" s="1" t="s">
        <v>189878</v>
      </c>
      <c r="G56462" s="1" t="s">
        <v>189784</v>
      </c>
      <c r="H56462" s="1" t="s">
        <v>189785</v>
      </c>
      <c r="I56462" s="1" t="s">
        <v>187135</v>
      </c>
      <c r="J56462" s="1" t="s">
        <v>189879</v>
      </c>
    </row>
    <row r="56463" spans="1:10" x14ac:dyDescent="0.35">
      <c r="A56463" s="1" t="s">
        <v>8738</v>
      </c>
      <c r="B56463" s="1" t="s">
        <v>187129</v>
      </c>
      <c r="C56463" s="1" t="s">
        <v>165</v>
      </c>
      <c r="D56463" s="1" t="s">
        <v>17809</v>
      </c>
      <c r="E56463" s="1" t="s">
        <v>189880</v>
      </c>
      <c r="F56463" s="1" t="s">
        <v>189881</v>
      </c>
      <c r="G56463" s="1" t="s">
        <v>189784</v>
      </c>
      <c r="H56463" s="1" t="s">
        <v>189785</v>
      </c>
      <c r="I56463" s="1" t="s">
        <v>187135</v>
      </c>
      <c r="J56463" s="1" t="s">
        <v>189882</v>
      </c>
    </row>
    <row r="56464" spans="1:10" x14ac:dyDescent="0.35">
      <c r="A56464" s="1" t="s">
        <v>8738</v>
      </c>
      <c r="B56464" s="1" t="s">
        <v>187129</v>
      </c>
      <c r="C56464" s="1" t="s">
        <v>170</v>
      </c>
      <c r="D56464" s="1" t="s">
        <v>15631</v>
      </c>
      <c r="E56464" s="1" t="s">
        <v>189883</v>
      </c>
      <c r="F56464" s="1" t="s">
        <v>189884</v>
      </c>
      <c r="G56464" s="1" t="s">
        <v>189784</v>
      </c>
      <c r="H56464" s="1" t="s">
        <v>189785</v>
      </c>
      <c r="I56464" s="1" t="s">
        <v>187135</v>
      </c>
      <c r="J56464" s="1" t="s">
        <v>189885</v>
      </c>
    </row>
    <row r="56465" spans="1:10" x14ac:dyDescent="0.35">
      <c r="A56465" s="1" t="s">
        <v>28416</v>
      </c>
      <c r="B56465" s="1" t="s">
        <v>187129</v>
      </c>
      <c r="C56465" s="1" t="s">
        <v>8</v>
      </c>
      <c r="D56465" s="1" t="s">
        <v>79129</v>
      </c>
      <c r="E56465" s="1" t="s">
        <v>189886</v>
      </c>
      <c r="F56465" s="1" t="s">
        <v>189887</v>
      </c>
      <c r="G56465" s="1" t="s">
        <v>189888</v>
      </c>
      <c r="H56465" s="1" t="s">
        <v>189889</v>
      </c>
      <c r="I56465" s="1" t="s">
        <v>187135</v>
      </c>
      <c r="J56465" s="1" t="s">
        <v>13</v>
      </c>
    </row>
    <row r="56466" spans="1:10" x14ac:dyDescent="0.35">
      <c r="A56466" s="1" t="s">
        <v>28416</v>
      </c>
      <c r="B56466" s="1" t="s">
        <v>187129</v>
      </c>
      <c r="C56466" s="1" t="s">
        <v>15</v>
      </c>
      <c r="D56466" s="1" t="s">
        <v>189890</v>
      </c>
      <c r="E56466" s="1" t="s">
        <v>189891</v>
      </c>
      <c r="F56466" s="1" t="s">
        <v>189892</v>
      </c>
      <c r="G56466" s="1" t="s">
        <v>189888</v>
      </c>
      <c r="H56466" s="1" t="s">
        <v>189889</v>
      </c>
      <c r="I56466" s="1" t="s">
        <v>187135</v>
      </c>
      <c r="J56466" s="1" t="s">
        <v>189893</v>
      </c>
    </row>
    <row r="56467" spans="1:10" x14ac:dyDescent="0.35">
      <c r="A56467" s="1" t="s">
        <v>28416</v>
      </c>
      <c r="B56467" s="1" t="s">
        <v>187129</v>
      </c>
      <c r="C56467" s="1" t="s">
        <v>20</v>
      </c>
      <c r="D56467" s="1" t="s">
        <v>189894</v>
      </c>
      <c r="E56467" s="1" t="s">
        <v>189895</v>
      </c>
      <c r="F56467" s="1" t="s">
        <v>189896</v>
      </c>
      <c r="G56467" s="1" t="s">
        <v>189888</v>
      </c>
      <c r="H56467" s="1" t="s">
        <v>189889</v>
      </c>
      <c r="I56467" s="1" t="s">
        <v>187135</v>
      </c>
      <c r="J56467" s="1" t="s">
        <v>189897</v>
      </c>
    </row>
    <row r="56468" spans="1:10" x14ac:dyDescent="0.35">
      <c r="A56468" s="1" t="s">
        <v>28416</v>
      </c>
      <c r="B56468" s="1" t="s">
        <v>187129</v>
      </c>
      <c r="C56468" s="1" t="s">
        <v>25</v>
      </c>
      <c r="D56468" s="1" t="s">
        <v>114660</v>
      </c>
      <c r="E56468" s="1" t="s">
        <v>189898</v>
      </c>
      <c r="F56468" s="1" t="s">
        <v>189899</v>
      </c>
      <c r="G56468" s="1" t="s">
        <v>189888</v>
      </c>
      <c r="H56468" s="1" t="s">
        <v>189889</v>
      </c>
      <c r="I56468" s="1" t="s">
        <v>187135</v>
      </c>
      <c r="J56468" s="1" t="s">
        <v>189900</v>
      </c>
    </row>
    <row r="56469" spans="1:10" x14ac:dyDescent="0.35">
      <c r="A56469" s="1" t="s">
        <v>28416</v>
      </c>
      <c r="B56469" s="1" t="s">
        <v>187129</v>
      </c>
      <c r="C56469" s="1" t="s">
        <v>30</v>
      </c>
      <c r="D56469" s="1" t="s">
        <v>36856</v>
      </c>
      <c r="E56469" s="1" t="s">
        <v>189901</v>
      </c>
      <c r="F56469" s="1" t="s">
        <v>189902</v>
      </c>
      <c r="G56469" s="1" t="s">
        <v>189888</v>
      </c>
      <c r="H56469" s="1" t="s">
        <v>189889</v>
      </c>
      <c r="I56469" s="1" t="s">
        <v>187135</v>
      </c>
      <c r="J56469" s="1" t="s">
        <v>189903</v>
      </c>
    </row>
    <row r="56470" spans="1:10" x14ac:dyDescent="0.35">
      <c r="A56470" s="1" t="s">
        <v>28416</v>
      </c>
      <c r="B56470" s="1" t="s">
        <v>187129</v>
      </c>
      <c r="C56470" s="1" t="s">
        <v>35</v>
      </c>
      <c r="D56470" s="1" t="s">
        <v>176815</v>
      </c>
      <c r="E56470" s="1" t="s">
        <v>189904</v>
      </c>
      <c r="F56470" s="1" t="s">
        <v>189905</v>
      </c>
      <c r="G56470" s="1" t="s">
        <v>189888</v>
      </c>
      <c r="H56470" s="1" t="s">
        <v>189889</v>
      </c>
      <c r="I56470" s="1" t="s">
        <v>187135</v>
      </c>
      <c r="J56470" s="1" t="s">
        <v>189906</v>
      </c>
    </row>
    <row r="56471" spans="1:10" x14ac:dyDescent="0.35">
      <c r="A56471" s="1" t="s">
        <v>28416</v>
      </c>
      <c r="B56471" s="1" t="s">
        <v>187129</v>
      </c>
      <c r="C56471" s="1" t="s">
        <v>40</v>
      </c>
      <c r="D56471" s="1" t="s">
        <v>189907</v>
      </c>
      <c r="E56471" s="1" t="s">
        <v>189908</v>
      </c>
      <c r="F56471" s="1" t="s">
        <v>189909</v>
      </c>
      <c r="G56471" s="1" t="s">
        <v>189888</v>
      </c>
      <c r="H56471" s="1" t="s">
        <v>189889</v>
      </c>
      <c r="I56471" s="1" t="s">
        <v>187135</v>
      </c>
      <c r="J56471" s="1" t="s">
        <v>189910</v>
      </c>
    </row>
    <row r="56472" spans="1:10" x14ac:dyDescent="0.35">
      <c r="A56472" s="1" t="s">
        <v>28416</v>
      </c>
      <c r="B56472" s="1" t="s">
        <v>187129</v>
      </c>
      <c r="C56472" s="1" t="s">
        <v>45</v>
      </c>
      <c r="D56472" s="1" t="s">
        <v>30294</v>
      </c>
      <c r="E56472" s="1" t="s">
        <v>189911</v>
      </c>
      <c r="F56472" s="1" t="s">
        <v>189912</v>
      </c>
      <c r="G56472" s="1" t="s">
        <v>189888</v>
      </c>
      <c r="H56472" s="1" t="s">
        <v>189889</v>
      </c>
      <c r="I56472" s="1" t="s">
        <v>187135</v>
      </c>
      <c r="J56472" s="1" t="s">
        <v>189913</v>
      </c>
    </row>
    <row r="56473" spans="1:10" x14ac:dyDescent="0.35">
      <c r="A56473" s="1" t="s">
        <v>28416</v>
      </c>
      <c r="B56473" s="1" t="s">
        <v>187129</v>
      </c>
      <c r="C56473" s="1" t="s">
        <v>50</v>
      </c>
      <c r="D56473" s="1" t="s">
        <v>124270</v>
      </c>
      <c r="E56473" s="1" t="s">
        <v>189914</v>
      </c>
      <c r="F56473" s="1" t="s">
        <v>189915</v>
      </c>
      <c r="G56473" s="1" t="s">
        <v>189888</v>
      </c>
      <c r="H56473" s="1" t="s">
        <v>189889</v>
      </c>
      <c r="I56473" s="1" t="s">
        <v>187135</v>
      </c>
      <c r="J56473" s="1" t="s">
        <v>189916</v>
      </c>
    </row>
    <row r="56474" spans="1:10" x14ac:dyDescent="0.35">
      <c r="A56474" s="1" t="s">
        <v>28416</v>
      </c>
      <c r="B56474" s="1" t="s">
        <v>187129</v>
      </c>
      <c r="C56474" s="1" t="s">
        <v>55</v>
      </c>
      <c r="D56474" s="1" t="s">
        <v>8870</v>
      </c>
      <c r="E56474" s="1" t="s">
        <v>189917</v>
      </c>
      <c r="F56474" s="1" t="s">
        <v>189918</v>
      </c>
      <c r="G56474" s="1" t="s">
        <v>189888</v>
      </c>
      <c r="H56474" s="1" t="s">
        <v>189889</v>
      </c>
      <c r="I56474" s="1" t="s">
        <v>187135</v>
      </c>
      <c r="J56474" s="1" t="s">
        <v>189919</v>
      </c>
    </row>
    <row r="56475" spans="1:10" x14ac:dyDescent="0.35">
      <c r="A56475" s="1" t="s">
        <v>28416</v>
      </c>
      <c r="B56475" s="1" t="s">
        <v>187129</v>
      </c>
      <c r="C56475" s="1" t="s">
        <v>60</v>
      </c>
      <c r="D56475" s="1" t="s">
        <v>189920</v>
      </c>
      <c r="E56475" s="1" t="s">
        <v>189921</v>
      </c>
      <c r="F56475" s="1" t="s">
        <v>189922</v>
      </c>
      <c r="G56475" s="1" t="s">
        <v>189888</v>
      </c>
      <c r="H56475" s="1" t="s">
        <v>189889</v>
      </c>
      <c r="I56475" s="1" t="s">
        <v>187135</v>
      </c>
      <c r="J56475" s="1" t="s">
        <v>189923</v>
      </c>
    </row>
    <row r="56476" spans="1:10" x14ac:dyDescent="0.35">
      <c r="A56476" s="1" t="s">
        <v>28416</v>
      </c>
      <c r="B56476" s="1" t="s">
        <v>187129</v>
      </c>
      <c r="C56476" s="1" t="s">
        <v>65</v>
      </c>
      <c r="D56476" s="1" t="s">
        <v>182197</v>
      </c>
      <c r="E56476" s="1" t="s">
        <v>189924</v>
      </c>
      <c r="F56476" s="1" t="s">
        <v>189925</v>
      </c>
      <c r="G56476" s="1" t="s">
        <v>189888</v>
      </c>
      <c r="H56476" s="1" t="s">
        <v>189889</v>
      </c>
      <c r="I56476" s="1" t="s">
        <v>187135</v>
      </c>
      <c r="J56476" s="1" t="s">
        <v>189926</v>
      </c>
    </row>
    <row r="56477" spans="1:10" x14ac:dyDescent="0.35">
      <c r="A56477" s="1" t="s">
        <v>28416</v>
      </c>
      <c r="B56477" s="1" t="s">
        <v>187129</v>
      </c>
      <c r="C56477" s="1" t="s">
        <v>70</v>
      </c>
      <c r="D56477" s="1" t="s">
        <v>30826</v>
      </c>
      <c r="E56477" s="1" t="s">
        <v>189927</v>
      </c>
      <c r="F56477" s="1" t="s">
        <v>189928</v>
      </c>
      <c r="G56477" s="1" t="s">
        <v>189888</v>
      </c>
      <c r="H56477" s="1" t="s">
        <v>189889</v>
      </c>
      <c r="I56477" s="1" t="s">
        <v>187135</v>
      </c>
      <c r="J56477" s="1" t="s">
        <v>189929</v>
      </c>
    </row>
    <row r="56478" spans="1:10" x14ac:dyDescent="0.35">
      <c r="A56478" s="1" t="s">
        <v>28416</v>
      </c>
      <c r="B56478" s="1" t="s">
        <v>187129</v>
      </c>
      <c r="C56478" s="1" t="s">
        <v>75</v>
      </c>
      <c r="D56478" s="1" t="s">
        <v>189930</v>
      </c>
      <c r="E56478" s="1" t="s">
        <v>189931</v>
      </c>
      <c r="F56478" s="1" t="s">
        <v>189932</v>
      </c>
      <c r="G56478" s="1" t="s">
        <v>189888</v>
      </c>
      <c r="H56478" s="1" t="s">
        <v>189889</v>
      </c>
      <c r="I56478" s="1" t="s">
        <v>187135</v>
      </c>
      <c r="J56478" s="1" t="s">
        <v>189933</v>
      </c>
    </row>
    <row r="56479" spans="1:10" x14ac:dyDescent="0.35">
      <c r="A56479" s="1" t="s">
        <v>28416</v>
      </c>
      <c r="B56479" s="1" t="s">
        <v>187129</v>
      </c>
      <c r="C56479" s="1" t="s">
        <v>80</v>
      </c>
      <c r="D56479" s="1" t="s">
        <v>189934</v>
      </c>
      <c r="E56479" s="1" t="s">
        <v>189935</v>
      </c>
      <c r="F56479" s="1" t="s">
        <v>189936</v>
      </c>
      <c r="G56479" s="1" t="s">
        <v>189888</v>
      </c>
      <c r="H56479" s="1" t="s">
        <v>189889</v>
      </c>
      <c r="I56479" s="1" t="s">
        <v>187135</v>
      </c>
      <c r="J56479" s="1" t="s">
        <v>189937</v>
      </c>
    </row>
    <row r="56480" spans="1:10" x14ac:dyDescent="0.35">
      <c r="A56480" s="1" t="s">
        <v>28416</v>
      </c>
      <c r="B56480" s="1" t="s">
        <v>187129</v>
      </c>
      <c r="C56480" s="1" t="s">
        <v>85</v>
      </c>
      <c r="D56480" s="1" t="s">
        <v>189938</v>
      </c>
      <c r="E56480" s="1" t="s">
        <v>189939</v>
      </c>
      <c r="F56480" s="1" t="s">
        <v>189940</v>
      </c>
      <c r="G56480" s="1" t="s">
        <v>189888</v>
      </c>
      <c r="H56480" s="1" t="s">
        <v>189889</v>
      </c>
      <c r="I56480" s="1" t="s">
        <v>187135</v>
      </c>
      <c r="J56480" s="1" t="s">
        <v>189941</v>
      </c>
    </row>
    <row r="56481" spans="1:10" x14ac:dyDescent="0.35">
      <c r="A56481" s="1" t="s">
        <v>28416</v>
      </c>
      <c r="B56481" s="1" t="s">
        <v>187129</v>
      </c>
      <c r="C56481" s="1" t="s">
        <v>90</v>
      </c>
      <c r="D56481" s="1" t="s">
        <v>189942</v>
      </c>
      <c r="E56481" s="1" t="s">
        <v>189943</v>
      </c>
      <c r="F56481" s="1" t="s">
        <v>189944</v>
      </c>
      <c r="G56481" s="1" t="s">
        <v>189888</v>
      </c>
      <c r="H56481" s="1" t="s">
        <v>189889</v>
      </c>
      <c r="I56481" s="1" t="s">
        <v>187135</v>
      </c>
      <c r="J56481" s="1" t="s">
        <v>189945</v>
      </c>
    </row>
    <row r="56482" spans="1:10" x14ac:dyDescent="0.35">
      <c r="A56482" s="1" t="s">
        <v>28416</v>
      </c>
      <c r="B56482" s="1" t="s">
        <v>187129</v>
      </c>
      <c r="C56482" s="1" t="s">
        <v>95</v>
      </c>
      <c r="D56482" s="1" t="s">
        <v>100889</v>
      </c>
      <c r="E56482" s="1" t="s">
        <v>189946</v>
      </c>
      <c r="F56482" s="1" t="s">
        <v>189947</v>
      </c>
      <c r="G56482" s="1" t="s">
        <v>189888</v>
      </c>
      <c r="H56482" s="1" t="s">
        <v>189889</v>
      </c>
      <c r="I56482" s="1" t="s">
        <v>187135</v>
      </c>
      <c r="J56482" s="1" t="s">
        <v>189948</v>
      </c>
    </row>
    <row r="56483" spans="1:10" x14ac:dyDescent="0.35">
      <c r="A56483" s="1" t="s">
        <v>28416</v>
      </c>
      <c r="B56483" s="1" t="s">
        <v>187129</v>
      </c>
      <c r="C56483" s="1" t="s">
        <v>100</v>
      </c>
      <c r="D56483" s="1" t="s">
        <v>189949</v>
      </c>
      <c r="E56483" s="1" t="s">
        <v>189950</v>
      </c>
      <c r="F56483" s="1" t="s">
        <v>189951</v>
      </c>
      <c r="G56483" s="1" t="s">
        <v>189888</v>
      </c>
      <c r="H56483" s="1" t="s">
        <v>189889</v>
      </c>
      <c r="I56483" s="1" t="s">
        <v>187135</v>
      </c>
      <c r="J56483" s="1" t="s">
        <v>189952</v>
      </c>
    </row>
    <row r="56484" spans="1:10" x14ac:dyDescent="0.35">
      <c r="A56484" s="1" t="s">
        <v>28416</v>
      </c>
      <c r="B56484" s="1" t="s">
        <v>187129</v>
      </c>
      <c r="C56484" s="1" t="s">
        <v>105</v>
      </c>
      <c r="D56484" s="1" t="s">
        <v>37977</v>
      </c>
      <c r="E56484" s="1" t="s">
        <v>189953</v>
      </c>
      <c r="F56484" s="1" t="s">
        <v>189954</v>
      </c>
      <c r="G56484" s="1" t="s">
        <v>189888</v>
      </c>
      <c r="H56484" s="1" t="s">
        <v>189889</v>
      </c>
      <c r="I56484" s="1" t="s">
        <v>187135</v>
      </c>
      <c r="J56484" s="1" t="s">
        <v>189955</v>
      </c>
    </row>
    <row r="56485" spans="1:10" x14ac:dyDescent="0.35">
      <c r="A56485" s="1" t="s">
        <v>28416</v>
      </c>
      <c r="B56485" s="1" t="s">
        <v>187129</v>
      </c>
      <c r="C56485" s="1" t="s">
        <v>110</v>
      </c>
      <c r="D56485" s="1" t="s">
        <v>189956</v>
      </c>
      <c r="E56485" s="1" t="s">
        <v>189957</v>
      </c>
      <c r="F56485" s="1" t="s">
        <v>189958</v>
      </c>
      <c r="G56485" s="1" t="s">
        <v>189888</v>
      </c>
      <c r="H56485" s="1" t="s">
        <v>189889</v>
      </c>
      <c r="I56485" s="1" t="s">
        <v>187135</v>
      </c>
      <c r="J56485" s="1" t="s">
        <v>189959</v>
      </c>
    </row>
    <row r="56486" spans="1:10" x14ac:dyDescent="0.35">
      <c r="A56486" s="1" t="s">
        <v>28416</v>
      </c>
      <c r="B56486" s="1" t="s">
        <v>187129</v>
      </c>
      <c r="C56486" s="1" t="s">
        <v>115</v>
      </c>
      <c r="D56486" s="1" t="s">
        <v>189960</v>
      </c>
      <c r="E56486" s="1" t="s">
        <v>189961</v>
      </c>
      <c r="F56486" s="1" t="s">
        <v>189962</v>
      </c>
      <c r="G56486" s="1" t="s">
        <v>189888</v>
      </c>
      <c r="H56486" s="1" t="s">
        <v>189889</v>
      </c>
      <c r="I56486" s="1" t="s">
        <v>187135</v>
      </c>
      <c r="J56486" s="1" t="s">
        <v>189963</v>
      </c>
    </row>
    <row r="56487" spans="1:10" x14ac:dyDescent="0.35">
      <c r="A56487" s="1" t="s">
        <v>28416</v>
      </c>
      <c r="B56487" s="1" t="s">
        <v>187129</v>
      </c>
      <c r="C56487" s="1" t="s">
        <v>120</v>
      </c>
      <c r="D56487" s="1" t="s">
        <v>19379</v>
      </c>
      <c r="E56487" s="1" t="s">
        <v>189964</v>
      </c>
      <c r="F56487" s="1" t="s">
        <v>189965</v>
      </c>
      <c r="G56487" s="1" t="s">
        <v>189888</v>
      </c>
      <c r="H56487" s="1" t="s">
        <v>189889</v>
      </c>
      <c r="I56487" s="1" t="s">
        <v>187135</v>
      </c>
      <c r="J56487" s="1" t="s">
        <v>189966</v>
      </c>
    </row>
    <row r="56488" spans="1:10" x14ac:dyDescent="0.35">
      <c r="A56488" s="1" t="s">
        <v>28416</v>
      </c>
      <c r="B56488" s="1" t="s">
        <v>187129</v>
      </c>
      <c r="C56488" s="1" t="s">
        <v>125</v>
      </c>
      <c r="D56488" s="1" t="s">
        <v>189967</v>
      </c>
      <c r="E56488" s="1" t="s">
        <v>189968</v>
      </c>
      <c r="F56488" s="1" t="s">
        <v>189969</v>
      </c>
      <c r="G56488" s="1" t="s">
        <v>189888</v>
      </c>
      <c r="H56488" s="1" t="s">
        <v>189889</v>
      </c>
      <c r="I56488" s="1" t="s">
        <v>187135</v>
      </c>
      <c r="J56488" s="1" t="s">
        <v>189970</v>
      </c>
    </row>
    <row r="56489" spans="1:10" x14ac:dyDescent="0.35">
      <c r="A56489" s="1" t="s">
        <v>28416</v>
      </c>
      <c r="B56489" s="1" t="s">
        <v>187129</v>
      </c>
      <c r="C56489" s="1" t="s">
        <v>130</v>
      </c>
      <c r="D56489" s="1" t="s">
        <v>134626</v>
      </c>
      <c r="E56489" s="1" t="s">
        <v>189971</v>
      </c>
      <c r="F56489" s="1" t="s">
        <v>189972</v>
      </c>
      <c r="G56489" s="1" t="s">
        <v>189888</v>
      </c>
      <c r="H56489" s="1" t="s">
        <v>189889</v>
      </c>
      <c r="I56489" s="1" t="s">
        <v>187135</v>
      </c>
      <c r="J56489" s="1" t="s">
        <v>189973</v>
      </c>
    </row>
    <row r="56490" spans="1:10" x14ac:dyDescent="0.35">
      <c r="A56490" s="1" t="s">
        <v>28416</v>
      </c>
      <c r="B56490" s="1" t="s">
        <v>187129</v>
      </c>
      <c r="C56490" s="1" t="s">
        <v>135</v>
      </c>
      <c r="D56490" s="1" t="s">
        <v>187866</v>
      </c>
      <c r="E56490" s="1" t="s">
        <v>189974</v>
      </c>
      <c r="F56490" s="1" t="s">
        <v>189975</v>
      </c>
      <c r="G56490" s="1" t="s">
        <v>189888</v>
      </c>
      <c r="H56490" s="1" t="s">
        <v>189889</v>
      </c>
      <c r="I56490" s="1" t="s">
        <v>187135</v>
      </c>
      <c r="J56490" s="1" t="s">
        <v>189976</v>
      </c>
    </row>
    <row r="56491" spans="1:10" x14ac:dyDescent="0.35">
      <c r="A56491" s="1" t="s">
        <v>28416</v>
      </c>
      <c r="B56491" s="1" t="s">
        <v>187129</v>
      </c>
      <c r="C56491" s="1" t="s">
        <v>140</v>
      </c>
      <c r="D56491" s="1" t="s">
        <v>100204</v>
      </c>
      <c r="E56491" s="1" t="s">
        <v>189977</v>
      </c>
      <c r="F56491" s="1" t="s">
        <v>189978</v>
      </c>
      <c r="G56491" s="1" t="s">
        <v>189888</v>
      </c>
      <c r="H56491" s="1" t="s">
        <v>189889</v>
      </c>
      <c r="I56491" s="1" t="s">
        <v>187135</v>
      </c>
      <c r="J56491" s="1" t="s">
        <v>189979</v>
      </c>
    </row>
    <row r="56492" spans="1:10" x14ac:dyDescent="0.35">
      <c r="A56492" s="1" t="s">
        <v>28416</v>
      </c>
      <c r="B56492" s="1" t="s">
        <v>187129</v>
      </c>
      <c r="C56492" s="1" t="s">
        <v>145</v>
      </c>
      <c r="D56492" s="1" t="s">
        <v>189980</v>
      </c>
      <c r="E56492" s="1" t="s">
        <v>189981</v>
      </c>
      <c r="F56492" s="1" t="s">
        <v>189982</v>
      </c>
      <c r="G56492" s="1" t="s">
        <v>189888</v>
      </c>
      <c r="H56492" s="1" t="s">
        <v>189889</v>
      </c>
      <c r="I56492" s="1" t="s">
        <v>187135</v>
      </c>
      <c r="J56492" s="1" t="s">
        <v>189983</v>
      </c>
    </row>
    <row r="56493" spans="1:10" x14ac:dyDescent="0.35">
      <c r="A56493" s="1" t="s">
        <v>28416</v>
      </c>
      <c r="B56493" s="1" t="s">
        <v>187129</v>
      </c>
      <c r="C56493" s="1" t="s">
        <v>150</v>
      </c>
      <c r="D56493" s="1" t="s">
        <v>189984</v>
      </c>
      <c r="E56493" s="1" t="s">
        <v>189985</v>
      </c>
      <c r="F56493" s="1" t="s">
        <v>189986</v>
      </c>
      <c r="G56493" s="1" t="s">
        <v>189888</v>
      </c>
      <c r="H56493" s="1" t="s">
        <v>189889</v>
      </c>
      <c r="I56493" s="1" t="s">
        <v>187135</v>
      </c>
      <c r="J56493" s="1" t="s">
        <v>189987</v>
      </c>
    </row>
    <row r="56494" spans="1:10" x14ac:dyDescent="0.35">
      <c r="A56494" s="1" t="s">
        <v>28416</v>
      </c>
      <c r="B56494" s="1" t="s">
        <v>187129</v>
      </c>
      <c r="C56494" s="1" t="s">
        <v>155</v>
      </c>
      <c r="D56494" s="1" t="s">
        <v>152135</v>
      </c>
      <c r="E56494" s="1" t="s">
        <v>189988</v>
      </c>
      <c r="F56494" s="1" t="s">
        <v>189989</v>
      </c>
      <c r="G56494" s="1" t="s">
        <v>189888</v>
      </c>
      <c r="H56494" s="1" t="s">
        <v>189889</v>
      </c>
      <c r="I56494" s="1" t="s">
        <v>187135</v>
      </c>
      <c r="J56494" s="1" t="s">
        <v>189990</v>
      </c>
    </row>
    <row r="56495" spans="1:10" x14ac:dyDescent="0.35">
      <c r="A56495" s="1" t="s">
        <v>28416</v>
      </c>
      <c r="B56495" s="1" t="s">
        <v>187129</v>
      </c>
      <c r="C56495" s="1" t="s">
        <v>160</v>
      </c>
      <c r="D56495" s="1" t="s">
        <v>167671</v>
      </c>
      <c r="E56495" s="1" t="s">
        <v>189991</v>
      </c>
      <c r="F56495" s="1" t="s">
        <v>189992</v>
      </c>
      <c r="G56495" s="1" t="s">
        <v>189888</v>
      </c>
      <c r="H56495" s="1" t="s">
        <v>189889</v>
      </c>
      <c r="I56495" s="1" t="s">
        <v>187135</v>
      </c>
      <c r="J56495" s="1" t="s">
        <v>189993</v>
      </c>
    </row>
    <row r="56496" spans="1:10" x14ac:dyDescent="0.35">
      <c r="A56496" s="1" t="s">
        <v>28416</v>
      </c>
      <c r="B56496" s="1" t="s">
        <v>187129</v>
      </c>
      <c r="C56496" s="1" t="s">
        <v>165</v>
      </c>
      <c r="D56496" s="1" t="s">
        <v>159845</v>
      </c>
      <c r="E56496" s="1" t="s">
        <v>189994</v>
      </c>
      <c r="F56496" s="1" t="s">
        <v>189995</v>
      </c>
      <c r="G56496" s="1" t="s">
        <v>189888</v>
      </c>
      <c r="H56496" s="1" t="s">
        <v>189889</v>
      </c>
      <c r="I56496" s="1" t="s">
        <v>187135</v>
      </c>
      <c r="J56496" s="1" t="s">
        <v>189996</v>
      </c>
    </row>
    <row r="56497" spans="1:10" x14ac:dyDescent="0.35">
      <c r="A56497" s="1" t="s">
        <v>28416</v>
      </c>
      <c r="B56497" s="1" t="s">
        <v>187129</v>
      </c>
      <c r="C56497" s="1" t="s">
        <v>170</v>
      </c>
      <c r="D56497" s="1" t="s">
        <v>7629</v>
      </c>
      <c r="E56497" s="1" t="s">
        <v>189997</v>
      </c>
      <c r="F56497" s="1" t="s">
        <v>189998</v>
      </c>
      <c r="G56497" s="1" t="s">
        <v>189888</v>
      </c>
      <c r="H56497" s="1" t="s">
        <v>189889</v>
      </c>
      <c r="I56497" s="1" t="s">
        <v>187135</v>
      </c>
      <c r="J56497" s="1" t="s">
        <v>189999</v>
      </c>
    </row>
    <row r="56498" spans="1:10" x14ac:dyDescent="0.35">
      <c r="A56498" s="1" t="s">
        <v>10094</v>
      </c>
      <c r="B56498" s="1" t="s">
        <v>187129</v>
      </c>
      <c r="C56498" s="1" t="s">
        <v>8</v>
      </c>
      <c r="D56498" s="1" t="s">
        <v>13723</v>
      </c>
      <c r="E56498" s="1" t="s">
        <v>190000</v>
      </c>
      <c r="F56498" s="1" t="s">
        <v>190001</v>
      </c>
      <c r="G56498" s="1" t="s">
        <v>190002</v>
      </c>
      <c r="H56498" s="1" t="s">
        <v>190003</v>
      </c>
      <c r="I56498" s="1" t="s">
        <v>187135</v>
      </c>
      <c r="J56498" s="1" t="s">
        <v>13</v>
      </c>
    </row>
    <row r="56499" spans="1:10" x14ac:dyDescent="0.35">
      <c r="A56499" s="1" t="s">
        <v>10094</v>
      </c>
      <c r="B56499" s="1" t="s">
        <v>187129</v>
      </c>
      <c r="C56499" s="1" t="s">
        <v>15</v>
      </c>
      <c r="D56499" s="1" t="s">
        <v>190004</v>
      </c>
      <c r="E56499" s="1" t="s">
        <v>190005</v>
      </c>
      <c r="F56499" s="1" t="s">
        <v>190006</v>
      </c>
      <c r="G56499" s="1" t="s">
        <v>190002</v>
      </c>
      <c r="H56499" s="1" t="s">
        <v>190003</v>
      </c>
      <c r="I56499" s="1" t="s">
        <v>187135</v>
      </c>
      <c r="J56499" s="1" t="s">
        <v>190007</v>
      </c>
    </row>
    <row r="56500" spans="1:10" x14ac:dyDescent="0.35">
      <c r="A56500" s="1" t="s">
        <v>10094</v>
      </c>
      <c r="B56500" s="1" t="s">
        <v>187129</v>
      </c>
      <c r="C56500" s="1" t="s">
        <v>20</v>
      </c>
      <c r="D56500" s="1" t="s">
        <v>15683</v>
      </c>
      <c r="E56500" s="1" t="s">
        <v>190008</v>
      </c>
      <c r="F56500" s="1" t="s">
        <v>190009</v>
      </c>
      <c r="G56500" s="1" t="s">
        <v>190002</v>
      </c>
      <c r="H56500" s="1" t="s">
        <v>190003</v>
      </c>
      <c r="I56500" s="1" t="s">
        <v>187135</v>
      </c>
      <c r="J56500" s="1" t="s">
        <v>190010</v>
      </c>
    </row>
    <row r="56501" spans="1:10" x14ac:dyDescent="0.35">
      <c r="A56501" s="1" t="s">
        <v>10094</v>
      </c>
      <c r="B56501" s="1" t="s">
        <v>187129</v>
      </c>
      <c r="C56501" s="1" t="s">
        <v>25</v>
      </c>
      <c r="D56501" s="1" t="s">
        <v>174060</v>
      </c>
      <c r="E56501" s="1" t="s">
        <v>190011</v>
      </c>
      <c r="F56501" s="1" t="s">
        <v>190012</v>
      </c>
      <c r="G56501" s="1" t="s">
        <v>190002</v>
      </c>
      <c r="H56501" s="1" t="s">
        <v>190003</v>
      </c>
      <c r="I56501" s="1" t="s">
        <v>187135</v>
      </c>
      <c r="J56501" s="1" t="s">
        <v>190013</v>
      </c>
    </row>
    <row r="56502" spans="1:10" x14ac:dyDescent="0.35">
      <c r="A56502" s="1" t="s">
        <v>10094</v>
      </c>
      <c r="B56502" s="1" t="s">
        <v>187129</v>
      </c>
      <c r="C56502" s="1" t="s">
        <v>30</v>
      </c>
      <c r="D56502" s="1" t="s">
        <v>83425</v>
      </c>
      <c r="E56502" s="1" t="s">
        <v>190014</v>
      </c>
      <c r="F56502" s="1" t="s">
        <v>190015</v>
      </c>
      <c r="G56502" s="1" t="s">
        <v>190002</v>
      </c>
      <c r="H56502" s="1" t="s">
        <v>190003</v>
      </c>
      <c r="I56502" s="1" t="s">
        <v>187135</v>
      </c>
      <c r="J56502" s="1" t="s">
        <v>190016</v>
      </c>
    </row>
    <row r="56503" spans="1:10" x14ac:dyDescent="0.35">
      <c r="A56503" s="1" t="s">
        <v>10094</v>
      </c>
      <c r="B56503" s="1" t="s">
        <v>187129</v>
      </c>
      <c r="C56503" s="1" t="s">
        <v>35</v>
      </c>
      <c r="D56503" s="1" t="s">
        <v>18443</v>
      </c>
      <c r="E56503" s="1" t="s">
        <v>190017</v>
      </c>
      <c r="F56503" s="1" t="s">
        <v>190018</v>
      </c>
      <c r="G56503" s="1" t="s">
        <v>190002</v>
      </c>
      <c r="H56503" s="1" t="s">
        <v>190003</v>
      </c>
      <c r="I56503" s="1" t="s">
        <v>187135</v>
      </c>
      <c r="J56503" s="1" t="s">
        <v>190019</v>
      </c>
    </row>
    <row r="56504" spans="1:10" x14ac:dyDescent="0.35">
      <c r="A56504" s="1" t="s">
        <v>10094</v>
      </c>
      <c r="B56504" s="1" t="s">
        <v>187129</v>
      </c>
      <c r="C56504" s="1" t="s">
        <v>40</v>
      </c>
      <c r="D56504" s="1" t="s">
        <v>71334</v>
      </c>
      <c r="E56504" s="1" t="s">
        <v>190020</v>
      </c>
      <c r="F56504" s="1" t="s">
        <v>190021</v>
      </c>
      <c r="G56504" s="1" t="s">
        <v>190002</v>
      </c>
      <c r="H56504" s="1" t="s">
        <v>190003</v>
      </c>
      <c r="I56504" s="1" t="s">
        <v>187135</v>
      </c>
      <c r="J56504" s="1" t="s">
        <v>190022</v>
      </c>
    </row>
    <row r="56505" spans="1:10" x14ac:dyDescent="0.35">
      <c r="A56505" s="1" t="s">
        <v>10094</v>
      </c>
      <c r="B56505" s="1" t="s">
        <v>187129</v>
      </c>
      <c r="C56505" s="1" t="s">
        <v>45</v>
      </c>
      <c r="D56505" s="1" t="s">
        <v>169071</v>
      </c>
      <c r="E56505" s="1" t="s">
        <v>190023</v>
      </c>
      <c r="F56505" s="1" t="s">
        <v>190024</v>
      </c>
      <c r="G56505" s="1" t="s">
        <v>190002</v>
      </c>
      <c r="H56505" s="1" t="s">
        <v>190003</v>
      </c>
      <c r="I56505" s="1" t="s">
        <v>187135</v>
      </c>
      <c r="J56505" s="1" t="s">
        <v>190025</v>
      </c>
    </row>
    <row r="56506" spans="1:10" x14ac:dyDescent="0.35">
      <c r="A56506" s="1" t="s">
        <v>10094</v>
      </c>
      <c r="B56506" s="1" t="s">
        <v>187129</v>
      </c>
      <c r="C56506" s="1" t="s">
        <v>50</v>
      </c>
      <c r="D56506" s="1" t="s">
        <v>190026</v>
      </c>
      <c r="E56506" s="1" t="s">
        <v>190027</v>
      </c>
      <c r="F56506" s="1" t="s">
        <v>190028</v>
      </c>
      <c r="G56506" s="1" t="s">
        <v>190002</v>
      </c>
      <c r="H56506" s="1" t="s">
        <v>190003</v>
      </c>
      <c r="I56506" s="1" t="s">
        <v>187135</v>
      </c>
      <c r="J56506" s="1" t="s">
        <v>190029</v>
      </c>
    </row>
    <row r="56507" spans="1:10" x14ac:dyDescent="0.35">
      <c r="A56507" s="1" t="s">
        <v>10094</v>
      </c>
      <c r="B56507" s="1" t="s">
        <v>187129</v>
      </c>
      <c r="C56507" s="1" t="s">
        <v>55</v>
      </c>
      <c r="D56507" s="1" t="s">
        <v>49736</v>
      </c>
      <c r="E56507" s="1" t="s">
        <v>190030</v>
      </c>
      <c r="F56507" s="1" t="s">
        <v>190031</v>
      </c>
      <c r="G56507" s="1" t="s">
        <v>190002</v>
      </c>
      <c r="H56507" s="1" t="s">
        <v>190003</v>
      </c>
      <c r="I56507" s="1" t="s">
        <v>187135</v>
      </c>
      <c r="J56507" s="1" t="s">
        <v>190032</v>
      </c>
    </row>
    <row r="56508" spans="1:10" x14ac:dyDescent="0.35">
      <c r="A56508" s="1" t="s">
        <v>10094</v>
      </c>
      <c r="B56508" s="1" t="s">
        <v>187129</v>
      </c>
      <c r="C56508" s="1" t="s">
        <v>60</v>
      </c>
      <c r="D56508" s="1" t="s">
        <v>123989</v>
      </c>
      <c r="E56508" s="1" t="s">
        <v>190033</v>
      </c>
      <c r="F56508" s="1" t="s">
        <v>190034</v>
      </c>
      <c r="G56508" s="1" t="s">
        <v>190002</v>
      </c>
      <c r="H56508" s="1" t="s">
        <v>190003</v>
      </c>
      <c r="I56508" s="1" t="s">
        <v>187135</v>
      </c>
      <c r="J56508" s="1" t="s">
        <v>190035</v>
      </c>
    </row>
    <row r="56509" spans="1:10" x14ac:dyDescent="0.35">
      <c r="A56509" s="1" t="s">
        <v>10094</v>
      </c>
      <c r="B56509" s="1" t="s">
        <v>187129</v>
      </c>
      <c r="C56509" s="1" t="s">
        <v>65</v>
      </c>
      <c r="D56509" s="1" t="s">
        <v>47972</v>
      </c>
      <c r="E56509" s="1" t="s">
        <v>190036</v>
      </c>
      <c r="F56509" s="1" t="s">
        <v>190037</v>
      </c>
      <c r="G56509" s="1" t="s">
        <v>190002</v>
      </c>
      <c r="H56509" s="1" t="s">
        <v>190003</v>
      </c>
      <c r="I56509" s="1" t="s">
        <v>187135</v>
      </c>
      <c r="J56509" s="1" t="s">
        <v>190038</v>
      </c>
    </row>
    <row r="56510" spans="1:10" x14ac:dyDescent="0.35">
      <c r="A56510" s="1" t="s">
        <v>10094</v>
      </c>
      <c r="B56510" s="1" t="s">
        <v>187129</v>
      </c>
      <c r="C56510" s="1" t="s">
        <v>70</v>
      </c>
      <c r="D56510" s="1" t="s">
        <v>3024</v>
      </c>
      <c r="E56510" s="1" t="s">
        <v>190039</v>
      </c>
      <c r="F56510" s="1" t="s">
        <v>190040</v>
      </c>
      <c r="G56510" s="1" t="s">
        <v>190002</v>
      </c>
      <c r="H56510" s="1" t="s">
        <v>190003</v>
      </c>
      <c r="I56510" s="1" t="s">
        <v>187135</v>
      </c>
      <c r="J56510" s="1" t="s">
        <v>190041</v>
      </c>
    </row>
    <row r="56511" spans="1:10" x14ac:dyDescent="0.35">
      <c r="A56511" s="1" t="s">
        <v>10094</v>
      </c>
      <c r="B56511" s="1" t="s">
        <v>187129</v>
      </c>
      <c r="C56511" s="1" t="s">
        <v>75</v>
      </c>
      <c r="D56511" s="1" t="s">
        <v>18918</v>
      </c>
      <c r="E56511" s="1" t="s">
        <v>190042</v>
      </c>
      <c r="F56511" s="1" t="s">
        <v>190043</v>
      </c>
      <c r="G56511" s="1" t="s">
        <v>190002</v>
      </c>
      <c r="H56511" s="1" t="s">
        <v>190003</v>
      </c>
      <c r="I56511" s="1" t="s">
        <v>187135</v>
      </c>
      <c r="J56511" s="1" t="s">
        <v>190044</v>
      </c>
    </row>
    <row r="56512" spans="1:10" x14ac:dyDescent="0.35">
      <c r="A56512" s="1" t="s">
        <v>10094</v>
      </c>
      <c r="B56512" s="1" t="s">
        <v>187129</v>
      </c>
      <c r="C56512" s="1" t="s">
        <v>80</v>
      </c>
      <c r="D56512" s="1" t="s">
        <v>184335</v>
      </c>
      <c r="E56512" s="1" t="s">
        <v>190045</v>
      </c>
      <c r="F56512" s="1" t="s">
        <v>190046</v>
      </c>
      <c r="G56512" s="1" t="s">
        <v>190002</v>
      </c>
      <c r="H56512" s="1" t="s">
        <v>190003</v>
      </c>
      <c r="I56512" s="1" t="s">
        <v>187135</v>
      </c>
      <c r="J56512" s="1" t="s">
        <v>190047</v>
      </c>
    </row>
    <row r="56513" spans="1:10" x14ac:dyDescent="0.35">
      <c r="A56513" s="1" t="s">
        <v>10094</v>
      </c>
      <c r="B56513" s="1" t="s">
        <v>187129</v>
      </c>
      <c r="C56513" s="1" t="s">
        <v>85</v>
      </c>
      <c r="D56513" s="1" t="s">
        <v>190048</v>
      </c>
      <c r="E56513" s="1" t="s">
        <v>190049</v>
      </c>
      <c r="F56513" s="1" t="s">
        <v>190050</v>
      </c>
      <c r="G56513" s="1" t="s">
        <v>190002</v>
      </c>
      <c r="H56513" s="1" t="s">
        <v>190003</v>
      </c>
      <c r="I56513" s="1" t="s">
        <v>187135</v>
      </c>
      <c r="J56513" s="1" t="s">
        <v>190051</v>
      </c>
    </row>
    <row r="56514" spans="1:10" x14ac:dyDescent="0.35">
      <c r="A56514" s="1" t="s">
        <v>10094</v>
      </c>
      <c r="B56514" s="1" t="s">
        <v>187129</v>
      </c>
      <c r="C56514" s="1" t="s">
        <v>90</v>
      </c>
      <c r="D56514" s="1" t="s">
        <v>36876</v>
      </c>
      <c r="E56514" s="1" t="s">
        <v>190052</v>
      </c>
      <c r="F56514" s="1" t="s">
        <v>190053</v>
      </c>
      <c r="G56514" s="1" t="s">
        <v>190002</v>
      </c>
      <c r="H56514" s="1" t="s">
        <v>190003</v>
      </c>
      <c r="I56514" s="1" t="s">
        <v>187135</v>
      </c>
      <c r="J56514" s="1" t="s">
        <v>190054</v>
      </c>
    </row>
    <row r="56515" spans="1:10" x14ac:dyDescent="0.35">
      <c r="A56515" s="1" t="s">
        <v>10094</v>
      </c>
      <c r="B56515" s="1" t="s">
        <v>187129</v>
      </c>
      <c r="C56515" s="1" t="s">
        <v>95</v>
      </c>
      <c r="D56515" s="1" t="s">
        <v>113792</v>
      </c>
      <c r="E56515" s="1" t="s">
        <v>190055</v>
      </c>
      <c r="F56515" s="1" t="s">
        <v>190056</v>
      </c>
      <c r="G56515" s="1" t="s">
        <v>190002</v>
      </c>
      <c r="H56515" s="1" t="s">
        <v>190003</v>
      </c>
      <c r="I56515" s="1" t="s">
        <v>187135</v>
      </c>
      <c r="J56515" s="1" t="s">
        <v>190057</v>
      </c>
    </row>
    <row r="56516" spans="1:10" x14ac:dyDescent="0.35">
      <c r="A56516" s="1" t="s">
        <v>10094</v>
      </c>
      <c r="B56516" s="1" t="s">
        <v>187129</v>
      </c>
      <c r="C56516" s="1" t="s">
        <v>100</v>
      </c>
      <c r="D56516" s="1" t="s">
        <v>126676</v>
      </c>
      <c r="E56516" s="1" t="s">
        <v>190058</v>
      </c>
      <c r="F56516" s="1" t="s">
        <v>190059</v>
      </c>
      <c r="G56516" s="1" t="s">
        <v>190002</v>
      </c>
      <c r="H56516" s="1" t="s">
        <v>190003</v>
      </c>
      <c r="I56516" s="1" t="s">
        <v>187135</v>
      </c>
      <c r="J56516" s="1" t="s">
        <v>190060</v>
      </c>
    </row>
    <row r="56517" spans="1:10" x14ac:dyDescent="0.35">
      <c r="A56517" s="1" t="s">
        <v>10094</v>
      </c>
      <c r="B56517" s="1" t="s">
        <v>187129</v>
      </c>
      <c r="C56517" s="1" t="s">
        <v>105</v>
      </c>
      <c r="D56517" s="1" t="s">
        <v>190061</v>
      </c>
      <c r="E56517" s="1" t="s">
        <v>190062</v>
      </c>
      <c r="F56517" s="1" t="s">
        <v>190063</v>
      </c>
      <c r="G56517" s="1" t="s">
        <v>190002</v>
      </c>
      <c r="H56517" s="1" t="s">
        <v>190003</v>
      </c>
      <c r="I56517" s="1" t="s">
        <v>187135</v>
      </c>
      <c r="J56517" s="1" t="s">
        <v>190064</v>
      </c>
    </row>
    <row r="56518" spans="1:10" x14ac:dyDescent="0.35">
      <c r="A56518" s="1" t="s">
        <v>10094</v>
      </c>
      <c r="B56518" s="1" t="s">
        <v>187129</v>
      </c>
      <c r="C56518" s="1" t="s">
        <v>110</v>
      </c>
      <c r="D56518" s="1" t="s">
        <v>108999</v>
      </c>
      <c r="E56518" s="1" t="s">
        <v>190065</v>
      </c>
      <c r="F56518" s="1" t="s">
        <v>190066</v>
      </c>
      <c r="G56518" s="1" t="s">
        <v>190002</v>
      </c>
      <c r="H56518" s="1" t="s">
        <v>190003</v>
      </c>
      <c r="I56518" s="1" t="s">
        <v>187135</v>
      </c>
      <c r="J56518" s="1" t="s">
        <v>190067</v>
      </c>
    </row>
    <row r="56519" spans="1:10" x14ac:dyDescent="0.35">
      <c r="A56519" s="1" t="s">
        <v>10094</v>
      </c>
      <c r="B56519" s="1" t="s">
        <v>187129</v>
      </c>
      <c r="C56519" s="1" t="s">
        <v>115</v>
      </c>
      <c r="D56519" s="1" t="s">
        <v>175113</v>
      </c>
      <c r="E56519" s="1" t="s">
        <v>190068</v>
      </c>
      <c r="F56519" s="1" t="s">
        <v>190069</v>
      </c>
      <c r="G56519" s="1" t="s">
        <v>190002</v>
      </c>
      <c r="H56519" s="1" t="s">
        <v>190003</v>
      </c>
      <c r="I56519" s="1" t="s">
        <v>187135</v>
      </c>
      <c r="J56519" s="1" t="s">
        <v>190070</v>
      </c>
    </row>
    <row r="56520" spans="1:10" x14ac:dyDescent="0.35">
      <c r="A56520" s="1" t="s">
        <v>10094</v>
      </c>
      <c r="B56520" s="1" t="s">
        <v>187129</v>
      </c>
      <c r="C56520" s="1" t="s">
        <v>120</v>
      </c>
      <c r="D56520" s="1" t="s">
        <v>190071</v>
      </c>
      <c r="E56520" s="1" t="s">
        <v>190072</v>
      </c>
      <c r="F56520" s="1" t="s">
        <v>190073</v>
      </c>
      <c r="G56520" s="1" t="s">
        <v>190002</v>
      </c>
      <c r="H56520" s="1" t="s">
        <v>190003</v>
      </c>
      <c r="I56520" s="1" t="s">
        <v>187135</v>
      </c>
      <c r="J56520" s="1" t="s">
        <v>190074</v>
      </c>
    </row>
    <row r="56521" spans="1:10" x14ac:dyDescent="0.35">
      <c r="A56521" s="1" t="s">
        <v>10094</v>
      </c>
      <c r="B56521" s="1" t="s">
        <v>187129</v>
      </c>
      <c r="C56521" s="1" t="s">
        <v>125</v>
      </c>
      <c r="D56521" s="1" t="s">
        <v>190075</v>
      </c>
      <c r="E56521" s="1" t="s">
        <v>190076</v>
      </c>
      <c r="F56521" s="1" t="s">
        <v>190077</v>
      </c>
      <c r="G56521" s="1" t="s">
        <v>190002</v>
      </c>
      <c r="H56521" s="1" t="s">
        <v>190003</v>
      </c>
      <c r="I56521" s="1" t="s">
        <v>187135</v>
      </c>
      <c r="J56521" s="1" t="s">
        <v>190078</v>
      </c>
    </row>
    <row r="56522" spans="1:10" x14ac:dyDescent="0.35">
      <c r="A56522" s="1" t="s">
        <v>10094</v>
      </c>
      <c r="B56522" s="1" t="s">
        <v>187129</v>
      </c>
      <c r="C56522" s="1" t="s">
        <v>130</v>
      </c>
      <c r="D56522" s="1" t="s">
        <v>142296</v>
      </c>
      <c r="E56522" s="1" t="s">
        <v>190079</v>
      </c>
      <c r="F56522" s="1" t="s">
        <v>190080</v>
      </c>
      <c r="G56522" s="1" t="s">
        <v>190002</v>
      </c>
      <c r="H56522" s="1" t="s">
        <v>190003</v>
      </c>
      <c r="I56522" s="1" t="s">
        <v>187135</v>
      </c>
      <c r="J56522" s="1" t="s">
        <v>190081</v>
      </c>
    </row>
    <row r="56523" spans="1:10" x14ac:dyDescent="0.35">
      <c r="A56523" s="1" t="s">
        <v>10094</v>
      </c>
      <c r="B56523" s="1" t="s">
        <v>187129</v>
      </c>
      <c r="C56523" s="1" t="s">
        <v>135</v>
      </c>
      <c r="D56523" s="1" t="s">
        <v>105684</v>
      </c>
      <c r="E56523" s="1" t="s">
        <v>190082</v>
      </c>
      <c r="F56523" s="1" t="s">
        <v>190083</v>
      </c>
      <c r="G56523" s="1" t="s">
        <v>190002</v>
      </c>
      <c r="H56523" s="1" t="s">
        <v>190003</v>
      </c>
      <c r="I56523" s="1" t="s">
        <v>187135</v>
      </c>
      <c r="J56523" s="1" t="s">
        <v>190084</v>
      </c>
    </row>
    <row r="56524" spans="1:10" x14ac:dyDescent="0.35">
      <c r="A56524" s="1" t="s">
        <v>10094</v>
      </c>
      <c r="B56524" s="1" t="s">
        <v>187129</v>
      </c>
      <c r="C56524" s="1" t="s">
        <v>140</v>
      </c>
      <c r="D56524" s="1" t="s">
        <v>190085</v>
      </c>
      <c r="E56524" s="1" t="s">
        <v>190086</v>
      </c>
      <c r="F56524" s="1" t="s">
        <v>190087</v>
      </c>
      <c r="G56524" s="1" t="s">
        <v>190002</v>
      </c>
      <c r="H56524" s="1" t="s">
        <v>190003</v>
      </c>
      <c r="I56524" s="1" t="s">
        <v>187135</v>
      </c>
      <c r="J56524" s="1" t="s">
        <v>190088</v>
      </c>
    </row>
    <row r="56525" spans="1:10" x14ac:dyDescent="0.35">
      <c r="A56525" s="1" t="s">
        <v>10094</v>
      </c>
      <c r="B56525" s="1" t="s">
        <v>187129</v>
      </c>
      <c r="C56525" s="1" t="s">
        <v>145</v>
      </c>
      <c r="D56525" s="1" t="s">
        <v>174010</v>
      </c>
      <c r="E56525" s="1" t="s">
        <v>190089</v>
      </c>
      <c r="F56525" s="1" t="s">
        <v>190090</v>
      </c>
      <c r="G56525" s="1" t="s">
        <v>190002</v>
      </c>
      <c r="H56525" s="1" t="s">
        <v>190003</v>
      </c>
      <c r="I56525" s="1" t="s">
        <v>187135</v>
      </c>
      <c r="J56525" s="1" t="s">
        <v>190091</v>
      </c>
    </row>
    <row r="56526" spans="1:10" x14ac:dyDescent="0.35">
      <c r="A56526" s="1" t="s">
        <v>10094</v>
      </c>
      <c r="B56526" s="1" t="s">
        <v>187129</v>
      </c>
      <c r="C56526" s="1" t="s">
        <v>150</v>
      </c>
      <c r="D56526" s="1" t="s">
        <v>190092</v>
      </c>
      <c r="E56526" s="1" t="s">
        <v>190093</v>
      </c>
      <c r="F56526" s="1" t="s">
        <v>190094</v>
      </c>
      <c r="G56526" s="1" t="s">
        <v>190002</v>
      </c>
      <c r="H56526" s="1" t="s">
        <v>190003</v>
      </c>
      <c r="I56526" s="1" t="s">
        <v>187135</v>
      </c>
      <c r="J56526" s="1" t="s">
        <v>190095</v>
      </c>
    </row>
    <row r="56527" spans="1:10" x14ac:dyDescent="0.35">
      <c r="A56527" s="1" t="s">
        <v>10094</v>
      </c>
      <c r="B56527" s="1" t="s">
        <v>187129</v>
      </c>
      <c r="C56527" s="1" t="s">
        <v>155</v>
      </c>
      <c r="D56527" s="1" t="s">
        <v>34223</v>
      </c>
      <c r="E56527" s="1" t="s">
        <v>190096</v>
      </c>
      <c r="F56527" s="1" t="s">
        <v>190097</v>
      </c>
      <c r="G56527" s="1" t="s">
        <v>190002</v>
      </c>
      <c r="H56527" s="1" t="s">
        <v>190003</v>
      </c>
      <c r="I56527" s="1" t="s">
        <v>187135</v>
      </c>
      <c r="J56527" s="1" t="s">
        <v>190098</v>
      </c>
    </row>
    <row r="56528" spans="1:10" x14ac:dyDescent="0.35">
      <c r="A56528" s="1" t="s">
        <v>10094</v>
      </c>
      <c r="B56528" s="1" t="s">
        <v>187129</v>
      </c>
      <c r="C56528" s="1" t="s">
        <v>160</v>
      </c>
      <c r="D56528" s="1" t="s">
        <v>113360</v>
      </c>
      <c r="E56528" s="1" t="s">
        <v>190099</v>
      </c>
      <c r="F56528" s="1" t="s">
        <v>190100</v>
      </c>
      <c r="G56528" s="1" t="s">
        <v>190002</v>
      </c>
      <c r="H56528" s="1" t="s">
        <v>190003</v>
      </c>
      <c r="I56528" s="1" t="s">
        <v>187135</v>
      </c>
      <c r="J56528" s="1" t="s">
        <v>190101</v>
      </c>
    </row>
    <row r="56529" spans="1:10" x14ac:dyDescent="0.35">
      <c r="A56529" s="1" t="s">
        <v>10094</v>
      </c>
      <c r="B56529" s="1" t="s">
        <v>187129</v>
      </c>
      <c r="C56529" s="1" t="s">
        <v>165</v>
      </c>
      <c r="D56529" s="1" t="s">
        <v>190102</v>
      </c>
      <c r="E56529" s="1" t="s">
        <v>190103</v>
      </c>
      <c r="F56529" s="1" t="s">
        <v>190104</v>
      </c>
      <c r="G56529" s="1" t="s">
        <v>190002</v>
      </c>
      <c r="H56529" s="1" t="s">
        <v>190003</v>
      </c>
      <c r="I56529" s="1" t="s">
        <v>187135</v>
      </c>
      <c r="J56529" s="1" t="s">
        <v>190105</v>
      </c>
    </row>
    <row r="56530" spans="1:10" x14ac:dyDescent="0.35">
      <c r="A56530" s="1" t="s">
        <v>10094</v>
      </c>
      <c r="B56530" s="1" t="s">
        <v>187129</v>
      </c>
      <c r="C56530" s="1" t="s">
        <v>170</v>
      </c>
      <c r="D56530" s="1" t="s">
        <v>172858</v>
      </c>
      <c r="E56530" s="1" t="s">
        <v>190106</v>
      </c>
      <c r="F56530" s="1" t="s">
        <v>190107</v>
      </c>
      <c r="G56530" s="1" t="s">
        <v>190002</v>
      </c>
      <c r="H56530" s="1" t="s">
        <v>190003</v>
      </c>
      <c r="I56530" s="1" t="s">
        <v>187135</v>
      </c>
      <c r="J56530" s="1" t="s">
        <v>190108</v>
      </c>
    </row>
    <row r="56531" spans="1:10" x14ac:dyDescent="0.35">
      <c r="A56531" s="1" t="s">
        <v>3600</v>
      </c>
      <c r="B56531" s="1" t="s">
        <v>187129</v>
      </c>
      <c r="C56531" s="1" t="s">
        <v>8</v>
      </c>
      <c r="D56531" s="1" t="s">
        <v>84623</v>
      </c>
      <c r="E56531" s="1" t="s">
        <v>190109</v>
      </c>
      <c r="F56531" s="1" t="s">
        <v>190110</v>
      </c>
      <c r="G56531" s="1" t="s">
        <v>190111</v>
      </c>
      <c r="H56531" s="1" t="s">
        <v>190112</v>
      </c>
      <c r="I56531" s="1" t="s">
        <v>187135</v>
      </c>
      <c r="J56531" s="1" t="s">
        <v>13</v>
      </c>
    </row>
    <row r="56532" spans="1:10" x14ac:dyDescent="0.35">
      <c r="A56532" s="1" t="s">
        <v>3600</v>
      </c>
      <c r="B56532" s="1" t="s">
        <v>187129</v>
      </c>
      <c r="C56532" s="1" t="s">
        <v>15</v>
      </c>
      <c r="D56532" s="1" t="s">
        <v>190113</v>
      </c>
      <c r="E56532" s="1" t="s">
        <v>190114</v>
      </c>
      <c r="F56532" s="1" t="s">
        <v>190115</v>
      </c>
      <c r="G56532" s="1" t="s">
        <v>190111</v>
      </c>
      <c r="H56532" s="1" t="s">
        <v>190112</v>
      </c>
      <c r="I56532" s="1" t="s">
        <v>187135</v>
      </c>
      <c r="J56532" s="1" t="s">
        <v>190116</v>
      </c>
    </row>
    <row r="56533" spans="1:10" x14ac:dyDescent="0.35">
      <c r="A56533" s="1" t="s">
        <v>3600</v>
      </c>
      <c r="B56533" s="1" t="s">
        <v>187129</v>
      </c>
      <c r="C56533" s="1" t="s">
        <v>20</v>
      </c>
      <c r="D56533" s="1" t="s">
        <v>82258</v>
      </c>
      <c r="E56533" s="1" t="s">
        <v>190117</v>
      </c>
      <c r="F56533" s="1" t="s">
        <v>190118</v>
      </c>
      <c r="G56533" s="1" t="s">
        <v>190111</v>
      </c>
      <c r="H56533" s="1" t="s">
        <v>190112</v>
      </c>
      <c r="I56533" s="1" t="s">
        <v>187135</v>
      </c>
      <c r="J56533" s="1" t="s">
        <v>190119</v>
      </c>
    </row>
    <row r="56534" spans="1:10" x14ac:dyDescent="0.35">
      <c r="A56534" s="1" t="s">
        <v>3600</v>
      </c>
      <c r="B56534" s="1" t="s">
        <v>187129</v>
      </c>
      <c r="C56534" s="1" t="s">
        <v>25</v>
      </c>
      <c r="D56534" s="1" t="s">
        <v>83481</v>
      </c>
      <c r="E56534" s="1" t="s">
        <v>190120</v>
      </c>
      <c r="F56534" s="1" t="s">
        <v>190121</v>
      </c>
      <c r="G56534" s="1" t="s">
        <v>190111</v>
      </c>
      <c r="H56534" s="1" t="s">
        <v>190112</v>
      </c>
      <c r="I56534" s="1" t="s">
        <v>187135</v>
      </c>
      <c r="J56534" s="1" t="s">
        <v>190122</v>
      </c>
    </row>
    <row r="56535" spans="1:10" x14ac:dyDescent="0.35">
      <c r="A56535" s="1" t="s">
        <v>3600</v>
      </c>
      <c r="B56535" s="1" t="s">
        <v>187129</v>
      </c>
      <c r="C56535" s="1" t="s">
        <v>30</v>
      </c>
      <c r="D56535" s="1" t="s">
        <v>190004</v>
      </c>
      <c r="E56535" s="1" t="s">
        <v>190123</v>
      </c>
      <c r="F56535" s="1" t="s">
        <v>190124</v>
      </c>
      <c r="G56535" s="1" t="s">
        <v>190111</v>
      </c>
      <c r="H56535" s="1" t="s">
        <v>190112</v>
      </c>
      <c r="I56535" s="1" t="s">
        <v>187135</v>
      </c>
      <c r="J56535" s="1" t="s">
        <v>190125</v>
      </c>
    </row>
    <row r="56536" spans="1:10" x14ac:dyDescent="0.35">
      <c r="A56536" s="1" t="s">
        <v>3600</v>
      </c>
      <c r="B56536" s="1" t="s">
        <v>187129</v>
      </c>
      <c r="C56536" s="1" t="s">
        <v>35</v>
      </c>
      <c r="D56536" s="1" t="s">
        <v>190126</v>
      </c>
      <c r="E56536" s="1" t="s">
        <v>190127</v>
      </c>
      <c r="F56536" s="1" t="s">
        <v>190128</v>
      </c>
      <c r="G56536" s="1" t="s">
        <v>190111</v>
      </c>
      <c r="H56536" s="1" t="s">
        <v>190112</v>
      </c>
      <c r="I56536" s="1" t="s">
        <v>187135</v>
      </c>
      <c r="J56536" s="1" t="s">
        <v>190129</v>
      </c>
    </row>
    <row r="56537" spans="1:10" x14ac:dyDescent="0.35">
      <c r="A56537" s="1" t="s">
        <v>3600</v>
      </c>
      <c r="B56537" s="1" t="s">
        <v>187129</v>
      </c>
      <c r="C56537" s="1" t="s">
        <v>40</v>
      </c>
      <c r="D56537" s="1" t="s">
        <v>177772</v>
      </c>
      <c r="E56537" s="1" t="s">
        <v>190130</v>
      </c>
      <c r="F56537" s="1" t="s">
        <v>190131</v>
      </c>
      <c r="G56537" s="1" t="s">
        <v>190111</v>
      </c>
      <c r="H56537" s="1" t="s">
        <v>190112</v>
      </c>
      <c r="I56537" s="1" t="s">
        <v>187135</v>
      </c>
      <c r="J56537" s="1" t="s">
        <v>190132</v>
      </c>
    </row>
    <row r="56538" spans="1:10" x14ac:dyDescent="0.35">
      <c r="A56538" s="1" t="s">
        <v>3600</v>
      </c>
      <c r="B56538" s="1" t="s">
        <v>187129</v>
      </c>
      <c r="C56538" s="1" t="s">
        <v>45</v>
      </c>
      <c r="D56538" s="1" t="s">
        <v>155635</v>
      </c>
      <c r="E56538" s="1" t="s">
        <v>190133</v>
      </c>
      <c r="F56538" s="1" t="s">
        <v>190134</v>
      </c>
      <c r="G56538" s="1" t="s">
        <v>190111</v>
      </c>
      <c r="H56538" s="1" t="s">
        <v>190112</v>
      </c>
      <c r="I56538" s="1" t="s">
        <v>187135</v>
      </c>
      <c r="J56538" s="1" t="s">
        <v>190135</v>
      </c>
    </row>
    <row r="56539" spans="1:10" x14ac:dyDescent="0.35">
      <c r="A56539" s="1" t="s">
        <v>3600</v>
      </c>
      <c r="B56539" s="1" t="s">
        <v>187129</v>
      </c>
      <c r="C56539" s="1" t="s">
        <v>50</v>
      </c>
      <c r="D56539" s="1" t="s">
        <v>74385</v>
      </c>
      <c r="E56539" s="1" t="s">
        <v>190136</v>
      </c>
      <c r="F56539" s="1" t="s">
        <v>190137</v>
      </c>
      <c r="G56539" s="1" t="s">
        <v>190111</v>
      </c>
      <c r="H56539" s="1" t="s">
        <v>190112</v>
      </c>
      <c r="I56539" s="1" t="s">
        <v>187135</v>
      </c>
      <c r="J56539" s="1" t="s">
        <v>190138</v>
      </c>
    </row>
    <row r="56540" spans="1:10" x14ac:dyDescent="0.35">
      <c r="A56540" s="1" t="s">
        <v>3600</v>
      </c>
      <c r="B56540" s="1" t="s">
        <v>187129</v>
      </c>
      <c r="C56540" s="1" t="s">
        <v>55</v>
      </c>
      <c r="D56540" s="1" t="s">
        <v>30332</v>
      </c>
      <c r="E56540" s="1" t="s">
        <v>190139</v>
      </c>
      <c r="F56540" s="1" t="s">
        <v>190140</v>
      </c>
      <c r="G56540" s="1" t="s">
        <v>190111</v>
      </c>
      <c r="H56540" s="1" t="s">
        <v>190112</v>
      </c>
      <c r="I56540" s="1" t="s">
        <v>187135</v>
      </c>
      <c r="J56540" s="1" t="s">
        <v>190141</v>
      </c>
    </row>
    <row r="56541" spans="1:10" x14ac:dyDescent="0.35">
      <c r="A56541" s="1" t="s">
        <v>3600</v>
      </c>
      <c r="B56541" s="1" t="s">
        <v>187129</v>
      </c>
      <c r="C56541" s="1" t="s">
        <v>60</v>
      </c>
      <c r="D56541" s="1" t="s">
        <v>180712</v>
      </c>
      <c r="E56541" s="1" t="s">
        <v>190142</v>
      </c>
      <c r="F56541" s="1" t="s">
        <v>190143</v>
      </c>
      <c r="G56541" s="1" t="s">
        <v>190111</v>
      </c>
      <c r="H56541" s="1" t="s">
        <v>190112</v>
      </c>
      <c r="I56541" s="1" t="s">
        <v>187135</v>
      </c>
      <c r="J56541" s="1" t="s">
        <v>190144</v>
      </c>
    </row>
    <row r="56542" spans="1:10" x14ac:dyDescent="0.35">
      <c r="A56542" s="1" t="s">
        <v>3600</v>
      </c>
      <c r="B56542" s="1" t="s">
        <v>187129</v>
      </c>
      <c r="C56542" s="1" t="s">
        <v>65</v>
      </c>
      <c r="D56542" s="1" t="s">
        <v>190145</v>
      </c>
      <c r="E56542" s="1" t="s">
        <v>190146</v>
      </c>
      <c r="F56542" s="1" t="s">
        <v>190147</v>
      </c>
      <c r="G56542" s="1" t="s">
        <v>190111</v>
      </c>
      <c r="H56542" s="1" t="s">
        <v>190112</v>
      </c>
      <c r="I56542" s="1" t="s">
        <v>187135</v>
      </c>
      <c r="J56542" s="1" t="s">
        <v>190148</v>
      </c>
    </row>
    <row r="56543" spans="1:10" x14ac:dyDescent="0.35">
      <c r="A56543" s="1" t="s">
        <v>3600</v>
      </c>
      <c r="B56543" s="1" t="s">
        <v>187129</v>
      </c>
      <c r="C56543" s="1" t="s">
        <v>70</v>
      </c>
      <c r="D56543" s="1" t="s">
        <v>77921</v>
      </c>
      <c r="E56543" s="1" t="s">
        <v>190149</v>
      </c>
      <c r="F56543" s="1" t="s">
        <v>190150</v>
      </c>
      <c r="G56543" s="1" t="s">
        <v>190111</v>
      </c>
      <c r="H56543" s="1" t="s">
        <v>190112</v>
      </c>
      <c r="I56543" s="1" t="s">
        <v>187135</v>
      </c>
      <c r="J56543" s="1" t="s">
        <v>190151</v>
      </c>
    </row>
    <row r="56544" spans="1:10" x14ac:dyDescent="0.35">
      <c r="A56544" s="1" t="s">
        <v>3600</v>
      </c>
      <c r="B56544" s="1" t="s">
        <v>187129</v>
      </c>
      <c r="C56544" s="1" t="s">
        <v>75</v>
      </c>
      <c r="D56544" s="1" t="s">
        <v>32735</v>
      </c>
      <c r="E56544" s="1" t="s">
        <v>190152</v>
      </c>
      <c r="F56544" s="1" t="s">
        <v>190153</v>
      </c>
      <c r="G56544" s="1" t="s">
        <v>190111</v>
      </c>
      <c r="H56544" s="1" t="s">
        <v>190112</v>
      </c>
      <c r="I56544" s="1" t="s">
        <v>187135</v>
      </c>
      <c r="J56544" s="1" t="s">
        <v>190154</v>
      </c>
    </row>
    <row r="56545" spans="1:10" x14ac:dyDescent="0.35">
      <c r="A56545" s="1" t="s">
        <v>3600</v>
      </c>
      <c r="B56545" s="1" t="s">
        <v>187129</v>
      </c>
      <c r="C56545" s="1" t="s">
        <v>80</v>
      </c>
      <c r="D56545" s="1" t="s">
        <v>190155</v>
      </c>
      <c r="E56545" s="1" t="s">
        <v>190156</v>
      </c>
      <c r="F56545" s="1" t="s">
        <v>190157</v>
      </c>
      <c r="G56545" s="1" t="s">
        <v>190111</v>
      </c>
      <c r="H56545" s="1" t="s">
        <v>190112</v>
      </c>
      <c r="I56545" s="1" t="s">
        <v>187135</v>
      </c>
      <c r="J56545" s="1" t="s">
        <v>190158</v>
      </c>
    </row>
    <row r="56546" spans="1:10" x14ac:dyDescent="0.35">
      <c r="A56546" s="1" t="s">
        <v>3600</v>
      </c>
      <c r="B56546" s="1" t="s">
        <v>187129</v>
      </c>
      <c r="C56546" s="1" t="s">
        <v>85</v>
      </c>
      <c r="D56546" s="1" t="s">
        <v>190159</v>
      </c>
      <c r="E56546" s="1" t="s">
        <v>190160</v>
      </c>
      <c r="F56546" s="1" t="s">
        <v>190161</v>
      </c>
      <c r="G56546" s="1" t="s">
        <v>190111</v>
      </c>
      <c r="H56546" s="1" t="s">
        <v>190112</v>
      </c>
      <c r="I56546" s="1" t="s">
        <v>187135</v>
      </c>
      <c r="J56546" s="1" t="s">
        <v>190162</v>
      </c>
    </row>
    <row r="56547" spans="1:10" x14ac:dyDescent="0.35">
      <c r="A56547" s="1" t="s">
        <v>3600</v>
      </c>
      <c r="B56547" s="1" t="s">
        <v>187129</v>
      </c>
      <c r="C56547" s="1" t="s">
        <v>90</v>
      </c>
      <c r="D56547" s="1" t="s">
        <v>173394</v>
      </c>
      <c r="E56547" s="1" t="s">
        <v>190163</v>
      </c>
      <c r="F56547" s="1" t="s">
        <v>190164</v>
      </c>
      <c r="G56547" s="1" t="s">
        <v>190111</v>
      </c>
      <c r="H56547" s="1" t="s">
        <v>190112</v>
      </c>
      <c r="I56547" s="1" t="s">
        <v>187135</v>
      </c>
      <c r="J56547" s="1" t="s">
        <v>190165</v>
      </c>
    </row>
    <row r="56548" spans="1:10" x14ac:dyDescent="0.35">
      <c r="A56548" s="1" t="s">
        <v>3600</v>
      </c>
      <c r="B56548" s="1" t="s">
        <v>187129</v>
      </c>
      <c r="C56548" s="1" t="s">
        <v>95</v>
      </c>
      <c r="D56548" s="1" t="s">
        <v>53197</v>
      </c>
      <c r="E56548" s="1" t="s">
        <v>190166</v>
      </c>
      <c r="F56548" s="1" t="s">
        <v>190167</v>
      </c>
      <c r="G56548" s="1" t="s">
        <v>190111</v>
      </c>
      <c r="H56548" s="1" t="s">
        <v>190112</v>
      </c>
      <c r="I56548" s="1" t="s">
        <v>187135</v>
      </c>
      <c r="J56548" s="1" t="s">
        <v>190168</v>
      </c>
    </row>
    <row r="56549" spans="1:10" x14ac:dyDescent="0.35">
      <c r="A56549" s="1" t="s">
        <v>3600</v>
      </c>
      <c r="B56549" s="1" t="s">
        <v>187129</v>
      </c>
      <c r="C56549" s="1" t="s">
        <v>100</v>
      </c>
      <c r="D56549" s="1" t="s">
        <v>190169</v>
      </c>
      <c r="E56549" s="1" t="s">
        <v>190170</v>
      </c>
      <c r="F56549" s="1" t="s">
        <v>190171</v>
      </c>
      <c r="G56549" s="1" t="s">
        <v>190111</v>
      </c>
      <c r="H56549" s="1" t="s">
        <v>190112</v>
      </c>
      <c r="I56549" s="1" t="s">
        <v>187135</v>
      </c>
      <c r="J56549" s="1" t="s">
        <v>190172</v>
      </c>
    </row>
    <row r="56550" spans="1:10" x14ac:dyDescent="0.35">
      <c r="A56550" s="1" t="s">
        <v>3600</v>
      </c>
      <c r="B56550" s="1" t="s">
        <v>187129</v>
      </c>
      <c r="C56550" s="1" t="s">
        <v>105</v>
      </c>
      <c r="D56550" s="1" t="s">
        <v>128677</v>
      </c>
      <c r="E56550" s="1" t="s">
        <v>190173</v>
      </c>
      <c r="F56550" s="1" t="s">
        <v>190174</v>
      </c>
      <c r="G56550" s="1" t="s">
        <v>190111</v>
      </c>
      <c r="H56550" s="1" t="s">
        <v>190112</v>
      </c>
      <c r="I56550" s="1" t="s">
        <v>187135</v>
      </c>
      <c r="J56550" s="1" t="s">
        <v>190175</v>
      </c>
    </row>
    <row r="56551" spans="1:10" x14ac:dyDescent="0.35">
      <c r="A56551" s="1" t="s">
        <v>3600</v>
      </c>
      <c r="B56551" s="1" t="s">
        <v>187129</v>
      </c>
      <c r="C56551" s="1" t="s">
        <v>110</v>
      </c>
      <c r="D56551" s="1" t="s">
        <v>65345</v>
      </c>
      <c r="E56551" s="1" t="s">
        <v>190176</v>
      </c>
      <c r="F56551" s="1" t="s">
        <v>190177</v>
      </c>
      <c r="G56551" s="1" t="s">
        <v>190111</v>
      </c>
      <c r="H56551" s="1" t="s">
        <v>190112</v>
      </c>
      <c r="I56551" s="1" t="s">
        <v>187135</v>
      </c>
      <c r="J56551" s="1" t="s">
        <v>190178</v>
      </c>
    </row>
    <row r="56552" spans="1:10" x14ac:dyDescent="0.35">
      <c r="A56552" s="1" t="s">
        <v>3600</v>
      </c>
      <c r="B56552" s="1" t="s">
        <v>187129</v>
      </c>
      <c r="C56552" s="1" t="s">
        <v>115</v>
      </c>
      <c r="D56552" s="1" t="s">
        <v>87738</v>
      </c>
      <c r="E56552" s="1" t="s">
        <v>190179</v>
      </c>
      <c r="F56552" s="1" t="s">
        <v>190180</v>
      </c>
      <c r="G56552" s="1" t="s">
        <v>190111</v>
      </c>
      <c r="H56552" s="1" t="s">
        <v>190112</v>
      </c>
      <c r="I56552" s="1" t="s">
        <v>187135</v>
      </c>
      <c r="J56552" s="1" t="s">
        <v>190181</v>
      </c>
    </row>
    <row r="56553" spans="1:10" x14ac:dyDescent="0.35">
      <c r="A56553" s="1" t="s">
        <v>3600</v>
      </c>
      <c r="B56553" s="1" t="s">
        <v>187129</v>
      </c>
      <c r="C56553" s="1" t="s">
        <v>120</v>
      </c>
      <c r="D56553" s="1" t="s">
        <v>32292</v>
      </c>
      <c r="E56553" s="1" t="s">
        <v>190182</v>
      </c>
      <c r="F56553" s="1" t="s">
        <v>190183</v>
      </c>
      <c r="G56553" s="1" t="s">
        <v>190111</v>
      </c>
      <c r="H56553" s="1" t="s">
        <v>190112</v>
      </c>
      <c r="I56553" s="1" t="s">
        <v>187135</v>
      </c>
      <c r="J56553" s="1" t="s">
        <v>190184</v>
      </c>
    </row>
    <row r="56554" spans="1:10" x14ac:dyDescent="0.35">
      <c r="A56554" s="1" t="s">
        <v>3600</v>
      </c>
      <c r="B56554" s="1" t="s">
        <v>187129</v>
      </c>
      <c r="C56554" s="1" t="s">
        <v>125</v>
      </c>
      <c r="D56554" s="1" t="s">
        <v>190185</v>
      </c>
      <c r="E56554" s="1" t="s">
        <v>190186</v>
      </c>
      <c r="F56554" s="1" t="s">
        <v>190187</v>
      </c>
      <c r="G56554" s="1" t="s">
        <v>190111</v>
      </c>
      <c r="H56554" s="1" t="s">
        <v>190112</v>
      </c>
      <c r="I56554" s="1" t="s">
        <v>187135</v>
      </c>
      <c r="J56554" s="1" t="s">
        <v>190188</v>
      </c>
    </row>
    <row r="56555" spans="1:10" x14ac:dyDescent="0.35">
      <c r="A56555" s="1" t="s">
        <v>3600</v>
      </c>
      <c r="B56555" s="1" t="s">
        <v>187129</v>
      </c>
      <c r="C56555" s="1" t="s">
        <v>130</v>
      </c>
      <c r="D56555" s="1" t="s">
        <v>190189</v>
      </c>
      <c r="E56555" s="1" t="s">
        <v>190190</v>
      </c>
      <c r="F56555" s="1" t="s">
        <v>190191</v>
      </c>
      <c r="G56555" s="1" t="s">
        <v>190111</v>
      </c>
      <c r="H56555" s="1" t="s">
        <v>190112</v>
      </c>
      <c r="I56555" s="1" t="s">
        <v>187135</v>
      </c>
      <c r="J56555" s="1" t="s">
        <v>190192</v>
      </c>
    </row>
    <row r="56556" spans="1:10" x14ac:dyDescent="0.35">
      <c r="A56556" s="1" t="s">
        <v>3600</v>
      </c>
      <c r="B56556" s="1" t="s">
        <v>187129</v>
      </c>
      <c r="C56556" s="1" t="s">
        <v>135</v>
      </c>
      <c r="D56556" s="1" t="s">
        <v>152634</v>
      </c>
      <c r="E56556" s="1" t="s">
        <v>190193</v>
      </c>
      <c r="F56556" s="1" t="s">
        <v>190194</v>
      </c>
      <c r="G56556" s="1" t="s">
        <v>190111</v>
      </c>
      <c r="H56556" s="1" t="s">
        <v>190112</v>
      </c>
      <c r="I56556" s="1" t="s">
        <v>187135</v>
      </c>
      <c r="J56556" s="1" t="s">
        <v>190195</v>
      </c>
    </row>
    <row r="56557" spans="1:10" x14ac:dyDescent="0.35">
      <c r="A56557" s="1" t="s">
        <v>3600</v>
      </c>
      <c r="B56557" s="1" t="s">
        <v>187129</v>
      </c>
      <c r="C56557" s="1" t="s">
        <v>140</v>
      </c>
      <c r="D56557" s="1" t="s">
        <v>190196</v>
      </c>
      <c r="E56557" s="1" t="s">
        <v>190197</v>
      </c>
      <c r="F56557" s="1" t="s">
        <v>190198</v>
      </c>
      <c r="G56557" s="1" t="s">
        <v>190111</v>
      </c>
      <c r="H56557" s="1" t="s">
        <v>190112</v>
      </c>
      <c r="I56557" s="1" t="s">
        <v>187135</v>
      </c>
      <c r="J56557" s="1" t="s">
        <v>190199</v>
      </c>
    </row>
    <row r="56558" spans="1:10" x14ac:dyDescent="0.35">
      <c r="A56558" s="1" t="s">
        <v>3600</v>
      </c>
      <c r="B56558" s="1" t="s">
        <v>187129</v>
      </c>
      <c r="C56558" s="1" t="s">
        <v>145</v>
      </c>
      <c r="D56558" s="1" t="s">
        <v>128362</v>
      </c>
      <c r="E56558" s="1" t="s">
        <v>190200</v>
      </c>
      <c r="F56558" s="1" t="s">
        <v>190201</v>
      </c>
      <c r="G56558" s="1" t="s">
        <v>190111</v>
      </c>
      <c r="H56558" s="1" t="s">
        <v>190112</v>
      </c>
      <c r="I56558" s="1" t="s">
        <v>187135</v>
      </c>
      <c r="J56558" s="1" t="s">
        <v>190202</v>
      </c>
    </row>
    <row r="56559" spans="1:10" x14ac:dyDescent="0.35">
      <c r="A56559" s="1" t="s">
        <v>3600</v>
      </c>
      <c r="B56559" s="1" t="s">
        <v>187129</v>
      </c>
      <c r="C56559" s="1" t="s">
        <v>150</v>
      </c>
      <c r="D56559" s="1" t="s">
        <v>49343</v>
      </c>
      <c r="E56559" s="1" t="s">
        <v>190203</v>
      </c>
      <c r="F56559" s="1" t="s">
        <v>190204</v>
      </c>
      <c r="G56559" s="1" t="s">
        <v>190111</v>
      </c>
      <c r="H56559" s="1" t="s">
        <v>190112</v>
      </c>
      <c r="I56559" s="1" t="s">
        <v>187135</v>
      </c>
      <c r="J56559" s="1" t="s">
        <v>190205</v>
      </c>
    </row>
    <row r="56560" spans="1:10" x14ac:dyDescent="0.35">
      <c r="A56560" s="1" t="s">
        <v>3600</v>
      </c>
      <c r="B56560" s="1" t="s">
        <v>187129</v>
      </c>
      <c r="C56560" s="1" t="s">
        <v>155</v>
      </c>
      <c r="D56560" s="1" t="s">
        <v>190206</v>
      </c>
      <c r="E56560" s="1" t="s">
        <v>190207</v>
      </c>
      <c r="F56560" s="1" t="s">
        <v>190208</v>
      </c>
      <c r="G56560" s="1" t="s">
        <v>190111</v>
      </c>
      <c r="H56560" s="1" t="s">
        <v>190112</v>
      </c>
      <c r="I56560" s="1" t="s">
        <v>187135</v>
      </c>
      <c r="J56560" s="1" t="s">
        <v>190209</v>
      </c>
    </row>
    <row r="56561" spans="1:10" x14ac:dyDescent="0.35">
      <c r="A56561" s="1" t="s">
        <v>3600</v>
      </c>
      <c r="B56561" s="1" t="s">
        <v>187129</v>
      </c>
      <c r="C56561" s="1" t="s">
        <v>160</v>
      </c>
      <c r="D56561" s="1" t="s">
        <v>190210</v>
      </c>
      <c r="E56561" s="1" t="s">
        <v>190211</v>
      </c>
      <c r="F56561" s="1" t="s">
        <v>190212</v>
      </c>
      <c r="G56561" s="1" t="s">
        <v>190111</v>
      </c>
      <c r="H56561" s="1" t="s">
        <v>190112</v>
      </c>
      <c r="I56561" s="1" t="s">
        <v>187135</v>
      </c>
      <c r="J56561" s="1" t="s">
        <v>190213</v>
      </c>
    </row>
    <row r="56562" spans="1:10" x14ac:dyDescent="0.35">
      <c r="A56562" s="1" t="s">
        <v>3600</v>
      </c>
      <c r="B56562" s="1" t="s">
        <v>187129</v>
      </c>
      <c r="C56562" s="1" t="s">
        <v>165</v>
      </c>
      <c r="D56562" s="1" t="s">
        <v>79824</v>
      </c>
      <c r="E56562" s="1" t="s">
        <v>190214</v>
      </c>
      <c r="F56562" s="1" t="s">
        <v>190215</v>
      </c>
      <c r="G56562" s="1" t="s">
        <v>190111</v>
      </c>
      <c r="H56562" s="1" t="s">
        <v>190112</v>
      </c>
      <c r="I56562" s="1" t="s">
        <v>187135</v>
      </c>
      <c r="J56562" s="1" t="s">
        <v>190216</v>
      </c>
    </row>
    <row r="56563" spans="1:10" x14ac:dyDescent="0.35">
      <c r="A56563" s="1" t="s">
        <v>3600</v>
      </c>
      <c r="B56563" s="1" t="s">
        <v>187129</v>
      </c>
      <c r="C56563" s="1" t="s">
        <v>170</v>
      </c>
      <c r="D56563" s="1" t="s">
        <v>88522</v>
      </c>
      <c r="E56563" s="1" t="s">
        <v>190217</v>
      </c>
      <c r="F56563" s="1" t="s">
        <v>190218</v>
      </c>
      <c r="G56563" s="1" t="s">
        <v>190111</v>
      </c>
      <c r="H56563" s="1" t="s">
        <v>190112</v>
      </c>
      <c r="I56563" s="1" t="s">
        <v>187135</v>
      </c>
      <c r="J56563" s="1" t="s">
        <v>190219</v>
      </c>
    </row>
    <row r="56564" spans="1:10" x14ac:dyDescent="0.35">
      <c r="A56564" s="1" t="s">
        <v>14960</v>
      </c>
      <c r="B56564" s="1" t="s">
        <v>187129</v>
      </c>
      <c r="C56564" s="1" t="s">
        <v>8</v>
      </c>
      <c r="D56564" s="1" t="s">
        <v>180072</v>
      </c>
      <c r="E56564" s="1" t="s">
        <v>190220</v>
      </c>
      <c r="F56564" s="1" t="s">
        <v>190221</v>
      </c>
      <c r="G56564" s="1" t="s">
        <v>190222</v>
      </c>
      <c r="H56564" s="1" t="s">
        <v>190223</v>
      </c>
      <c r="I56564" s="1" t="s">
        <v>187135</v>
      </c>
      <c r="J56564" s="1" t="s">
        <v>13</v>
      </c>
    </row>
    <row r="56565" spans="1:10" x14ac:dyDescent="0.35">
      <c r="A56565" s="1" t="s">
        <v>14960</v>
      </c>
      <c r="B56565" s="1" t="s">
        <v>187129</v>
      </c>
      <c r="C56565" s="1" t="s">
        <v>15</v>
      </c>
      <c r="D56565" s="1" t="s">
        <v>82142</v>
      </c>
      <c r="E56565" s="1" t="s">
        <v>190224</v>
      </c>
      <c r="F56565" s="1" t="s">
        <v>190225</v>
      </c>
      <c r="G56565" s="1" t="s">
        <v>190222</v>
      </c>
      <c r="H56565" s="1" t="s">
        <v>190223</v>
      </c>
      <c r="I56565" s="1" t="s">
        <v>187135</v>
      </c>
      <c r="J56565" s="1" t="s">
        <v>190226</v>
      </c>
    </row>
    <row r="56566" spans="1:10" x14ac:dyDescent="0.35">
      <c r="A56566" s="1" t="s">
        <v>14960</v>
      </c>
      <c r="B56566" s="1" t="s">
        <v>187129</v>
      </c>
      <c r="C56566" s="1" t="s">
        <v>20</v>
      </c>
      <c r="D56566" s="1" t="s">
        <v>114850</v>
      </c>
      <c r="E56566" s="1" t="s">
        <v>190227</v>
      </c>
      <c r="F56566" s="1" t="s">
        <v>190228</v>
      </c>
      <c r="G56566" s="1" t="s">
        <v>190222</v>
      </c>
      <c r="H56566" s="1" t="s">
        <v>190223</v>
      </c>
      <c r="I56566" s="1" t="s">
        <v>187135</v>
      </c>
      <c r="J56566" s="1" t="s">
        <v>190229</v>
      </c>
    </row>
    <row r="56567" spans="1:10" x14ac:dyDescent="0.35">
      <c r="A56567" s="1" t="s">
        <v>14960</v>
      </c>
      <c r="B56567" s="1" t="s">
        <v>187129</v>
      </c>
      <c r="C56567" s="1" t="s">
        <v>25</v>
      </c>
      <c r="D56567" s="1" t="s">
        <v>190230</v>
      </c>
      <c r="E56567" s="1" t="s">
        <v>190231</v>
      </c>
      <c r="F56567" s="1" t="s">
        <v>190232</v>
      </c>
      <c r="G56567" s="1" t="s">
        <v>190222</v>
      </c>
      <c r="H56567" s="1" t="s">
        <v>190223</v>
      </c>
      <c r="I56567" s="1" t="s">
        <v>187135</v>
      </c>
      <c r="J56567" s="1" t="s">
        <v>190233</v>
      </c>
    </row>
    <row r="56568" spans="1:10" x14ac:dyDescent="0.35">
      <c r="A56568" s="1" t="s">
        <v>14960</v>
      </c>
      <c r="B56568" s="1" t="s">
        <v>187129</v>
      </c>
      <c r="C56568" s="1" t="s">
        <v>30</v>
      </c>
      <c r="D56568" s="1" t="s">
        <v>190234</v>
      </c>
      <c r="E56568" s="1" t="s">
        <v>190235</v>
      </c>
      <c r="F56568" s="1" t="s">
        <v>190236</v>
      </c>
      <c r="G56568" s="1" t="s">
        <v>190222</v>
      </c>
      <c r="H56568" s="1" t="s">
        <v>190223</v>
      </c>
      <c r="I56568" s="1" t="s">
        <v>187135</v>
      </c>
      <c r="J56568" s="1" t="s">
        <v>190237</v>
      </c>
    </row>
    <row r="56569" spans="1:10" x14ac:dyDescent="0.35">
      <c r="A56569" s="1" t="s">
        <v>14960</v>
      </c>
      <c r="B56569" s="1" t="s">
        <v>187129</v>
      </c>
      <c r="C56569" s="1" t="s">
        <v>35</v>
      </c>
      <c r="D56569" s="1" t="s">
        <v>48958</v>
      </c>
      <c r="E56569" s="1" t="s">
        <v>190238</v>
      </c>
      <c r="F56569" s="1" t="s">
        <v>190239</v>
      </c>
      <c r="G56569" s="1" t="s">
        <v>190222</v>
      </c>
      <c r="H56569" s="1" t="s">
        <v>190223</v>
      </c>
      <c r="I56569" s="1" t="s">
        <v>187135</v>
      </c>
      <c r="J56569" s="1" t="s">
        <v>190240</v>
      </c>
    </row>
    <row r="56570" spans="1:10" x14ac:dyDescent="0.35">
      <c r="A56570" s="1" t="s">
        <v>14960</v>
      </c>
      <c r="B56570" s="1" t="s">
        <v>187129</v>
      </c>
      <c r="C56570" s="1" t="s">
        <v>40</v>
      </c>
      <c r="D56570" s="1" t="s">
        <v>82545</v>
      </c>
      <c r="E56570" s="1" t="s">
        <v>190241</v>
      </c>
      <c r="F56570" s="1" t="s">
        <v>190242</v>
      </c>
      <c r="G56570" s="1" t="s">
        <v>190222</v>
      </c>
      <c r="H56570" s="1" t="s">
        <v>190223</v>
      </c>
      <c r="I56570" s="1" t="s">
        <v>187135</v>
      </c>
      <c r="J56570" s="1" t="s">
        <v>190243</v>
      </c>
    </row>
    <row r="56571" spans="1:10" x14ac:dyDescent="0.35">
      <c r="A56571" s="1" t="s">
        <v>14960</v>
      </c>
      <c r="B56571" s="1" t="s">
        <v>187129</v>
      </c>
      <c r="C56571" s="1" t="s">
        <v>45</v>
      </c>
      <c r="D56571" s="1" t="s">
        <v>190244</v>
      </c>
      <c r="E56571" s="1" t="s">
        <v>190245</v>
      </c>
      <c r="F56571" s="1" t="s">
        <v>190246</v>
      </c>
      <c r="G56571" s="1" t="s">
        <v>190222</v>
      </c>
      <c r="H56571" s="1" t="s">
        <v>190223</v>
      </c>
      <c r="I56571" s="1" t="s">
        <v>187135</v>
      </c>
      <c r="J56571" s="1" t="s">
        <v>190247</v>
      </c>
    </row>
    <row r="56572" spans="1:10" x14ac:dyDescent="0.35">
      <c r="A56572" s="1" t="s">
        <v>14960</v>
      </c>
      <c r="B56572" s="1" t="s">
        <v>187129</v>
      </c>
      <c r="C56572" s="1" t="s">
        <v>50</v>
      </c>
      <c r="D56572" s="1" t="s">
        <v>123141</v>
      </c>
      <c r="E56572" s="1" t="s">
        <v>190248</v>
      </c>
      <c r="F56572" s="1" t="s">
        <v>190249</v>
      </c>
      <c r="G56572" s="1" t="s">
        <v>190222</v>
      </c>
      <c r="H56572" s="1" t="s">
        <v>190223</v>
      </c>
      <c r="I56572" s="1" t="s">
        <v>187135</v>
      </c>
      <c r="J56572" s="1" t="s">
        <v>190250</v>
      </c>
    </row>
    <row r="56573" spans="1:10" x14ac:dyDescent="0.35">
      <c r="A56573" s="1" t="s">
        <v>14960</v>
      </c>
      <c r="B56573" s="1" t="s">
        <v>187129</v>
      </c>
      <c r="C56573" s="1" t="s">
        <v>55</v>
      </c>
      <c r="D56573" s="1" t="s">
        <v>73810</v>
      </c>
      <c r="E56573" s="1" t="s">
        <v>190251</v>
      </c>
      <c r="F56573" s="1" t="s">
        <v>190252</v>
      </c>
      <c r="G56573" s="1" t="s">
        <v>190222</v>
      </c>
      <c r="H56573" s="1" t="s">
        <v>190223</v>
      </c>
      <c r="I56573" s="1" t="s">
        <v>187135</v>
      </c>
      <c r="J56573" s="1" t="s">
        <v>190253</v>
      </c>
    </row>
    <row r="56574" spans="1:10" x14ac:dyDescent="0.35">
      <c r="A56574" s="1" t="s">
        <v>14960</v>
      </c>
      <c r="B56574" s="1" t="s">
        <v>187129</v>
      </c>
      <c r="C56574" s="1" t="s">
        <v>60</v>
      </c>
      <c r="D56574" s="1" t="s">
        <v>190254</v>
      </c>
      <c r="E56574" s="1" t="s">
        <v>190255</v>
      </c>
      <c r="F56574" s="1" t="s">
        <v>190256</v>
      </c>
      <c r="G56574" s="1" t="s">
        <v>190222</v>
      </c>
      <c r="H56574" s="1" t="s">
        <v>190223</v>
      </c>
      <c r="I56574" s="1" t="s">
        <v>187135</v>
      </c>
      <c r="J56574" s="1" t="s">
        <v>190257</v>
      </c>
    </row>
    <row r="56575" spans="1:10" x14ac:dyDescent="0.35">
      <c r="A56575" s="1" t="s">
        <v>14960</v>
      </c>
      <c r="B56575" s="1" t="s">
        <v>187129</v>
      </c>
      <c r="C56575" s="1" t="s">
        <v>65</v>
      </c>
      <c r="D56575" s="1" t="s">
        <v>142419</v>
      </c>
      <c r="E56575" s="1" t="s">
        <v>190258</v>
      </c>
      <c r="F56575" s="1" t="s">
        <v>190259</v>
      </c>
      <c r="G56575" s="1" t="s">
        <v>190222</v>
      </c>
      <c r="H56575" s="1" t="s">
        <v>190223</v>
      </c>
      <c r="I56575" s="1" t="s">
        <v>187135</v>
      </c>
      <c r="J56575" s="1" t="s">
        <v>190260</v>
      </c>
    </row>
    <row r="56576" spans="1:10" x14ac:dyDescent="0.35">
      <c r="A56576" s="1" t="s">
        <v>14960</v>
      </c>
      <c r="B56576" s="1" t="s">
        <v>187129</v>
      </c>
      <c r="C56576" s="1" t="s">
        <v>70</v>
      </c>
      <c r="D56576" s="1" t="s">
        <v>190261</v>
      </c>
      <c r="E56576" s="1" t="s">
        <v>190262</v>
      </c>
      <c r="F56576" s="1" t="s">
        <v>190263</v>
      </c>
      <c r="G56576" s="1" t="s">
        <v>190222</v>
      </c>
      <c r="H56576" s="1" t="s">
        <v>190223</v>
      </c>
      <c r="I56576" s="1" t="s">
        <v>187135</v>
      </c>
      <c r="J56576" s="1" t="s">
        <v>190264</v>
      </c>
    </row>
    <row r="56577" spans="1:10" x14ac:dyDescent="0.35">
      <c r="A56577" s="1" t="s">
        <v>14960</v>
      </c>
      <c r="B56577" s="1" t="s">
        <v>187129</v>
      </c>
      <c r="C56577" s="1" t="s">
        <v>75</v>
      </c>
      <c r="D56577" s="1" t="s">
        <v>74053</v>
      </c>
      <c r="E56577" s="1" t="s">
        <v>190265</v>
      </c>
      <c r="F56577" s="1" t="s">
        <v>190266</v>
      </c>
      <c r="G56577" s="1" t="s">
        <v>190222</v>
      </c>
      <c r="H56577" s="1" t="s">
        <v>190223</v>
      </c>
      <c r="I56577" s="1" t="s">
        <v>187135</v>
      </c>
      <c r="J56577" s="1" t="s">
        <v>190267</v>
      </c>
    </row>
    <row r="56578" spans="1:10" x14ac:dyDescent="0.35">
      <c r="A56578" s="1" t="s">
        <v>14960</v>
      </c>
      <c r="B56578" s="1" t="s">
        <v>187129</v>
      </c>
      <c r="C56578" s="1" t="s">
        <v>80</v>
      </c>
      <c r="D56578" s="1" t="s">
        <v>190268</v>
      </c>
      <c r="E56578" s="1" t="s">
        <v>190269</v>
      </c>
      <c r="F56578" s="1" t="s">
        <v>190270</v>
      </c>
      <c r="G56578" s="1" t="s">
        <v>190222</v>
      </c>
      <c r="H56578" s="1" t="s">
        <v>190223</v>
      </c>
      <c r="I56578" s="1" t="s">
        <v>187135</v>
      </c>
      <c r="J56578" s="1" t="s">
        <v>190271</v>
      </c>
    </row>
    <row r="56579" spans="1:10" x14ac:dyDescent="0.35">
      <c r="A56579" s="1" t="s">
        <v>14960</v>
      </c>
      <c r="B56579" s="1" t="s">
        <v>187129</v>
      </c>
      <c r="C56579" s="1" t="s">
        <v>85</v>
      </c>
      <c r="D56579" s="1" t="s">
        <v>113447</v>
      </c>
      <c r="E56579" s="1" t="s">
        <v>190272</v>
      </c>
      <c r="F56579" s="1" t="s">
        <v>190273</v>
      </c>
      <c r="G56579" s="1" t="s">
        <v>190222</v>
      </c>
      <c r="H56579" s="1" t="s">
        <v>190223</v>
      </c>
      <c r="I56579" s="1" t="s">
        <v>187135</v>
      </c>
      <c r="J56579" s="1" t="s">
        <v>190274</v>
      </c>
    </row>
    <row r="56580" spans="1:10" x14ac:dyDescent="0.35">
      <c r="A56580" s="1" t="s">
        <v>14960</v>
      </c>
      <c r="B56580" s="1" t="s">
        <v>187129</v>
      </c>
      <c r="C56580" s="1" t="s">
        <v>90</v>
      </c>
      <c r="D56580" s="1" t="s">
        <v>48845</v>
      </c>
      <c r="E56580" s="1" t="s">
        <v>190275</v>
      </c>
      <c r="F56580" s="1" t="s">
        <v>190276</v>
      </c>
      <c r="G56580" s="1" t="s">
        <v>190222</v>
      </c>
      <c r="H56580" s="1" t="s">
        <v>190223</v>
      </c>
      <c r="I56580" s="1" t="s">
        <v>187135</v>
      </c>
      <c r="J56580" s="1" t="s">
        <v>190277</v>
      </c>
    </row>
    <row r="56581" spans="1:10" x14ac:dyDescent="0.35">
      <c r="A56581" s="1" t="s">
        <v>14960</v>
      </c>
      <c r="B56581" s="1" t="s">
        <v>187129</v>
      </c>
      <c r="C56581" s="1" t="s">
        <v>95</v>
      </c>
      <c r="D56581" s="1" t="s">
        <v>187812</v>
      </c>
      <c r="E56581" s="1" t="s">
        <v>190278</v>
      </c>
      <c r="F56581" s="1" t="s">
        <v>190279</v>
      </c>
      <c r="G56581" s="1" t="s">
        <v>190222</v>
      </c>
      <c r="H56581" s="1" t="s">
        <v>190223</v>
      </c>
      <c r="I56581" s="1" t="s">
        <v>187135</v>
      </c>
      <c r="J56581" s="1" t="s">
        <v>190280</v>
      </c>
    </row>
    <row r="56582" spans="1:10" x14ac:dyDescent="0.35">
      <c r="A56582" s="1" t="s">
        <v>14960</v>
      </c>
      <c r="B56582" s="1" t="s">
        <v>187129</v>
      </c>
      <c r="C56582" s="1" t="s">
        <v>100</v>
      </c>
      <c r="D56582" s="1" t="s">
        <v>49298</v>
      </c>
      <c r="E56582" s="1" t="s">
        <v>190281</v>
      </c>
      <c r="F56582" s="1" t="s">
        <v>190282</v>
      </c>
      <c r="G56582" s="1" t="s">
        <v>190222</v>
      </c>
      <c r="H56582" s="1" t="s">
        <v>190223</v>
      </c>
      <c r="I56582" s="1" t="s">
        <v>187135</v>
      </c>
      <c r="J56582" s="1" t="s">
        <v>190283</v>
      </c>
    </row>
    <row r="56583" spans="1:10" x14ac:dyDescent="0.35">
      <c r="A56583" s="1" t="s">
        <v>14960</v>
      </c>
      <c r="B56583" s="1" t="s">
        <v>187129</v>
      </c>
      <c r="C56583" s="1" t="s">
        <v>105</v>
      </c>
      <c r="D56583" s="1" t="s">
        <v>190284</v>
      </c>
      <c r="E56583" s="1" t="s">
        <v>190285</v>
      </c>
      <c r="F56583" s="1" t="s">
        <v>190286</v>
      </c>
      <c r="G56583" s="1" t="s">
        <v>190222</v>
      </c>
      <c r="H56583" s="1" t="s">
        <v>190223</v>
      </c>
      <c r="I56583" s="1" t="s">
        <v>187135</v>
      </c>
      <c r="J56583" s="1" t="s">
        <v>190287</v>
      </c>
    </row>
    <row r="56584" spans="1:10" x14ac:dyDescent="0.35">
      <c r="A56584" s="1" t="s">
        <v>14960</v>
      </c>
      <c r="B56584" s="1" t="s">
        <v>187129</v>
      </c>
      <c r="C56584" s="1" t="s">
        <v>110</v>
      </c>
      <c r="D56584" s="1" t="s">
        <v>190288</v>
      </c>
      <c r="E56584" s="1" t="s">
        <v>190289</v>
      </c>
      <c r="F56584" s="1" t="s">
        <v>190290</v>
      </c>
      <c r="G56584" s="1" t="s">
        <v>190222</v>
      </c>
      <c r="H56584" s="1" t="s">
        <v>190223</v>
      </c>
      <c r="I56584" s="1" t="s">
        <v>187135</v>
      </c>
      <c r="J56584" s="1" t="s">
        <v>190291</v>
      </c>
    </row>
    <row r="56585" spans="1:10" x14ac:dyDescent="0.35">
      <c r="A56585" s="1" t="s">
        <v>14960</v>
      </c>
      <c r="B56585" s="1" t="s">
        <v>187129</v>
      </c>
      <c r="C56585" s="1" t="s">
        <v>115</v>
      </c>
      <c r="D56585" s="1" t="s">
        <v>190292</v>
      </c>
      <c r="E56585" s="1" t="s">
        <v>190293</v>
      </c>
      <c r="F56585" s="1" t="s">
        <v>190294</v>
      </c>
      <c r="G56585" s="1" t="s">
        <v>190222</v>
      </c>
      <c r="H56585" s="1" t="s">
        <v>190223</v>
      </c>
      <c r="I56585" s="1" t="s">
        <v>187135</v>
      </c>
      <c r="J56585" s="1" t="s">
        <v>190295</v>
      </c>
    </row>
    <row r="56586" spans="1:10" x14ac:dyDescent="0.35">
      <c r="A56586" s="1" t="s">
        <v>14960</v>
      </c>
      <c r="B56586" s="1" t="s">
        <v>187129</v>
      </c>
      <c r="C56586" s="1" t="s">
        <v>120</v>
      </c>
      <c r="D56586" s="1" t="s">
        <v>190296</v>
      </c>
      <c r="E56586" s="1" t="s">
        <v>190297</v>
      </c>
      <c r="F56586" s="1" t="s">
        <v>190298</v>
      </c>
      <c r="G56586" s="1" t="s">
        <v>190222</v>
      </c>
      <c r="H56586" s="1" t="s">
        <v>190223</v>
      </c>
      <c r="I56586" s="1" t="s">
        <v>187135</v>
      </c>
      <c r="J56586" s="1" t="s">
        <v>190299</v>
      </c>
    </row>
    <row r="56587" spans="1:10" x14ac:dyDescent="0.35">
      <c r="A56587" s="1" t="s">
        <v>14960</v>
      </c>
      <c r="B56587" s="1" t="s">
        <v>187129</v>
      </c>
      <c r="C56587" s="1" t="s">
        <v>125</v>
      </c>
      <c r="D56587" s="1" t="s">
        <v>190300</v>
      </c>
      <c r="E56587" s="1" t="s">
        <v>190301</v>
      </c>
      <c r="F56587" s="1" t="s">
        <v>190302</v>
      </c>
      <c r="G56587" s="1" t="s">
        <v>190222</v>
      </c>
      <c r="H56587" s="1" t="s">
        <v>190223</v>
      </c>
      <c r="I56587" s="1" t="s">
        <v>187135</v>
      </c>
      <c r="J56587" s="1" t="s">
        <v>190303</v>
      </c>
    </row>
    <row r="56588" spans="1:10" x14ac:dyDescent="0.35">
      <c r="A56588" s="1" t="s">
        <v>14960</v>
      </c>
      <c r="B56588" s="1" t="s">
        <v>187129</v>
      </c>
      <c r="C56588" s="1" t="s">
        <v>130</v>
      </c>
      <c r="D56588" s="1" t="s">
        <v>42718</v>
      </c>
      <c r="E56588" s="1" t="s">
        <v>190304</v>
      </c>
      <c r="F56588" s="1" t="s">
        <v>190305</v>
      </c>
      <c r="G56588" s="1" t="s">
        <v>190222</v>
      </c>
      <c r="H56588" s="1" t="s">
        <v>190223</v>
      </c>
      <c r="I56588" s="1" t="s">
        <v>187135</v>
      </c>
      <c r="J56588" s="1" t="s">
        <v>190306</v>
      </c>
    </row>
    <row r="56589" spans="1:10" x14ac:dyDescent="0.35">
      <c r="A56589" s="1" t="s">
        <v>14960</v>
      </c>
      <c r="B56589" s="1" t="s">
        <v>187129</v>
      </c>
      <c r="C56589" s="1" t="s">
        <v>135</v>
      </c>
      <c r="D56589" s="1" t="s">
        <v>25643</v>
      </c>
      <c r="E56589" s="1" t="s">
        <v>190307</v>
      </c>
      <c r="F56589" s="1" t="s">
        <v>190308</v>
      </c>
      <c r="G56589" s="1" t="s">
        <v>190222</v>
      </c>
      <c r="H56589" s="1" t="s">
        <v>190223</v>
      </c>
      <c r="I56589" s="1" t="s">
        <v>187135</v>
      </c>
      <c r="J56589" s="1" t="s">
        <v>190309</v>
      </c>
    </row>
    <row r="56590" spans="1:10" x14ac:dyDescent="0.35">
      <c r="A56590" s="1" t="s">
        <v>14960</v>
      </c>
      <c r="B56590" s="1" t="s">
        <v>187129</v>
      </c>
      <c r="C56590" s="1" t="s">
        <v>140</v>
      </c>
      <c r="D56590" s="1" t="s">
        <v>152539</v>
      </c>
      <c r="E56590" s="1" t="s">
        <v>190310</v>
      </c>
      <c r="F56590" s="1" t="s">
        <v>190311</v>
      </c>
      <c r="G56590" s="1" t="s">
        <v>190222</v>
      </c>
      <c r="H56590" s="1" t="s">
        <v>190223</v>
      </c>
      <c r="I56590" s="1" t="s">
        <v>187135</v>
      </c>
      <c r="J56590" s="1" t="s">
        <v>190312</v>
      </c>
    </row>
    <row r="56591" spans="1:10" x14ac:dyDescent="0.35">
      <c r="A56591" s="1" t="s">
        <v>14960</v>
      </c>
      <c r="B56591" s="1" t="s">
        <v>187129</v>
      </c>
      <c r="C56591" s="1" t="s">
        <v>145</v>
      </c>
      <c r="D56591" s="1" t="s">
        <v>113146</v>
      </c>
      <c r="E56591" s="1" t="s">
        <v>190313</v>
      </c>
      <c r="F56591" s="1" t="s">
        <v>190314</v>
      </c>
      <c r="G56591" s="1" t="s">
        <v>190222</v>
      </c>
      <c r="H56591" s="1" t="s">
        <v>190223</v>
      </c>
      <c r="I56591" s="1" t="s">
        <v>187135</v>
      </c>
      <c r="J56591" s="1" t="s">
        <v>190315</v>
      </c>
    </row>
    <row r="56592" spans="1:10" x14ac:dyDescent="0.35">
      <c r="A56592" s="1" t="s">
        <v>14960</v>
      </c>
      <c r="B56592" s="1" t="s">
        <v>187129</v>
      </c>
      <c r="C56592" s="1" t="s">
        <v>150</v>
      </c>
      <c r="D56592" s="1" t="s">
        <v>190316</v>
      </c>
      <c r="E56592" s="1" t="s">
        <v>190317</v>
      </c>
      <c r="F56592" s="1" t="s">
        <v>190318</v>
      </c>
      <c r="G56592" s="1" t="s">
        <v>190222</v>
      </c>
      <c r="H56592" s="1" t="s">
        <v>190223</v>
      </c>
      <c r="I56592" s="1" t="s">
        <v>187135</v>
      </c>
      <c r="J56592" s="1" t="s">
        <v>190319</v>
      </c>
    </row>
    <row r="56593" spans="1:10" x14ac:dyDescent="0.35">
      <c r="A56593" s="1" t="s">
        <v>14960</v>
      </c>
      <c r="B56593" s="1" t="s">
        <v>187129</v>
      </c>
      <c r="C56593" s="1" t="s">
        <v>155</v>
      </c>
      <c r="D56593" s="1" t="s">
        <v>190320</v>
      </c>
      <c r="E56593" s="1" t="s">
        <v>190321</v>
      </c>
      <c r="F56593" s="1" t="s">
        <v>190322</v>
      </c>
      <c r="G56593" s="1" t="s">
        <v>190222</v>
      </c>
      <c r="H56593" s="1" t="s">
        <v>190223</v>
      </c>
      <c r="I56593" s="1" t="s">
        <v>187135</v>
      </c>
      <c r="J56593" s="1" t="s">
        <v>190323</v>
      </c>
    </row>
    <row r="56594" spans="1:10" x14ac:dyDescent="0.35">
      <c r="A56594" s="1" t="s">
        <v>14960</v>
      </c>
      <c r="B56594" s="1" t="s">
        <v>187129</v>
      </c>
      <c r="C56594" s="1" t="s">
        <v>160</v>
      </c>
      <c r="D56594" s="1" t="s">
        <v>81705</v>
      </c>
      <c r="E56594" s="1" t="s">
        <v>190324</v>
      </c>
      <c r="F56594" s="1" t="s">
        <v>190325</v>
      </c>
      <c r="G56594" s="1" t="s">
        <v>190222</v>
      </c>
      <c r="H56594" s="1" t="s">
        <v>190223</v>
      </c>
      <c r="I56594" s="1" t="s">
        <v>187135</v>
      </c>
      <c r="J56594" s="1" t="s">
        <v>190326</v>
      </c>
    </row>
    <row r="56595" spans="1:10" x14ac:dyDescent="0.35">
      <c r="A56595" s="1" t="s">
        <v>14960</v>
      </c>
      <c r="B56595" s="1" t="s">
        <v>187129</v>
      </c>
      <c r="C56595" s="1" t="s">
        <v>165</v>
      </c>
      <c r="D56595" s="1" t="s">
        <v>190327</v>
      </c>
      <c r="E56595" s="1" t="s">
        <v>190328</v>
      </c>
      <c r="F56595" s="1" t="s">
        <v>190329</v>
      </c>
      <c r="G56595" s="1" t="s">
        <v>190222</v>
      </c>
      <c r="H56595" s="1" t="s">
        <v>190223</v>
      </c>
      <c r="I56595" s="1" t="s">
        <v>187135</v>
      </c>
      <c r="J56595" s="1" t="s">
        <v>190330</v>
      </c>
    </row>
    <row r="56596" spans="1:10" x14ac:dyDescent="0.35">
      <c r="A56596" s="1" t="s">
        <v>14960</v>
      </c>
      <c r="B56596" s="1" t="s">
        <v>187129</v>
      </c>
      <c r="C56596" s="1" t="s">
        <v>170</v>
      </c>
      <c r="D56596" s="1" t="s">
        <v>52969</v>
      </c>
      <c r="E56596" s="1" t="s">
        <v>190331</v>
      </c>
      <c r="F56596" s="1" t="s">
        <v>190332</v>
      </c>
      <c r="G56596" s="1" t="s">
        <v>190222</v>
      </c>
      <c r="H56596" s="1" t="s">
        <v>190223</v>
      </c>
      <c r="I56596" s="1" t="s">
        <v>187135</v>
      </c>
      <c r="J56596" s="1" t="s">
        <v>190333</v>
      </c>
    </row>
    <row r="56597" spans="1:10" x14ac:dyDescent="0.35">
      <c r="A56597" s="1" t="s">
        <v>110642</v>
      </c>
      <c r="B56597" s="1" t="s">
        <v>187129</v>
      </c>
      <c r="C56597" s="1" t="s">
        <v>8</v>
      </c>
      <c r="D56597" s="1" t="s">
        <v>190334</v>
      </c>
      <c r="E56597" s="1" t="s">
        <v>190335</v>
      </c>
      <c r="F56597" s="1" t="s">
        <v>190336</v>
      </c>
      <c r="G56597" s="1" t="s">
        <v>190337</v>
      </c>
      <c r="H56597" s="1" t="s">
        <v>190338</v>
      </c>
      <c r="I56597" s="1" t="s">
        <v>187135</v>
      </c>
      <c r="J56597" s="1" t="s">
        <v>13</v>
      </c>
    </row>
    <row r="56598" spans="1:10" x14ac:dyDescent="0.35">
      <c r="A56598" s="1" t="s">
        <v>110642</v>
      </c>
      <c r="B56598" s="1" t="s">
        <v>187129</v>
      </c>
      <c r="C56598" s="1" t="s">
        <v>15</v>
      </c>
      <c r="D56598" s="1" t="s">
        <v>190339</v>
      </c>
      <c r="E56598" s="1" t="s">
        <v>190340</v>
      </c>
      <c r="F56598" s="1" t="s">
        <v>190341</v>
      </c>
      <c r="G56598" s="1" t="s">
        <v>190337</v>
      </c>
      <c r="H56598" s="1" t="s">
        <v>190338</v>
      </c>
      <c r="I56598" s="1" t="s">
        <v>187135</v>
      </c>
      <c r="J56598" s="1" t="s">
        <v>190342</v>
      </c>
    </row>
    <row r="56599" spans="1:10" x14ac:dyDescent="0.35">
      <c r="A56599" s="1" t="s">
        <v>110642</v>
      </c>
      <c r="B56599" s="1" t="s">
        <v>187129</v>
      </c>
      <c r="C56599" s="1" t="s">
        <v>20</v>
      </c>
      <c r="D56599" s="1" t="s">
        <v>190343</v>
      </c>
      <c r="E56599" s="1" t="s">
        <v>190344</v>
      </c>
      <c r="F56599" s="1" t="s">
        <v>190345</v>
      </c>
      <c r="G56599" s="1" t="s">
        <v>190337</v>
      </c>
      <c r="H56599" s="1" t="s">
        <v>190338</v>
      </c>
      <c r="I56599" s="1" t="s">
        <v>187135</v>
      </c>
      <c r="J56599" s="1" t="s">
        <v>190346</v>
      </c>
    </row>
    <row r="56600" spans="1:10" x14ac:dyDescent="0.35">
      <c r="A56600" s="1" t="s">
        <v>110642</v>
      </c>
      <c r="B56600" s="1" t="s">
        <v>187129</v>
      </c>
      <c r="C56600" s="1" t="s">
        <v>25</v>
      </c>
      <c r="D56600" s="1" t="s">
        <v>190347</v>
      </c>
      <c r="E56600" s="1" t="s">
        <v>190348</v>
      </c>
      <c r="F56600" s="1" t="s">
        <v>190349</v>
      </c>
      <c r="G56600" s="1" t="s">
        <v>190337</v>
      </c>
      <c r="H56600" s="1" t="s">
        <v>190338</v>
      </c>
      <c r="I56600" s="1" t="s">
        <v>187135</v>
      </c>
      <c r="J56600" s="1" t="s">
        <v>190350</v>
      </c>
    </row>
    <row r="56601" spans="1:10" x14ac:dyDescent="0.35">
      <c r="A56601" s="1" t="s">
        <v>110642</v>
      </c>
      <c r="B56601" s="1" t="s">
        <v>187129</v>
      </c>
      <c r="C56601" s="1" t="s">
        <v>30</v>
      </c>
      <c r="D56601" s="1" t="s">
        <v>190351</v>
      </c>
      <c r="E56601" s="1" t="s">
        <v>190352</v>
      </c>
      <c r="F56601" s="1" t="s">
        <v>190353</v>
      </c>
      <c r="G56601" s="1" t="s">
        <v>190337</v>
      </c>
      <c r="H56601" s="1" t="s">
        <v>190338</v>
      </c>
      <c r="I56601" s="1" t="s">
        <v>187135</v>
      </c>
      <c r="J56601" s="1" t="s">
        <v>190354</v>
      </c>
    </row>
    <row r="56602" spans="1:10" x14ac:dyDescent="0.35">
      <c r="A56602" s="1" t="s">
        <v>110642</v>
      </c>
      <c r="B56602" s="1" t="s">
        <v>187129</v>
      </c>
      <c r="C56602" s="1" t="s">
        <v>35</v>
      </c>
      <c r="D56602" s="1" t="s">
        <v>190355</v>
      </c>
      <c r="E56602" s="1" t="s">
        <v>190356</v>
      </c>
      <c r="F56602" s="1" t="s">
        <v>190357</v>
      </c>
      <c r="G56602" s="1" t="s">
        <v>190337</v>
      </c>
      <c r="H56602" s="1" t="s">
        <v>190338</v>
      </c>
      <c r="I56602" s="1" t="s">
        <v>187135</v>
      </c>
      <c r="J56602" s="1" t="s">
        <v>190358</v>
      </c>
    </row>
    <row r="56603" spans="1:10" x14ac:dyDescent="0.35">
      <c r="A56603" s="1" t="s">
        <v>110642</v>
      </c>
      <c r="B56603" s="1" t="s">
        <v>187129</v>
      </c>
      <c r="C56603" s="1" t="s">
        <v>40</v>
      </c>
      <c r="D56603" s="1" t="s">
        <v>190359</v>
      </c>
      <c r="E56603" s="1" t="s">
        <v>190360</v>
      </c>
      <c r="F56603" s="1" t="s">
        <v>190361</v>
      </c>
      <c r="G56603" s="1" t="s">
        <v>190337</v>
      </c>
      <c r="H56603" s="1" t="s">
        <v>190338</v>
      </c>
      <c r="I56603" s="1" t="s">
        <v>187135</v>
      </c>
      <c r="J56603" s="1" t="s">
        <v>190362</v>
      </c>
    </row>
    <row r="56604" spans="1:10" x14ac:dyDescent="0.35">
      <c r="A56604" s="1" t="s">
        <v>110642</v>
      </c>
      <c r="B56604" s="1" t="s">
        <v>187129</v>
      </c>
      <c r="C56604" s="1" t="s">
        <v>45</v>
      </c>
      <c r="D56604" s="1" t="s">
        <v>190363</v>
      </c>
      <c r="E56604" s="1" t="s">
        <v>190364</v>
      </c>
      <c r="F56604" s="1" t="s">
        <v>190365</v>
      </c>
      <c r="G56604" s="1" t="s">
        <v>190337</v>
      </c>
      <c r="H56604" s="1" t="s">
        <v>190338</v>
      </c>
      <c r="I56604" s="1" t="s">
        <v>187135</v>
      </c>
      <c r="J56604" s="1" t="s">
        <v>190366</v>
      </c>
    </row>
    <row r="56605" spans="1:10" x14ac:dyDescent="0.35">
      <c r="A56605" s="1" t="s">
        <v>110642</v>
      </c>
      <c r="B56605" s="1" t="s">
        <v>187129</v>
      </c>
      <c r="C56605" s="1" t="s">
        <v>50</v>
      </c>
      <c r="D56605" s="1" t="s">
        <v>190367</v>
      </c>
      <c r="E56605" s="1" t="s">
        <v>190368</v>
      </c>
      <c r="F56605" s="1" t="s">
        <v>190369</v>
      </c>
      <c r="G56605" s="1" t="s">
        <v>190337</v>
      </c>
      <c r="H56605" s="1" t="s">
        <v>190338</v>
      </c>
      <c r="I56605" s="1" t="s">
        <v>187135</v>
      </c>
      <c r="J56605" s="1" t="s">
        <v>190370</v>
      </c>
    </row>
    <row r="56606" spans="1:10" x14ac:dyDescent="0.35">
      <c r="A56606" s="1" t="s">
        <v>110642</v>
      </c>
      <c r="B56606" s="1" t="s">
        <v>187129</v>
      </c>
      <c r="C56606" s="1" t="s">
        <v>55</v>
      </c>
      <c r="D56606" s="1" t="s">
        <v>190371</v>
      </c>
      <c r="E56606" s="1" t="s">
        <v>190372</v>
      </c>
      <c r="F56606" s="1" t="s">
        <v>190373</v>
      </c>
      <c r="G56606" s="1" t="s">
        <v>190337</v>
      </c>
      <c r="H56606" s="1" t="s">
        <v>190338</v>
      </c>
      <c r="I56606" s="1" t="s">
        <v>187135</v>
      </c>
      <c r="J56606" s="1" t="s">
        <v>190374</v>
      </c>
    </row>
    <row r="56607" spans="1:10" x14ac:dyDescent="0.35">
      <c r="A56607" s="1" t="s">
        <v>110642</v>
      </c>
      <c r="B56607" s="1" t="s">
        <v>187129</v>
      </c>
      <c r="C56607" s="1" t="s">
        <v>60</v>
      </c>
      <c r="D56607" s="1" t="s">
        <v>190375</v>
      </c>
      <c r="E56607" s="1" t="s">
        <v>190376</v>
      </c>
      <c r="F56607" s="1" t="s">
        <v>190377</v>
      </c>
      <c r="G56607" s="1" t="s">
        <v>190337</v>
      </c>
      <c r="H56607" s="1" t="s">
        <v>190338</v>
      </c>
      <c r="I56607" s="1" t="s">
        <v>187135</v>
      </c>
      <c r="J56607" s="1" t="s">
        <v>190378</v>
      </c>
    </row>
    <row r="56608" spans="1:10" x14ac:dyDescent="0.35">
      <c r="A56608" s="1" t="s">
        <v>110642</v>
      </c>
      <c r="B56608" s="1" t="s">
        <v>187129</v>
      </c>
      <c r="C56608" s="1" t="s">
        <v>65</v>
      </c>
      <c r="D56608" s="1" t="s">
        <v>190379</v>
      </c>
      <c r="E56608" s="1" t="s">
        <v>190380</v>
      </c>
      <c r="F56608" s="1" t="s">
        <v>190381</v>
      </c>
      <c r="G56608" s="1" t="s">
        <v>190337</v>
      </c>
      <c r="H56608" s="1" t="s">
        <v>190338</v>
      </c>
      <c r="I56608" s="1" t="s">
        <v>187135</v>
      </c>
      <c r="J56608" s="1" t="s">
        <v>190382</v>
      </c>
    </row>
    <row r="56609" spans="1:10" x14ac:dyDescent="0.35">
      <c r="A56609" s="1" t="s">
        <v>110642</v>
      </c>
      <c r="B56609" s="1" t="s">
        <v>187129</v>
      </c>
      <c r="C56609" s="1" t="s">
        <v>70</v>
      </c>
      <c r="D56609" s="1" t="s">
        <v>190383</v>
      </c>
      <c r="E56609" s="1" t="s">
        <v>190384</v>
      </c>
      <c r="F56609" s="1" t="s">
        <v>190385</v>
      </c>
      <c r="G56609" s="1" t="s">
        <v>190337</v>
      </c>
      <c r="H56609" s="1" t="s">
        <v>190338</v>
      </c>
      <c r="I56609" s="1" t="s">
        <v>187135</v>
      </c>
      <c r="J56609" s="1" t="s">
        <v>190386</v>
      </c>
    </row>
    <row r="56610" spans="1:10" x14ac:dyDescent="0.35">
      <c r="A56610" s="1" t="s">
        <v>110642</v>
      </c>
      <c r="B56610" s="1" t="s">
        <v>187129</v>
      </c>
      <c r="C56610" s="1" t="s">
        <v>75</v>
      </c>
      <c r="D56610" s="1" t="s">
        <v>190387</v>
      </c>
      <c r="E56610" s="1" t="s">
        <v>190388</v>
      </c>
      <c r="F56610" s="1" t="s">
        <v>190389</v>
      </c>
      <c r="G56610" s="1" t="s">
        <v>190337</v>
      </c>
      <c r="H56610" s="1" t="s">
        <v>190338</v>
      </c>
      <c r="I56610" s="1" t="s">
        <v>187135</v>
      </c>
      <c r="J56610" s="1" t="s">
        <v>190390</v>
      </c>
    </row>
    <row r="56611" spans="1:10" x14ac:dyDescent="0.35">
      <c r="A56611" s="1" t="s">
        <v>110642</v>
      </c>
      <c r="B56611" s="1" t="s">
        <v>187129</v>
      </c>
      <c r="C56611" s="1" t="s">
        <v>80</v>
      </c>
      <c r="D56611" s="1" t="s">
        <v>190391</v>
      </c>
      <c r="E56611" s="1" t="s">
        <v>190392</v>
      </c>
      <c r="F56611" s="1" t="s">
        <v>190393</v>
      </c>
      <c r="G56611" s="1" t="s">
        <v>190337</v>
      </c>
      <c r="H56611" s="1" t="s">
        <v>190338</v>
      </c>
      <c r="I56611" s="1" t="s">
        <v>187135</v>
      </c>
      <c r="J56611" s="1" t="s">
        <v>190394</v>
      </c>
    </row>
    <row r="56612" spans="1:10" x14ac:dyDescent="0.35">
      <c r="A56612" s="1" t="s">
        <v>110642</v>
      </c>
      <c r="B56612" s="1" t="s">
        <v>187129</v>
      </c>
      <c r="C56612" s="1" t="s">
        <v>85</v>
      </c>
      <c r="D56612" s="1" t="s">
        <v>190395</v>
      </c>
      <c r="E56612" s="1" t="s">
        <v>190396</v>
      </c>
      <c r="F56612" s="1" t="s">
        <v>190397</v>
      </c>
      <c r="G56612" s="1" t="s">
        <v>190337</v>
      </c>
      <c r="H56612" s="1" t="s">
        <v>190338</v>
      </c>
      <c r="I56612" s="1" t="s">
        <v>187135</v>
      </c>
      <c r="J56612" s="1" t="s">
        <v>190398</v>
      </c>
    </row>
    <row r="56613" spans="1:10" x14ac:dyDescent="0.35">
      <c r="A56613" s="1" t="s">
        <v>110642</v>
      </c>
      <c r="B56613" s="1" t="s">
        <v>187129</v>
      </c>
      <c r="C56613" s="1" t="s">
        <v>90</v>
      </c>
      <c r="D56613" s="1" t="s">
        <v>190399</v>
      </c>
      <c r="E56613" s="1" t="s">
        <v>190400</v>
      </c>
      <c r="F56613" s="1" t="s">
        <v>190401</v>
      </c>
      <c r="G56613" s="1" t="s">
        <v>190337</v>
      </c>
      <c r="H56613" s="1" t="s">
        <v>190338</v>
      </c>
      <c r="I56613" s="1" t="s">
        <v>187135</v>
      </c>
      <c r="J56613" s="1" t="s">
        <v>190402</v>
      </c>
    </row>
    <row r="56614" spans="1:10" x14ac:dyDescent="0.35">
      <c r="A56614" s="1" t="s">
        <v>110642</v>
      </c>
      <c r="B56614" s="1" t="s">
        <v>187129</v>
      </c>
      <c r="C56614" s="1" t="s">
        <v>95</v>
      </c>
      <c r="D56614" s="1" t="s">
        <v>190403</v>
      </c>
      <c r="E56614" s="1" t="s">
        <v>190404</v>
      </c>
      <c r="F56614" s="1" t="s">
        <v>190405</v>
      </c>
      <c r="G56614" s="1" t="s">
        <v>190337</v>
      </c>
      <c r="H56614" s="1" t="s">
        <v>190338</v>
      </c>
      <c r="I56614" s="1" t="s">
        <v>187135</v>
      </c>
      <c r="J56614" s="1" t="s">
        <v>190406</v>
      </c>
    </row>
    <row r="56615" spans="1:10" x14ac:dyDescent="0.35">
      <c r="A56615" s="1" t="s">
        <v>110642</v>
      </c>
      <c r="B56615" s="1" t="s">
        <v>187129</v>
      </c>
      <c r="C56615" s="1" t="s">
        <v>100</v>
      </c>
      <c r="D56615" s="1" t="s">
        <v>190407</v>
      </c>
      <c r="E56615" s="1" t="s">
        <v>190408</v>
      </c>
      <c r="F56615" s="1" t="s">
        <v>190409</v>
      </c>
      <c r="G56615" s="1" t="s">
        <v>190337</v>
      </c>
      <c r="H56615" s="1" t="s">
        <v>190338</v>
      </c>
      <c r="I56615" s="1" t="s">
        <v>187135</v>
      </c>
      <c r="J56615" s="1" t="s">
        <v>190410</v>
      </c>
    </row>
    <row r="56616" spans="1:10" x14ac:dyDescent="0.35">
      <c r="A56616" s="1" t="s">
        <v>110642</v>
      </c>
      <c r="B56616" s="1" t="s">
        <v>187129</v>
      </c>
      <c r="C56616" s="1" t="s">
        <v>105</v>
      </c>
      <c r="D56616" s="1" t="s">
        <v>190411</v>
      </c>
      <c r="E56616" s="1" t="s">
        <v>190412</v>
      </c>
      <c r="F56616" s="1" t="s">
        <v>190413</v>
      </c>
      <c r="G56616" s="1" t="s">
        <v>190337</v>
      </c>
      <c r="H56616" s="1" t="s">
        <v>190338</v>
      </c>
      <c r="I56616" s="1" t="s">
        <v>187135</v>
      </c>
      <c r="J56616" s="1" t="s">
        <v>190414</v>
      </c>
    </row>
    <row r="56617" spans="1:10" x14ac:dyDescent="0.35">
      <c r="A56617" s="1" t="s">
        <v>110642</v>
      </c>
      <c r="B56617" s="1" t="s">
        <v>187129</v>
      </c>
      <c r="C56617" s="1" t="s">
        <v>110</v>
      </c>
      <c r="D56617" s="1" t="s">
        <v>190415</v>
      </c>
      <c r="E56617" s="1" t="s">
        <v>190416</v>
      </c>
      <c r="F56617" s="1" t="s">
        <v>190417</v>
      </c>
      <c r="G56617" s="1" t="s">
        <v>190337</v>
      </c>
      <c r="H56617" s="1" t="s">
        <v>190338</v>
      </c>
      <c r="I56617" s="1" t="s">
        <v>187135</v>
      </c>
      <c r="J56617" s="1" t="s">
        <v>190418</v>
      </c>
    </row>
    <row r="56618" spans="1:10" x14ac:dyDescent="0.35">
      <c r="A56618" s="1" t="s">
        <v>110642</v>
      </c>
      <c r="B56618" s="1" t="s">
        <v>187129</v>
      </c>
      <c r="C56618" s="1" t="s">
        <v>115</v>
      </c>
      <c r="D56618" s="1" t="s">
        <v>190419</v>
      </c>
      <c r="E56618" s="1" t="s">
        <v>190420</v>
      </c>
      <c r="F56618" s="1" t="s">
        <v>190421</v>
      </c>
      <c r="G56618" s="1" t="s">
        <v>190337</v>
      </c>
      <c r="H56618" s="1" t="s">
        <v>190338</v>
      </c>
      <c r="I56618" s="1" t="s">
        <v>187135</v>
      </c>
      <c r="J56618" s="1" t="s">
        <v>190422</v>
      </c>
    </row>
    <row r="56619" spans="1:10" x14ac:dyDescent="0.35">
      <c r="A56619" s="1" t="s">
        <v>110642</v>
      </c>
      <c r="B56619" s="1" t="s">
        <v>187129</v>
      </c>
      <c r="C56619" s="1" t="s">
        <v>120</v>
      </c>
      <c r="D56619" s="1" t="s">
        <v>190423</v>
      </c>
      <c r="E56619" s="1" t="s">
        <v>190424</v>
      </c>
      <c r="F56619" s="1" t="s">
        <v>190425</v>
      </c>
      <c r="G56619" s="1" t="s">
        <v>190337</v>
      </c>
      <c r="H56619" s="1" t="s">
        <v>190338</v>
      </c>
      <c r="I56619" s="1" t="s">
        <v>187135</v>
      </c>
      <c r="J56619" s="1" t="s">
        <v>190426</v>
      </c>
    </row>
    <row r="56620" spans="1:10" x14ac:dyDescent="0.35">
      <c r="A56620" s="1" t="s">
        <v>110642</v>
      </c>
      <c r="B56620" s="1" t="s">
        <v>187129</v>
      </c>
      <c r="C56620" s="1" t="s">
        <v>125</v>
      </c>
      <c r="D56620" s="1" t="s">
        <v>190427</v>
      </c>
      <c r="E56620" s="1" t="s">
        <v>190428</v>
      </c>
      <c r="F56620" s="1" t="s">
        <v>190429</v>
      </c>
      <c r="G56620" s="1" t="s">
        <v>190337</v>
      </c>
      <c r="H56620" s="1" t="s">
        <v>190338</v>
      </c>
      <c r="I56620" s="1" t="s">
        <v>187135</v>
      </c>
      <c r="J56620" s="1" t="s">
        <v>190430</v>
      </c>
    </row>
    <row r="56621" spans="1:10" x14ac:dyDescent="0.35">
      <c r="A56621" s="1" t="s">
        <v>110642</v>
      </c>
      <c r="B56621" s="1" t="s">
        <v>187129</v>
      </c>
      <c r="C56621" s="1" t="s">
        <v>130</v>
      </c>
      <c r="D56621" s="1" t="s">
        <v>190431</v>
      </c>
      <c r="E56621" s="1" t="s">
        <v>190432</v>
      </c>
      <c r="F56621" s="1" t="s">
        <v>190433</v>
      </c>
      <c r="G56621" s="1" t="s">
        <v>190337</v>
      </c>
      <c r="H56621" s="1" t="s">
        <v>190338</v>
      </c>
      <c r="I56621" s="1" t="s">
        <v>187135</v>
      </c>
      <c r="J56621" s="1" t="s">
        <v>190434</v>
      </c>
    </row>
    <row r="56622" spans="1:10" x14ac:dyDescent="0.35">
      <c r="A56622" s="1" t="s">
        <v>110642</v>
      </c>
      <c r="B56622" s="1" t="s">
        <v>187129</v>
      </c>
      <c r="C56622" s="1" t="s">
        <v>135</v>
      </c>
      <c r="D56622" s="1" t="s">
        <v>190435</v>
      </c>
      <c r="E56622" s="1" t="s">
        <v>190436</v>
      </c>
      <c r="F56622" s="1" t="s">
        <v>190437</v>
      </c>
      <c r="G56622" s="1" t="s">
        <v>190337</v>
      </c>
      <c r="H56622" s="1" t="s">
        <v>190338</v>
      </c>
      <c r="I56622" s="1" t="s">
        <v>187135</v>
      </c>
      <c r="J56622" s="1" t="s">
        <v>190438</v>
      </c>
    </row>
    <row r="56623" spans="1:10" x14ac:dyDescent="0.35">
      <c r="A56623" s="1" t="s">
        <v>110642</v>
      </c>
      <c r="B56623" s="1" t="s">
        <v>187129</v>
      </c>
      <c r="C56623" s="1" t="s">
        <v>140</v>
      </c>
      <c r="D56623" s="1" t="s">
        <v>190439</v>
      </c>
      <c r="E56623" s="1" t="s">
        <v>190440</v>
      </c>
      <c r="F56623" s="1" t="s">
        <v>190441</v>
      </c>
      <c r="G56623" s="1" t="s">
        <v>190337</v>
      </c>
      <c r="H56623" s="1" t="s">
        <v>190338</v>
      </c>
      <c r="I56623" s="1" t="s">
        <v>187135</v>
      </c>
      <c r="J56623" s="1" t="s">
        <v>190442</v>
      </c>
    </row>
    <row r="56624" spans="1:10" x14ac:dyDescent="0.35">
      <c r="A56624" s="1" t="s">
        <v>110642</v>
      </c>
      <c r="B56624" s="1" t="s">
        <v>187129</v>
      </c>
      <c r="C56624" s="1" t="s">
        <v>145</v>
      </c>
      <c r="D56624" s="1" t="s">
        <v>190443</v>
      </c>
      <c r="E56624" s="1" t="s">
        <v>190444</v>
      </c>
      <c r="F56624" s="1" t="s">
        <v>190445</v>
      </c>
      <c r="G56624" s="1" t="s">
        <v>190337</v>
      </c>
      <c r="H56624" s="1" t="s">
        <v>190338</v>
      </c>
      <c r="I56624" s="1" t="s">
        <v>187135</v>
      </c>
      <c r="J56624" s="1" t="s">
        <v>190446</v>
      </c>
    </row>
    <row r="56625" spans="1:10" x14ac:dyDescent="0.35">
      <c r="A56625" s="1" t="s">
        <v>110642</v>
      </c>
      <c r="B56625" s="1" t="s">
        <v>187129</v>
      </c>
      <c r="C56625" s="1" t="s">
        <v>150</v>
      </c>
      <c r="D56625" s="1" t="s">
        <v>190447</v>
      </c>
      <c r="E56625" s="1" t="s">
        <v>190448</v>
      </c>
      <c r="F56625" s="1" t="s">
        <v>190449</v>
      </c>
      <c r="G56625" s="1" t="s">
        <v>190337</v>
      </c>
      <c r="H56625" s="1" t="s">
        <v>190338</v>
      </c>
      <c r="I56625" s="1" t="s">
        <v>187135</v>
      </c>
      <c r="J56625" s="1" t="s">
        <v>190450</v>
      </c>
    </row>
    <row r="56626" spans="1:10" x14ac:dyDescent="0.35">
      <c r="A56626" s="1" t="s">
        <v>110642</v>
      </c>
      <c r="B56626" s="1" t="s">
        <v>187129</v>
      </c>
      <c r="C56626" s="1" t="s">
        <v>155</v>
      </c>
      <c r="D56626" s="1" t="s">
        <v>190451</v>
      </c>
      <c r="E56626" s="1" t="s">
        <v>190452</v>
      </c>
      <c r="F56626" s="1" t="s">
        <v>190453</v>
      </c>
      <c r="G56626" s="1" t="s">
        <v>190337</v>
      </c>
      <c r="H56626" s="1" t="s">
        <v>190338</v>
      </c>
      <c r="I56626" s="1" t="s">
        <v>187135</v>
      </c>
      <c r="J56626" s="1" t="s">
        <v>190454</v>
      </c>
    </row>
    <row r="56627" spans="1:10" x14ac:dyDescent="0.35">
      <c r="A56627" s="1" t="s">
        <v>110642</v>
      </c>
      <c r="B56627" s="1" t="s">
        <v>187129</v>
      </c>
      <c r="C56627" s="1" t="s">
        <v>160</v>
      </c>
      <c r="D56627" s="1" t="s">
        <v>190455</v>
      </c>
      <c r="E56627" s="1" t="s">
        <v>190456</v>
      </c>
      <c r="F56627" s="1" t="s">
        <v>190457</v>
      </c>
      <c r="G56627" s="1" t="s">
        <v>190337</v>
      </c>
      <c r="H56627" s="1" t="s">
        <v>190338</v>
      </c>
      <c r="I56627" s="1" t="s">
        <v>187135</v>
      </c>
      <c r="J56627" s="1" t="s">
        <v>190458</v>
      </c>
    </row>
    <row r="56628" spans="1:10" x14ac:dyDescent="0.35">
      <c r="A56628" s="1" t="s">
        <v>110642</v>
      </c>
      <c r="B56628" s="1" t="s">
        <v>187129</v>
      </c>
      <c r="C56628" s="1" t="s">
        <v>165</v>
      </c>
      <c r="D56628" s="1" t="s">
        <v>190459</v>
      </c>
      <c r="E56628" s="1" t="s">
        <v>190460</v>
      </c>
      <c r="F56628" s="1" t="s">
        <v>190461</v>
      </c>
      <c r="G56628" s="1" t="s">
        <v>190337</v>
      </c>
      <c r="H56628" s="1" t="s">
        <v>190338</v>
      </c>
      <c r="I56628" s="1" t="s">
        <v>187135</v>
      </c>
      <c r="J56628" s="1" t="s">
        <v>190462</v>
      </c>
    </row>
    <row r="56629" spans="1:10" x14ac:dyDescent="0.35">
      <c r="A56629" s="1" t="s">
        <v>110642</v>
      </c>
      <c r="B56629" s="1" t="s">
        <v>187129</v>
      </c>
      <c r="C56629" s="1" t="s">
        <v>170</v>
      </c>
      <c r="D56629" s="1" t="s">
        <v>190463</v>
      </c>
      <c r="E56629" s="1" t="s">
        <v>190464</v>
      </c>
      <c r="F56629" s="1" t="s">
        <v>190465</v>
      </c>
      <c r="G56629" s="1" t="s">
        <v>190337</v>
      </c>
      <c r="H56629" s="1" t="s">
        <v>190338</v>
      </c>
      <c r="I56629" s="1" t="s">
        <v>187135</v>
      </c>
      <c r="J56629" s="1" t="s">
        <v>190466</v>
      </c>
    </row>
    <row r="56630" spans="1:10" x14ac:dyDescent="0.35">
      <c r="A56630" s="1" t="s">
        <v>8671</v>
      </c>
      <c r="B56630" s="1" t="s">
        <v>187129</v>
      </c>
      <c r="C56630" s="1" t="s">
        <v>8</v>
      </c>
      <c r="D56630" s="1" t="s">
        <v>190467</v>
      </c>
      <c r="E56630" s="1" t="s">
        <v>190468</v>
      </c>
      <c r="F56630" s="1" t="s">
        <v>190469</v>
      </c>
      <c r="G56630" s="1" t="s">
        <v>190470</v>
      </c>
      <c r="H56630" s="1" t="s">
        <v>190471</v>
      </c>
      <c r="I56630" s="1" t="s">
        <v>187135</v>
      </c>
      <c r="J56630" s="1" t="s">
        <v>13</v>
      </c>
    </row>
    <row r="56631" spans="1:10" x14ac:dyDescent="0.35">
      <c r="A56631" s="1" t="s">
        <v>8671</v>
      </c>
      <c r="B56631" s="1" t="s">
        <v>187129</v>
      </c>
      <c r="C56631" s="1" t="s">
        <v>15</v>
      </c>
      <c r="D56631" s="1" t="s">
        <v>190472</v>
      </c>
      <c r="E56631" s="1" t="s">
        <v>190473</v>
      </c>
      <c r="F56631" s="1" t="s">
        <v>190474</v>
      </c>
      <c r="G56631" s="1" t="s">
        <v>190470</v>
      </c>
      <c r="H56631" s="1" t="s">
        <v>190471</v>
      </c>
      <c r="I56631" s="1" t="s">
        <v>187135</v>
      </c>
      <c r="J56631" s="1" t="s">
        <v>190475</v>
      </c>
    </row>
    <row r="56632" spans="1:10" x14ac:dyDescent="0.35">
      <c r="A56632" s="1" t="s">
        <v>8671</v>
      </c>
      <c r="B56632" s="1" t="s">
        <v>187129</v>
      </c>
      <c r="C56632" s="1" t="s">
        <v>20</v>
      </c>
      <c r="D56632" s="1" t="s">
        <v>30851</v>
      </c>
      <c r="E56632" s="1" t="s">
        <v>190476</v>
      </c>
      <c r="F56632" s="1" t="s">
        <v>190477</v>
      </c>
      <c r="G56632" s="1" t="s">
        <v>190470</v>
      </c>
      <c r="H56632" s="1" t="s">
        <v>190471</v>
      </c>
      <c r="I56632" s="1" t="s">
        <v>187135</v>
      </c>
      <c r="J56632" s="1" t="s">
        <v>190478</v>
      </c>
    </row>
    <row r="56633" spans="1:10" x14ac:dyDescent="0.35">
      <c r="A56633" s="1" t="s">
        <v>8671</v>
      </c>
      <c r="B56633" s="1" t="s">
        <v>187129</v>
      </c>
      <c r="C56633" s="1" t="s">
        <v>25</v>
      </c>
      <c r="D56633" s="1" t="s">
        <v>18212</v>
      </c>
      <c r="E56633" s="1" t="s">
        <v>190479</v>
      </c>
      <c r="F56633" s="1" t="s">
        <v>190480</v>
      </c>
      <c r="G56633" s="1" t="s">
        <v>190470</v>
      </c>
      <c r="H56633" s="1" t="s">
        <v>190471</v>
      </c>
      <c r="I56633" s="1" t="s">
        <v>187135</v>
      </c>
      <c r="J56633" s="1" t="s">
        <v>190481</v>
      </c>
    </row>
    <row r="56634" spans="1:10" x14ac:dyDescent="0.35">
      <c r="A56634" s="1" t="s">
        <v>8671</v>
      </c>
      <c r="B56634" s="1" t="s">
        <v>187129</v>
      </c>
      <c r="C56634" s="1" t="s">
        <v>30</v>
      </c>
      <c r="D56634" s="1" t="s">
        <v>135254</v>
      </c>
      <c r="E56634" s="1" t="s">
        <v>190482</v>
      </c>
      <c r="F56634" s="1" t="s">
        <v>190483</v>
      </c>
      <c r="G56634" s="1" t="s">
        <v>190470</v>
      </c>
      <c r="H56634" s="1" t="s">
        <v>190471</v>
      </c>
      <c r="I56634" s="1" t="s">
        <v>187135</v>
      </c>
      <c r="J56634" s="1" t="s">
        <v>190484</v>
      </c>
    </row>
    <row r="56635" spans="1:10" x14ac:dyDescent="0.35">
      <c r="A56635" s="1" t="s">
        <v>8671</v>
      </c>
      <c r="B56635" s="1" t="s">
        <v>187129</v>
      </c>
      <c r="C56635" s="1" t="s">
        <v>35</v>
      </c>
      <c r="D56635" s="1" t="s">
        <v>190485</v>
      </c>
      <c r="E56635" s="1" t="s">
        <v>190486</v>
      </c>
      <c r="F56635" s="1" t="s">
        <v>190487</v>
      </c>
      <c r="G56635" s="1" t="s">
        <v>190470</v>
      </c>
      <c r="H56635" s="1" t="s">
        <v>190471</v>
      </c>
      <c r="I56635" s="1" t="s">
        <v>187135</v>
      </c>
      <c r="J56635" s="1" t="s">
        <v>190488</v>
      </c>
    </row>
    <row r="56636" spans="1:10" x14ac:dyDescent="0.35">
      <c r="A56636" s="1" t="s">
        <v>8671</v>
      </c>
      <c r="B56636" s="1" t="s">
        <v>187129</v>
      </c>
      <c r="C56636" s="1" t="s">
        <v>40</v>
      </c>
      <c r="D56636" s="1" t="s">
        <v>5143</v>
      </c>
      <c r="E56636" s="1" t="s">
        <v>190489</v>
      </c>
      <c r="F56636" s="1" t="s">
        <v>190490</v>
      </c>
      <c r="G56636" s="1" t="s">
        <v>190470</v>
      </c>
      <c r="H56636" s="1" t="s">
        <v>190471</v>
      </c>
      <c r="I56636" s="1" t="s">
        <v>187135</v>
      </c>
      <c r="J56636" s="1" t="s">
        <v>190491</v>
      </c>
    </row>
    <row r="56637" spans="1:10" x14ac:dyDescent="0.35">
      <c r="A56637" s="1" t="s">
        <v>8671</v>
      </c>
      <c r="B56637" s="1" t="s">
        <v>187129</v>
      </c>
      <c r="C56637" s="1" t="s">
        <v>45</v>
      </c>
      <c r="D56637" s="1" t="s">
        <v>190492</v>
      </c>
      <c r="E56637" s="1" t="s">
        <v>190493</v>
      </c>
      <c r="F56637" s="1" t="s">
        <v>190494</v>
      </c>
      <c r="G56637" s="1" t="s">
        <v>190470</v>
      </c>
      <c r="H56637" s="1" t="s">
        <v>190471</v>
      </c>
      <c r="I56637" s="1" t="s">
        <v>187135</v>
      </c>
      <c r="J56637" s="1" t="s">
        <v>190495</v>
      </c>
    </row>
    <row r="56638" spans="1:10" x14ac:dyDescent="0.35">
      <c r="A56638" s="1" t="s">
        <v>8671</v>
      </c>
      <c r="B56638" s="1" t="s">
        <v>187129</v>
      </c>
      <c r="C56638" s="1" t="s">
        <v>50</v>
      </c>
      <c r="D56638" s="1" t="s">
        <v>71912</v>
      </c>
      <c r="E56638" s="1" t="s">
        <v>190496</v>
      </c>
      <c r="F56638" s="1" t="s">
        <v>190497</v>
      </c>
      <c r="G56638" s="1" t="s">
        <v>190470</v>
      </c>
      <c r="H56638" s="1" t="s">
        <v>190471</v>
      </c>
      <c r="I56638" s="1" t="s">
        <v>187135</v>
      </c>
      <c r="J56638" s="1" t="s">
        <v>190498</v>
      </c>
    </row>
    <row r="56639" spans="1:10" x14ac:dyDescent="0.35">
      <c r="A56639" s="1" t="s">
        <v>8671</v>
      </c>
      <c r="B56639" s="1" t="s">
        <v>187129</v>
      </c>
      <c r="C56639" s="1" t="s">
        <v>55</v>
      </c>
      <c r="D56639" s="1" t="s">
        <v>190499</v>
      </c>
      <c r="E56639" s="1" t="s">
        <v>190500</v>
      </c>
      <c r="F56639" s="1" t="s">
        <v>190501</v>
      </c>
      <c r="G56639" s="1" t="s">
        <v>190470</v>
      </c>
      <c r="H56639" s="1" t="s">
        <v>190471</v>
      </c>
      <c r="I56639" s="1" t="s">
        <v>187135</v>
      </c>
      <c r="J56639" s="1" t="s">
        <v>190502</v>
      </c>
    </row>
    <row r="56640" spans="1:10" x14ac:dyDescent="0.35">
      <c r="A56640" s="1" t="s">
        <v>8671</v>
      </c>
      <c r="B56640" s="1" t="s">
        <v>187129</v>
      </c>
      <c r="C56640" s="1" t="s">
        <v>60</v>
      </c>
      <c r="D56640" s="1" t="s">
        <v>135851</v>
      </c>
      <c r="E56640" s="1" t="s">
        <v>190503</v>
      </c>
      <c r="F56640" s="1" t="s">
        <v>190504</v>
      </c>
      <c r="G56640" s="1" t="s">
        <v>190470</v>
      </c>
      <c r="H56640" s="1" t="s">
        <v>190471</v>
      </c>
      <c r="I56640" s="1" t="s">
        <v>187135</v>
      </c>
      <c r="J56640" s="1" t="s">
        <v>190505</v>
      </c>
    </row>
    <row r="56641" spans="1:10" x14ac:dyDescent="0.35">
      <c r="A56641" s="1" t="s">
        <v>8671</v>
      </c>
      <c r="B56641" s="1" t="s">
        <v>187129</v>
      </c>
      <c r="C56641" s="1" t="s">
        <v>65</v>
      </c>
      <c r="D56641" s="1" t="s">
        <v>7163</v>
      </c>
      <c r="E56641" s="1" t="s">
        <v>190506</v>
      </c>
      <c r="F56641" s="1" t="s">
        <v>190507</v>
      </c>
      <c r="G56641" s="1" t="s">
        <v>190470</v>
      </c>
      <c r="H56641" s="1" t="s">
        <v>190471</v>
      </c>
      <c r="I56641" s="1" t="s">
        <v>187135</v>
      </c>
      <c r="J56641" s="1" t="s">
        <v>190508</v>
      </c>
    </row>
    <row r="56642" spans="1:10" x14ac:dyDescent="0.35">
      <c r="A56642" s="1" t="s">
        <v>8671</v>
      </c>
      <c r="B56642" s="1" t="s">
        <v>187129</v>
      </c>
      <c r="C56642" s="1" t="s">
        <v>70</v>
      </c>
      <c r="D56642" s="1" t="s">
        <v>15420</v>
      </c>
      <c r="E56642" s="1" t="s">
        <v>190509</v>
      </c>
      <c r="F56642" s="1" t="s">
        <v>190510</v>
      </c>
      <c r="G56642" s="1" t="s">
        <v>190470</v>
      </c>
      <c r="H56642" s="1" t="s">
        <v>190471</v>
      </c>
      <c r="I56642" s="1" t="s">
        <v>187135</v>
      </c>
      <c r="J56642" s="1" t="s">
        <v>190511</v>
      </c>
    </row>
    <row r="56643" spans="1:10" x14ac:dyDescent="0.35">
      <c r="A56643" s="1" t="s">
        <v>8671</v>
      </c>
      <c r="B56643" s="1" t="s">
        <v>187129</v>
      </c>
      <c r="C56643" s="1" t="s">
        <v>75</v>
      </c>
      <c r="D56643" s="1" t="s">
        <v>188862</v>
      </c>
      <c r="E56643" s="1" t="s">
        <v>190512</v>
      </c>
      <c r="F56643" s="1" t="s">
        <v>190513</v>
      </c>
      <c r="G56643" s="1" t="s">
        <v>190470</v>
      </c>
      <c r="H56643" s="1" t="s">
        <v>190471</v>
      </c>
      <c r="I56643" s="1" t="s">
        <v>187135</v>
      </c>
      <c r="J56643" s="1" t="s">
        <v>190514</v>
      </c>
    </row>
    <row r="56644" spans="1:10" x14ac:dyDescent="0.35">
      <c r="A56644" s="1" t="s">
        <v>8671</v>
      </c>
      <c r="B56644" s="1" t="s">
        <v>187129</v>
      </c>
      <c r="C56644" s="1" t="s">
        <v>80</v>
      </c>
      <c r="D56644" s="1" t="s">
        <v>125779</v>
      </c>
      <c r="E56644" s="1" t="s">
        <v>190515</v>
      </c>
      <c r="F56644" s="1" t="s">
        <v>190516</v>
      </c>
      <c r="G56644" s="1" t="s">
        <v>190470</v>
      </c>
      <c r="H56644" s="1" t="s">
        <v>190471</v>
      </c>
      <c r="I56644" s="1" t="s">
        <v>187135</v>
      </c>
      <c r="J56644" s="1" t="s">
        <v>190517</v>
      </c>
    </row>
    <row r="56645" spans="1:10" x14ac:dyDescent="0.35">
      <c r="A56645" s="1" t="s">
        <v>8671</v>
      </c>
      <c r="B56645" s="1" t="s">
        <v>187129</v>
      </c>
      <c r="C56645" s="1" t="s">
        <v>85</v>
      </c>
      <c r="D56645" s="1" t="s">
        <v>74231</v>
      </c>
      <c r="E56645" s="1" t="s">
        <v>190518</v>
      </c>
      <c r="F56645" s="1" t="s">
        <v>190519</v>
      </c>
      <c r="G56645" s="1" t="s">
        <v>190470</v>
      </c>
      <c r="H56645" s="1" t="s">
        <v>190471</v>
      </c>
      <c r="I56645" s="1" t="s">
        <v>187135</v>
      </c>
      <c r="J56645" s="1" t="s">
        <v>190520</v>
      </c>
    </row>
    <row r="56646" spans="1:10" x14ac:dyDescent="0.35">
      <c r="A56646" s="1" t="s">
        <v>8671</v>
      </c>
      <c r="B56646" s="1" t="s">
        <v>187129</v>
      </c>
      <c r="C56646" s="1" t="s">
        <v>90</v>
      </c>
      <c r="D56646" s="1" t="s">
        <v>124677</v>
      </c>
      <c r="E56646" s="1" t="s">
        <v>190521</v>
      </c>
      <c r="F56646" s="1" t="s">
        <v>190522</v>
      </c>
      <c r="G56646" s="1" t="s">
        <v>190470</v>
      </c>
      <c r="H56646" s="1" t="s">
        <v>190471</v>
      </c>
      <c r="I56646" s="1" t="s">
        <v>187135</v>
      </c>
      <c r="J56646" s="1" t="s">
        <v>190523</v>
      </c>
    </row>
    <row r="56647" spans="1:10" x14ac:dyDescent="0.35">
      <c r="A56647" s="1" t="s">
        <v>8671</v>
      </c>
      <c r="B56647" s="1" t="s">
        <v>187129</v>
      </c>
      <c r="C56647" s="1" t="s">
        <v>95</v>
      </c>
      <c r="D56647" s="1" t="s">
        <v>190524</v>
      </c>
      <c r="E56647" s="1" t="s">
        <v>190525</v>
      </c>
      <c r="F56647" s="1" t="s">
        <v>190526</v>
      </c>
      <c r="G56647" s="1" t="s">
        <v>190470</v>
      </c>
      <c r="H56647" s="1" t="s">
        <v>190471</v>
      </c>
      <c r="I56647" s="1" t="s">
        <v>187135</v>
      </c>
      <c r="J56647" s="1" t="s">
        <v>190527</v>
      </c>
    </row>
    <row r="56648" spans="1:10" x14ac:dyDescent="0.35">
      <c r="A56648" s="1" t="s">
        <v>8671</v>
      </c>
      <c r="B56648" s="1" t="s">
        <v>187129</v>
      </c>
      <c r="C56648" s="1" t="s">
        <v>100</v>
      </c>
      <c r="D56648" s="1" t="s">
        <v>49937</v>
      </c>
      <c r="E56648" s="1" t="s">
        <v>190528</v>
      </c>
      <c r="F56648" s="1" t="s">
        <v>190529</v>
      </c>
      <c r="G56648" s="1" t="s">
        <v>190470</v>
      </c>
      <c r="H56648" s="1" t="s">
        <v>190471</v>
      </c>
      <c r="I56648" s="1" t="s">
        <v>187135</v>
      </c>
      <c r="J56648" s="1" t="s">
        <v>190530</v>
      </c>
    </row>
    <row r="56649" spans="1:10" x14ac:dyDescent="0.35">
      <c r="A56649" s="1" t="s">
        <v>8671</v>
      </c>
      <c r="B56649" s="1" t="s">
        <v>187129</v>
      </c>
      <c r="C56649" s="1" t="s">
        <v>105</v>
      </c>
      <c r="D56649" s="1" t="s">
        <v>16420</v>
      </c>
      <c r="E56649" s="1" t="s">
        <v>190531</v>
      </c>
      <c r="F56649" s="1" t="s">
        <v>190532</v>
      </c>
      <c r="G56649" s="1" t="s">
        <v>190470</v>
      </c>
      <c r="H56649" s="1" t="s">
        <v>190471</v>
      </c>
      <c r="I56649" s="1" t="s">
        <v>187135</v>
      </c>
      <c r="J56649" s="1" t="s">
        <v>190533</v>
      </c>
    </row>
    <row r="56650" spans="1:10" x14ac:dyDescent="0.35">
      <c r="A56650" s="1" t="s">
        <v>8671</v>
      </c>
      <c r="B56650" s="1" t="s">
        <v>187129</v>
      </c>
      <c r="C56650" s="1" t="s">
        <v>110</v>
      </c>
      <c r="D56650" s="1" t="s">
        <v>190534</v>
      </c>
      <c r="E56650" s="1" t="s">
        <v>190535</v>
      </c>
      <c r="F56650" s="1" t="s">
        <v>190536</v>
      </c>
      <c r="G56650" s="1" t="s">
        <v>190470</v>
      </c>
      <c r="H56650" s="1" t="s">
        <v>190471</v>
      </c>
      <c r="I56650" s="1" t="s">
        <v>187135</v>
      </c>
      <c r="J56650" s="1" t="s">
        <v>190537</v>
      </c>
    </row>
    <row r="56651" spans="1:10" x14ac:dyDescent="0.35">
      <c r="A56651" s="1" t="s">
        <v>8671</v>
      </c>
      <c r="B56651" s="1" t="s">
        <v>187129</v>
      </c>
      <c r="C56651" s="1" t="s">
        <v>115</v>
      </c>
      <c r="D56651" s="1" t="s">
        <v>144903</v>
      </c>
      <c r="E56651" s="1" t="s">
        <v>190538</v>
      </c>
      <c r="F56651" s="1" t="s">
        <v>190539</v>
      </c>
      <c r="G56651" s="1" t="s">
        <v>190470</v>
      </c>
      <c r="H56651" s="1" t="s">
        <v>190471</v>
      </c>
      <c r="I56651" s="1" t="s">
        <v>187135</v>
      </c>
      <c r="J56651" s="1" t="s">
        <v>190540</v>
      </c>
    </row>
    <row r="56652" spans="1:10" x14ac:dyDescent="0.35">
      <c r="A56652" s="1" t="s">
        <v>8671</v>
      </c>
      <c r="B56652" s="1" t="s">
        <v>187129</v>
      </c>
      <c r="C56652" s="1" t="s">
        <v>120</v>
      </c>
      <c r="D56652" s="1" t="s">
        <v>38233</v>
      </c>
      <c r="E56652" s="1" t="s">
        <v>190541</v>
      </c>
      <c r="F56652" s="1" t="s">
        <v>190542</v>
      </c>
      <c r="G56652" s="1" t="s">
        <v>190470</v>
      </c>
      <c r="H56652" s="1" t="s">
        <v>190471</v>
      </c>
      <c r="I56652" s="1" t="s">
        <v>187135</v>
      </c>
      <c r="J56652" s="1" t="s">
        <v>190543</v>
      </c>
    </row>
    <row r="56653" spans="1:10" x14ac:dyDescent="0.35">
      <c r="A56653" s="1" t="s">
        <v>8671</v>
      </c>
      <c r="B56653" s="1" t="s">
        <v>187129</v>
      </c>
      <c r="C56653" s="1" t="s">
        <v>125</v>
      </c>
      <c r="D56653" s="1" t="s">
        <v>33227</v>
      </c>
      <c r="E56653" s="1" t="s">
        <v>190544</v>
      </c>
      <c r="F56653" s="1" t="s">
        <v>190545</v>
      </c>
      <c r="G56653" s="1" t="s">
        <v>190470</v>
      </c>
      <c r="H56653" s="1" t="s">
        <v>190471</v>
      </c>
      <c r="I56653" s="1" t="s">
        <v>187135</v>
      </c>
      <c r="J56653" s="1" t="s">
        <v>190546</v>
      </c>
    </row>
    <row r="56654" spans="1:10" x14ac:dyDescent="0.35">
      <c r="A56654" s="1" t="s">
        <v>8671</v>
      </c>
      <c r="B56654" s="1" t="s">
        <v>187129</v>
      </c>
      <c r="C56654" s="1" t="s">
        <v>130</v>
      </c>
      <c r="D56654" s="1" t="s">
        <v>35457</v>
      </c>
      <c r="E56654" s="1" t="s">
        <v>190547</v>
      </c>
      <c r="F56654" s="1" t="s">
        <v>190548</v>
      </c>
      <c r="G56654" s="1" t="s">
        <v>190470</v>
      </c>
      <c r="H56654" s="1" t="s">
        <v>190471</v>
      </c>
      <c r="I56654" s="1" t="s">
        <v>187135</v>
      </c>
      <c r="J56654" s="1" t="s">
        <v>190549</v>
      </c>
    </row>
    <row r="56655" spans="1:10" x14ac:dyDescent="0.35">
      <c r="A56655" s="1" t="s">
        <v>8671</v>
      </c>
      <c r="B56655" s="1" t="s">
        <v>187129</v>
      </c>
      <c r="C56655" s="1" t="s">
        <v>135</v>
      </c>
      <c r="D56655" s="1" t="s">
        <v>42546</v>
      </c>
      <c r="E56655" s="1" t="s">
        <v>190550</v>
      </c>
      <c r="F56655" s="1" t="s">
        <v>190551</v>
      </c>
      <c r="G56655" s="1" t="s">
        <v>190470</v>
      </c>
      <c r="H56655" s="1" t="s">
        <v>190471</v>
      </c>
      <c r="I56655" s="1" t="s">
        <v>187135</v>
      </c>
      <c r="J56655" s="1" t="s">
        <v>190552</v>
      </c>
    </row>
    <row r="56656" spans="1:10" x14ac:dyDescent="0.35">
      <c r="A56656" s="1" t="s">
        <v>8671</v>
      </c>
      <c r="B56656" s="1" t="s">
        <v>187129</v>
      </c>
      <c r="C56656" s="1" t="s">
        <v>140</v>
      </c>
      <c r="D56656" s="1" t="s">
        <v>190553</v>
      </c>
      <c r="E56656" s="1" t="s">
        <v>190554</v>
      </c>
      <c r="F56656" s="1" t="s">
        <v>190555</v>
      </c>
      <c r="G56656" s="1" t="s">
        <v>190470</v>
      </c>
      <c r="H56656" s="1" t="s">
        <v>190471</v>
      </c>
      <c r="I56656" s="1" t="s">
        <v>187135</v>
      </c>
      <c r="J56656" s="1" t="s">
        <v>190556</v>
      </c>
    </row>
    <row r="56657" spans="1:10" x14ac:dyDescent="0.35">
      <c r="A56657" s="1" t="s">
        <v>8671</v>
      </c>
      <c r="B56657" s="1" t="s">
        <v>187129</v>
      </c>
      <c r="C56657" s="1" t="s">
        <v>145</v>
      </c>
      <c r="D56657" s="1" t="s">
        <v>32850</v>
      </c>
      <c r="E56657" s="1" t="s">
        <v>190557</v>
      </c>
      <c r="F56657" s="1" t="s">
        <v>190558</v>
      </c>
      <c r="G56657" s="1" t="s">
        <v>190470</v>
      </c>
      <c r="H56657" s="1" t="s">
        <v>190471</v>
      </c>
      <c r="I56657" s="1" t="s">
        <v>187135</v>
      </c>
      <c r="J56657" s="1" t="s">
        <v>190559</v>
      </c>
    </row>
    <row r="56658" spans="1:10" x14ac:dyDescent="0.35">
      <c r="A56658" s="1" t="s">
        <v>8671</v>
      </c>
      <c r="B56658" s="1" t="s">
        <v>187129</v>
      </c>
      <c r="C56658" s="1" t="s">
        <v>150</v>
      </c>
      <c r="D56658" s="1" t="s">
        <v>37177</v>
      </c>
      <c r="E56658" s="1" t="s">
        <v>190560</v>
      </c>
      <c r="F56658" s="1" t="s">
        <v>190561</v>
      </c>
      <c r="G56658" s="1" t="s">
        <v>190470</v>
      </c>
      <c r="H56658" s="1" t="s">
        <v>190471</v>
      </c>
      <c r="I56658" s="1" t="s">
        <v>187135</v>
      </c>
      <c r="J56658" s="1" t="s">
        <v>190562</v>
      </c>
    </row>
    <row r="56659" spans="1:10" x14ac:dyDescent="0.35">
      <c r="A56659" s="1" t="s">
        <v>8671</v>
      </c>
      <c r="B56659" s="1" t="s">
        <v>187129</v>
      </c>
      <c r="C56659" s="1" t="s">
        <v>155</v>
      </c>
      <c r="D56659" s="1" t="s">
        <v>190563</v>
      </c>
      <c r="E56659" s="1" t="s">
        <v>190564</v>
      </c>
      <c r="F56659" s="1" t="s">
        <v>190565</v>
      </c>
      <c r="G56659" s="1" t="s">
        <v>190470</v>
      </c>
      <c r="H56659" s="1" t="s">
        <v>190471</v>
      </c>
      <c r="I56659" s="1" t="s">
        <v>187135</v>
      </c>
      <c r="J56659" s="1" t="s">
        <v>190566</v>
      </c>
    </row>
    <row r="56660" spans="1:10" x14ac:dyDescent="0.35">
      <c r="A56660" s="1" t="s">
        <v>8671</v>
      </c>
      <c r="B56660" s="1" t="s">
        <v>187129</v>
      </c>
      <c r="C56660" s="1" t="s">
        <v>160</v>
      </c>
      <c r="D56660" s="1" t="s">
        <v>190567</v>
      </c>
      <c r="E56660" s="1" t="s">
        <v>190568</v>
      </c>
      <c r="F56660" s="1" t="s">
        <v>190569</v>
      </c>
      <c r="G56660" s="1" t="s">
        <v>190470</v>
      </c>
      <c r="H56660" s="1" t="s">
        <v>190471</v>
      </c>
      <c r="I56660" s="1" t="s">
        <v>187135</v>
      </c>
      <c r="J56660" s="1" t="s">
        <v>190570</v>
      </c>
    </row>
    <row r="56661" spans="1:10" x14ac:dyDescent="0.35">
      <c r="A56661" s="1" t="s">
        <v>8671</v>
      </c>
      <c r="B56661" s="1" t="s">
        <v>187129</v>
      </c>
      <c r="C56661" s="1" t="s">
        <v>165</v>
      </c>
      <c r="D56661" s="1" t="s">
        <v>114748</v>
      </c>
      <c r="E56661" s="1" t="s">
        <v>190571</v>
      </c>
      <c r="F56661" s="1" t="s">
        <v>190572</v>
      </c>
      <c r="G56661" s="1" t="s">
        <v>190470</v>
      </c>
      <c r="H56661" s="1" t="s">
        <v>190471</v>
      </c>
      <c r="I56661" s="1" t="s">
        <v>187135</v>
      </c>
      <c r="J56661" s="1" t="s">
        <v>190573</v>
      </c>
    </row>
    <row r="56662" spans="1:10" x14ac:dyDescent="0.35">
      <c r="A56662" s="1" t="s">
        <v>8671</v>
      </c>
      <c r="B56662" s="1" t="s">
        <v>187129</v>
      </c>
      <c r="C56662" s="1" t="s">
        <v>170</v>
      </c>
      <c r="D56662" s="1" t="s">
        <v>10795</v>
      </c>
      <c r="E56662" s="1" t="s">
        <v>190574</v>
      </c>
      <c r="F56662" s="1" t="s">
        <v>190575</v>
      </c>
      <c r="G56662" s="1" t="s">
        <v>190470</v>
      </c>
      <c r="H56662" s="1" t="s">
        <v>190471</v>
      </c>
      <c r="I56662" s="1" t="s">
        <v>187135</v>
      </c>
      <c r="J56662" s="1" t="s">
        <v>190576</v>
      </c>
    </row>
    <row r="56663" spans="1:10" x14ac:dyDescent="0.35">
      <c r="A56663" s="1" t="s">
        <v>27592</v>
      </c>
      <c r="B56663" s="1" t="s">
        <v>187129</v>
      </c>
      <c r="C56663" s="1" t="s">
        <v>8</v>
      </c>
      <c r="D56663" s="1" t="s">
        <v>92003</v>
      </c>
      <c r="E56663" s="1" t="s">
        <v>190577</v>
      </c>
      <c r="F56663" s="1" t="s">
        <v>190578</v>
      </c>
      <c r="G56663" s="1" t="s">
        <v>190579</v>
      </c>
      <c r="H56663" s="1" t="s">
        <v>190580</v>
      </c>
      <c r="I56663" s="1" t="s">
        <v>187135</v>
      </c>
      <c r="J56663" s="1" t="s">
        <v>13</v>
      </c>
    </row>
    <row r="56664" spans="1:10" x14ac:dyDescent="0.35">
      <c r="A56664" s="1" t="s">
        <v>27592</v>
      </c>
      <c r="B56664" s="1" t="s">
        <v>187129</v>
      </c>
      <c r="C56664" s="1" t="s">
        <v>15</v>
      </c>
      <c r="D56664" s="1" t="s">
        <v>190581</v>
      </c>
      <c r="E56664" s="1" t="s">
        <v>190582</v>
      </c>
      <c r="F56664" s="1" t="s">
        <v>190583</v>
      </c>
      <c r="G56664" s="1" t="s">
        <v>190579</v>
      </c>
      <c r="H56664" s="1" t="s">
        <v>190580</v>
      </c>
      <c r="I56664" s="1" t="s">
        <v>187135</v>
      </c>
      <c r="J56664" s="1" t="s">
        <v>190584</v>
      </c>
    </row>
    <row r="56665" spans="1:10" x14ac:dyDescent="0.35">
      <c r="A56665" s="1" t="s">
        <v>27592</v>
      </c>
      <c r="B56665" s="1" t="s">
        <v>187129</v>
      </c>
      <c r="C56665" s="1" t="s">
        <v>20</v>
      </c>
      <c r="D56665" s="1" t="s">
        <v>58267</v>
      </c>
      <c r="E56665" s="1" t="s">
        <v>190585</v>
      </c>
      <c r="F56665" s="1" t="s">
        <v>190586</v>
      </c>
      <c r="G56665" s="1" t="s">
        <v>190579</v>
      </c>
      <c r="H56665" s="1" t="s">
        <v>190580</v>
      </c>
      <c r="I56665" s="1" t="s">
        <v>187135</v>
      </c>
      <c r="J56665" s="1" t="s">
        <v>190587</v>
      </c>
    </row>
    <row r="56666" spans="1:10" x14ac:dyDescent="0.35">
      <c r="A56666" s="1" t="s">
        <v>27592</v>
      </c>
      <c r="B56666" s="1" t="s">
        <v>187129</v>
      </c>
      <c r="C56666" s="1" t="s">
        <v>25</v>
      </c>
      <c r="D56666" s="1" t="s">
        <v>190588</v>
      </c>
      <c r="E56666" s="1" t="s">
        <v>190589</v>
      </c>
      <c r="F56666" s="1" t="s">
        <v>190590</v>
      </c>
      <c r="G56666" s="1" t="s">
        <v>190579</v>
      </c>
      <c r="H56666" s="1" t="s">
        <v>190580</v>
      </c>
      <c r="I56666" s="1" t="s">
        <v>187135</v>
      </c>
      <c r="J56666" s="1" t="s">
        <v>190591</v>
      </c>
    </row>
    <row r="56667" spans="1:10" x14ac:dyDescent="0.35">
      <c r="A56667" s="1" t="s">
        <v>27592</v>
      </c>
      <c r="B56667" s="1" t="s">
        <v>187129</v>
      </c>
      <c r="C56667" s="1" t="s">
        <v>30</v>
      </c>
      <c r="D56667" s="1" t="s">
        <v>190592</v>
      </c>
      <c r="E56667" s="1" t="s">
        <v>190593</v>
      </c>
      <c r="F56667" s="1" t="s">
        <v>190594</v>
      </c>
      <c r="G56667" s="1" t="s">
        <v>190579</v>
      </c>
      <c r="H56667" s="1" t="s">
        <v>190580</v>
      </c>
      <c r="I56667" s="1" t="s">
        <v>187135</v>
      </c>
      <c r="J56667" s="1" t="s">
        <v>190595</v>
      </c>
    </row>
    <row r="56668" spans="1:10" x14ac:dyDescent="0.35">
      <c r="A56668" s="1" t="s">
        <v>27592</v>
      </c>
      <c r="B56668" s="1" t="s">
        <v>187129</v>
      </c>
      <c r="C56668" s="1" t="s">
        <v>35</v>
      </c>
      <c r="D56668" s="1" t="s">
        <v>190596</v>
      </c>
      <c r="E56668" s="1" t="s">
        <v>190597</v>
      </c>
      <c r="F56668" s="1" t="s">
        <v>190598</v>
      </c>
      <c r="G56668" s="1" t="s">
        <v>190579</v>
      </c>
      <c r="H56668" s="1" t="s">
        <v>190580</v>
      </c>
      <c r="I56668" s="1" t="s">
        <v>187135</v>
      </c>
      <c r="J56668" s="1" t="s">
        <v>190599</v>
      </c>
    </row>
    <row r="56669" spans="1:10" x14ac:dyDescent="0.35">
      <c r="A56669" s="1" t="s">
        <v>27592</v>
      </c>
      <c r="B56669" s="1" t="s">
        <v>187129</v>
      </c>
      <c r="C56669" s="1" t="s">
        <v>40</v>
      </c>
      <c r="D56669" s="1" t="s">
        <v>12524</v>
      </c>
      <c r="E56669" s="1" t="s">
        <v>190600</v>
      </c>
      <c r="F56669" s="1" t="s">
        <v>190601</v>
      </c>
      <c r="G56669" s="1" t="s">
        <v>190579</v>
      </c>
      <c r="H56669" s="1" t="s">
        <v>190580</v>
      </c>
      <c r="I56669" s="1" t="s">
        <v>187135</v>
      </c>
      <c r="J56669" s="1" t="s">
        <v>190602</v>
      </c>
    </row>
    <row r="56670" spans="1:10" x14ac:dyDescent="0.35">
      <c r="A56670" s="1" t="s">
        <v>27592</v>
      </c>
      <c r="B56670" s="1" t="s">
        <v>187129</v>
      </c>
      <c r="C56670" s="1" t="s">
        <v>45</v>
      </c>
      <c r="D56670" s="1" t="s">
        <v>109002</v>
      </c>
      <c r="E56670" s="1" t="s">
        <v>190603</v>
      </c>
      <c r="F56670" s="1" t="s">
        <v>190604</v>
      </c>
      <c r="G56670" s="1" t="s">
        <v>190579</v>
      </c>
      <c r="H56670" s="1" t="s">
        <v>190580</v>
      </c>
      <c r="I56670" s="1" t="s">
        <v>187135</v>
      </c>
      <c r="J56670" s="1" t="s">
        <v>12768</v>
      </c>
    </row>
    <row r="56671" spans="1:10" x14ac:dyDescent="0.35">
      <c r="A56671" s="1" t="s">
        <v>27592</v>
      </c>
      <c r="B56671" s="1" t="s">
        <v>187129</v>
      </c>
      <c r="C56671" s="1" t="s">
        <v>50</v>
      </c>
      <c r="D56671" s="1" t="s">
        <v>3749</v>
      </c>
      <c r="E56671" s="1" t="s">
        <v>190605</v>
      </c>
      <c r="F56671" s="1" t="s">
        <v>190606</v>
      </c>
      <c r="G56671" s="1" t="s">
        <v>190579</v>
      </c>
      <c r="H56671" s="1" t="s">
        <v>190580</v>
      </c>
      <c r="I56671" s="1" t="s">
        <v>187135</v>
      </c>
      <c r="J56671" s="1" t="s">
        <v>190607</v>
      </c>
    </row>
    <row r="56672" spans="1:10" x14ac:dyDescent="0.35">
      <c r="A56672" s="1" t="s">
        <v>27592</v>
      </c>
      <c r="B56672" s="1" t="s">
        <v>187129</v>
      </c>
      <c r="C56672" s="1" t="s">
        <v>55</v>
      </c>
      <c r="D56672" s="1" t="s">
        <v>190608</v>
      </c>
      <c r="E56672" s="1" t="s">
        <v>190609</v>
      </c>
      <c r="F56672" s="1" t="s">
        <v>190610</v>
      </c>
      <c r="G56672" s="1" t="s">
        <v>190579</v>
      </c>
      <c r="H56672" s="1" t="s">
        <v>190580</v>
      </c>
      <c r="I56672" s="1" t="s">
        <v>187135</v>
      </c>
      <c r="J56672" s="1" t="s">
        <v>190611</v>
      </c>
    </row>
    <row r="56673" spans="1:10" x14ac:dyDescent="0.35">
      <c r="A56673" s="1" t="s">
        <v>27592</v>
      </c>
      <c r="B56673" s="1" t="s">
        <v>187129</v>
      </c>
      <c r="C56673" s="1" t="s">
        <v>60</v>
      </c>
      <c r="D56673" s="1" t="s">
        <v>102894</v>
      </c>
      <c r="E56673" s="1" t="s">
        <v>190612</v>
      </c>
      <c r="F56673" s="1" t="s">
        <v>190613</v>
      </c>
      <c r="G56673" s="1" t="s">
        <v>190579</v>
      </c>
      <c r="H56673" s="1" t="s">
        <v>190580</v>
      </c>
      <c r="I56673" s="1" t="s">
        <v>187135</v>
      </c>
      <c r="J56673" s="1" t="s">
        <v>190614</v>
      </c>
    </row>
    <row r="56674" spans="1:10" x14ac:dyDescent="0.35">
      <c r="A56674" s="1" t="s">
        <v>27592</v>
      </c>
      <c r="B56674" s="1" t="s">
        <v>187129</v>
      </c>
      <c r="C56674" s="1" t="s">
        <v>65</v>
      </c>
      <c r="D56674" s="1" t="s">
        <v>79617</v>
      </c>
      <c r="E56674" s="1" t="s">
        <v>190615</v>
      </c>
      <c r="F56674" s="1" t="s">
        <v>190616</v>
      </c>
      <c r="G56674" s="1" t="s">
        <v>190579</v>
      </c>
      <c r="H56674" s="1" t="s">
        <v>190580</v>
      </c>
      <c r="I56674" s="1" t="s">
        <v>187135</v>
      </c>
      <c r="J56674" s="1" t="s">
        <v>190617</v>
      </c>
    </row>
    <row r="56675" spans="1:10" x14ac:dyDescent="0.35">
      <c r="A56675" s="1" t="s">
        <v>27592</v>
      </c>
      <c r="B56675" s="1" t="s">
        <v>187129</v>
      </c>
      <c r="C56675" s="1" t="s">
        <v>70</v>
      </c>
      <c r="D56675" s="1" t="s">
        <v>180939</v>
      </c>
      <c r="E56675" s="1" t="s">
        <v>190618</v>
      </c>
      <c r="F56675" s="1" t="s">
        <v>190619</v>
      </c>
      <c r="G56675" s="1" t="s">
        <v>190579</v>
      </c>
      <c r="H56675" s="1" t="s">
        <v>190580</v>
      </c>
      <c r="I56675" s="1" t="s">
        <v>187135</v>
      </c>
      <c r="J56675" s="1" t="s">
        <v>190620</v>
      </c>
    </row>
    <row r="56676" spans="1:10" x14ac:dyDescent="0.35">
      <c r="A56676" s="1" t="s">
        <v>27592</v>
      </c>
      <c r="B56676" s="1" t="s">
        <v>187129</v>
      </c>
      <c r="C56676" s="1" t="s">
        <v>75</v>
      </c>
      <c r="D56676" s="1" t="s">
        <v>54786</v>
      </c>
      <c r="E56676" s="1" t="s">
        <v>190621</v>
      </c>
      <c r="F56676" s="1" t="s">
        <v>190622</v>
      </c>
      <c r="G56676" s="1" t="s">
        <v>190579</v>
      </c>
      <c r="H56676" s="1" t="s">
        <v>190580</v>
      </c>
      <c r="I56676" s="1" t="s">
        <v>187135</v>
      </c>
      <c r="J56676" s="1" t="s">
        <v>190623</v>
      </c>
    </row>
    <row r="56677" spans="1:10" x14ac:dyDescent="0.35">
      <c r="A56677" s="1" t="s">
        <v>27592</v>
      </c>
      <c r="B56677" s="1" t="s">
        <v>187129</v>
      </c>
      <c r="C56677" s="1" t="s">
        <v>80</v>
      </c>
      <c r="D56677" s="1" t="s">
        <v>129115</v>
      </c>
      <c r="E56677" s="1" t="s">
        <v>190624</v>
      </c>
      <c r="F56677" s="1" t="s">
        <v>190625</v>
      </c>
      <c r="G56677" s="1" t="s">
        <v>190579</v>
      </c>
      <c r="H56677" s="1" t="s">
        <v>190580</v>
      </c>
      <c r="I56677" s="1" t="s">
        <v>187135</v>
      </c>
      <c r="J56677" s="1" t="s">
        <v>190626</v>
      </c>
    </row>
    <row r="56678" spans="1:10" x14ac:dyDescent="0.35">
      <c r="A56678" s="1" t="s">
        <v>27592</v>
      </c>
      <c r="B56678" s="1" t="s">
        <v>187129</v>
      </c>
      <c r="C56678" s="1" t="s">
        <v>85</v>
      </c>
      <c r="D56678" s="1" t="s">
        <v>94374</v>
      </c>
      <c r="E56678" s="1" t="s">
        <v>190627</v>
      </c>
      <c r="F56678" s="1" t="s">
        <v>190628</v>
      </c>
      <c r="G56678" s="1" t="s">
        <v>190579</v>
      </c>
      <c r="H56678" s="1" t="s">
        <v>190580</v>
      </c>
      <c r="I56678" s="1" t="s">
        <v>187135</v>
      </c>
      <c r="J56678" s="1" t="s">
        <v>190629</v>
      </c>
    </row>
    <row r="56679" spans="1:10" x14ac:dyDescent="0.35">
      <c r="A56679" s="1" t="s">
        <v>27592</v>
      </c>
      <c r="B56679" s="1" t="s">
        <v>187129</v>
      </c>
      <c r="C56679" s="1" t="s">
        <v>90</v>
      </c>
      <c r="D56679" s="1" t="s">
        <v>190630</v>
      </c>
      <c r="E56679" s="1" t="s">
        <v>190631</v>
      </c>
      <c r="F56679" s="1" t="s">
        <v>190632</v>
      </c>
      <c r="G56679" s="1" t="s">
        <v>190579</v>
      </c>
      <c r="H56679" s="1" t="s">
        <v>190580</v>
      </c>
      <c r="I56679" s="1" t="s">
        <v>187135</v>
      </c>
      <c r="J56679" s="1" t="s">
        <v>190633</v>
      </c>
    </row>
    <row r="56680" spans="1:10" x14ac:dyDescent="0.35">
      <c r="A56680" s="1" t="s">
        <v>27592</v>
      </c>
      <c r="B56680" s="1" t="s">
        <v>187129</v>
      </c>
      <c r="C56680" s="1" t="s">
        <v>95</v>
      </c>
      <c r="D56680" s="1" t="s">
        <v>190634</v>
      </c>
      <c r="E56680" s="1" t="s">
        <v>190635</v>
      </c>
      <c r="F56680" s="1" t="s">
        <v>190636</v>
      </c>
      <c r="G56680" s="1" t="s">
        <v>190579</v>
      </c>
      <c r="H56680" s="1" t="s">
        <v>190580</v>
      </c>
      <c r="I56680" s="1" t="s">
        <v>187135</v>
      </c>
      <c r="J56680" s="1" t="s">
        <v>190637</v>
      </c>
    </row>
    <row r="56681" spans="1:10" x14ac:dyDescent="0.35">
      <c r="A56681" s="1" t="s">
        <v>27592</v>
      </c>
      <c r="B56681" s="1" t="s">
        <v>187129</v>
      </c>
      <c r="C56681" s="1" t="s">
        <v>100</v>
      </c>
      <c r="D56681" s="1" t="s">
        <v>63436</v>
      </c>
      <c r="E56681" s="1" t="s">
        <v>190638</v>
      </c>
      <c r="F56681" s="1" t="s">
        <v>190639</v>
      </c>
      <c r="G56681" s="1" t="s">
        <v>190579</v>
      </c>
      <c r="H56681" s="1" t="s">
        <v>190580</v>
      </c>
      <c r="I56681" s="1" t="s">
        <v>187135</v>
      </c>
      <c r="J56681" s="1" t="s">
        <v>190640</v>
      </c>
    </row>
    <row r="56682" spans="1:10" x14ac:dyDescent="0.35">
      <c r="A56682" s="1" t="s">
        <v>27592</v>
      </c>
      <c r="B56682" s="1" t="s">
        <v>187129</v>
      </c>
      <c r="C56682" s="1" t="s">
        <v>105</v>
      </c>
      <c r="D56682" s="1" t="s">
        <v>65662</v>
      </c>
      <c r="E56682" s="1" t="s">
        <v>190641</v>
      </c>
      <c r="F56682" s="1" t="s">
        <v>190642</v>
      </c>
      <c r="G56682" s="1" t="s">
        <v>190579</v>
      </c>
      <c r="H56682" s="1" t="s">
        <v>190580</v>
      </c>
      <c r="I56682" s="1" t="s">
        <v>187135</v>
      </c>
      <c r="J56682" s="1" t="s">
        <v>190643</v>
      </c>
    </row>
    <row r="56683" spans="1:10" x14ac:dyDescent="0.35">
      <c r="A56683" s="1" t="s">
        <v>27592</v>
      </c>
      <c r="B56683" s="1" t="s">
        <v>187129</v>
      </c>
      <c r="C56683" s="1" t="s">
        <v>110</v>
      </c>
      <c r="D56683" s="1" t="s">
        <v>22169</v>
      </c>
      <c r="E56683" s="1" t="s">
        <v>190644</v>
      </c>
      <c r="F56683" s="1" t="s">
        <v>190645</v>
      </c>
      <c r="G56683" s="1" t="s">
        <v>190579</v>
      </c>
      <c r="H56683" s="1" t="s">
        <v>190580</v>
      </c>
      <c r="I56683" s="1" t="s">
        <v>187135</v>
      </c>
      <c r="J56683" s="1" t="s">
        <v>190646</v>
      </c>
    </row>
    <row r="56684" spans="1:10" x14ac:dyDescent="0.35">
      <c r="A56684" s="1" t="s">
        <v>27592</v>
      </c>
      <c r="B56684" s="1" t="s">
        <v>187129</v>
      </c>
      <c r="C56684" s="1" t="s">
        <v>115</v>
      </c>
      <c r="D56684" s="1" t="s">
        <v>91354</v>
      </c>
      <c r="E56684" s="1" t="s">
        <v>190647</v>
      </c>
      <c r="F56684" s="1" t="s">
        <v>190648</v>
      </c>
      <c r="G56684" s="1" t="s">
        <v>190579</v>
      </c>
      <c r="H56684" s="1" t="s">
        <v>190580</v>
      </c>
      <c r="I56684" s="1" t="s">
        <v>187135</v>
      </c>
      <c r="J56684" s="1" t="s">
        <v>190649</v>
      </c>
    </row>
    <row r="56685" spans="1:10" x14ac:dyDescent="0.35">
      <c r="A56685" s="1" t="s">
        <v>27592</v>
      </c>
      <c r="B56685" s="1" t="s">
        <v>187129</v>
      </c>
      <c r="C56685" s="1" t="s">
        <v>120</v>
      </c>
      <c r="D56685" s="1" t="s">
        <v>190650</v>
      </c>
      <c r="E56685" s="1" t="s">
        <v>190651</v>
      </c>
      <c r="F56685" s="1" t="s">
        <v>190652</v>
      </c>
      <c r="G56685" s="1" t="s">
        <v>190579</v>
      </c>
      <c r="H56685" s="1" t="s">
        <v>190580</v>
      </c>
      <c r="I56685" s="1" t="s">
        <v>187135</v>
      </c>
      <c r="J56685" s="1" t="s">
        <v>190653</v>
      </c>
    </row>
    <row r="56686" spans="1:10" x14ac:dyDescent="0.35">
      <c r="A56686" s="1" t="s">
        <v>27592</v>
      </c>
      <c r="B56686" s="1" t="s">
        <v>187129</v>
      </c>
      <c r="C56686" s="1" t="s">
        <v>125</v>
      </c>
      <c r="D56686" s="1" t="s">
        <v>55022</v>
      </c>
      <c r="E56686" s="1" t="s">
        <v>190654</v>
      </c>
      <c r="F56686" s="1" t="s">
        <v>190655</v>
      </c>
      <c r="G56686" s="1" t="s">
        <v>190579</v>
      </c>
      <c r="H56686" s="1" t="s">
        <v>190580</v>
      </c>
      <c r="I56686" s="1" t="s">
        <v>187135</v>
      </c>
      <c r="J56686" s="1" t="s">
        <v>190656</v>
      </c>
    </row>
    <row r="56687" spans="1:10" x14ac:dyDescent="0.35">
      <c r="A56687" s="1" t="s">
        <v>27592</v>
      </c>
      <c r="B56687" s="1" t="s">
        <v>187129</v>
      </c>
      <c r="C56687" s="1" t="s">
        <v>130</v>
      </c>
      <c r="D56687" s="1" t="s">
        <v>190657</v>
      </c>
      <c r="E56687" s="1" t="s">
        <v>190658</v>
      </c>
      <c r="F56687" s="1" t="s">
        <v>190659</v>
      </c>
      <c r="G56687" s="1" t="s">
        <v>190579</v>
      </c>
      <c r="H56687" s="1" t="s">
        <v>190580</v>
      </c>
      <c r="I56687" s="1" t="s">
        <v>187135</v>
      </c>
      <c r="J56687" s="1" t="s">
        <v>190660</v>
      </c>
    </row>
    <row r="56688" spans="1:10" x14ac:dyDescent="0.35">
      <c r="A56688" s="1" t="s">
        <v>27592</v>
      </c>
      <c r="B56688" s="1" t="s">
        <v>187129</v>
      </c>
      <c r="C56688" s="1" t="s">
        <v>135</v>
      </c>
      <c r="D56688" s="1" t="s">
        <v>137262</v>
      </c>
      <c r="E56688" s="1" t="s">
        <v>190661</v>
      </c>
      <c r="F56688" s="1" t="s">
        <v>190662</v>
      </c>
      <c r="G56688" s="1" t="s">
        <v>190579</v>
      </c>
      <c r="H56688" s="1" t="s">
        <v>190580</v>
      </c>
      <c r="I56688" s="1" t="s">
        <v>187135</v>
      </c>
      <c r="J56688" s="1" t="s">
        <v>190663</v>
      </c>
    </row>
    <row r="56689" spans="1:10" x14ac:dyDescent="0.35">
      <c r="A56689" s="1" t="s">
        <v>27592</v>
      </c>
      <c r="B56689" s="1" t="s">
        <v>187129</v>
      </c>
      <c r="C56689" s="1" t="s">
        <v>140</v>
      </c>
      <c r="D56689" s="1" t="s">
        <v>136760</v>
      </c>
      <c r="E56689" s="1" t="s">
        <v>190664</v>
      </c>
      <c r="F56689" s="1" t="s">
        <v>190665</v>
      </c>
      <c r="G56689" s="1" t="s">
        <v>190579</v>
      </c>
      <c r="H56689" s="1" t="s">
        <v>190580</v>
      </c>
      <c r="I56689" s="1" t="s">
        <v>187135</v>
      </c>
      <c r="J56689" s="1" t="s">
        <v>190666</v>
      </c>
    </row>
    <row r="56690" spans="1:10" x14ac:dyDescent="0.35">
      <c r="A56690" s="1" t="s">
        <v>27592</v>
      </c>
      <c r="B56690" s="1" t="s">
        <v>187129</v>
      </c>
      <c r="C56690" s="1" t="s">
        <v>145</v>
      </c>
      <c r="D56690" s="1" t="s">
        <v>60966</v>
      </c>
      <c r="E56690" s="1" t="s">
        <v>190667</v>
      </c>
      <c r="F56690" s="1" t="s">
        <v>190668</v>
      </c>
      <c r="G56690" s="1" t="s">
        <v>190579</v>
      </c>
      <c r="H56690" s="1" t="s">
        <v>190580</v>
      </c>
      <c r="I56690" s="1" t="s">
        <v>187135</v>
      </c>
      <c r="J56690" s="1" t="s">
        <v>190669</v>
      </c>
    </row>
    <row r="56691" spans="1:10" x14ac:dyDescent="0.35">
      <c r="A56691" s="1" t="s">
        <v>27592</v>
      </c>
      <c r="B56691" s="1" t="s">
        <v>187129</v>
      </c>
      <c r="C56691" s="1" t="s">
        <v>150</v>
      </c>
      <c r="D56691" s="1" t="s">
        <v>128294</v>
      </c>
      <c r="E56691" s="1" t="s">
        <v>190670</v>
      </c>
      <c r="F56691" s="1" t="s">
        <v>190671</v>
      </c>
      <c r="G56691" s="1" t="s">
        <v>190579</v>
      </c>
      <c r="H56691" s="1" t="s">
        <v>190580</v>
      </c>
      <c r="I56691" s="1" t="s">
        <v>187135</v>
      </c>
      <c r="J56691" s="1" t="s">
        <v>190672</v>
      </c>
    </row>
    <row r="56692" spans="1:10" x14ac:dyDescent="0.35">
      <c r="A56692" s="1" t="s">
        <v>27592</v>
      </c>
      <c r="B56692" s="1" t="s">
        <v>187129</v>
      </c>
      <c r="C56692" s="1" t="s">
        <v>155</v>
      </c>
      <c r="D56692" s="1" t="s">
        <v>139341</v>
      </c>
      <c r="E56692" s="1" t="s">
        <v>190673</v>
      </c>
      <c r="F56692" s="1" t="s">
        <v>190674</v>
      </c>
      <c r="G56692" s="1" t="s">
        <v>190579</v>
      </c>
      <c r="H56692" s="1" t="s">
        <v>190580</v>
      </c>
      <c r="I56692" s="1" t="s">
        <v>187135</v>
      </c>
      <c r="J56692" s="1" t="s">
        <v>190675</v>
      </c>
    </row>
    <row r="56693" spans="1:10" x14ac:dyDescent="0.35">
      <c r="A56693" s="1" t="s">
        <v>27592</v>
      </c>
      <c r="B56693" s="1" t="s">
        <v>187129</v>
      </c>
      <c r="C56693" s="1" t="s">
        <v>160</v>
      </c>
      <c r="D56693" s="1" t="s">
        <v>24922</v>
      </c>
      <c r="E56693" s="1" t="s">
        <v>190676</v>
      </c>
      <c r="F56693" s="1" t="s">
        <v>190677</v>
      </c>
      <c r="G56693" s="1" t="s">
        <v>190579</v>
      </c>
      <c r="H56693" s="1" t="s">
        <v>190580</v>
      </c>
      <c r="I56693" s="1" t="s">
        <v>187135</v>
      </c>
      <c r="J56693" s="1" t="s">
        <v>190678</v>
      </c>
    </row>
    <row r="56694" spans="1:10" x14ac:dyDescent="0.35">
      <c r="A56694" s="1" t="s">
        <v>27592</v>
      </c>
      <c r="B56694" s="1" t="s">
        <v>187129</v>
      </c>
      <c r="C56694" s="1" t="s">
        <v>165</v>
      </c>
      <c r="D56694" s="1" t="s">
        <v>122321</v>
      </c>
      <c r="E56694" s="1" t="s">
        <v>190679</v>
      </c>
      <c r="F56694" s="1" t="s">
        <v>190680</v>
      </c>
      <c r="G56694" s="1" t="s">
        <v>190579</v>
      </c>
      <c r="H56694" s="1" t="s">
        <v>190580</v>
      </c>
      <c r="I56694" s="1" t="s">
        <v>187135</v>
      </c>
      <c r="J56694" s="1" t="s">
        <v>190681</v>
      </c>
    </row>
    <row r="56695" spans="1:10" x14ac:dyDescent="0.35">
      <c r="A56695" s="1" t="s">
        <v>27592</v>
      </c>
      <c r="B56695" s="1" t="s">
        <v>187129</v>
      </c>
      <c r="C56695" s="1" t="s">
        <v>170</v>
      </c>
      <c r="D56695" s="1" t="s">
        <v>190682</v>
      </c>
      <c r="E56695" s="1" t="s">
        <v>190683</v>
      </c>
      <c r="F56695" s="1" t="s">
        <v>190684</v>
      </c>
      <c r="G56695" s="1" t="s">
        <v>190579</v>
      </c>
      <c r="H56695" s="1" t="s">
        <v>190580</v>
      </c>
      <c r="I56695" s="1" t="s">
        <v>187135</v>
      </c>
      <c r="J56695" s="1" t="s">
        <v>190685</v>
      </c>
    </row>
    <row r="56696" spans="1:10" x14ac:dyDescent="0.35">
      <c r="A56696" s="1" t="s">
        <v>171891</v>
      </c>
      <c r="B56696" s="1" t="s">
        <v>187129</v>
      </c>
      <c r="C56696" s="1" t="s">
        <v>8</v>
      </c>
      <c r="D56696" s="1" t="s">
        <v>12756</v>
      </c>
      <c r="E56696" s="1" t="s">
        <v>190686</v>
      </c>
      <c r="F56696" s="1" t="s">
        <v>190687</v>
      </c>
      <c r="G56696" s="1" t="s">
        <v>190688</v>
      </c>
      <c r="H56696" s="1" t="s">
        <v>190689</v>
      </c>
      <c r="I56696" s="1" t="s">
        <v>187135</v>
      </c>
      <c r="J56696" s="1" t="s">
        <v>13</v>
      </c>
    </row>
    <row r="56697" spans="1:10" x14ac:dyDescent="0.35">
      <c r="A56697" s="1" t="s">
        <v>171891</v>
      </c>
      <c r="B56697" s="1" t="s">
        <v>187129</v>
      </c>
      <c r="C56697" s="1" t="s">
        <v>15</v>
      </c>
      <c r="D56697" s="1" t="s">
        <v>190690</v>
      </c>
      <c r="E56697" s="1" t="s">
        <v>190691</v>
      </c>
      <c r="F56697" s="1" t="s">
        <v>190692</v>
      </c>
      <c r="G56697" s="1" t="s">
        <v>190688</v>
      </c>
      <c r="H56697" s="1" t="s">
        <v>190689</v>
      </c>
      <c r="I56697" s="1" t="s">
        <v>187135</v>
      </c>
      <c r="J56697" s="1" t="s">
        <v>190693</v>
      </c>
    </row>
    <row r="56698" spans="1:10" x14ac:dyDescent="0.35">
      <c r="A56698" s="1" t="s">
        <v>171891</v>
      </c>
      <c r="B56698" s="1" t="s">
        <v>187129</v>
      </c>
      <c r="C56698" s="1" t="s">
        <v>20</v>
      </c>
      <c r="D56698" s="1" t="s">
        <v>10776</v>
      </c>
      <c r="E56698" s="1" t="s">
        <v>190694</v>
      </c>
      <c r="F56698" s="1" t="s">
        <v>190695</v>
      </c>
      <c r="G56698" s="1" t="s">
        <v>190688</v>
      </c>
      <c r="H56698" s="1" t="s">
        <v>190689</v>
      </c>
      <c r="I56698" s="1" t="s">
        <v>187135</v>
      </c>
      <c r="J56698" s="1" t="s">
        <v>190696</v>
      </c>
    </row>
    <row r="56699" spans="1:10" x14ac:dyDescent="0.35">
      <c r="A56699" s="1" t="s">
        <v>171891</v>
      </c>
      <c r="B56699" s="1" t="s">
        <v>187129</v>
      </c>
      <c r="C56699" s="1" t="s">
        <v>25</v>
      </c>
      <c r="D56699" s="1" t="s">
        <v>189858</v>
      </c>
      <c r="E56699" s="1" t="s">
        <v>190697</v>
      </c>
      <c r="F56699" s="1" t="s">
        <v>190698</v>
      </c>
      <c r="G56699" s="1" t="s">
        <v>190688</v>
      </c>
      <c r="H56699" s="1" t="s">
        <v>190689</v>
      </c>
      <c r="I56699" s="1" t="s">
        <v>187135</v>
      </c>
      <c r="J56699" s="1" t="s">
        <v>190699</v>
      </c>
    </row>
    <row r="56700" spans="1:10" x14ac:dyDescent="0.35">
      <c r="A56700" s="1" t="s">
        <v>171891</v>
      </c>
      <c r="B56700" s="1" t="s">
        <v>187129</v>
      </c>
      <c r="C56700" s="1" t="s">
        <v>30</v>
      </c>
      <c r="D56700" s="1" t="s">
        <v>33905</v>
      </c>
      <c r="E56700" s="1" t="s">
        <v>190700</v>
      </c>
      <c r="F56700" s="1" t="s">
        <v>190701</v>
      </c>
      <c r="G56700" s="1" t="s">
        <v>190688</v>
      </c>
      <c r="H56700" s="1" t="s">
        <v>190689</v>
      </c>
      <c r="I56700" s="1" t="s">
        <v>187135</v>
      </c>
      <c r="J56700" s="1" t="s">
        <v>190702</v>
      </c>
    </row>
    <row r="56701" spans="1:10" x14ac:dyDescent="0.35">
      <c r="A56701" s="1" t="s">
        <v>171891</v>
      </c>
      <c r="B56701" s="1" t="s">
        <v>187129</v>
      </c>
      <c r="C56701" s="1" t="s">
        <v>35</v>
      </c>
      <c r="D56701" s="1" t="s">
        <v>33945</v>
      </c>
      <c r="E56701" s="1" t="s">
        <v>190703</v>
      </c>
      <c r="F56701" s="1" t="s">
        <v>190704</v>
      </c>
      <c r="G56701" s="1" t="s">
        <v>190688</v>
      </c>
      <c r="H56701" s="1" t="s">
        <v>190689</v>
      </c>
      <c r="I56701" s="1" t="s">
        <v>187135</v>
      </c>
      <c r="J56701" s="1" t="s">
        <v>190705</v>
      </c>
    </row>
    <row r="56702" spans="1:10" x14ac:dyDescent="0.35">
      <c r="A56702" s="1" t="s">
        <v>171891</v>
      </c>
      <c r="B56702" s="1" t="s">
        <v>187129</v>
      </c>
      <c r="C56702" s="1" t="s">
        <v>40</v>
      </c>
      <c r="D56702" s="1" t="s">
        <v>19536</v>
      </c>
      <c r="E56702" s="1" t="s">
        <v>190706</v>
      </c>
      <c r="F56702" s="1" t="s">
        <v>190707</v>
      </c>
      <c r="G56702" s="1" t="s">
        <v>190688</v>
      </c>
      <c r="H56702" s="1" t="s">
        <v>190689</v>
      </c>
      <c r="I56702" s="1" t="s">
        <v>187135</v>
      </c>
      <c r="J56702" s="1" t="s">
        <v>190708</v>
      </c>
    </row>
    <row r="56703" spans="1:10" x14ac:dyDescent="0.35">
      <c r="A56703" s="1" t="s">
        <v>171891</v>
      </c>
      <c r="B56703" s="1" t="s">
        <v>187129</v>
      </c>
      <c r="C56703" s="1" t="s">
        <v>45</v>
      </c>
      <c r="D56703" s="1" t="s">
        <v>10366</v>
      </c>
      <c r="E56703" s="1" t="s">
        <v>190709</v>
      </c>
      <c r="F56703" s="1" t="s">
        <v>190710</v>
      </c>
      <c r="G56703" s="1" t="s">
        <v>190688</v>
      </c>
      <c r="H56703" s="1" t="s">
        <v>190689</v>
      </c>
      <c r="I56703" s="1" t="s">
        <v>187135</v>
      </c>
      <c r="J56703" s="1" t="s">
        <v>190711</v>
      </c>
    </row>
    <row r="56704" spans="1:10" x14ac:dyDescent="0.35">
      <c r="A56704" s="1" t="s">
        <v>171891</v>
      </c>
      <c r="B56704" s="1" t="s">
        <v>187129</v>
      </c>
      <c r="C56704" s="1" t="s">
        <v>50</v>
      </c>
      <c r="D56704" s="1" t="s">
        <v>158300</v>
      </c>
      <c r="E56704" s="1" t="s">
        <v>190712</v>
      </c>
      <c r="F56704" s="1" t="s">
        <v>190713</v>
      </c>
      <c r="G56704" s="1" t="s">
        <v>190688</v>
      </c>
      <c r="H56704" s="1" t="s">
        <v>190689</v>
      </c>
      <c r="I56704" s="1" t="s">
        <v>187135</v>
      </c>
      <c r="J56704" s="1" t="s">
        <v>190714</v>
      </c>
    </row>
    <row r="56705" spans="1:10" x14ac:dyDescent="0.35">
      <c r="A56705" s="1" t="s">
        <v>171891</v>
      </c>
      <c r="B56705" s="1" t="s">
        <v>187129</v>
      </c>
      <c r="C56705" s="1" t="s">
        <v>55</v>
      </c>
      <c r="D56705" s="1" t="s">
        <v>35021</v>
      </c>
      <c r="E56705" s="1" t="s">
        <v>190715</v>
      </c>
      <c r="F56705" s="1" t="s">
        <v>190716</v>
      </c>
      <c r="G56705" s="1" t="s">
        <v>190688</v>
      </c>
      <c r="H56705" s="1" t="s">
        <v>190689</v>
      </c>
      <c r="I56705" s="1" t="s">
        <v>187135</v>
      </c>
      <c r="J56705" s="1" t="s">
        <v>190717</v>
      </c>
    </row>
    <row r="56706" spans="1:10" x14ac:dyDescent="0.35">
      <c r="A56706" s="1" t="s">
        <v>171891</v>
      </c>
      <c r="B56706" s="1" t="s">
        <v>187129</v>
      </c>
      <c r="C56706" s="1" t="s">
        <v>60</v>
      </c>
      <c r="D56706" s="1" t="s">
        <v>19000</v>
      </c>
      <c r="E56706" s="1" t="s">
        <v>190718</v>
      </c>
      <c r="F56706" s="1" t="s">
        <v>190719</v>
      </c>
      <c r="G56706" s="1" t="s">
        <v>190688</v>
      </c>
      <c r="H56706" s="1" t="s">
        <v>190689</v>
      </c>
      <c r="I56706" s="1" t="s">
        <v>187135</v>
      </c>
      <c r="J56706" s="1" t="s">
        <v>190720</v>
      </c>
    </row>
    <row r="56707" spans="1:10" x14ac:dyDescent="0.35">
      <c r="A56707" s="1" t="s">
        <v>171891</v>
      </c>
      <c r="B56707" s="1" t="s">
        <v>187129</v>
      </c>
      <c r="C56707" s="1" t="s">
        <v>65</v>
      </c>
      <c r="D56707" s="1" t="s">
        <v>190721</v>
      </c>
      <c r="E56707" s="1" t="s">
        <v>190722</v>
      </c>
      <c r="F56707" s="1" t="s">
        <v>190723</v>
      </c>
      <c r="G56707" s="1" t="s">
        <v>190688</v>
      </c>
      <c r="H56707" s="1" t="s">
        <v>190689</v>
      </c>
      <c r="I56707" s="1" t="s">
        <v>187135</v>
      </c>
      <c r="J56707" s="1" t="s">
        <v>190724</v>
      </c>
    </row>
    <row r="56708" spans="1:10" x14ac:dyDescent="0.35">
      <c r="A56708" s="1" t="s">
        <v>171891</v>
      </c>
      <c r="B56708" s="1" t="s">
        <v>187129</v>
      </c>
      <c r="C56708" s="1" t="s">
        <v>70</v>
      </c>
      <c r="D56708" s="1" t="s">
        <v>6735</v>
      </c>
      <c r="E56708" s="1" t="s">
        <v>190725</v>
      </c>
      <c r="F56708" s="1" t="s">
        <v>190726</v>
      </c>
      <c r="G56708" s="1" t="s">
        <v>190688</v>
      </c>
      <c r="H56708" s="1" t="s">
        <v>190689</v>
      </c>
      <c r="I56708" s="1" t="s">
        <v>187135</v>
      </c>
      <c r="J56708" s="1" t="s">
        <v>190727</v>
      </c>
    </row>
    <row r="56709" spans="1:10" x14ac:dyDescent="0.35">
      <c r="A56709" s="1" t="s">
        <v>171891</v>
      </c>
      <c r="B56709" s="1" t="s">
        <v>187129</v>
      </c>
      <c r="C56709" s="1" t="s">
        <v>75</v>
      </c>
      <c r="D56709" s="1" t="s">
        <v>36921</v>
      </c>
      <c r="E56709" s="1" t="s">
        <v>190728</v>
      </c>
      <c r="F56709" s="1" t="s">
        <v>190729</v>
      </c>
      <c r="G56709" s="1" t="s">
        <v>190688</v>
      </c>
      <c r="H56709" s="1" t="s">
        <v>190689</v>
      </c>
      <c r="I56709" s="1" t="s">
        <v>187135</v>
      </c>
      <c r="J56709" s="1" t="s">
        <v>190730</v>
      </c>
    </row>
    <row r="56710" spans="1:10" x14ac:dyDescent="0.35">
      <c r="A56710" s="1" t="s">
        <v>171891</v>
      </c>
      <c r="B56710" s="1" t="s">
        <v>187129</v>
      </c>
      <c r="C56710" s="1" t="s">
        <v>80</v>
      </c>
      <c r="D56710" s="1" t="s">
        <v>32983</v>
      </c>
      <c r="E56710" s="1" t="s">
        <v>190731</v>
      </c>
      <c r="F56710" s="1" t="s">
        <v>190732</v>
      </c>
      <c r="G56710" s="1" t="s">
        <v>190688</v>
      </c>
      <c r="H56710" s="1" t="s">
        <v>190689</v>
      </c>
      <c r="I56710" s="1" t="s">
        <v>187135</v>
      </c>
      <c r="J56710" s="1" t="s">
        <v>190733</v>
      </c>
    </row>
    <row r="56711" spans="1:10" x14ac:dyDescent="0.35">
      <c r="A56711" s="1" t="s">
        <v>171891</v>
      </c>
      <c r="B56711" s="1" t="s">
        <v>187129</v>
      </c>
      <c r="C56711" s="1" t="s">
        <v>85</v>
      </c>
      <c r="D56711" s="1" t="s">
        <v>35922</v>
      </c>
      <c r="E56711" s="1" t="s">
        <v>190734</v>
      </c>
      <c r="F56711" s="1" t="s">
        <v>190735</v>
      </c>
      <c r="G56711" s="1" t="s">
        <v>190688</v>
      </c>
      <c r="H56711" s="1" t="s">
        <v>190689</v>
      </c>
      <c r="I56711" s="1" t="s">
        <v>187135</v>
      </c>
      <c r="J56711" s="1" t="s">
        <v>190736</v>
      </c>
    </row>
    <row r="56712" spans="1:10" x14ac:dyDescent="0.35">
      <c r="A56712" s="1" t="s">
        <v>171891</v>
      </c>
      <c r="B56712" s="1" t="s">
        <v>187129</v>
      </c>
      <c r="C56712" s="1" t="s">
        <v>90</v>
      </c>
      <c r="D56712" s="1" t="s">
        <v>13505</v>
      </c>
      <c r="E56712" s="1" t="s">
        <v>190737</v>
      </c>
      <c r="F56712" s="1" t="s">
        <v>190738</v>
      </c>
      <c r="G56712" s="1" t="s">
        <v>190688</v>
      </c>
      <c r="H56712" s="1" t="s">
        <v>190689</v>
      </c>
      <c r="I56712" s="1" t="s">
        <v>187135</v>
      </c>
      <c r="J56712" s="1" t="s">
        <v>190739</v>
      </c>
    </row>
    <row r="56713" spans="1:10" x14ac:dyDescent="0.35">
      <c r="A56713" s="1" t="s">
        <v>171891</v>
      </c>
      <c r="B56713" s="1" t="s">
        <v>187129</v>
      </c>
      <c r="C56713" s="1" t="s">
        <v>95</v>
      </c>
      <c r="D56713" s="1" t="s">
        <v>48470</v>
      </c>
      <c r="E56713" s="1" t="s">
        <v>190740</v>
      </c>
      <c r="F56713" s="1" t="s">
        <v>190741</v>
      </c>
      <c r="G56713" s="1" t="s">
        <v>190688</v>
      </c>
      <c r="H56713" s="1" t="s">
        <v>190689</v>
      </c>
      <c r="I56713" s="1" t="s">
        <v>187135</v>
      </c>
      <c r="J56713" s="1" t="s">
        <v>190742</v>
      </c>
    </row>
    <row r="56714" spans="1:10" x14ac:dyDescent="0.35">
      <c r="A56714" s="1" t="s">
        <v>171891</v>
      </c>
      <c r="B56714" s="1" t="s">
        <v>187129</v>
      </c>
      <c r="C56714" s="1" t="s">
        <v>100</v>
      </c>
      <c r="D56714" s="1" t="s">
        <v>187732</v>
      </c>
      <c r="E56714" s="1" t="s">
        <v>190743</v>
      </c>
      <c r="F56714" s="1" t="s">
        <v>190744</v>
      </c>
      <c r="G56714" s="1" t="s">
        <v>190688</v>
      </c>
      <c r="H56714" s="1" t="s">
        <v>190689</v>
      </c>
      <c r="I56714" s="1" t="s">
        <v>187135</v>
      </c>
      <c r="J56714" s="1" t="s">
        <v>190745</v>
      </c>
    </row>
    <row r="56715" spans="1:10" x14ac:dyDescent="0.35">
      <c r="A56715" s="1" t="s">
        <v>171891</v>
      </c>
      <c r="B56715" s="1" t="s">
        <v>187129</v>
      </c>
      <c r="C56715" s="1" t="s">
        <v>105</v>
      </c>
      <c r="D56715" s="1" t="s">
        <v>33227</v>
      </c>
      <c r="E56715" s="1" t="s">
        <v>190746</v>
      </c>
      <c r="F56715" s="1" t="s">
        <v>190747</v>
      </c>
      <c r="G56715" s="1" t="s">
        <v>190688</v>
      </c>
      <c r="H56715" s="1" t="s">
        <v>190689</v>
      </c>
      <c r="I56715" s="1" t="s">
        <v>187135</v>
      </c>
      <c r="J56715" s="1" t="s">
        <v>190748</v>
      </c>
    </row>
    <row r="56716" spans="1:10" x14ac:dyDescent="0.35">
      <c r="A56716" s="1" t="s">
        <v>171891</v>
      </c>
      <c r="B56716" s="1" t="s">
        <v>187129</v>
      </c>
      <c r="C56716" s="1" t="s">
        <v>110</v>
      </c>
      <c r="D56716" s="1" t="s">
        <v>190749</v>
      </c>
      <c r="E56716" s="1" t="s">
        <v>190750</v>
      </c>
      <c r="F56716" s="1" t="s">
        <v>190751</v>
      </c>
      <c r="G56716" s="1" t="s">
        <v>190688</v>
      </c>
      <c r="H56716" s="1" t="s">
        <v>190689</v>
      </c>
      <c r="I56716" s="1" t="s">
        <v>187135</v>
      </c>
      <c r="J56716" s="1" t="s">
        <v>190752</v>
      </c>
    </row>
    <row r="56717" spans="1:10" x14ac:dyDescent="0.35">
      <c r="A56717" s="1" t="s">
        <v>171891</v>
      </c>
      <c r="B56717" s="1" t="s">
        <v>187129</v>
      </c>
      <c r="C56717" s="1" t="s">
        <v>115</v>
      </c>
      <c r="D56717" s="1" t="s">
        <v>181311</v>
      </c>
      <c r="E56717" s="1" t="s">
        <v>190753</v>
      </c>
      <c r="F56717" s="1" t="s">
        <v>190754</v>
      </c>
      <c r="G56717" s="1" t="s">
        <v>190688</v>
      </c>
      <c r="H56717" s="1" t="s">
        <v>190689</v>
      </c>
      <c r="I56717" s="1" t="s">
        <v>187135</v>
      </c>
      <c r="J56717" s="1" t="s">
        <v>190755</v>
      </c>
    </row>
    <row r="56718" spans="1:10" x14ac:dyDescent="0.35">
      <c r="A56718" s="1" t="s">
        <v>171891</v>
      </c>
      <c r="B56718" s="1" t="s">
        <v>187129</v>
      </c>
      <c r="C56718" s="1" t="s">
        <v>120</v>
      </c>
      <c r="D56718" s="1" t="s">
        <v>190756</v>
      </c>
      <c r="E56718" s="1" t="s">
        <v>190757</v>
      </c>
      <c r="F56718" s="1" t="s">
        <v>190758</v>
      </c>
      <c r="G56718" s="1" t="s">
        <v>190688</v>
      </c>
      <c r="H56718" s="1" t="s">
        <v>190689</v>
      </c>
      <c r="I56718" s="1" t="s">
        <v>187135</v>
      </c>
      <c r="J56718" s="1" t="s">
        <v>190759</v>
      </c>
    </row>
    <row r="56719" spans="1:10" x14ac:dyDescent="0.35">
      <c r="A56719" s="1" t="s">
        <v>171891</v>
      </c>
      <c r="B56719" s="1" t="s">
        <v>187129</v>
      </c>
      <c r="C56719" s="1" t="s">
        <v>125</v>
      </c>
      <c r="D56719" s="1" t="s">
        <v>190760</v>
      </c>
      <c r="E56719" s="1" t="s">
        <v>190761</v>
      </c>
      <c r="F56719" s="1" t="s">
        <v>190762</v>
      </c>
      <c r="G56719" s="1" t="s">
        <v>190688</v>
      </c>
      <c r="H56719" s="1" t="s">
        <v>190689</v>
      </c>
      <c r="I56719" s="1" t="s">
        <v>187135</v>
      </c>
      <c r="J56719" s="1" t="s">
        <v>190763</v>
      </c>
    </row>
    <row r="56720" spans="1:10" x14ac:dyDescent="0.35">
      <c r="A56720" s="1" t="s">
        <v>171891</v>
      </c>
      <c r="B56720" s="1" t="s">
        <v>187129</v>
      </c>
      <c r="C56720" s="1" t="s">
        <v>130</v>
      </c>
      <c r="D56720" s="1" t="s">
        <v>172965</v>
      </c>
      <c r="E56720" s="1" t="s">
        <v>190764</v>
      </c>
      <c r="F56720" s="1" t="s">
        <v>190765</v>
      </c>
      <c r="G56720" s="1" t="s">
        <v>190688</v>
      </c>
      <c r="H56720" s="1" t="s">
        <v>190689</v>
      </c>
      <c r="I56720" s="1" t="s">
        <v>187135</v>
      </c>
      <c r="J56720" s="1" t="s">
        <v>190766</v>
      </c>
    </row>
    <row r="56721" spans="1:10" x14ac:dyDescent="0.35">
      <c r="A56721" s="1" t="s">
        <v>171891</v>
      </c>
      <c r="B56721" s="1" t="s">
        <v>187129</v>
      </c>
      <c r="C56721" s="1" t="s">
        <v>135</v>
      </c>
      <c r="D56721" s="1" t="s">
        <v>45445</v>
      </c>
      <c r="E56721" s="1" t="s">
        <v>190767</v>
      </c>
      <c r="F56721" s="1" t="s">
        <v>190768</v>
      </c>
      <c r="G56721" s="1" t="s">
        <v>190688</v>
      </c>
      <c r="H56721" s="1" t="s">
        <v>190689</v>
      </c>
      <c r="I56721" s="1" t="s">
        <v>187135</v>
      </c>
      <c r="J56721" s="1" t="s">
        <v>190769</v>
      </c>
    </row>
    <row r="56722" spans="1:10" x14ac:dyDescent="0.35">
      <c r="A56722" s="1" t="s">
        <v>171891</v>
      </c>
      <c r="B56722" s="1" t="s">
        <v>187129</v>
      </c>
      <c r="C56722" s="1" t="s">
        <v>140</v>
      </c>
      <c r="D56722" s="1" t="s">
        <v>36646</v>
      </c>
      <c r="E56722" s="1" t="s">
        <v>190770</v>
      </c>
      <c r="F56722" s="1" t="s">
        <v>190771</v>
      </c>
      <c r="G56722" s="1" t="s">
        <v>190688</v>
      </c>
      <c r="H56722" s="1" t="s">
        <v>190689</v>
      </c>
      <c r="I56722" s="1" t="s">
        <v>187135</v>
      </c>
      <c r="J56722" s="1" t="s">
        <v>190772</v>
      </c>
    </row>
    <row r="56723" spans="1:10" x14ac:dyDescent="0.35">
      <c r="A56723" s="1" t="s">
        <v>171891</v>
      </c>
      <c r="B56723" s="1" t="s">
        <v>187129</v>
      </c>
      <c r="C56723" s="1" t="s">
        <v>145</v>
      </c>
      <c r="D56723" s="1" t="s">
        <v>186404</v>
      </c>
      <c r="E56723" s="1" t="s">
        <v>190773</v>
      </c>
      <c r="F56723" s="1" t="s">
        <v>190774</v>
      </c>
      <c r="G56723" s="1" t="s">
        <v>190688</v>
      </c>
      <c r="H56723" s="1" t="s">
        <v>190689</v>
      </c>
      <c r="I56723" s="1" t="s">
        <v>187135</v>
      </c>
      <c r="J56723" s="1" t="s">
        <v>190775</v>
      </c>
    </row>
    <row r="56724" spans="1:10" x14ac:dyDescent="0.35">
      <c r="A56724" s="1" t="s">
        <v>171891</v>
      </c>
      <c r="B56724" s="1" t="s">
        <v>187129</v>
      </c>
      <c r="C56724" s="1" t="s">
        <v>150</v>
      </c>
      <c r="D56724" s="1" t="s">
        <v>185513</v>
      </c>
      <c r="E56724" s="1" t="s">
        <v>190776</v>
      </c>
      <c r="F56724" s="1" t="s">
        <v>190777</v>
      </c>
      <c r="G56724" s="1" t="s">
        <v>190688</v>
      </c>
      <c r="H56724" s="1" t="s">
        <v>190689</v>
      </c>
      <c r="I56724" s="1" t="s">
        <v>187135</v>
      </c>
      <c r="J56724" s="1" t="s">
        <v>190778</v>
      </c>
    </row>
    <row r="56725" spans="1:10" x14ac:dyDescent="0.35">
      <c r="A56725" s="1" t="s">
        <v>171891</v>
      </c>
      <c r="B56725" s="1" t="s">
        <v>187129</v>
      </c>
      <c r="C56725" s="1" t="s">
        <v>155</v>
      </c>
      <c r="D56725" s="1" t="s">
        <v>83161</v>
      </c>
      <c r="E56725" s="1" t="s">
        <v>190779</v>
      </c>
      <c r="F56725" s="1" t="s">
        <v>190780</v>
      </c>
      <c r="G56725" s="1" t="s">
        <v>190688</v>
      </c>
      <c r="H56725" s="1" t="s">
        <v>190689</v>
      </c>
      <c r="I56725" s="1" t="s">
        <v>187135</v>
      </c>
      <c r="J56725" s="1" t="s">
        <v>190781</v>
      </c>
    </row>
    <row r="56726" spans="1:10" x14ac:dyDescent="0.35">
      <c r="A56726" s="1" t="s">
        <v>171891</v>
      </c>
      <c r="B56726" s="1" t="s">
        <v>187129</v>
      </c>
      <c r="C56726" s="1" t="s">
        <v>160</v>
      </c>
      <c r="D56726" s="1" t="s">
        <v>176935</v>
      </c>
      <c r="E56726" s="1" t="s">
        <v>190782</v>
      </c>
      <c r="F56726" s="1" t="s">
        <v>190783</v>
      </c>
      <c r="G56726" s="1" t="s">
        <v>190688</v>
      </c>
      <c r="H56726" s="1" t="s">
        <v>190689</v>
      </c>
      <c r="I56726" s="1" t="s">
        <v>187135</v>
      </c>
      <c r="J56726" s="1" t="s">
        <v>190784</v>
      </c>
    </row>
    <row r="56727" spans="1:10" x14ac:dyDescent="0.35">
      <c r="A56727" s="1" t="s">
        <v>171891</v>
      </c>
      <c r="B56727" s="1" t="s">
        <v>187129</v>
      </c>
      <c r="C56727" s="1" t="s">
        <v>165</v>
      </c>
      <c r="D56727" s="1" t="s">
        <v>190785</v>
      </c>
      <c r="E56727" s="1" t="s">
        <v>190786</v>
      </c>
      <c r="F56727" s="1" t="s">
        <v>190787</v>
      </c>
      <c r="G56727" s="1" t="s">
        <v>190688</v>
      </c>
      <c r="H56727" s="1" t="s">
        <v>190689</v>
      </c>
      <c r="I56727" s="1" t="s">
        <v>187135</v>
      </c>
      <c r="J56727" s="1" t="s">
        <v>190788</v>
      </c>
    </row>
    <row r="56728" spans="1:10" x14ac:dyDescent="0.35">
      <c r="A56728" s="1" t="s">
        <v>171891</v>
      </c>
      <c r="B56728" s="1" t="s">
        <v>187129</v>
      </c>
      <c r="C56728" s="1" t="s">
        <v>170</v>
      </c>
      <c r="D56728" s="1" t="s">
        <v>190749</v>
      </c>
      <c r="E56728" s="1" t="s">
        <v>190789</v>
      </c>
      <c r="F56728" s="1" t="s">
        <v>190790</v>
      </c>
      <c r="G56728" s="1" t="s">
        <v>190688</v>
      </c>
      <c r="H56728" s="1" t="s">
        <v>190689</v>
      </c>
      <c r="I56728" s="1" t="s">
        <v>187135</v>
      </c>
      <c r="J56728" s="1" t="s">
        <v>190791</v>
      </c>
    </row>
    <row r="56729" spans="1:10" x14ac:dyDescent="0.35">
      <c r="A56729" s="1" t="s">
        <v>143023</v>
      </c>
      <c r="B56729" s="1" t="s">
        <v>187129</v>
      </c>
      <c r="C56729" s="1" t="s">
        <v>8</v>
      </c>
      <c r="D56729" s="1" t="s">
        <v>190792</v>
      </c>
      <c r="E56729" s="1" t="s">
        <v>190793</v>
      </c>
      <c r="F56729" s="1" t="s">
        <v>190794</v>
      </c>
      <c r="G56729" s="1" t="s">
        <v>190795</v>
      </c>
      <c r="H56729" s="1" t="s">
        <v>190796</v>
      </c>
      <c r="I56729" s="1" t="s">
        <v>187135</v>
      </c>
      <c r="J56729" s="1" t="s">
        <v>13</v>
      </c>
    </row>
    <row r="56730" spans="1:10" x14ac:dyDescent="0.35">
      <c r="A56730" s="1" t="s">
        <v>143023</v>
      </c>
      <c r="B56730" s="1" t="s">
        <v>187129</v>
      </c>
      <c r="C56730" s="1" t="s">
        <v>15</v>
      </c>
      <c r="D56730" s="1" t="s">
        <v>149670</v>
      </c>
      <c r="E56730" s="1" t="s">
        <v>190797</v>
      </c>
      <c r="F56730" s="1" t="s">
        <v>190798</v>
      </c>
      <c r="G56730" s="1" t="s">
        <v>190795</v>
      </c>
      <c r="H56730" s="1" t="s">
        <v>190796</v>
      </c>
      <c r="I56730" s="1" t="s">
        <v>187135</v>
      </c>
      <c r="J56730" s="1" t="s">
        <v>190799</v>
      </c>
    </row>
    <row r="56731" spans="1:10" x14ac:dyDescent="0.35">
      <c r="A56731" s="1" t="s">
        <v>143023</v>
      </c>
      <c r="B56731" s="1" t="s">
        <v>187129</v>
      </c>
      <c r="C56731" s="1" t="s">
        <v>20</v>
      </c>
      <c r="D56731" s="1" t="s">
        <v>190800</v>
      </c>
      <c r="E56731" s="1" t="s">
        <v>190801</v>
      </c>
      <c r="F56731" s="1" t="s">
        <v>190802</v>
      </c>
      <c r="G56731" s="1" t="s">
        <v>190795</v>
      </c>
      <c r="H56731" s="1" t="s">
        <v>190796</v>
      </c>
      <c r="I56731" s="1" t="s">
        <v>187135</v>
      </c>
      <c r="J56731" s="1" t="s">
        <v>190803</v>
      </c>
    </row>
    <row r="56732" spans="1:10" x14ac:dyDescent="0.35">
      <c r="A56732" s="1" t="s">
        <v>143023</v>
      </c>
      <c r="B56732" s="1" t="s">
        <v>187129</v>
      </c>
      <c r="C56732" s="1" t="s">
        <v>25</v>
      </c>
      <c r="D56732" s="1" t="s">
        <v>190804</v>
      </c>
      <c r="E56732" s="1" t="s">
        <v>190805</v>
      </c>
      <c r="F56732" s="1" t="s">
        <v>190806</v>
      </c>
      <c r="G56732" s="1" t="s">
        <v>190795</v>
      </c>
      <c r="H56732" s="1" t="s">
        <v>190796</v>
      </c>
      <c r="I56732" s="1" t="s">
        <v>187135</v>
      </c>
      <c r="J56732" s="1" t="s">
        <v>190807</v>
      </c>
    </row>
    <row r="56733" spans="1:10" x14ac:dyDescent="0.35">
      <c r="A56733" s="1" t="s">
        <v>143023</v>
      </c>
      <c r="B56733" s="1" t="s">
        <v>187129</v>
      </c>
      <c r="C56733" s="1" t="s">
        <v>30</v>
      </c>
      <c r="D56733" s="1" t="s">
        <v>32121</v>
      </c>
      <c r="E56733" s="1" t="s">
        <v>190808</v>
      </c>
      <c r="F56733" s="1" t="s">
        <v>190809</v>
      </c>
      <c r="G56733" s="1" t="s">
        <v>190795</v>
      </c>
      <c r="H56733" s="1" t="s">
        <v>190796</v>
      </c>
      <c r="I56733" s="1" t="s">
        <v>187135</v>
      </c>
      <c r="J56733" s="1" t="s">
        <v>190810</v>
      </c>
    </row>
    <row r="56734" spans="1:10" x14ac:dyDescent="0.35">
      <c r="A56734" s="1" t="s">
        <v>143023</v>
      </c>
      <c r="B56734" s="1" t="s">
        <v>187129</v>
      </c>
      <c r="C56734" s="1" t="s">
        <v>35</v>
      </c>
      <c r="D56734" s="1" t="s">
        <v>10377</v>
      </c>
      <c r="E56734" s="1" t="s">
        <v>190811</v>
      </c>
      <c r="F56734" s="1" t="s">
        <v>190812</v>
      </c>
      <c r="G56734" s="1" t="s">
        <v>190795</v>
      </c>
      <c r="H56734" s="1" t="s">
        <v>190796</v>
      </c>
      <c r="I56734" s="1" t="s">
        <v>187135</v>
      </c>
      <c r="J56734" s="1" t="s">
        <v>190813</v>
      </c>
    </row>
    <row r="56735" spans="1:10" x14ac:dyDescent="0.35">
      <c r="A56735" s="1" t="s">
        <v>143023</v>
      </c>
      <c r="B56735" s="1" t="s">
        <v>187129</v>
      </c>
      <c r="C56735" s="1" t="s">
        <v>40</v>
      </c>
      <c r="D56735" s="1" t="s">
        <v>73222</v>
      </c>
      <c r="E56735" s="1" t="s">
        <v>190814</v>
      </c>
      <c r="F56735" s="1" t="s">
        <v>190815</v>
      </c>
      <c r="G56735" s="1" t="s">
        <v>190795</v>
      </c>
      <c r="H56735" s="1" t="s">
        <v>190796</v>
      </c>
      <c r="I56735" s="1" t="s">
        <v>187135</v>
      </c>
      <c r="J56735" s="1" t="s">
        <v>190816</v>
      </c>
    </row>
    <row r="56736" spans="1:10" x14ac:dyDescent="0.35">
      <c r="A56736" s="1" t="s">
        <v>143023</v>
      </c>
      <c r="B56736" s="1" t="s">
        <v>187129</v>
      </c>
      <c r="C56736" s="1" t="s">
        <v>45</v>
      </c>
      <c r="D56736" s="1" t="s">
        <v>190817</v>
      </c>
      <c r="E56736" s="1" t="s">
        <v>190818</v>
      </c>
      <c r="F56736" s="1" t="s">
        <v>190819</v>
      </c>
      <c r="G56736" s="1" t="s">
        <v>190795</v>
      </c>
      <c r="H56736" s="1" t="s">
        <v>190796</v>
      </c>
      <c r="I56736" s="1" t="s">
        <v>187135</v>
      </c>
      <c r="J56736" s="1" t="s">
        <v>190820</v>
      </c>
    </row>
    <row r="56737" spans="1:10" x14ac:dyDescent="0.35">
      <c r="A56737" s="1" t="s">
        <v>143023</v>
      </c>
      <c r="B56737" s="1" t="s">
        <v>187129</v>
      </c>
      <c r="C56737" s="1" t="s">
        <v>50</v>
      </c>
      <c r="D56737" s="1" t="s">
        <v>181843</v>
      </c>
      <c r="E56737" s="1" t="s">
        <v>190821</v>
      </c>
      <c r="F56737" s="1" t="s">
        <v>190822</v>
      </c>
      <c r="G56737" s="1" t="s">
        <v>190795</v>
      </c>
      <c r="H56737" s="1" t="s">
        <v>190796</v>
      </c>
      <c r="I56737" s="1" t="s">
        <v>187135</v>
      </c>
      <c r="J56737" s="1" t="s">
        <v>190823</v>
      </c>
    </row>
    <row r="56738" spans="1:10" x14ac:dyDescent="0.35">
      <c r="A56738" s="1" t="s">
        <v>143023</v>
      </c>
      <c r="B56738" s="1" t="s">
        <v>187129</v>
      </c>
      <c r="C56738" s="1" t="s">
        <v>55</v>
      </c>
      <c r="D56738" s="1" t="s">
        <v>388</v>
      </c>
      <c r="E56738" s="1" t="s">
        <v>190824</v>
      </c>
      <c r="F56738" s="1" t="s">
        <v>190825</v>
      </c>
      <c r="G56738" s="1" t="s">
        <v>190795</v>
      </c>
      <c r="H56738" s="1" t="s">
        <v>190796</v>
      </c>
      <c r="I56738" s="1" t="s">
        <v>187135</v>
      </c>
      <c r="J56738" s="1" t="s">
        <v>190826</v>
      </c>
    </row>
    <row r="56739" spans="1:10" x14ac:dyDescent="0.35">
      <c r="A56739" s="1" t="s">
        <v>143023</v>
      </c>
      <c r="B56739" s="1" t="s">
        <v>187129</v>
      </c>
      <c r="C56739" s="1" t="s">
        <v>60</v>
      </c>
      <c r="D56739" s="1" t="s">
        <v>5437</v>
      </c>
      <c r="E56739" s="1" t="s">
        <v>190827</v>
      </c>
      <c r="F56739" s="1" t="s">
        <v>190828</v>
      </c>
      <c r="G56739" s="1" t="s">
        <v>190795</v>
      </c>
      <c r="H56739" s="1" t="s">
        <v>190796</v>
      </c>
      <c r="I56739" s="1" t="s">
        <v>187135</v>
      </c>
      <c r="J56739" s="1" t="s">
        <v>190829</v>
      </c>
    </row>
    <row r="56740" spans="1:10" x14ac:dyDescent="0.35">
      <c r="A56740" s="1" t="s">
        <v>143023</v>
      </c>
      <c r="B56740" s="1" t="s">
        <v>187129</v>
      </c>
      <c r="C56740" s="1" t="s">
        <v>65</v>
      </c>
      <c r="D56740" s="1" t="s">
        <v>190830</v>
      </c>
      <c r="E56740" s="1" t="s">
        <v>190831</v>
      </c>
      <c r="F56740" s="1" t="s">
        <v>190832</v>
      </c>
      <c r="G56740" s="1" t="s">
        <v>190795</v>
      </c>
      <c r="H56740" s="1" t="s">
        <v>190796</v>
      </c>
      <c r="I56740" s="1" t="s">
        <v>187135</v>
      </c>
      <c r="J56740" s="1" t="s">
        <v>190833</v>
      </c>
    </row>
    <row r="56741" spans="1:10" x14ac:dyDescent="0.35">
      <c r="A56741" s="1" t="s">
        <v>143023</v>
      </c>
      <c r="B56741" s="1" t="s">
        <v>187129</v>
      </c>
      <c r="C56741" s="1" t="s">
        <v>70</v>
      </c>
      <c r="D56741" s="1" t="s">
        <v>181045</v>
      </c>
      <c r="E56741" s="1" t="s">
        <v>190834</v>
      </c>
      <c r="F56741" s="1" t="s">
        <v>190835</v>
      </c>
      <c r="G56741" s="1" t="s">
        <v>190795</v>
      </c>
      <c r="H56741" s="1" t="s">
        <v>190796</v>
      </c>
      <c r="I56741" s="1" t="s">
        <v>187135</v>
      </c>
      <c r="J56741" s="1" t="s">
        <v>190836</v>
      </c>
    </row>
    <row r="56742" spans="1:10" x14ac:dyDescent="0.35">
      <c r="A56742" s="1" t="s">
        <v>143023</v>
      </c>
      <c r="B56742" s="1" t="s">
        <v>187129</v>
      </c>
      <c r="C56742" s="1" t="s">
        <v>75</v>
      </c>
      <c r="D56742" s="1" t="s">
        <v>118988</v>
      </c>
      <c r="E56742" s="1" t="s">
        <v>190837</v>
      </c>
      <c r="F56742" s="1" t="s">
        <v>190838</v>
      </c>
      <c r="G56742" s="1" t="s">
        <v>190795</v>
      </c>
      <c r="H56742" s="1" t="s">
        <v>190796</v>
      </c>
      <c r="I56742" s="1" t="s">
        <v>187135</v>
      </c>
      <c r="J56742" s="1" t="s">
        <v>190839</v>
      </c>
    </row>
    <row r="56743" spans="1:10" x14ac:dyDescent="0.35">
      <c r="A56743" s="1" t="s">
        <v>143023</v>
      </c>
      <c r="B56743" s="1" t="s">
        <v>187129</v>
      </c>
      <c r="C56743" s="1" t="s">
        <v>80</v>
      </c>
      <c r="D56743" s="1" t="s">
        <v>190840</v>
      </c>
      <c r="E56743" s="1" t="s">
        <v>190841</v>
      </c>
      <c r="F56743" s="1" t="s">
        <v>190842</v>
      </c>
      <c r="G56743" s="1" t="s">
        <v>190795</v>
      </c>
      <c r="H56743" s="1" t="s">
        <v>190796</v>
      </c>
      <c r="I56743" s="1" t="s">
        <v>187135</v>
      </c>
      <c r="J56743" s="1" t="s">
        <v>190843</v>
      </c>
    </row>
    <row r="56744" spans="1:10" x14ac:dyDescent="0.35">
      <c r="A56744" s="1" t="s">
        <v>143023</v>
      </c>
      <c r="B56744" s="1" t="s">
        <v>187129</v>
      </c>
      <c r="C56744" s="1" t="s">
        <v>85</v>
      </c>
      <c r="D56744" s="1" t="s">
        <v>169561</v>
      </c>
      <c r="E56744" s="1" t="s">
        <v>190844</v>
      </c>
      <c r="F56744" s="1" t="s">
        <v>190845</v>
      </c>
      <c r="G56744" s="1" t="s">
        <v>190795</v>
      </c>
      <c r="H56744" s="1" t="s">
        <v>190796</v>
      </c>
      <c r="I56744" s="1" t="s">
        <v>187135</v>
      </c>
      <c r="J56744" s="1" t="s">
        <v>190846</v>
      </c>
    </row>
    <row r="56745" spans="1:10" x14ac:dyDescent="0.35">
      <c r="A56745" s="1" t="s">
        <v>143023</v>
      </c>
      <c r="B56745" s="1" t="s">
        <v>187129</v>
      </c>
      <c r="C56745" s="1" t="s">
        <v>90</v>
      </c>
      <c r="D56745" s="1" t="s">
        <v>190847</v>
      </c>
      <c r="E56745" s="1" t="s">
        <v>190848</v>
      </c>
      <c r="F56745" s="1" t="s">
        <v>190849</v>
      </c>
      <c r="G56745" s="1" t="s">
        <v>190795</v>
      </c>
      <c r="H56745" s="1" t="s">
        <v>190796</v>
      </c>
      <c r="I56745" s="1" t="s">
        <v>187135</v>
      </c>
      <c r="J56745" s="1" t="s">
        <v>190850</v>
      </c>
    </row>
    <row r="56746" spans="1:10" x14ac:dyDescent="0.35">
      <c r="A56746" s="1" t="s">
        <v>143023</v>
      </c>
      <c r="B56746" s="1" t="s">
        <v>187129</v>
      </c>
      <c r="C56746" s="1" t="s">
        <v>95</v>
      </c>
      <c r="D56746" s="1" t="s">
        <v>17605</v>
      </c>
      <c r="E56746" s="1" t="s">
        <v>190851</v>
      </c>
      <c r="F56746" s="1" t="s">
        <v>190852</v>
      </c>
      <c r="G56746" s="1" t="s">
        <v>190795</v>
      </c>
      <c r="H56746" s="1" t="s">
        <v>190796</v>
      </c>
      <c r="I56746" s="1" t="s">
        <v>187135</v>
      </c>
      <c r="J56746" s="1" t="s">
        <v>190853</v>
      </c>
    </row>
    <row r="56747" spans="1:10" x14ac:dyDescent="0.35">
      <c r="A56747" s="1" t="s">
        <v>143023</v>
      </c>
      <c r="B56747" s="1" t="s">
        <v>187129</v>
      </c>
      <c r="C56747" s="1" t="s">
        <v>100</v>
      </c>
      <c r="D56747" s="1" t="s">
        <v>114507</v>
      </c>
      <c r="E56747" s="1" t="s">
        <v>190854</v>
      </c>
      <c r="F56747" s="1" t="s">
        <v>190855</v>
      </c>
      <c r="G56747" s="1" t="s">
        <v>190795</v>
      </c>
      <c r="H56747" s="1" t="s">
        <v>190796</v>
      </c>
      <c r="I56747" s="1" t="s">
        <v>187135</v>
      </c>
      <c r="J56747" s="1" t="s">
        <v>190856</v>
      </c>
    </row>
    <row r="56748" spans="1:10" x14ac:dyDescent="0.35">
      <c r="A56748" s="1" t="s">
        <v>143023</v>
      </c>
      <c r="B56748" s="1" t="s">
        <v>187129</v>
      </c>
      <c r="C56748" s="1" t="s">
        <v>105</v>
      </c>
      <c r="D56748" s="1" t="s">
        <v>82574</v>
      </c>
      <c r="E56748" s="1" t="s">
        <v>190857</v>
      </c>
      <c r="F56748" s="1" t="s">
        <v>190858</v>
      </c>
      <c r="G56748" s="1" t="s">
        <v>190795</v>
      </c>
      <c r="H56748" s="1" t="s">
        <v>190796</v>
      </c>
      <c r="I56748" s="1" t="s">
        <v>187135</v>
      </c>
      <c r="J56748" s="1" t="s">
        <v>190859</v>
      </c>
    </row>
    <row r="56749" spans="1:10" x14ac:dyDescent="0.35">
      <c r="A56749" s="1" t="s">
        <v>143023</v>
      </c>
      <c r="B56749" s="1" t="s">
        <v>187129</v>
      </c>
      <c r="C56749" s="1" t="s">
        <v>110</v>
      </c>
      <c r="D56749" s="1" t="s">
        <v>37279</v>
      </c>
      <c r="E56749" s="1" t="s">
        <v>190860</v>
      </c>
      <c r="F56749" s="1" t="s">
        <v>190861</v>
      </c>
      <c r="G56749" s="1" t="s">
        <v>190795</v>
      </c>
      <c r="H56749" s="1" t="s">
        <v>190796</v>
      </c>
      <c r="I56749" s="1" t="s">
        <v>187135</v>
      </c>
      <c r="J56749" s="1" t="s">
        <v>190862</v>
      </c>
    </row>
    <row r="56750" spans="1:10" x14ac:dyDescent="0.35">
      <c r="A56750" s="1" t="s">
        <v>143023</v>
      </c>
      <c r="B56750" s="1" t="s">
        <v>187129</v>
      </c>
      <c r="C56750" s="1" t="s">
        <v>115</v>
      </c>
      <c r="D56750" s="1" t="s">
        <v>43753</v>
      </c>
      <c r="E56750" s="1" t="s">
        <v>190863</v>
      </c>
      <c r="F56750" s="1" t="s">
        <v>190864</v>
      </c>
      <c r="G56750" s="1" t="s">
        <v>190795</v>
      </c>
      <c r="H56750" s="1" t="s">
        <v>190796</v>
      </c>
      <c r="I56750" s="1" t="s">
        <v>187135</v>
      </c>
      <c r="J56750" s="1" t="s">
        <v>190865</v>
      </c>
    </row>
    <row r="56751" spans="1:10" x14ac:dyDescent="0.35">
      <c r="A56751" s="1" t="s">
        <v>143023</v>
      </c>
      <c r="B56751" s="1" t="s">
        <v>187129</v>
      </c>
      <c r="C56751" s="1" t="s">
        <v>120</v>
      </c>
      <c r="D56751" s="1" t="s">
        <v>190866</v>
      </c>
      <c r="E56751" s="1" t="s">
        <v>190867</v>
      </c>
      <c r="F56751" s="1" t="s">
        <v>190868</v>
      </c>
      <c r="G56751" s="1" t="s">
        <v>190795</v>
      </c>
      <c r="H56751" s="1" t="s">
        <v>190796</v>
      </c>
      <c r="I56751" s="1" t="s">
        <v>187135</v>
      </c>
      <c r="J56751" s="1" t="s">
        <v>190869</v>
      </c>
    </row>
    <row r="56752" spans="1:10" x14ac:dyDescent="0.35">
      <c r="A56752" s="1" t="s">
        <v>143023</v>
      </c>
      <c r="B56752" s="1" t="s">
        <v>187129</v>
      </c>
      <c r="C56752" s="1" t="s">
        <v>125</v>
      </c>
      <c r="D56752" s="1" t="s">
        <v>190870</v>
      </c>
      <c r="E56752" s="1" t="s">
        <v>190871</v>
      </c>
      <c r="F56752" s="1" t="s">
        <v>190872</v>
      </c>
      <c r="G56752" s="1" t="s">
        <v>190795</v>
      </c>
      <c r="H56752" s="1" t="s">
        <v>190796</v>
      </c>
      <c r="I56752" s="1" t="s">
        <v>187135</v>
      </c>
      <c r="J56752" s="1" t="s">
        <v>190873</v>
      </c>
    </row>
    <row r="56753" spans="1:10" x14ac:dyDescent="0.35">
      <c r="A56753" s="1" t="s">
        <v>143023</v>
      </c>
      <c r="B56753" s="1" t="s">
        <v>187129</v>
      </c>
      <c r="C56753" s="1" t="s">
        <v>130</v>
      </c>
      <c r="D56753" s="1" t="s">
        <v>190874</v>
      </c>
      <c r="E56753" s="1" t="s">
        <v>190875</v>
      </c>
      <c r="F56753" s="1" t="s">
        <v>190876</v>
      </c>
      <c r="G56753" s="1" t="s">
        <v>190795</v>
      </c>
      <c r="H56753" s="1" t="s">
        <v>190796</v>
      </c>
      <c r="I56753" s="1" t="s">
        <v>187135</v>
      </c>
      <c r="J56753" s="1" t="s">
        <v>190877</v>
      </c>
    </row>
    <row r="56754" spans="1:10" x14ac:dyDescent="0.35">
      <c r="A56754" s="1" t="s">
        <v>143023</v>
      </c>
      <c r="B56754" s="1" t="s">
        <v>187129</v>
      </c>
      <c r="C56754" s="1" t="s">
        <v>135</v>
      </c>
      <c r="D56754" s="1" t="s">
        <v>59866</v>
      </c>
      <c r="E56754" s="1" t="s">
        <v>190878</v>
      </c>
      <c r="F56754" s="1" t="s">
        <v>190879</v>
      </c>
      <c r="G56754" s="1" t="s">
        <v>190795</v>
      </c>
      <c r="H56754" s="1" t="s">
        <v>190796</v>
      </c>
      <c r="I56754" s="1" t="s">
        <v>187135</v>
      </c>
      <c r="J56754" s="1" t="s">
        <v>190880</v>
      </c>
    </row>
    <row r="56755" spans="1:10" x14ac:dyDescent="0.35">
      <c r="A56755" s="1" t="s">
        <v>143023</v>
      </c>
      <c r="B56755" s="1" t="s">
        <v>187129</v>
      </c>
      <c r="C56755" s="1" t="s">
        <v>140</v>
      </c>
      <c r="D56755" s="1" t="s">
        <v>190881</v>
      </c>
      <c r="E56755" s="1" t="s">
        <v>190882</v>
      </c>
      <c r="F56755" s="1" t="s">
        <v>190883</v>
      </c>
      <c r="G56755" s="1" t="s">
        <v>190795</v>
      </c>
      <c r="H56755" s="1" t="s">
        <v>190796</v>
      </c>
      <c r="I56755" s="1" t="s">
        <v>187135</v>
      </c>
      <c r="J56755" s="1" t="s">
        <v>190884</v>
      </c>
    </row>
    <row r="56756" spans="1:10" x14ac:dyDescent="0.35">
      <c r="A56756" s="1" t="s">
        <v>143023</v>
      </c>
      <c r="B56756" s="1" t="s">
        <v>187129</v>
      </c>
      <c r="C56756" s="1" t="s">
        <v>145</v>
      </c>
      <c r="D56756" s="1" t="s">
        <v>190885</v>
      </c>
      <c r="E56756" s="1" t="s">
        <v>190886</v>
      </c>
      <c r="F56756" s="1" t="s">
        <v>190887</v>
      </c>
      <c r="G56756" s="1" t="s">
        <v>190795</v>
      </c>
      <c r="H56756" s="1" t="s">
        <v>190796</v>
      </c>
      <c r="I56756" s="1" t="s">
        <v>187135</v>
      </c>
      <c r="J56756" s="1" t="s">
        <v>190888</v>
      </c>
    </row>
    <row r="56757" spans="1:10" x14ac:dyDescent="0.35">
      <c r="A56757" s="1" t="s">
        <v>143023</v>
      </c>
      <c r="B56757" s="1" t="s">
        <v>187129</v>
      </c>
      <c r="C56757" s="1" t="s">
        <v>150</v>
      </c>
      <c r="D56757" s="1" t="s">
        <v>190889</v>
      </c>
      <c r="E56757" s="1" t="s">
        <v>190890</v>
      </c>
      <c r="F56757" s="1" t="s">
        <v>190891</v>
      </c>
      <c r="G56757" s="1" t="s">
        <v>190795</v>
      </c>
      <c r="H56757" s="1" t="s">
        <v>190796</v>
      </c>
      <c r="I56757" s="1" t="s">
        <v>187135</v>
      </c>
      <c r="J56757" s="1" t="s">
        <v>190892</v>
      </c>
    </row>
    <row r="56758" spans="1:10" x14ac:dyDescent="0.35">
      <c r="A56758" s="1" t="s">
        <v>143023</v>
      </c>
      <c r="B56758" s="1" t="s">
        <v>187129</v>
      </c>
      <c r="C56758" s="1" t="s">
        <v>155</v>
      </c>
      <c r="D56758" s="1" t="s">
        <v>190893</v>
      </c>
      <c r="E56758" s="1" t="s">
        <v>190894</v>
      </c>
      <c r="F56758" s="1" t="s">
        <v>190895</v>
      </c>
      <c r="G56758" s="1" t="s">
        <v>190795</v>
      </c>
      <c r="H56758" s="1" t="s">
        <v>190796</v>
      </c>
      <c r="I56758" s="1" t="s">
        <v>187135</v>
      </c>
      <c r="J56758" s="1" t="s">
        <v>190896</v>
      </c>
    </row>
    <row r="56759" spans="1:10" x14ac:dyDescent="0.35">
      <c r="A56759" s="1" t="s">
        <v>143023</v>
      </c>
      <c r="B56759" s="1" t="s">
        <v>187129</v>
      </c>
      <c r="C56759" s="1" t="s">
        <v>160</v>
      </c>
      <c r="D56759" s="1" t="s">
        <v>115099</v>
      </c>
      <c r="E56759" s="1" t="s">
        <v>190897</v>
      </c>
      <c r="F56759" s="1" t="s">
        <v>190898</v>
      </c>
      <c r="G56759" s="1" t="s">
        <v>190795</v>
      </c>
      <c r="H56759" s="1" t="s">
        <v>190796</v>
      </c>
      <c r="I56759" s="1" t="s">
        <v>187135</v>
      </c>
      <c r="J56759" s="1" t="s">
        <v>190899</v>
      </c>
    </row>
    <row r="56760" spans="1:10" x14ac:dyDescent="0.35">
      <c r="A56760" s="1" t="s">
        <v>143023</v>
      </c>
      <c r="B56760" s="1" t="s">
        <v>187129</v>
      </c>
      <c r="C56760" s="1" t="s">
        <v>165</v>
      </c>
      <c r="D56760" s="1" t="s">
        <v>190900</v>
      </c>
      <c r="E56760" s="1" t="s">
        <v>190901</v>
      </c>
      <c r="F56760" s="1" t="s">
        <v>190902</v>
      </c>
      <c r="G56760" s="1" t="s">
        <v>190795</v>
      </c>
      <c r="H56760" s="1" t="s">
        <v>190796</v>
      </c>
      <c r="I56760" s="1" t="s">
        <v>187135</v>
      </c>
      <c r="J56760" s="1" t="s">
        <v>190903</v>
      </c>
    </row>
    <row r="56761" spans="1:10" x14ac:dyDescent="0.35">
      <c r="A56761" s="1" t="s">
        <v>143023</v>
      </c>
      <c r="B56761" s="1" t="s">
        <v>187129</v>
      </c>
      <c r="C56761" s="1" t="s">
        <v>170</v>
      </c>
      <c r="D56761" s="1" t="s">
        <v>190904</v>
      </c>
      <c r="E56761" s="1" t="s">
        <v>190905</v>
      </c>
      <c r="F56761" s="1" t="s">
        <v>190906</v>
      </c>
      <c r="G56761" s="1" t="s">
        <v>190795</v>
      </c>
      <c r="H56761" s="1" t="s">
        <v>190796</v>
      </c>
      <c r="I56761" s="1" t="s">
        <v>187135</v>
      </c>
      <c r="J56761" s="1" t="s">
        <v>190907</v>
      </c>
    </row>
    <row r="56762" spans="1:10" x14ac:dyDescent="0.35">
      <c r="A56762" s="1" t="s">
        <v>29557</v>
      </c>
      <c r="B56762" s="1" t="s">
        <v>187129</v>
      </c>
      <c r="C56762" s="1" t="s">
        <v>8</v>
      </c>
      <c r="D56762" s="1" t="s">
        <v>190908</v>
      </c>
      <c r="E56762" s="1" t="s">
        <v>190909</v>
      </c>
      <c r="F56762" s="1" t="s">
        <v>190910</v>
      </c>
      <c r="G56762" s="1" t="s">
        <v>190911</v>
      </c>
      <c r="H56762" s="1" t="s">
        <v>190912</v>
      </c>
      <c r="I56762" s="1" t="s">
        <v>187135</v>
      </c>
      <c r="J56762" s="1" t="s">
        <v>13</v>
      </c>
    </row>
    <row r="56763" spans="1:10" x14ac:dyDescent="0.35">
      <c r="A56763" s="1" t="s">
        <v>29557</v>
      </c>
      <c r="B56763" s="1" t="s">
        <v>187129</v>
      </c>
      <c r="C56763" s="1" t="s">
        <v>15</v>
      </c>
      <c r="D56763" s="1" t="s">
        <v>100866</v>
      </c>
      <c r="E56763" s="1" t="s">
        <v>190913</v>
      </c>
      <c r="F56763" s="1" t="s">
        <v>190914</v>
      </c>
      <c r="G56763" s="1" t="s">
        <v>190911</v>
      </c>
      <c r="H56763" s="1" t="s">
        <v>190912</v>
      </c>
      <c r="I56763" s="1" t="s">
        <v>187135</v>
      </c>
      <c r="J56763" s="1" t="s">
        <v>190915</v>
      </c>
    </row>
    <row r="56764" spans="1:10" x14ac:dyDescent="0.35">
      <c r="A56764" s="1" t="s">
        <v>29557</v>
      </c>
      <c r="B56764" s="1" t="s">
        <v>187129</v>
      </c>
      <c r="C56764" s="1" t="s">
        <v>20</v>
      </c>
      <c r="D56764" s="1" t="s">
        <v>5891</v>
      </c>
      <c r="E56764" s="1" t="s">
        <v>190916</v>
      </c>
      <c r="F56764" s="1" t="s">
        <v>190917</v>
      </c>
      <c r="G56764" s="1" t="s">
        <v>190911</v>
      </c>
      <c r="H56764" s="1" t="s">
        <v>190912</v>
      </c>
      <c r="I56764" s="1" t="s">
        <v>187135</v>
      </c>
      <c r="J56764" s="1" t="s">
        <v>190918</v>
      </c>
    </row>
    <row r="56765" spans="1:10" x14ac:dyDescent="0.35">
      <c r="A56765" s="1" t="s">
        <v>29557</v>
      </c>
      <c r="B56765" s="1" t="s">
        <v>187129</v>
      </c>
      <c r="C56765" s="1" t="s">
        <v>25</v>
      </c>
      <c r="D56765" s="1" t="s">
        <v>190919</v>
      </c>
      <c r="E56765" s="1" t="s">
        <v>190920</v>
      </c>
      <c r="F56765" s="1" t="s">
        <v>190921</v>
      </c>
      <c r="G56765" s="1" t="s">
        <v>190911</v>
      </c>
      <c r="H56765" s="1" t="s">
        <v>190912</v>
      </c>
      <c r="I56765" s="1" t="s">
        <v>187135</v>
      </c>
      <c r="J56765" s="1" t="s">
        <v>190922</v>
      </c>
    </row>
    <row r="56766" spans="1:10" x14ac:dyDescent="0.35">
      <c r="A56766" s="1" t="s">
        <v>29557</v>
      </c>
      <c r="B56766" s="1" t="s">
        <v>187129</v>
      </c>
      <c r="C56766" s="1" t="s">
        <v>30</v>
      </c>
      <c r="D56766" s="1" t="s">
        <v>190923</v>
      </c>
      <c r="E56766" s="1" t="s">
        <v>190924</v>
      </c>
      <c r="F56766" s="1" t="s">
        <v>190925</v>
      </c>
      <c r="G56766" s="1" t="s">
        <v>190911</v>
      </c>
      <c r="H56766" s="1" t="s">
        <v>190912</v>
      </c>
      <c r="I56766" s="1" t="s">
        <v>187135</v>
      </c>
      <c r="J56766" s="1" t="s">
        <v>190926</v>
      </c>
    </row>
    <row r="56767" spans="1:10" x14ac:dyDescent="0.35">
      <c r="A56767" s="1" t="s">
        <v>29557</v>
      </c>
      <c r="B56767" s="1" t="s">
        <v>187129</v>
      </c>
      <c r="C56767" s="1" t="s">
        <v>35</v>
      </c>
      <c r="D56767" s="1" t="s">
        <v>190927</v>
      </c>
      <c r="E56767" s="1" t="s">
        <v>190928</v>
      </c>
      <c r="F56767" s="1" t="s">
        <v>190929</v>
      </c>
      <c r="G56767" s="1" t="s">
        <v>190911</v>
      </c>
      <c r="H56767" s="1" t="s">
        <v>190912</v>
      </c>
      <c r="I56767" s="1" t="s">
        <v>187135</v>
      </c>
      <c r="J56767" s="1" t="s">
        <v>190930</v>
      </c>
    </row>
    <row r="56768" spans="1:10" x14ac:dyDescent="0.35">
      <c r="A56768" s="1" t="s">
        <v>29557</v>
      </c>
      <c r="B56768" s="1" t="s">
        <v>187129</v>
      </c>
      <c r="C56768" s="1" t="s">
        <v>40</v>
      </c>
      <c r="D56768" s="1" t="s">
        <v>190931</v>
      </c>
      <c r="E56768" s="1" t="s">
        <v>190932</v>
      </c>
      <c r="F56768" s="1" t="s">
        <v>190933</v>
      </c>
      <c r="G56768" s="1" t="s">
        <v>190911</v>
      </c>
      <c r="H56768" s="1" t="s">
        <v>190912</v>
      </c>
      <c r="I56768" s="1" t="s">
        <v>187135</v>
      </c>
      <c r="J56768" s="1" t="s">
        <v>190934</v>
      </c>
    </row>
    <row r="56769" spans="1:10" x14ac:dyDescent="0.35">
      <c r="A56769" s="1" t="s">
        <v>29557</v>
      </c>
      <c r="B56769" s="1" t="s">
        <v>187129</v>
      </c>
      <c r="C56769" s="1" t="s">
        <v>45</v>
      </c>
      <c r="D56769" s="1" t="s">
        <v>190935</v>
      </c>
      <c r="E56769" s="1" t="s">
        <v>190936</v>
      </c>
      <c r="F56769" s="1" t="s">
        <v>190937</v>
      </c>
      <c r="G56769" s="1" t="s">
        <v>190911</v>
      </c>
      <c r="H56769" s="1" t="s">
        <v>190912</v>
      </c>
      <c r="I56769" s="1" t="s">
        <v>187135</v>
      </c>
      <c r="J56769" s="1" t="s">
        <v>190938</v>
      </c>
    </row>
    <row r="56770" spans="1:10" x14ac:dyDescent="0.35">
      <c r="A56770" s="1" t="s">
        <v>29557</v>
      </c>
      <c r="B56770" s="1" t="s">
        <v>187129</v>
      </c>
      <c r="C56770" s="1" t="s">
        <v>50</v>
      </c>
      <c r="D56770" s="1" t="s">
        <v>113909</v>
      </c>
      <c r="E56770" s="1" t="s">
        <v>190939</v>
      </c>
      <c r="F56770" s="1" t="s">
        <v>190940</v>
      </c>
      <c r="G56770" s="1" t="s">
        <v>190911</v>
      </c>
      <c r="H56770" s="1" t="s">
        <v>190912</v>
      </c>
      <c r="I56770" s="1" t="s">
        <v>187135</v>
      </c>
      <c r="J56770" s="1" t="s">
        <v>190941</v>
      </c>
    </row>
    <row r="56771" spans="1:10" x14ac:dyDescent="0.35">
      <c r="A56771" s="1" t="s">
        <v>29557</v>
      </c>
      <c r="B56771" s="1" t="s">
        <v>187129</v>
      </c>
      <c r="C56771" s="1" t="s">
        <v>55</v>
      </c>
      <c r="D56771" s="1" t="s">
        <v>190942</v>
      </c>
      <c r="E56771" s="1" t="s">
        <v>190943</v>
      </c>
      <c r="F56771" s="1" t="s">
        <v>190944</v>
      </c>
      <c r="G56771" s="1" t="s">
        <v>190911</v>
      </c>
      <c r="H56771" s="1" t="s">
        <v>190912</v>
      </c>
      <c r="I56771" s="1" t="s">
        <v>187135</v>
      </c>
      <c r="J56771" s="1" t="s">
        <v>190945</v>
      </c>
    </row>
    <row r="56772" spans="1:10" x14ac:dyDescent="0.35">
      <c r="A56772" s="1" t="s">
        <v>29557</v>
      </c>
      <c r="B56772" s="1" t="s">
        <v>187129</v>
      </c>
      <c r="C56772" s="1" t="s">
        <v>60</v>
      </c>
      <c r="D56772" s="1" t="s">
        <v>180411</v>
      </c>
      <c r="E56772" s="1" t="s">
        <v>190946</v>
      </c>
      <c r="F56772" s="1" t="s">
        <v>190947</v>
      </c>
      <c r="G56772" s="1" t="s">
        <v>190911</v>
      </c>
      <c r="H56772" s="1" t="s">
        <v>190912</v>
      </c>
      <c r="I56772" s="1" t="s">
        <v>187135</v>
      </c>
      <c r="J56772" s="1" t="s">
        <v>190948</v>
      </c>
    </row>
    <row r="56773" spans="1:10" x14ac:dyDescent="0.35">
      <c r="A56773" s="1" t="s">
        <v>29557</v>
      </c>
      <c r="B56773" s="1" t="s">
        <v>187129</v>
      </c>
      <c r="C56773" s="1" t="s">
        <v>65</v>
      </c>
      <c r="D56773" s="1" t="s">
        <v>177438</v>
      </c>
      <c r="E56773" s="1" t="s">
        <v>190949</v>
      </c>
      <c r="F56773" s="1" t="s">
        <v>190950</v>
      </c>
      <c r="G56773" s="1" t="s">
        <v>190911</v>
      </c>
      <c r="H56773" s="1" t="s">
        <v>190912</v>
      </c>
      <c r="I56773" s="1" t="s">
        <v>187135</v>
      </c>
      <c r="J56773" s="1" t="s">
        <v>190951</v>
      </c>
    </row>
    <row r="56774" spans="1:10" x14ac:dyDescent="0.35">
      <c r="A56774" s="1" t="s">
        <v>29557</v>
      </c>
      <c r="B56774" s="1" t="s">
        <v>187129</v>
      </c>
      <c r="C56774" s="1" t="s">
        <v>70</v>
      </c>
      <c r="D56774" s="1" t="s">
        <v>113752</v>
      </c>
      <c r="E56774" s="1" t="s">
        <v>190952</v>
      </c>
      <c r="F56774" s="1" t="s">
        <v>190953</v>
      </c>
      <c r="G56774" s="1" t="s">
        <v>190911</v>
      </c>
      <c r="H56774" s="1" t="s">
        <v>190912</v>
      </c>
      <c r="I56774" s="1" t="s">
        <v>187135</v>
      </c>
      <c r="J56774" s="1" t="s">
        <v>190954</v>
      </c>
    </row>
    <row r="56775" spans="1:10" x14ac:dyDescent="0.35">
      <c r="A56775" s="1" t="s">
        <v>29557</v>
      </c>
      <c r="B56775" s="1" t="s">
        <v>187129</v>
      </c>
      <c r="C56775" s="1" t="s">
        <v>75</v>
      </c>
      <c r="D56775" s="1" t="s">
        <v>190955</v>
      </c>
      <c r="E56775" s="1" t="s">
        <v>190956</v>
      </c>
      <c r="F56775" s="1" t="s">
        <v>190957</v>
      </c>
      <c r="G56775" s="1" t="s">
        <v>190911</v>
      </c>
      <c r="H56775" s="1" t="s">
        <v>190912</v>
      </c>
      <c r="I56775" s="1" t="s">
        <v>187135</v>
      </c>
      <c r="J56775" s="1" t="s">
        <v>190958</v>
      </c>
    </row>
    <row r="56776" spans="1:10" x14ac:dyDescent="0.35">
      <c r="A56776" s="1" t="s">
        <v>29557</v>
      </c>
      <c r="B56776" s="1" t="s">
        <v>187129</v>
      </c>
      <c r="C56776" s="1" t="s">
        <v>80</v>
      </c>
      <c r="D56776" s="1" t="s">
        <v>107748</v>
      </c>
      <c r="E56776" s="1" t="s">
        <v>190959</v>
      </c>
      <c r="F56776" s="1" t="s">
        <v>190960</v>
      </c>
      <c r="G56776" s="1" t="s">
        <v>190911</v>
      </c>
      <c r="H56776" s="1" t="s">
        <v>190912</v>
      </c>
      <c r="I56776" s="1" t="s">
        <v>187135</v>
      </c>
      <c r="J56776" s="1" t="s">
        <v>190961</v>
      </c>
    </row>
    <row r="56777" spans="1:10" x14ac:dyDescent="0.35">
      <c r="A56777" s="1" t="s">
        <v>29557</v>
      </c>
      <c r="B56777" s="1" t="s">
        <v>187129</v>
      </c>
      <c r="C56777" s="1" t="s">
        <v>85</v>
      </c>
      <c r="D56777" s="1" t="s">
        <v>180770</v>
      </c>
      <c r="E56777" s="1" t="s">
        <v>190962</v>
      </c>
      <c r="F56777" s="1" t="s">
        <v>190963</v>
      </c>
      <c r="G56777" s="1" t="s">
        <v>190911</v>
      </c>
      <c r="H56777" s="1" t="s">
        <v>190912</v>
      </c>
      <c r="I56777" s="1" t="s">
        <v>187135</v>
      </c>
      <c r="J56777" s="1" t="s">
        <v>190964</v>
      </c>
    </row>
    <row r="56778" spans="1:10" x14ac:dyDescent="0.35">
      <c r="A56778" s="1" t="s">
        <v>29557</v>
      </c>
      <c r="B56778" s="1" t="s">
        <v>187129</v>
      </c>
      <c r="C56778" s="1" t="s">
        <v>90</v>
      </c>
      <c r="D56778" s="1" t="s">
        <v>190965</v>
      </c>
      <c r="E56778" s="1" t="s">
        <v>190966</v>
      </c>
      <c r="F56778" s="1" t="s">
        <v>190967</v>
      </c>
      <c r="G56778" s="1" t="s">
        <v>190911</v>
      </c>
      <c r="H56778" s="1" t="s">
        <v>190912</v>
      </c>
      <c r="I56778" s="1" t="s">
        <v>187135</v>
      </c>
      <c r="J56778" s="1" t="s">
        <v>190968</v>
      </c>
    </row>
    <row r="56779" spans="1:10" x14ac:dyDescent="0.35">
      <c r="A56779" s="1" t="s">
        <v>29557</v>
      </c>
      <c r="B56779" s="1" t="s">
        <v>187129</v>
      </c>
      <c r="C56779" s="1" t="s">
        <v>95</v>
      </c>
      <c r="D56779" s="1" t="s">
        <v>55204</v>
      </c>
      <c r="E56779" s="1" t="s">
        <v>190969</v>
      </c>
      <c r="F56779" s="1" t="s">
        <v>190970</v>
      </c>
      <c r="G56779" s="1" t="s">
        <v>190911</v>
      </c>
      <c r="H56779" s="1" t="s">
        <v>190912</v>
      </c>
      <c r="I56779" s="1" t="s">
        <v>187135</v>
      </c>
      <c r="J56779" s="1" t="s">
        <v>190971</v>
      </c>
    </row>
    <row r="56780" spans="1:10" x14ac:dyDescent="0.35">
      <c r="A56780" s="1" t="s">
        <v>29557</v>
      </c>
      <c r="B56780" s="1" t="s">
        <v>187129</v>
      </c>
      <c r="C56780" s="1" t="s">
        <v>100</v>
      </c>
      <c r="D56780" s="1" t="s">
        <v>21343</v>
      </c>
      <c r="E56780" s="1" t="s">
        <v>190972</v>
      </c>
      <c r="F56780" s="1" t="s">
        <v>190973</v>
      </c>
      <c r="G56780" s="1" t="s">
        <v>190911</v>
      </c>
      <c r="H56780" s="1" t="s">
        <v>190912</v>
      </c>
      <c r="I56780" s="1" t="s">
        <v>187135</v>
      </c>
      <c r="J56780" s="1" t="s">
        <v>190974</v>
      </c>
    </row>
    <row r="56781" spans="1:10" x14ac:dyDescent="0.35">
      <c r="A56781" s="1" t="s">
        <v>29557</v>
      </c>
      <c r="B56781" s="1" t="s">
        <v>187129</v>
      </c>
      <c r="C56781" s="1" t="s">
        <v>105</v>
      </c>
      <c r="D56781" s="1" t="s">
        <v>184112</v>
      </c>
      <c r="E56781" s="1" t="s">
        <v>190975</v>
      </c>
      <c r="F56781" s="1" t="s">
        <v>190976</v>
      </c>
      <c r="G56781" s="1" t="s">
        <v>190911</v>
      </c>
      <c r="H56781" s="1" t="s">
        <v>190912</v>
      </c>
      <c r="I56781" s="1" t="s">
        <v>187135</v>
      </c>
      <c r="J56781" s="1" t="s">
        <v>190977</v>
      </c>
    </row>
    <row r="56782" spans="1:10" x14ac:dyDescent="0.35">
      <c r="A56782" s="1" t="s">
        <v>29557</v>
      </c>
      <c r="B56782" s="1" t="s">
        <v>187129</v>
      </c>
      <c r="C56782" s="1" t="s">
        <v>110</v>
      </c>
      <c r="D56782" s="1" t="s">
        <v>69331</v>
      </c>
      <c r="E56782" s="1" t="s">
        <v>190978</v>
      </c>
      <c r="F56782" s="1" t="s">
        <v>190979</v>
      </c>
      <c r="G56782" s="1" t="s">
        <v>190911</v>
      </c>
      <c r="H56782" s="1" t="s">
        <v>190912</v>
      </c>
      <c r="I56782" s="1" t="s">
        <v>187135</v>
      </c>
      <c r="J56782" s="1" t="s">
        <v>190980</v>
      </c>
    </row>
    <row r="56783" spans="1:10" x14ac:dyDescent="0.35">
      <c r="A56783" s="1" t="s">
        <v>29557</v>
      </c>
      <c r="B56783" s="1" t="s">
        <v>187129</v>
      </c>
      <c r="C56783" s="1" t="s">
        <v>115</v>
      </c>
      <c r="D56783" s="1" t="s">
        <v>90613</v>
      </c>
      <c r="E56783" s="1" t="s">
        <v>190981</v>
      </c>
      <c r="F56783" s="1" t="s">
        <v>190982</v>
      </c>
      <c r="G56783" s="1" t="s">
        <v>190911</v>
      </c>
      <c r="H56783" s="1" t="s">
        <v>190912</v>
      </c>
      <c r="I56783" s="1" t="s">
        <v>187135</v>
      </c>
      <c r="J56783" s="1" t="s">
        <v>190983</v>
      </c>
    </row>
    <row r="56784" spans="1:10" x14ac:dyDescent="0.35">
      <c r="A56784" s="1" t="s">
        <v>29557</v>
      </c>
      <c r="B56784" s="1" t="s">
        <v>187129</v>
      </c>
      <c r="C56784" s="1" t="s">
        <v>120</v>
      </c>
      <c r="D56784" s="1" t="s">
        <v>136836</v>
      </c>
      <c r="E56784" s="1" t="s">
        <v>190984</v>
      </c>
      <c r="F56784" s="1" t="s">
        <v>190985</v>
      </c>
      <c r="G56784" s="1" t="s">
        <v>190911</v>
      </c>
      <c r="H56784" s="1" t="s">
        <v>190912</v>
      </c>
      <c r="I56784" s="1" t="s">
        <v>187135</v>
      </c>
      <c r="J56784" s="1" t="s">
        <v>190986</v>
      </c>
    </row>
    <row r="56785" spans="1:10" x14ac:dyDescent="0.35">
      <c r="A56785" s="1" t="s">
        <v>29557</v>
      </c>
      <c r="B56785" s="1" t="s">
        <v>187129</v>
      </c>
      <c r="C56785" s="1" t="s">
        <v>125</v>
      </c>
      <c r="D56785" s="1" t="s">
        <v>77139</v>
      </c>
      <c r="E56785" s="1" t="s">
        <v>190987</v>
      </c>
      <c r="F56785" s="1" t="s">
        <v>190988</v>
      </c>
      <c r="G56785" s="1" t="s">
        <v>190911</v>
      </c>
      <c r="H56785" s="1" t="s">
        <v>190912</v>
      </c>
      <c r="I56785" s="1" t="s">
        <v>187135</v>
      </c>
      <c r="J56785" s="1" t="s">
        <v>190989</v>
      </c>
    </row>
    <row r="56786" spans="1:10" x14ac:dyDescent="0.35">
      <c r="A56786" s="1" t="s">
        <v>29557</v>
      </c>
      <c r="B56786" s="1" t="s">
        <v>187129</v>
      </c>
      <c r="C56786" s="1" t="s">
        <v>130</v>
      </c>
      <c r="D56786" s="1" t="s">
        <v>86384</v>
      </c>
      <c r="E56786" s="1" t="s">
        <v>190990</v>
      </c>
      <c r="F56786" s="1" t="s">
        <v>190991</v>
      </c>
      <c r="G56786" s="1" t="s">
        <v>190911</v>
      </c>
      <c r="H56786" s="1" t="s">
        <v>190912</v>
      </c>
      <c r="I56786" s="1" t="s">
        <v>187135</v>
      </c>
      <c r="J56786" s="1" t="s">
        <v>190992</v>
      </c>
    </row>
    <row r="56787" spans="1:10" x14ac:dyDescent="0.35">
      <c r="A56787" s="1" t="s">
        <v>29557</v>
      </c>
      <c r="B56787" s="1" t="s">
        <v>187129</v>
      </c>
      <c r="C56787" s="1" t="s">
        <v>135</v>
      </c>
      <c r="D56787" s="1" t="s">
        <v>92010</v>
      </c>
      <c r="E56787" s="1" t="s">
        <v>190993</v>
      </c>
      <c r="F56787" s="1" t="s">
        <v>190994</v>
      </c>
      <c r="G56787" s="1" t="s">
        <v>190911</v>
      </c>
      <c r="H56787" s="1" t="s">
        <v>190912</v>
      </c>
      <c r="I56787" s="1" t="s">
        <v>187135</v>
      </c>
      <c r="J56787" s="1" t="s">
        <v>190995</v>
      </c>
    </row>
    <row r="56788" spans="1:10" x14ac:dyDescent="0.35">
      <c r="A56788" s="1" t="s">
        <v>29557</v>
      </c>
      <c r="B56788" s="1" t="s">
        <v>187129</v>
      </c>
      <c r="C56788" s="1" t="s">
        <v>140</v>
      </c>
      <c r="D56788" s="1" t="s">
        <v>103584</v>
      </c>
      <c r="E56788" s="1" t="s">
        <v>190996</v>
      </c>
      <c r="F56788" s="1" t="s">
        <v>190997</v>
      </c>
      <c r="G56788" s="1" t="s">
        <v>190911</v>
      </c>
      <c r="H56788" s="1" t="s">
        <v>190912</v>
      </c>
      <c r="I56788" s="1" t="s">
        <v>187135</v>
      </c>
      <c r="J56788" s="1" t="s">
        <v>190998</v>
      </c>
    </row>
    <row r="56789" spans="1:10" x14ac:dyDescent="0.35">
      <c r="A56789" s="1" t="s">
        <v>29557</v>
      </c>
      <c r="B56789" s="1" t="s">
        <v>187129</v>
      </c>
      <c r="C56789" s="1" t="s">
        <v>145</v>
      </c>
      <c r="D56789" s="1" t="s">
        <v>65636</v>
      </c>
      <c r="E56789" s="1" t="s">
        <v>190999</v>
      </c>
      <c r="F56789" s="1" t="s">
        <v>191000</v>
      </c>
      <c r="G56789" s="1" t="s">
        <v>190911</v>
      </c>
      <c r="H56789" s="1" t="s">
        <v>190912</v>
      </c>
      <c r="I56789" s="1" t="s">
        <v>187135</v>
      </c>
      <c r="J56789" s="1" t="s">
        <v>191001</v>
      </c>
    </row>
    <row r="56790" spans="1:10" x14ac:dyDescent="0.35">
      <c r="A56790" s="1" t="s">
        <v>29557</v>
      </c>
      <c r="B56790" s="1" t="s">
        <v>187129</v>
      </c>
      <c r="C56790" s="1" t="s">
        <v>150</v>
      </c>
      <c r="D56790" s="1" t="s">
        <v>136680</v>
      </c>
      <c r="E56790" s="1" t="s">
        <v>191002</v>
      </c>
      <c r="F56790" s="1" t="s">
        <v>191003</v>
      </c>
      <c r="G56790" s="1" t="s">
        <v>190911</v>
      </c>
      <c r="H56790" s="1" t="s">
        <v>190912</v>
      </c>
      <c r="I56790" s="1" t="s">
        <v>187135</v>
      </c>
      <c r="J56790" s="1" t="s">
        <v>191004</v>
      </c>
    </row>
    <row r="56791" spans="1:10" x14ac:dyDescent="0.35">
      <c r="A56791" s="1" t="s">
        <v>29557</v>
      </c>
      <c r="B56791" s="1" t="s">
        <v>187129</v>
      </c>
      <c r="C56791" s="1" t="s">
        <v>155</v>
      </c>
      <c r="D56791" s="1" t="s">
        <v>191005</v>
      </c>
      <c r="E56791" s="1" t="s">
        <v>191006</v>
      </c>
      <c r="F56791" s="1" t="s">
        <v>191007</v>
      </c>
      <c r="G56791" s="1" t="s">
        <v>190911</v>
      </c>
      <c r="H56791" s="1" t="s">
        <v>190912</v>
      </c>
      <c r="I56791" s="1" t="s">
        <v>187135</v>
      </c>
      <c r="J56791" s="1" t="s">
        <v>191008</v>
      </c>
    </row>
    <row r="56792" spans="1:10" x14ac:dyDescent="0.35">
      <c r="A56792" s="1" t="s">
        <v>29557</v>
      </c>
      <c r="B56792" s="1" t="s">
        <v>187129</v>
      </c>
      <c r="C56792" s="1" t="s">
        <v>160</v>
      </c>
      <c r="D56792" s="1" t="s">
        <v>137128</v>
      </c>
      <c r="E56792" s="1" t="s">
        <v>191009</v>
      </c>
      <c r="F56792" s="1" t="s">
        <v>191010</v>
      </c>
      <c r="G56792" s="1" t="s">
        <v>190911</v>
      </c>
      <c r="H56792" s="1" t="s">
        <v>190912</v>
      </c>
      <c r="I56792" s="1" t="s">
        <v>187135</v>
      </c>
      <c r="J56792" s="1" t="s">
        <v>191011</v>
      </c>
    </row>
    <row r="56793" spans="1:10" x14ac:dyDescent="0.35">
      <c r="A56793" s="1" t="s">
        <v>29557</v>
      </c>
      <c r="B56793" s="1" t="s">
        <v>187129</v>
      </c>
      <c r="C56793" s="1" t="s">
        <v>165</v>
      </c>
      <c r="D56793" s="1" t="s">
        <v>191012</v>
      </c>
      <c r="E56793" s="1" t="s">
        <v>191013</v>
      </c>
      <c r="F56793" s="1" t="s">
        <v>191014</v>
      </c>
      <c r="G56793" s="1" t="s">
        <v>190911</v>
      </c>
      <c r="H56793" s="1" t="s">
        <v>190912</v>
      </c>
      <c r="I56793" s="1" t="s">
        <v>187135</v>
      </c>
      <c r="J56793" s="1" t="s">
        <v>191015</v>
      </c>
    </row>
    <row r="56794" spans="1:10" x14ac:dyDescent="0.35">
      <c r="A56794" s="1" t="s">
        <v>29557</v>
      </c>
      <c r="B56794" s="1" t="s">
        <v>187129</v>
      </c>
      <c r="C56794" s="1" t="s">
        <v>170</v>
      </c>
      <c r="D56794" s="1" t="s">
        <v>191016</v>
      </c>
      <c r="E56794" s="1" t="s">
        <v>191017</v>
      </c>
      <c r="F56794" s="1" t="s">
        <v>191018</v>
      </c>
      <c r="G56794" s="1" t="s">
        <v>190911</v>
      </c>
      <c r="H56794" s="1" t="s">
        <v>190912</v>
      </c>
      <c r="I56794" s="1" t="s">
        <v>187135</v>
      </c>
      <c r="J56794" s="1" t="s">
        <v>191019</v>
      </c>
    </row>
    <row r="56795" spans="1:10" x14ac:dyDescent="0.35">
      <c r="A56795" s="1" t="s">
        <v>9233</v>
      </c>
      <c r="B56795" s="1" t="s">
        <v>187129</v>
      </c>
      <c r="C56795" s="1" t="s">
        <v>8</v>
      </c>
      <c r="D56795" s="1" t="s">
        <v>191020</v>
      </c>
      <c r="E56795" s="1" t="s">
        <v>191021</v>
      </c>
      <c r="F56795" s="1" t="s">
        <v>191022</v>
      </c>
      <c r="G56795" s="1" t="s">
        <v>191023</v>
      </c>
      <c r="H56795" s="1" t="s">
        <v>191024</v>
      </c>
      <c r="I56795" s="1" t="s">
        <v>187135</v>
      </c>
      <c r="J56795" s="1" t="s">
        <v>13</v>
      </c>
    </row>
    <row r="56796" spans="1:10" x14ac:dyDescent="0.35">
      <c r="A56796" s="1" t="s">
        <v>9233</v>
      </c>
      <c r="B56796" s="1" t="s">
        <v>187129</v>
      </c>
      <c r="C56796" s="1" t="s">
        <v>15</v>
      </c>
      <c r="D56796" s="1" t="s">
        <v>33826</v>
      </c>
      <c r="E56796" s="1" t="s">
        <v>191025</v>
      </c>
      <c r="F56796" s="1" t="s">
        <v>191026</v>
      </c>
      <c r="G56796" s="1" t="s">
        <v>191023</v>
      </c>
      <c r="H56796" s="1" t="s">
        <v>191024</v>
      </c>
      <c r="I56796" s="1" t="s">
        <v>187135</v>
      </c>
      <c r="J56796" s="1" t="s">
        <v>191027</v>
      </c>
    </row>
    <row r="56797" spans="1:10" x14ac:dyDescent="0.35">
      <c r="A56797" s="1" t="s">
        <v>9233</v>
      </c>
      <c r="B56797" s="1" t="s">
        <v>187129</v>
      </c>
      <c r="C56797" s="1" t="s">
        <v>20</v>
      </c>
      <c r="D56797" s="1" t="s">
        <v>191028</v>
      </c>
      <c r="E56797" s="1" t="s">
        <v>191029</v>
      </c>
      <c r="F56797" s="1" t="s">
        <v>191030</v>
      </c>
      <c r="G56797" s="1" t="s">
        <v>191023</v>
      </c>
      <c r="H56797" s="1" t="s">
        <v>191024</v>
      </c>
      <c r="I56797" s="1" t="s">
        <v>187135</v>
      </c>
      <c r="J56797" s="1" t="s">
        <v>191031</v>
      </c>
    </row>
    <row r="56798" spans="1:10" x14ac:dyDescent="0.35">
      <c r="A56798" s="1" t="s">
        <v>9233</v>
      </c>
      <c r="B56798" s="1" t="s">
        <v>187129</v>
      </c>
      <c r="C56798" s="1" t="s">
        <v>25</v>
      </c>
      <c r="D56798" s="1" t="s">
        <v>191032</v>
      </c>
      <c r="E56798" s="1" t="s">
        <v>191033</v>
      </c>
      <c r="F56798" s="1" t="s">
        <v>191034</v>
      </c>
      <c r="G56798" s="1" t="s">
        <v>191023</v>
      </c>
      <c r="H56798" s="1" t="s">
        <v>191024</v>
      </c>
      <c r="I56798" s="1" t="s">
        <v>187135</v>
      </c>
      <c r="J56798" s="1" t="s">
        <v>191035</v>
      </c>
    </row>
    <row r="56799" spans="1:10" x14ac:dyDescent="0.35">
      <c r="A56799" s="1" t="s">
        <v>9233</v>
      </c>
      <c r="B56799" s="1" t="s">
        <v>187129</v>
      </c>
      <c r="C56799" s="1" t="s">
        <v>30</v>
      </c>
      <c r="D56799" s="1" t="s">
        <v>124981</v>
      </c>
      <c r="E56799" s="1" t="s">
        <v>191036</v>
      </c>
      <c r="F56799" s="1" t="s">
        <v>191037</v>
      </c>
      <c r="G56799" s="1" t="s">
        <v>191023</v>
      </c>
      <c r="H56799" s="1" t="s">
        <v>191024</v>
      </c>
      <c r="I56799" s="1" t="s">
        <v>187135</v>
      </c>
      <c r="J56799" s="1" t="s">
        <v>191038</v>
      </c>
    </row>
    <row r="56800" spans="1:10" x14ac:dyDescent="0.35">
      <c r="A56800" s="1" t="s">
        <v>9233</v>
      </c>
      <c r="B56800" s="1" t="s">
        <v>187129</v>
      </c>
      <c r="C56800" s="1" t="s">
        <v>35</v>
      </c>
      <c r="D56800" s="1" t="s">
        <v>46942</v>
      </c>
      <c r="E56800" s="1" t="s">
        <v>191039</v>
      </c>
      <c r="F56800" s="1" t="s">
        <v>191040</v>
      </c>
      <c r="G56800" s="1" t="s">
        <v>191023</v>
      </c>
      <c r="H56800" s="1" t="s">
        <v>191024</v>
      </c>
      <c r="I56800" s="1" t="s">
        <v>187135</v>
      </c>
      <c r="J56800" s="1" t="s">
        <v>191041</v>
      </c>
    </row>
    <row r="56801" spans="1:10" x14ac:dyDescent="0.35">
      <c r="A56801" s="1" t="s">
        <v>9233</v>
      </c>
      <c r="B56801" s="1" t="s">
        <v>187129</v>
      </c>
      <c r="C56801" s="1" t="s">
        <v>40</v>
      </c>
      <c r="D56801" s="1" t="s">
        <v>75000</v>
      </c>
      <c r="E56801" s="1" t="s">
        <v>191042</v>
      </c>
      <c r="F56801" s="1" t="s">
        <v>191043</v>
      </c>
      <c r="G56801" s="1" t="s">
        <v>191023</v>
      </c>
      <c r="H56801" s="1" t="s">
        <v>191024</v>
      </c>
      <c r="I56801" s="1" t="s">
        <v>187135</v>
      </c>
      <c r="J56801" s="1" t="s">
        <v>191044</v>
      </c>
    </row>
    <row r="56802" spans="1:10" x14ac:dyDescent="0.35">
      <c r="A56802" s="1" t="s">
        <v>9233</v>
      </c>
      <c r="B56802" s="1" t="s">
        <v>187129</v>
      </c>
      <c r="C56802" s="1" t="s">
        <v>45</v>
      </c>
      <c r="D56802" s="1" t="s">
        <v>141562</v>
      </c>
      <c r="E56802" s="1" t="s">
        <v>191045</v>
      </c>
      <c r="F56802" s="1" t="s">
        <v>191046</v>
      </c>
      <c r="G56802" s="1" t="s">
        <v>191023</v>
      </c>
      <c r="H56802" s="1" t="s">
        <v>191024</v>
      </c>
      <c r="I56802" s="1" t="s">
        <v>187135</v>
      </c>
      <c r="J56802" s="1" t="s">
        <v>191047</v>
      </c>
    </row>
    <row r="56803" spans="1:10" x14ac:dyDescent="0.35">
      <c r="A56803" s="1" t="s">
        <v>9233</v>
      </c>
      <c r="B56803" s="1" t="s">
        <v>187129</v>
      </c>
      <c r="C56803" s="1" t="s">
        <v>50</v>
      </c>
      <c r="D56803" s="1" t="s">
        <v>34682</v>
      </c>
      <c r="E56803" s="1" t="s">
        <v>191048</v>
      </c>
      <c r="F56803" s="1" t="s">
        <v>191049</v>
      </c>
      <c r="G56803" s="1" t="s">
        <v>191023</v>
      </c>
      <c r="H56803" s="1" t="s">
        <v>191024</v>
      </c>
      <c r="I56803" s="1" t="s">
        <v>187135</v>
      </c>
      <c r="J56803" s="1" t="s">
        <v>191050</v>
      </c>
    </row>
    <row r="56804" spans="1:10" x14ac:dyDescent="0.35">
      <c r="A56804" s="1" t="s">
        <v>9233</v>
      </c>
      <c r="B56804" s="1" t="s">
        <v>187129</v>
      </c>
      <c r="C56804" s="1" t="s">
        <v>55</v>
      </c>
      <c r="D56804" s="1" t="s">
        <v>70837</v>
      </c>
      <c r="E56804" s="1" t="s">
        <v>191051</v>
      </c>
      <c r="F56804" s="1" t="s">
        <v>191052</v>
      </c>
      <c r="G56804" s="1" t="s">
        <v>191023</v>
      </c>
      <c r="H56804" s="1" t="s">
        <v>191024</v>
      </c>
      <c r="I56804" s="1" t="s">
        <v>187135</v>
      </c>
      <c r="J56804" s="1" t="s">
        <v>191053</v>
      </c>
    </row>
    <row r="56805" spans="1:10" x14ac:dyDescent="0.35">
      <c r="A56805" s="1" t="s">
        <v>9233</v>
      </c>
      <c r="B56805" s="1" t="s">
        <v>187129</v>
      </c>
      <c r="C56805" s="1" t="s">
        <v>60</v>
      </c>
      <c r="D56805" s="1" t="s">
        <v>151347</v>
      </c>
      <c r="E56805" s="1" t="s">
        <v>191054</v>
      </c>
      <c r="F56805" s="1" t="s">
        <v>191055</v>
      </c>
      <c r="G56805" s="1" t="s">
        <v>191023</v>
      </c>
      <c r="H56805" s="1" t="s">
        <v>191024</v>
      </c>
      <c r="I56805" s="1" t="s">
        <v>187135</v>
      </c>
      <c r="J56805" s="1" t="s">
        <v>191056</v>
      </c>
    </row>
    <row r="56806" spans="1:10" x14ac:dyDescent="0.35">
      <c r="A56806" s="1" t="s">
        <v>9233</v>
      </c>
      <c r="B56806" s="1" t="s">
        <v>187129</v>
      </c>
      <c r="C56806" s="1" t="s">
        <v>65</v>
      </c>
      <c r="D56806" s="1" t="s">
        <v>43132</v>
      </c>
      <c r="E56806" s="1" t="s">
        <v>191057</v>
      </c>
      <c r="F56806" s="1" t="s">
        <v>191058</v>
      </c>
      <c r="G56806" s="1" t="s">
        <v>191023</v>
      </c>
      <c r="H56806" s="1" t="s">
        <v>191024</v>
      </c>
      <c r="I56806" s="1" t="s">
        <v>187135</v>
      </c>
      <c r="J56806" s="1" t="s">
        <v>191059</v>
      </c>
    </row>
    <row r="56807" spans="1:10" x14ac:dyDescent="0.35">
      <c r="A56807" s="1" t="s">
        <v>9233</v>
      </c>
      <c r="B56807" s="1" t="s">
        <v>187129</v>
      </c>
      <c r="C56807" s="1" t="s">
        <v>70</v>
      </c>
      <c r="D56807" s="1" t="s">
        <v>191060</v>
      </c>
      <c r="E56807" s="1" t="s">
        <v>191061</v>
      </c>
      <c r="F56807" s="1" t="s">
        <v>191062</v>
      </c>
      <c r="G56807" s="1" t="s">
        <v>191023</v>
      </c>
      <c r="H56807" s="1" t="s">
        <v>191024</v>
      </c>
      <c r="I56807" s="1" t="s">
        <v>187135</v>
      </c>
      <c r="J56807" s="1" t="s">
        <v>191063</v>
      </c>
    </row>
    <row r="56808" spans="1:10" x14ac:dyDescent="0.35">
      <c r="A56808" s="1" t="s">
        <v>9233</v>
      </c>
      <c r="B56808" s="1" t="s">
        <v>187129</v>
      </c>
      <c r="C56808" s="1" t="s">
        <v>75</v>
      </c>
      <c r="D56808" s="1" t="s">
        <v>73134</v>
      </c>
      <c r="E56808" s="1" t="s">
        <v>191064</v>
      </c>
      <c r="F56808" s="1" t="s">
        <v>191065</v>
      </c>
      <c r="G56808" s="1" t="s">
        <v>191023</v>
      </c>
      <c r="H56808" s="1" t="s">
        <v>191024</v>
      </c>
      <c r="I56808" s="1" t="s">
        <v>187135</v>
      </c>
      <c r="J56808" s="1" t="s">
        <v>191066</v>
      </c>
    </row>
    <row r="56809" spans="1:10" x14ac:dyDescent="0.35">
      <c r="A56809" s="1" t="s">
        <v>9233</v>
      </c>
      <c r="B56809" s="1" t="s">
        <v>187129</v>
      </c>
      <c r="C56809" s="1" t="s">
        <v>80</v>
      </c>
      <c r="D56809" s="1" t="s">
        <v>191067</v>
      </c>
      <c r="E56809" s="1" t="s">
        <v>191068</v>
      </c>
      <c r="F56809" s="1" t="s">
        <v>191069</v>
      </c>
      <c r="G56809" s="1" t="s">
        <v>191023</v>
      </c>
      <c r="H56809" s="1" t="s">
        <v>191024</v>
      </c>
      <c r="I56809" s="1" t="s">
        <v>187135</v>
      </c>
      <c r="J56809" s="1" t="s">
        <v>191070</v>
      </c>
    </row>
    <row r="56810" spans="1:10" x14ac:dyDescent="0.35">
      <c r="A56810" s="1" t="s">
        <v>9233</v>
      </c>
      <c r="B56810" s="1" t="s">
        <v>187129</v>
      </c>
      <c r="C56810" s="1" t="s">
        <v>85</v>
      </c>
      <c r="D56810" s="1" t="s">
        <v>185486</v>
      </c>
      <c r="E56810" s="1" t="s">
        <v>191071</v>
      </c>
      <c r="F56810" s="1" t="s">
        <v>191072</v>
      </c>
      <c r="G56810" s="1" t="s">
        <v>191023</v>
      </c>
      <c r="H56810" s="1" t="s">
        <v>191024</v>
      </c>
      <c r="I56810" s="1" t="s">
        <v>187135</v>
      </c>
      <c r="J56810" s="1" t="s">
        <v>191073</v>
      </c>
    </row>
    <row r="56811" spans="1:10" x14ac:dyDescent="0.35">
      <c r="A56811" s="1" t="s">
        <v>9233</v>
      </c>
      <c r="B56811" s="1" t="s">
        <v>187129</v>
      </c>
      <c r="C56811" s="1" t="s">
        <v>90</v>
      </c>
      <c r="D56811" s="1" t="s">
        <v>9409</v>
      </c>
      <c r="E56811" s="1" t="s">
        <v>191074</v>
      </c>
      <c r="F56811" s="1" t="s">
        <v>191075</v>
      </c>
      <c r="G56811" s="1" t="s">
        <v>191023</v>
      </c>
      <c r="H56811" s="1" t="s">
        <v>191024</v>
      </c>
      <c r="I56811" s="1" t="s">
        <v>187135</v>
      </c>
      <c r="J56811" s="1" t="s">
        <v>191076</v>
      </c>
    </row>
    <row r="56812" spans="1:10" x14ac:dyDescent="0.35">
      <c r="A56812" s="1" t="s">
        <v>9233</v>
      </c>
      <c r="B56812" s="1" t="s">
        <v>187129</v>
      </c>
      <c r="C56812" s="1" t="s">
        <v>95</v>
      </c>
      <c r="D56812" s="1" t="s">
        <v>191077</v>
      </c>
      <c r="E56812" s="1" t="s">
        <v>191078</v>
      </c>
      <c r="F56812" s="1" t="s">
        <v>191079</v>
      </c>
      <c r="G56812" s="1" t="s">
        <v>191023</v>
      </c>
      <c r="H56812" s="1" t="s">
        <v>191024</v>
      </c>
      <c r="I56812" s="1" t="s">
        <v>187135</v>
      </c>
      <c r="J56812" s="1" t="s">
        <v>191080</v>
      </c>
    </row>
    <row r="56813" spans="1:10" x14ac:dyDescent="0.35">
      <c r="A56813" s="1" t="s">
        <v>9233</v>
      </c>
      <c r="B56813" s="1" t="s">
        <v>187129</v>
      </c>
      <c r="C56813" s="1" t="s">
        <v>100</v>
      </c>
      <c r="D56813" s="1" t="s">
        <v>176924</v>
      </c>
      <c r="E56813" s="1" t="s">
        <v>191081</v>
      </c>
      <c r="F56813" s="1" t="s">
        <v>191082</v>
      </c>
      <c r="G56813" s="1" t="s">
        <v>191023</v>
      </c>
      <c r="H56813" s="1" t="s">
        <v>191024</v>
      </c>
      <c r="I56813" s="1" t="s">
        <v>187135</v>
      </c>
      <c r="J56813" s="1" t="s">
        <v>191083</v>
      </c>
    </row>
    <row r="56814" spans="1:10" x14ac:dyDescent="0.35">
      <c r="A56814" s="1" t="s">
        <v>9233</v>
      </c>
      <c r="B56814" s="1" t="s">
        <v>187129</v>
      </c>
      <c r="C56814" s="1" t="s">
        <v>105</v>
      </c>
      <c r="D56814" s="1" t="s">
        <v>125339</v>
      </c>
      <c r="E56814" s="1" t="s">
        <v>191084</v>
      </c>
      <c r="F56814" s="1" t="s">
        <v>191085</v>
      </c>
      <c r="G56814" s="1" t="s">
        <v>191023</v>
      </c>
      <c r="H56814" s="1" t="s">
        <v>191024</v>
      </c>
      <c r="I56814" s="1" t="s">
        <v>187135</v>
      </c>
      <c r="J56814" s="1" t="s">
        <v>191086</v>
      </c>
    </row>
    <row r="56815" spans="1:10" x14ac:dyDescent="0.35">
      <c r="A56815" s="1" t="s">
        <v>9233</v>
      </c>
      <c r="B56815" s="1" t="s">
        <v>187129</v>
      </c>
      <c r="C56815" s="1" t="s">
        <v>110</v>
      </c>
      <c r="D56815" s="1" t="s">
        <v>191087</v>
      </c>
      <c r="E56815" s="1" t="s">
        <v>191088</v>
      </c>
      <c r="F56815" s="1" t="s">
        <v>191089</v>
      </c>
      <c r="G56815" s="1" t="s">
        <v>191023</v>
      </c>
      <c r="H56815" s="1" t="s">
        <v>191024</v>
      </c>
      <c r="I56815" s="1" t="s">
        <v>187135</v>
      </c>
      <c r="J56815" s="1" t="s">
        <v>191090</v>
      </c>
    </row>
    <row r="56816" spans="1:10" x14ac:dyDescent="0.35">
      <c r="A56816" s="1" t="s">
        <v>9233</v>
      </c>
      <c r="B56816" s="1" t="s">
        <v>187129</v>
      </c>
      <c r="C56816" s="1" t="s">
        <v>115</v>
      </c>
      <c r="D56816" s="1" t="s">
        <v>3160</v>
      </c>
      <c r="E56816" s="1" t="s">
        <v>191091</v>
      </c>
      <c r="F56816" s="1" t="s">
        <v>191092</v>
      </c>
      <c r="G56816" s="1" t="s">
        <v>191023</v>
      </c>
      <c r="H56816" s="1" t="s">
        <v>191024</v>
      </c>
      <c r="I56816" s="1" t="s">
        <v>187135</v>
      </c>
      <c r="J56816" s="1" t="s">
        <v>191093</v>
      </c>
    </row>
    <row r="56817" spans="1:10" x14ac:dyDescent="0.35">
      <c r="A56817" s="1" t="s">
        <v>9233</v>
      </c>
      <c r="B56817" s="1" t="s">
        <v>187129</v>
      </c>
      <c r="C56817" s="1" t="s">
        <v>120</v>
      </c>
      <c r="D56817" s="1" t="s">
        <v>73379</v>
      </c>
      <c r="E56817" s="1" t="s">
        <v>191094</v>
      </c>
      <c r="F56817" s="1" t="s">
        <v>191095</v>
      </c>
      <c r="G56817" s="1" t="s">
        <v>191023</v>
      </c>
      <c r="H56817" s="1" t="s">
        <v>191024</v>
      </c>
      <c r="I56817" s="1" t="s">
        <v>187135</v>
      </c>
      <c r="J56817" s="1" t="s">
        <v>191096</v>
      </c>
    </row>
    <row r="56818" spans="1:10" x14ac:dyDescent="0.35">
      <c r="A56818" s="1" t="s">
        <v>9233</v>
      </c>
      <c r="B56818" s="1" t="s">
        <v>187129</v>
      </c>
      <c r="C56818" s="1" t="s">
        <v>125</v>
      </c>
      <c r="D56818" s="1" t="s">
        <v>43183</v>
      </c>
      <c r="E56818" s="1" t="s">
        <v>191097</v>
      </c>
      <c r="F56818" s="1" t="s">
        <v>191098</v>
      </c>
      <c r="G56818" s="1" t="s">
        <v>191023</v>
      </c>
      <c r="H56818" s="1" t="s">
        <v>191024</v>
      </c>
      <c r="I56818" s="1" t="s">
        <v>187135</v>
      </c>
      <c r="J56818" s="1" t="s">
        <v>191099</v>
      </c>
    </row>
    <row r="56819" spans="1:10" x14ac:dyDescent="0.35">
      <c r="A56819" s="1" t="s">
        <v>9233</v>
      </c>
      <c r="B56819" s="1" t="s">
        <v>187129</v>
      </c>
      <c r="C56819" s="1" t="s">
        <v>130</v>
      </c>
      <c r="D56819" s="1" t="s">
        <v>47267</v>
      </c>
      <c r="E56819" s="1" t="s">
        <v>191100</v>
      </c>
      <c r="F56819" s="1" t="s">
        <v>191101</v>
      </c>
      <c r="G56819" s="1" t="s">
        <v>191023</v>
      </c>
      <c r="H56819" s="1" t="s">
        <v>191024</v>
      </c>
      <c r="I56819" s="1" t="s">
        <v>187135</v>
      </c>
      <c r="J56819" s="1" t="s">
        <v>191102</v>
      </c>
    </row>
    <row r="56820" spans="1:10" x14ac:dyDescent="0.35">
      <c r="A56820" s="1" t="s">
        <v>9233</v>
      </c>
      <c r="B56820" s="1" t="s">
        <v>187129</v>
      </c>
      <c r="C56820" s="1" t="s">
        <v>135</v>
      </c>
      <c r="D56820" s="1" t="s">
        <v>16248</v>
      </c>
      <c r="E56820" s="1" t="s">
        <v>191103</v>
      </c>
      <c r="F56820" s="1" t="s">
        <v>191104</v>
      </c>
      <c r="G56820" s="1" t="s">
        <v>191023</v>
      </c>
      <c r="H56820" s="1" t="s">
        <v>191024</v>
      </c>
      <c r="I56820" s="1" t="s">
        <v>187135</v>
      </c>
      <c r="J56820" s="1" t="s">
        <v>191105</v>
      </c>
    </row>
    <row r="56821" spans="1:10" x14ac:dyDescent="0.35">
      <c r="A56821" s="1" t="s">
        <v>9233</v>
      </c>
      <c r="B56821" s="1" t="s">
        <v>187129</v>
      </c>
      <c r="C56821" s="1" t="s">
        <v>140</v>
      </c>
      <c r="D56821" s="1" t="s">
        <v>105177</v>
      </c>
      <c r="E56821" s="1" t="s">
        <v>191106</v>
      </c>
      <c r="F56821" s="1" t="s">
        <v>191107</v>
      </c>
      <c r="G56821" s="1" t="s">
        <v>191023</v>
      </c>
      <c r="H56821" s="1" t="s">
        <v>191024</v>
      </c>
      <c r="I56821" s="1" t="s">
        <v>187135</v>
      </c>
      <c r="J56821" s="1" t="s">
        <v>191108</v>
      </c>
    </row>
    <row r="56822" spans="1:10" x14ac:dyDescent="0.35">
      <c r="A56822" s="1" t="s">
        <v>9233</v>
      </c>
      <c r="B56822" s="1" t="s">
        <v>187129</v>
      </c>
      <c r="C56822" s="1" t="s">
        <v>145</v>
      </c>
      <c r="D56822" s="1" t="s">
        <v>191109</v>
      </c>
      <c r="E56822" s="1" t="s">
        <v>191110</v>
      </c>
      <c r="F56822" s="1" t="s">
        <v>191111</v>
      </c>
      <c r="G56822" s="1" t="s">
        <v>191023</v>
      </c>
      <c r="H56822" s="1" t="s">
        <v>191024</v>
      </c>
      <c r="I56822" s="1" t="s">
        <v>187135</v>
      </c>
      <c r="J56822" s="1" t="s">
        <v>191112</v>
      </c>
    </row>
    <row r="56823" spans="1:10" x14ac:dyDescent="0.35">
      <c r="A56823" s="1" t="s">
        <v>9233</v>
      </c>
      <c r="B56823" s="1" t="s">
        <v>187129</v>
      </c>
      <c r="C56823" s="1" t="s">
        <v>150</v>
      </c>
      <c r="D56823" s="1" t="s">
        <v>17218</v>
      </c>
      <c r="E56823" s="1" t="s">
        <v>191113</v>
      </c>
      <c r="F56823" s="1" t="s">
        <v>191114</v>
      </c>
      <c r="G56823" s="1" t="s">
        <v>191023</v>
      </c>
      <c r="H56823" s="1" t="s">
        <v>191024</v>
      </c>
      <c r="I56823" s="1" t="s">
        <v>187135</v>
      </c>
      <c r="J56823" s="1" t="s">
        <v>191115</v>
      </c>
    </row>
    <row r="56824" spans="1:10" x14ac:dyDescent="0.35">
      <c r="A56824" s="1" t="s">
        <v>9233</v>
      </c>
      <c r="B56824" s="1" t="s">
        <v>187129</v>
      </c>
      <c r="C56824" s="1" t="s">
        <v>155</v>
      </c>
      <c r="D56824" s="1" t="s">
        <v>118789</v>
      </c>
      <c r="E56824" s="1" t="s">
        <v>191116</v>
      </c>
      <c r="F56824" s="1" t="s">
        <v>191117</v>
      </c>
      <c r="G56824" s="1" t="s">
        <v>191023</v>
      </c>
      <c r="H56824" s="1" t="s">
        <v>191024</v>
      </c>
      <c r="I56824" s="1" t="s">
        <v>187135</v>
      </c>
      <c r="J56824" s="1" t="s">
        <v>191118</v>
      </c>
    </row>
    <row r="56825" spans="1:10" x14ac:dyDescent="0.35">
      <c r="A56825" s="1" t="s">
        <v>9233</v>
      </c>
      <c r="B56825" s="1" t="s">
        <v>187129</v>
      </c>
      <c r="C56825" s="1" t="s">
        <v>160</v>
      </c>
      <c r="D56825" s="1" t="s">
        <v>124259</v>
      </c>
      <c r="E56825" s="1" t="s">
        <v>191119</v>
      </c>
      <c r="F56825" s="1" t="s">
        <v>191120</v>
      </c>
      <c r="G56825" s="1" t="s">
        <v>191023</v>
      </c>
      <c r="H56825" s="1" t="s">
        <v>191024</v>
      </c>
      <c r="I56825" s="1" t="s">
        <v>187135</v>
      </c>
      <c r="J56825" s="1" t="s">
        <v>191121</v>
      </c>
    </row>
    <row r="56826" spans="1:10" x14ac:dyDescent="0.35">
      <c r="A56826" s="1" t="s">
        <v>9233</v>
      </c>
      <c r="B56826" s="1" t="s">
        <v>187129</v>
      </c>
      <c r="C56826" s="1" t="s">
        <v>165</v>
      </c>
      <c r="D56826" s="1" t="s">
        <v>149663</v>
      </c>
      <c r="E56826" s="1" t="s">
        <v>191122</v>
      </c>
      <c r="F56826" s="1" t="s">
        <v>191123</v>
      </c>
      <c r="G56826" s="1" t="s">
        <v>191023</v>
      </c>
      <c r="H56826" s="1" t="s">
        <v>191024</v>
      </c>
      <c r="I56826" s="1" t="s">
        <v>187135</v>
      </c>
      <c r="J56826" s="1" t="s">
        <v>191124</v>
      </c>
    </row>
    <row r="56827" spans="1:10" x14ac:dyDescent="0.35">
      <c r="A56827" s="1" t="s">
        <v>9233</v>
      </c>
      <c r="B56827" s="1" t="s">
        <v>187129</v>
      </c>
      <c r="C56827" s="1" t="s">
        <v>170</v>
      </c>
      <c r="D56827" s="1" t="s">
        <v>3152</v>
      </c>
      <c r="E56827" s="1" t="s">
        <v>191125</v>
      </c>
      <c r="F56827" s="1" t="s">
        <v>191126</v>
      </c>
      <c r="G56827" s="1" t="s">
        <v>191023</v>
      </c>
      <c r="H56827" s="1" t="s">
        <v>191024</v>
      </c>
      <c r="I56827" s="1" t="s">
        <v>187135</v>
      </c>
      <c r="J56827" s="1" t="s">
        <v>191127</v>
      </c>
    </row>
    <row r="56828" spans="1:10" x14ac:dyDescent="0.35">
      <c r="A56828" s="1" t="s">
        <v>172295</v>
      </c>
      <c r="B56828" s="1" t="s">
        <v>187129</v>
      </c>
      <c r="C56828" s="1" t="s">
        <v>8</v>
      </c>
      <c r="D56828" s="1" t="s">
        <v>191128</v>
      </c>
      <c r="E56828" s="1" t="s">
        <v>191129</v>
      </c>
      <c r="F56828" s="1" t="s">
        <v>191130</v>
      </c>
      <c r="G56828" s="1" t="s">
        <v>191131</v>
      </c>
      <c r="H56828" s="1" t="s">
        <v>191132</v>
      </c>
      <c r="I56828" s="1" t="s">
        <v>187135</v>
      </c>
      <c r="J56828" s="1" t="s">
        <v>13</v>
      </c>
    </row>
    <row r="56829" spans="1:10" x14ac:dyDescent="0.35">
      <c r="A56829" s="1" t="s">
        <v>172295</v>
      </c>
      <c r="B56829" s="1" t="s">
        <v>187129</v>
      </c>
      <c r="C56829" s="1" t="s">
        <v>15</v>
      </c>
      <c r="D56829" s="1" t="s">
        <v>191133</v>
      </c>
      <c r="E56829" s="1" t="s">
        <v>191134</v>
      </c>
      <c r="F56829" s="1" t="s">
        <v>191135</v>
      </c>
      <c r="G56829" s="1" t="s">
        <v>191131</v>
      </c>
      <c r="H56829" s="1" t="s">
        <v>191132</v>
      </c>
      <c r="I56829" s="1" t="s">
        <v>187135</v>
      </c>
      <c r="J56829" s="1" t="s">
        <v>191136</v>
      </c>
    </row>
    <row r="56830" spans="1:10" x14ac:dyDescent="0.35">
      <c r="A56830" s="1" t="s">
        <v>172295</v>
      </c>
      <c r="B56830" s="1" t="s">
        <v>187129</v>
      </c>
      <c r="C56830" s="1" t="s">
        <v>20</v>
      </c>
      <c r="D56830" s="1" t="s">
        <v>9628</v>
      </c>
      <c r="E56830" s="1" t="s">
        <v>191137</v>
      </c>
      <c r="F56830" s="1" t="s">
        <v>191138</v>
      </c>
      <c r="G56830" s="1" t="s">
        <v>191131</v>
      </c>
      <c r="H56830" s="1" t="s">
        <v>191132</v>
      </c>
      <c r="I56830" s="1" t="s">
        <v>187135</v>
      </c>
      <c r="J56830" s="1" t="s">
        <v>191139</v>
      </c>
    </row>
    <row r="56831" spans="1:10" x14ac:dyDescent="0.35">
      <c r="A56831" s="1" t="s">
        <v>172295</v>
      </c>
      <c r="B56831" s="1" t="s">
        <v>187129</v>
      </c>
      <c r="C56831" s="1" t="s">
        <v>25</v>
      </c>
      <c r="D56831" s="1" t="s">
        <v>191140</v>
      </c>
      <c r="E56831" s="1" t="s">
        <v>191141</v>
      </c>
      <c r="F56831" s="1" t="s">
        <v>191142</v>
      </c>
      <c r="G56831" s="1" t="s">
        <v>191131</v>
      </c>
      <c r="H56831" s="1" t="s">
        <v>191132</v>
      </c>
      <c r="I56831" s="1" t="s">
        <v>187135</v>
      </c>
      <c r="J56831" s="1" t="s">
        <v>191143</v>
      </c>
    </row>
    <row r="56832" spans="1:10" x14ac:dyDescent="0.35">
      <c r="A56832" s="1" t="s">
        <v>172295</v>
      </c>
      <c r="B56832" s="1" t="s">
        <v>187129</v>
      </c>
      <c r="C56832" s="1" t="s">
        <v>30</v>
      </c>
      <c r="D56832" s="1" t="s">
        <v>135358</v>
      </c>
      <c r="E56832" s="1" t="s">
        <v>191144</v>
      </c>
      <c r="F56832" s="1" t="s">
        <v>191145</v>
      </c>
      <c r="G56832" s="1" t="s">
        <v>191131</v>
      </c>
      <c r="H56832" s="1" t="s">
        <v>191132</v>
      </c>
      <c r="I56832" s="1" t="s">
        <v>187135</v>
      </c>
      <c r="J56832" s="1" t="s">
        <v>191146</v>
      </c>
    </row>
    <row r="56833" spans="1:10" x14ac:dyDescent="0.35">
      <c r="A56833" s="1" t="s">
        <v>172295</v>
      </c>
      <c r="B56833" s="1" t="s">
        <v>187129</v>
      </c>
      <c r="C56833" s="1" t="s">
        <v>35</v>
      </c>
      <c r="D56833" s="1" t="s">
        <v>277</v>
      </c>
      <c r="E56833" s="1" t="s">
        <v>191147</v>
      </c>
      <c r="F56833" s="1" t="s">
        <v>191148</v>
      </c>
      <c r="G56833" s="1" t="s">
        <v>191131</v>
      </c>
      <c r="H56833" s="1" t="s">
        <v>191132</v>
      </c>
      <c r="I56833" s="1" t="s">
        <v>187135</v>
      </c>
      <c r="J56833" s="1" t="s">
        <v>191149</v>
      </c>
    </row>
    <row r="56834" spans="1:10" x14ac:dyDescent="0.35">
      <c r="A56834" s="1" t="s">
        <v>172295</v>
      </c>
      <c r="B56834" s="1" t="s">
        <v>187129</v>
      </c>
      <c r="C56834" s="1" t="s">
        <v>40</v>
      </c>
      <c r="D56834" s="1" t="s">
        <v>191150</v>
      </c>
      <c r="E56834" s="1" t="s">
        <v>191151</v>
      </c>
      <c r="F56834" s="1" t="s">
        <v>191152</v>
      </c>
      <c r="G56834" s="1" t="s">
        <v>191131</v>
      </c>
      <c r="H56834" s="1" t="s">
        <v>191132</v>
      </c>
      <c r="I56834" s="1" t="s">
        <v>187135</v>
      </c>
      <c r="J56834" s="1" t="s">
        <v>191153</v>
      </c>
    </row>
    <row r="56835" spans="1:10" x14ac:dyDescent="0.35">
      <c r="A56835" s="1" t="s">
        <v>172295</v>
      </c>
      <c r="B56835" s="1" t="s">
        <v>187129</v>
      </c>
      <c r="C56835" s="1" t="s">
        <v>45</v>
      </c>
      <c r="D56835" s="1" t="s">
        <v>31136</v>
      </c>
      <c r="E56835" s="1" t="s">
        <v>191154</v>
      </c>
      <c r="F56835" s="1" t="s">
        <v>191155</v>
      </c>
      <c r="G56835" s="1" t="s">
        <v>191131</v>
      </c>
      <c r="H56835" s="1" t="s">
        <v>191132</v>
      </c>
      <c r="I56835" s="1" t="s">
        <v>187135</v>
      </c>
      <c r="J56835" s="1" t="s">
        <v>191156</v>
      </c>
    </row>
    <row r="56836" spans="1:10" x14ac:dyDescent="0.35">
      <c r="A56836" s="1" t="s">
        <v>172295</v>
      </c>
      <c r="B56836" s="1" t="s">
        <v>187129</v>
      </c>
      <c r="C56836" s="1" t="s">
        <v>50</v>
      </c>
      <c r="D56836" s="1" t="s">
        <v>16135</v>
      </c>
      <c r="E56836" s="1" t="s">
        <v>191157</v>
      </c>
      <c r="F56836" s="1" t="s">
        <v>191158</v>
      </c>
      <c r="G56836" s="1" t="s">
        <v>191131</v>
      </c>
      <c r="H56836" s="1" t="s">
        <v>191132</v>
      </c>
      <c r="I56836" s="1" t="s">
        <v>187135</v>
      </c>
      <c r="J56836" s="1" t="s">
        <v>191159</v>
      </c>
    </row>
    <row r="56837" spans="1:10" x14ac:dyDescent="0.35">
      <c r="A56837" s="1" t="s">
        <v>172295</v>
      </c>
      <c r="B56837" s="1" t="s">
        <v>187129</v>
      </c>
      <c r="C56837" s="1" t="s">
        <v>55</v>
      </c>
      <c r="D56837" s="1" t="s">
        <v>32554</v>
      </c>
      <c r="E56837" s="1" t="s">
        <v>191160</v>
      </c>
      <c r="F56837" s="1" t="s">
        <v>191161</v>
      </c>
      <c r="G56837" s="1" t="s">
        <v>191131</v>
      </c>
      <c r="H56837" s="1" t="s">
        <v>191132</v>
      </c>
      <c r="I56837" s="1" t="s">
        <v>187135</v>
      </c>
      <c r="J56837" s="1" t="s">
        <v>191162</v>
      </c>
    </row>
    <row r="56838" spans="1:10" x14ac:dyDescent="0.35">
      <c r="A56838" s="1" t="s">
        <v>172295</v>
      </c>
      <c r="B56838" s="1" t="s">
        <v>187129</v>
      </c>
      <c r="C56838" s="1" t="s">
        <v>60</v>
      </c>
      <c r="D56838" s="1" t="s">
        <v>110129</v>
      </c>
      <c r="E56838" s="1" t="s">
        <v>191163</v>
      </c>
      <c r="F56838" s="1" t="s">
        <v>191164</v>
      </c>
      <c r="G56838" s="1" t="s">
        <v>191131</v>
      </c>
      <c r="H56838" s="1" t="s">
        <v>191132</v>
      </c>
      <c r="I56838" s="1" t="s">
        <v>187135</v>
      </c>
      <c r="J56838" s="1" t="s">
        <v>191165</v>
      </c>
    </row>
    <row r="56839" spans="1:10" x14ac:dyDescent="0.35">
      <c r="A56839" s="1" t="s">
        <v>172295</v>
      </c>
      <c r="B56839" s="1" t="s">
        <v>187129</v>
      </c>
      <c r="C56839" s="1" t="s">
        <v>65</v>
      </c>
      <c r="D56839" s="1" t="s">
        <v>124106</v>
      </c>
      <c r="E56839" s="1" t="s">
        <v>191166</v>
      </c>
      <c r="F56839" s="1" t="s">
        <v>191167</v>
      </c>
      <c r="G56839" s="1" t="s">
        <v>191131</v>
      </c>
      <c r="H56839" s="1" t="s">
        <v>191132</v>
      </c>
      <c r="I56839" s="1" t="s">
        <v>187135</v>
      </c>
      <c r="J56839" s="1" t="s">
        <v>191168</v>
      </c>
    </row>
    <row r="56840" spans="1:10" x14ac:dyDescent="0.35">
      <c r="A56840" s="1" t="s">
        <v>172295</v>
      </c>
      <c r="B56840" s="1" t="s">
        <v>187129</v>
      </c>
      <c r="C56840" s="1" t="s">
        <v>70</v>
      </c>
      <c r="D56840" s="1" t="s">
        <v>191169</v>
      </c>
      <c r="E56840" s="1" t="s">
        <v>191170</v>
      </c>
      <c r="F56840" s="1" t="s">
        <v>191171</v>
      </c>
      <c r="G56840" s="1" t="s">
        <v>191131</v>
      </c>
      <c r="H56840" s="1" t="s">
        <v>191132</v>
      </c>
      <c r="I56840" s="1" t="s">
        <v>187135</v>
      </c>
      <c r="J56840" s="1" t="s">
        <v>191172</v>
      </c>
    </row>
    <row r="56841" spans="1:10" x14ac:dyDescent="0.35">
      <c r="A56841" s="1" t="s">
        <v>172295</v>
      </c>
      <c r="B56841" s="1" t="s">
        <v>187129</v>
      </c>
      <c r="C56841" s="1" t="s">
        <v>75</v>
      </c>
      <c r="D56841" s="1" t="s">
        <v>83001</v>
      </c>
      <c r="E56841" s="1" t="s">
        <v>191173</v>
      </c>
      <c r="F56841" s="1" t="s">
        <v>191174</v>
      </c>
      <c r="G56841" s="1" t="s">
        <v>191131</v>
      </c>
      <c r="H56841" s="1" t="s">
        <v>191132</v>
      </c>
      <c r="I56841" s="1" t="s">
        <v>187135</v>
      </c>
      <c r="J56841" s="1" t="s">
        <v>191175</v>
      </c>
    </row>
    <row r="56842" spans="1:10" x14ac:dyDescent="0.35">
      <c r="A56842" s="1" t="s">
        <v>172295</v>
      </c>
      <c r="B56842" s="1" t="s">
        <v>187129</v>
      </c>
      <c r="C56842" s="1" t="s">
        <v>80</v>
      </c>
      <c r="D56842" s="1" t="s">
        <v>50406</v>
      </c>
      <c r="E56842" s="1" t="s">
        <v>191176</v>
      </c>
      <c r="F56842" s="1" t="s">
        <v>191177</v>
      </c>
      <c r="G56842" s="1" t="s">
        <v>191131</v>
      </c>
      <c r="H56842" s="1" t="s">
        <v>191132</v>
      </c>
      <c r="I56842" s="1" t="s">
        <v>187135</v>
      </c>
      <c r="J56842" s="1" t="s">
        <v>191178</v>
      </c>
    </row>
    <row r="56843" spans="1:10" x14ac:dyDescent="0.35">
      <c r="A56843" s="1" t="s">
        <v>172295</v>
      </c>
      <c r="B56843" s="1" t="s">
        <v>187129</v>
      </c>
      <c r="C56843" s="1" t="s">
        <v>85</v>
      </c>
      <c r="D56843" s="1" t="s">
        <v>181071</v>
      </c>
      <c r="E56843" s="1" t="s">
        <v>191179</v>
      </c>
      <c r="F56843" s="1" t="s">
        <v>191180</v>
      </c>
      <c r="G56843" s="1" t="s">
        <v>191131</v>
      </c>
      <c r="H56843" s="1" t="s">
        <v>191132</v>
      </c>
      <c r="I56843" s="1" t="s">
        <v>187135</v>
      </c>
      <c r="J56843" s="1" t="s">
        <v>191181</v>
      </c>
    </row>
    <row r="56844" spans="1:10" x14ac:dyDescent="0.35">
      <c r="A56844" s="1" t="s">
        <v>172295</v>
      </c>
      <c r="B56844" s="1" t="s">
        <v>187129</v>
      </c>
      <c r="C56844" s="1" t="s">
        <v>90</v>
      </c>
      <c r="D56844" s="1" t="s">
        <v>191133</v>
      </c>
      <c r="E56844" s="1" t="s">
        <v>191182</v>
      </c>
      <c r="F56844" s="1" t="s">
        <v>191183</v>
      </c>
      <c r="G56844" s="1" t="s">
        <v>191131</v>
      </c>
      <c r="H56844" s="1" t="s">
        <v>191132</v>
      </c>
      <c r="I56844" s="1" t="s">
        <v>187135</v>
      </c>
      <c r="J56844" s="1" t="s">
        <v>191184</v>
      </c>
    </row>
    <row r="56845" spans="1:10" x14ac:dyDescent="0.35">
      <c r="A56845" s="1" t="s">
        <v>172295</v>
      </c>
      <c r="B56845" s="1" t="s">
        <v>187129</v>
      </c>
      <c r="C56845" s="1" t="s">
        <v>95</v>
      </c>
      <c r="D56845" s="1" t="s">
        <v>174240</v>
      </c>
      <c r="E56845" s="1" t="s">
        <v>191185</v>
      </c>
      <c r="F56845" s="1" t="s">
        <v>191186</v>
      </c>
      <c r="G56845" s="1" t="s">
        <v>191131</v>
      </c>
      <c r="H56845" s="1" t="s">
        <v>191132</v>
      </c>
      <c r="I56845" s="1" t="s">
        <v>187135</v>
      </c>
      <c r="J56845" s="1" t="s">
        <v>191187</v>
      </c>
    </row>
    <row r="56846" spans="1:10" x14ac:dyDescent="0.35">
      <c r="A56846" s="1" t="s">
        <v>172295</v>
      </c>
      <c r="B56846" s="1" t="s">
        <v>187129</v>
      </c>
      <c r="C56846" s="1" t="s">
        <v>100</v>
      </c>
      <c r="D56846" s="1" t="s">
        <v>191188</v>
      </c>
      <c r="E56846" s="1" t="s">
        <v>191189</v>
      </c>
      <c r="F56846" s="1" t="s">
        <v>191190</v>
      </c>
      <c r="G56846" s="1" t="s">
        <v>191131</v>
      </c>
      <c r="H56846" s="1" t="s">
        <v>191132</v>
      </c>
      <c r="I56846" s="1" t="s">
        <v>187135</v>
      </c>
      <c r="J56846" s="1" t="s">
        <v>191191</v>
      </c>
    </row>
    <row r="56847" spans="1:10" x14ac:dyDescent="0.35">
      <c r="A56847" s="1" t="s">
        <v>172295</v>
      </c>
      <c r="B56847" s="1" t="s">
        <v>187129</v>
      </c>
      <c r="C56847" s="1" t="s">
        <v>105</v>
      </c>
      <c r="D56847" s="1" t="s">
        <v>4272</v>
      </c>
      <c r="E56847" s="1" t="s">
        <v>191192</v>
      </c>
      <c r="F56847" s="1" t="s">
        <v>191193</v>
      </c>
      <c r="G56847" s="1" t="s">
        <v>191131</v>
      </c>
      <c r="H56847" s="1" t="s">
        <v>191132</v>
      </c>
      <c r="I56847" s="1" t="s">
        <v>187135</v>
      </c>
      <c r="J56847" s="1" t="s">
        <v>191194</v>
      </c>
    </row>
    <row r="56848" spans="1:10" x14ac:dyDescent="0.35">
      <c r="A56848" s="1" t="s">
        <v>172295</v>
      </c>
      <c r="B56848" s="1" t="s">
        <v>187129</v>
      </c>
      <c r="C56848" s="1" t="s">
        <v>110</v>
      </c>
      <c r="D56848" s="1" t="s">
        <v>155958</v>
      </c>
      <c r="E56848" s="1" t="s">
        <v>191195</v>
      </c>
      <c r="F56848" s="1" t="s">
        <v>191196</v>
      </c>
      <c r="G56848" s="1" t="s">
        <v>191131</v>
      </c>
      <c r="H56848" s="1" t="s">
        <v>191132</v>
      </c>
      <c r="I56848" s="1" t="s">
        <v>187135</v>
      </c>
      <c r="J56848" s="1" t="s">
        <v>191197</v>
      </c>
    </row>
    <row r="56849" spans="1:10" x14ac:dyDescent="0.35">
      <c r="A56849" s="1" t="s">
        <v>172295</v>
      </c>
      <c r="B56849" s="1" t="s">
        <v>187129</v>
      </c>
      <c r="C56849" s="1" t="s">
        <v>115</v>
      </c>
      <c r="D56849" s="1" t="s">
        <v>3790</v>
      </c>
      <c r="E56849" s="1" t="s">
        <v>191198</v>
      </c>
      <c r="F56849" s="1" t="s">
        <v>191199</v>
      </c>
      <c r="G56849" s="1" t="s">
        <v>191131</v>
      </c>
      <c r="H56849" s="1" t="s">
        <v>191132</v>
      </c>
      <c r="I56849" s="1" t="s">
        <v>187135</v>
      </c>
      <c r="J56849" s="1" t="s">
        <v>191200</v>
      </c>
    </row>
    <row r="56850" spans="1:10" x14ac:dyDescent="0.35">
      <c r="A56850" s="1" t="s">
        <v>172295</v>
      </c>
      <c r="B56850" s="1" t="s">
        <v>187129</v>
      </c>
      <c r="C56850" s="1" t="s">
        <v>120</v>
      </c>
      <c r="D56850" s="1" t="s">
        <v>175995</v>
      </c>
      <c r="E56850" s="1" t="s">
        <v>191201</v>
      </c>
      <c r="F56850" s="1" t="s">
        <v>191202</v>
      </c>
      <c r="G56850" s="1" t="s">
        <v>191131</v>
      </c>
      <c r="H56850" s="1" t="s">
        <v>191132</v>
      </c>
      <c r="I56850" s="1" t="s">
        <v>187135</v>
      </c>
      <c r="J56850" s="1" t="s">
        <v>191203</v>
      </c>
    </row>
    <row r="56851" spans="1:10" x14ac:dyDescent="0.35">
      <c r="A56851" s="1" t="s">
        <v>172295</v>
      </c>
      <c r="B56851" s="1" t="s">
        <v>187129</v>
      </c>
      <c r="C56851" s="1" t="s">
        <v>125</v>
      </c>
      <c r="D56851" s="1" t="s">
        <v>12516</v>
      </c>
      <c r="E56851" s="1" t="s">
        <v>191204</v>
      </c>
      <c r="F56851" s="1" t="s">
        <v>191205</v>
      </c>
      <c r="G56851" s="1" t="s">
        <v>191131</v>
      </c>
      <c r="H56851" s="1" t="s">
        <v>191132</v>
      </c>
      <c r="I56851" s="1" t="s">
        <v>187135</v>
      </c>
      <c r="J56851" s="1" t="s">
        <v>191206</v>
      </c>
    </row>
    <row r="56852" spans="1:10" x14ac:dyDescent="0.35">
      <c r="A56852" s="1" t="s">
        <v>172295</v>
      </c>
      <c r="B56852" s="1" t="s">
        <v>187129</v>
      </c>
      <c r="C56852" s="1" t="s">
        <v>130</v>
      </c>
      <c r="D56852" s="1" t="s">
        <v>154719</v>
      </c>
      <c r="E56852" s="1" t="s">
        <v>191207</v>
      </c>
      <c r="F56852" s="1" t="s">
        <v>191208</v>
      </c>
      <c r="G56852" s="1" t="s">
        <v>191131</v>
      </c>
      <c r="H56852" s="1" t="s">
        <v>191132</v>
      </c>
      <c r="I56852" s="1" t="s">
        <v>187135</v>
      </c>
      <c r="J56852" s="1" t="s">
        <v>191209</v>
      </c>
    </row>
    <row r="56853" spans="1:10" x14ac:dyDescent="0.35">
      <c r="A56853" s="1" t="s">
        <v>172295</v>
      </c>
      <c r="B56853" s="1" t="s">
        <v>187129</v>
      </c>
      <c r="C56853" s="1" t="s">
        <v>135</v>
      </c>
      <c r="D56853" s="1" t="s">
        <v>170423</v>
      </c>
      <c r="E56853" s="1" t="s">
        <v>191210</v>
      </c>
      <c r="F56853" s="1" t="s">
        <v>191211</v>
      </c>
      <c r="G56853" s="1" t="s">
        <v>191131</v>
      </c>
      <c r="H56853" s="1" t="s">
        <v>191132</v>
      </c>
      <c r="I56853" s="1" t="s">
        <v>187135</v>
      </c>
      <c r="J56853" s="1" t="s">
        <v>191212</v>
      </c>
    </row>
    <row r="56854" spans="1:10" x14ac:dyDescent="0.35">
      <c r="A56854" s="1" t="s">
        <v>172295</v>
      </c>
      <c r="B56854" s="1" t="s">
        <v>187129</v>
      </c>
      <c r="C56854" s="1" t="s">
        <v>140</v>
      </c>
      <c r="D56854" s="1" t="s">
        <v>160052</v>
      </c>
      <c r="E56854" s="1" t="s">
        <v>191213</v>
      </c>
      <c r="F56854" s="1" t="s">
        <v>191214</v>
      </c>
      <c r="G56854" s="1" t="s">
        <v>191131</v>
      </c>
      <c r="H56854" s="1" t="s">
        <v>191132</v>
      </c>
      <c r="I56854" s="1" t="s">
        <v>187135</v>
      </c>
      <c r="J56854" s="1" t="s">
        <v>191215</v>
      </c>
    </row>
    <row r="56855" spans="1:10" x14ac:dyDescent="0.35">
      <c r="A56855" s="1" t="s">
        <v>172295</v>
      </c>
      <c r="B56855" s="1" t="s">
        <v>187129</v>
      </c>
      <c r="C56855" s="1" t="s">
        <v>145</v>
      </c>
      <c r="D56855" s="1" t="s">
        <v>191216</v>
      </c>
      <c r="E56855" s="1" t="s">
        <v>191217</v>
      </c>
      <c r="F56855" s="1" t="s">
        <v>191218</v>
      </c>
      <c r="G56855" s="1" t="s">
        <v>191131</v>
      </c>
      <c r="H56855" s="1" t="s">
        <v>191132</v>
      </c>
      <c r="I56855" s="1" t="s">
        <v>187135</v>
      </c>
      <c r="J56855" s="1" t="s">
        <v>191219</v>
      </c>
    </row>
    <row r="56856" spans="1:10" x14ac:dyDescent="0.35">
      <c r="A56856" s="1" t="s">
        <v>172295</v>
      </c>
      <c r="B56856" s="1" t="s">
        <v>187129</v>
      </c>
      <c r="C56856" s="1" t="s">
        <v>150</v>
      </c>
      <c r="D56856" s="1" t="s">
        <v>154313</v>
      </c>
      <c r="E56856" s="1" t="s">
        <v>191220</v>
      </c>
      <c r="F56856" s="1" t="s">
        <v>191221</v>
      </c>
      <c r="G56856" s="1" t="s">
        <v>191131</v>
      </c>
      <c r="H56856" s="1" t="s">
        <v>191132</v>
      </c>
      <c r="I56856" s="1" t="s">
        <v>187135</v>
      </c>
      <c r="J56856" s="1" t="s">
        <v>191222</v>
      </c>
    </row>
    <row r="56857" spans="1:10" x14ac:dyDescent="0.35">
      <c r="A56857" s="1" t="s">
        <v>172295</v>
      </c>
      <c r="B56857" s="1" t="s">
        <v>187129</v>
      </c>
      <c r="C56857" s="1" t="s">
        <v>155</v>
      </c>
      <c r="D56857" s="1" t="s">
        <v>191223</v>
      </c>
      <c r="E56857" s="1" t="s">
        <v>191224</v>
      </c>
      <c r="F56857" s="1" t="s">
        <v>191225</v>
      </c>
      <c r="G56857" s="1" t="s">
        <v>191131</v>
      </c>
      <c r="H56857" s="1" t="s">
        <v>191132</v>
      </c>
      <c r="I56857" s="1" t="s">
        <v>187135</v>
      </c>
      <c r="J56857" s="1" t="s">
        <v>191226</v>
      </c>
    </row>
    <row r="56858" spans="1:10" x14ac:dyDescent="0.35">
      <c r="A56858" s="1" t="s">
        <v>172295</v>
      </c>
      <c r="B56858" s="1" t="s">
        <v>187129</v>
      </c>
      <c r="C56858" s="1" t="s">
        <v>160</v>
      </c>
      <c r="D56858" s="1" t="s">
        <v>3754</v>
      </c>
      <c r="E56858" s="1" t="s">
        <v>191227</v>
      </c>
      <c r="F56858" s="1" t="s">
        <v>191228</v>
      </c>
      <c r="G56858" s="1" t="s">
        <v>191131</v>
      </c>
      <c r="H56858" s="1" t="s">
        <v>191132</v>
      </c>
      <c r="I56858" s="1" t="s">
        <v>187135</v>
      </c>
      <c r="J56858" s="1" t="s">
        <v>191229</v>
      </c>
    </row>
    <row r="56859" spans="1:10" x14ac:dyDescent="0.35">
      <c r="A56859" s="1" t="s">
        <v>172295</v>
      </c>
      <c r="B56859" s="1" t="s">
        <v>187129</v>
      </c>
      <c r="C56859" s="1" t="s">
        <v>165</v>
      </c>
      <c r="D56859" s="1" t="s">
        <v>191230</v>
      </c>
      <c r="E56859" s="1" t="s">
        <v>191231</v>
      </c>
      <c r="F56859" s="1" t="s">
        <v>191232</v>
      </c>
      <c r="G56859" s="1" t="s">
        <v>191131</v>
      </c>
      <c r="H56859" s="1" t="s">
        <v>191132</v>
      </c>
      <c r="I56859" s="1" t="s">
        <v>187135</v>
      </c>
      <c r="J56859" s="1" t="s">
        <v>191233</v>
      </c>
    </row>
    <row r="56860" spans="1:10" x14ac:dyDescent="0.35">
      <c r="A56860" s="1" t="s">
        <v>172295</v>
      </c>
      <c r="B56860" s="1" t="s">
        <v>187129</v>
      </c>
      <c r="C56860" s="1" t="s">
        <v>170</v>
      </c>
      <c r="D56860" s="1" t="s">
        <v>185772</v>
      </c>
      <c r="E56860" s="1" t="s">
        <v>191234</v>
      </c>
      <c r="F56860" s="1" t="s">
        <v>191235</v>
      </c>
      <c r="G56860" s="1" t="s">
        <v>191131</v>
      </c>
      <c r="H56860" s="1" t="s">
        <v>191132</v>
      </c>
      <c r="I56860" s="1" t="s">
        <v>187135</v>
      </c>
      <c r="J56860" s="1" t="s">
        <v>191236</v>
      </c>
    </row>
    <row r="56861" spans="1:10" x14ac:dyDescent="0.35">
      <c r="A56861" s="1" t="s">
        <v>28371</v>
      </c>
      <c r="B56861" s="1" t="s">
        <v>187129</v>
      </c>
      <c r="C56861" s="1" t="s">
        <v>8</v>
      </c>
      <c r="D56861" s="1" t="s">
        <v>191237</v>
      </c>
      <c r="E56861" s="1" t="s">
        <v>191238</v>
      </c>
      <c r="F56861" s="1" t="s">
        <v>191239</v>
      </c>
      <c r="G56861" s="1" t="s">
        <v>191240</v>
      </c>
      <c r="H56861" s="1" t="s">
        <v>191241</v>
      </c>
      <c r="I56861" s="1" t="s">
        <v>187135</v>
      </c>
      <c r="J56861" s="1" t="s">
        <v>13</v>
      </c>
    </row>
    <row r="56862" spans="1:10" x14ac:dyDescent="0.35">
      <c r="A56862" s="1" t="s">
        <v>28371</v>
      </c>
      <c r="B56862" s="1" t="s">
        <v>187129</v>
      </c>
      <c r="C56862" s="1" t="s">
        <v>15</v>
      </c>
      <c r="D56862" s="1" t="s">
        <v>191242</v>
      </c>
      <c r="E56862" s="1" t="s">
        <v>191243</v>
      </c>
      <c r="F56862" s="1" t="s">
        <v>191244</v>
      </c>
      <c r="G56862" s="1" t="s">
        <v>191240</v>
      </c>
      <c r="H56862" s="1" t="s">
        <v>191241</v>
      </c>
      <c r="I56862" s="1" t="s">
        <v>187135</v>
      </c>
      <c r="J56862" s="1" t="s">
        <v>191245</v>
      </c>
    </row>
    <row r="56863" spans="1:10" x14ac:dyDescent="0.35">
      <c r="A56863" s="1" t="s">
        <v>28371</v>
      </c>
      <c r="B56863" s="1" t="s">
        <v>187129</v>
      </c>
      <c r="C56863" s="1" t="s">
        <v>20</v>
      </c>
      <c r="D56863" s="1" t="s">
        <v>42246</v>
      </c>
      <c r="E56863" s="1" t="s">
        <v>191246</v>
      </c>
      <c r="F56863" s="1" t="s">
        <v>191247</v>
      </c>
      <c r="G56863" s="1" t="s">
        <v>191240</v>
      </c>
      <c r="H56863" s="1" t="s">
        <v>191241</v>
      </c>
      <c r="I56863" s="1" t="s">
        <v>187135</v>
      </c>
      <c r="J56863" s="1" t="s">
        <v>191248</v>
      </c>
    </row>
    <row r="56864" spans="1:10" x14ac:dyDescent="0.35">
      <c r="A56864" s="1" t="s">
        <v>28371</v>
      </c>
      <c r="B56864" s="1" t="s">
        <v>187129</v>
      </c>
      <c r="C56864" s="1" t="s">
        <v>25</v>
      </c>
      <c r="D56864" s="1" t="s">
        <v>82373</v>
      </c>
      <c r="E56864" s="1" t="s">
        <v>191249</v>
      </c>
      <c r="F56864" s="1" t="s">
        <v>191250</v>
      </c>
      <c r="G56864" s="1" t="s">
        <v>191240</v>
      </c>
      <c r="H56864" s="1" t="s">
        <v>191241</v>
      </c>
      <c r="I56864" s="1" t="s">
        <v>187135</v>
      </c>
      <c r="J56864" s="1" t="s">
        <v>191251</v>
      </c>
    </row>
    <row r="56865" spans="1:10" x14ac:dyDescent="0.35">
      <c r="A56865" s="1" t="s">
        <v>28371</v>
      </c>
      <c r="B56865" s="1" t="s">
        <v>187129</v>
      </c>
      <c r="C56865" s="1" t="s">
        <v>30</v>
      </c>
      <c r="D56865" s="1" t="s">
        <v>175268</v>
      </c>
      <c r="E56865" s="1" t="s">
        <v>191252</v>
      </c>
      <c r="F56865" s="1" t="s">
        <v>191253</v>
      </c>
      <c r="G56865" s="1" t="s">
        <v>191240</v>
      </c>
      <c r="H56865" s="1" t="s">
        <v>191241</v>
      </c>
      <c r="I56865" s="1" t="s">
        <v>187135</v>
      </c>
      <c r="J56865" s="1" t="s">
        <v>191254</v>
      </c>
    </row>
    <row r="56866" spans="1:10" x14ac:dyDescent="0.35">
      <c r="A56866" s="1" t="s">
        <v>28371</v>
      </c>
      <c r="B56866" s="1" t="s">
        <v>187129</v>
      </c>
      <c r="C56866" s="1" t="s">
        <v>35</v>
      </c>
      <c r="D56866" s="1" t="s">
        <v>42999</v>
      </c>
      <c r="E56866" s="1" t="s">
        <v>191255</v>
      </c>
      <c r="F56866" s="1" t="s">
        <v>191256</v>
      </c>
      <c r="G56866" s="1" t="s">
        <v>191240</v>
      </c>
      <c r="H56866" s="1" t="s">
        <v>191241</v>
      </c>
      <c r="I56866" s="1" t="s">
        <v>187135</v>
      </c>
      <c r="J56866" s="1" t="s">
        <v>191257</v>
      </c>
    </row>
    <row r="56867" spans="1:10" x14ac:dyDescent="0.35">
      <c r="A56867" s="1" t="s">
        <v>28371</v>
      </c>
      <c r="B56867" s="1" t="s">
        <v>187129</v>
      </c>
      <c r="C56867" s="1" t="s">
        <v>40</v>
      </c>
      <c r="D56867" s="1" t="s">
        <v>135226</v>
      </c>
      <c r="E56867" s="1" t="s">
        <v>191258</v>
      </c>
      <c r="F56867" s="1" t="s">
        <v>191259</v>
      </c>
      <c r="G56867" s="1" t="s">
        <v>191240</v>
      </c>
      <c r="H56867" s="1" t="s">
        <v>191241</v>
      </c>
      <c r="I56867" s="1" t="s">
        <v>187135</v>
      </c>
      <c r="J56867" s="1" t="s">
        <v>191260</v>
      </c>
    </row>
    <row r="56868" spans="1:10" x14ac:dyDescent="0.35">
      <c r="A56868" s="1" t="s">
        <v>28371</v>
      </c>
      <c r="B56868" s="1" t="s">
        <v>187129</v>
      </c>
      <c r="C56868" s="1" t="s">
        <v>45</v>
      </c>
      <c r="D56868" s="1" t="s">
        <v>71666</v>
      </c>
      <c r="E56868" s="1" t="s">
        <v>191261</v>
      </c>
      <c r="F56868" s="1" t="s">
        <v>191262</v>
      </c>
      <c r="G56868" s="1" t="s">
        <v>191240</v>
      </c>
      <c r="H56868" s="1" t="s">
        <v>191241</v>
      </c>
      <c r="I56868" s="1" t="s">
        <v>187135</v>
      </c>
      <c r="J56868" s="1" t="s">
        <v>191263</v>
      </c>
    </row>
    <row r="56869" spans="1:10" x14ac:dyDescent="0.35">
      <c r="A56869" s="1" t="s">
        <v>28371</v>
      </c>
      <c r="B56869" s="1" t="s">
        <v>187129</v>
      </c>
      <c r="C56869" s="1" t="s">
        <v>50</v>
      </c>
      <c r="D56869" s="1" t="s">
        <v>135460</v>
      </c>
      <c r="E56869" s="1" t="s">
        <v>191264</v>
      </c>
      <c r="F56869" s="1" t="s">
        <v>191265</v>
      </c>
      <c r="G56869" s="1" t="s">
        <v>191240</v>
      </c>
      <c r="H56869" s="1" t="s">
        <v>191241</v>
      </c>
      <c r="I56869" s="1" t="s">
        <v>187135</v>
      </c>
      <c r="J56869" s="1" t="s">
        <v>191266</v>
      </c>
    </row>
    <row r="56870" spans="1:10" x14ac:dyDescent="0.35">
      <c r="A56870" s="1" t="s">
        <v>28371</v>
      </c>
      <c r="B56870" s="1" t="s">
        <v>187129</v>
      </c>
      <c r="C56870" s="1" t="s">
        <v>55</v>
      </c>
      <c r="D56870" s="1" t="s">
        <v>49257</v>
      </c>
      <c r="E56870" s="1" t="s">
        <v>191267</v>
      </c>
      <c r="F56870" s="1" t="s">
        <v>191268</v>
      </c>
      <c r="G56870" s="1" t="s">
        <v>191240</v>
      </c>
      <c r="H56870" s="1" t="s">
        <v>191241</v>
      </c>
      <c r="I56870" s="1" t="s">
        <v>187135</v>
      </c>
      <c r="J56870" s="1" t="s">
        <v>191269</v>
      </c>
    </row>
    <row r="56871" spans="1:10" x14ac:dyDescent="0.35">
      <c r="A56871" s="1" t="s">
        <v>28371</v>
      </c>
      <c r="B56871" s="1" t="s">
        <v>187129</v>
      </c>
      <c r="C56871" s="1" t="s">
        <v>60</v>
      </c>
      <c r="D56871" s="1" t="s">
        <v>42072</v>
      </c>
      <c r="E56871" s="1" t="s">
        <v>191270</v>
      </c>
      <c r="F56871" s="1" t="s">
        <v>191271</v>
      </c>
      <c r="G56871" s="1" t="s">
        <v>191240</v>
      </c>
      <c r="H56871" s="1" t="s">
        <v>191241</v>
      </c>
      <c r="I56871" s="1" t="s">
        <v>187135</v>
      </c>
      <c r="J56871" s="1" t="s">
        <v>191272</v>
      </c>
    </row>
    <row r="56872" spans="1:10" x14ac:dyDescent="0.35">
      <c r="A56872" s="1" t="s">
        <v>28371</v>
      </c>
      <c r="B56872" s="1" t="s">
        <v>187129</v>
      </c>
      <c r="C56872" s="1" t="s">
        <v>65</v>
      </c>
      <c r="D56872" s="1" t="s">
        <v>191273</v>
      </c>
      <c r="E56872" s="1" t="s">
        <v>191274</v>
      </c>
      <c r="F56872" s="1" t="s">
        <v>191275</v>
      </c>
      <c r="G56872" s="1" t="s">
        <v>191240</v>
      </c>
      <c r="H56872" s="1" t="s">
        <v>191241</v>
      </c>
      <c r="I56872" s="1" t="s">
        <v>187135</v>
      </c>
      <c r="J56872" s="1" t="s">
        <v>191276</v>
      </c>
    </row>
    <row r="56873" spans="1:10" x14ac:dyDescent="0.35">
      <c r="A56873" s="1" t="s">
        <v>28371</v>
      </c>
      <c r="B56873" s="1" t="s">
        <v>187129</v>
      </c>
      <c r="C56873" s="1" t="s">
        <v>70</v>
      </c>
      <c r="D56873" s="1" t="s">
        <v>191277</v>
      </c>
      <c r="E56873" s="1" t="s">
        <v>191278</v>
      </c>
      <c r="F56873" s="1" t="s">
        <v>191279</v>
      </c>
      <c r="G56873" s="1" t="s">
        <v>191240</v>
      </c>
      <c r="H56873" s="1" t="s">
        <v>191241</v>
      </c>
      <c r="I56873" s="1" t="s">
        <v>187135</v>
      </c>
      <c r="J56873" s="1" t="s">
        <v>191280</v>
      </c>
    </row>
    <row r="56874" spans="1:10" x14ac:dyDescent="0.35">
      <c r="A56874" s="1" t="s">
        <v>28371</v>
      </c>
      <c r="B56874" s="1" t="s">
        <v>187129</v>
      </c>
      <c r="C56874" s="1" t="s">
        <v>75</v>
      </c>
      <c r="D56874" s="1" t="s">
        <v>191281</v>
      </c>
      <c r="E56874" s="1" t="s">
        <v>191282</v>
      </c>
      <c r="F56874" s="1" t="s">
        <v>191283</v>
      </c>
      <c r="G56874" s="1" t="s">
        <v>191240</v>
      </c>
      <c r="H56874" s="1" t="s">
        <v>191241</v>
      </c>
      <c r="I56874" s="1" t="s">
        <v>187135</v>
      </c>
      <c r="J56874" s="1" t="s">
        <v>191284</v>
      </c>
    </row>
    <row r="56875" spans="1:10" x14ac:dyDescent="0.35">
      <c r="A56875" s="1" t="s">
        <v>28371</v>
      </c>
      <c r="B56875" s="1" t="s">
        <v>187129</v>
      </c>
      <c r="C56875" s="1" t="s">
        <v>80</v>
      </c>
      <c r="D56875" s="1" t="s">
        <v>191285</v>
      </c>
      <c r="E56875" s="1" t="s">
        <v>191286</v>
      </c>
      <c r="F56875" s="1" t="s">
        <v>191287</v>
      </c>
      <c r="G56875" s="1" t="s">
        <v>191240</v>
      </c>
      <c r="H56875" s="1" t="s">
        <v>191241</v>
      </c>
      <c r="I56875" s="1" t="s">
        <v>187135</v>
      </c>
      <c r="J56875" s="1" t="s">
        <v>191288</v>
      </c>
    </row>
    <row r="56876" spans="1:10" x14ac:dyDescent="0.35">
      <c r="A56876" s="1" t="s">
        <v>28371</v>
      </c>
      <c r="B56876" s="1" t="s">
        <v>187129</v>
      </c>
      <c r="C56876" s="1" t="s">
        <v>85</v>
      </c>
      <c r="D56876" s="1" t="s">
        <v>113146</v>
      </c>
      <c r="E56876" s="1" t="s">
        <v>191289</v>
      </c>
      <c r="F56876" s="1" t="s">
        <v>191290</v>
      </c>
      <c r="G56876" s="1" t="s">
        <v>191240</v>
      </c>
      <c r="H56876" s="1" t="s">
        <v>191241</v>
      </c>
      <c r="I56876" s="1" t="s">
        <v>187135</v>
      </c>
      <c r="J56876" s="1" t="s">
        <v>191291</v>
      </c>
    </row>
    <row r="56877" spans="1:10" x14ac:dyDescent="0.35">
      <c r="A56877" s="1" t="s">
        <v>28371</v>
      </c>
      <c r="B56877" s="1" t="s">
        <v>187129</v>
      </c>
      <c r="C56877" s="1" t="s">
        <v>90</v>
      </c>
      <c r="D56877" s="1" t="s">
        <v>67780</v>
      </c>
      <c r="E56877" s="1" t="s">
        <v>191292</v>
      </c>
      <c r="F56877" s="1" t="s">
        <v>191293</v>
      </c>
      <c r="G56877" s="1" t="s">
        <v>191240</v>
      </c>
      <c r="H56877" s="1" t="s">
        <v>191241</v>
      </c>
      <c r="I56877" s="1" t="s">
        <v>187135</v>
      </c>
      <c r="J56877" s="1" t="s">
        <v>191294</v>
      </c>
    </row>
    <row r="56878" spans="1:10" x14ac:dyDescent="0.35">
      <c r="A56878" s="1" t="s">
        <v>28371</v>
      </c>
      <c r="B56878" s="1" t="s">
        <v>187129</v>
      </c>
      <c r="C56878" s="1" t="s">
        <v>95</v>
      </c>
      <c r="D56878" s="1" t="s">
        <v>12263</v>
      </c>
      <c r="E56878" s="1" t="s">
        <v>191295</v>
      </c>
      <c r="F56878" s="1" t="s">
        <v>191296</v>
      </c>
      <c r="G56878" s="1" t="s">
        <v>191240</v>
      </c>
      <c r="H56878" s="1" t="s">
        <v>191241</v>
      </c>
      <c r="I56878" s="1" t="s">
        <v>187135</v>
      </c>
      <c r="J56878" s="1" t="s">
        <v>191297</v>
      </c>
    </row>
    <row r="56879" spans="1:10" x14ac:dyDescent="0.35">
      <c r="A56879" s="1" t="s">
        <v>28371</v>
      </c>
      <c r="B56879" s="1" t="s">
        <v>187129</v>
      </c>
      <c r="C56879" s="1" t="s">
        <v>100</v>
      </c>
      <c r="D56879" s="1" t="s">
        <v>128109</v>
      </c>
      <c r="E56879" s="1" t="s">
        <v>191298</v>
      </c>
      <c r="F56879" s="1" t="s">
        <v>191299</v>
      </c>
      <c r="G56879" s="1" t="s">
        <v>191240</v>
      </c>
      <c r="H56879" s="1" t="s">
        <v>191241</v>
      </c>
      <c r="I56879" s="1" t="s">
        <v>187135</v>
      </c>
      <c r="J56879" s="1" t="s">
        <v>191300</v>
      </c>
    </row>
    <row r="56880" spans="1:10" x14ac:dyDescent="0.35">
      <c r="A56880" s="1" t="s">
        <v>28371</v>
      </c>
      <c r="B56880" s="1" t="s">
        <v>187129</v>
      </c>
      <c r="C56880" s="1" t="s">
        <v>105</v>
      </c>
      <c r="D56880" s="1" t="s">
        <v>138877</v>
      </c>
      <c r="E56880" s="1" t="s">
        <v>191301</v>
      </c>
      <c r="F56880" s="1" t="s">
        <v>191302</v>
      </c>
      <c r="G56880" s="1" t="s">
        <v>191240</v>
      </c>
      <c r="H56880" s="1" t="s">
        <v>191241</v>
      </c>
      <c r="I56880" s="1" t="s">
        <v>187135</v>
      </c>
      <c r="J56880" s="1" t="s">
        <v>191303</v>
      </c>
    </row>
    <row r="56881" spans="1:10" x14ac:dyDescent="0.35">
      <c r="A56881" s="1" t="s">
        <v>28371</v>
      </c>
      <c r="B56881" s="1" t="s">
        <v>187129</v>
      </c>
      <c r="C56881" s="1" t="s">
        <v>110</v>
      </c>
      <c r="D56881" s="1" t="s">
        <v>191304</v>
      </c>
      <c r="E56881" s="1" t="s">
        <v>191305</v>
      </c>
      <c r="F56881" s="1" t="s">
        <v>191306</v>
      </c>
      <c r="G56881" s="1" t="s">
        <v>191240</v>
      </c>
      <c r="H56881" s="1" t="s">
        <v>191241</v>
      </c>
      <c r="I56881" s="1" t="s">
        <v>187135</v>
      </c>
      <c r="J56881" s="1" t="s">
        <v>191307</v>
      </c>
    </row>
    <row r="56882" spans="1:10" x14ac:dyDescent="0.35">
      <c r="A56882" s="1" t="s">
        <v>28371</v>
      </c>
      <c r="B56882" s="1" t="s">
        <v>187129</v>
      </c>
      <c r="C56882" s="1" t="s">
        <v>115</v>
      </c>
      <c r="D56882" s="1" t="s">
        <v>179096</v>
      </c>
      <c r="E56882" s="1" t="s">
        <v>191308</v>
      </c>
      <c r="F56882" s="1" t="s">
        <v>191309</v>
      </c>
      <c r="G56882" s="1" t="s">
        <v>191240</v>
      </c>
      <c r="H56882" s="1" t="s">
        <v>191241</v>
      </c>
      <c r="I56882" s="1" t="s">
        <v>187135</v>
      </c>
      <c r="J56882" s="1" t="s">
        <v>191310</v>
      </c>
    </row>
    <row r="56883" spans="1:10" x14ac:dyDescent="0.35">
      <c r="A56883" s="1" t="s">
        <v>28371</v>
      </c>
      <c r="B56883" s="1" t="s">
        <v>187129</v>
      </c>
      <c r="C56883" s="1" t="s">
        <v>120</v>
      </c>
      <c r="D56883" s="1" t="s">
        <v>180657</v>
      </c>
      <c r="E56883" s="1" t="s">
        <v>191311</v>
      </c>
      <c r="F56883" s="1" t="s">
        <v>191312</v>
      </c>
      <c r="G56883" s="1" t="s">
        <v>191240</v>
      </c>
      <c r="H56883" s="1" t="s">
        <v>191241</v>
      </c>
      <c r="I56883" s="1" t="s">
        <v>187135</v>
      </c>
      <c r="J56883" s="1" t="s">
        <v>191313</v>
      </c>
    </row>
    <row r="56884" spans="1:10" x14ac:dyDescent="0.35">
      <c r="A56884" s="1" t="s">
        <v>28371</v>
      </c>
      <c r="B56884" s="1" t="s">
        <v>187129</v>
      </c>
      <c r="C56884" s="1" t="s">
        <v>125</v>
      </c>
      <c r="D56884" s="1" t="s">
        <v>24322</v>
      </c>
      <c r="E56884" s="1" t="s">
        <v>191314</v>
      </c>
      <c r="F56884" s="1" t="s">
        <v>191315</v>
      </c>
      <c r="G56884" s="1" t="s">
        <v>191240</v>
      </c>
      <c r="H56884" s="1" t="s">
        <v>191241</v>
      </c>
      <c r="I56884" s="1" t="s">
        <v>187135</v>
      </c>
      <c r="J56884" s="1" t="s">
        <v>191316</v>
      </c>
    </row>
    <row r="56885" spans="1:10" x14ac:dyDescent="0.35">
      <c r="A56885" s="1" t="s">
        <v>28371</v>
      </c>
      <c r="B56885" s="1" t="s">
        <v>187129</v>
      </c>
      <c r="C56885" s="1" t="s">
        <v>130</v>
      </c>
      <c r="D56885" s="1" t="s">
        <v>160394</v>
      </c>
      <c r="E56885" s="1" t="s">
        <v>191317</v>
      </c>
      <c r="F56885" s="1" t="s">
        <v>191318</v>
      </c>
      <c r="G56885" s="1" t="s">
        <v>191240</v>
      </c>
      <c r="H56885" s="1" t="s">
        <v>191241</v>
      </c>
      <c r="I56885" s="1" t="s">
        <v>187135</v>
      </c>
      <c r="J56885" s="1" t="s">
        <v>191319</v>
      </c>
    </row>
    <row r="56886" spans="1:10" x14ac:dyDescent="0.35">
      <c r="A56886" s="1" t="s">
        <v>28371</v>
      </c>
      <c r="B56886" s="1" t="s">
        <v>187129</v>
      </c>
      <c r="C56886" s="1" t="s">
        <v>135</v>
      </c>
      <c r="D56886" s="1" t="s">
        <v>176142</v>
      </c>
      <c r="E56886" s="1" t="s">
        <v>191320</v>
      </c>
      <c r="F56886" s="1" t="s">
        <v>191321</v>
      </c>
      <c r="G56886" s="1" t="s">
        <v>191240</v>
      </c>
      <c r="H56886" s="1" t="s">
        <v>191241</v>
      </c>
      <c r="I56886" s="1" t="s">
        <v>187135</v>
      </c>
      <c r="J56886" s="1" t="s">
        <v>191322</v>
      </c>
    </row>
    <row r="56887" spans="1:10" x14ac:dyDescent="0.35">
      <c r="A56887" s="1" t="s">
        <v>28371</v>
      </c>
      <c r="B56887" s="1" t="s">
        <v>187129</v>
      </c>
      <c r="C56887" s="1" t="s">
        <v>140</v>
      </c>
      <c r="D56887" s="1" t="s">
        <v>13596</v>
      </c>
      <c r="E56887" s="1" t="s">
        <v>191323</v>
      </c>
      <c r="F56887" s="1" t="s">
        <v>191324</v>
      </c>
      <c r="G56887" s="1" t="s">
        <v>191240</v>
      </c>
      <c r="H56887" s="1" t="s">
        <v>191241</v>
      </c>
      <c r="I56887" s="1" t="s">
        <v>187135</v>
      </c>
      <c r="J56887" s="1" t="s">
        <v>191325</v>
      </c>
    </row>
    <row r="56888" spans="1:10" x14ac:dyDescent="0.35">
      <c r="A56888" s="1" t="s">
        <v>28371</v>
      </c>
      <c r="B56888" s="1" t="s">
        <v>187129</v>
      </c>
      <c r="C56888" s="1" t="s">
        <v>145</v>
      </c>
      <c r="D56888" s="1" t="s">
        <v>75987</v>
      </c>
      <c r="E56888" s="1" t="s">
        <v>191326</v>
      </c>
      <c r="F56888" s="1" t="s">
        <v>191327</v>
      </c>
      <c r="G56888" s="1" t="s">
        <v>191240</v>
      </c>
      <c r="H56888" s="1" t="s">
        <v>191241</v>
      </c>
      <c r="I56888" s="1" t="s">
        <v>187135</v>
      </c>
      <c r="J56888" s="1" t="s">
        <v>191328</v>
      </c>
    </row>
    <row r="56889" spans="1:10" x14ac:dyDescent="0.35">
      <c r="A56889" s="1" t="s">
        <v>28371</v>
      </c>
      <c r="B56889" s="1" t="s">
        <v>187129</v>
      </c>
      <c r="C56889" s="1" t="s">
        <v>150</v>
      </c>
      <c r="D56889" s="1" t="s">
        <v>191329</v>
      </c>
      <c r="E56889" s="1" t="s">
        <v>191330</v>
      </c>
      <c r="F56889" s="1" t="s">
        <v>191331</v>
      </c>
      <c r="G56889" s="1" t="s">
        <v>191240</v>
      </c>
      <c r="H56889" s="1" t="s">
        <v>191241</v>
      </c>
      <c r="I56889" s="1" t="s">
        <v>187135</v>
      </c>
      <c r="J56889" s="1" t="s">
        <v>191332</v>
      </c>
    </row>
    <row r="56890" spans="1:10" x14ac:dyDescent="0.35">
      <c r="A56890" s="1" t="s">
        <v>28371</v>
      </c>
      <c r="B56890" s="1" t="s">
        <v>187129</v>
      </c>
      <c r="C56890" s="1" t="s">
        <v>155</v>
      </c>
      <c r="D56890" s="1" t="s">
        <v>191333</v>
      </c>
      <c r="E56890" s="1" t="s">
        <v>191334</v>
      </c>
      <c r="F56890" s="1" t="s">
        <v>191335</v>
      </c>
      <c r="G56890" s="1" t="s">
        <v>191240</v>
      </c>
      <c r="H56890" s="1" t="s">
        <v>191241</v>
      </c>
      <c r="I56890" s="1" t="s">
        <v>187135</v>
      </c>
      <c r="J56890" s="1" t="s">
        <v>191336</v>
      </c>
    </row>
    <row r="56891" spans="1:10" x14ac:dyDescent="0.35">
      <c r="A56891" s="1" t="s">
        <v>28371</v>
      </c>
      <c r="B56891" s="1" t="s">
        <v>187129</v>
      </c>
      <c r="C56891" s="1" t="s">
        <v>160</v>
      </c>
      <c r="D56891" s="1" t="s">
        <v>67562</v>
      </c>
      <c r="E56891" s="1" t="s">
        <v>191337</v>
      </c>
      <c r="F56891" s="1" t="s">
        <v>191338</v>
      </c>
      <c r="G56891" s="1" t="s">
        <v>191240</v>
      </c>
      <c r="H56891" s="1" t="s">
        <v>191241</v>
      </c>
      <c r="I56891" s="1" t="s">
        <v>187135</v>
      </c>
      <c r="J56891" s="1" t="s">
        <v>191339</v>
      </c>
    </row>
    <row r="56892" spans="1:10" x14ac:dyDescent="0.35">
      <c r="A56892" s="1" t="s">
        <v>28371</v>
      </c>
      <c r="B56892" s="1" t="s">
        <v>187129</v>
      </c>
      <c r="C56892" s="1" t="s">
        <v>165</v>
      </c>
      <c r="D56892" s="1" t="s">
        <v>127848</v>
      </c>
      <c r="E56892" s="1" t="s">
        <v>191340</v>
      </c>
      <c r="F56892" s="1" t="s">
        <v>191341</v>
      </c>
      <c r="G56892" s="1" t="s">
        <v>191240</v>
      </c>
      <c r="H56892" s="1" t="s">
        <v>191241</v>
      </c>
      <c r="I56892" s="1" t="s">
        <v>187135</v>
      </c>
      <c r="J56892" s="1" t="s">
        <v>191342</v>
      </c>
    </row>
    <row r="56893" spans="1:10" x14ac:dyDescent="0.35">
      <c r="A56893" s="1" t="s">
        <v>28371</v>
      </c>
      <c r="B56893" s="1" t="s">
        <v>187129</v>
      </c>
      <c r="C56893" s="1" t="s">
        <v>170</v>
      </c>
      <c r="D56893" s="1" t="s">
        <v>61304</v>
      </c>
      <c r="E56893" s="1" t="s">
        <v>191343</v>
      </c>
      <c r="F56893" s="1" t="s">
        <v>191344</v>
      </c>
      <c r="G56893" s="1" t="s">
        <v>191240</v>
      </c>
      <c r="H56893" s="1" t="s">
        <v>191241</v>
      </c>
      <c r="I56893" s="1" t="s">
        <v>187135</v>
      </c>
      <c r="J56893" s="1" t="s">
        <v>191345</v>
      </c>
    </row>
    <row r="56894" spans="1:10" x14ac:dyDescent="0.35">
      <c r="A56894" s="1" t="s">
        <v>27787</v>
      </c>
      <c r="B56894" s="1" t="s">
        <v>187129</v>
      </c>
      <c r="C56894" s="1" t="s">
        <v>8</v>
      </c>
      <c r="D56894" s="1" t="s">
        <v>191346</v>
      </c>
      <c r="E56894" s="1" t="s">
        <v>191347</v>
      </c>
      <c r="F56894" s="1" t="s">
        <v>191348</v>
      </c>
      <c r="G56894" s="1" t="s">
        <v>191349</v>
      </c>
      <c r="H56894" s="1" t="s">
        <v>191350</v>
      </c>
      <c r="I56894" s="1" t="s">
        <v>187135</v>
      </c>
      <c r="J56894" s="1" t="s">
        <v>13</v>
      </c>
    </row>
    <row r="56895" spans="1:10" x14ac:dyDescent="0.35">
      <c r="A56895" s="1" t="s">
        <v>27787</v>
      </c>
      <c r="B56895" s="1" t="s">
        <v>187129</v>
      </c>
      <c r="C56895" s="1" t="s">
        <v>15</v>
      </c>
      <c r="D56895" s="1" t="s">
        <v>191351</v>
      </c>
      <c r="E56895" s="1" t="s">
        <v>191352</v>
      </c>
      <c r="F56895" s="1" t="s">
        <v>191353</v>
      </c>
      <c r="G56895" s="1" t="s">
        <v>191349</v>
      </c>
      <c r="H56895" s="1" t="s">
        <v>191350</v>
      </c>
      <c r="I56895" s="1" t="s">
        <v>187135</v>
      </c>
      <c r="J56895" s="1" t="s">
        <v>191354</v>
      </c>
    </row>
    <row r="56896" spans="1:10" x14ac:dyDescent="0.35">
      <c r="A56896" s="1" t="s">
        <v>27787</v>
      </c>
      <c r="B56896" s="1" t="s">
        <v>187129</v>
      </c>
      <c r="C56896" s="1" t="s">
        <v>20</v>
      </c>
      <c r="D56896" s="1" t="s">
        <v>191355</v>
      </c>
      <c r="E56896" s="1" t="s">
        <v>191356</v>
      </c>
      <c r="F56896" s="1" t="s">
        <v>191357</v>
      </c>
      <c r="G56896" s="1" t="s">
        <v>191349</v>
      </c>
      <c r="H56896" s="1" t="s">
        <v>191350</v>
      </c>
      <c r="I56896" s="1" t="s">
        <v>187135</v>
      </c>
      <c r="J56896" s="1" t="s">
        <v>191358</v>
      </c>
    </row>
    <row r="56897" spans="1:10" x14ac:dyDescent="0.35">
      <c r="A56897" s="1" t="s">
        <v>27787</v>
      </c>
      <c r="B56897" s="1" t="s">
        <v>187129</v>
      </c>
      <c r="C56897" s="1" t="s">
        <v>25</v>
      </c>
      <c r="D56897" s="1" t="s">
        <v>153115</v>
      </c>
      <c r="E56897" s="1" t="s">
        <v>191359</v>
      </c>
      <c r="F56897" s="1" t="s">
        <v>191360</v>
      </c>
      <c r="G56897" s="1" t="s">
        <v>191349</v>
      </c>
      <c r="H56897" s="1" t="s">
        <v>191350</v>
      </c>
      <c r="I56897" s="1" t="s">
        <v>187135</v>
      </c>
      <c r="J56897" s="1" t="s">
        <v>191361</v>
      </c>
    </row>
    <row r="56898" spans="1:10" x14ac:dyDescent="0.35">
      <c r="A56898" s="1" t="s">
        <v>27787</v>
      </c>
      <c r="B56898" s="1" t="s">
        <v>187129</v>
      </c>
      <c r="C56898" s="1" t="s">
        <v>30</v>
      </c>
      <c r="D56898" s="1" t="s">
        <v>191362</v>
      </c>
      <c r="E56898" s="1" t="s">
        <v>191363</v>
      </c>
      <c r="F56898" s="1" t="s">
        <v>191364</v>
      </c>
      <c r="G56898" s="1" t="s">
        <v>191349</v>
      </c>
      <c r="H56898" s="1" t="s">
        <v>191350</v>
      </c>
      <c r="I56898" s="1" t="s">
        <v>187135</v>
      </c>
      <c r="J56898" s="1" t="s">
        <v>191365</v>
      </c>
    </row>
    <row r="56899" spans="1:10" x14ac:dyDescent="0.35">
      <c r="A56899" s="1" t="s">
        <v>27787</v>
      </c>
      <c r="B56899" s="1" t="s">
        <v>187129</v>
      </c>
      <c r="C56899" s="1" t="s">
        <v>35</v>
      </c>
      <c r="D56899" s="1" t="s">
        <v>168731</v>
      </c>
      <c r="E56899" s="1" t="s">
        <v>191366</v>
      </c>
      <c r="F56899" s="1" t="s">
        <v>191367</v>
      </c>
      <c r="G56899" s="1" t="s">
        <v>191349</v>
      </c>
      <c r="H56899" s="1" t="s">
        <v>191350</v>
      </c>
      <c r="I56899" s="1" t="s">
        <v>187135</v>
      </c>
      <c r="J56899" s="1" t="s">
        <v>191368</v>
      </c>
    </row>
    <row r="56900" spans="1:10" x14ac:dyDescent="0.35">
      <c r="A56900" s="1" t="s">
        <v>27787</v>
      </c>
      <c r="B56900" s="1" t="s">
        <v>187129</v>
      </c>
      <c r="C56900" s="1" t="s">
        <v>40</v>
      </c>
      <c r="D56900" s="1" t="s">
        <v>191369</v>
      </c>
      <c r="E56900" s="1" t="s">
        <v>191370</v>
      </c>
      <c r="F56900" s="1" t="s">
        <v>191371</v>
      </c>
      <c r="G56900" s="1" t="s">
        <v>191349</v>
      </c>
      <c r="H56900" s="1" t="s">
        <v>191350</v>
      </c>
      <c r="I56900" s="1" t="s">
        <v>187135</v>
      </c>
      <c r="J56900" s="1" t="s">
        <v>191372</v>
      </c>
    </row>
    <row r="56901" spans="1:10" x14ac:dyDescent="0.35">
      <c r="A56901" s="1" t="s">
        <v>27787</v>
      </c>
      <c r="B56901" s="1" t="s">
        <v>187129</v>
      </c>
      <c r="C56901" s="1" t="s">
        <v>45</v>
      </c>
      <c r="D56901" s="1" t="s">
        <v>125379</v>
      </c>
      <c r="E56901" s="1" t="s">
        <v>191373</v>
      </c>
      <c r="F56901" s="1" t="s">
        <v>191374</v>
      </c>
      <c r="G56901" s="1" t="s">
        <v>191349</v>
      </c>
      <c r="H56901" s="1" t="s">
        <v>191350</v>
      </c>
      <c r="I56901" s="1" t="s">
        <v>187135</v>
      </c>
      <c r="J56901" s="1" t="s">
        <v>191375</v>
      </c>
    </row>
    <row r="56902" spans="1:10" x14ac:dyDescent="0.35">
      <c r="A56902" s="1" t="s">
        <v>27787</v>
      </c>
      <c r="B56902" s="1" t="s">
        <v>187129</v>
      </c>
      <c r="C56902" s="1" t="s">
        <v>50</v>
      </c>
      <c r="D56902" s="1" t="s">
        <v>176598</v>
      </c>
      <c r="E56902" s="1" t="s">
        <v>191376</v>
      </c>
      <c r="F56902" s="1" t="s">
        <v>191377</v>
      </c>
      <c r="G56902" s="1" t="s">
        <v>191349</v>
      </c>
      <c r="H56902" s="1" t="s">
        <v>191350</v>
      </c>
      <c r="I56902" s="1" t="s">
        <v>187135</v>
      </c>
      <c r="J56902" s="1" t="s">
        <v>191378</v>
      </c>
    </row>
    <row r="56903" spans="1:10" x14ac:dyDescent="0.35">
      <c r="A56903" s="1" t="s">
        <v>27787</v>
      </c>
      <c r="B56903" s="1" t="s">
        <v>187129</v>
      </c>
      <c r="C56903" s="1" t="s">
        <v>55</v>
      </c>
      <c r="D56903" s="1" t="s">
        <v>15547</v>
      </c>
      <c r="E56903" s="1" t="s">
        <v>191379</v>
      </c>
      <c r="F56903" s="1" t="s">
        <v>191380</v>
      </c>
      <c r="G56903" s="1" t="s">
        <v>191349</v>
      </c>
      <c r="H56903" s="1" t="s">
        <v>191350</v>
      </c>
      <c r="I56903" s="1" t="s">
        <v>187135</v>
      </c>
      <c r="J56903" s="1" t="s">
        <v>191381</v>
      </c>
    </row>
    <row r="56904" spans="1:10" x14ac:dyDescent="0.35">
      <c r="A56904" s="1" t="s">
        <v>27787</v>
      </c>
      <c r="B56904" s="1" t="s">
        <v>187129</v>
      </c>
      <c r="C56904" s="1" t="s">
        <v>60</v>
      </c>
      <c r="D56904" s="1" t="s">
        <v>153103</v>
      </c>
      <c r="E56904" s="1" t="s">
        <v>191382</v>
      </c>
      <c r="F56904" s="1" t="s">
        <v>191383</v>
      </c>
      <c r="G56904" s="1" t="s">
        <v>191349</v>
      </c>
      <c r="H56904" s="1" t="s">
        <v>191350</v>
      </c>
      <c r="I56904" s="1" t="s">
        <v>187135</v>
      </c>
      <c r="J56904" s="1" t="s">
        <v>191384</v>
      </c>
    </row>
    <row r="56905" spans="1:10" x14ac:dyDescent="0.35">
      <c r="A56905" s="1" t="s">
        <v>27787</v>
      </c>
      <c r="B56905" s="1" t="s">
        <v>187129</v>
      </c>
      <c r="C56905" s="1" t="s">
        <v>65</v>
      </c>
      <c r="D56905" s="1" t="s">
        <v>31634</v>
      </c>
      <c r="E56905" s="1" t="s">
        <v>191385</v>
      </c>
      <c r="F56905" s="1" t="s">
        <v>191386</v>
      </c>
      <c r="G56905" s="1" t="s">
        <v>191349</v>
      </c>
      <c r="H56905" s="1" t="s">
        <v>191350</v>
      </c>
      <c r="I56905" s="1" t="s">
        <v>187135</v>
      </c>
      <c r="J56905" s="1" t="s">
        <v>191387</v>
      </c>
    </row>
    <row r="56906" spans="1:10" x14ac:dyDescent="0.35">
      <c r="A56906" s="1" t="s">
        <v>27787</v>
      </c>
      <c r="B56906" s="1" t="s">
        <v>187129</v>
      </c>
      <c r="C56906" s="1" t="s">
        <v>70</v>
      </c>
      <c r="D56906" s="1" t="s">
        <v>182526</v>
      </c>
      <c r="E56906" s="1" t="s">
        <v>191388</v>
      </c>
      <c r="F56906" s="1" t="s">
        <v>191389</v>
      </c>
      <c r="G56906" s="1" t="s">
        <v>191349</v>
      </c>
      <c r="H56906" s="1" t="s">
        <v>191350</v>
      </c>
      <c r="I56906" s="1" t="s">
        <v>187135</v>
      </c>
      <c r="J56906" s="1" t="s">
        <v>191390</v>
      </c>
    </row>
    <row r="56907" spans="1:10" x14ac:dyDescent="0.35">
      <c r="A56907" s="1" t="s">
        <v>27787</v>
      </c>
      <c r="B56907" s="1" t="s">
        <v>187129</v>
      </c>
      <c r="C56907" s="1" t="s">
        <v>75</v>
      </c>
      <c r="D56907" s="1" t="s">
        <v>191391</v>
      </c>
      <c r="E56907" s="1" t="s">
        <v>191392</v>
      </c>
      <c r="F56907" s="1" t="s">
        <v>191393</v>
      </c>
      <c r="G56907" s="1" t="s">
        <v>191349</v>
      </c>
      <c r="H56907" s="1" t="s">
        <v>191350</v>
      </c>
      <c r="I56907" s="1" t="s">
        <v>187135</v>
      </c>
      <c r="J56907" s="1" t="s">
        <v>191394</v>
      </c>
    </row>
    <row r="56908" spans="1:10" x14ac:dyDescent="0.35">
      <c r="A56908" s="1" t="s">
        <v>27787</v>
      </c>
      <c r="B56908" s="1" t="s">
        <v>187129</v>
      </c>
      <c r="C56908" s="1" t="s">
        <v>80</v>
      </c>
      <c r="D56908" s="1" t="s">
        <v>191395</v>
      </c>
      <c r="E56908" s="1" t="s">
        <v>191396</v>
      </c>
      <c r="F56908" s="1" t="s">
        <v>191397</v>
      </c>
      <c r="G56908" s="1" t="s">
        <v>191349</v>
      </c>
      <c r="H56908" s="1" t="s">
        <v>191350</v>
      </c>
      <c r="I56908" s="1" t="s">
        <v>187135</v>
      </c>
      <c r="J56908" s="1" t="s">
        <v>191398</v>
      </c>
    </row>
    <row r="56909" spans="1:10" x14ac:dyDescent="0.35">
      <c r="A56909" s="1" t="s">
        <v>27787</v>
      </c>
      <c r="B56909" s="1" t="s">
        <v>187129</v>
      </c>
      <c r="C56909" s="1" t="s">
        <v>85</v>
      </c>
      <c r="D56909" s="1" t="s">
        <v>83040</v>
      </c>
      <c r="E56909" s="1" t="s">
        <v>191399</v>
      </c>
      <c r="F56909" s="1" t="s">
        <v>191400</v>
      </c>
      <c r="G56909" s="1" t="s">
        <v>191349</v>
      </c>
      <c r="H56909" s="1" t="s">
        <v>191350</v>
      </c>
      <c r="I56909" s="1" t="s">
        <v>187135</v>
      </c>
      <c r="J56909" s="1" t="s">
        <v>191401</v>
      </c>
    </row>
    <row r="56910" spans="1:10" x14ac:dyDescent="0.35">
      <c r="A56910" s="1" t="s">
        <v>27787</v>
      </c>
      <c r="B56910" s="1" t="s">
        <v>187129</v>
      </c>
      <c r="C56910" s="1" t="s">
        <v>90</v>
      </c>
      <c r="D56910" s="1" t="s">
        <v>106957</v>
      </c>
      <c r="E56910" s="1" t="s">
        <v>191402</v>
      </c>
      <c r="F56910" s="1" t="s">
        <v>191403</v>
      </c>
      <c r="G56910" s="1" t="s">
        <v>191349</v>
      </c>
      <c r="H56910" s="1" t="s">
        <v>191350</v>
      </c>
      <c r="I56910" s="1" t="s">
        <v>187135</v>
      </c>
      <c r="J56910" s="1" t="s">
        <v>191404</v>
      </c>
    </row>
    <row r="56911" spans="1:10" x14ac:dyDescent="0.35">
      <c r="A56911" s="1" t="s">
        <v>27787</v>
      </c>
      <c r="B56911" s="1" t="s">
        <v>187129</v>
      </c>
      <c r="C56911" s="1" t="s">
        <v>95</v>
      </c>
      <c r="D56911" s="1" t="s">
        <v>175322</v>
      </c>
      <c r="E56911" s="1" t="s">
        <v>191405</v>
      </c>
      <c r="F56911" s="1" t="s">
        <v>191406</v>
      </c>
      <c r="G56911" s="1" t="s">
        <v>191349</v>
      </c>
      <c r="H56911" s="1" t="s">
        <v>191350</v>
      </c>
      <c r="I56911" s="1" t="s">
        <v>187135</v>
      </c>
      <c r="J56911" s="1" t="s">
        <v>191407</v>
      </c>
    </row>
    <row r="56912" spans="1:10" x14ac:dyDescent="0.35">
      <c r="A56912" s="1" t="s">
        <v>27787</v>
      </c>
      <c r="B56912" s="1" t="s">
        <v>187129</v>
      </c>
      <c r="C56912" s="1" t="s">
        <v>100</v>
      </c>
      <c r="D56912" s="1" t="s">
        <v>149866</v>
      </c>
      <c r="E56912" s="1" t="s">
        <v>191408</v>
      </c>
      <c r="F56912" s="1" t="s">
        <v>191409</v>
      </c>
      <c r="G56912" s="1" t="s">
        <v>191349</v>
      </c>
      <c r="H56912" s="1" t="s">
        <v>191350</v>
      </c>
      <c r="I56912" s="1" t="s">
        <v>187135</v>
      </c>
      <c r="J56912" s="1" t="s">
        <v>191410</v>
      </c>
    </row>
    <row r="56913" spans="1:10" x14ac:dyDescent="0.35">
      <c r="A56913" s="1" t="s">
        <v>27787</v>
      </c>
      <c r="B56913" s="1" t="s">
        <v>187129</v>
      </c>
      <c r="C56913" s="1" t="s">
        <v>105</v>
      </c>
      <c r="D56913" s="1" t="s">
        <v>176758</v>
      </c>
      <c r="E56913" s="1" t="s">
        <v>191411</v>
      </c>
      <c r="F56913" s="1" t="s">
        <v>191412</v>
      </c>
      <c r="G56913" s="1" t="s">
        <v>191349</v>
      </c>
      <c r="H56913" s="1" t="s">
        <v>191350</v>
      </c>
      <c r="I56913" s="1" t="s">
        <v>187135</v>
      </c>
      <c r="J56913" s="1" t="s">
        <v>191413</v>
      </c>
    </row>
    <row r="56914" spans="1:10" x14ac:dyDescent="0.35">
      <c r="A56914" s="1" t="s">
        <v>27787</v>
      </c>
      <c r="B56914" s="1" t="s">
        <v>187129</v>
      </c>
      <c r="C56914" s="1" t="s">
        <v>110</v>
      </c>
      <c r="D56914" s="1" t="s">
        <v>191414</v>
      </c>
      <c r="E56914" s="1" t="s">
        <v>191415</v>
      </c>
      <c r="F56914" s="1" t="s">
        <v>191416</v>
      </c>
      <c r="G56914" s="1" t="s">
        <v>191349</v>
      </c>
      <c r="H56914" s="1" t="s">
        <v>191350</v>
      </c>
      <c r="I56914" s="1" t="s">
        <v>187135</v>
      </c>
      <c r="J56914" s="1" t="s">
        <v>191417</v>
      </c>
    </row>
    <row r="56915" spans="1:10" x14ac:dyDescent="0.35">
      <c r="A56915" s="1" t="s">
        <v>27787</v>
      </c>
      <c r="B56915" s="1" t="s">
        <v>187129</v>
      </c>
      <c r="C56915" s="1" t="s">
        <v>115</v>
      </c>
      <c r="D56915" s="1" t="s">
        <v>191418</v>
      </c>
      <c r="E56915" s="1" t="s">
        <v>191419</v>
      </c>
      <c r="F56915" s="1" t="s">
        <v>191420</v>
      </c>
      <c r="G56915" s="1" t="s">
        <v>191349</v>
      </c>
      <c r="H56915" s="1" t="s">
        <v>191350</v>
      </c>
      <c r="I56915" s="1" t="s">
        <v>187135</v>
      </c>
      <c r="J56915" s="1" t="s">
        <v>191421</v>
      </c>
    </row>
    <row r="56916" spans="1:10" x14ac:dyDescent="0.35">
      <c r="A56916" s="1" t="s">
        <v>27787</v>
      </c>
      <c r="B56916" s="1" t="s">
        <v>187129</v>
      </c>
      <c r="C56916" s="1" t="s">
        <v>120</v>
      </c>
      <c r="D56916" s="1" t="s">
        <v>42860</v>
      </c>
      <c r="E56916" s="1" t="s">
        <v>191422</v>
      </c>
      <c r="F56916" s="1" t="s">
        <v>191423</v>
      </c>
      <c r="G56916" s="1" t="s">
        <v>191349</v>
      </c>
      <c r="H56916" s="1" t="s">
        <v>191350</v>
      </c>
      <c r="I56916" s="1" t="s">
        <v>187135</v>
      </c>
      <c r="J56916" s="1" t="s">
        <v>191424</v>
      </c>
    </row>
    <row r="56917" spans="1:10" x14ac:dyDescent="0.35">
      <c r="A56917" s="1" t="s">
        <v>27787</v>
      </c>
      <c r="B56917" s="1" t="s">
        <v>187129</v>
      </c>
      <c r="C56917" s="1" t="s">
        <v>125</v>
      </c>
      <c r="D56917" s="1" t="s">
        <v>191425</v>
      </c>
      <c r="E56917" s="1" t="s">
        <v>191426</v>
      </c>
      <c r="F56917" s="1" t="s">
        <v>191427</v>
      </c>
      <c r="G56917" s="1" t="s">
        <v>191349</v>
      </c>
      <c r="H56917" s="1" t="s">
        <v>191350</v>
      </c>
      <c r="I56917" s="1" t="s">
        <v>187135</v>
      </c>
      <c r="J56917" s="1" t="s">
        <v>191428</v>
      </c>
    </row>
    <row r="56918" spans="1:10" x14ac:dyDescent="0.35">
      <c r="A56918" s="1" t="s">
        <v>27787</v>
      </c>
      <c r="B56918" s="1" t="s">
        <v>187129</v>
      </c>
      <c r="C56918" s="1" t="s">
        <v>130</v>
      </c>
      <c r="D56918" s="1" t="s">
        <v>81830</v>
      </c>
      <c r="E56918" s="1" t="s">
        <v>191429</v>
      </c>
      <c r="F56918" s="1" t="s">
        <v>191430</v>
      </c>
      <c r="G56918" s="1" t="s">
        <v>191349</v>
      </c>
      <c r="H56918" s="1" t="s">
        <v>191350</v>
      </c>
      <c r="I56918" s="1" t="s">
        <v>187135</v>
      </c>
      <c r="J56918" s="1" t="s">
        <v>191431</v>
      </c>
    </row>
    <row r="56919" spans="1:10" x14ac:dyDescent="0.35">
      <c r="A56919" s="1" t="s">
        <v>27787</v>
      </c>
      <c r="B56919" s="1" t="s">
        <v>187129</v>
      </c>
      <c r="C56919" s="1" t="s">
        <v>135</v>
      </c>
      <c r="D56919" s="1" t="s">
        <v>59497</v>
      </c>
      <c r="E56919" s="1" t="s">
        <v>191432</v>
      </c>
      <c r="F56919" s="1" t="s">
        <v>191433</v>
      </c>
      <c r="G56919" s="1" t="s">
        <v>191349</v>
      </c>
      <c r="H56919" s="1" t="s">
        <v>191350</v>
      </c>
      <c r="I56919" s="1" t="s">
        <v>187135</v>
      </c>
      <c r="J56919" s="1" t="s">
        <v>191434</v>
      </c>
    </row>
    <row r="56920" spans="1:10" x14ac:dyDescent="0.35">
      <c r="A56920" s="1" t="s">
        <v>27787</v>
      </c>
      <c r="B56920" s="1" t="s">
        <v>187129</v>
      </c>
      <c r="C56920" s="1" t="s">
        <v>140</v>
      </c>
      <c r="D56920" s="1" t="s">
        <v>191435</v>
      </c>
      <c r="E56920" s="1" t="s">
        <v>191436</v>
      </c>
      <c r="F56920" s="1" t="s">
        <v>191437</v>
      </c>
      <c r="G56920" s="1" t="s">
        <v>191349</v>
      </c>
      <c r="H56920" s="1" t="s">
        <v>191350</v>
      </c>
      <c r="I56920" s="1" t="s">
        <v>187135</v>
      </c>
      <c r="J56920" s="1" t="s">
        <v>191438</v>
      </c>
    </row>
    <row r="56921" spans="1:10" x14ac:dyDescent="0.35">
      <c r="A56921" s="1" t="s">
        <v>27787</v>
      </c>
      <c r="B56921" s="1" t="s">
        <v>187129</v>
      </c>
      <c r="C56921" s="1" t="s">
        <v>145</v>
      </c>
      <c r="D56921" s="1" t="s">
        <v>191439</v>
      </c>
      <c r="E56921" s="1" t="s">
        <v>191440</v>
      </c>
      <c r="F56921" s="1" t="s">
        <v>191441</v>
      </c>
      <c r="G56921" s="1" t="s">
        <v>191349</v>
      </c>
      <c r="H56921" s="1" t="s">
        <v>191350</v>
      </c>
      <c r="I56921" s="1" t="s">
        <v>187135</v>
      </c>
      <c r="J56921" s="1" t="s">
        <v>191442</v>
      </c>
    </row>
    <row r="56922" spans="1:10" x14ac:dyDescent="0.35">
      <c r="A56922" s="1" t="s">
        <v>27787</v>
      </c>
      <c r="B56922" s="1" t="s">
        <v>187129</v>
      </c>
      <c r="C56922" s="1" t="s">
        <v>150</v>
      </c>
      <c r="D56922" s="1" t="s">
        <v>109258</v>
      </c>
      <c r="E56922" s="1" t="s">
        <v>191443</v>
      </c>
      <c r="F56922" s="1" t="s">
        <v>191444</v>
      </c>
      <c r="G56922" s="1" t="s">
        <v>191349</v>
      </c>
      <c r="H56922" s="1" t="s">
        <v>191350</v>
      </c>
      <c r="I56922" s="1" t="s">
        <v>187135</v>
      </c>
      <c r="J56922" s="1" t="s">
        <v>191445</v>
      </c>
    </row>
    <row r="56923" spans="1:10" x14ac:dyDescent="0.35">
      <c r="A56923" s="1" t="s">
        <v>27787</v>
      </c>
      <c r="B56923" s="1" t="s">
        <v>187129</v>
      </c>
      <c r="C56923" s="1" t="s">
        <v>155</v>
      </c>
      <c r="D56923" s="1" t="s">
        <v>42286</v>
      </c>
      <c r="E56923" s="1" t="s">
        <v>191446</v>
      </c>
      <c r="F56923" s="1" t="s">
        <v>191447</v>
      </c>
      <c r="G56923" s="1" t="s">
        <v>191349</v>
      </c>
      <c r="H56923" s="1" t="s">
        <v>191350</v>
      </c>
      <c r="I56923" s="1" t="s">
        <v>187135</v>
      </c>
      <c r="J56923" s="1" t="s">
        <v>191448</v>
      </c>
    </row>
    <row r="56924" spans="1:10" x14ac:dyDescent="0.35">
      <c r="A56924" s="1" t="s">
        <v>27787</v>
      </c>
      <c r="B56924" s="1" t="s">
        <v>187129</v>
      </c>
      <c r="C56924" s="1" t="s">
        <v>160</v>
      </c>
      <c r="D56924" s="1" t="s">
        <v>134633</v>
      </c>
      <c r="E56924" s="1" t="s">
        <v>191449</v>
      </c>
      <c r="F56924" s="1" t="s">
        <v>191450</v>
      </c>
      <c r="G56924" s="1" t="s">
        <v>191349</v>
      </c>
      <c r="H56924" s="1" t="s">
        <v>191350</v>
      </c>
      <c r="I56924" s="1" t="s">
        <v>187135</v>
      </c>
      <c r="J56924" s="1" t="s">
        <v>191451</v>
      </c>
    </row>
    <row r="56925" spans="1:10" x14ac:dyDescent="0.35">
      <c r="A56925" s="1" t="s">
        <v>27787</v>
      </c>
      <c r="B56925" s="1" t="s">
        <v>187129</v>
      </c>
      <c r="C56925" s="1" t="s">
        <v>165</v>
      </c>
      <c r="D56925" s="1" t="s">
        <v>191452</v>
      </c>
      <c r="E56925" s="1" t="s">
        <v>191453</v>
      </c>
      <c r="F56925" s="1" t="s">
        <v>191454</v>
      </c>
      <c r="G56925" s="1" t="s">
        <v>191349</v>
      </c>
      <c r="H56925" s="1" t="s">
        <v>191350</v>
      </c>
      <c r="I56925" s="1" t="s">
        <v>187135</v>
      </c>
      <c r="J56925" s="1" t="s">
        <v>191455</v>
      </c>
    </row>
    <row r="56926" spans="1:10" x14ac:dyDescent="0.35">
      <c r="A56926" s="1" t="s">
        <v>27787</v>
      </c>
      <c r="B56926" s="1" t="s">
        <v>187129</v>
      </c>
      <c r="C56926" s="1" t="s">
        <v>170</v>
      </c>
      <c r="D56926" s="1" t="s">
        <v>115184</v>
      </c>
      <c r="E56926" s="1" t="s">
        <v>191456</v>
      </c>
      <c r="F56926" s="1" t="s">
        <v>191457</v>
      </c>
      <c r="G56926" s="1" t="s">
        <v>191349</v>
      </c>
      <c r="H56926" s="1" t="s">
        <v>191350</v>
      </c>
      <c r="I56926" s="1" t="s">
        <v>187135</v>
      </c>
      <c r="J56926" s="1" t="s">
        <v>191458</v>
      </c>
    </row>
    <row r="56927" spans="1:10" x14ac:dyDescent="0.35">
      <c r="A56927" s="1" t="s">
        <v>109672</v>
      </c>
      <c r="B56927" s="1" t="s">
        <v>187129</v>
      </c>
      <c r="C56927" s="1" t="s">
        <v>8</v>
      </c>
      <c r="D56927" s="1" t="s">
        <v>191459</v>
      </c>
      <c r="E56927" s="1" t="s">
        <v>191460</v>
      </c>
      <c r="F56927" s="1" t="s">
        <v>191461</v>
      </c>
      <c r="G56927" s="1" t="s">
        <v>191462</v>
      </c>
      <c r="H56927" s="1" t="s">
        <v>191463</v>
      </c>
      <c r="I56927" s="1" t="s">
        <v>187135</v>
      </c>
      <c r="J56927" s="1" t="s">
        <v>13</v>
      </c>
    </row>
    <row r="56928" spans="1:10" x14ac:dyDescent="0.35">
      <c r="A56928" s="1" t="s">
        <v>109672</v>
      </c>
      <c r="B56928" s="1" t="s">
        <v>187129</v>
      </c>
      <c r="C56928" s="1" t="s">
        <v>15</v>
      </c>
      <c r="D56928" s="1" t="s">
        <v>39050</v>
      </c>
      <c r="E56928" s="1" t="s">
        <v>191464</v>
      </c>
      <c r="F56928" s="1" t="s">
        <v>191465</v>
      </c>
      <c r="G56928" s="1" t="s">
        <v>191462</v>
      </c>
      <c r="H56928" s="1" t="s">
        <v>191463</v>
      </c>
      <c r="I56928" s="1" t="s">
        <v>187135</v>
      </c>
      <c r="J56928" s="1" t="s">
        <v>191466</v>
      </c>
    </row>
    <row r="56929" spans="1:10" x14ac:dyDescent="0.35">
      <c r="A56929" s="1" t="s">
        <v>109672</v>
      </c>
      <c r="B56929" s="1" t="s">
        <v>187129</v>
      </c>
      <c r="C56929" s="1" t="s">
        <v>20</v>
      </c>
      <c r="D56929" s="1" t="s">
        <v>67101</v>
      </c>
      <c r="E56929" s="1" t="s">
        <v>191467</v>
      </c>
      <c r="F56929" s="1" t="s">
        <v>191468</v>
      </c>
      <c r="G56929" s="1" t="s">
        <v>191462</v>
      </c>
      <c r="H56929" s="1" t="s">
        <v>191463</v>
      </c>
      <c r="I56929" s="1" t="s">
        <v>187135</v>
      </c>
      <c r="J56929" s="1" t="s">
        <v>191469</v>
      </c>
    </row>
    <row r="56930" spans="1:10" x14ac:dyDescent="0.35">
      <c r="A56930" s="1" t="s">
        <v>109672</v>
      </c>
      <c r="B56930" s="1" t="s">
        <v>187129</v>
      </c>
      <c r="C56930" s="1" t="s">
        <v>25</v>
      </c>
      <c r="D56930" s="1" t="s">
        <v>130472</v>
      </c>
      <c r="E56930" s="1" t="s">
        <v>191470</v>
      </c>
      <c r="F56930" s="1" t="s">
        <v>191471</v>
      </c>
      <c r="G56930" s="1" t="s">
        <v>191462</v>
      </c>
      <c r="H56930" s="1" t="s">
        <v>191463</v>
      </c>
      <c r="I56930" s="1" t="s">
        <v>187135</v>
      </c>
      <c r="J56930" s="1" t="s">
        <v>191472</v>
      </c>
    </row>
    <row r="56931" spans="1:10" x14ac:dyDescent="0.35">
      <c r="A56931" s="1" t="s">
        <v>109672</v>
      </c>
      <c r="B56931" s="1" t="s">
        <v>187129</v>
      </c>
      <c r="C56931" s="1" t="s">
        <v>30</v>
      </c>
      <c r="D56931" s="1" t="s">
        <v>59248</v>
      </c>
      <c r="E56931" s="1" t="s">
        <v>191473</v>
      </c>
      <c r="F56931" s="1" t="s">
        <v>191474</v>
      </c>
      <c r="G56931" s="1" t="s">
        <v>191462</v>
      </c>
      <c r="H56931" s="1" t="s">
        <v>191463</v>
      </c>
      <c r="I56931" s="1" t="s">
        <v>187135</v>
      </c>
      <c r="J56931" s="1" t="s">
        <v>191475</v>
      </c>
    </row>
    <row r="56932" spans="1:10" x14ac:dyDescent="0.35">
      <c r="A56932" s="1" t="s">
        <v>109672</v>
      </c>
      <c r="B56932" s="1" t="s">
        <v>187129</v>
      </c>
      <c r="C56932" s="1" t="s">
        <v>35</v>
      </c>
      <c r="D56932" s="1" t="s">
        <v>128040</v>
      </c>
      <c r="E56932" s="1" t="s">
        <v>191476</v>
      </c>
      <c r="F56932" s="1" t="s">
        <v>191477</v>
      </c>
      <c r="G56932" s="1" t="s">
        <v>191462</v>
      </c>
      <c r="H56932" s="1" t="s">
        <v>191463</v>
      </c>
      <c r="I56932" s="1" t="s">
        <v>187135</v>
      </c>
      <c r="J56932" s="1" t="s">
        <v>191478</v>
      </c>
    </row>
    <row r="56933" spans="1:10" x14ac:dyDescent="0.35">
      <c r="A56933" s="1" t="s">
        <v>109672</v>
      </c>
      <c r="B56933" s="1" t="s">
        <v>187129</v>
      </c>
      <c r="C56933" s="1" t="s">
        <v>40</v>
      </c>
      <c r="D56933" s="1" t="s">
        <v>191479</v>
      </c>
      <c r="E56933" s="1" t="s">
        <v>191480</v>
      </c>
      <c r="F56933" s="1" t="s">
        <v>191481</v>
      </c>
      <c r="G56933" s="1" t="s">
        <v>191462</v>
      </c>
      <c r="H56933" s="1" t="s">
        <v>191463</v>
      </c>
      <c r="I56933" s="1" t="s">
        <v>187135</v>
      </c>
      <c r="J56933" s="1" t="s">
        <v>191482</v>
      </c>
    </row>
    <row r="56934" spans="1:10" x14ac:dyDescent="0.35">
      <c r="A56934" s="1" t="s">
        <v>109672</v>
      </c>
      <c r="B56934" s="1" t="s">
        <v>187129</v>
      </c>
      <c r="C56934" s="1" t="s">
        <v>45</v>
      </c>
      <c r="D56934" s="1" t="s">
        <v>191483</v>
      </c>
      <c r="E56934" s="1" t="s">
        <v>191484</v>
      </c>
      <c r="F56934" s="1" t="s">
        <v>191485</v>
      </c>
      <c r="G56934" s="1" t="s">
        <v>191462</v>
      </c>
      <c r="H56934" s="1" t="s">
        <v>191463</v>
      </c>
      <c r="I56934" s="1" t="s">
        <v>187135</v>
      </c>
      <c r="J56934" s="1" t="s">
        <v>191486</v>
      </c>
    </row>
    <row r="56935" spans="1:10" x14ac:dyDescent="0.35">
      <c r="A56935" s="1" t="s">
        <v>109672</v>
      </c>
      <c r="B56935" s="1" t="s">
        <v>187129</v>
      </c>
      <c r="C56935" s="1" t="s">
        <v>50</v>
      </c>
      <c r="D56935" s="1" t="s">
        <v>191487</v>
      </c>
      <c r="E56935" s="1" t="s">
        <v>191488</v>
      </c>
      <c r="F56935" s="1" t="s">
        <v>191489</v>
      </c>
      <c r="G56935" s="1" t="s">
        <v>191462</v>
      </c>
      <c r="H56935" s="1" t="s">
        <v>191463</v>
      </c>
      <c r="I56935" s="1" t="s">
        <v>187135</v>
      </c>
      <c r="J56935" s="1" t="s">
        <v>191490</v>
      </c>
    </row>
    <row r="56936" spans="1:10" x14ac:dyDescent="0.35">
      <c r="A56936" s="1" t="s">
        <v>109672</v>
      </c>
      <c r="B56936" s="1" t="s">
        <v>187129</v>
      </c>
      <c r="C56936" s="1" t="s">
        <v>55</v>
      </c>
      <c r="D56936" s="1" t="s">
        <v>191491</v>
      </c>
      <c r="E56936" s="1" t="s">
        <v>191492</v>
      </c>
      <c r="F56936" s="1" t="s">
        <v>191493</v>
      </c>
      <c r="G56936" s="1" t="s">
        <v>191462</v>
      </c>
      <c r="H56936" s="1" t="s">
        <v>191463</v>
      </c>
      <c r="I56936" s="1" t="s">
        <v>187135</v>
      </c>
      <c r="J56936" s="1" t="s">
        <v>191494</v>
      </c>
    </row>
    <row r="56937" spans="1:10" x14ac:dyDescent="0.35">
      <c r="A56937" s="1" t="s">
        <v>109672</v>
      </c>
      <c r="B56937" s="1" t="s">
        <v>187129</v>
      </c>
      <c r="C56937" s="1" t="s">
        <v>60</v>
      </c>
      <c r="D56937" s="1" t="s">
        <v>191495</v>
      </c>
      <c r="E56937" s="1" t="s">
        <v>191496</v>
      </c>
      <c r="F56937" s="1" t="s">
        <v>191497</v>
      </c>
      <c r="G56937" s="1" t="s">
        <v>191462</v>
      </c>
      <c r="H56937" s="1" t="s">
        <v>191463</v>
      </c>
      <c r="I56937" s="1" t="s">
        <v>187135</v>
      </c>
      <c r="J56937" s="1" t="s">
        <v>191498</v>
      </c>
    </row>
    <row r="56938" spans="1:10" x14ac:dyDescent="0.35">
      <c r="A56938" s="1" t="s">
        <v>109672</v>
      </c>
      <c r="B56938" s="1" t="s">
        <v>187129</v>
      </c>
      <c r="C56938" s="1" t="s">
        <v>65</v>
      </c>
      <c r="D56938" s="1" t="s">
        <v>65725</v>
      </c>
      <c r="E56938" s="1" t="s">
        <v>191499</v>
      </c>
      <c r="F56938" s="1" t="s">
        <v>191500</v>
      </c>
      <c r="G56938" s="1" t="s">
        <v>191462</v>
      </c>
      <c r="H56938" s="1" t="s">
        <v>191463</v>
      </c>
      <c r="I56938" s="1" t="s">
        <v>187135</v>
      </c>
      <c r="J56938" s="1" t="s">
        <v>191501</v>
      </c>
    </row>
    <row r="56939" spans="1:10" x14ac:dyDescent="0.35">
      <c r="A56939" s="1" t="s">
        <v>109672</v>
      </c>
      <c r="B56939" s="1" t="s">
        <v>187129</v>
      </c>
      <c r="C56939" s="1" t="s">
        <v>70</v>
      </c>
      <c r="D56939" s="1" t="s">
        <v>26368</v>
      </c>
      <c r="E56939" s="1" t="s">
        <v>191502</v>
      </c>
      <c r="F56939" s="1" t="s">
        <v>191503</v>
      </c>
      <c r="G56939" s="1" t="s">
        <v>191462</v>
      </c>
      <c r="H56939" s="1" t="s">
        <v>191463</v>
      </c>
      <c r="I56939" s="1" t="s">
        <v>187135</v>
      </c>
      <c r="J56939" s="1" t="s">
        <v>191504</v>
      </c>
    </row>
    <row r="56940" spans="1:10" x14ac:dyDescent="0.35">
      <c r="A56940" s="1" t="s">
        <v>109672</v>
      </c>
      <c r="B56940" s="1" t="s">
        <v>187129</v>
      </c>
      <c r="C56940" s="1" t="s">
        <v>75</v>
      </c>
      <c r="D56940" s="1" t="s">
        <v>109304</v>
      </c>
      <c r="E56940" s="1" t="s">
        <v>191505</v>
      </c>
      <c r="F56940" s="1" t="s">
        <v>191506</v>
      </c>
      <c r="G56940" s="1" t="s">
        <v>191462</v>
      </c>
      <c r="H56940" s="1" t="s">
        <v>191463</v>
      </c>
      <c r="I56940" s="1" t="s">
        <v>187135</v>
      </c>
      <c r="J56940" s="1" t="s">
        <v>191507</v>
      </c>
    </row>
    <row r="56941" spans="1:10" x14ac:dyDescent="0.35">
      <c r="A56941" s="1" t="s">
        <v>109672</v>
      </c>
      <c r="B56941" s="1" t="s">
        <v>187129</v>
      </c>
      <c r="C56941" s="1" t="s">
        <v>80</v>
      </c>
      <c r="D56941" s="1" t="s">
        <v>98769</v>
      </c>
      <c r="E56941" s="1" t="s">
        <v>191508</v>
      </c>
      <c r="F56941" s="1" t="s">
        <v>191509</v>
      </c>
      <c r="G56941" s="1" t="s">
        <v>191462</v>
      </c>
      <c r="H56941" s="1" t="s">
        <v>191463</v>
      </c>
      <c r="I56941" s="1" t="s">
        <v>187135</v>
      </c>
      <c r="J56941" s="1" t="s">
        <v>191510</v>
      </c>
    </row>
    <row r="56942" spans="1:10" x14ac:dyDescent="0.35">
      <c r="A56942" s="1" t="s">
        <v>109672</v>
      </c>
      <c r="B56942" s="1" t="s">
        <v>187129</v>
      </c>
      <c r="C56942" s="1" t="s">
        <v>85</v>
      </c>
      <c r="D56942" s="1" t="s">
        <v>130581</v>
      </c>
      <c r="E56942" s="1" t="s">
        <v>191511</v>
      </c>
      <c r="F56942" s="1" t="s">
        <v>191512</v>
      </c>
      <c r="G56942" s="1" t="s">
        <v>191462</v>
      </c>
      <c r="H56942" s="1" t="s">
        <v>191463</v>
      </c>
      <c r="I56942" s="1" t="s">
        <v>187135</v>
      </c>
      <c r="J56942" s="1" t="s">
        <v>191513</v>
      </c>
    </row>
    <row r="56943" spans="1:10" x14ac:dyDescent="0.35">
      <c r="A56943" s="1" t="s">
        <v>109672</v>
      </c>
      <c r="B56943" s="1" t="s">
        <v>187129</v>
      </c>
      <c r="C56943" s="1" t="s">
        <v>90</v>
      </c>
      <c r="D56943" s="1" t="s">
        <v>89721</v>
      </c>
      <c r="E56943" s="1" t="s">
        <v>191514</v>
      </c>
      <c r="F56943" s="1" t="s">
        <v>191515</v>
      </c>
      <c r="G56943" s="1" t="s">
        <v>191462</v>
      </c>
      <c r="H56943" s="1" t="s">
        <v>191463</v>
      </c>
      <c r="I56943" s="1" t="s">
        <v>187135</v>
      </c>
      <c r="J56943" s="1" t="s">
        <v>191516</v>
      </c>
    </row>
    <row r="56944" spans="1:10" x14ac:dyDescent="0.35">
      <c r="A56944" s="1" t="s">
        <v>109672</v>
      </c>
      <c r="B56944" s="1" t="s">
        <v>187129</v>
      </c>
      <c r="C56944" s="1" t="s">
        <v>95</v>
      </c>
      <c r="D56944" s="1" t="s">
        <v>191517</v>
      </c>
      <c r="E56944" s="1" t="s">
        <v>191518</v>
      </c>
      <c r="F56944" s="1" t="s">
        <v>191519</v>
      </c>
      <c r="G56944" s="1" t="s">
        <v>191462</v>
      </c>
      <c r="H56944" s="1" t="s">
        <v>191463</v>
      </c>
      <c r="I56944" s="1" t="s">
        <v>187135</v>
      </c>
      <c r="J56944" s="1" t="s">
        <v>191520</v>
      </c>
    </row>
    <row r="56945" spans="1:10" x14ac:dyDescent="0.35">
      <c r="A56945" s="1" t="s">
        <v>109672</v>
      </c>
      <c r="B56945" s="1" t="s">
        <v>187129</v>
      </c>
      <c r="C56945" s="1" t="s">
        <v>100</v>
      </c>
      <c r="D56945" s="1" t="s">
        <v>191521</v>
      </c>
      <c r="E56945" s="1" t="s">
        <v>191522</v>
      </c>
      <c r="F56945" s="1" t="s">
        <v>191523</v>
      </c>
      <c r="G56945" s="1" t="s">
        <v>191462</v>
      </c>
      <c r="H56945" s="1" t="s">
        <v>191463</v>
      </c>
      <c r="I56945" s="1" t="s">
        <v>187135</v>
      </c>
      <c r="J56945" s="1" t="s">
        <v>191524</v>
      </c>
    </row>
    <row r="56946" spans="1:10" x14ac:dyDescent="0.35">
      <c r="A56946" s="1" t="s">
        <v>109672</v>
      </c>
      <c r="B56946" s="1" t="s">
        <v>187129</v>
      </c>
      <c r="C56946" s="1" t="s">
        <v>105</v>
      </c>
      <c r="D56946" s="1" t="s">
        <v>59306</v>
      </c>
      <c r="E56946" s="1" t="s">
        <v>191525</v>
      </c>
      <c r="F56946" s="1" t="s">
        <v>191526</v>
      </c>
      <c r="G56946" s="1" t="s">
        <v>191462</v>
      </c>
      <c r="H56946" s="1" t="s">
        <v>191463</v>
      </c>
      <c r="I56946" s="1" t="s">
        <v>187135</v>
      </c>
      <c r="J56946" s="1" t="s">
        <v>191527</v>
      </c>
    </row>
    <row r="56947" spans="1:10" x14ac:dyDescent="0.35">
      <c r="A56947" s="1" t="s">
        <v>109672</v>
      </c>
      <c r="B56947" s="1" t="s">
        <v>187129</v>
      </c>
      <c r="C56947" s="1" t="s">
        <v>110</v>
      </c>
      <c r="D56947" s="1" t="s">
        <v>191528</v>
      </c>
      <c r="E56947" s="1" t="s">
        <v>191529</v>
      </c>
      <c r="F56947" s="1" t="s">
        <v>191530</v>
      </c>
      <c r="G56947" s="1" t="s">
        <v>191462</v>
      </c>
      <c r="H56947" s="1" t="s">
        <v>191463</v>
      </c>
      <c r="I56947" s="1" t="s">
        <v>187135</v>
      </c>
      <c r="J56947" s="1" t="s">
        <v>191531</v>
      </c>
    </row>
    <row r="56948" spans="1:10" x14ac:dyDescent="0.35">
      <c r="A56948" s="1" t="s">
        <v>109672</v>
      </c>
      <c r="B56948" s="1" t="s">
        <v>187129</v>
      </c>
      <c r="C56948" s="1" t="s">
        <v>115</v>
      </c>
      <c r="D56948" s="1" t="s">
        <v>88860</v>
      </c>
      <c r="E56948" s="1" t="s">
        <v>191532</v>
      </c>
      <c r="F56948" s="1" t="s">
        <v>191533</v>
      </c>
      <c r="G56948" s="1" t="s">
        <v>191462</v>
      </c>
      <c r="H56948" s="1" t="s">
        <v>191463</v>
      </c>
      <c r="I56948" s="1" t="s">
        <v>187135</v>
      </c>
      <c r="J56948" s="1" t="s">
        <v>191534</v>
      </c>
    </row>
    <row r="56949" spans="1:10" x14ac:dyDescent="0.35">
      <c r="A56949" s="1" t="s">
        <v>109672</v>
      </c>
      <c r="B56949" s="1" t="s">
        <v>187129</v>
      </c>
      <c r="C56949" s="1" t="s">
        <v>120</v>
      </c>
      <c r="D56949" s="1" t="s">
        <v>191535</v>
      </c>
      <c r="E56949" s="1" t="s">
        <v>191536</v>
      </c>
      <c r="F56949" s="1" t="s">
        <v>191537</v>
      </c>
      <c r="G56949" s="1" t="s">
        <v>191462</v>
      </c>
      <c r="H56949" s="1" t="s">
        <v>191463</v>
      </c>
      <c r="I56949" s="1" t="s">
        <v>187135</v>
      </c>
      <c r="J56949" s="1" t="s">
        <v>191538</v>
      </c>
    </row>
    <row r="56950" spans="1:10" x14ac:dyDescent="0.35">
      <c r="A56950" s="1" t="s">
        <v>109672</v>
      </c>
      <c r="B56950" s="1" t="s">
        <v>187129</v>
      </c>
      <c r="C56950" s="1" t="s">
        <v>125</v>
      </c>
      <c r="D56950" s="1" t="s">
        <v>191539</v>
      </c>
      <c r="E56950" s="1" t="s">
        <v>191540</v>
      </c>
      <c r="F56950" s="1" t="s">
        <v>191541</v>
      </c>
      <c r="G56950" s="1" t="s">
        <v>191462</v>
      </c>
      <c r="H56950" s="1" t="s">
        <v>191463</v>
      </c>
      <c r="I56950" s="1" t="s">
        <v>187135</v>
      </c>
      <c r="J56950" s="1" t="s">
        <v>191542</v>
      </c>
    </row>
    <row r="56951" spans="1:10" x14ac:dyDescent="0.35">
      <c r="A56951" s="1" t="s">
        <v>109672</v>
      </c>
      <c r="B56951" s="1" t="s">
        <v>187129</v>
      </c>
      <c r="C56951" s="1" t="s">
        <v>130</v>
      </c>
      <c r="D56951" s="1" t="s">
        <v>191543</v>
      </c>
      <c r="E56951" s="1" t="s">
        <v>191544</v>
      </c>
      <c r="F56951" s="1" t="s">
        <v>191545</v>
      </c>
      <c r="G56951" s="1" t="s">
        <v>191462</v>
      </c>
      <c r="H56951" s="1" t="s">
        <v>191463</v>
      </c>
      <c r="I56951" s="1" t="s">
        <v>187135</v>
      </c>
      <c r="J56951" s="1" t="s">
        <v>191546</v>
      </c>
    </row>
    <row r="56952" spans="1:10" x14ac:dyDescent="0.35">
      <c r="A56952" s="1" t="s">
        <v>109672</v>
      </c>
      <c r="B56952" s="1" t="s">
        <v>187129</v>
      </c>
      <c r="C56952" s="1" t="s">
        <v>135</v>
      </c>
      <c r="D56952" s="1" t="s">
        <v>191547</v>
      </c>
      <c r="E56952" s="1" t="s">
        <v>191548</v>
      </c>
      <c r="F56952" s="1" t="s">
        <v>191549</v>
      </c>
      <c r="G56952" s="1" t="s">
        <v>191462</v>
      </c>
      <c r="H56952" s="1" t="s">
        <v>191463</v>
      </c>
      <c r="I56952" s="1" t="s">
        <v>187135</v>
      </c>
      <c r="J56952" s="1" t="s">
        <v>191550</v>
      </c>
    </row>
    <row r="56953" spans="1:10" x14ac:dyDescent="0.35">
      <c r="A56953" s="1" t="s">
        <v>109672</v>
      </c>
      <c r="B56953" s="1" t="s">
        <v>187129</v>
      </c>
      <c r="C56953" s="1" t="s">
        <v>140</v>
      </c>
      <c r="D56953" s="1" t="s">
        <v>191551</v>
      </c>
      <c r="E56953" s="1" t="s">
        <v>191552</v>
      </c>
      <c r="F56953" s="1" t="s">
        <v>191553</v>
      </c>
      <c r="G56953" s="1" t="s">
        <v>191462</v>
      </c>
      <c r="H56953" s="1" t="s">
        <v>191463</v>
      </c>
      <c r="I56953" s="1" t="s">
        <v>187135</v>
      </c>
      <c r="J56953" s="1" t="s">
        <v>191554</v>
      </c>
    </row>
    <row r="56954" spans="1:10" x14ac:dyDescent="0.35">
      <c r="A56954" s="1" t="s">
        <v>109672</v>
      </c>
      <c r="B56954" s="1" t="s">
        <v>187129</v>
      </c>
      <c r="C56954" s="1" t="s">
        <v>145</v>
      </c>
      <c r="D56954" s="1" t="s">
        <v>152358</v>
      </c>
      <c r="E56954" s="1" t="s">
        <v>191555</v>
      </c>
      <c r="F56954" s="1" t="s">
        <v>191556</v>
      </c>
      <c r="G56954" s="1" t="s">
        <v>191462</v>
      </c>
      <c r="H56954" s="1" t="s">
        <v>191463</v>
      </c>
      <c r="I56954" s="1" t="s">
        <v>187135</v>
      </c>
      <c r="J56954" s="1" t="s">
        <v>191557</v>
      </c>
    </row>
    <row r="56955" spans="1:10" x14ac:dyDescent="0.35">
      <c r="A56955" s="1" t="s">
        <v>109672</v>
      </c>
      <c r="B56955" s="1" t="s">
        <v>187129</v>
      </c>
      <c r="C56955" s="1" t="s">
        <v>150</v>
      </c>
      <c r="D56955" s="1" t="s">
        <v>191558</v>
      </c>
      <c r="E56955" s="1" t="s">
        <v>191559</v>
      </c>
      <c r="F56955" s="1" t="s">
        <v>191560</v>
      </c>
      <c r="G56955" s="1" t="s">
        <v>191462</v>
      </c>
      <c r="H56955" s="1" t="s">
        <v>191463</v>
      </c>
      <c r="I56955" s="1" t="s">
        <v>187135</v>
      </c>
      <c r="J56955" s="1" t="s">
        <v>191561</v>
      </c>
    </row>
    <row r="56956" spans="1:10" x14ac:dyDescent="0.35">
      <c r="A56956" s="1" t="s">
        <v>109672</v>
      </c>
      <c r="B56956" s="1" t="s">
        <v>187129</v>
      </c>
      <c r="C56956" s="1" t="s">
        <v>155</v>
      </c>
      <c r="D56956" s="1" t="s">
        <v>191562</v>
      </c>
      <c r="E56956" s="1" t="s">
        <v>191563</v>
      </c>
      <c r="F56956" s="1" t="s">
        <v>191564</v>
      </c>
      <c r="G56956" s="1" t="s">
        <v>191462</v>
      </c>
      <c r="H56956" s="1" t="s">
        <v>191463</v>
      </c>
      <c r="I56956" s="1" t="s">
        <v>187135</v>
      </c>
      <c r="J56956" s="1" t="s">
        <v>191565</v>
      </c>
    </row>
    <row r="56957" spans="1:10" x14ac:dyDescent="0.35">
      <c r="A56957" s="1" t="s">
        <v>109672</v>
      </c>
      <c r="B56957" s="1" t="s">
        <v>187129</v>
      </c>
      <c r="C56957" s="1" t="s">
        <v>160</v>
      </c>
      <c r="D56957" s="1" t="s">
        <v>191566</v>
      </c>
      <c r="E56957" s="1" t="s">
        <v>191567</v>
      </c>
      <c r="F56957" s="1" t="s">
        <v>191568</v>
      </c>
      <c r="G56957" s="1" t="s">
        <v>191462</v>
      </c>
      <c r="H56957" s="1" t="s">
        <v>191463</v>
      </c>
      <c r="I56957" s="1" t="s">
        <v>187135</v>
      </c>
      <c r="J56957" s="1" t="s">
        <v>191569</v>
      </c>
    </row>
    <row r="56958" spans="1:10" x14ac:dyDescent="0.35">
      <c r="A56958" s="1" t="s">
        <v>109672</v>
      </c>
      <c r="B56958" s="1" t="s">
        <v>187129</v>
      </c>
      <c r="C56958" s="1" t="s">
        <v>165</v>
      </c>
      <c r="D56958" s="1" t="s">
        <v>191570</v>
      </c>
      <c r="E56958" s="1" t="s">
        <v>191571</v>
      </c>
      <c r="F56958" s="1" t="s">
        <v>191572</v>
      </c>
      <c r="G56958" s="1" t="s">
        <v>191462</v>
      </c>
      <c r="H56958" s="1" t="s">
        <v>191463</v>
      </c>
      <c r="I56958" s="1" t="s">
        <v>187135</v>
      </c>
      <c r="J56958" s="1" t="s">
        <v>191573</v>
      </c>
    </row>
    <row r="56959" spans="1:10" x14ac:dyDescent="0.35">
      <c r="A56959" s="1" t="s">
        <v>109672</v>
      </c>
      <c r="B56959" s="1" t="s">
        <v>187129</v>
      </c>
      <c r="C56959" s="1" t="s">
        <v>170</v>
      </c>
      <c r="D56959" s="1" t="s">
        <v>191574</v>
      </c>
      <c r="E56959" s="1" t="s">
        <v>191575</v>
      </c>
      <c r="F56959" s="1" t="s">
        <v>191576</v>
      </c>
      <c r="G56959" s="1" t="s">
        <v>191462</v>
      </c>
      <c r="H56959" s="1" t="s">
        <v>191463</v>
      </c>
      <c r="I56959" s="1" t="s">
        <v>187135</v>
      </c>
      <c r="J56959" s="1" t="s">
        <v>191577</v>
      </c>
    </row>
    <row r="56960" spans="1:10" x14ac:dyDescent="0.35">
      <c r="A56960" s="1" t="s">
        <v>29437</v>
      </c>
      <c r="B56960" s="1" t="s">
        <v>187129</v>
      </c>
      <c r="C56960" s="1" t="s">
        <v>8</v>
      </c>
      <c r="D56960" s="1" t="s">
        <v>45067</v>
      </c>
      <c r="E56960" s="1" t="s">
        <v>191578</v>
      </c>
      <c r="F56960" s="1" t="s">
        <v>191579</v>
      </c>
      <c r="G56960" s="1" t="s">
        <v>191580</v>
      </c>
      <c r="H56960" s="1" t="s">
        <v>191581</v>
      </c>
      <c r="I56960" s="1" t="s">
        <v>187135</v>
      </c>
      <c r="J56960" s="1" t="s">
        <v>13</v>
      </c>
    </row>
    <row r="56961" spans="1:10" x14ac:dyDescent="0.35">
      <c r="A56961" s="1" t="s">
        <v>29437</v>
      </c>
      <c r="B56961" s="1" t="s">
        <v>187129</v>
      </c>
      <c r="C56961" s="1" t="s">
        <v>15</v>
      </c>
      <c r="D56961" s="1" t="s">
        <v>73863</v>
      </c>
      <c r="E56961" s="1" t="s">
        <v>191582</v>
      </c>
      <c r="F56961" s="1" t="s">
        <v>191583</v>
      </c>
      <c r="G56961" s="1" t="s">
        <v>191580</v>
      </c>
      <c r="H56961" s="1" t="s">
        <v>191581</v>
      </c>
      <c r="I56961" s="1" t="s">
        <v>187135</v>
      </c>
      <c r="J56961" s="1" t="s">
        <v>191584</v>
      </c>
    </row>
    <row r="56962" spans="1:10" x14ac:dyDescent="0.35">
      <c r="A56962" s="1" t="s">
        <v>29437</v>
      </c>
      <c r="B56962" s="1" t="s">
        <v>187129</v>
      </c>
      <c r="C56962" s="1" t="s">
        <v>20</v>
      </c>
      <c r="D56962" s="1" t="s">
        <v>125408</v>
      </c>
      <c r="E56962" s="1" t="s">
        <v>191585</v>
      </c>
      <c r="F56962" s="1" t="s">
        <v>191586</v>
      </c>
      <c r="G56962" s="1" t="s">
        <v>191580</v>
      </c>
      <c r="H56962" s="1" t="s">
        <v>191581</v>
      </c>
      <c r="I56962" s="1" t="s">
        <v>187135</v>
      </c>
      <c r="J56962" s="1" t="s">
        <v>191587</v>
      </c>
    </row>
    <row r="56963" spans="1:10" x14ac:dyDescent="0.35">
      <c r="A56963" s="1" t="s">
        <v>29437</v>
      </c>
      <c r="B56963" s="1" t="s">
        <v>187129</v>
      </c>
      <c r="C56963" s="1" t="s">
        <v>25</v>
      </c>
      <c r="D56963" s="1" t="s">
        <v>181488</v>
      </c>
      <c r="E56963" s="1" t="s">
        <v>191588</v>
      </c>
      <c r="F56963" s="1" t="s">
        <v>191589</v>
      </c>
      <c r="G56963" s="1" t="s">
        <v>191580</v>
      </c>
      <c r="H56963" s="1" t="s">
        <v>191581</v>
      </c>
      <c r="I56963" s="1" t="s">
        <v>187135</v>
      </c>
      <c r="J56963" s="1" t="s">
        <v>191590</v>
      </c>
    </row>
    <row r="56964" spans="1:10" x14ac:dyDescent="0.35">
      <c r="A56964" s="1" t="s">
        <v>29437</v>
      </c>
      <c r="B56964" s="1" t="s">
        <v>187129</v>
      </c>
      <c r="C56964" s="1" t="s">
        <v>30</v>
      </c>
      <c r="D56964" s="1" t="s">
        <v>191591</v>
      </c>
      <c r="E56964" s="1" t="s">
        <v>191592</v>
      </c>
      <c r="F56964" s="1" t="s">
        <v>191593</v>
      </c>
      <c r="G56964" s="1" t="s">
        <v>191580</v>
      </c>
      <c r="H56964" s="1" t="s">
        <v>191581</v>
      </c>
      <c r="I56964" s="1" t="s">
        <v>187135</v>
      </c>
      <c r="J56964" s="1" t="s">
        <v>191594</v>
      </c>
    </row>
    <row r="56965" spans="1:10" x14ac:dyDescent="0.35">
      <c r="A56965" s="1" t="s">
        <v>29437</v>
      </c>
      <c r="B56965" s="1" t="s">
        <v>187129</v>
      </c>
      <c r="C56965" s="1" t="s">
        <v>35</v>
      </c>
      <c r="D56965" s="1" t="s">
        <v>34477</v>
      </c>
      <c r="E56965" s="1" t="s">
        <v>191595</v>
      </c>
      <c r="F56965" s="1" t="s">
        <v>191596</v>
      </c>
      <c r="G56965" s="1" t="s">
        <v>191580</v>
      </c>
      <c r="H56965" s="1" t="s">
        <v>191581</v>
      </c>
      <c r="I56965" s="1" t="s">
        <v>187135</v>
      </c>
      <c r="J56965" s="1" t="s">
        <v>191597</v>
      </c>
    </row>
    <row r="56966" spans="1:10" x14ac:dyDescent="0.35">
      <c r="A56966" s="1" t="s">
        <v>29437</v>
      </c>
      <c r="B56966" s="1" t="s">
        <v>187129</v>
      </c>
      <c r="C56966" s="1" t="s">
        <v>40</v>
      </c>
      <c r="D56966" s="1" t="s">
        <v>44172</v>
      </c>
      <c r="E56966" s="1" t="s">
        <v>191598</v>
      </c>
      <c r="F56966" s="1" t="s">
        <v>191599</v>
      </c>
      <c r="G56966" s="1" t="s">
        <v>191580</v>
      </c>
      <c r="H56966" s="1" t="s">
        <v>191581</v>
      </c>
      <c r="I56966" s="1" t="s">
        <v>187135</v>
      </c>
      <c r="J56966" s="1" t="s">
        <v>191600</v>
      </c>
    </row>
    <row r="56967" spans="1:10" x14ac:dyDescent="0.35">
      <c r="A56967" s="1" t="s">
        <v>29437</v>
      </c>
      <c r="B56967" s="1" t="s">
        <v>187129</v>
      </c>
      <c r="C56967" s="1" t="s">
        <v>45</v>
      </c>
      <c r="D56967" s="1" t="s">
        <v>28235</v>
      </c>
      <c r="E56967" s="1" t="s">
        <v>191601</v>
      </c>
      <c r="F56967" s="1" t="s">
        <v>191602</v>
      </c>
      <c r="G56967" s="1" t="s">
        <v>191580</v>
      </c>
      <c r="H56967" s="1" t="s">
        <v>191581</v>
      </c>
      <c r="I56967" s="1" t="s">
        <v>187135</v>
      </c>
      <c r="J56967" s="1" t="s">
        <v>191603</v>
      </c>
    </row>
    <row r="56968" spans="1:10" x14ac:dyDescent="0.35">
      <c r="A56968" s="1" t="s">
        <v>29437</v>
      </c>
      <c r="B56968" s="1" t="s">
        <v>187129</v>
      </c>
      <c r="C56968" s="1" t="s">
        <v>50</v>
      </c>
      <c r="D56968" s="1" t="s">
        <v>28232</v>
      </c>
      <c r="E56968" s="1" t="s">
        <v>191604</v>
      </c>
      <c r="F56968" s="1" t="s">
        <v>191605</v>
      </c>
      <c r="G56968" s="1" t="s">
        <v>191580</v>
      </c>
      <c r="H56968" s="1" t="s">
        <v>191581</v>
      </c>
      <c r="I56968" s="1" t="s">
        <v>187135</v>
      </c>
      <c r="J56968" s="1" t="s">
        <v>191606</v>
      </c>
    </row>
    <row r="56969" spans="1:10" x14ac:dyDescent="0.35">
      <c r="A56969" s="1" t="s">
        <v>29437</v>
      </c>
      <c r="B56969" s="1" t="s">
        <v>187129</v>
      </c>
      <c r="C56969" s="1" t="s">
        <v>55</v>
      </c>
      <c r="D56969" s="1" t="s">
        <v>191607</v>
      </c>
      <c r="E56969" s="1" t="s">
        <v>191608</v>
      </c>
      <c r="F56969" s="1" t="s">
        <v>191609</v>
      </c>
      <c r="G56969" s="1" t="s">
        <v>191580</v>
      </c>
      <c r="H56969" s="1" t="s">
        <v>191581</v>
      </c>
      <c r="I56969" s="1" t="s">
        <v>187135</v>
      </c>
      <c r="J56969" s="1" t="s">
        <v>191610</v>
      </c>
    </row>
    <row r="56970" spans="1:10" x14ac:dyDescent="0.35">
      <c r="A56970" s="1" t="s">
        <v>29437</v>
      </c>
      <c r="B56970" s="1" t="s">
        <v>187129</v>
      </c>
      <c r="C56970" s="1" t="s">
        <v>60</v>
      </c>
      <c r="D56970" s="1" t="s">
        <v>29721</v>
      </c>
      <c r="E56970" s="1" t="s">
        <v>191611</v>
      </c>
      <c r="F56970" s="1" t="s">
        <v>191612</v>
      </c>
      <c r="G56970" s="1" t="s">
        <v>191580</v>
      </c>
      <c r="H56970" s="1" t="s">
        <v>191581</v>
      </c>
      <c r="I56970" s="1" t="s">
        <v>187135</v>
      </c>
      <c r="J56970" s="1" t="s">
        <v>191613</v>
      </c>
    </row>
    <row r="56971" spans="1:10" x14ac:dyDescent="0.35">
      <c r="A56971" s="1" t="s">
        <v>29437</v>
      </c>
      <c r="B56971" s="1" t="s">
        <v>187129</v>
      </c>
      <c r="C56971" s="1" t="s">
        <v>65</v>
      </c>
      <c r="D56971" s="1" t="s">
        <v>10923</v>
      </c>
      <c r="E56971" s="1" t="s">
        <v>191614</v>
      </c>
      <c r="F56971" s="1" t="s">
        <v>191615</v>
      </c>
      <c r="G56971" s="1" t="s">
        <v>191580</v>
      </c>
      <c r="H56971" s="1" t="s">
        <v>191581</v>
      </c>
      <c r="I56971" s="1" t="s">
        <v>187135</v>
      </c>
      <c r="J56971" s="1" t="s">
        <v>191616</v>
      </c>
    </row>
    <row r="56972" spans="1:10" x14ac:dyDescent="0.35">
      <c r="A56972" s="1" t="s">
        <v>29437</v>
      </c>
      <c r="B56972" s="1" t="s">
        <v>187129</v>
      </c>
      <c r="C56972" s="1" t="s">
        <v>70</v>
      </c>
      <c r="D56972" s="1" t="s">
        <v>151184</v>
      </c>
      <c r="E56972" s="1" t="s">
        <v>191617</v>
      </c>
      <c r="F56972" s="1" t="s">
        <v>191618</v>
      </c>
      <c r="G56972" s="1" t="s">
        <v>191580</v>
      </c>
      <c r="H56972" s="1" t="s">
        <v>191581</v>
      </c>
      <c r="I56972" s="1" t="s">
        <v>187135</v>
      </c>
      <c r="J56972" s="1" t="s">
        <v>191619</v>
      </c>
    </row>
    <row r="56973" spans="1:10" x14ac:dyDescent="0.35">
      <c r="A56973" s="1" t="s">
        <v>29437</v>
      </c>
      <c r="B56973" s="1" t="s">
        <v>187129</v>
      </c>
      <c r="C56973" s="1" t="s">
        <v>75</v>
      </c>
      <c r="D56973" s="1" t="s">
        <v>181598</v>
      </c>
      <c r="E56973" s="1" t="s">
        <v>191620</v>
      </c>
      <c r="F56973" s="1" t="s">
        <v>191621</v>
      </c>
      <c r="G56973" s="1" t="s">
        <v>191580</v>
      </c>
      <c r="H56973" s="1" t="s">
        <v>191581</v>
      </c>
      <c r="I56973" s="1" t="s">
        <v>187135</v>
      </c>
      <c r="J56973" s="1" t="s">
        <v>191622</v>
      </c>
    </row>
    <row r="56974" spans="1:10" x14ac:dyDescent="0.35">
      <c r="A56974" s="1" t="s">
        <v>29437</v>
      </c>
      <c r="B56974" s="1" t="s">
        <v>187129</v>
      </c>
      <c r="C56974" s="1" t="s">
        <v>80</v>
      </c>
      <c r="D56974" s="1" t="s">
        <v>182120</v>
      </c>
      <c r="E56974" s="1" t="s">
        <v>191623</v>
      </c>
      <c r="F56974" s="1" t="s">
        <v>191624</v>
      </c>
      <c r="G56974" s="1" t="s">
        <v>191580</v>
      </c>
      <c r="H56974" s="1" t="s">
        <v>191581</v>
      </c>
      <c r="I56974" s="1" t="s">
        <v>187135</v>
      </c>
      <c r="J56974" s="1" t="s">
        <v>191625</v>
      </c>
    </row>
    <row r="56975" spans="1:10" x14ac:dyDescent="0.35">
      <c r="A56975" s="1" t="s">
        <v>29437</v>
      </c>
      <c r="B56975" s="1" t="s">
        <v>187129</v>
      </c>
      <c r="C56975" s="1" t="s">
        <v>85</v>
      </c>
      <c r="D56975" s="1" t="s">
        <v>47241</v>
      </c>
      <c r="E56975" s="1" t="s">
        <v>191626</v>
      </c>
      <c r="F56975" s="1" t="s">
        <v>191627</v>
      </c>
      <c r="G56975" s="1" t="s">
        <v>191580</v>
      </c>
      <c r="H56975" s="1" t="s">
        <v>191581</v>
      </c>
      <c r="I56975" s="1" t="s">
        <v>187135</v>
      </c>
      <c r="J56975" s="1" t="s">
        <v>191628</v>
      </c>
    </row>
    <row r="56976" spans="1:10" x14ac:dyDescent="0.35">
      <c r="A56976" s="1" t="s">
        <v>29437</v>
      </c>
      <c r="B56976" s="1" t="s">
        <v>187129</v>
      </c>
      <c r="C56976" s="1" t="s">
        <v>90</v>
      </c>
      <c r="D56976" s="1" t="s">
        <v>191629</v>
      </c>
      <c r="E56976" s="1" t="s">
        <v>191630</v>
      </c>
      <c r="F56976" s="1" t="s">
        <v>191631</v>
      </c>
      <c r="G56976" s="1" t="s">
        <v>191580</v>
      </c>
      <c r="H56976" s="1" t="s">
        <v>191581</v>
      </c>
      <c r="I56976" s="1" t="s">
        <v>187135</v>
      </c>
      <c r="J56976" s="1" t="s">
        <v>191632</v>
      </c>
    </row>
    <row r="56977" spans="1:10" x14ac:dyDescent="0.35">
      <c r="A56977" s="1" t="s">
        <v>29437</v>
      </c>
      <c r="B56977" s="1" t="s">
        <v>187129</v>
      </c>
      <c r="C56977" s="1" t="s">
        <v>95</v>
      </c>
      <c r="D56977" s="1" t="s">
        <v>188789</v>
      </c>
      <c r="E56977" s="1" t="s">
        <v>191633</v>
      </c>
      <c r="F56977" s="1" t="s">
        <v>191634</v>
      </c>
      <c r="G56977" s="1" t="s">
        <v>191580</v>
      </c>
      <c r="H56977" s="1" t="s">
        <v>191581</v>
      </c>
      <c r="I56977" s="1" t="s">
        <v>187135</v>
      </c>
      <c r="J56977" s="1" t="s">
        <v>191635</v>
      </c>
    </row>
    <row r="56978" spans="1:10" x14ac:dyDescent="0.35">
      <c r="A56978" s="1" t="s">
        <v>29437</v>
      </c>
      <c r="B56978" s="1" t="s">
        <v>187129</v>
      </c>
      <c r="C56978" s="1" t="s">
        <v>100</v>
      </c>
      <c r="D56978" s="1" t="s">
        <v>186140</v>
      </c>
      <c r="E56978" s="1" t="s">
        <v>191636</v>
      </c>
      <c r="F56978" s="1" t="s">
        <v>191637</v>
      </c>
      <c r="G56978" s="1" t="s">
        <v>191580</v>
      </c>
      <c r="H56978" s="1" t="s">
        <v>191581</v>
      </c>
      <c r="I56978" s="1" t="s">
        <v>187135</v>
      </c>
      <c r="J56978" s="1" t="s">
        <v>191638</v>
      </c>
    </row>
    <row r="56979" spans="1:10" x14ac:dyDescent="0.35">
      <c r="A56979" s="1" t="s">
        <v>29437</v>
      </c>
      <c r="B56979" s="1" t="s">
        <v>187129</v>
      </c>
      <c r="C56979" s="1" t="s">
        <v>105</v>
      </c>
      <c r="D56979" s="1" t="s">
        <v>191639</v>
      </c>
      <c r="E56979" s="1" t="s">
        <v>191640</v>
      </c>
      <c r="F56979" s="1" t="s">
        <v>191641</v>
      </c>
      <c r="G56979" s="1" t="s">
        <v>191580</v>
      </c>
      <c r="H56979" s="1" t="s">
        <v>191581</v>
      </c>
      <c r="I56979" s="1" t="s">
        <v>187135</v>
      </c>
      <c r="J56979" s="1" t="s">
        <v>191642</v>
      </c>
    </row>
    <row r="56980" spans="1:10" x14ac:dyDescent="0.35">
      <c r="A56980" s="1" t="s">
        <v>29437</v>
      </c>
      <c r="B56980" s="1" t="s">
        <v>187129</v>
      </c>
      <c r="C56980" s="1" t="s">
        <v>110</v>
      </c>
      <c r="D56980" s="1" t="s">
        <v>50377</v>
      </c>
      <c r="E56980" s="1" t="s">
        <v>191643</v>
      </c>
      <c r="F56980" s="1" t="s">
        <v>191644</v>
      </c>
      <c r="G56980" s="1" t="s">
        <v>191580</v>
      </c>
      <c r="H56980" s="1" t="s">
        <v>191581</v>
      </c>
      <c r="I56980" s="1" t="s">
        <v>187135</v>
      </c>
      <c r="J56980" s="1" t="s">
        <v>191645</v>
      </c>
    </row>
    <row r="56981" spans="1:10" x14ac:dyDescent="0.35">
      <c r="A56981" s="1" t="s">
        <v>29437</v>
      </c>
      <c r="B56981" s="1" t="s">
        <v>187129</v>
      </c>
      <c r="C56981" s="1" t="s">
        <v>115</v>
      </c>
      <c r="D56981" s="1" t="s">
        <v>188569</v>
      </c>
      <c r="E56981" s="1" t="s">
        <v>191646</v>
      </c>
      <c r="F56981" s="1" t="s">
        <v>191647</v>
      </c>
      <c r="G56981" s="1" t="s">
        <v>191580</v>
      </c>
      <c r="H56981" s="1" t="s">
        <v>191581</v>
      </c>
      <c r="I56981" s="1" t="s">
        <v>187135</v>
      </c>
      <c r="J56981" s="1" t="s">
        <v>191648</v>
      </c>
    </row>
    <row r="56982" spans="1:10" x14ac:dyDescent="0.35">
      <c r="A56982" s="1" t="s">
        <v>29437</v>
      </c>
      <c r="B56982" s="1" t="s">
        <v>187129</v>
      </c>
      <c r="C56982" s="1" t="s">
        <v>120</v>
      </c>
      <c r="D56982" s="1" t="s">
        <v>47388</v>
      </c>
      <c r="E56982" s="1" t="s">
        <v>191649</v>
      </c>
      <c r="F56982" s="1" t="s">
        <v>191650</v>
      </c>
      <c r="G56982" s="1" t="s">
        <v>191580</v>
      </c>
      <c r="H56982" s="1" t="s">
        <v>191581</v>
      </c>
      <c r="I56982" s="1" t="s">
        <v>187135</v>
      </c>
      <c r="J56982" s="1" t="s">
        <v>191651</v>
      </c>
    </row>
    <row r="56983" spans="1:10" x14ac:dyDescent="0.35">
      <c r="A56983" s="1" t="s">
        <v>29437</v>
      </c>
      <c r="B56983" s="1" t="s">
        <v>187129</v>
      </c>
      <c r="C56983" s="1" t="s">
        <v>125</v>
      </c>
      <c r="D56983" s="1" t="s">
        <v>114176</v>
      </c>
      <c r="E56983" s="1" t="s">
        <v>191652</v>
      </c>
      <c r="F56983" s="1" t="s">
        <v>191653</v>
      </c>
      <c r="G56983" s="1" t="s">
        <v>191580</v>
      </c>
      <c r="H56983" s="1" t="s">
        <v>191581</v>
      </c>
      <c r="I56983" s="1" t="s">
        <v>187135</v>
      </c>
      <c r="J56983" s="1" t="s">
        <v>191654</v>
      </c>
    </row>
    <row r="56984" spans="1:10" x14ac:dyDescent="0.35">
      <c r="A56984" s="1" t="s">
        <v>29437</v>
      </c>
      <c r="B56984" s="1" t="s">
        <v>187129</v>
      </c>
      <c r="C56984" s="1" t="s">
        <v>130</v>
      </c>
      <c r="D56984" s="1" t="s">
        <v>13275</v>
      </c>
      <c r="E56984" s="1" t="s">
        <v>191655</v>
      </c>
      <c r="F56984" s="1" t="s">
        <v>191656</v>
      </c>
      <c r="G56984" s="1" t="s">
        <v>191580</v>
      </c>
      <c r="H56984" s="1" t="s">
        <v>191581</v>
      </c>
      <c r="I56984" s="1" t="s">
        <v>187135</v>
      </c>
      <c r="J56984" s="1" t="s">
        <v>191657</v>
      </c>
    </row>
    <row r="56985" spans="1:10" x14ac:dyDescent="0.35">
      <c r="A56985" s="1" t="s">
        <v>29437</v>
      </c>
      <c r="B56985" s="1" t="s">
        <v>187129</v>
      </c>
      <c r="C56985" s="1" t="s">
        <v>135</v>
      </c>
      <c r="D56985" s="1" t="s">
        <v>154675</v>
      </c>
      <c r="E56985" s="1" t="s">
        <v>191658</v>
      </c>
      <c r="F56985" s="1" t="s">
        <v>191659</v>
      </c>
      <c r="G56985" s="1" t="s">
        <v>191580</v>
      </c>
      <c r="H56985" s="1" t="s">
        <v>191581</v>
      </c>
      <c r="I56985" s="1" t="s">
        <v>187135</v>
      </c>
      <c r="J56985" s="1" t="s">
        <v>191660</v>
      </c>
    </row>
    <row r="56986" spans="1:10" x14ac:dyDescent="0.35">
      <c r="A56986" s="1" t="s">
        <v>29437</v>
      </c>
      <c r="B56986" s="1" t="s">
        <v>187129</v>
      </c>
      <c r="C56986" s="1" t="s">
        <v>140</v>
      </c>
      <c r="D56986" s="1" t="s">
        <v>191661</v>
      </c>
      <c r="E56986" s="1" t="s">
        <v>191662</v>
      </c>
      <c r="F56986" s="1" t="s">
        <v>191663</v>
      </c>
      <c r="G56986" s="1" t="s">
        <v>191580</v>
      </c>
      <c r="H56986" s="1" t="s">
        <v>191581</v>
      </c>
      <c r="I56986" s="1" t="s">
        <v>187135</v>
      </c>
      <c r="J56986" s="1" t="s">
        <v>191664</v>
      </c>
    </row>
    <row r="56987" spans="1:10" x14ac:dyDescent="0.35">
      <c r="A56987" s="1" t="s">
        <v>29437</v>
      </c>
      <c r="B56987" s="1" t="s">
        <v>187129</v>
      </c>
      <c r="C56987" s="1" t="s">
        <v>145</v>
      </c>
      <c r="D56987" s="1" t="s">
        <v>74360</v>
      </c>
      <c r="E56987" s="1" t="s">
        <v>191665</v>
      </c>
      <c r="F56987" s="1" t="s">
        <v>191666</v>
      </c>
      <c r="G56987" s="1" t="s">
        <v>191580</v>
      </c>
      <c r="H56987" s="1" t="s">
        <v>191581</v>
      </c>
      <c r="I56987" s="1" t="s">
        <v>187135</v>
      </c>
      <c r="J56987" s="1" t="s">
        <v>191667</v>
      </c>
    </row>
    <row r="56988" spans="1:10" x14ac:dyDescent="0.35">
      <c r="A56988" s="1" t="s">
        <v>29437</v>
      </c>
      <c r="B56988" s="1" t="s">
        <v>187129</v>
      </c>
      <c r="C56988" s="1" t="s">
        <v>150</v>
      </c>
      <c r="D56988" s="1" t="s">
        <v>191668</v>
      </c>
      <c r="E56988" s="1" t="s">
        <v>191669</v>
      </c>
      <c r="F56988" s="1" t="s">
        <v>191670</v>
      </c>
      <c r="G56988" s="1" t="s">
        <v>191580</v>
      </c>
      <c r="H56988" s="1" t="s">
        <v>191581</v>
      </c>
      <c r="I56988" s="1" t="s">
        <v>187135</v>
      </c>
      <c r="J56988" s="1" t="s">
        <v>191671</v>
      </c>
    </row>
    <row r="56989" spans="1:10" x14ac:dyDescent="0.35">
      <c r="A56989" s="1" t="s">
        <v>29437</v>
      </c>
      <c r="B56989" s="1" t="s">
        <v>187129</v>
      </c>
      <c r="C56989" s="1" t="s">
        <v>155</v>
      </c>
      <c r="D56989" s="1" t="s">
        <v>31876</v>
      </c>
      <c r="E56989" s="1" t="s">
        <v>191672</v>
      </c>
      <c r="F56989" s="1" t="s">
        <v>191673</v>
      </c>
      <c r="G56989" s="1" t="s">
        <v>191580</v>
      </c>
      <c r="H56989" s="1" t="s">
        <v>191581</v>
      </c>
      <c r="I56989" s="1" t="s">
        <v>187135</v>
      </c>
      <c r="J56989" s="1" t="s">
        <v>191674</v>
      </c>
    </row>
    <row r="56990" spans="1:10" x14ac:dyDescent="0.35">
      <c r="A56990" s="1" t="s">
        <v>29437</v>
      </c>
      <c r="B56990" s="1" t="s">
        <v>187129</v>
      </c>
      <c r="C56990" s="1" t="s">
        <v>160</v>
      </c>
      <c r="D56990" s="1" t="s">
        <v>190563</v>
      </c>
      <c r="E56990" s="1" t="s">
        <v>191675</v>
      </c>
      <c r="F56990" s="1" t="s">
        <v>191676</v>
      </c>
      <c r="G56990" s="1" t="s">
        <v>191580</v>
      </c>
      <c r="H56990" s="1" t="s">
        <v>191581</v>
      </c>
      <c r="I56990" s="1" t="s">
        <v>187135</v>
      </c>
      <c r="J56990" s="1" t="s">
        <v>191677</v>
      </c>
    </row>
    <row r="56991" spans="1:10" x14ac:dyDescent="0.35">
      <c r="A56991" s="1" t="s">
        <v>29437</v>
      </c>
      <c r="B56991" s="1" t="s">
        <v>187129</v>
      </c>
      <c r="C56991" s="1" t="s">
        <v>165</v>
      </c>
      <c r="D56991" s="1" t="s">
        <v>191678</v>
      </c>
      <c r="E56991" s="1" t="s">
        <v>191679</v>
      </c>
      <c r="F56991" s="1" t="s">
        <v>191680</v>
      </c>
      <c r="G56991" s="1" t="s">
        <v>191580</v>
      </c>
      <c r="H56991" s="1" t="s">
        <v>191581</v>
      </c>
      <c r="I56991" s="1" t="s">
        <v>187135</v>
      </c>
      <c r="J56991" s="1" t="s">
        <v>191681</v>
      </c>
    </row>
    <row r="56992" spans="1:10" x14ac:dyDescent="0.35">
      <c r="A56992" s="1" t="s">
        <v>29437</v>
      </c>
      <c r="B56992" s="1" t="s">
        <v>187129</v>
      </c>
      <c r="C56992" s="1" t="s">
        <v>170</v>
      </c>
      <c r="D56992" s="1" t="s">
        <v>12413</v>
      </c>
      <c r="E56992" s="1" t="s">
        <v>191682</v>
      </c>
      <c r="F56992" s="1" t="s">
        <v>191683</v>
      </c>
      <c r="G56992" s="1" t="s">
        <v>191580</v>
      </c>
      <c r="H56992" s="1" t="s">
        <v>191581</v>
      </c>
      <c r="I56992" s="1" t="s">
        <v>187135</v>
      </c>
      <c r="J56992" s="1" t="s">
        <v>191684</v>
      </c>
    </row>
    <row r="56993" spans="1:10" x14ac:dyDescent="0.35">
      <c r="A56993" s="1" t="s">
        <v>47401</v>
      </c>
      <c r="B56993" s="1" t="s">
        <v>187129</v>
      </c>
      <c r="C56993" s="1" t="s">
        <v>8</v>
      </c>
      <c r="D56993" s="1" t="s">
        <v>135447</v>
      </c>
      <c r="E56993" s="1" t="s">
        <v>191685</v>
      </c>
      <c r="F56993" s="1" t="s">
        <v>191686</v>
      </c>
      <c r="G56993" s="1" t="s">
        <v>191687</v>
      </c>
      <c r="H56993" s="1" t="s">
        <v>191688</v>
      </c>
      <c r="I56993" s="1" t="s">
        <v>187135</v>
      </c>
      <c r="J56993" s="1" t="s">
        <v>13</v>
      </c>
    </row>
    <row r="56994" spans="1:10" x14ac:dyDescent="0.35">
      <c r="A56994" s="1" t="s">
        <v>47401</v>
      </c>
      <c r="B56994" s="1" t="s">
        <v>187129</v>
      </c>
      <c r="C56994" s="1" t="s">
        <v>15</v>
      </c>
      <c r="D56994" s="1" t="s">
        <v>144845</v>
      </c>
      <c r="E56994" s="1" t="s">
        <v>191689</v>
      </c>
      <c r="F56994" s="1" t="s">
        <v>191690</v>
      </c>
      <c r="G56994" s="1" t="s">
        <v>191687</v>
      </c>
      <c r="H56994" s="1" t="s">
        <v>191688</v>
      </c>
      <c r="I56994" s="1" t="s">
        <v>187135</v>
      </c>
      <c r="J56994" s="1" t="s">
        <v>191691</v>
      </c>
    </row>
    <row r="56995" spans="1:10" x14ac:dyDescent="0.35">
      <c r="A56995" s="1" t="s">
        <v>47401</v>
      </c>
      <c r="B56995" s="1" t="s">
        <v>187129</v>
      </c>
      <c r="C56995" s="1" t="s">
        <v>20</v>
      </c>
      <c r="D56995" s="1" t="s">
        <v>124356</v>
      </c>
      <c r="E56995" s="1" t="s">
        <v>191692</v>
      </c>
      <c r="F56995" s="1" t="s">
        <v>191693</v>
      </c>
      <c r="G56995" s="1" t="s">
        <v>191687</v>
      </c>
      <c r="H56995" s="1" t="s">
        <v>191688</v>
      </c>
      <c r="I56995" s="1" t="s">
        <v>187135</v>
      </c>
      <c r="J56995" s="1" t="s">
        <v>191694</v>
      </c>
    </row>
    <row r="56996" spans="1:10" x14ac:dyDescent="0.35">
      <c r="A56996" s="1" t="s">
        <v>47401</v>
      </c>
      <c r="B56996" s="1" t="s">
        <v>187129</v>
      </c>
      <c r="C56996" s="1" t="s">
        <v>25</v>
      </c>
      <c r="D56996" s="1" t="s">
        <v>49787</v>
      </c>
      <c r="E56996" s="1" t="s">
        <v>191695</v>
      </c>
      <c r="F56996" s="1" t="s">
        <v>191696</v>
      </c>
      <c r="G56996" s="1" t="s">
        <v>191687</v>
      </c>
      <c r="H56996" s="1" t="s">
        <v>191688</v>
      </c>
      <c r="I56996" s="1" t="s">
        <v>187135</v>
      </c>
      <c r="J56996" s="1" t="s">
        <v>191697</v>
      </c>
    </row>
    <row r="56997" spans="1:10" x14ac:dyDescent="0.35">
      <c r="A56997" s="1" t="s">
        <v>47401</v>
      </c>
      <c r="B56997" s="1" t="s">
        <v>187129</v>
      </c>
      <c r="C56997" s="1" t="s">
        <v>30</v>
      </c>
      <c r="D56997" s="1" t="s">
        <v>191698</v>
      </c>
      <c r="E56997" s="1" t="s">
        <v>191699</v>
      </c>
      <c r="F56997" s="1" t="s">
        <v>191700</v>
      </c>
      <c r="G56997" s="1" t="s">
        <v>191687</v>
      </c>
      <c r="H56997" s="1" t="s">
        <v>191688</v>
      </c>
      <c r="I56997" s="1" t="s">
        <v>187135</v>
      </c>
      <c r="J56997" s="1" t="s">
        <v>191701</v>
      </c>
    </row>
    <row r="56998" spans="1:10" x14ac:dyDescent="0.35">
      <c r="A56998" s="1" t="s">
        <v>47401</v>
      </c>
      <c r="B56998" s="1" t="s">
        <v>187129</v>
      </c>
      <c r="C56998" s="1" t="s">
        <v>35</v>
      </c>
      <c r="D56998" s="1" t="s">
        <v>48614</v>
      </c>
      <c r="E56998" s="1" t="s">
        <v>191702</v>
      </c>
      <c r="F56998" s="1" t="s">
        <v>191703</v>
      </c>
      <c r="G56998" s="1" t="s">
        <v>191687</v>
      </c>
      <c r="H56998" s="1" t="s">
        <v>191688</v>
      </c>
      <c r="I56998" s="1" t="s">
        <v>187135</v>
      </c>
      <c r="J56998" s="1" t="s">
        <v>191704</v>
      </c>
    </row>
    <row r="56999" spans="1:10" x14ac:dyDescent="0.35">
      <c r="A56999" s="1" t="s">
        <v>47401</v>
      </c>
      <c r="B56999" s="1" t="s">
        <v>187129</v>
      </c>
      <c r="C56999" s="1" t="s">
        <v>40</v>
      </c>
      <c r="D56999" s="1" t="s">
        <v>191705</v>
      </c>
      <c r="E56999" s="1" t="s">
        <v>191706</v>
      </c>
      <c r="F56999" s="1" t="s">
        <v>191707</v>
      </c>
      <c r="G56999" s="1" t="s">
        <v>191687</v>
      </c>
      <c r="H56999" s="1" t="s">
        <v>191688</v>
      </c>
      <c r="I56999" s="1" t="s">
        <v>187135</v>
      </c>
      <c r="J56999" s="1" t="s">
        <v>191708</v>
      </c>
    </row>
    <row r="57000" spans="1:10" x14ac:dyDescent="0.35">
      <c r="A57000" s="1" t="s">
        <v>47401</v>
      </c>
      <c r="B57000" s="1" t="s">
        <v>187129</v>
      </c>
      <c r="C57000" s="1" t="s">
        <v>45</v>
      </c>
      <c r="D57000" s="1" t="s">
        <v>141098</v>
      </c>
      <c r="E57000" s="1" t="s">
        <v>191709</v>
      </c>
      <c r="F57000" s="1" t="s">
        <v>191710</v>
      </c>
      <c r="G57000" s="1" t="s">
        <v>191687</v>
      </c>
      <c r="H57000" s="1" t="s">
        <v>191688</v>
      </c>
      <c r="I57000" s="1" t="s">
        <v>187135</v>
      </c>
      <c r="J57000" s="1" t="s">
        <v>191711</v>
      </c>
    </row>
    <row r="57001" spans="1:10" x14ac:dyDescent="0.35">
      <c r="A57001" s="1" t="s">
        <v>47401</v>
      </c>
      <c r="B57001" s="1" t="s">
        <v>187129</v>
      </c>
      <c r="C57001" s="1" t="s">
        <v>50</v>
      </c>
      <c r="D57001" s="1" t="s">
        <v>191712</v>
      </c>
      <c r="E57001" s="1" t="s">
        <v>191713</v>
      </c>
      <c r="F57001" s="1" t="s">
        <v>191714</v>
      </c>
      <c r="G57001" s="1" t="s">
        <v>191687</v>
      </c>
      <c r="H57001" s="1" t="s">
        <v>191688</v>
      </c>
      <c r="I57001" s="1" t="s">
        <v>187135</v>
      </c>
      <c r="J57001" s="1" t="s">
        <v>191715</v>
      </c>
    </row>
    <row r="57002" spans="1:10" x14ac:dyDescent="0.35">
      <c r="A57002" s="1" t="s">
        <v>47401</v>
      </c>
      <c r="B57002" s="1" t="s">
        <v>187129</v>
      </c>
      <c r="C57002" s="1" t="s">
        <v>55</v>
      </c>
      <c r="D57002" s="1" t="s">
        <v>33749</v>
      </c>
      <c r="E57002" s="1" t="s">
        <v>191716</v>
      </c>
      <c r="F57002" s="1" t="s">
        <v>191717</v>
      </c>
      <c r="G57002" s="1" t="s">
        <v>191687</v>
      </c>
      <c r="H57002" s="1" t="s">
        <v>191688</v>
      </c>
      <c r="I57002" s="1" t="s">
        <v>187135</v>
      </c>
      <c r="J57002" s="1" t="s">
        <v>191718</v>
      </c>
    </row>
    <row r="57003" spans="1:10" x14ac:dyDescent="0.35">
      <c r="A57003" s="1" t="s">
        <v>47401</v>
      </c>
      <c r="B57003" s="1" t="s">
        <v>187129</v>
      </c>
      <c r="C57003" s="1" t="s">
        <v>60</v>
      </c>
      <c r="D57003" s="1" t="s">
        <v>70918</v>
      </c>
      <c r="E57003" s="1" t="s">
        <v>191719</v>
      </c>
      <c r="F57003" s="1" t="s">
        <v>191720</v>
      </c>
      <c r="G57003" s="1" t="s">
        <v>191687</v>
      </c>
      <c r="H57003" s="1" t="s">
        <v>191688</v>
      </c>
      <c r="I57003" s="1" t="s">
        <v>187135</v>
      </c>
      <c r="J57003" s="1" t="s">
        <v>191721</v>
      </c>
    </row>
    <row r="57004" spans="1:10" x14ac:dyDescent="0.35">
      <c r="A57004" s="1" t="s">
        <v>47401</v>
      </c>
      <c r="B57004" s="1" t="s">
        <v>187129</v>
      </c>
      <c r="C57004" s="1" t="s">
        <v>65</v>
      </c>
      <c r="D57004" s="1" t="s">
        <v>14813</v>
      </c>
      <c r="E57004" s="1" t="s">
        <v>191722</v>
      </c>
      <c r="F57004" s="1" t="s">
        <v>191723</v>
      </c>
      <c r="G57004" s="1" t="s">
        <v>191687</v>
      </c>
      <c r="H57004" s="1" t="s">
        <v>191688</v>
      </c>
      <c r="I57004" s="1" t="s">
        <v>187135</v>
      </c>
      <c r="J57004" s="1" t="s">
        <v>191724</v>
      </c>
    </row>
    <row r="57005" spans="1:10" x14ac:dyDescent="0.35">
      <c r="A57005" s="1" t="s">
        <v>47401</v>
      </c>
      <c r="B57005" s="1" t="s">
        <v>187129</v>
      </c>
      <c r="C57005" s="1" t="s">
        <v>70</v>
      </c>
      <c r="D57005" s="1" t="s">
        <v>191725</v>
      </c>
      <c r="E57005" s="1" t="s">
        <v>191726</v>
      </c>
      <c r="F57005" s="1" t="s">
        <v>191727</v>
      </c>
      <c r="G57005" s="1" t="s">
        <v>191687</v>
      </c>
      <c r="H57005" s="1" t="s">
        <v>191688</v>
      </c>
      <c r="I57005" s="1" t="s">
        <v>187135</v>
      </c>
      <c r="J57005" s="1" t="s">
        <v>191728</v>
      </c>
    </row>
    <row r="57006" spans="1:10" x14ac:dyDescent="0.35">
      <c r="A57006" s="1" t="s">
        <v>47401</v>
      </c>
      <c r="B57006" s="1" t="s">
        <v>187129</v>
      </c>
      <c r="C57006" s="1" t="s">
        <v>75</v>
      </c>
      <c r="D57006" s="1" t="s">
        <v>32821</v>
      </c>
      <c r="E57006" s="1" t="s">
        <v>191729</v>
      </c>
      <c r="F57006" s="1" t="s">
        <v>191730</v>
      </c>
      <c r="G57006" s="1" t="s">
        <v>191687</v>
      </c>
      <c r="H57006" s="1" t="s">
        <v>191688</v>
      </c>
      <c r="I57006" s="1" t="s">
        <v>187135</v>
      </c>
      <c r="J57006" s="1" t="s">
        <v>191731</v>
      </c>
    </row>
    <row r="57007" spans="1:10" x14ac:dyDescent="0.35">
      <c r="A57007" s="1" t="s">
        <v>47401</v>
      </c>
      <c r="B57007" s="1" t="s">
        <v>187129</v>
      </c>
      <c r="C57007" s="1" t="s">
        <v>80</v>
      </c>
      <c r="D57007" s="1" t="s">
        <v>73452</v>
      </c>
      <c r="E57007" s="1" t="s">
        <v>191732</v>
      </c>
      <c r="F57007" s="1" t="s">
        <v>191733</v>
      </c>
      <c r="G57007" s="1" t="s">
        <v>191687</v>
      </c>
      <c r="H57007" s="1" t="s">
        <v>191688</v>
      </c>
      <c r="I57007" s="1" t="s">
        <v>187135</v>
      </c>
      <c r="J57007" s="1" t="s">
        <v>191734</v>
      </c>
    </row>
    <row r="57008" spans="1:10" x14ac:dyDescent="0.35">
      <c r="A57008" s="1" t="s">
        <v>47401</v>
      </c>
      <c r="B57008" s="1" t="s">
        <v>187129</v>
      </c>
      <c r="C57008" s="1" t="s">
        <v>85</v>
      </c>
      <c r="D57008" s="1" t="s">
        <v>50536</v>
      </c>
      <c r="E57008" s="1" t="s">
        <v>191735</v>
      </c>
      <c r="F57008" s="1" t="s">
        <v>191736</v>
      </c>
      <c r="G57008" s="1" t="s">
        <v>191687</v>
      </c>
      <c r="H57008" s="1" t="s">
        <v>191688</v>
      </c>
      <c r="I57008" s="1" t="s">
        <v>187135</v>
      </c>
      <c r="J57008" s="1" t="s">
        <v>191737</v>
      </c>
    </row>
    <row r="57009" spans="1:10" x14ac:dyDescent="0.35">
      <c r="A57009" s="1" t="s">
        <v>47401</v>
      </c>
      <c r="B57009" s="1" t="s">
        <v>187129</v>
      </c>
      <c r="C57009" s="1" t="s">
        <v>90</v>
      </c>
      <c r="D57009" s="1" t="s">
        <v>191738</v>
      </c>
      <c r="E57009" s="1" t="s">
        <v>191739</v>
      </c>
      <c r="F57009" s="1" t="s">
        <v>191740</v>
      </c>
      <c r="G57009" s="1" t="s">
        <v>191687</v>
      </c>
      <c r="H57009" s="1" t="s">
        <v>191688</v>
      </c>
      <c r="I57009" s="1" t="s">
        <v>187135</v>
      </c>
      <c r="J57009" s="1" t="s">
        <v>191741</v>
      </c>
    </row>
    <row r="57010" spans="1:10" x14ac:dyDescent="0.35">
      <c r="A57010" s="1" t="s">
        <v>47401</v>
      </c>
      <c r="B57010" s="1" t="s">
        <v>187129</v>
      </c>
      <c r="C57010" s="1" t="s">
        <v>95</v>
      </c>
      <c r="D57010" s="1" t="s">
        <v>191742</v>
      </c>
      <c r="E57010" s="1" t="s">
        <v>191743</v>
      </c>
      <c r="F57010" s="1" t="s">
        <v>191744</v>
      </c>
      <c r="G57010" s="1" t="s">
        <v>191687</v>
      </c>
      <c r="H57010" s="1" t="s">
        <v>191688</v>
      </c>
      <c r="I57010" s="1" t="s">
        <v>187135</v>
      </c>
      <c r="J57010" s="1" t="s">
        <v>191745</v>
      </c>
    </row>
    <row r="57011" spans="1:10" x14ac:dyDescent="0.35">
      <c r="A57011" s="1" t="s">
        <v>47401</v>
      </c>
      <c r="B57011" s="1" t="s">
        <v>187129</v>
      </c>
      <c r="C57011" s="1" t="s">
        <v>100</v>
      </c>
      <c r="D57011" s="1" t="s">
        <v>135051</v>
      </c>
      <c r="E57011" s="1" t="s">
        <v>191746</v>
      </c>
      <c r="F57011" s="1" t="s">
        <v>191747</v>
      </c>
      <c r="G57011" s="1" t="s">
        <v>191687</v>
      </c>
      <c r="H57011" s="1" t="s">
        <v>191688</v>
      </c>
      <c r="I57011" s="1" t="s">
        <v>187135</v>
      </c>
      <c r="J57011" s="1" t="s">
        <v>191748</v>
      </c>
    </row>
    <row r="57012" spans="1:10" x14ac:dyDescent="0.35">
      <c r="A57012" s="1" t="s">
        <v>47401</v>
      </c>
      <c r="B57012" s="1" t="s">
        <v>187129</v>
      </c>
      <c r="C57012" s="1" t="s">
        <v>105</v>
      </c>
      <c r="D57012" s="1" t="s">
        <v>151244</v>
      </c>
      <c r="E57012" s="1" t="s">
        <v>191749</v>
      </c>
      <c r="F57012" s="1" t="s">
        <v>191750</v>
      </c>
      <c r="G57012" s="1" t="s">
        <v>191687</v>
      </c>
      <c r="H57012" s="1" t="s">
        <v>191688</v>
      </c>
      <c r="I57012" s="1" t="s">
        <v>187135</v>
      </c>
      <c r="J57012" s="1" t="s">
        <v>191751</v>
      </c>
    </row>
    <row r="57013" spans="1:10" x14ac:dyDescent="0.35">
      <c r="A57013" s="1" t="s">
        <v>47401</v>
      </c>
      <c r="B57013" s="1" t="s">
        <v>187129</v>
      </c>
      <c r="C57013" s="1" t="s">
        <v>110</v>
      </c>
      <c r="D57013" s="1" t="s">
        <v>114607</v>
      </c>
      <c r="E57013" s="1" t="s">
        <v>191752</v>
      </c>
      <c r="F57013" s="1" t="s">
        <v>191753</v>
      </c>
      <c r="G57013" s="1" t="s">
        <v>191687</v>
      </c>
      <c r="H57013" s="1" t="s">
        <v>191688</v>
      </c>
      <c r="I57013" s="1" t="s">
        <v>187135</v>
      </c>
      <c r="J57013" s="1" t="s">
        <v>191754</v>
      </c>
    </row>
    <row r="57014" spans="1:10" x14ac:dyDescent="0.35">
      <c r="A57014" s="1" t="s">
        <v>47401</v>
      </c>
      <c r="B57014" s="1" t="s">
        <v>187129</v>
      </c>
      <c r="C57014" s="1" t="s">
        <v>115</v>
      </c>
      <c r="D57014" s="1" t="s">
        <v>18526</v>
      </c>
      <c r="E57014" s="1" t="s">
        <v>191755</v>
      </c>
      <c r="F57014" s="1" t="s">
        <v>191756</v>
      </c>
      <c r="G57014" s="1" t="s">
        <v>191687</v>
      </c>
      <c r="H57014" s="1" t="s">
        <v>191688</v>
      </c>
      <c r="I57014" s="1" t="s">
        <v>187135</v>
      </c>
      <c r="J57014" s="1" t="s">
        <v>191757</v>
      </c>
    </row>
    <row r="57015" spans="1:10" x14ac:dyDescent="0.35">
      <c r="A57015" s="1" t="s">
        <v>47401</v>
      </c>
      <c r="B57015" s="1" t="s">
        <v>187129</v>
      </c>
      <c r="C57015" s="1" t="s">
        <v>120</v>
      </c>
      <c r="D57015" s="1" t="s">
        <v>32681</v>
      </c>
      <c r="E57015" s="1" t="s">
        <v>191758</v>
      </c>
      <c r="F57015" s="1" t="s">
        <v>191759</v>
      </c>
      <c r="G57015" s="1" t="s">
        <v>191687</v>
      </c>
      <c r="H57015" s="1" t="s">
        <v>191688</v>
      </c>
      <c r="I57015" s="1" t="s">
        <v>187135</v>
      </c>
      <c r="J57015" s="1" t="s">
        <v>191760</v>
      </c>
    </row>
    <row r="57016" spans="1:10" x14ac:dyDescent="0.35">
      <c r="A57016" s="1" t="s">
        <v>47401</v>
      </c>
      <c r="B57016" s="1" t="s">
        <v>187129</v>
      </c>
      <c r="C57016" s="1" t="s">
        <v>125</v>
      </c>
      <c r="D57016" s="1" t="s">
        <v>191761</v>
      </c>
      <c r="E57016" s="1" t="s">
        <v>191762</v>
      </c>
      <c r="F57016" s="1" t="s">
        <v>191763</v>
      </c>
      <c r="G57016" s="1" t="s">
        <v>191687</v>
      </c>
      <c r="H57016" s="1" t="s">
        <v>191688</v>
      </c>
      <c r="I57016" s="1" t="s">
        <v>187135</v>
      </c>
      <c r="J57016" s="1" t="s">
        <v>191764</v>
      </c>
    </row>
    <row r="57017" spans="1:10" x14ac:dyDescent="0.35">
      <c r="A57017" s="1" t="s">
        <v>47401</v>
      </c>
      <c r="B57017" s="1" t="s">
        <v>187129</v>
      </c>
      <c r="C57017" s="1" t="s">
        <v>130</v>
      </c>
      <c r="D57017" s="1" t="s">
        <v>82897</v>
      </c>
      <c r="E57017" s="1" t="s">
        <v>191765</v>
      </c>
      <c r="F57017" s="1" t="s">
        <v>191766</v>
      </c>
      <c r="G57017" s="1" t="s">
        <v>191687</v>
      </c>
      <c r="H57017" s="1" t="s">
        <v>191688</v>
      </c>
      <c r="I57017" s="1" t="s">
        <v>187135</v>
      </c>
      <c r="J57017" s="1" t="s">
        <v>191767</v>
      </c>
    </row>
    <row r="57018" spans="1:10" x14ac:dyDescent="0.35">
      <c r="A57018" s="1" t="s">
        <v>47401</v>
      </c>
      <c r="B57018" s="1" t="s">
        <v>187129</v>
      </c>
      <c r="C57018" s="1" t="s">
        <v>135</v>
      </c>
      <c r="D57018" s="1" t="s">
        <v>4229</v>
      </c>
      <c r="E57018" s="1" t="s">
        <v>191768</v>
      </c>
      <c r="F57018" s="1" t="s">
        <v>191769</v>
      </c>
      <c r="G57018" s="1" t="s">
        <v>191687</v>
      </c>
      <c r="H57018" s="1" t="s">
        <v>191688</v>
      </c>
      <c r="I57018" s="1" t="s">
        <v>187135</v>
      </c>
      <c r="J57018" s="1" t="s">
        <v>191770</v>
      </c>
    </row>
    <row r="57019" spans="1:10" x14ac:dyDescent="0.35">
      <c r="A57019" s="1" t="s">
        <v>47401</v>
      </c>
      <c r="B57019" s="1" t="s">
        <v>187129</v>
      </c>
      <c r="C57019" s="1" t="s">
        <v>140</v>
      </c>
      <c r="D57019" s="1" t="s">
        <v>191771</v>
      </c>
      <c r="E57019" s="1" t="s">
        <v>191772</v>
      </c>
      <c r="F57019" s="1" t="s">
        <v>191773</v>
      </c>
      <c r="G57019" s="1" t="s">
        <v>191687</v>
      </c>
      <c r="H57019" s="1" t="s">
        <v>191688</v>
      </c>
      <c r="I57019" s="1" t="s">
        <v>187135</v>
      </c>
      <c r="J57019" s="1" t="s">
        <v>191774</v>
      </c>
    </row>
    <row r="57020" spans="1:10" x14ac:dyDescent="0.35">
      <c r="A57020" s="1" t="s">
        <v>47401</v>
      </c>
      <c r="B57020" s="1" t="s">
        <v>187129</v>
      </c>
      <c r="C57020" s="1" t="s">
        <v>145</v>
      </c>
      <c r="D57020" s="1" t="s">
        <v>160812</v>
      </c>
      <c r="E57020" s="1" t="s">
        <v>191775</v>
      </c>
      <c r="F57020" s="1" t="s">
        <v>191776</v>
      </c>
      <c r="G57020" s="1" t="s">
        <v>191687</v>
      </c>
      <c r="H57020" s="1" t="s">
        <v>191688</v>
      </c>
      <c r="I57020" s="1" t="s">
        <v>187135</v>
      </c>
      <c r="J57020" s="1" t="s">
        <v>191777</v>
      </c>
    </row>
    <row r="57021" spans="1:10" x14ac:dyDescent="0.35">
      <c r="A57021" s="1" t="s">
        <v>47401</v>
      </c>
      <c r="B57021" s="1" t="s">
        <v>187129</v>
      </c>
      <c r="C57021" s="1" t="s">
        <v>150</v>
      </c>
      <c r="D57021" s="1" t="s">
        <v>191778</v>
      </c>
      <c r="E57021" s="1" t="s">
        <v>191779</v>
      </c>
      <c r="F57021" s="1" t="s">
        <v>191780</v>
      </c>
      <c r="G57021" s="1" t="s">
        <v>191687</v>
      </c>
      <c r="H57021" s="1" t="s">
        <v>191688</v>
      </c>
      <c r="I57021" s="1" t="s">
        <v>187135</v>
      </c>
      <c r="J57021" s="1" t="s">
        <v>191781</v>
      </c>
    </row>
    <row r="57022" spans="1:10" x14ac:dyDescent="0.35">
      <c r="A57022" s="1" t="s">
        <v>47401</v>
      </c>
      <c r="B57022" s="1" t="s">
        <v>187129</v>
      </c>
      <c r="C57022" s="1" t="s">
        <v>155</v>
      </c>
      <c r="D57022" s="1" t="s">
        <v>184070</v>
      </c>
      <c r="E57022" s="1" t="s">
        <v>191782</v>
      </c>
      <c r="F57022" s="1" t="s">
        <v>191783</v>
      </c>
      <c r="G57022" s="1" t="s">
        <v>191687</v>
      </c>
      <c r="H57022" s="1" t="s">
        <v>191688</v>
      </c>
      <c r="I57022" s="1" t="s">
        <v>187135</v>
      </c>
      <c r="J57022" s="1" t="s">
        <v>191784</v>
      </c>
    </row>
    <row r="57023" spans="1:10" x14ac:dyDescent="0.35">
      <c r="A57023" s="1" t="s">
        <v>47401</v>
      </c>
      <c r="B57023" s="1" t="s">
        <v>187129</v>
      </c>
      <c r="C57023" s="1" t="s">
        <v>160</v>
      </c>
      <c r="D57023" s="1" t="s">
        <v>191785</v>
      </c>
      <c r="E57023" s="1" t="s">
        <v>191786</v>
      </c>
      <c r="F57023" s="1" t="s">
        <v>191787</v>
      </c>
      <c r="G57023" s="1" t="s">
        <v>191687</v>
      </c>
      <c r="H57023" s="1" t="s">
        <v>191688</v>
      </c>
      <c r="I57023" s="1" t="s">
        <v>187135</v>
      </c>
      <c r="J57023" s="1" t="s">
        <v>191788</v>
      </c>
    </row>
    <row r="57024" spans="1:10" x14ac:dyDescent="0.35">
      <c r="A57024" s="1" t="s">
        <v>47401</v>
      </c>
      <c r="B57024" s="1" t="s">
        <v>187129</v>
      </c>
      <c r="C57024" s="1" t="s">
        <v>165</v>
      </c>
      <c r="D57024" s="1" t="s">
        <v>142292</v>
      </c>
      <c r="E57024" s="1" t="s">
        <v>191789</v>
      </c>
      <c r="F57024" s="1" t="s">
        <v>191790</v>
      </c>
      <c r="G57024" s="1" t="s">
        <v>191687</v>
      </c>
      <c r="H57024" s="1" t="s">
        <v>191688</v>
      </c>
      <c r="I57024" s="1" t="s">
        <v>187135</v>
      </c>
      <c r="J57024" s="1" t="s">
        <v>191791</v>
      </c>
    </row>
    <row r="57025" spans="1:10" x14ac:dyDescent="0.35">
      <c r="A57025" s="1" t="s">
        <v>47401</v>
      </c>
      <c r="B57025" s="1" t="s">
        <v>187129</v>
      </c>
      <c r="C57025" s="1" t="s">
        <v>170</v>
      </c>
      <c r="D57025" s="1" t="s">
        <v>191792</v>
      </c>
      <c r="E57025" s="1" t="s">
        <v>191793</v>
      </c>
      <c r="F57025" s="1" t="s">
        <v>191794</v>
      </c>
      <c r="G57025" s="1" t="s">
        <v>191687</v>
      </c>
      <c r="H57025" s="1" t="s">
        <v>191688</v>
      </c>
      <c r="I57025" s="1" t="s">
        <v>187135</v>
      </c>
      <c r="J57025" s="1" t="s">
        <v>191795</v>
      </c>
    </row>
    <row r="57026" spans="1:10" x14ac:dyDescent="0.35">
      <c r="A57026" s="1" t="s">
        <v>28763</v>
      </c>
      <c r="B57026" s="1" t="s">
        <v>187129</v>
      </c>
      <c r="C57026" s="1" t="s">
        <v>8</v>
      </c>
      <c r="D57026" s="1" t="s">
        <v>191796</v>
      </c>
      <c r="E57026" s="1" t="s">
        <v>58261</v>
      </c>
      <c r="F57026" s="1" t="s">
        <v>191797</v>
      </c>
      <c r="G57026" s="1" t="s">
        <v>191798</v>
      </c>
      <c r="H57026" s="1" t="s">
        <v>191799</v>
      </c>
      <c r="I57026" s="1" t="s">
        <v>187135</v>
      </c>
      <c r="J57026" s="1" t="s">
        <v>13</v>
      </c>
    </row>
    <row r="57027" spans="1:10" x14ac:dyDescent="0.35">
      <c r="A57027" s="1" t="s">
        <v>28763</v>
      </c>
      <c r="B57027" s="1" t="s">
        <v>187129</v>
      </c>
      <c r="C57027" s="1" t="s">
        <v>15</v>
      </c>
      <c r="D57027" s="1" t="s">
        <v>191800</v>
      </c>
      <c r="E57027" s="1" t="s">
        <v>82617</v>
      </c>
      <c r="F57027" s="1" t="s">
        <v>108963</v>
      </c>
      <c r="G57027" s="1" t="s">
        <v>191798</v>
      </c>
      <c r="H57027" s="1" t="s">
        <v>191799</v>
      </c>
      <c r="I57027" s="1" t="s">
        <v>187135</v>
      </c>
      <c r="J57027" s="1" t="s">
        <v>191801</v>
      </c>
    </row>
    <row r="57028" spans="1:10" x14ac:dyDescent="0.35">
      <c r="A57028" s="1" t="s">
        <v>28763</v>
      </c>
      <c r="B57028" s="1" t="s">
        <v>187129</v>
      </c>
      <c r="C57028" s="1" t="s">
        <v>20</v>
      </c>
      <c r="D57028" s="1" t="s">
        <v>22823</v>
      </c>
      <c r="E57028" s="1" t="s">
        <v>23279</v>
      </c>
      <c r="F57028" s="1" t="s">
        <v>191802</v>
      </c>
      <c r="G57028" s="1" t="s">
        <v>191798</v>
      </c>
      <c r="H57028" s="1" t="s">
        <v>191799</v>
      </c>
      <c r="I57028" s="1" t="s">
        <v>187135</v>
      </c>
      <c r="J57028" s="1" t="s">
        <v>191803</v>
      </c>
    </row>
    <row r="57029" spans="1:10" x14ac:dyDescent="0.35">
      <c r="A57029" s="1" t="s">
        <v>28763</v>
      </c>
      <c r="B57029" s="1" t="s">
        <v>187129</v>
      </c>
      <c r="C57029" s="1" t="s">
        <v>25</v>
      </c>
      <c r="D57029" s="1" t="s">
        <v>191804</v>
      </c>
      <c r="E57029" s="1" t="s">
        <v>191805</v>
      </c>
      <c r="F57029" s="1" t="s">
        <v>56019</v>
      </c>
      <c r="G57029" s="1" t="s">
        <v>191798</v>
      </c>
      <c r="H57029" s="1" t="s">
        <v>191799</v>
      </c>
      <c r="I57029" s="1" t="s">
        <v>187135</v>
      </c>
      <c r="J57029" s="1" t="s">
        <v>191806</v>
      </c>
    </row>
    <row r="57030" spans="1:10" x14ac:dyDescent="0.35">
      <c r="A57030" s="1" t="s">
        <v>28763</v>
      </c>
      <c r="B57030" s="1" t="s">
        <v>187129</v>
      </c>
      <c r="C57030" s="1" t="s">
        <v>30</v>
      </c>
      <c r="D57030" s="1" t="s">
        <v>191807</v>
      </c>
      <c r="E57030" s="1" t="s">
        <v>14627</v>
      </c>
      <c r="F57030" s="1" t="s">
        <v>191808</v>
      </c>
      <c r="G57030" s="1" t="s">
        <v>191798</v>
      </c>
      <c r="H57030" s="1" t="s">
        <v>191799</v>
      </c>
      <c r="I57030" s="1" t="s">
        <v>187135</v>
      </c>
      <c r="J57030" s="1" t="s">
        <v>191809</v>
      </c>
    </row>
    <row r="57031" spans="1:10" x14ac:dyDescent="0.35">
      <c r="A57031" s="1" t="s">
        <v>28763</v>
      </c>
      <c r="B57031" s="1" t="s">
        <v>187129</v>
      </c>
      <c r="C57031" s="1" t="s">
        <v>35</v>
      </c>
      <c r="D57031" s="1" t="s">
        <v>191810</v>
      </c>
      <c r="E57031" s="1" t="s">
        <v>191811</v>
      </c>
      <c r="F57031" s="1" t="s">
        <v>31762</v>
      </c>
      <c r="G57031" s="1" t="s">
        <v>191798</v>
      </c>
      <c r="H57031" s="1" t="s">
        <v>191799</v>
      </c>
      <c r="I57031" s="1" t="s">
        <v>187135</v>
      </c>
      <c r="J57031" s="1" t="s">
        <v>191812</v>
      </c>
    </row>
    <row r="57032" spans="1:10" x14ac:dyDescent="0.35">
      <c r="A57032" s="1" t="s">
        <v>28763</v>
      </c>
      <c r="B57032" s="1" t="s">
        <v>187129</v>
      </c>
      <c r="C57032" s="1" t="s">
        <v>40</v>
      </c>
      <c r="D57032" s="1" t="s">
        <v>191813</v>
      </c>
      <c r="E57032" s="1" t="s">
        <v>21533</v>
      </c>
      <c r="F57032" s="1" t="s">
        <v>191814</v>
      </c>
      <c r="G57032" s="1" t="s">
        <v>191798</v>
      </c>
      <c r="H57032" s="1" t="s">
        <v>191799</v>
      </c>
      <c r="I57032" s="1" t="s">
        <v>187135</v>
      </c>
      <c r="J57032" s="1" t="s">
        <v>191815</v>
      </c>
    </row>
    <row r="57033" spans="1:10" x14ac:dyDescent="0.35">
      <c r="A57033" s="1" t="s">
        <v>28763</v>
      </c>
      <c r="B57033" s="1" t="s">
        <v>187129</v>
      </c>
      <c r="C57033" s="1" t="s">
        <v>45</v>
      </c>
      <c r="D57033" s="1" t="s">
        <v>191816</v>
      </c>
      <c r="E57033" s="1" t="s">
        <v>22400</v>
      </c>
      <c r="F57033" s="1" t="s">
        <v>64984</v>
      </c>
      <c r="G57033" s="1" t="s">
        <v>191798</v>
      </c>
      <c r="H57033" s="1" t="s">
        <v>191799</v>
      </c>
      <c r="I57033" s="1" t="s">
        <v>187135</v>
      </c>
      <c r="J57033" s="1" t="s">
        <v>191817</v>
      </c>
    </row>
    <row r="57034" spans="1:10" x14ac:dyDescent="0.35">
      <c r="A57034" s="1" t="s">
        <v>28763</v>
      </c>
      <c r="B57034" s="1" t="s">
        <v>187129</v>
      </c>
      <c r="C57034" s="1" t="s">
        <v>50</v>
      </c>
      <c r="D57034" s="1" t="s">
        <v>191818</v>
      </c>
      <c r="E57034" s="1" t="s">
        <v>191819</v>
      </c>
      <c r="F57034" s="1" t="s">
        <v>22947</v>
      </c>
      <c r="G57034" s="1" t="s">
        <v>191798</v>
      </c>
      <c r="H57034" s="1" t="s">
        <v>191799</v>
      </c>
      <c r="I57034" s="1" t="s">
        <v>187135</v>
      </c>
      <c r="J57034" s="1" t="s">
        <v>191820</v>
      </c>
    </row>
    <row r="57035" spans="1:10" x14ac:dyDescent="0.35">
      <c r="A57035" s="1" t="s">
        <v>28763</v>
      </c>
      <c r="B57035" s="1" t="s">
        <v>187129</v>
      </c>
      <c r="C57035" s="1" t="s">
        <v>55</v>
      </c>
      <c r="D57035" s="1" t="s">
        <v>191821</v>
      </c>
      <c r="E57035" s="1" t="s">
        <v>191822</v>
      </c>
      <c r="F57035" s="1" t="s">
        <v>191823</v>
      </c>
      <c r="G57035" s="1" t="s">
        <v>191798</v>
      </c>
      <c r="H57035" s="1" t="s">
        <v>191799</v>
      </c>
      <c r="I57035" s="1" t="s">
        <v>187135</v>
      </c>
      <c r="J57035" s="1" t="s">
        <v>191824</v>
      </c>
    </row>
    <row r="57036" spans="1:10" x14ac:dyDescent="0.35">
      <c r="A57036" s="1" t="s">
        <v>28763</v>
      </c>
      <c r="B57036" s="1" t="s">
        <v>187129</v>
      </c>
      <c r="C57036" s="1" t="s">
        <v>60</v>
      </c>
      <c r="D57036" s="1" t="s">
        <v>191825</v>
      </c>
      <c r="E57036" s="1" t="s">
        <v>82919</v>
      </c>
      <c r="F57036" s="1" t="s">
        <v>191826</v>
      </c>
      <c r="G57036" s="1" t="s">
        <v>191798</v>
      </c>
      <c r="H57036" s="1" t="s">
        <v>191799</v>
      </c>
      <c r="I57036" s="1" t="s">
        <v>187135</v>
      </c>
      <c r="J57036" s="1" t="s">
        <v>191827</v>
      </c>
    </row>
    <row r="57037" spans="1:10" x14ac:dyDescent="0.35">
      <c r="A57037" s="1" t="s">
        <v>28763</v>
      </c>
      <c r="B57037" s="1" t="s">
        <v>187129</v>
      </c>
      <c r="C57037" s="1" t="s">
        <v>65</v>
      </c>
      <c r="D57037" s="1" t="s">
        <v>191828</v>
      </c>
      <c r="E57037" s="1" t="s">
        <v>134363</v>
      </c>
      <c r="F57037" s="1" t="s">
        <v>191829</v>
      </c>
      <c r="G57037" s="1" t="s">
        <v>191798</v>
      </c>
      <c r="H57037" s="1" t="s">
        <v>191799</v>
      </c>
      <c r="I57037" s="1" t="s">
        <v>187135</v>
      </c>
      <c r="J57037" s="1" t="s">
        <v>191830</v>
      </c>
    </row>
    <row r="57038" spans="1:10" x14ac:dyDescent="0.35">
      <c r="A57038" s="1" t="s">
        <v>28763</v>
      </c>
      <c r="B57038" s="1" t="s">
        <v>187129</v>
      </c>
      <c r="C57038" s="1" t="s">
        <v>70</v>
      </c>
      <c r="D57038" s="1" t="s">
        <v>191831</v>
      </c>
      <c r="E57038" s="1" t="s">
        <v>23334</v>
      </c>
      <c r="F57038" s="1" t="s">
        <v>191832</v>
      </c>
      <c r="G57038" s="1" t="s">
        <v>191798</v>
      </c>
      <c r="H57038" s="1" t="s">
        <v>191799</v>
      </c>
      <c r="I57038" s="1" t="s">
        <v>187135</v>
      </c>
      <c r="J57038" s="1" t="s">
        <v>191833</v>
      </c>
    </row>
    <row r="57039" spans="1:10" x14ac:dyDescent="0.35">
      <c r="A57039" s="1" t="s">
        <v>28763</v>
      </c>
      <c r="B57039" s="1" t="s">
        <v>187129</v>
      </c>
      <c r="C57039" s="1" t="s">
        <v>75</v>
      </c>
      <c r="D57039" s="1" t="s">
        <v>191834</v>
      </c>
      <c r="E57039" s="1" t="s">
        <v>191835</v>
      </c>
      <c r="F57039" s="1" t="s">
        <v>69118</v>
      </c>
      <c r="G57039" s="1" t="s">
        <v>191798</v>
      </c>
      <c r="H57039" s="1" t="s">
        <v>191799</v>
      </c>
      <c r="I57039" s="1" t="s">
        <v>187135</v>
      </c>
      <c r="J57039" s="1" t="s">
        <v>191836</v>
      </c>
    </row>
    <row r="57040" spans="1:10" x14ac:dyDescent="0.35">
      <c r="A57040" s="1" t="s">
        <v>28763</v>
      </c>
      <c r="B57040" s="1" t="s">
        <v>187129</v>
      </c>
      <c r="C57040" s="1" t="s">
        <v>80</v>
      </c>
      <c r="D57040" s="1" t="s">
        <v>191837</v>
      </c>
      <c r="E57040" s="1" t="s">
        <v>14654</v>
      </c>
      <c r="F57040" s="1" t="s">
        <v>63132</v>
      </c>
      <c r="G57040" s="1" t="s">
        <v>191798</v>
      </c>
      <c r="H57040" s="1" t="s">
        <v>191799</v>
      </c>
      <c r="I57040" s="1" t="s">
        <v>187135</v>
      </c>
      <c r="J57040" s="1" t="s">
        <v>191838</v>
      </c>
    </row>
    <row r="57041" spans="1:10" x14ac:dyDescent="0.35">
      <c r="A57041" s="1" t="s">
        <v>28763</v>
      </c>
      <c r="B57041" s="1" t="s">
        <v>187129</v>
      </c>
      <c r="C57041" s="1" t="s">
        <v>85</v>
      </c>
      <c r="D57041" s="1" t="s">
        <v>191839</v>
      </c>
      <c r="E57041" s="1" t="s">
        <v>191840</v>
      </c>
      <c r="F57041" s="1" t="s">
        <v>101468</v>
      </c>
      <c r="G57041" s="1" t="s">
        <v>191798</v>
      </c>
      <c r="H57041" s="1" t="s">
        <v>191799</v>
      </c>
      <c r="I57041" s="1" t="s">
        <v>187135</v>
      </c>
      <c r="J57041" s="1" t="s">
        <v>191841</v>
      </c>
    </row>
    <row r="57042" spans="1:10" x14ac:dyDescent="0.35">
      <c r="A57042" s="1" t="s">
        <v>28763</v>
      </c>
      <c r="B57042" s="1" t="s">
        <v>187129</v>
      </c>
      <c r="C57042" s="1" t="s">
        <v>90</v>
      </c>
      <c r="D57042" s="1" t="s">
        <v>191842</v>
      </c>
      <c r="E57042" s="1" t="s">
        <v>66346</v>
      </c>
      <c r="F57042" s="1" t="s">
        <v>104050</v>
      </c>
      <c r="G57042" s="1" t="s">
        <v>191798</v>
      </c>
      <c r="H57042" s="1" t="s">
        <v>191799</v>
      </c>
      <c r="I57042" s="1" t="s">
        <v>187135</v>
      </c>
      <c r="J57042" s="1" t="s">
        <v>191843</v>
      </c>
    </row>
    <row r="57043" spans="1:10" x14ac:dyDescent="0.35">
      <c r="A57043" s="1" t="s">
        <v>28763</v>
      </c>
      <c r="B57043" s="1" t="s">
        <v>187129</v>
      </c>
      <c r="C57043" s="1" t="s">
        <v>95</v>
      </c>
      <c r="D57043" s="1" t="s">
        <v>191844</v>
      </c>
      <c r="E57043" s="1" t="s">
        <v>191845</v>
      </c>
      <c r="F57043" s="1" t="s">
        <v>191846</v>
      </c>
      <c r="G57043" s="1" t="s">
        <v>191798</v>
      </c>
      <c r="H57043" s="1" t="s">
        <v>191799</v>
      </c>
      <c r="I57043" s="1" t="s">
        <v>187135</v>
      </c>
      <c r="J57043" s="1" t="s">
        <v>191847</v>
      </c>
    </row>
    <row r="57044" spans="1:10" x14ac:dyDescent="0.35">
      <c r="A57044" s="1" t="s">
        <v>28763</v>
      </c>
      <c r="B57044" s="1" t="s">
        <v>187129</v>
      </c>
      <c r="C57044" s="1" t="s">
        <v>100</v>
      </c>
      <c r="D57044" s="1" t="s">
        <v>191848</v>
      </c>
      <c r="E57044" s="1" t="s">
        <v>82608</v>
      </c>
      <c r="F57044" s="1" t="s">
        <v>191849</v>
      </c>
      <c r="G57044" s="1" t="s">
        <v>191798</v>
      </c>
      <c r="H57044" s="1" t="s">
        <v>191799</v>
      </c>
      <c r="I57044" s="1" t="s">
        <v>187135</v>
      </c>
      <c r="J57044" s="1" t="s">
        <v>191850</v>
      </c>
    </row>
    <row r="57045" spans="1:10" x14ac:dyDescent="0.35">
      <c r="A57045" s="1" t="s">
        <v>28763</v>
      </c>
      <c r="B57045" s="1" t="s">
        <v>187129</v>
      </c>
      <c r="C57045" s="1" t="s">
        <v>105</v>
      </c>
      <c r="D57045" s="1" t="s">
        <v>191851</v>
      </c>
      <c r="E57045" s="1" t="s">
        <v>191852</v>
      </c>
      <c r="F57045" s="1" t="s">
        <v>32995</v>
      </c>
      <c r="G57045" s="1" t="s">
        <v>191798</v>
      </c>
      <c r="H57045" s="1" t="s">
        <v>191799</v>
      </c>
      <c r="I57045" s="1" t="s">
        <v>187135</v>
      </c>
      <c r="J57045" s="1" t="s">
        <v>191853</v>
      </c>
    </row>
    <row r="57046" spans="1:10" x14ac:dyDescent="0.35">
      <c r="A57046" s="1" t="s">
        <v>28763</v>
      </c>
      <c r="B57046" s="1" t="s">
        <v>187129</v>
      </c>
      <c r="C57046" s="1" t="s">
        <v>110</v>
      </c>
      <c r="D57046" s="1" t="s">
        <v>191854</v>
      </c>
      <c r="E57046" s="1" t="s">
        <v>191855</v>
      </c>
      <c r="F57046" s="1" t="s">
        <v>191856</v>
      </c>
      <c r="G57046" s="1" t="s">
        <v>191798</v>
      </c>
      <c r="H57046" s="1" t="s">
        <v>191799</v>
      </c>
      <c r="I57046" s="1" t="s">
        <v>187135</v>
      </c>
      <c r="J57046" s="1" t="s">
        <v>191857</v>
      </c>
    </row>
    <row r="57047" spans="1:10" x14ac:dyDescent="0.35">
      <c r="A57047" s="1" t="s">
        <v>28763</v>
      </c>
      <c r="B57047" s="1" t="s">
        <v>187129</v>
      </c>
      <c r="C57047" s="1" t="s">
        <v>115</v>
      </c>
      <c r="D57047" s="1" t="s">
        <v>191858</v>
      </c>
      <c r="E57047" s="1" t="s">
        <v>24766</v>
      </c>
      <c r="F57047" s="1" t="s">
        <v>54826</v>
      </c>
      <c r="G57047" s="1" t="s">
        <v>191798</v>
      </c>
      <c r="H57047" s="1" t="s">
        <v>191799</v>
      </c>
      <c r="I57047" s="1" t="s">
        <v>187135</v>
      </c>
      <c r="J57047" s="1" t="s">
        <v>191859</v>
      </c>
    </row>
    <row r="57048" spans="1:10" x14ac:dyDescent="0.35">
      <c r="A57048" s="1" t="s">
        <v>28763</v>
      </c>
      <c r="B57048" s="1" t="s">
        <v>187129</v>
      </c>
      <c r="C57048" s="1" t="s">
        <v>120</v>
      </c>
      <c r="D57048" s="1" t="s">
        <v>191860</v>
      </c>
      <c r="E57048" s="1" t="s">
        <v>191861</v>
      </c>
      <c r="F57048" s="1" t="s">
        <v>62974</v>
      </c>
      <c r="G57048" s="1" t="s">
        <v>191798</v>
      </c>
      <c r="H57048" s="1" t="s">
        <v>191799</v>
      </c>
      <c r="I57048" s="1" t="s">
        <v>187135</v>
      </c>
      <c r="J57048" s="1" t="s">
        <v>191862</v>
      </c>
    </row>
    <row r="57049" spans="1:10" x14ac:dyDescent="0.35">
      <c r="A57049" s="1" t="s">
        <v>28763</v>
      </c>
      <c r="B57049" s="1" t="s">
        <v>187129</v>
      </c>
      <c r="C57049" s="1" t="s">
        <v>125</v>
      </c>
      <c r="D57049" s="1" t="s">
        <v>122426</v>
      </c>
      <c r="E57049" s="1" t="s">
        <v>191863</v>
      </c>
      <c r="F57049" s="1" t="s">
        <v>126959</v>
      </c>
      <c r="G57049" s="1" t="s">
        <v>191798</v>
      </c>
      <c r="H57049" s="1" t="s">
        <v>191799</v>
      </c>
      <c r="I57049" s="1" t="s">
        <v>187135</v>
      </c>
      <c r="J57049" s="1" t="s">
        <v>191864</v>
      </c>
    </row>
    <row r="57050" spans="1:10" x14ac:dyDescent="0.35">
      <c r="A57050" s="1" t="s">
        <v>28763</v>
      </c>
      <c r="B57050" s="1" t="s">
        <v>187129</v>
      </c>
      <c r="C57050" s="1" t="s">
        <v>130</v>
      </c>
      <c r="D57050" s="1" t="s">
        <v>191865</v>
      </c>
      <c r="E57050" s="1" t="s">
        <v>191866</v>
      </c>
      <c r="F57050" s="1" t="s">
        <v>191867</v>
      </c>
      <c r="G57050" s="1" t="s">
        <v>191798</v>
      </c>
      <c r="H57050" s="1" t="s">
        <v>191799</v>
      </c>
      <c r="I57050" s="1" t="s">
        <v>187135</v>
      </c>
      <c r="J57050" s="1" t="s">
        <v>191868</v>
      </c>
    </row>
    <row r="57051" spans="1:10" x14ac:dyDescent="0.35">
      <c r="A57051" s="1" t="s">
        <v>28763</v>
      </c>
      <c r="B57051" s="1" t="s">
        <v>187129</v>
      </c>
      <c r="C57051" s="1" t="s">
        <v>135</v>
      </c>
      <c r="D57051" s="1" t="s">
        <v>191869</v>
      </c>
      <c r="E57051" s="1" t="s">
        <v>23026</v>
      </c>
      <c r="F57051" s="1" t="s">
        <v>179943</v>
      </c>
      <c r="G57051" s="1" t="s">
        <v>191798</v>
      </c>
      <c r="H57051" s="1" t="s">
        <v>191799</v>
      </c>
      <c r="I57051" s="1" t="s">
        <v>187135</v>
      </c>
      <c r="J57051" s="1" t="s">
        <v>191870</v>
      </c>
    </row>
    <row r="57052" spans="1:10" x14ac:dyDescent="0.35">
      <c r="A57052" s="1" t="s">
        <v>28763</v>
      </c>
      <c r="B57052" s="1" t="s">
        <v>187129</v>
      </c>
      <c r="C57052" s="1" t="s">
        <v>140</v>
      </c>
      <c r="D57052" s="1" t="s">
        <v>191871</v>
      </c>
      <c r="E57052" s="1" t="s">
        <v>52511</v>
      </c>
      <c r="F57052" s="1" t="s">
        <v>70988</v>
      </c>
      <c r="G57052" s="1" t="s">
        <v>191798</v>
      </c>
      <c r="H57052" s="1" t="s">
        <v>191799</v>
      </c>
      <c r="I57052" s="1" t="s">
        <v>187135</v>
      </c>
      <c r="J57052" s="1" t="s">
        <v>191872</v>
      </c>
    </row>
    <row r="57053" spans="1:10" x14ac:dyDescent="0.35">
      <c r="A57053" s="1" t="s">
        <v>28763</v>
      </c>
      <c r="B57053" s="1" t="s">
        <v>187129</v>
      </c>
      <c r="C57053" s="1" t="s">
        <v>145</v>
      </c>
      <c r="D57053" s="1" t="s">
        <v>127600</v>
      </c>
      <c r="E57053" s="1" t="s">
        <v>23294</v>
      </c>
      <c r="F57053" s="1" t="s">
        <v>133763</v>
      </c>
      <c r="G57053" s="1" t="s">
        <v>191798</v>
      </c>
      <c r="H57053" s="1" t="s">
        <v>191799</v>
      </c>
      <c r="I57053" s="1" t="s">
        <v>187135</v>
      </c>
      <c r="J57053" s="1" t="s">
        <v>191873</v>
      </c>
    </row>
    <row r="57054" spans="1:10" x14ac:dyDescent="0.35">
      <c r="A57054" s="1" t="s">
        <v>28763</v>
      </c>
      <c r="B57054" s="1" t="s">
        <v>187129</v>
      </c>
      <c r="C57054" s="1" t="s">
        <v>150</v>
      </c>
      <c r="D57054" s="1" t="s">
        <v>191874</v>
      </c>
      <c r="E57054" s="1" t="s">
        <v>22457</v>
      </c>
      <c r="F57054" s="1" t="s">
        <v>191875</v>
      </c>
      <c r="G57054" s="1" t="s">
        <v>191798</v>
      </c>
      <c r="H57054" s="1" t="s">
        <v>191799</v>
      </c>
      <c r="I57054" s="1" t="s">
        <v>187135</v>
      </c>
      <c r="J57054" s="1" t="s">
        <v>191876</v>
      </c>
    </row>
    <row r="57055" spans="1:10" x14ac:dyDescent="0.35">
      <c r="A57055" s="1" t="s">
        <v>28763</v>
      </c>
      <c r="B57055" s="1" t="s">
        <v>187129</v>
      </c>
      <c r="C57055" s="1" t="s">
        <v>155</v>
      </c>
      <c r="D57055" s="1" t="s">
        <v>191877</v>
      </c>
      <c r="E57055" s="1" t="s">
        <v>22938</v>
      </c>
      <c r="F57055" s="1" t="s">
        <v>191878</v>
      </c>
      <c r="G57055" s="1" t="s">
        <v>191798</v>
      </c>
      <c r="H57055" s="1" t="s">
        <v>191799</v>
      </c>
      <c r="I57055" s="1" t="s">
        <v>187135</v>
      </c>
      <c r="J57055" s="1" t="s">
        <v>191879</v>
      </c>
    </row>
    <row r="57056" spans="1:10" x14ac:dyDescent="0.35">
      <c r="A57056" s="1" t="s">
        <v>28763</v>
      </c>
      <c r="B57056" s="1" t="s">
        <v>187129</v>
      </c>
      <c r="C57056" s="1" t="s">
        <v>160</v>
      </c>
      <c r="D57056" s="1" t="s">
        <v>191880</v>
      </c>
      <c r="E57056" s="1" t="s">
        <v>98687</v>
      </c>
      <c r="F57056" s="1" t="s">
        <v>55449</v>
      </c>
      <c r="G57056" s="1" t="s">
        <v>191798</v>
      </c>
      <c r="H57056" s="1" t="s">
        <v>191799</v>
      </c>
      <c r="I57056" s="1" t="s">
        <v>187135</v>
      </c>
      <c r="J57056" s="1" t="s">
        <v>191881</v>
      </c>
    </row>
    <row r="57057" spans="1:10" x14ac:dyDescent="0.35">
      <c r="A57057" s="1" t="s">
        <v>28763</v>
      </c>
      <c r="B57057" s="1" t="s">
        <v>187129</v>
      </c>
      <c r="C57057" s="1" t="s">
        <v>165</v>
      </c>
      <c r="D57057" s="1" t="s">
        <v>191882</v>
      </c>
      <c r="E57057" s="1" t="s">
        <v>191883</v>
      </c>
      <c r="F57057" s="1" t="s">
        <v>30691</v>
      </c>
      <c r="G57057" s="1" t="s">
        <v>191798</v>
      </c>
      <c r="H57057" s="1" t="s">
        <v>191799</v>
      </c>
      <c r="I57057" s="1" t="s">
        <v>187135</v>
      </c>
      <c r="J57057" s="1" t="s">
        <v>191884</v>
      </c>
    </row>
    <row r="57058" spans="1:10" x14ac:dyDescent="0.35">
      <c r="A57058" s="1" t="s">
        <v>28763</v>
      </c>
      <c r="B57058" s="1" t="s">
        <v>187129</v>
      </c>
      <c r="C57058" s="1" t="s">
        <v>170</v>
      </c>
      <c r="D57058" s="1" t="s">
        <v>191885</v>
      </c>
      <c r="E57058" s="1" t="s">
        <v>82596</v>
      </c>
      <c r="F57058" s="1" t="s">
        <v>191886</v>
      </c>
      <c r="G57058" s="1" t="s">
        <v>191798</v>
      </c>
      <c r="H57058" s="1" t="s">
        <v>191799</v>
      </c>
      <c r="I57058" s="1" t="s">
        <v>187135</v>
      </c>
      <c r="J57058" s="1" t="s">
        <v>191887</v>
      </c>
    </row>
    <row r="57059" spans="1:10" x14ac:dyDescent="0.35">
      <c r="A57059" s="1" t="s">
        <v>29167</v>
      </c>
      <c r="B57059" s="1" t="s">
        <v>187129</v>
      </c>
      <c r="C57059" s="1" t="s">
        <v>8</v>
      </c>
      <c r="D57059" s="1" t="s">
        <v>113372</v>
      </c>
      <c r="E57059" s="1" t="s">
        <v>191888</v>
      </c>
      <c r="F57059" s="1" t="s">
        <v>191889</v>
      </c>
      <c r="G57059" s="1" t="s">
        <v>191890</v>
      </c>
      <c r="H57059" s="1" t="s">
        <v>191891</v>
      </c>
      <c r="I57059" s="1" t="s">
        <v>187135</v>
      </c>
      <c r="J57059" s="1" t="s">
        <v>13</v>
      </c>
    </row>
    <row r="57060" spans="1:10" x14ac:dyDescent="0.35">
      <c r="A57060" s="1" t="s">
        <v>29167</v>
      </c>
      <c r="B57060" s="1" t="s">
        <v>187129</v>
      </c>
      <c r="C57060" s="1" t="s">
        <v>15</v>
      </c>
      <c r="D57060" s="1" t="s">
        <v>191892</v>
      </c>
      <c r="E57060" s="1" t="s">
        <v>191893</v>
      </c>
      <c r="F57060" s="1" t="s">
        <v>191894</v>
      </c>
      <c r="G57060" s="1" t="s">
        <v>191890</v>
      </c>
      <c r="H57060" s="1" t="s">
        <v>191891</v>
      </c>
      <c r="I57060" s="1" t="s">
        <v>187135</v>
      </c>
      <c r="J57060" s="1" t="s">
        <v>191895</v>
      </c>
    </row>
    <row r="57061" spans="1:10" x14ac:dyDescent="0.35">
      <c r="A57061" s="1" t="s">
        <v>29167</v>
      </c>
      <c r="B57061" s="1" t="s">
        <v>187129</v>
      </c>
      <c r="C57061" s="1" t="s">
        <v>20</v>
      </c>
      <c r="D57061" s="1" t="s">
        <v>191896</v>
      </c>
      <c r="E57061" s="1" t="s">
        <v>191897</v>
      </c>
      <c r="F57061" s="1" t="s">
        <v>191898</v>
      </c>
      <c r="G57061" s="1" t="s">
        <v>191890</v>
      </c>
      <c r="H57061" s="1" t="s">
        <v>191891</v>
      </c>
      <c r="I57061" s="1" t="s">
        <v>187135</v>
      </c>
      <c r="J57061" s="1" t="s">
        <v>191899</v>
      </c>
    </row>
    <row r="57062" spans="1:10" x14ac:dyDescent="0.35">
      <c r="A57062" s="1" t="s">
        <v>29167</v>
      </c>
      <c r="B57062" s="1" t="s">
        <v>187129</v>
      </c>
      <c r="C57062" s="1" t="s">
        <v>25</v>
      </c>
      <c r="D57062" s="1" t="s">
        <v>73044</v>
      </c>
      <c r="E57062" s="1" t="s">
        <v>191900</v>
      </c>
      <c r="F57062" s="1" t="s">
        <v>191901</v>
      </c>
      <c r="G57062" s="1" t="s">
        <v>191890</v>
      </c>
      <c r="H57062" s="1" t="s">
        <v>191891</v>
      </c>
      <c r="I57062" s="1" t="s">
        <v>187135</v>
      </c>
      <c r="J57062" s="1" t="s">
        <v>191902</v>
      </c>
    </row>
    <row r="57063" spans="1:10" x14ac:dyDescent="0.35">
      <c r="A57063" s="1" t="s">
        <v>29167</v>
      </c>
      <c r="B57063" s="1" t="s">
        <v>187129</v>
      </c>
      <c r="C57063" s="1" t="s">
        <v>30</v>
      </c>
      <c r="D57063" s="1" t="s">
        <v>174141</v>
      </c>
      <c r="E57063" s="1" t="s">
        <v>191903</v>
      </c>
      <c r="F57063" s="1" t="s">
        <v>191904</v>
      </c>
      <c r="G57063" s="1" t="s">
        <v>191890</v>
      </c>
      <c r="H57063" s="1" t="s">
        <v>191891</v>
      </c>
      <c r="I57063" s="1" t="s">
        <v>187135</v>
      </c>
      <c r="J57063" s="1" t="s">
        <v>191905</v>
      </c>
    </row>
    <row r="57064" spans="1:10" x14ac:dyDescent="0.35">
      <c r="A57064" s="1" t="s">
        <v>29167</v>
      </c>
      <c r="B57064" s="1" t="s">
        <v>187129</v>
      </c>
      <c r="C57064" s="1" t="s">
        <v>35</v>
      </c>
      <c r="D57064" s="1" t="s">
        <v>191906</v>
      </c>
      <c r="E57064" s="1" t="s">
        <v>191907</v>
      </c>
      <c r="F57064" s="1" t="s">
        <v>191908</v>
      </c>
      <c r="G57064" s="1" t="s">
        <v>191890</v>
      </c>
      <c r="H57064" s="1" t="s">
        <v>191891</v>
      </c>
      <c r="I57064" s="1" t="s">
        <v>187135</v>
      </c>
      <c r="J57064" s="1" t="s">
        <v>191909</v>
      </c>
    </row>
    <row r="57065" spans="1:10" x14ac:dyDescent="0.35">
      <c r="A57065" s="1" t="s">
        <v>29167</v>
      </c>
      <c r="B57065" s="1" t="s">
        <v>187129</v>
      </c>
      <c r="C57065" s="1" t="s">
        <v>40</v>
      </c>
      <c r="D57065" s="1" t="s">
        <v>49908</v>
      </c>
      <c r="E57065" s="1" t="s">
        <v>191910</v>
      </c>
      <c r="F57065" s="1" t="s">
        <v>191911</v>
      </c>
      <c r="G57065" s="1" t="s">
        <v>191890</v>
      </c>
      <c r="H57065" s="1" t="s">
        <v>191891</v>
      </c>
      <c r="I57065" s="1" t="s">
        <v>187135</v>
      </c>
      <c r="J57065" s="1" t="s">
        <v>191912</v>
      </c>
    </row>
    <row r="57066" spans="1:10" x14ac:dyDescent="0.35">
      <c r="A57066" s="1" t="s">
        <v>29167</v>
      </c>
      <c r="B57066" s="1" t="s">
        <v>187129</v>
      </c>
      <c r="C57066" s="1" t="s">
        <v>45</v>
      </c>
      <c r="D57066" s="1" t="s">
        <v>49077</v>
      </c>
      <c r="E57066" s="1" t="s">
        <v>191913</v>
      </c>
      <c r="F57066" s="1" t="s">
        <v>191914</v>
      </c>
      <c r="G57066" s="1" t="s">
        <v>191890</v>
      </c>
      <c r="H57066" s="1" t="s">
        <v>191891</v>
      </c>
      <c r="I57066" s="1" t="s">
        <v>187135</v>
      </c>
      <c r="J57066" s="1" t="s">
        <v>191915</v>
      </c>
    </row>
    <row r="57067" spans="1:10" x14ac:dyDescent="0.35">
      <c r="A57067" s="1" t="s">
        <v>29167</v>
      </c>
      <c r="B57067" s="1" t="s">
        <v>187129</v>
      </c>
      <c r="C57067" s="1" t="s">
        <v>50</v>
      </c>
      <c r="D57067" s="1" t="s">
        <v>172618</v>
      </c>
      <c r="E57067" s="1" t="s">
        <v>191916</v>
      </c>
      <c r="F57067" s="1" t="s">
        <v>191917</v>
      </c>
      <c r="G57067" s="1" t="s">
        <v>191890</v>
      </c>
      <c r="H57067" s="1" t="s">
        <v>191891</v>
      </c>
      <c r="I57067" s="1" t="s">
        <v>187135</v>
      </c>
      <c r="J57067" s="1" t="s">
        <v>191918</v>
      </c>
    </row>
    <row r="57068" spans="1:10" x14ac:dyDescent="0.35">
      <c r="A57068" s="1" t="s">
        <v>29167</v>
      </c>
      <c r="B57068" s="1" t="s">
        <v>187129</v>
      </c>
      <c r="C57068" s="1" t="s">
        <v>55</v>
      </c>
      <c r="D57068" s="1" t="s">
        <v>191919</v>
      </c>
      <c r="E57068" s="1" t="s">
        <v>191920</v>
      </c>
      <c r="F57068" s="1" t="s">
        <v>191921</v>
      </c>
      <c r="G57068" s="1" t="s">
        <v>191890</v>
      </c>
      <c r="H57068" s="1" t="s">
        <v>191891</v>
      </c>
      <c r="I57068" s="1" t="s">
        <v>187135</v>
      </c>
      <c r="J57068" s="1" t="s">
        <v>191922</v>
      </c>
    </row>
    <row r="57069" spans="1:10" x14ac:dyDescent="0.35">
      <c r="A57069" s="1" t="s">
        <v>29167</v>
      </c>
      <c r="B57069" s="1" t="s">
        <v>187129</v>
      </c>
      <c r="C57069" s="1" t="s">
        <v>60</v>
      </c>
      <c r="D57069" s="1" t="s">
        <v>18864</v>
      </c>
      <c r="E57069" s="1" t="s">
        <v>191923</v>
      </c>
      <c r="F57069" s="1" t="s">
        <v>191924</v>
      </c>
      <c r="G57069" s="1" t="s">
        <v>191890</v>
      </c>
      <c r="H57069" s="1" t="s">
        <v>191891</v>
      </c>
      <c r="I57069" s="1" t="s">
        <v>187135</v>
      </c>
      <c r="J57069" s="1" t="s">
        <v>191925</v>
      </c>
    </row>
    <row r="57070" spans="1:10" x14ac:dyDescent="0.35">
      <c r="A57070" s="1" t="s">
        <v>29167</v>
      </c>
      <c r="B57070" s="1" t="s">
        <v>187129</v>
      </c>
      <c r="C57070" s="1" t="s">
        <v>65</v>
      </c>
      <c r="D57070" s="1" t="s">
        <v>83513</v>
      </c>
      <c r="E57070" s="1" t="s">
        <v>191926</v>
      </c>
      <c r="F57070" s="1" t="s">
        <v>191927</v>
      </c>
      <c r="G57070" s="1" t="s">
        <v>191890</v>
      </c>
      <c r="H57070" s="1" t="s">
        <v>191891</v>
      </c>
      <c r="I57070" s="1" t="s">
        <v>187135</v>
      </c>
      <c r="J57070" s="1" t="s">
        <v>191928</v>
      </c>
    </row>
    <row r="57071" spans="1:10" x14ac:dyDescent="0.35">
      <c r="A57071" s="1" t="s">
        <v>29167</v>
      </c>
      <c r="B57071" s="1" t="s">
        <v>187129</v>
      </c>
      <c r="C57071" s="1" t="s">
        <v>70</v>
      </c>
      <c r="D57071" s="1" t="s">
        <v>3048</v>
      </c>
      <c r="E57071" s="1" t="s">
        <v>191929</v>
      </c>
      <c r="F57071" s="1" t="s">
        <v>191930</v>
      </c>
      <c r="G57071" s="1" t="s">
        <v>191890</v>
      </c>
      <c r="H57071" s="1" t="s">
        <v>191891</v>
      </c>
      <c r="I57071" s="1" t="s">
        <v>187135</v>
      </c>
      <c r="J57071" s="1" t="s">
        <v>191931</v>
      </c>
    </row>
    <row r="57072" spans="1:10" x14ac:dyDescent="0.35">
      <c r="A57072" s="1" t="s">
        <v>29167</v>
      </c>
      <c r="B57072" s="1" t="s">
        <v>187129</v>
      </c>
      <c r="C57072" s="1" t="s">
        <v>75</v>
      </c>
      <c r="D57072" s="1" t="s">
        <v>191932</v>
      </c>
      <c r="E57072" s="1" t="s">
        <v>191933</v>
      </c>
      <c r="F57072" s="1" t="s">
        <v>191934</v>
      </c>
      <c r="G57072" s="1" t="s">
        <v>191890</v>
      </c>
      <c r="H57072" s="1" t="s">
        <v>191891</v>
      </c>
      <c r="I57072" s="1" t="s">
        <v>187135</v>
      </c>
      <c r="J57072" s="1" t="s">
        <v>191935</v>
      </c>
    </row>
    <row r="57073" spans="1:10" x14ac:dyDescent="0.35">
      <c r="A57073" s="1" t="s">
        <v>29167</v>
      </c>
      <c r="B57073" s="1" t="s">
        <v>187129</v>
      </c>
      <c r="C57073" s="1" t="s">
        <v>80</v>
      </c>
      <c r="D57073" s="1" t="s">
        <v>33507</v>
      </c>
      <c r="E57073" s="1" t="s">
        <v>191936</v>
      </c>
      <c r="F57073" s="1" t="s">
        <v>191937</v>
      </c>
      <c r="G57073" s="1" t="s">
        <v>191890</v>
      </c>
      <c r="H57073" s="1" t="s">
        <v>191891</v>
      </c>
      <c r="I57073" s="1" t="s">
        <v>187135</v>
      </c>
      <c r="J57073" s="1" t="s">
        <v>191938</v>
      </c>
    </row>
    <row r="57074" spans="1:10" x14ac:dyDescent="0.35">
      <c r="A57074" s="1" t="s">
        <v>29167</v>
      </c>
      <c r="B57074" s="1" t="s">
        <v>187129</v>
      </c>
      <c r="C57074" s="1" t="s">
        <v>85</v>
      </c>
      <c r="D57074" s="1" t="s">
        <v>32647</v>
      </c>
      <c r="E57074" s="1" t="s">
        <v>191939</v>
      </c>
      <c r="F57074" s="1" t="s">
        <v>191940</v>
      </c>
      <c r="G57074" s="1" t="s">
        <v>191890</v>
      </c>
      <c r="H57074" s="1" t="s">
        <v>191891</v>
      </c>
      <c r="I57074" s="1" t="s">
        <v>187135</v>
      </c>
      <c r="J57074" s="1" t="s">
        <v>191941</v>
      </c>
    </row>
    <row r="57075" spans="1:10" x14ac:dyDescent="0.35">
      <c r="A57075" s="1" t="s">
        <v>29167</v>
      </c>
      <c r="B57075" s="1" t="s">
        <v>187129</v>
      </c>
      <c r="C57075" s="1" t="s">
        <v>90</v>
      </c>
      <c r="D57075" s="1" t="s">
        <v>191942</v>
      </c>
      <c r="E57075" s="1" t="s">
        <v>191943</v>
      </c>
      <c r="F57075" s="1" t="s">
        <v>191944</v>
      </c>
      <c r="G57075" s="1" t="s">
        <v>191890</v>
      </c>
      <c r="H57075" s="1" t="s">
        <v>191891</v>
      </c>
      <c r="I57075" s="1" t="s">
        <v>187135</v>
      </c>
      <c r="J57075" s="1" t="s">
        <v>191945</v>
      </c>
    </row>
    <row r="57076" spans="1:10" x14ac:dyDescent="0.35">
      <c r="A57076" s="1" t="s">
        <v>29167</v>
      </c>
      <c r="B57076" s="1" t="s">
        <v>187129</v>
      </c>
      <c r="C57076" s="1" t="s">
        <v>95</v>
      </c>
      <c r="D57076" s="1" t="s">
        <v>53693</v>
      </c>
      <c r="E57076" s="1" t="s">
        <v>191946</v>
      </c>
      <c r="F57076" s="1" t="s">
        <v>191947</v>
      </c>
      <c r="G57076" s="1" t="s">
        <v>191890</v>
      </c>
      <c r="H57076" s="1" t="s">
        <v>191891</v>
      </c>
      <c r="I57076" s="1" t="s">
        <v>187135</v>
      </c>
      <c r="J57076" s="1" t="s">
        <v>191948</v>
      </c>
    </row>
    <row r="57077" spans="1:10" x14ac:dyDescent="0.35">
      <c r="A57077" s="1" t="s">
        <v>29167</v>
      </c>
      <c r="B57077" s="1" t="s">
        <v>187129</v>
      </c>
      <c r="C57077" s="1" t="s">
        <v>100</v>
      </c>
      <c r="D57077" s="1" t="s">
        <v>191949</v>
      </c>
      <c r="E57077" s="1" t="s">
        <v>191950</v>
      </c>
      <c r="F57077" s="1" t="s">
        <v>191951</v>
      </c>
      <c r="G57077" s="1" t="s">
        <v>191890</v>
      </c>
      <c r="H57077" s="1" t="s">
        <v>191891</v>
      </c>
      <c r="I57077" s="1" t="s">
        <v>187135</v>
      </c>
      <c r="J57077" s="1" t="s">
        <v>191952</v>
      </c>
    </row>
    <row r="57078" spans="1:10" x14ac:dyDescent="0.35">
      <c r="A57078" s="1" t="s">
        <v>29167</v>
      </c>
      <c r="B57078" s="1" t="s">
        <v>187129</v>
      </c>
      <c r="C57078" s="1" t="s">
        <v>105</v>
      </c>
      <c r="D57078" s="1" t="s">
        <v>191953</v>
      </c>
      <c r="E57078" s="1" t="s">
        <v>191954</v>
      </c>
      <c r="F57078" s="1" t="s">
        <v>191955</v>
      </c>
      <c r="G57078" s="1" t="s">
        <v>191890</v>
      </c>
      <c r="H57078" s="1" t="s">
        <v>191891</v>
      </c>
      <c r="I57078" s="1" t="s">
        <v>187135</v>
      </c>
      <c r="J57078" s="1" t="s">
        <v>191956</v>
      </c>
    </row>
    <row r="57079" spans="1:10" x14ac:dyDescent="0.35">
      <c r="A57079" s="1" t="s">
        <v>29167</v>
      </c>
      <c r="B57079" s="1" t="s">
        <v>187129</v>
      </c>
      <c r="C57079" s="1" t="s">
        <v>110</v>
      </c>
      <c r="D57079" s="1" t="s">
        <v>100229</v>
      </c>
      <c r="E57079" s="1" t="s">
        <v>191957</v>
      </c>
      <c r="F57079" s="1" t="s">
        <v>191958</v>
      </c>
      <c r="G57079" s="1" t="s">
        <v>191890</v>
      </c>
      <c r="H57079" s="1" t="s">
        <v>191891</v>
      </c>
      <c r="I57079" s="1" t="s">
        <v>187135</v>
      </c>
      <c r="J57079" s="1" t="s">
        <v>191959</v>
      </c>
    </row>
    <row r="57080" spans="1:10" x14ac:dyDescent="0.35">
      <c r="A57080" s="1" t="s">
        <v>29167</v>
      </c>
      <c r="B57080" s="1" t="s">
        <v>187129</v>
      </c>
      <c r="C57080" s="1" t="s">
        <v>115</v>
      </c>
      <c r="D57080" s="1" t="s">
        <v>54760</v>
      </c>
      <c r="E57080" s="1" t="s">
        <v>191960</v>
      </c>
      <c r="F57080" s="1" t="s">
        <v>191961</v>
      </c>
      <c r="G57080" s="1" t="s">
        <v>191890</v>
      </c>
      <c r="H57080" s="1" t="s">
        <v>191891</v>
      </c>
      <c r="I57080" s="1" t="s">
        <v>187135</v>
      </c>
      <c r="J57080" s="1" t="s">
        <v>191962</v>
      </c>
    </row>
    <row r="57081" spans="1:10" x14ac:dyDescent="0.35">
      <c r="A57081" s="1" t="s">
        <v>29167</v>
      </c>
      <c r="B57081" s="1" t="s">
        <v>187129</v>
      </c>
      <c r="C57081" s="1" t="s">
        <v>120</v>
      </c>
      <c r="D57081" s="1" t="s">
        <v>127866</v>
      </c>
      <c r="E57081" s="1" t="s">
        <v>191963</v>
      </c>
      <c r="F57081" s="1" t="s">
        <v>191964</v>
      </c>
      <c r="G57081" s="1" t="s">
        <v>191890</v>
      </c>
      <c r="H57081" s="1" t="s">
        <v>191891</v>
      </c>
      <c r="I57081" s="1" t="s">
        <v>187135</v>
      </c>
      <c r="J57081" s="1" t="s">
        <v>191965</v>
      </c>
    </row>
    <row r="57082" spans="1:10" x14ac:dyDescent="0.35">
      <c r="A57082" s="1" t="s">
        <v>29167</v>
      </c>
      <c r="B57082" s="1" t="s">
        <v>187129</v>
      </c>
      <c r="C57082" s="1" t="s">
        <v>125</v>
      </c>
      <c r="D57082" s="1" t="s">
        <v>105267</v>
      </c>
      <c r="E57082" s="1" t="s">
        <v>191966</v>
      </c>
      <c r="F57082" s="1" t="s">
        <v>191967</v>
      </c>
      <c r="G57082" s="1" t="s">
        <v>191890</v>
      </c>
      <c r="H57082" s="1" t="s">
        <v>191891</v>
      </c>
      <c r="I57082" s="1" t="s">
        <v>187135</v>
      </c>
      <c r="J57082" s="1" t="s">
        <v>191968</v>
      </c>
    </row>
    <row r="57083" spans="1:10" x14ac:dyDescent="0.35">
      <c r="A57083" s="1" t="s">
        <v>29167</v>
      </c>
      <c r="B57083" s="1" t="s">
        <v>187129</v>
      </c>
      <c r="C57083" s="1" t="s">
        <v>130</v>
      </c>
      <c r="D57083" s="1" t="s">
        <v>58724</v>
      </c>
      <c r="E57083" s="1" t="s">
        <v>191969</v>
      </c>
      <c r="F57083" s="1" t="s">
        <v>191970</v>
      </c>
      <c r="G57083" s="1" t="s">
        <v>191890</v>
      </c>
      <c r="H57083" s="1" t="s">
        <v>191891</v>
      </c>
      <c r="I57083" s="1" t="s">
        <v>187135</v>
      </c>
      <c r="J57083" s="1" t="s">
        <v>191971</v>
      </c>
    </row>
    <row r="57084" spans="1:10" x14ac:dyDescent="0.35">
      <c r="A57084" s="1" t="s">
        <v>29167</v>
      </c>
      <c r="B57084" s="1" t="s">
        <v>187129</v>
      </c>
      <c r="C57084" s="1" t="s">
        <v>135</v>
      </c>
      <c r="D57084" s="1" t="s">
        <v>45565</v>
      </c>
      <c r="E57084" s="1" t="s">
        <v>191972</v>
      </c>
      <c r="F57084" s="1" t="s">
        <v>191973</v>
      </c>
      <c r="G57084" s="1" t="s">
        <v>191890</v>
      </c>
      <c r="H57084" s="1" t="s">
        <v>191891</v>
      </c>
      <c r="I57084" s="1" t="s">
        <v>187135</v>
      </c>
      <c r="J57084" s="1" t="s">
        <v>191974</v>
      </c>
    </row>
    <row r="57085" spans="1:10" x14ac:dyDescent="0.35">
      <c r="A57085" s="1" t="s">
        <v>29167</v>
      </c>
      <c r="B57085" s="1" t="s">
        <v>187129</v>
      </c>
      <c r="C57085" s="1" t="s">
        <v>140</v>
      </c>
      <c r="D57085" s="1" t="s">
        <v>191975</v>
      </c>
      <c r="E57085" s="1" t="s">
        <v>191976</v>
      </c>
      <c r="F57085" s="1" t="s">
        <v>191977</v>
      </c>
      <c r="G57085" s="1" t="s">
        <v>191890</v>
      </c>
      <c r="H57085" s="1" t="s">
        <v>191891</v>
      </c>
      <c r="I57085" s="1" t="s">
        <v>187135</v>
      </c>
      <c r="J57085" s="1" t="s">
        <v>191978</v>
      </c>
    </row>
    <row r="57086" spans="1:10" x14ac:dyDescent="0.35">
      <c r="A57086" s="1" t="s">
        <v>29167</v>
      </c>
      <c r="B57086" s="1" t="s">
        <v>187129</v>
      </c>
      <c r="C57086" s="1" t="s">
        <v>145</v>
      </c>
      <c r="D57086" s="1" t="s">
        <v>93497</v>
      </c>
      <c r="E57086" s="1" t="s">
        <v>191979</v>
      </c>
      <c r="F57086" s="1" t="s">
        <v>191980</v>
      </c>
      <c r="G57086" s="1" t="s">
        <v>191890</v>
      </c>
      <c r="H57086" s="1" t="s">
        <v>191891</v>
      </c>
      <c r="I57086" s="1" t="s">
        <v>187135</v>
      </c>
      <c r="J57086" s="1" t="s">
        <v>191981</v>
      </c>
    </row>
    <row r="57087" spans="1:10" x14ac:dyDescent="0.35">
      <c r="A57087" s="1" t="s">
        <v>29167</v>
      </c>
      <c r="B57087" s="1" t="s">
        <v>187129</v>
      </c>
      <c r="C57087" s="1" t="s">
        <v>150</v>
      </c>
      <c r="D57087" s="1" t="s">
        <v>122727</v>
      </c>
      <c r="E57087" s="1" t="s">
        <v>191982</v>
      </c>
      <c r="F57087" s="1" t="s">
        <v>191983</v>
      </c>
      <c r="G57087" s="1" t="s">
        <v>191890</v>
      </c>
      <c r="H57087" s="1" t="s">
        <v>191891</v>
      </c>
      <c r="I57087" s="1" t="s">
        <v>187135</v>
      </c>
      <c r="J57087" s="1" t="s">
        <v>191984</v>
      </c>
    </row>
    <row r="57088" spans="1:10" x14ac:dyDescent="0.35">
      <c r="A57088" s="1" t="s">
        <v>29167</v>
      </c>
      <c r="B57088" s="1" t="s">
        <v>187129</v>
      </c>
      <c r="C57088" s="1" t="s">
        <v>155</v>
      </c>
      <c r="D57088" s="1" t="s">
        <v>90878</v>
      </c>
      <c r="E57088" s="1" t="s">
        <v>191985</v>
      </c>
      <c r="F57088" s="1" t="s">
        <v>191986</v>
      </c>
      <c r="G57088" s="1" t="s">
        <v>191890</v>
      </c>
      <c r="H57088" s="1" t="s">
        <v>191891</v>
      </c>
      <c r="I57088" s="1" t="s">
        <v>187135</v>
      </c>
      <c r="J57088" s="1" t="s">
        <v>191987</v>
      </c>
    </row>
    <row r="57089" spans="1:10" x14ac:dyDescent="0.35">
      <c r="A57089" s="1" t="s">
        <v>29167</v>
      </c>
      <c r="B57089" s="1" t="s">
        <v>187129</v>
      </c>
      <c r="C57089" s="1" t="s">
        <v>160</v>
      </c>
      <c r="D57089" s="1" t="s">
        <v>99623</v>
      </c>
      <c r="E57089" s="1" t="s">
        <v>191988</v>
      </c>
      <c r="F57089" s="1" t="s">
        <v>191989</v>
      </c>
      <c r="G57089" s="1" t="s">
        <v>191890</v>
      </c>
      <c r="H57089" s="1" t="s">
        <v>191891</v>
      </c>
      <c r="I57089" s="1" t="s">
        <v>187135</v>
      </c>
      <c r="J57089" s="1" t="s">
        <v>191990</v>
      </c>
    </row>
    <row r="57090" spans="1:10" x14ac:dyDescent="0.35">
      <c r="A57090" s="1" t="s">
        <v>29167</v>
      </c>
      <c r="B57090" s="1" t="s">
        <v>187129</v>
      </c>
      <c r="C57090" s="1" t="s">
        <v>165</v>
      </c>
      <c r="D57090" s="1" t="s">
        <v>95939</v>
      </c>
      <c r="E57090" s="1" t="s">
        <v>191991</v>
      </c>
      <c r="F57090" s="1" t="s">
        <v>191992</v>
      </c>
      <c r="G57090" s="1" t="s">
        <v>191890</v>
      </c>
      <c r="H57090" s="1" t="s">
        <v>191891</v>
      </c>
      <c r="I57090" s="1" t="s">
        <v>187135</v>
      </c>
      <c r="J57090" s="1" t="s">
        <v>191993</v>
      </c>
    </row>
    <row r="57091" spans="1:10" x14ac:dyDescent="0.35">
      <c r="A57091" s="1" t="s">
        <v>29167</v>
      </c>
      <c r="B57091" s="1" t="s">
        <v>187129</v>
      </c>
      <c r="C57091" s="1" t="s">
        <v>170</v>
      </c>
      <c r="D57091" s="1" t="s">
        <v>132642</v>
      </c>
      <c r="E57091" s="1" t="s">
        <v>191994</v>
      </c>
      <c r="F57091" s="1" t="s">
        <v>191995</v>
      </c>
      <c r="G57091" s="1" t="s">
        <v>191890</v>
      </c>
      <c r="H57091" s="1" t="s">
        <v>191891</v>
      </c>
      <c r="I57091" s="1" t="s">
        <v>187135</v>
      </c>
      <c r="J57091" s="1" t="s">
        <v>191996</v>
      </c>
    </row>
    <row r="57092" spans="1:10" x14ac:dyDescent="0.35">
      <c r="A57092" s="1" t="s">
        <v>143496</v>
      </c>
      <c r="B57092" s="1" t="s">
        <v>187129</v>
      </c>
      <c r="C57092" s="1" t="s">
        <v>8</v>
      </c>
      <c r="D57092" s="1" t="s">
        <v>191997</v>
      </c>
      <c r="E57092" s="1" t="s">
        <v>191998</v>
      </c>
      <c r="F57092" s="1" t="s">
        <v>191999</v>
      </c>
      <c r="G57092" s="1" t="s">
        <v>192000</v>
      </c>
      <c r="H57092" s="1" t="s">
        <v>192001</v>
      </c>
      <c r="I57092" s="1" t="s">
        <v>187135</v>
      </c>
      <c r="J57092" s="1" t="s">
        <v>13</v>
      </c>
    </row>
    <row r="57093" spans="1:10" x14ac:dyDescent="0.35">
      <c r="A57093" s="1" t="s">
        <v>143496</v>
      </c>
      <c r="B57093" s="1" t="s">
        <v>187129</v>
      </c>
      <c r="C57093" s="1" t="s">
        <v>15</v>
      </c>
      <c r="D57093" s="1" t="s">
        <v>192002</v>
      </c>
      <c r="E57093" s="1" t="s">
        <v>192003</v>
      </c>
      <c r="F57093" s="1" t="s">
        <v>192004</v>
      </c>
      <c r="G57093" s="1" t="s">
        <v>192000</v>
      </c>
      <c r="H57093" s="1" t="s">
        <v>192001</v>
      </c>
      <c r="I57093" s="1" t="s">
        <v>187135</v>
      </c>
      <c r="J57093" s="1" t="s">
        <v>192005</v>
      </c>
    </row>
    <row r="57094" spans="1:10" x14ac:dyDescent="0.35">
      <c r="A57094" s="1" t="s">
        <v>143496</v>
      </c>
      <c r="B57094" s="1" t="s">
        <v>187129</v>
      </c>
      <c r="C57094" s="1" t="s">
        <v>20</v>
      </c>
      <c r="D57094" s="1" t="s">
        <v>173937</v>
      </c>
      <c r="E57094" s="1" t="s">
        <v>192006</v>
      </c>
      <c r="F57094" s="1" t="s">
        <v>192007</v>
      </c>
      <c r="G57094" s="1" t="s">
        <v>192000</v>
      </c>
      <c r="H57094" s="1" t="s">
        <v>192001</v>
      </c>
      <c r="I57094" s="1" t="s">
        <v>187135</v>
      </c>
      <c r="J57094" s="1" t="s">
        <v>192008</v>
      </c>
    </row>
    <row r="57095" spans="1:10" x14ac:dyDescent="0.35">
      <c r="A57095" s="1" t="s">
        <v>143496</v>
      </c>
      <c r="B57095" s="1" t="s">
        <v>187129</v>
      </c>
      <c r="C57095" s="1" t="s">
        <v>25</v>
      </c>
      <c r="D57095" s="1" t="s">
        <v>192009</v>
      </c>
      <c r="E57095" s="1" t="s">
        <v>192010</v>
      </c>
      <c r="F57095" s="1" t="s">
        <v>192011</v>
      </c>
      <c r="G57095" s="1" t="s">
        <v>192000</v>
      </c>
      <c r="H57095" s="1" t="s">
        <v>192001</v>
      </c>
      <c r="I57095" s="1" t="s">
        <v>187135</v>
      </c>
      <c r="J57095" s="1" t="s">
        <v>192012</v>
      </c>
    </row>
    <row r="57096" spans="1:10" x14ac:dyDescent="0.35">
      <c r="A57096" s="1" t="s">
        <v>143496</v>
      </c>
      <c r="B57096" s="1" t="s">
        <v>187129</v>
      </c>
      <c r="C57096" s="1" t="s">
        <v>30</v>
      </c>
      <c r="D57096" s="1" t="s">
        <v>192013</v>
      </c>
      <c r="E57096" s="1" t="s">
        <v>192014</v>
      </c>
      <c r="F57096" s="1" t="s">
        <v>192015</v>
      </c>
      <c r="G57096" s="1" t="s">
        <v>192000</v>
      </c>
      <c r="H57096" s="1" t="s">
        <v>192001</v>
      </c>
      <c r="I57096" s="1" t="s">
        <v>187135</v>
      </c>
      <c r="J57096" s="1" t="s">
        <v>192016</v>
      </c>
    </row>
    <row r="57097" spans="1:10" x14ac:dyDescent="0.35">
      <c r="A57097" s="1" t="s">
        <v>143496</v>
      </c>
      <c r="B57097" s="1" t="s">
        <v>187129</v>
      </c>
      <c r="C57097" s="1" t="s">
        <v>35</v>
      </c>
      <c r="D57097" s="1" t="s">
        <v>17578</v>
      </c>
      <c r="E57097" s="1" t="s">
        <v>192017</v>
      </c>
      <c r="F57097" s="1" t="s">
        <v>192018</v>
      </c>
      <c r="G57097" s="1" t="s">
        <v>192000</v>
      </c>
      <c r="H57097" s="1" t="s">
        <v>192001</v>
      </c>
      <c r="I57097" s="1" t="s">
        <v>187135</v>
      </c>
      <c r="J57097" s="1" t="s">
        <v>192019</v>
      </c>
    </row>
    <row r="57098" spans="1:10" x14ac:dyDescent="0.35">
      <c r="A57098" s="1" t="s">
        <v>143496</v>
      </c>
      <c r="B57098" s="1" t="s">
        <v>187129</v>
      </c>
      <c r="C57098" s="1" t="s">
        <v>40</v>
      </c>
      <c r="D57098" s="1" t="s">
        <v>192020</v>
      </c>
      <c r="E57098" s="1" t="s">
        <v>192021</v>
      </c>
      <c r="F57098" s="1" t="s">
        <v>192022</v>
      </c>
      <c r="G57098" s="1" t="s">
        <v>192000</v>
      </c>
      <c r="H57098" s="1" t="s">
        <v>192001</v>
      </c>
      <c r="I57098" s="1" t="s">
        <v>187135</v>
      </c>
      <c r="J57098" s="1" t="s">
        <v>192023</v>
      </c>
    </row>
    <row r="57099" spans="1:10" x14ac:dyDescent="0.35">
      <c r="A57099" s="1" t="s">
        <v>143496</v>
      </c>
      <c r="B57099" s="1" t="s">
        <v>187129</v>
      </c>
      <c r="C57099" s="1" t="s">
        <v>45</v>
      </c>
      <c r="D57099" s="1" t="s">
        <v>192024</v>
      </c>
      <c r="E57099" s="1" t="s">
        <v>192025</v>
      </c>
      <c r="F57099" s="1" t="s">
        <v>192026</v>
      </c>
      <c r="G57099" s="1" t="s">
        <v>192000</v>
      </c>
      <c r="H57099" s="1" t="s">
        <v>192001</v>
      </c>
      <c r="I57099" s="1" t="s">
        <v>187135</v>
      </c>
      <c r="J57099" s="1" t="s">
        <v>192027</v>
      </c>
    </row>
    <row r="57100" spans="1:10" x14ac:dyDescent="0.35">
      <c r="A57100" s="1" t="s">
        <v>143496</v>
      </c>
      <c r="B57100" s="1" t="s">
        <v>187129</v>
      </c>
      <c r="C57100" s="1" t="s">
        <v>50</v>
      </c>
      <c r="D57100" s="1" t="s">
        <v>108265</v>
      </c>
      <c r="E57100" s="1" t="s">
        <v>192028</v>
      </c>
      <c r="F57100" s="1" t="s">
        <v>192029</v>
      </c>
      <c r="G57100" s="1" t="s">
        <v>192000</v>
      </c>
      <c r="H57100" s="1" t="s">
        <v>192001</v>
      </c>
      <c r="I57100" s="1" t="s">
        <v>187135</v>
      </c>
      <c r="J57100" s="1" t="s">
        <v>192030</v>
      </c>
    </row>
    <row r="57101" spans="1:10" x14ac:dyDescent="0.35">
      <c r="A57101" s="1" t="s">
        <v>143496</v>
      </c>
      <c r="B57101" s="1" t="s">
        <v>187129</v>
      </c>
      <c r="C57101" s="1" t="s">
        <v>55</v>
      </c>
      <c r="D57101" s="1" t="s">
        <v>61796</v>
      </c>
      <c r="E57101" s="1" t="s">
        <v>192031</v>
      </c>
      <c r="F57101" s="1" t="s">
        <v>192032</v>
      </c>
      <c r="G57101" s="1" t="s">
        <v>192000</v>
      </c>
      <c r="H57101" s="1" t="s">
        <v>192001</v>
      </c>
      <c r="I57101" s="1" t="s">
        <v>187135</v>
      </c>
      <c r="J57101" s="1" t="s">
        <v>192033</v>
      </c>
    </row>
    <row r="57102" spans="1:10" x14ac:dyDescent="0.35">
      <c r="A57102" s="1" t="s">
        <v>143496</v>
      </c>
      <c r="B57102" s="1" t="s">
        <v>187129</v>
      </c>
      <c r="C57102" s="1" t="s">
        <v>60</v>
      </c>
      <c r="D57102" s="1" t="s">
        <v>108312</v>
      </c>
      <c r="E57102" s="1" t="s">
        <v>192034</v>
      </c>
      <c r="F57102" s="1" t="s">
        <v>192035</v>
      </c>
      <c r="G57102" s="1" t="s">
        <v>192000</v>
      </c>
      <c r="H57102" s="1" t="s">
        <v>192001</v>
      </c>
      <c r="I57102" s="1" t="s">
        <v>187135</v>
      </c>
      <c r="J57102" s="1" t="s">
        <v>192036</v>
      </c>
    </row>
    <row r="57103" spans="1:10" x14ac:dyDescent="0.35">
      <c r="A57103" s="1" t="s">
        <v>143496</v>
      </c>
      <c r="B57103" s="1" t="s">
        <v>187129</v>
      </c>
      <c r="C57103" s="1" t="s">
        <v>65</v>
      </c>
      <c r="D57103" s="1" t="s">
        <v>192037</v>
      </c>
      <c r="E57103" s="1" t="s">
        <v>192038</v>
      </c>
      <c r="F57103" s="1" t="s">
        <v>192039</v>
      </c>
      <c r="G57103" s="1" t="s">
        <v>192000</v>
      </c>
      <c r="H57103" s="1" t="s">
        <v>192001</v>
      </c>
      <c r="I57103" s="1" t="s">
        <v>187135</v>
      </c>
      <c r="J57103" s="1" t="s">
        <v>192040</v>
      </c>
    </row>
    <row r="57104" spans="1:10" x14ac:dyDescent="0.35">
      <c r="A57104" s="1" t="s">
        <v>143496</v>
      </c>
      <c r="B57104" s="1" t="s">
        <v>187129</v>
      </c>
      <c r="C57104" s="1" t="s">
        <v>70</v>
      </c>
      <c r="D57104" s="1" t="s">
        <v>192041</v>
      </c>
      <c r="E57104" s="1" t="s">
        <v>192042</v>
      </c>
      <c r="F57104" s="1" t="s">
        <v>192043</v>
      </c>
      <c r="G57104" s="1" t="s">
        <v>192000</v>
      </c>
      <c r="H57104" s="1" t="s">
        <v>192001</v>
      </c>
      <c r="I57104" s="1" t="s">
        <v>187135</v>
      </c>
      <c r="J57104" s="1" t="s">
        <v>149289</v>
      </c>
    </row>
    <row r="57105" spans="1:10" x14ac:dyDescent="0.35">
      <c r="A57105" s="1" t="s">
        <v>143496</v>
      </c>
      <c r="B57105" s="1" t="s">
        <v>187129</v>
      </c>
      <c r="C57105" s="1" t="s">
        <v>75</v>
      </c>
      <c r="D57105" s="1" t="s">
        <v>192044</v>
      </c>
      <c r="E57105" s="1" t="s">
        <v>192045</v>
      </c>
      <c r="F57105" s="1" t="s">
        <v>192046</v>
      </c>
      <c r="G57105" s="1" t="s">
        <v>192000</v>
      </c>
      <c r="H57105" s="1" t="s">
        <v>192001</v>
      </c>
      <c r="I57105" s="1" t="s">
        <v>187135</v>
      </c>
      <c r="J57105" s="1" t="s">
        <v>192047</v>
      </c>
    </row>
    <row r="57106" spans="1:10" x14ac:dyDescent="0.35">
      <c r="A57106" s="1" t="s">
        <v>143496</v>
      </c>
      <c r="B57106" s="1" t="s">
        <v>187129</v>
      </c>
      <c r="C57106" s="1" t="s">
        <v>80</v>
      </c>
      <c r="D57106" s="1" t="s">
        <v>65725</v>
      </c>
      <c r="E57106" s="1" t="s">
        <v>192048</v>
      </c>
      <c r="F57106" s="1" t="s">
        <v>192049</v>
      </c>
      <c r="G57106" s="1" t="s">
        <v>192000</v>
      </c>
      <c r="H57106" s="1" t="s">
        <v>192001</v>
      </c>
      <c r="I57106" s="1" t="s">
        <v>187135</v>
      </c>
      <c r="J57106" s="1" t="s">
        <v>192050</v>
      </c>
    </row>
    <row r="57107" spans="1:10" x14ac:dyDescent="0.35">
      <c r="A57107" s="1" t="s">
        <v>143496</v>
      </c>
      <c r="B57107" s="1" t="s">
        <v>187129</v>
      </c>
      <c r="C57107" s="1" t="s">
        <v>85</v>
      </c>
      <c r="D57107" s="1" t="s">
        <v>166739</v>
      </c>
      <c r="E57107" s="1" t="s">
        <v>192051</v>
      </c>
      <c r="F57107" s="1" t="s">
        <v>192052</v>
      </c>
      <c r="G57107" s="1" t="s">
        <v>192000</v>
      </c>
      <c r="H57107" s="1" t="s">
        <v>192001</v>
      </c>
      <c r="I57107" s="1" t="s">
        <v>187135</v>
      </c>
      <c r="J57107" s="1" t="s">
        <v>192053</v>
      </c>
    </row>
    <row r="57108" spans="1:10" x14ac:dyDescent="0.35">
      <c r="A57108" s="1" t="s">
        <v>143496</v>
      </c>
      <c r="B57108" s="1" t="s">
        <v>187129</v>
      </c>
      <c r="C57108" s="1" t="s">
        <v>90</v>
      </c>
      <c r="D57108" s="1" t="s">
        <v>69616</v>
      </c>
      <c r="E57108" s="1" t="s">
        <v>192054</v>
      </c>
      <c r="F57108" s="1" t="s">
        <v>192055</v>
      </c>
      <c r="G57108" s="1" t="s">
        <v>192000</v>
      </c>
      <c r="H57108" s="1" t="s">
        <v>192001</v>
      </c>
      <c r="I57108" s="1" t="s">
        <v>187135</v>
      </c>
      <c r="J57108" s="1" t="s">
        <v>192056</v>
      </c>
    </row>
    <row r="57109" spans="1:10" x14ac:dyDescent="0.35">
      <c r="A57109" s="1" t="s">
        <v>143496</v>
      </c>
      <c r="B57109" s="1" t="s">
        <v>187129</v>
      </c>
      <c r="C57109" s="1" t="s">
        <v>95</v>
      </c>
      <c r="D57109" s="1" t="s">
        <v>80845</v>
      </c>
      <c r="E57109" s="1" t="s">
        <v>192057</v>
      </c>
      <c r="F57109" s="1" t="s">
        <v>192058</v>
      </c>
      <c r="G57109" s="1" t="s">
        <v>192000</v>
      </c>
      <c r="H57109" s="1" t="s">
        <v>192001</v>
      </c>
      <c r="I57109" s="1" t="s">
        <v>187135</v>
      </c>
      <c r="J57109" s="1" t="s">
        <v>192059</v>
      </c>
    </row>
    <row r="57110" spans="1:10" x14ac:dyDescent="0.35">
      <c r="A57110" s="1" t="s">
        <v>143496</v>
      </c>
      <c r="B57110" s="1" t="s">
        <v>187129</v>
      </c>
      <c r="C57110" s="1" t="s">
        <v>100</v>
      </c>
      <c r="D57110" s="1" t="s">
        <v>100259</v>
      </c>
      <c r="E57110" s="1" t="s">
        <v>192060</v>
      </c>
      <c r="F57110" s="1" t="s">
        <v>192061</v>
      </c>
      <c r="G57110" s="1" t="s">
        <v>192000</v>
      </c>
      <c r="H57110" s="1" t="s">
        <v>192001</v>
      </c>
      <c r="I57110" s="1" t="s">
        <v>187135</v>
      </c>
      <c r="J57110" s="1" t="s">
        <v>192062</v>
      </c>
    </row>
    <row r="57111" spans="1:10" x14ac:dyDescent="0.35">
      <c r="A57111" s="1" t="s">
        <v>143496</v>
      </c>
      <c r="B57111" s="1" t="s">
        <v>187129</v>
      </c>
      <c r="C57111" s="1" t="s">
        <v>105</v>
      </c>
      <c r="D57111" s="1" t="s">
        <v>114941</v>
      </c>
      <c r="E57111" s="1" t="s">
        <v>192063</v>
      </c>
      <c r="F57111" s="1" t="s">
        <v>192064</v>
      </c>
      <c r="G57111" s="1" t="s">
        <v>192000</v>
      </c>
      <c r="H57111" s="1" t="s">
        <v>192001</v>
      </c>
      <c r="I57111" s="1" t="s">
        <v>187135</v>
      </c>
      <c r="J57111" s="1" t="s">
        <v>192065</v>
      </c>
    </row>
    <row r="57112" spans="1:10" x14ac:dyDescent="0.35">
      <c r="A57112" s="1" t="s">
        <v>143496</v>
      </c>
      <c r="B57112" s="1" t="s">
        <v>187129</v>
      </c>
      <c r="C57112" s="1" t="s">
        <v>110</v>
      </c>
      <c r="D57112" s="1" t="s">
        <v>192066</v>
      </c>
      <c r="E57112" s="1" t="s">
        <v>192067</v>
      </c>
      <c r="F57112" s="1" t="s">
        <v>192068</v>
      </c>
      <c r="G57112" s="1" t="s">
        <v>192000</v>
      </c>
      <c r="H57112" s="1" t="s">
        <v>192001</v>
      </c>
      <c r="I57112" s="1" t="s">
        <v>187135</v>
      </c>
      <c r="J57112" s="1" t="s">
        <v>192069</v>
      </c>
    </row>
    <row r="57113" spans="1:10" x14ac:dyDescent="0.35">
      <c r="A57113" s="1" t="s">
        <v>143496</v>
      </c>
      <c r="B57113" s="1" t="s">
        <v>187129</v>
      </c>
      <c r="C57113" s="1" t="s">
        <v>115</v>
      </c>
      <c r="D57113" s="1" t="s">
        <v>192070</v>
      </c>
      <c r="E57113" s="1" t="s">
        <v>192071</v>
      </c>
      <c r="F57113" s="1" t="s">
        <v>192072</v>
      </c>
      <c r="G57113" s="1" t="s">
        <v>192000</v>
      </c>
      <c r="H57113" s="1" t="s">
        <v>192001</v>
      </c>
      <c r="I57113" s="1" t="s">
        <v>187135</v>
      </c>
      <c r="J57113" s="1" t="s">
        <v>192073</v>
      </c>
    </row>
    <row r="57114" spans="1:10" x14ac:dyDescent="0.35">
      <c r="A57114" s="1" t="s">
        <v>143496</v>
      </c>
      <c r="B57114" s="1" t="s">
        <v>187129</v>
      </c>
      <c r="C57114" s="1" t="s">
        <v>120</v>
      </c>
      <c r="D57114" s="1" t="s">
        <v>63679</v>
      </c>
      <c r="E57114" s="1" t="s">
        <v>192074</v>
      </c>
      <c r="F57114" s="1" t="s">
        <v>192075</v>
      </c>
      <c r="G57114" s="1" t="s">
        <v>192000</v>
      </c>
      <c r="H57114" s="1" t="s">
        <v>192001</v>
      </c>
      <c r="I57114" s="1" t="s">
        <v>187135</v>
      </c>
      <c r="J57114" s="1" t="s">
        <v>192076</v>
      </c>
    </row>
    <row r="57115" spans="1:10" x14ac:dyDescent="0.35">
      <c r="A57115" s="1" t="s">
        <v>143496</v>
      </c>
      <c r="B57115" s="1" t="s">
        <v>187129</v>
      </c>
      <c r="C57115" s="1" t="s">
        <v>125</v>
      </c>
      <c r="D57115" s="1" t="s">
        <v>98443</v>
      </c>
      <c r="E57115" s="1" t="s">
        <v>192077</v>
      </c>
      <c r="F57115" s="1" t="s">
        <v>192078</v>
      </c>
      <c r="G57115" s="1" t="s">
        <v>192000</v>
      </c>
      <c r="H57115" s="1" t="s">
        <v>192001</v>
      </c>
      <c r="I57115" s="1" t="s">
        <v>187135</v>
      </c>
      <c r="J57115" s="1" t="s">
        <v>192079</v>
      </c>
    </row>
    <row r="57116" spans="1:10" x14ac:dyDescent="0.35">
      <c r="A57116" s="1" t="s">
        <v>143496</v>
      </c>
      <c r="B57116" s="1" t="s">
        <v>187129</v>
      </c>
      <c r="C57116" s="1" t="s">
        <v>130</v>
      </c>
      <c r="D57116" s="1" t="s">
        <v>64913</v>
      </c>
      <c r="E57116" s="1" t="s">
        <v>192080</v>
      </c>
      <c r="F57116" s="1" t="s">
        <v>192081</v>
      </c>
      <c r="G57116" s="1" t="s">
        <v>192000</v>
      </c>
      <c r="H57116" s="1" t="s">
        <v>192001</v>
      </c>
      <c r="I57116" s="1" t="s">
        <v>187135</v>
      </c>
      <c r="J57116" s="1" t="s">
        <v>192082</v>
      </c>
    </row>
    <row r="57117" spans="1:10" x14ac:dyDescent="0.35">
      <c r="A57117" s="1" t="s">
        <v>143496</v>
      </c>
      <c r="B57117" s="1" t="s">
        <v>187129</v>
      </c>
      <c r="C57117" s="1" t="s">
        <v>135</v>
      </c>
      <c r="D57117" s="1" t="s">
        <v>42489</v>
      </c>
      <c r="E57117" s="1" t="s">
        <v>192083</v>
      </c>
      <c r="F57117" s="1" t="s">
        <v>192084</v>
      </c>
      <c r="G57117" s="1" t="s">
        <v>192000</v>
      </c>
      <c r="H57117" s="1" t="s">
        <v>192001</v>
      </c>
      <c r="I57117" s="1" t="s">
        <v>187135</v>
      </c>
      <c r="J57117" s="1" t="s">
        <v>192085</v>
      </c>
    </row>
    <row r="57118" spans="1:10" x14ac:dyDescent="0.35">
      <c r="A57118" s="1" t="s">
        <v>143496</v>
      </c>
      <c r="B57118" s="1" t="s">
        <v>187129</v>
      </c>
      <c r="C57118" s="1" t="s">
        <v>140</v>
      </c>
      <c r="D57118" s="1" t="s">
        <v>58322</v>
      </c>
      <c r="E57118" s="1" t="s">
        <v>192086</v>
      </c>
      <c r="F57118" s="1" t="s">
        <v>192087</v>
      </c>
      <c r="G57118" s="1" t="s">
        <v>192000</v>
      </c>
      <c r="H57118" s="1" t="s">
        <v>192001</v>
      </c>
      <c r="I57118" s="1" t="s">
        <v>187135</v>
      </c>
      <c r="J57118" s="1" t="s">
        <v>192088</v>
      </c>
    </row>
    <row r="57119" spans="1:10" x14ac:dyDescent="0.35">
      <c r="A57119" s="1" t="s">
        <v>143496</v>
      </c>
      <c r="B57119" s="1" t="s">
        <v>187129</v>
      </c>
      <c r="C57119" s="1" t="s">
        <v>145</v>
      </c>
      <c r="D57119" s="1" t="s">
        <v>39342</v>
      </c>
      <c r="E57119" s="1" t="s">
        <v>192089</v>
      </c>
      <c r="F57119" s="1" t="s">
        <v>192090</v>
      </c>
      <c r="G57119" s="1" t="s">
        <v>192000</v>
      </c>
      <c r="H57119" s="1" t="s">
        <v>192001</v>
      </c>
      <c r="I57119" s="1" t="s">
        <v>187135</v>
      </c>
      <c r="J57119" s="1" t="s">
        <v>192091</v>
      </c>
    </row>
    <row r="57120" spans="1:10" x14ac:dyDescent="0.35">
      <c r="A57120" s="1" t="s">
        <v>143496</v>
      </c>
      <c r="B57120" s="1" t="s">
        <v>187129</v>
      </c>
      <c r="C57120" s="1" t="s">
        <v>150</v>
      </c>
      <c r="D57120" s="1" t="s">
        <v>81782</v>
      </c>
      <c r="E57120" s="1" t="s">
        <v>192092</v>
      </c>
      <c r="F57120" s="1" t="s">
        <v>192093</v>
      </c>
      <c r="G57120" s="1" t="s">
        <v>192000</v>
      </c>
      <c r="H57120" s="1" t="s">
        <v>192001</v>
      </c>
      <c r="I57120" s="1" t="s">
        <v>187135</v>
      </c>
      <c r="J57120" s="1" t="s">
        <v>192094</v>
      </c>
    </row>
    <row r="57121" spans="1:10" x14ac:dyDescent="0.35">
      <c r="A57121" s="1" t="s">
        <v>143496</v>
      </c>
      <c r="B57121" s="1" t="s">
        <v>187129</v>
      </c>
      <c r="C57121" s="1" t="s">
        <v>155</v>
      </c>
      <c r="D57121" s="1" t="s">
        <v>99326</v>
      </c>
      <c r="E57121" s="1" t="s">
        <v>192095</v>
      </c>
      <c r="F57121" s="1" t="s">
        <v>192096</v>
      </c>
      <c r="G57121" s="1" t="s">
        <v>192000</v>
      </c>
      <c r="H57121" s="1" t="s">
        <v>192001</v>
      </c>
      <c r="I57121" s="1" t="s">
        <v>187135</v>
      </c>
      <c r="J57121" s="1" t="s">
        <v>192097</v>
      </c>
    </row>
    <row r="57122" spans="1:10" x14ac:dyDescent="0.35">
      <c r="A57122" s="1" t="s">
        <v>143496</v>
      </c>
      <c r="B57122" s="1" t="s">
        <v>187129</v>
      </c>
      <c r="C57122" s="1" t="s">
        <v>160</v>
      </c>
      <c r="D57122" s="1" t="s">
        <v>192098</v>
      </c>
      <c r="E57122" s="1" t="s">
        <v>192099</v>
      </c>
      <c r="F57122" s="1" t="s">
        <v>192100</v>
      </c>
      <c r="G57122" s="1" t="s">
        <v>192000</v>
      </c>
      <c r="H57122" s="1" t="s">
        <v>192001</v>
      </c>
      <c r="I57122" s="1" t="s">
        <v>187135</v>
      </c>
      <c r="J57122" s="1" t="s">
        <v>192101</v>
      </c>
    </row>
    <row r="57123" spans="1:10" x14ac:dyDescent="0.35">
      <c r="A57123" s="1" t="s">
        <v>143496</v>
      </c>
      <c r="B57123" s="1" t="s">
        <v>187129</v>
      </c>
      <c r="C57123" s="1" t="s">
        <v>165</v>
      </c>
      <c r="D57123" s="1" t="s">
        <v>192102</v>
      </c>
      <c r="E57123" s="1" t="s">
        <v>192103</v>
      </c>
      <c r="F57123" s="1" t="s">
        <v>192104</v>
      </c>
      <c r="G57123" s="1" t="s">
        <v>192000</v>
      </c>
      <c r="H57123" s="1" t="s">
        <v>192001</v>
      </c>
      <c r="I57123" s="1" t="s">
        <v>187135</v>
      </c>
      <c r="J57123" s="1" t="s">
        <v>192105</v>
      </c>
    </row>
    <row r="57124" spans="1:10" x14ac:dyDescent="0.35">
      <c r="A57124" s="1" t="s">
        <v>143496</v>
      </c>
      <c r="B57124" s="1" t="s">
        <v>187129</v>
      </c>
      <c r="C57124" s="1" t="s">
        <v>170</v>
      </c>
      <c r="D57124" s="1" t="s">
        <v>192106</v>
      </c>
      <c r="E57124" s="1" t="s">
        <v>192107</v>
      </c>
      <c r="F57124" s="1" t="s">
        <v>192108</v>
      </c>
      <c r="G57124" s="1" t="s">
        <v>192000</v>
      </c>
      <c r="H57124" s="1" t="s">
        <v>192001</v>
      </c>
      <c r="I57124" s="1" t="s">
        <v>187135</v>
      </c>
      <c r="J57124" s="1" t="s">
        <v>192109</v>
      </c>
    </row>
    <row r="57125" spans="1:10" x14ac:dyDescent="0.35">
      <c r="A57125" s="1" t="s">
        <v>144338</v>
      </c>
      <c r="B57125" s="1" t="s">
        <v>187129</v>
      </c>
      <c r="C57125" s="1" t="s">
        <v>8</v>
      </c>
      <c r="D57125" s="1" t="s">
        <v>192110</v>
      </c>
      <c r="E57125" s="1" t="s">
        <v>192111</v>
      </c>
      <c r="F57125" s="1" t="s">
        <v>192112</v>
      </c>
      <c r="G57125" s="1" t="s">
        <v>192113</v>
      </c>
      <c r="H57125" s="1" t="s">
        <v>192114</v>
      </c>
      <c r="I57125" s="1" t="s">
        <v>187135</v>
      </c>
      <c r="J57125" s="1" t="s">
        <v>13</v>
      </c>
    </row>
    <row r="57126" spans="1:10" x14ac:dyDescent="0.35">
      <c r="A57126" s="1" t="s">
        <v>144338</v>
      </c>
      <c r="B57126" s="1" t="s">
        <v>187129</v>
      </c>
      <c r="C57126" s="1" t="s">
        <v>15</v>
      </c>
      <c r="D57126" s="1" t="s">
        <v>192115</v>
      </c>
      <c r="E57126" s="1" t="s">
        <v>192116</v>
      </c>
      <c r="F57126" s="1" t="s">
        <v>192117</v>
      </c>
      <c r="G57126" s="1" t="s">
        <v>192113</v>
      </c>
      <c r="H57126" s="1" t="s">
        <v>192114</v>
      </c>
      <c r="I57126" s="1" t="s">
        <v>187135</v>
      </c>
      <c r="J57126" s="1" t="s">
        <v>192118</v>
      </c>
    </row>
    <row r="57127" spans="1:10" x14ac:dyDescent="0.35">
      <c r="A57127" s="1" t="s">
        <v>144338</v>
      </c>
      <c r="B57127" s="1" t="s">
        <v>187129</v>
      </c>
      <c r="C57127" s="1" t="s">
        <v>20</v>
      </c>
      <c r="D57127" s="1" t="s">
        <v>192119</v>
      </c>
      <c r="E57127" s="1" t="s">
        <v>192120</v>
      </c>
      <c r="F57127" s="1" t="s">
        <v>192121</v>
      </c>
      <c r="G57127" s="1" t="s">
        <v>192113</v>
      </c>
      <c r="H57127" s="1" t="s">
        <v>192114</v>
      </c>
      <c r="I57127" s="1" t="s">
        <v>187135</v>
      </c>
      <c r="J57127" s="1" t="s">
        <v>192122</v>
      </c>
    </row>
    <row r="57128" spans="1:10" x14ac:dyDescent="0.35">
      <c r="A57128" s="1" t="s">
        <v>144338</v>
      </c>
      <c r="B57128" s="1" t="s">
        <v>187129</v>
      </c>
      <c r="C57128" s="1" t="s">
        <v>25</v>
      </c>
      <c r="D57128" s="1" t="s">
        <v>192123</v>
      </c>
      <c r="E57128" s="1" t="s">
        <v>192124</v>
      </c>
      <c r="F57128" s="1" t="s">
        <v>192125</v>
      </c>
      <c r="G57128" s="1" t="s">
        <v>192113</v>
      </c>
      <c r="H57128" s="1" t="s">
        <v>192114</v>
      </c>
      <c r="I57128" s="1" t="s">
        <v>187135</v>
      </c>
      <c r="J57128" s="1" t="s">
        <v>192126</v>
      </c>
    </row>
    <row r="57129" spans="1:10" x14ac:dyDescent="0.35">
      <c r="A57129" s="1" t="s">
        <v>144338</v>
      </c>
      <c r="B57129" s="1" t="s">
        <v>187129</v>
      </c>
      <c r="C57129" s="1" t="s">
        <v>30</v>
      </c>
      <c r="D57129" s="1" t="s">
        <v>192127</v>
      </c>
      <c r="E57129" s="1" t="s">
        <v>192128</v>
      </c>
      <c r="F57129" s="1" t="s">
        <v>192129</v>
      </c>
      <c r="G57129" s="1" t="s">
        <v>192113</v>
      </c>
      <c r="H57129" s="1" t="s">
        <v>192114</v>
      </c>
      <c r="I57129" s="1" t="s">
        <v>187135</v>
      </c>
      <c r="J57129" s="1" t="s">
        <v>192130</v>
      </c>
    </row>
    <row r="57130" spans="1:10" x14ac:dyDescent="0.35">
      <c r="A57130" s="1" t="s">
        <v>144338</v>
      </c>
      <c r="B57130" s="1" t="s">
        <v>187129</v>
      </c>
      <c r="C57130" s="1" t="s">
        <v>35</v>
      </c>
      <c r="D57130" s="1" t="s">
        <v>192131</v>
      </c>
      <c r="E57130" s="1" t="s">
        <v>192132</v>
      </c>
      <c r="F57130" s="1" t="s">
        <v>192133</v>
      </c>
      <c r="G57130" s="1" t="s">
        <v>192113</v>
      </c>
      <c r="H57130" s="1" t="s">
        <v>192114</v>
      </c>
      <c r="I57130" s="1" t="s">
        <v>187135</v>
      </c>
      <c r="J57130" s="1" t="s">
        <v>192134</v>
      </c>
    </row>
    <row r="57131" spans="1:10" x14ac:dyDescent="0.35">
      <c r="A57131" s="1" t="s">
        <v>144338</v>
      </c>
      <c r="B57131" s="1" t="s">
        <v>187129</v>
      </c>
      <c r="C57131" s="1" t="s">
        <v>40</v>
      </c>
      <c r="D57131" s="1" t="s">
        <v>192135</v>
      </c>
      <c r="E57131" s="1" t="s">
        <v>192136</v>
      </c>
      <c r="F57131" s="1" t="s">
        <v>192137</v>
      </c>
      <c r="G57131" s="1" t="s">
        <v>192113</v>
      </c>
      <c r="H57131" s="1" t="s">
        <v>192114</v>
      </c>
      <c r="I57131" s="1" t="s">
        <v>187135</v>
      </c>
      <c r="J57131" s="1" t="s">
        <v>192138</v>
      </c>
    </row>
    <row r="57132" spans="1:10" x14ac:dyDescent="0.35">
      <c r="A57132" s="1" t="s">
        <v>144338</v>
      </c>
      <c r="B57132" s="1" t="s">
        <v>187129</v>
      </c>
      <c r="C57132" s="1" t="s">
        <v>45</v>
      </c>
      <c r="D57132" s="1" t="s">
        <v>192139</v>
      </c>
      <c r="E57132" s="1" t="s">
        <v>192140</v>
      </c>
      <c r="F57132" s="1" t="s">
        <v>192141</v>
      </c>
      <c r="G57132" s="1" t="s">
        <v>192113</v>
      </c>
      <c r="H57132" s="1" t="s">
        <v>192114</v>
      </c>
      <c r="I57132" s="1" t="s">
        <v>187135</v>
      </c>
      <c r="J57132" s="1" t="s">
        <v>192142</v>
      </c>
    </row>
    <row r="57133" spans="1:10" x14ac:dyDescent="0.35">
      <c r="A57133" s="1" t="s">
        <v>144338</v>
      </c>
      <c r="B57133" s="1" t="s">
        <v>187129</v>
      </c>
      <c r="C57133" s="1" t="s">
        <v>50</v>
      </c>
      <c r="D57133" s="1" t="s">
        <v>192143</v>
      </c>
      <c r="E57133" s="1" t="s">
        <v>192144</v>
      </c>
      <c r="F57133" s="1" t="s">
        <v>192145</v>
      </c>
      <c r="G57133" s="1" t="s">
        <v>192113</v>
      </c>
      <c r="H57133" s="1" t="s">
        <v>192114</v>
      </c>
      <c r="I57133" s="1" t="s">
        <v>187135</v>
      </c>
      <c r="J57133" s="1" t="s">
        <v>192146</v>
      </c>
    </row>
    <row r="57134" spans="1:10" x14ac:dyDescent="0.35">
      <c r="A57134" s="1" t="s">
        <v>144338</v>
      </c>
      <c r="B57134" s="1" t="s">
        <v>187129</v>
      </c>
      <c r="C57134" s="1" t="s">
        <v>55</v>
      </c>
      <c r="D57134" s="1" t="s">
        <v>192147</v>
      </c>
      <c r="E57134" s="1" t="s">
        <v>192148</v>
      </c>
      <c r="F57134" s="1" t="s">
        <v>192149</v>
      </c>
      <c r="G57134" s="1" t="s">
        <v>192113</v>
      </c>
      <c r="H57134" s="1" t="s">
        <v>192114</v>
      </c>
      <c r="I57134" s="1" t="s">
        <v>187135</v>
      </c>
      <c r="J57134" s="1" t="s">
        <v>192150</v>
      </c>
    </row>
    <row r="57135" spans="1:10" x14ac:dyDescent="0.35">
      <c r="A57135" s="1" t="s">
        <v>144338</v>
      </c>
      <c r="B57135" s="1" t="s">
        <v>187129</v>
      </c>
      <c r="C57135" s="1" t="s">
        <v>60</v>
      </c>
      <c r="D57135" s="1" t="s">
        <v>192151</v>
      </c>
      <c r="E57135" s="1" t="s">
        <v>192152</v>
      </c>
      <c r="F57135" s="1" t="s">
        <v>192153</v>
      </c>
      <c r="G57135" s="1" t="s">
        <v>192113</v>
      </c>
      <c r="H57135" s="1" t="s">
        <v>192114</v>
      </c>
      <c r="I57135" s="1" t="s">
        <v>187135</v>
      </c>
      <c r="J57135" s="1" t="s">
        <v>192154</v>
      </c>
    </row>
    <row r="57136" spans="1:10" x14ac:dyDescent="0.35">
      <c r="A57136" s="1" t="s">
        <v>144338</v>
      </c>
      <c r="B57136" s="1" t="s">
        <v>187129</v>
      </c>
      <c r="C57136" s="1" t="s">
        <v>65</v>
      </c>
      <c r="D57136" s="1" t="s">
        <v>192155</v>
      </c>
      <c r="E57136" s="1" t="s">
        <v>192156</v>
      </c>
      <c r="F57136" s="1" t="s">
        <v>192157</v>
      </c>
      <c r="G57136" s="1" t="s">
        <v>192113</v>
      </c>
      <c r="H57136" s="1" t="s">
        <v>192114</v>
      </c>
      <c r="I57136" s="1" t="s">
        <v>187135</v>
      </c>
      <c r="J57136" s="1" t="s">
        <v>192158</v>
      </c>
    </row>
    <row r="57137" spans="1:10" x14ac:dyDescent="0.35">
      <c r="A57137" s="1" t="s">
        <v>144338</v>
      </c>
      <c r="B57137" s="1" t="s">
        <v>187129</v>
      </c>
      <c r="C57137" s="1" t="s">
        <v>70</v>
      </c>
      <c r="D57137" s="1" t="s">
        <v>192159</v>
      </c>
      <c r="E57137" s="1" t="s">
        <v>192160</v>
      </c>
      <c r="F57137" s="1" t="s">
        <v>192161</v>
      </c>
      <c r="G57137" s="1" t="s">
        <v>192113</v>
      </c>
      <c r="H57137" s="1" t="s">
        <v>192114</v>
      </c>
      <c r="I57137" s="1" t="s">
        <v>187135</v>
      </c>
      <c r="J57137" s="1" t="s">
        <v>192162</v>
      </c>
    </row>
    <row r="57138" spans="1:10" x14ac:dyDescent="0.35">
      <c r="A57138" s="1" t="s">
        <v>144338</v>
      </c>
      <c r="B57138" s="1" t="s">
        <v>187129</v>
      </c>
      <c r="C57138" s="1" t="s">
        <v>75</v>
      </c>
      <c r="D57138" s="1" t="s">
        <v>192163</v>
      </c>
      <c r="E57138" s="1" t="s">
        <v>192164</v>
      </c>
      <c r="F57138" s="1" t="s">
        <v>192165</v>
      </c>
      <c r="G57138" s="1" t="s">
        <v>192113</v>
      </c>
      <c r="H57138" s="1" t="s">
        <v>192114</v>
      </c>
      <c r="I57138" s="1" t="s">
        <v>187135</v>
      </c>
      <c r="J57138" s="1" t="s">
        <v>192166</v>
      </c>
    </row>
    <row r="57139" spans="1:10" x14ac:dyDescent="0.35">
      <c r="A57139" s="1" t="s">
        <v>144338</v>
      </c>
      <c r="B57139" s="1" t="s">
        <v>187129</v>
      </c>
      <c r="C57139" s="1" t="s">
        <v>80</v>
      </c>
      <c r="D57139" s="1" t="s">
        <v>192167</v>
      </c>
      <c r="E57139" s="1" t="s">
        <v>192168</v>
      </c>
      <c r="F57139" s="1" t="s">
        <v>192169</v>
      </c>
      <c r="G57139" s="1" t="s">
        <v>192113</v>
      </c>
      <c r="H57139" s="1" t="s">
        <v>192114</v>
      </c>
      <c r="I57139" s="1" t="s">
        <v>187135</v>
      </c>
      <c r="J57139" s="1" t="s">
        <v>192170</v>
      </c>
    </row>
    <row r="57140" spans="1:10" x14ac:dyDescent="0.35">
      <c r="A57140" s="1" t="s">
        <v>144338</v>
      </c>
      <c r="B57140" s="1" t="s">
        <v>187129</v>
      </c>
      <c r="C57140" s="1" t="s">
        <v>85</v>
      </c>
      <c r="D57140" s="1" t="s">
        <v>192171</v>
      </c>
      <c r="E57140" s="1" t="s">
        <v>192172</v>
      </c>
      <c r="F57140" s="1" t="s">
        <v>192173</v>
      </c>
      <c r="G57140" s="1" t="s">
        <v>192113</v>
      </c>
      <c r="H57140" s="1" t="s">
        <v>192114</v>
      </c>
      <c r="I57140" s="1" t="s">
        <v>187135</v>
      </c>
      <c r="J57140" s="1" t="s">
        <v>192174</v>
      </c>
    </row>
    <row r="57141" spans="1:10" x14ac:dyDescent="0.35">
      <c r="A57141" s="1" t="s">
        <v>144338</v>
      </c>
      <c r="B57141" s="1" t="s">
        <v>187129</v>
      </c>
      <c r="C57141" s="1" t="s">
        <v>90</v>
      </c>
      <c r="D57141" s="1" t="s">
        <v>192175</v>
      </c>
      <c r="E57141" s="1" t="s">
        <v>192176</v>
      </c>
      <c r="F57141" s="1" t="s">
        <v>192177</v>
      </c>
      <c r="G57141" s="1" t="s">
        <v>192113</v>
      </c>
      <c r="H57141" s="1" t="s">
        <v>192114</v>
      </c>
      <c r="I57141" s="1" t="s">
        <v>187135</v>
      </c>
      <c r="J57141" s="1" t="s">
        <v>192178</v>
      </c>
    </row>
    <row r="57142" spans="1:10" x14ac:dyDescent="0.35">
      <c r="A57142" s="1" t="s">
        <v>144338</v>
      </c>
      <c r="B57142" s="1" t="s">
        <v>187129</v>
      </c>
      <c r="C57142" s="1" t="s">
        <v>95</v>
      </c>
      <c r="D57142" s="1" t="s">
        <v>192179</v>
      </c>
      <c r="E57142" s="1" t="s">
        <v>192180</v>
      </c>
      <c r="F57142" s="1" t="s">
        <v>192181</v>
      </c>
      <c r="G57142" s="1" t="s">
        <v>192113</v>
      </c>
      <c r="H57142" s="1" t="s">
        <v>192114</v>
      </c>
      <c r="I57142" s="1" t="s">
        <v>187135</v>
      </c>
      <c r="J57142" s="1" t="s">
        <v>192182</v>
      </c>
    </row>
    <row r="57143" spans="1:10" x14ac:dyDescent="0.35">
      <c r="A57143" s="1" t="s">
        <v>144338</v>
      </c>
      <c r="B57143" s="1" t="s">
        <v>187129</v>
      </c>
      <c r="C57143" s="1" t="s">
        <v>100</v>
      </c>
      <c r="D57143" s="1" t="s">
        <v>192183</v>
      </c>
      <c r="E57143" s="1" t="s">
        <v>192184</v>
      </c>
      <c r="F57143" s="1" t="s">
        <v>192185</v>
      </c>
      <c r="G57143" s="1" t="s">
        <v>192113</v>
      </c>
      <c r="H57143" s="1" t="s">
        <v>192114</v>
      </c>
      <c r="I57143" s="1" t="s">
        <v>187135</v>
      </c>
      <c r="J57143" s="1" t="s">
        <v>192186</v>
      </c>
    </row>
    <row r="57144" spans="1:10" x14ac:dyDescent="0.35">
      <c r="A57144" s="1" t="s">
        <v>144338</v>
      </c>
      <c r="B57144" s="1" t="s">
        <v>187129</v>
      </c>
      <c r="C57144" s="1" t="s">
        <v>105</v>
      </c>
      <c r="D57144" s="1" t="s">
        <v>192187</v>
      </c>
      <c r="E57144" s="1" t="s">
        <v>192188</v>
      </c>
      <c r="F57144" s="1" t="s">
        <v>192189</v>
      </c>
      <c r="G57144" s="1" t="s">
        <v>192113</v>
      </c>
      <c r="H57144" s="1" t="s">
        <v>192114</v>
      </c>
      <c r="I57144" s="1" t="s">
        <v>187135</v>
      </c>
      <c r="J57144" s="1" t="s">
        <v>192190</v>
      </c>
    </row>
    <row r="57145" spans="1:10" x14ac:dyDescent="0.35">
      <c r="A57145" s="1" t="s">
        <v>144338</v>
      </c>
      <c r="B57145" s="1" t="s">
        <v>187129</v>
      </c>
      <c r="C57145" s="1" t="s">
        <v>110</v>
      </c>
      <c r="D57145" s="1" t="s">
        <v>192191</v>
      </c>
      <c r="E57145" s="1" t="s">
        <v>192192</v>
      </c>
      <c r="F57145" s="1" t="s">
        <v>192193</v>
      </c>
      <c r="G57145" s="1" t="s">
        <v>192113</v>
      </c>
      <c r="H57145" s="1" t="s">
        <v>192114</v>
      </c>
      <c r="I57145" s="1" t="s">
        <v>187135</v>
      </c>
      <c r="J57145" s="1" t="s">
        <v>192194</v>
      </c>
    </row>
    <row r="57146" spans="1:10" x14ac:dyDescent="0.35">
      <c r="A57146" s="1" t="s">
        <v>144338</v>
      </c>
      <c r="B57146" s="1" t="s">
        <v>187129</v>
      </c>
      <c r="C57146" s="1" t="s">
        <v>115</v>
      </c>
      <c r="D57146" s="1" t="s">
        <v>192195</v>
      </c>
      <c r="E57146" s="1" t="s">
        <v>192196</v>
      </c>
      <c r="F57146" s="1" t="s">
        <v>192197</v>
      </c>
      <c r="G57146" s="1" t="s">
        <v>192113</v>
      </c>
      <c r="H57146" s="1" t="s">
        <v>192114</v>
      </c>
      <c r="I57146" s="1" t="s">
        <v>187135</v>
      </c>
      <c r="J57146" s="1" t="s">
        <v>192198</v>
      </c>
    </row>
    <row r="57147" spans="1:10" x14ac:dyDescent="0.35">
      <c r="A57147" s="1" t="s">
        <v>144338</v>
      </c>
      <c r="B57147" s="1" t="s">
        <v>187129</v>
      </c>
      <c r="C57147" s="1" t="s">
        <v>120</v>
      </c>
      <c r="D57147" s="1" t="s">
        <v>192199</v>
      </c>
      <c r="E57147" s="1" t="s">
        <v>192200</v>
      </c>
      <c r="F57147" s="1" t="s">
        <v>192201</v>
      </c>
      <c r="G57147" s="1" t="s">
        <v>192113</v>
      </c>
      <c r="H57147" s="1" t="s">
        <v>192114</v>
      </c>
      <c r="I57147" s="1" t="s">
        <v>187135</v>
      </c>
      <c r="J57147" s="1" t="s">
        <v>192202</v>
      </c>
    </row>
    <row r="57148" spans="1:10" x14ac:dyDescent="0.35">
      <c r="A57148" s="1" t="s">
        <v>144338</v>
      </c>
      <c r="B57148" s="1" t="s">
        <v>187129</v>
      </c>
      <c r="C57148" s="1" t="s">
        <v>125</v>
      </c>
      <c r="D57148" s="1" t="s">
        <v>192203</v>
      </c>
      <c r="E57148" s="1" t="s">
        <v>192204</v>
      </c>
      <c r="F57148" s="1" t="s">
        <v>192205</v>
      </c>
      <c r="G57148" s="1" t="s">
        <v>192113</v>
      </c>
      <c r="H57148" s="1" t="s">
        <v>192114</v>
      </c>
      <c r="I57148" s="1" t="s">
        <v>187135</v>
      </c>
      <c r="J57148" s="1" t="s">
        <v>192206</v>
      </c>
    </row>
    <row r="57149" spans="1:10" x14ac:dyDescent="0.35">
      <c r="A57149" s="1" t="s">
        <v>144338</v>
      </c>
      <c r="B57149" s="1" t="s">
        <v>187129</v>
      </c>
      <c r="C57149" s="1" t="s">
        <v>130</v>
      </c>
      <c r="D57149" s="1" t="s">
        <v>192207</v>
      </c>
      <c r="E57149" s="1" t="s">
        <v>192208</v>
      </c>
      <c r="F57149" s="1" t="s">
        <v>192209</v>
      </c>
      <c r="G57149" s="1" t="s">
        <v>192113</v>
      </c>
      <c r="H57149" s="1" t="s">
        <v>192114</v>
      </c>
      <c r="I57149" s="1" t="s">
        <v>187135</v>
      </c>
      <c r="J57149" s="1" t="s">
        <v>192210</v>
      </c>
    </row>
    <row r="57150" spans="1:10" x14ac:dyDescent="0.35">
      <c r="A57150" s="1" t="s">
        <v>144338</v>
      </c>
      <c r="B57150" s="1" t="s">
        <v>187129</v>
      </c>
      <c r="C57150" s="1" t="s">
        <v>135</v>
      </c>
      <c r="D57150" s="1" t="s">
        <v>192211</v>
      </c>
      <c r="E57150" s="1" t="s">
        <v>192212</v>
      </c>
      <c r="F57150" s="1" t="s">
        <v>192213</v>
      </c>
      <c r="G57150" s="1" t="s">
        <v>192113</v>
      </c>
      <c r="H57150" s="1" t="s">
        <v>192114</v>
      </c>
      <c r="I57150" s="1" t="s">
        <v>187135</v>
      </c>
      <c r="J57150" s="1" t="s">
        <v>192214</v>
      </c>
    </row>
    <row r="57151" spans="1:10" x14ac:dyDescent="0.35">
      <c r="A57151" s="1" t="s">
        <v>144338</v>
      </c>
      <c r="B57151" s="1" t="s">
        <v>187129</v>
      </c>
      <c r="C57151" s="1" t="s">
        <v>140</v>
      </c>
      <c r="D57151" s="1" t="s">
        <v>192215</v>
      </c>
      <c r="E57151" s="1" t="s">
        <v>192216</v>
      </c>
      <c r="F57151" s="1" t="s">
        <v>192217</v>
      </c>
      <c r="G57151" s="1" t="s">
        <v>192113</v>
      </c>
      <c r="H57151" s="1" t="s">
        <v>192114</v>
      </c>
      <c r="I57151" s="1" t="s">
        <v>187135</v>
      </c>
      <c r="J57151" s="1" t="s">
        <v>192218</v>
      </c>
    </row>
    <row r="57152" spans="1:10" x14ac:dyDescent="0.35">
      <c r="A57152" s="1" t="s">
        <v>144338</v>
      </c>
      <c r="B57152" s="1" t="s">
        <v>187129</v>
      </c>
      <c r="C57152" s="1" t="s">
        <v>145</v>
      </c>
      <c r="D57152" s="1" t="s">
        <v>192219</v>
      </c>
      <c r="E57152" s="1" t="s">
        <v>192220</v>
      </c>
      <c r="F57152" s="1" t="s">
        <v>192221</v>
      </c>
      <c r="G57152" s="1" t="s">
        <v>192113</v>
      </c>
      <c r="H57152" s="1" t="s">
        <v>192114</v>
      </c>
      <c r="I57152" s="1" t="s">
        <v>187135</v>
      </c>
      <c r="J57152" s="1" t="s">
        <v>192222</v>
      </c>
    </row>
    <row r="57153" spans="1:10" x14ac:dyDescent="0.35">
      <c r="A57153" s="1" t="s">
        <v>144338</v>
      </c>
      <c r="B57153" s="1" t="s">
        <v>187129</v>
      </c>
      <c r="C57153" s="1" t="s">
        <v>150</v>
      </c>
      <c r="D57153" s="1" t="s">
        <v>192223</v>
      </c>
      <c r="E57153" s="1" t="s">
        <v>192224</v>
      </c>
      <c r="F57153" s="1" t="s">
        <v>192225</v>
      </c>
      <c r="G57153" s="1" t="s">
        <v>192113</v>
      </c>
      <c r="H57153" s="1" t="s">
        <v>192114</v>
      </c>
      <c r="I57153" s="1" t="s">
        <v>187135</v>
      </c>
      <c r="J57153" s="1" t="s">
        <v>192226</v>
      </c>
    </row>
    <row r="57154" spans="1:10" x14ac:dyDescent="0.35">
      <c r="A57154" s="1" t="s">
        <v>144338</v>
      </c>
      <c r="B57154" s="1" t="s">
        <v>187129</v>
      </c>
      <c r="C57154" s="1" t="s">
        <v>155</v>
      </c>
      <c r="D57154" s="1" t="s">
        <v>192227</v>
      </c>
      <c r="E57154" s="1" t="s">
        <v>192228</v>
      </c>
      <c r="F57154" s="1" t="s">
        <v>192229</v>
      </c>
      <c r="G57154" s="1" t="s">
        <v>192113</v>
      </c>
      <c r="H57154" s="1" t="s">
        <v>192114</v>
      </c>
      <c r="I57154" s="1" t="s">
        <v>187135</v>
      </c>
      <c r="J57154" s="1" t="s">
        <v>192230</v>
      </c>
    </row>
    <row r="57155" spans="1:10" x14ac:dyDescent="0.35">
      <c r="A57155" s="1" t="s">
        <v>144338</v>
      </c>
      <c r="B57155" s="1" t="s">
        <v>187129</v>
      </c>
      <c r="C57155" s="1" t="s">
        <v>160</v>
      </c>
      <c r="D57155" s="1" t="s">
        <v>192231</v>
      </c>
      <c r="E57155" s="1" t="s">
        <v>192232</v>
      </c>
      <c r="F57155" s="1" t="s">
        <v>192233</v>
      </c>
      <c r="G57155" s="1" t="s">
        <v>192113</v>
      </c>
      <c r="H57155" s="1" t="s">
        <v>192114</v>
      </c>
      <c r="I57155" s="1" t="s">
        <v>187135</v>
      </c>
      <c r="J57155" s="1" t="s">
        <v>192234</v>
      </c>
    </row>
    <row r="57156" spans="1:10" x14ac:dyDescent="0.35">
      <c r="A57156" s="1" t="s">
        <v>144338</v>
      </c>
      <c r="B57156" s="1" t="s">
        <v>187129</v>
      </c>
      <c r="C57156" s="1" t="s">
        <v>165</v>
      </c>
      <c r="D57156" s="1" t="s">
        <v>192235</v>
      </c>
      <c r="E57156" s="1" t="s">
        <v>192236</v>
      </c>
      <c r="F57156" s="1" t="s">
        <v>192237</v>
      </c>
      <c r="G57156" s="1" t="s">
        <v>192113</v>
      </c>
      <c r="H57156" s="1" t="s">
        <v>192114</v>
      </c>
      <c r="I57156" s="1" t="s">
        <v>187135</v>
      </c>
      <c r="J57156" s="1" t="s">
        <v>192238</v>
      </c>
    </row>
    <row r="57157" spans="1:10" x14ac:dyDescent="0.35">
      <c r="A57157" s="1" t="s">
        <v>144338</v>
      </c>
      <c r="B57157" s="1" t="s">
        <v>187129</v>
      </c>
      <c r="C57157" s="1" t="s">
        <v>170</v>
      </c>
      <c r="D57157" s="1" t="s">
        <v>192239</v>
      </c>
      <c r="E57157" s="1" t="s">
        <v>192240</v>
      </c>
      <c r="F57157" s="1" t="s">
        <v>192241</v>
      </c>
      <c r="G57157" s="1" t="s">
        <v>192113</v>
      </c>
      <c r="H57157" s="1" t="s">
        <v>192114</v>
      </c>
      <c r="I57157" s="1" t="s">
        <v>187135</v>
      </c>
      <c r="J57157" s="1" t="s">
        <v>192242</v>
      </c>
    </row>
    <row r="57158" spans="1:10" x14ac:dyDescent="0.35">
      <c r="A57158" s="1" t="s">
        <v>12892</v>
      </c>
      <c r="B57158" s="1" t="s">
        <v>187129</v>
      </c>
      <c r="C57158" s="1" t="s">
        <v>8</v>
      </c>
      <c r="D57158" s="1" t="s">
        <v>175433</v>
      </c>
      <c r="E57158" s="1" t="s">
        <v>192243</v>
      </c>
      <c r="F57158" s="1" t="s">
        <v>192244</v>
      </c>
      <c r="G57158" s="1" t="s">
        <v>192245</v>
      </c>
      <c r="H57158" s="1" t="s">
        <v>192246</v>
      </c>
      <c r="I57158" s="1" t="s">
        <v>187135</v>
      </c>
      <c r="J57158" s="1" t="s">
        <v>13</v>
      </c>
    </row>
    <row r="57159" spans="1:10" x14ac:dyDescent="0.35">
      <c r="A57159" s="1" t="s">
        <v>12892</v>
      </c>
      <c r="B57159" s="1" t="s">
        <v>187129</v>
      </c>
      <c r="C57159" s="1" t="s">
        <v>15</v>
      </c>
      <c r="D57159" s="1" t="s">
        <v>142008</v>
      </c>
      <c r="E57159" s="1" t="s">
        <v>192247</v>
      </c>
      <c r="F57159" s="1" t="s">
        <v>192248</v>
      </c>
      <c r="G57159" s="1" t="s">
        <v>192245</v>
      </c>
      <c r="H57159" s="1" t="s">
        <v>192246</v>
      </c>
      <c r="I57159" s="1" t="s">
        <v>187135</v>
      </c>
      <c r="J57159" s="1" t="s">
        <v>192249</v>
      </c>
    </row>
    <row r="57160" spans="1:10" x14ac:dyDescent="0.35">
      <c r="A57160" s="1" t="s">
        <v>12892</v>
      </c>
      <c r="B57160" s="1" t="s">
        <v>187129</v>
      </c>
      <c r="C57160" s="1" t="s">
        <v>20</v>
      </c>
      <c r="D57160" s="1" t="s">
        <v>9067</v>
      </c>
      <c r="E57160" s="1" t="s">
        <v>192250</v>
      </c>
      <c r="F57160" s="1" t="s">
        <v>192251</v>
      </c>
      <c r="G57160" s="1" t="s">
        <v>192245</v>
      </c>
      <c r="H57160" s="1" t="s">
        <v>192246</v>
      </c>
      <c r="I57160" s="1" t="s">
        <v>187135</v>
      </c>
      <c r="J57160" s="1" t="s">
        <v>192252</v>
      </c>
    </row>
    <row r="57161" spans="1:10" x14ac:dyDescent="0.35">
      <c r="A57161" s="1" t="s">
        <v>12892</v>
      </c>
      <c r="B57161" s="1" t="s">
        <v>187129</v>
      </c>
      <c r="C57161" s="1" t="s">
        <v>25</v>
      </c>
      <c r="D57161" s="1" t="s">
        <v>38413</v>
      </c>
      <c r="E57161" s="1" t="s">
        <v>192253</v>
      </c>
      <c r="F57161" s="1" t="s">
        <v>192254</v>
      </c>
      <c r="G57161" s="1" t="s">
        <v>192245</v>
      </c>
      <c r="H57161" s="1" t="s">
        <v>192246</v>
      </c>
      <c r="I57161" s="1" t="s">
        <v>187135</v>
      </c>
      <c r="J57161" s="1" t="s">
        <v>192255</v>
      </c>
    </row>
    <row r="57162" spans="1:10" x14ac:dyDescent="0.35">
      <c r="A57162" s="1" t="s">
        <v>12892</v>
      </c>
      <c r="B57162" s="1" t="s">
        <v>187129</v>
      </c>
      <c r="C57162" s="1" t="s">
        <v>30</v>
      </c>
      <c r="D57162" s="1" t="s">
        <v>124193</v>
      </c>
      <c r="E57162" s="1" t="s">
        <v>192256</v>
      </c>
      <c r="F57162" s="1" t="s">
        <v>192257</v>
      </c>
      <c r="G57162" s="1" t="s">
        <v>192245</v>
      </c>
      <c r="H57162" s="1" t="s">
        <v>192246</v>
      </c>
      <c r="I57162" s="1" t="s">
        <v>187135</v>
      </c>
      <c r="J57162" s="1" t="s">
        <v>192258</v>
      </c>
    </row>
    <row r="57163" spans="1:10" x14ac:dyDescent="0.35">
      <c r="A57163" s="1" t="s">
        <v>12892</v>
      </c>
      <c r="B57163" s="1" t="s">
        <v>187129</v>
      </c>
      <c r="C57163" s="1" t="s">
        <v>35</v>
      </c>
      <c r="D57163" s="1" t="s">
        <v>74241</v>
      </c>
      <c r="E57163" s="1" t="s">
        <v>192259</v>
      </c>
      <c r="F57163" s="1" t="s">
        <v>192260</v>
      </c>
      <c r="G57163" s="1" t="s">
        <v>192245</v>
      </c>
      <c r="H57163" s="1" t="s">
        <v>192246</v>
      </c>
      <c r="I57163" s="1" t="s">
        <v>187135</v>
      </c>
      <c r="J57163" s="1" t="s">
        <v>192261</v>
      </c>
    </row>
    <row r="57164" spans="1:10" x14ac:dyDescent="0.35">
      <c r="A57164" s="1" t="s">
        <v>12892</v>
      </c>
      <c r="B57164" s="1" t="s">
        <v>187129</v>
      </c>
      <c r="C57164" s="1" t="s">
        <v>40</v>
      </c>
      <c r="D57164" s="1" t="s">
        <v>187827</v>
      </c>
      <c r="E57164" s="1" t="s">
        <v>192262</v>
      </c>
      <c r="F57164" s="1" t="s">
        <v>192263</v>
      </c>
      <c r="G57164" s="1" t="s">
        <v>192245</v>
      </c>
      <c r="H57164" s="1" t="s">
        <v>192246</v>
      </c>
      <c r="I57164" s="1" t="s">
        <v>187135</v>
      </c>
      <c r="J57164" s="1" t="s">
        <v>192264</v>
      </c>
    </row>
    <row r="57165" spans="1:10" x14ac:dyDescent="0.35">
      <c r="A57165" s="1" t="s">
        <v>12892</v>
      </c>
      <c r="B57165" s="1" t="s">
        <v>187129</v>
      </c>
      <c r="C57165" s="1" t="s">
        <v>45</v>
      </c>
      <c r="D57165" s="1" t="s">
        <v>192265</v>
      </c>
      <c r="E57165" s="1" t="s">
        <v>192266</v>
      </c>
      <c r="F57165" s="1" t="s">
        <v>192267</v>
      </c>
      <c r="G57165" s="1" t="s">
        <v>192245</v>
      </c>
      <c r="H57165" s="1" t="s">
        <v>192246</v>
      </c>
      <c r="I57165" s="1" t="s">
        <v>187135</v>
      </c>
      <c r="J57165" s="1" t="s">
        <v>192268</v>
      </c>
    </row>
    <row r="57166" spans="1:10" x14ac:dyDescent="0.35">
      <c r="A57166" s="1" t="s">
        <v>12892</v>
      </c>
      <c r="B57166" s="1" t="s">
        <v>187129</v>
      </c>
      <c r="C57166" s="1" t="s">
        <v>50</v>
      </c>
      <c r="D57166" s="1" t="s">
        <v>189569</v>
      </c>
      <c r="E57166" s="1" t="s">
        <v>192269</v>
      </c>
      <c r="F57166" s="1" t="s">
        <v>192270</v>
      </c>
      <c r="G57166" s="1" t="s">
        <v>192245</v>
      </c>
      <c r="H57166" s="1" t="s">
        <v>192246</v>
      </c>
      <c r="I57166" s="1" t="s">
        <v>187135</v>
      </c>
      <c r="J57166" s="1" t="s">
        <v>192271</v>
      </c>
    </row>
    <row r="57167" spans="1:10" x14ac:dyDescent="0.35">
      <c r="A57167" s="1" t="s">
        <v>12892</v>
      </c>
      <c r="B57167" s="1" t="s">
        <v>187129</v>
      </c>
      <c r="C57167" s="1" t="s">
        <v>55</v>
      </c>
      <c r="D57167" s="1" t="s">
        <v>5469</v>
      </c>
      <c r="E57167" s="1" t="s">
        <v>192272</v>
      </c>
      <c r="F57167" s="1" t="s">
        <v>192273</v>
      </c>
      <c r="G57167" s="1" t="s">
        <v>192245</v>
      </c>
      <c r="H57167" s="1" t="s">
        <v>192246</v>
      </c>
      <c r="I57167" s="1" t="s">
        <v>187135</v>
      </c>
      <c r="J57167" s="1" t="s">
        <v>192274</v>
      </c>
    </row>
    <row r="57168" spans="1:10" x14ac:dyDescent="0.35">
      <c r="A57168" s="1" t="s">
        <v>12892</v>
      </c>
      <c r="B57168" s="1" t="s">
        <v>187129</v>
      </c>
      <c r="C57168" s="1" t="s">
        <v>60</v>
      </c>
      <c r="D57168" s="1" t="s">
        <v>46780</v>
      </c>
      <c r="E57168" s="1" t="s">
        <v>192275</v>
      </c>
      <c r="F57168" s="1" t="s">
        <v>192276</v>
      </c>
      <c r="G57168" s="1" t="s">
        <v>192245</v>
      </c>
      <c r="H57168" s="1" t="s">
        <v>192246</v>
      </c>
      <c r="I57168" s="1" t="s">
        <v>187135</v>
      </c>
      <c r="J57168" s="1" t="s">
        <v>192277</v>
      </c>
    </row>
    <row r="57169" spans="1:10" x14ac:dyDescent="0.35">
      <c r="A57169" s="1" t="s">
        <v>12892</v>
      </c>
      <c r="B57169" s="1" t="s">
        <v>187129</v>
      </c>
      <c r="C57169" s="1" t="s">
        <v>65</v>
      </c>
      <c r="D57169" s="1" t="s">
        <v>9067</v>
      </c>
      <c r="E57169" s="1" t="s">
        <v>192278</v>
      </c>
      <c r="F57169" s="1" t="s">
        <v>192279</v>
      </c>
      <c r="G57169" s="1" t="s">
        <v>192245</v>
      </c>
      <c r="H57169" s="1" t="s">
        <v>192246</v>
      </c>
      <c r="I57169" s="1" t="s">
        <v>187135</v>
      </c>
      <c r="J57169" s="1" t="s">
        <v>192280</v>
      </c>
    </row>
    <row r="57170" spans="1:10" x14ac:dyDescent="0.35">
      <c r="A57170" s="1" t="s">
        <v>12892</v>
      </c>
      <c r="B57170" s="1" t="s">
        <v>187129</v>
      </c>
      <c r="C57170" s="1" t="s">
        <v>70</v>
      </c>
      <c r="D57170" s="1" t="s">
        <v>10578</v>
      </c>
      <c r="E57170" s="1" t="s">
        <v>192281</v>
      </c>
      <c r="F57170" s="1" t="s">
        <v>192282</v>
      </c>
      <c r="G57170" s="1" t="s">
        <v>192245</v>
      </c>
      <c r="H57170" s="1" t="s">
        <v>192246</v>
      </c>
      <c r="I57170" s="1" t="s">
        <v>187135</v>
      </c>
      <c r="J57170" s="1" t="s">
        <v>192283</v>
      </c>
    </row>
    <row r="57171" spans="1:10" x14ac:dyDescent="0.35">
      <c r="A57171" s="1" t="s">
        <v>12892</v>
      </c>
      <c r="B57171" s="1" t="s">
        <v>187129</v>
      </c>
      <c r="C57171" s="1" t="s">
        <v>75</v>
      </c>
      <c r="D57171" s="1" t="s">
        <v>192284</v>
      </c>
      <c r="E57171" s="1" t="s">
        <v>192285</v>
      </c>
      <c r="F57171" s="1" t="s">
        <v>192286</v>
      </c>
      <c r="G57171" s="1" t="s">
        <v>192245</v>
      </c>
      <c r="H57171" s="1" t="s">
        <v>192246</v>
      </c>
      <c r="I57171" s="1" t="s">
        <v>187135</v>
      </c>
      <c r="J57171" s="1" t="s">
        <v>192287</v>
      </c>
    </row>
    <row r="57172" spans="1:10" x14ac:dyDescent="0.35">
      <c r="A57172" s="1" t="s">
        <v>12892</v>
      </c>
      <c r="B57172" s="1" t="s">
        <v>187129</v>
      </c>
      <c r="C57172" s="1" t="s">
        <v>80</v>
      </c>
      <c r="D57172" s="1" t="s">
        <v>192288</v>
      </c>
      <c r="E57172" s="1" t="s">
        <v>192289</v>
      </c>
      <c r="F57172" s="1" t="s">
        <v>192290</v>
      </c>
      <c r="G57172" s="1" t="s">
        <v>192245</v>
      </c>
      <c r="H57172" s="1" t="s">
        <v>192246</v>
      </c>
      <c r="I57172" s="1" t="s">
        <v>187135</v>
      </c>
      <c r="J57172" s="1" t="s">
        <v>192291</v>
      </c>
    </row>
    <row r="57173" spans="1:10" x14ac:dyDescent="0.35">
      <c r="A57173" s="1" t="s">
        <v>12892</v>
      </c>
      <c r="B57173" s="1" t="s">
        <v>187129</v>
      </c>
      <c r="C57173" s="1" t="s">
        <v>85</v>
      </c>
      <c r="D57173" s="1" t="s">
        <v>192292</v>
      </c>
      <c r="E57173" s="1" t="s">
        <v>192293</v>
      </c>
      <c r="F57173" s="1" t="s">
        <v>192294</v>
      </c>
      <c r="G57173" s="1" t="s">
        <v>192245</v>
      </c>
      <c r="H57173" s="1" t="s">
        <v>192246</v>
      </c>
      <c r="I57173" s="1" t="s">
        <v>187135</v>
      </c>
      <c r="J57173" s="1" t="s">
        <v>192295</v>
      </c>
    </row>
    <row r="57174" spans="1:10" x14ac:dyDescent="0.35">
      <c r="A57174" s="1" t="s">
        <v>12892</v>
      </c>
      <c r="B57174" s="1" t="s">
        <v>187129</v>
      </c>
      <c r="C57174" s="1" t="s">
        <v>90</v>
      </c>
      <c r="D57174" s="1" t="s">
        <v>192296</v>
      </c>
      <c r="E57174" s="1" t="s">
        <v>192297</v>
      </c>
      <c r="F57174" s="1" t="s">
        <v>192298</v>
      </c>
      <c r="G57174" s="1" t="s">
        <v>192245</v>
      </c>
      <c r="H57174" s="1" t="s">
        <v>192246</v>
      </c>
      <c r="I57174" s="1" t="s">
        <v>187135</v>
      </c>
      <c r="J57174" s="1" t="s">
        <v>192299</v>
      </c>
    </row>
    <row r="57175" spans="1:10" x14ac:dyDescent="0.35">
      <c r="A57175" s="1" t="s">
        <v>12892</v>
      </c>
      <c r="B57175" s="1" t="s">
        <v>187129</v>
      </c>
      <c r="C57175" s="1" t="s">
        <v>95</v>
      </c>
      <c r="D57175" s="1" t="s">
        <v>53433</v>
      </c>
      <c r="E57175" s="1" t="s">
        <v>192300</v>
      </c>
      <c r="F57175" s="1" t="s">
        <v>192301</v>
      </c>
      <c r="G57175" s="1" t="s">
        <v>192245</v>
      </c>
      <c r="H57175" s="1" t="s">
        <v>192246</v>
      </c>
      <c r="I57175" s="1" t="s">
        <v>187135</v>
      </c>
      <c r="J57175" s="1" t="s">
        <v>192302</v>
      </c>
    </row>
    <row r="57176" spans="1:10" x14ac:dyDescent="0.35">
      <c r="A57176" s="1" t="s">
        <v>12892</v>
      </c>
      <c r="B57176" s="1" t="s">
        <v>187129</v>
      </c>
      <c r="C57176" s="1" t="s">
        <v>100</v>
      </c>
      <c r="D57176" s="1" t="s">
        <v>152759</v>
      </c>
      <c r="E57176" s="1" t="s">
        <v>192303</v>
      </c>
      <c r="F57176" s="1" t="s">
        <v>192304</v>
      </c>
      <c r="G57176" s="1" t="s">
        <v>192245</v>
      </c>
      <c r="H57176" s="1" t="s">
        <v>192246</v>
      </c>
      <c r="I57176" s="1" t="s">
        <v>187135</v>
      </c>
      <c r="J57176" s="1" t="s">
        <v>192305</v>
      </c>
    </row>
    <row r="57177" spans="1:10" x14ac:dyDescent="0.35">
      <c r="A57177" s="1" t="s">
        <v>12892</v>
      </c>
      <c r="B57177" s="1" t="s">
        <v>187129</v>
      </c>
      <c r="C57177" s="1" t="s">
        <v>105</v>
      </c>
      <c r="D57177" s="1" t="s">
        <v>192306</v>
      </c>
      <c r="E57177" s="1" t="s">
        <v>192307</v>
      </c>
      <c r="F57177" s="1" t="s">
        <v>192308</v>
      </c>
      <c r="G57177" s="1" t="s">
        <v>192245</v>
      </c>
      <c r="H57177" s="1" t="s">
        <v>192246</v>
      </c>
      <c r="I57177" s="1" t="s">
        <v>187135</v>
      </c>
      <c r="J57177" s="1" t="s">
        <v>192309</v>
      </c>
    </row>
    <row r="57178" spans="1:10" x14ac:dyDescent="0.35">
      <c r="A57178" s="1" t="s">
        <v>12892</v>
      </c>
      <c r="B57178" s="1" t="s">
        <v>187129</v>
      </c>
      <c r="C57178" s="1" t="s">
        <v>110</v>
      </c>
      <c r="D57178" s="1" t="s">
        <v>113236</v>
      </c>
      <c r="E57178" s="1" t="s">
        <v>192310</v>
      </c>
      <c r="F57178" s="1" t="s">
        <v>192311</v>
      </c>
      <c r="G57178" s="1" t="s">
        <v>192245</v>
      </c>
      <c r="H57178" s="1" t="s">
        <v>192246</v>
      </c>
      <c r="I57178" s="1" t="s">
        <v>187135</v>
      </c>
      <c r="J57178" s="1" t="s">
        <v>192312</v>
      </c>
    </row>
    <row r="57179" spans="1:10" x14ac:dyDescent="0.35">
      <c r="A57179" s="1" t="s">
        <v>12892</v>
      </c>
      <c r="B57179" s="1" t="s">
        <v>187129</v>
      </c>
      <c r="C57179" s="1" t="s">
        <v>115</v>
      </c>
      <c r="D57179" s="1" t="s">
        <v>192313</v>
      </c>
      <c r="E57179" s="1" t="s">
        <v>192314</v>
      </c>
      <c r="F57179" s="1" t="s">
        <v>192315</v>
      </c>
      <c r="G57179" s="1" t="s">
        <v>192245</v>
      </c>
      <c r="H57179" s="1" t="s">
        <v>192246</v>
      </c>
      <c r="I57179" s="1" t="s">
        <v>187135</v>
      </c>
      <c r="J57179" s="1" t="s">
        <v>192316</v>
      </c>
    </row>
    <row r="57180" spans="1:10" x14ac:dyDescent="0.35">
      <c r="A57180" s="1" t="s">
        <v>12892</v>
      </c>
      <c r="B57180" s="1" t="s">
        <v>187129</v>
      </c>
      <c r="C57180" s="1" t="s">
        <v>120</v>
      </c>
      <c r="D57180" s="1" t="s">
        <v>192317</v>
      </c>
      <c r="E57180" s="1" t="s">
        <v>192318</v>
      </c>
      <c r="F57180" s="1" t="s">
        <v>192319</v>
      </c>
      <c r="G57180" s="1" t="s">
        <v>192245</v>
      </c>
      <c r="H57180" s="1" t="s">
        <v>192246</v>
      </c>
      <c r="I57180" s="1" t="s">
        <v>187135</v>
      </c>
      <c r="J57180" s="1" t="s">
        <v>192320</v>
      </c>
    </row>
    <row r="57181" spans="1:10" x14ac:dyDescent="0.35">
      <c r="A57181" s="1" t="s">
        <v>12892</v>
      </c>
      <c r="B57181" s="1" t="s">
        <v>187129</v>
      </c>
      <c r="C57181" s="1" t="s">
        <v>125</v>
      </c>
      <c r="D57181" s="1" t="s">
        <v>18115</v>
      </c>
      <c r="E57181" s="1" t="s">
        <v>192321</v>
      </c>
      <c r="F57181" s="1" t="s">
        <v>192322</v>
      </c>
      <c r="G57181" s="1" t="s">
        <v>192245</v>
      </c>
      <c r="H57181" s="1" t="s">
        <v>192246</v>
      </c>
      <c r="I57181" s="1" t="s">
        <v>187135</v>
      </c>
      <c r="J57181" s="1" t="s">
        <v>192323</v>
      </c>
    </row>
    <row r="57182" spans="1:10" x14ac:dyDescent="0.35">
      <c r="A57182" s="1" t="s">
        <v>12892</v>
      </c>
      <c r="B57182" s="1" t="s">
        <v>187129</v>
      </c>
      <c r="C57182" s="1" t="s">
        <v>130</v>
      </c>
      <c r="D57182" s="1" t="s">
        <v>174010</v>
      </c>
      <c r="E57182" s="1" t="s">
        <v>192324</v>
      </c>
      <c r="F57182" s="1" t="s">
        <v>192325</v>
      </c>
      <c r="G57182" s="1" t="s">
        <v>192245</v>
      </c>
      <c r="H57182" s="1" t="s">
        <v>192246</v>
      </c>
      <c r="I57182" s="1" t="s">
        <v>187135</v>
      </c>
      <c r="J57182" s="1" t="s">
        <v>192326</v>
      </c>
    </row>
    <row r="57183" spans="1:10" x14ac:dyDescent="0.35">
      <c r="A57183" s="1" t="s">
        <v>12892</v>
      </c>
      <c r="B57183" s="1" t="s">
        <v>187129</v>
      </c>
      <c r="C57183" s="1" t="s">
        <v>135</v>
      </c>
      <c r="D57183" s="1" t="s">
        <v>192327</v>
      </c>
      <c r="E57183" s="1" t="s">
        <v>192328</v>
      </c>
      <c r="F57183" s="1" t="s">
        <v>192329</v>
      </c>
      <c r="G57183" s="1" t="s">
        <v>192245</v>
      </c>
      <c r="H57183" s="1" t="s">
        <v>192246</v>
      </c>
      <c r="I57183" s="1" t="s">
        <v>187135</v>
      </c>
      <c r="J57183" s="1" t="s">
        <v>192330</v>
      </c>
    </row>
    <row r="57184" spans="1:10" x14ac:dyDescent="0.35">
      <c r="A57184" s="1" t="s">
        <v>12892</v>
      </c>
      <c r="B57184" s="1" t="s">
        <v>187129</v>
      </c>
      <c r="C57184" s="1" t="s">
        <v>140</v>
      </c>
      <c r="D57184" s="1" t="s">
        <v>98669</v>
      </c>
      <c r="E57184" s="1" t="s">
        <v>192331</v>
      </c>
      <c r="F57184" s="1" t="s">
        <v>192332</v>
      </c>
      <c r="G57184" s="1" t="s">
        <v>192245</v>
      </c>
      <c r="H57184" s="1" t="s">
        <v>192246</v>
      </c>
      <c r="I57184" s="1" t="s">
        <v>187135</v>
      </c>
      <c r="J57184" s="1" t="s">
        <v>192333</v>
      </c>
    </row>
    <row r="57185" spans="1:10" x14ac:dyDescent="0.35">
      <c r="A57185" s="1" t="s">
        <v>12892</v>
      </c>
      <c r="B57185" s="1" t="s">
        <v>187129</v>
      </c>
      <c r="C57185" s="1" t="s">
        <v>145</v>
      </c>
      <c r="D57185" s="1" t="s">
        <v>192334</v>
      </c>
      <c r="E57185" s="1" t="s">
        <v>192335</v>
      </c>
      <c r="F57185" s="1" t="s">
        <v>192336</v>
      </c>
      <c r="G57185" s="1" t="s">
        <v>192245</v>
      </c>
      <c r="H57185" s="1" t="s">
        <v>192246</v>
      </c>
      <c r="I57185" s="1" t="s">
        <v>187135</v>
      </c>
      <c r="J57185" s="1" t="s">
        <v>192337</v>
      </c>
    </row>
    <row r="57186" spans="1:10" x14ac:dyDescent="0.35">
      <c r="A57186" s="1" t="s">
        <v>12892</v>
      </c>
      <c r="B57186" s="1" t="s">
        <v>187129</v>
      </c>
      <c r="C57186" s="1" t="s">
        <v>150</v>
      </c>
      <c r="D57186" s="1" t="s">
        <v>192338</v>
      </c>
      <c r="E57186" s="1" t="s">
        <v>192339</v>
      </c>
      <c r="F57186" s="1" t="s">
        <v>192340</v>
      </c>
      <c r="G57186" s="1" t="s">
        <v>192245</v>
      </c>
      <c r="H57186" s="1" t="s">
        <v>192246</v>
      </c>
      <c r="I57186" s="1" t="s">
        <v>187135</v>
      </c>
      <c r="J57186" s="1" t="s">
        <v>192341</v>
      </c>
    </row>
    <row r="57187" spans="1:10" x14ac:dyDescent="0.35">
      <c r="A57187" s="1" t="s">
        <v>12892</v>
      </c>
      <c r="B57187" s="1" t="s">
        <v>187129</v>
      </c>
      <c r="C57187" s="1" t="s">
        <v>155</v>
      </c>
      <c r="D57187" s="1" t="s">
        <v>79125</v>
      </c>
      <c r="E57187" s="1" t="s">
        <v>192342</v>
      </c>
      <c r="F57187" s="1" t="s">
        <v>192343</v>
      </c>
      <c r="G57187" s="1" t="s">
        <v>192245</v>
      </c>
      <c r="H57187" s="1" t="s">
        <v>192246</v>
      </c>
      <c r="I57187" s="1" t="s">
        <v>187135</v>
      </c>
      <c r="J57187" s="1" t="s">
        <v>192344</v>
      </c>
    </row>
    <row r="57188" spans="1:10" x14ac:dyDescent="0.35">
      <c r="A57188" s="1" t="s">
        <v>12892</v>
      </c>
      <c r="B57188" s="1" t="s">
        <v>187129</v>
      </c>
      <c r="C57188" s="1" t="s">
        <v>160</v>
      </c>
      <c r="D57188" s="1" t="s">
        <v>190866</v>
      </c>
      <c r="E57188" s="1" t="s">
        <v>192345</v>
      </c>
      <c r="F57188" s="1" t="s">
        <v>192346</v>
      </c>
      <c r="G57188" s="1" t="s">
        <v>192245</v>
      </c>
      <c r="H57188" s="1" t="s">
        <v>192246</v>
      </c>
      <c r="I57188" s="1" t="s">
        <v>187135</v>
      </c>
      <c r="J57188" s="1" t="s">
        <v>192347</v>
      </c>
    </row>
    <row r="57189" spans="1:10" x14ac:dyDescent="0.35">
      <c r="A57189" s="1" t="s">
        <v>12892</v>
      </c>
      <c r="B57189" s="1" t="s">
        <v>187129</v>
      </c>
      <c r="C57189" s="1" t="s">
        <v>165</v>
      </c>
      <c r="D57189" s="1" t="s">
        <v>101785</v>
      </c>
      <c r="E57189" s="1" t="s">
        <v>21322</v>
      </c>
      <c r="F57189" s="1" t="s">
        <v>192348</v>
      </c>
      <c r="G57189" s="1" t="s">
        <v>192245</v>
      </c>
      <c r="H57189" s="1" t="s">
        <v>192246</v>
      </c>
      <c r="I57189" s="1" t="s">
        <v>187135</v>
      </c>
      <c r="J57189" s="1" t="s">
        <v>192349</v>
      </c>
    </row>
    <row r="57190" spans="1:10" x14ac:dyDescent="0.35">
      <c r="A57190" s="1" t="s">
        <v>12892</v>
      </c>
      <c r="B57190" s="1" t="s">
        <v>187129</v>
      </c>
      <c r="C57190" s="1" t="s">
        <v>170</v>
      </c>
      <c r="D57190" s="1" t="s">
        <v>192350</v>
      </c>
      <c r="E57190" s="1" t="s">
        <v>192351</v>
      </c>
      <c r="F57190" s="1" t="s">
        <v>192352</v>
      </c>
      <c r="G57190" s="1" t="s">
        <v>192245</v>
      </c>
      <c r="H57190" s="1" t="s">
        <v>192246</v>
      </c>
      <c r="I57190" s="1" t="s">
        <v>187135</v>
      </c>
      <c r="J57190" s="1" t="s">
        <v>192353</v>
      </c>
    </row>
    <row r="57191" spans="1:10" x14ac:dyDescent="0.35">
      <c r="A57191" s="1" t="s">
        <v>143677</v>
      </c>
      <c r="B57191" s="1" t="s">
        <v>187129</v>
      </c>
      <c r="C57191" s="1" t="s">
        <v>8</v>
      </c>
      <c r="D57191" s="1" t="s">
        <v>148968</v>
      </c>
      <c r="E57191" s="1" t="s">
        <v>192354</v>
      </c>
      <c r="F57191" s="1" t="s">
        <v>192355</v>
      </c>
      <c r="G57191" s="1" t="s">
        <v>192356</v>
      </c>
      <c r="H57191" s="1" t="s">
        <v>192357</v>
      </c>
      <c r="I57191" s="1" t="s">
        <v>187135</v>
      </c>
      <c r="J57191" s="1" t="s">
        <v>13</v>
      </c>
    </row>
    <row r="57192" spans="1:10" x14ac:dyDescent="0.35">
      <c r="A57192" s="1" t="s">
        <v>143677</v>
      </c>
      <c r="B57192" s="1" t="s">
        <v>187129</v>
      </c>
      <c r="C57192" s="1" t="s">
        <v>15</v>
      </c>
      <c r="D57192" s="1" t="s">
        <v>192358</v>
      </c>
      <c r="E57192" s="1" t="s">
        <v>192359</v>
      </c>
      <c r="F57192" s="1" t="s">
        <v>192360</v>
      </c>
      <c r="G57192" s="1" t="s">
        <v>192356</v>
      </c>
      <c r="H57192" s="1" t="s">
        <v>192357</v>
      </c>
      <c r="I57192" s="1" t="s">
        <v>187135</v>
      </c>
      <c r="J57192" s="1" t="s">
        <v>192361</v>
      </c>
    </row>
    <row r="57193" spans="1:10" x14ac:dyDescent="0.35">
      <c r="A57193" s="1" t="s">
        <v>143677</v>
      </c>
      <c r="B57193" s="1" t="s">
        <v>187129</v>
      </c>
      <c r="C57193" s="1" t="s">
        <v>20</v>
      </c>
      <c r="D57193" s="1" t="s">
        <v>51011</v>
      </c>
      <c r="E57193" s="1" t="s">
        <v>192362</v>
      </c>
      <c r="F57193" s="1" t="s">
        <v>192363</v>
      </c>
      <c r="G57193" s="1" t="s">
        <v>192356</v>
      </c>
      <c r="H57193" s="1" t="s">
        <v>192357</v>
      </c>
      <c r="I57193" s="1" t="s">
        <v>187135</v>
      </c>
      <c r="J57193" s="1" t="s">
        <v>192364</v>
      </c>
    </row>
    <row r="57194" spans="1:10" x14ac:dyDescent="0.35">
      <c r="A57194" s="1" t="s">
        <v>143677</v>
      </c>
      <c r="B57194" s="1" t="s">
        <v>187129</v>
      </c>
      <c r="C57194" s="1" t="s">
        <v>25</v>
      </c>
      <c r="D57194" s="1" t="s">
        <v>144172</v>
      </c>
      <c r="E57194" s="1" t="s">
        <v>192365</v>
      </c>
      <c r="F57194" s="1" t="s">
        <v>192366</v>
      </c>
      <c r="G57194" s="1" t="s">
        <v>192356</v>
      </c>
      <c r="H57194" s="1" t="s">
        <v>192357</v>
      </c>
      <c r="I57194" s="1" t="s">
        <v>187135</v>
      </c>
      <c r="J57194" s="1" t="s">
        <v>192367</v>
      </c>
    </row>
    <row r="57195" spans="1:10" x14ac:dyDescent="0.35">
      <c r="A57195" s="1" t="s">
        <v>143677</v>
      </c>
      <c r="B57195" s="1" t="s">
        <v>187129</v>
      </c>
      <c r="C57195" s="1" t="s">
        <v>30</v>
      </c>
      <c r="D57195" s="1" t="s">
        <v>192368</v>
      </c>
      <c r="E57195" s="1" t="s">
        <v>192369</v>
      </c>
      <c r="F57195" s="1" t="s">
        <v>192370</v>
      </c>
      <c r="G57195" s="1" t="s">
        <v>192356</v>
      </c>
      <c r="H57195" s="1" t="s">
        <v>192357</v>
      </c>
      <c r="I57195" s="1" t="s">
        <v>187135</v>
      </c>
      <c r="J57195" s="1" t="s">
        <v>192371</v>
      </c>
    </row>
    <row r="57196" spans="1:10" x14ac:dyDescent="0.35">
      <c r="A57196" s="1" t="s">
        <v>143677</v>
      </c>
      <c r="B57196" s="1" t="s">
        <v>187129</v>
      </c>
      <c r="C57196" s="1" t="s">
        <v>35</v>
      </c>
      <c r="D57196" s="1" t="s">
        <v>148926</v>
      </c>
      <c r="E57196" s="1" t="s">
        <v>192372</v>
      </c>
      <c r="F57196" s="1" t="s">
        <v>192373</v>
      </c>
      <c r="G57196" s="1" t="s">
        <v>192356</v>
      </c>
      <c r="H57196" s="1" t="s">
        <v>192357</v>
      </c>
      <c r="I57196" s="1" t="s">
        <v>187135</v>
      </c>
      <c r="J57196" s="1" t="s">
        <v>192374</v>
      </c>
    </row>
    <row r="57197" spans="1:10" x14ac:dyDescent="0.35">
      <c r="A57197" s="1" t="s">
        <v>143677</v>
      </c>
      <c r="B57197" s="1" t="s">
        <v>187129</v>
      </c>
      <c r="C57197" s="1" t="s">
        <v>40</v>
      </c>
      <c r="D57197" s="1" t="s">
        <v>192375</v>
      </c>
      <c r="E57197" s="1" t="s">
        <v>192376</v>
      </c>
      <c r="F57197" s="1" t="s">
        <v>192377</v>
      </c>
      <c r="G57197" s="1" t="s">
        <v>192356</v>
      </c>
      <c r="H57197" s="1" t="s">
        <v>192357</v>
      </c>
      <c r="I57197" s="1" t="s">
        <v>187135</v>
      </c>
      <c r="J57197" s="1" t="s">
        <v>192378</v>
      </c>
    </row>
    <row r="57198" spans="1:10" x14ac:dyDescent="0.35">
      <c r="A57198" s="1" t="s">
        <v>143677</v>
      </c>
      <c r="B57198" s="1" t="s">
        <v>187129</v>
      </c>
      <c r="C57198" s="1" t="s">
        <v>45</v>
      </c>
      <c r="D57198" s="1" t="s">
        <v>352</v>
      </c>
      <c r="E57198" s="1" t="s">
        <v>192379</v>
      </c>
      <c r="F57198" s="1" t="s">
        <v>192380</v>
      </c>
      <c r="G57198" s="1" t="s">
        <v>192356</v>
      </c>
      <c r="H57198" s="1" t="s">
        <v>192357</v>
      </c>
      <c r="I57198" s="1" t="s">
        <v>187135</v>
      </c>
      <c r="J57198" s="1" t="s">
        <v>192381</v>
      </c>
    </row>
    <row r="57199" spans="1:10" x14ac:dyDescent="0.35">
      <c r="A57199" s="1" t="s">
        <v>143677</v>
      </c>
      <c r="B57199" s="1" t="s">
        <v>187129</v>
      </c>
      <c r="C57199" s="1" t="s">
        <v>50</v>
      </c>
      <c r="D57199" s="1" t="s">
        <v>151584</v>
      </c>
      <c r="E57199" s="1" t="s">
        <v>192382</v>
      </c>
      <c r="F57199" s="1" t="s">
        <v>192383</v>
      </c>
      <c r="G57199" s="1" t="s">
        <v>192356</v>
      </c>
      <c r="H57199" s="1" t="s">
        <v>192357</v>
      </c>
      <c r="I57199" s="1" t="s">
        <v>187135</v>
      </c>
      <c r="J57199" s="1" t="s">
        <v>192384</v>
      </c>
    </row>
    <row r="57200" spans="1:10" x14ac:dyDescent="0.35">
      <c r="A57200" s="1" t="s">
        <v>143677</v>
      </c>
      <c r="B57200" s="1" t="s">
        <v>187129</v>
      </c>
      <c r="C57200" s="1" t="s">
        <v>55</v>
      </c>
      <c r="D57200" s="1" t="s">
        <v>14506</v>
      </c>
      <c r="E57200" s="1" t="s">
        <v>192385</v>
      </c>
      <c r="F57200" s="1" t="s">
        <v>192386</v>
      </c>
      <c r="G57200" s="1" t="s">
        <v>192356</v>
      </c>
      <c r="H57200" s="1" t="s">
        <v>192357</v>
      </c>
      <c r="I57200" s="1" t="s">
        <v>187135</v>
      </c>
      <c r="J57200" s="1" t="s">
        <v>192387</v>
      </c>
    </row>
    <row r="57201" spans="1:10" x14ac:dyDescent="0.35">
      <c r="A57201" s="1" t="s">
        <v>143677</v>
      </c>
      <c r="B57201" s="1" t="s">
        <v>187129</v>
      </c>
      <c r="C57201" s="1" t="s">
        <v>60</v>
      </c>
      <c r="D57201" s="1" t="s">
        <v>28224</v>
      </c>
      <c r="E57201" s="1" t="s">
        <v>192388</v>
      </c>
      <c r="F57201" s="1" t="s">
        <v>192389</v>
      </c>
      <c r="G57201" s="1" t="s">
        <v>192356</v>
      </c>
      <c r="H57201" s="1" t="s">
        <v>192357</v>
      </c>
      <c r="I57201" s="1" t="s">
        <v>187135</v>
      </c>
      <c r="J57201" s="1" t="s">
        <v>192390</v>
      </c>
    </row>
    <row r="57202" spans="1:10" x14ac:dyDescent="0.35">
      <c r="A57202" s="1" t="s">
        <v>143677</v>
      </c>
      <c r="B57202" s="1" t="s">
        <v>187129</v>
      </c>
      <c r="C57202" s="1" t="s">
        <v>65</v>
      </c>
      <c r="D57202" s="1" t="s">
        <v>192391</v>
      </c>
      <c r="E57202" s="1" t="s">
        <v>192392</v>
      </c>
      <c r="F57202" s="1" t="s">
        <v>192393</v>
      </c>
      <c r="G57202" s="1" t="s">
        <v>192356</v>
      </c>
      <c r="H57202" s="1" t="s">
        <v>192357</v>
      </c>
      <c r="I57202" s="1" t="s">
        <v>187135</v>
      </c>
      <c r="J57202" s="1" t="s">
        <v>192394</v>
      </c>
    </row>
    <row r="57203" spans="1:10" x14ac:dyDescent="0.35">
      <c r="A57203" s="1" t="s">
        <v>143677</v>
      </c>
      <c r="B57203" s="1" t="s">
        <v>187129</v>
      </c>
      <c r="C57203" s="1" t="s">
        <v>70</v>
      </c>
      <c r="D57203" s="1" t="s">
        <v>38823</v>
      </c>
      <c r="E57203" s="1" t="s">
        <v>192395</v>
      </c>
      <c r="F57203" s="1" t="s">
        <v>192396</v>
      </c>
      <c r="G57203" s="1" t="s">
        <v>192356</v>
      </c>
      <c r="H57203" s="1" t="s">
        <v>192357</v>
      </c>
      <c r="I57203" s="1" t="s">
        <v>187135</v>
      </c>
      <c r="J57203" s="1" t="s">
        <v>192397</v>
      </c>
    </row>
    <row r="57204" spans="1:10" x14ac:dyDescent="0.35">
      <c r="A57204" s="1" t="s">
        <v>143677</v>
      </c>
      <c r="B57204" s="1" t="s">
        <v>187129</v>
      </c>
      <c r="C57204" s="1" t="s">
        <v>75</v>
      </c>
      <c r="D57204" s="1" t="s">
        <v>192398</v>
      </c>
      <c r="E57204" s="1" t="s">
        <v>192399</v>
      </c>
      <c r="F57204" s="1" t="s">
        <v>192400</v>
      </c>
      <c r="G57204" s="1" t="s">
        <v>192356</v>
      </c>
      <c r="H57204" s="1" t="s">
        <v>192357</v>
      </c>
      <c r="I57204" s="1" t="s">
        <v>187135</v>
      </c>
      <c r="J57204" s="1" t="s">
        <v>192401</v>
      </c>
    </row>
    <row r="57205" spans="1:10" x14ac:dyDescent="0.35">
      <c r="A57205" s="1" t="s">
        <v>143677</v>
      </c>
      <c r="B57205" s="1" t="s">
        <v>187129</v>
      </c>
      <c r="C57205" s="1" t="s">
        <v>80</v>
      </c>
      <c r="D57205" s="1" t="s">
        <v>192402</v>
      </c>
      <c r="E57205" s="1" t="s">
        <v>192403</v>
      </c>
      <c r="F57205" s="1" t="s">
        <v>192404</v>
      </c>
      <c r="G57205" s="1" t="s">
        <v>192356</v>
      </c>
      <c r="H57205" s="1" t="s">
        <v>192357</v>
      </c>
      <c r="I57205" s="1" t="s">
        <v>187135</v>
      </c>
      <c r="J57205" s="1" t="s">
        <v>192405</v>
      </c>
    </row>
    <row r="57206" spans="1:10" x14ac:dyDescent="0.35">
      <c r="A57206" s="1" t="s">
        <v>143677</v>
      </c>
      <c r="B57206" s="1" t="s">
        <v>187129</v>
      </c>
      <c r="C57206" s="1" t="s">
        <v>85</v>
      </c>
      <c r="D57206" s="1" t="s">
        <v>34872</v>
      </c>
      <c r="E57206" s="1" t="s">
        <v>192406</v>
      </c>
      <c r="F57206" s="1" t="s">
        <v>192407</v>
      </c>
      <c r="G57206" s="1" t="s">
        <v>192356</v>
      </c>
      <c r="H57206" s="1" t="s">
        <v>192357</v>
      </c>
      <c r="I57206" s="1" t="s">
        <v>187135</v>
      </c>
      <c r="J57206" s="1" t="s">
        <v>192408</v>
      </c>
    </row>
    <row r="57207" spans="1:10" x14ac:dyDescent="0.35">
      <c r="A57207" s="1" t="s">
        <v>143677</v>
      </c>
      <c r="B57207" s="1" t="s">
        <v>187129</v>
      </c>
      <c r="C57207" s="1" t="s">
        <v>90</v>
      </c>
      <c r="D57207" s="1" t="s">
        <v>10373</v>
      </c>
      <c r="E57207" s="1" t="s">
        <v>192409</v>
      </c>
      <c r="F57207" s="1" t="s">
        <v>192410</v>
      </c>
      <c r="G57207" s="1" t="s">
        <v>192356</v>
      </c>
      <c r="H57207" s="1" t="s">
        <v>192357</v>
      </c>
      <c r="I57207" s="1" t="s">
        <v>187135</v>
      </c>
      <c r="J57207" s="1" t="s">
        <v>192411</v>
      </c>
    </row>
    <row r="57208" spans="1:10" x14ac:dyDescent="0.35">
      <c r="A57208" s="1" t="s">
        <v>143677</v>
      </c>
      <c r="B57208" s="1" t="s">
        <v>187129</v>
      </c>
      <c r="C57208" s="1" t="s">
        <v>95</v>
      </c>
      <c r="D57208" s="1" t="s">
        <v>192412</v>
      </c>
      <c r="E57208" s="1" t="s">
        <v>192413</v>
      </c>
      <c r="F57208" s="1" t="s">
        <v>192414</v>
      </c>
      <c r="G57208" s="1" t="s">
        <v>192356</v>
      </c>
      <c r="H57208" s="1" t="s">
        <v>192357</v>
      </c>
      <c r="I57208" s="1" t="s">
        <v>187135</v>
      </c>
      <c r="J57208" s="1" t="s">
        <v>192415</v>
      </c>
    </row>
    <row r="57209" spans="1:10" x14ac:dyDescent="0.35">
      <c r="A57209" s="1" t="s">
        <v>143677</v>
      </c>
      <c r="B57209" s="1" t="s">
        <v>187129</v>
      </c>
      <c r="C57209" s="1" t="s">
        <v>100</v>
      </c>
      <c r="D57209" s="1" t="s">
        <v>192416</v>
      </c>
      <c r="E57209" s="1" t="s">
        <v>192417</v>
      </c>
      <c r="F57209" s="1" t="s">
        <v>192418</v>
      </c>
      <c r="G57209" s="1" t="s">
        <v>192356</v>
      </c>
      <c r="H57209" s="1" t="s">
        <v>192357</v>
      </c>
      <c r="I57209" s="1" t="s">
        <v>187135</v>
      </c>
      <c r="J57209" s="1" t="s">
        <v>192419</v>
      </c>
    </row>
    <row r="57210" spans="1:10" x14ac:dyDescent="0.35">
      <c r="A57210" s="1" t="s">
        <v>143677</v>
      </c>
      <c r="B57210" s="1" t="s">
        <v>187129</v>
      </c>
      <c r="C57210" s="1" t="s">
        <v>105</v>
      </c>
      <c r="D57210" s="1" t="s">
        <v>155130</v>
      </c>
      <c r="E57210" s="1" t="s">
        <v>192420</v>
      </c>
      <c r="F57210" s="1" t="s">
        <v>192421</v>
      </c>
      <c r="G57210" s="1" t="s">
        <v>192356</v>
      </c>
      <c r="H57210" s="1" t="s">
        <v>192357</v>
      </c>
      <c r="I57210" s="1" t="s">
        <v>187135</v>
      </c>
      <c r="J57210" s="1" t="s">
        <v>192422</v>
      </c>
    </row>
    <row r="57211" spans="1:10" x14ac:dyDescent="0.35">
      <c r="A57211" s="1" t="s">
        <v>143677</v>
      </c>
      <c r="B57211" s="1" t="s">
        <v>187129</v>
      </c>
      <c r="C57211" s="1" t="s">
        <v>110</v>
      </c>
      <c r="D57211" s="1" t="s">
        <v>173041</v>
      </c>
      <c r="E57211" s="1" t="s">
        <v>192423</v>
      </c>
      <c r="F57211" s="1" t="s">
        <v>192424</v>
      </c>
      <c r="G57211" s="1" t="s">
        <v>192356</v>
      </c>
      <c r="H57211" s="1" t="s">
        <v>192357</v>
      </c>
      <c r="I57211" s="1" t="s">
        <v>187135</v>
      </c>
      <c r="J57211" s="1" t="s">
        <v>192425</v>
      </c>
    </row>
    <row r="57212" spans="1:10" x14ac:dyDescent="0.35">
      <c r="A57212" s="1" t="s">
        <v>143677</v>
      </c>
      <c r="B57212" s="1" t="s">
        <v>187129</v>
      </c>
      <c r="C57212" s="1" t="s">
        <v>115</v>
      </c>
      <c r="D57212" s="1" t="s">
        <v>13520</v>
      </c>
      <c r="E57212" s="1" t="s">
        <v>192426</v>
      </c>
      <c r="F57212" s="1" t="s">
        <v>192427</v>
      </c>
      <c r="G57212" s="1" t="s">
        <v>192356</v>
      </c>
      <c r="H57212" s="1" t="s">
        <v>192357</v>
      </c>
      <c r="I57212" s="1" t="s">
        <v>187135</v>
      </c>
      <c r="J57212" s="1" t="s">
        <v>192428</v>
      </c>
    </row>
    <row r="57213" spans="1:10" x14ac:dyDescent="0.35">
      <c r="A57213" s="1" t="s">
        <v>143677</v>
      </c>
      <c r="B57213" s="1" t="s">
        <v>187129</v>
      </c>
      <c r="C57213" s="1" t="s">
        <v>120</v>
      </c>
      <c r="D57213" s="1" t="s">
        <v>124193</v>
      </c>
      <c r="E57213" s="1" t="s">
        <v>192429</v>
      </c>
      <c r="F57213" s="1" t="s">
        <v>192430</v>
      </c>
      <c r="G57213" s="1" t="s">
        <v>192356</v>
      </c>
      <c r="H57213" s="1" t="s">
        <v>192357</v>
      </c>
      <c r="I57213" s="1" t="s">
        <v>187135</v>
      </c>
      <c r="J57213" s="1" t="s">
        <v>192431</v>
      </c>
    </row>
    <row r="57214" spans="1:10" x14ac:dyDescent="0.35">
      <c r="A57214" s="1" t="s">
        <v>143677</v>
      </c>
      <c r="B57214" s="1" t="s">
        <v>187129</v>
      </c>
      <c r="C57214" s="1" t="s">
        <v>125</v>
      </c>
      <c r="D57214" s="1" t="s">
        <v>18510</v>
      </c>
      <c r="E57214" s="1" t="s">
        <v>192432</v>
      </c>
      <c r="F57214" s="1" t="s">
        <v>192433</v>
      </c>
      <c r="G57214" s="1" t="s">
        <v>192356</v>
      </c>
      <c r="H57214" s="1" t="s">
        <v>192357</v>
      </c>
      <c r="I57214" s="1" t="s">
        <v>187135</v>
      </c>
      <c r="J57214" s="1" t="s">
        <v>192434</v>
      </c>
    </row>
    <row r="57215" spans="1:10" x14ac:dyDescent="0.35">
      <c r="A57215" s="1" t="s">
        <v>143677</v>
      </c>
      <c r="B57215" s="1" t="s">
        <v>187129</v>
      </c>
      <c r="C57215" s="1" t="s">
        <v>130</v>
      </c>
      <c r="D57215" s="1" t="s">
        <v>113072</v>
      </c>
      <c r="E57215" s="1" t="s">
        <v>192435</v>
      </c>
      <c r="F57215" s="1" t="s">
        <v>192436</v>
      </c>
      <c r="G57215" s="1" t="s">
        <v>192356</v>
      </c>
      <c r="H57215" s="1" t="s">
        <v>192357</v>
      </c>
      <c r="I57215" s="1" t="s">
        <v>187135</v>
      </c>
      <c r="J57215" s="1" t="s">
        <v>192437</v>
      </c>
    </row>
    <row r="57216" spans="1:10" x14ac:dyDescent="0.35">
      <c r="A57216" s="1" t="s">
        <v>143677</v>
      </c>
      <c r="B57216" s="1" t="s">
        <v>187129</v>
      </c>
      <c r="C57216" s="1" t="s">
        <v>135</v>
      </c>
      <c r="D57216" s="1" t="s">
        <v>71608</v>
      </c>
      <c r="E57216" s="1" t="s">
        <v>192438</v>
      </c>
      <c r="F57216" s="1" t="s">
        <v>192439</v>
      </c>
      <c r="G57216" s="1" t="s">
        <v>192356</v>
      </c>
      <c r="H57216" s="1" t="s">
        <v>192357</v>
      </c>
      <c r="I57216" s="1" t="s">
        <v>187135</v>
      </c>
      <c r="J57216" s="1" t="s">
        <v>192440</v>
      </c>
    </row>
    <row r="57217" spans="1:10" x14ac:dyDescent="0.35">
      <c r="A57217" s="1" t="s">
        <v>143677</v>
      </c>
      <c r="B57217" s="1" t="s">
        <v>187129</v>
      </c>
      <c r="C57217" s="1" t="s">
        <v>140</v>
      </c>
      <c r="D57217" s="1" t="s">
        <v>73621</v>
      </c>
      <c r="E57217" s="1" t="s">
        <v>192441</v>
      </c>
      <c r="F57217" s="1" t="s">
        <v>192442</v>
      </c>
      <c r="G57217" s="1" t="s">
        <v>192356</v>
      </c>
      <c r="H57217" s="1" t="s">
        <v>192357</v>
      </c>
      <c r="I57217" s="1" t="s">
        <v>187135</v>
      </c>
      <c r="J57217" s="1" t="s">
        <v>192443</v>
      </c>
    </row>
    <row r="57218" spans="1:10" x14ac:dyDescent="0.35">
      <c r="A57218" s="1" t="s">
        <v>143677</v>
      </c>
      <c r="B57218" s="1" t="s">
        <v>187129</v>
      </c>
      <c r="C57218" s="1" t="s">
        <v>145</v>
      </c>
      <c r="D57218" s="1" t="s">
        <v>42910</v>
      </c>
      <c r="E57218" s="1" t="s">
        <v>192444</v>
      </c>
      <c r="F57218" s="1" t="s">
        <v>192445</v>
      </c>
      <c r="G57218" s="1" t="s">
        <v>192356</v>
      </c>
      <c r="H57218" s="1" t="s">
        <v>192357</v>
      </c>
      <c r="I57218" s="1" t="s">
        <v>187135</v>
      </c>
      <c r="J57218" s="1" t="s">
        <v>192446</v>
      </c>
    </row>
    <row r="57219" spans="1:10" x14ac:dyDescent="0.35">
      <c r="A57219" s="1" t="s">
        <v>143677</v>
      </c>
      <c r="B57219" s="1" t="s">
        <v>187129</v>
      </c>
      <c r="C57219" s="1" t="s">
        <v>150</v>
      </c>
      <c r="D57219" s="1" t="s">
        <v>2416</v>
      </c>
      <c r="E57219" s="1" t="s">
        <v>192447</v>
      </c>
      <c r="F57219" s="1" t="s">
        <v>192448</v>
      </c>
      <c r="G57219" s="1" t="s">
        <v>192356</v>
      </c>
      <c r="H57219" s="1" t="s">
        <v>192357</v>
      </c>
      <c r="I57219" s="1" t="s">
        <v>187135</v>
      </c>
      <c r="J57219" s="1" t="s">
        <v>192449</v>
      </c>
    </row>
    <row r="57220" spans="1:10" x14ac:dyDescent="0.35">
      <c r="A57220" s="1" t="s">
        <v>143677</v>
      </c>
      <c r="B57220" s="1" t="s">
        <v>187129</v>
      </c>
      <c r="C57220" s="1" t="s">
        <v>155</v>
      </c>
      <c r="D57220" s="1" t="s">
        <v>192450</v>
      </c>
      <c r="E57220" s="1" t="s">
        <v>192451</v>
      </c>
      <c r="F57220" s="1" t="s">
        <v>192452</v>
      </c>
      <c r="G57220" s="1" t="s">
        <v>192356</v>
      </c>
      <c r="H57220" s="1" t="s">
        <v>192357</v>
      </c>
      <c r="I57220" s="1" t="s">
        <v>187135</v>
      </c>
      <c r="J57220" s="1" t="s">
        <v>192453</v>
      </c>
    </row>
    <row r="57221" spans="1:10" x14ac:dyDescent="0.35">
      <c r="A57221" s="1" t="s">
        <v>143677</v>
      </c>
      <c r="B57221" s="1" t="s">
        <v>187129</v>
      </c>
      <c r="C57221" s="1" t="s">
        <v>160</v>
      </c>
      <c r="D57221" s="1" t="s">
        <v>44721</v>
      </c>
      <c r="E57221" s="1" t="s">
        <v>192454</v>
      </c>
      <c r="F57221" s="1" t="s">
        <v>192455</v>
      </c>
      <c r="G57221" s="1" t="s">
        <v>192356</v>
      </c>
      <c r="H57221" s="1" t="s">
        <v>192357</v>
      </c>
      <c r="I57221" s="1" t="s">
        <v>187135</v>
      </c>
      <c r="J57221" s="1" t="s">
        <v>192456</v>
      </c>
    </row>
    <row r="57222" spans="1:10" x14ac:dyDescent="0.35">
      <c r="A57222" s="1" t="s">
        <v>143677</v>
      </c>
      <c r="B57222" s="1" t="s">
        <v>187129</v>
      </c>
      <c r="C57222" s="1" t="s">
        <v>165</v>
      </c>
      <c r="D57222" s="1" t="s">
        <v>83425</v>
      </c>
      <c r="E57222" s="1" t="s">
        <v>192457</v>
      </c>
      <c r="F57222" s="1" t="s">
        <v>192458</v>
      </c>
      <c r="G57222" s="1" t="s">
        <v>192356</v>
      </c>
      <c r="H57222" s="1" t="s">
        <v>192357</v>
      </c>
      <c r="I57222" s="1" t="s">
        <v>187135</v>
      </c>
      <c r="J57222" s="1" t="s">
        <v>192459</v>
      </c>
    </row>
    <row r="57223" spans="1:10" x14ac:dyDescent="0.35">
      <c r="A57223" s="1" t="s">
        <v>143677</v>
      </c>
      <c r="B57223" s="1" t="s">
        <v>187129</v>
      </c>
      <c r="C57223" s="1" t="s">
        <v>170</v>
      </c>
      <c r="D57223" s="1" t="s">
        <v>19596</v>
      </c>
      <c r="E57223" s="1" t="s">
        <v>192460</v>
      </c>
      <c r="F57223" s="1" t="s">
        <v>192461</v>
      </c>
      <c r="G57223" s="1" t="s">
        <v>192356</v>
      </c>
      <c r="H57223" s="1" t="s">
        <v>192357</v>
      </c>
      <c r="I57223" s="1" t="s">
        <v>187135</v>
      </c>
      <c r="J57223" s="1" t="s">
        <v>192462</v>
      </c>
    </row>
    <row r="57224" spans="1:10" x14ac:dyDescent="0.35">
      <c r="A57224" s="1" t="s">
        <v>15840</v>
      </c>
      <c r="B57224" s="1" t="s">
        <v>187129</v>
      </c>
      <c r="C57224" s="1" t="s">
        <v>8</v>
      </c>
      <c r="D57224" s="1" t="s">
        <v>192463</v>
      </c>
      <c r="E57224" s="1" t="s">
        <v>192464</v>
      </c>
      <c r="F57224" s="1" t="s">
        <v>192465</v>
      </c>
      <c r="G57224" s="1" t="s">
        <v>192466</v>
      </c>
      <c r="H57224" s="1" t="s">
        <v>192467</v>
      </c>
      <c r="I57224" s="1" t="s">
        <v>187135</v>
      </c>
      <c r="J57224" s="1" t="s">
        <v>13</v>
      </c>
    </row>
    <row r="57225" spans="1:10" x14ac:dyDescent="0.35">
      <c r="A57225" s="1" t="s">
        <v>15840</v>
      </c>
      <c r="B57225" s="1" t="s">
        <v>187129</v>
      </c>
      <c r="C57225" s="1" t="s">
        <v>15</v>
      </c>
      <c r="D57225" s="1" t="s">
        <v>192468</v>
      </c>
      <c r="E57225" s="1" t="s">
        <v>192469</v>
      </c>
      <c r="F57225" s="1" t="s">
        <v>192470</v>
      </c>
      <c r="G57225" s="1" t="s">
        <v>192466</v>
      </c>
      <c r="H57225" s="1" t="s">
        <v>192467</v>
      </c>
      <c r="I57225" s="1" t="s">
        <v>187135</v>
      </c>
      <c r="J57225" s="1" t="s">
        <v>192471</v>
      </c>
    </row>
    <row r="57226" spans="1:10" x14ac:dyDescent="0.35">
      <c r="A57226" s="1" t="s">
        <v>15840</v>
      </c>
      <c r="B57226" s="1" t="s">
        <v>187129</v>
      </c>
      <c r="C57226" s="1" t="s">
        <v>20</v>
      </c>
      <c r="D57226" s="1" t="s">
        <v>117638</v>
      </c>
      <c r="E57226" s="1" t="s">
        <v>192472</v>
      </c>
      <c r="F57226" s="1" t="s">
        <v>192473</v>
      </c>
      <c r="G57226" s="1" t="s">
        <v>192466</v>
      </c>
      <c r="H57226" s="1" t="s">
        <v>192467</v>
      </c>
      <c r="I57226" s="1" t="s">
        <v>187135</v>
      </c>
      <c r="J57226" s="1" t="s">
        <v>192474</v>
      </c>
    </row>
    <row r="57227" spans="1:10" x14ac:dyDescent="0.35">
      <c r="A57227" s="1" t="s">
        <v>15840</v>
      </c>
      <c r="B57227" s="1" t="s">
        <v>187129</v>
      </c>
      <c r="C57227" s="1" t="s">
        <v>25</v>
      </c>
      <c r="D57227" s="1" t="s">
        <v>192475</v>
      </c>
      <c r="E57227" s="1" t="s">
        <v>192476</v>
      </c>
      <c r="F57227" s="1" t="s">
        <v>192477</v>
      </c>
      <c r="G57227" s="1" t="s">
        <v>192466</v>
      </c>
      <c r="H57227" s="1" t="s">
        <v>192467</v>
      </c>
      <c r="I57227" s="1" t="s">
        <v>187135</v>
      </c>
      <c r="J57227" s="1" t="s">
        <v>192478</v>
      </c>
    </row>
    <row r="57228" spans="1:10" x14ac:dyDescent="0.35">
      <c r="A57228" s="1" t="s">
        <v>15840</v>
      </c>
      <c r="B57228" s="1" t="s">
        <v>187129</v>
      </c>
      <c r="C57228" s="1" t="s">
        <v>30</v>
      </c>
      <c r="D57228" s="1" t="s">
        <v>175638</v>
      </c>
      <c r="E57228" s="1" t="s">
        <v>192479</v>
      </c>
      <c r="F57228" s="1" t="s">
        <v>192480</v>
      </c>
      <c r="G57228" s="1" t="s">
        <v>192466</v>
      </c>
      <c r="H57228" s="1" t="s">
        <v>192467</v>
      </c>
      <c r="I57228" s="1" t="s">
        <v>187135</v>
      </c>
      <c r="J57228" s="1" t="s">
        <v>192481</v>
      </c>
    </row>
    <row r="57229" spans="1:10" x14ac:dyDescent="0.35">
      <c r="A57229" s="1" t="s">
        <v>15840</v>
      </c>
      <c r="B57229" s="1" t="s">
        <v>187129</v>
      </c>
      <c r="C57229" s="1" t="s">
        <v>35</v>
      </c>
      <c r="D57229" s="1" t="s">
        <v>19790</v>
      </c>
      <c r="E57229" s="1" t="s">
        <v>192482</v>
      </c>
      <c r="F57229" s="1" t="s">
        <v>192483</v>
      </c>
      <c r="G57229" s="1" t="s">
        <v>192466</v>
      </c>
      <c r="H57229" s="1" t="s">
        <v>192467</v>
      </c>
      <c r="I57229" s="1" t="s">
        <v>187135</v>
      </c>
      <c r="J57229" s="1" t="s">
        <v>192484</v>
      </c>
    </row>
    <row r="57230" spans="1:10" x14ac:dyDescent="0.35">
      <c r="A57230" s="1" t="s">
        <v>15840</v>
      </c>
      <c r="B57230" s="1" t="s">
        <v>187129</v>
      </c>
      <c r="C57230" s="1" t="s">
        <v>40</v>
      </c>
      <c r="D57230" s="1" t="s">
        <v>3000</v>
      </c>
      <c r="E57230" s="1" t="s">
        <v>192485</v>
      </c>
      <c r="F57230" s="1" t="s">
        <v>192486</v>
      </c>
      <c r="G57230" s="1" t="s">
        <v>192466</v>
      </c>
      <c r="H57230" s="1" t="s">
        <v>192467</v>
      </c>
      <c r="I57230" s="1" t="s">
        <v>187135</v>
      </c>
      <c r="J57230" s="1" t="s">
        <v>192487</v>
      </c>
    </row>
    <row r="57231" spans="1:10" x14ac:dyDescent="0.35">
      <c r="A57231" s="1" t="s">
        <v>15840</v>
      </c>
      <c r="B57231" s="1" t="s">
        <v>187129</v>
      </c>
      <c r="C57231" s="1" t="s">
        <v>45</v>
      </c>
      <c r="D57231" s="1" t="s">
        <v>30863</v>
      </c>
      <c r="E57231" s="1" t="s">
        <v>192488</v>
      </c>
      <c r="F57231" s="1" t="s">
        <v>192489</v>
      </c>
      <c r="G57231" s="1" t="s">
        <v>192466</v>
      </c>
      <c r="H57231" s="1" t="s">
        <v>192467</v>
      </c>
      <c r="I57231" s="1" t="s">
        <v>187135</v>
      </c>
      <c r="J57231" s="1" t="s">
        <v>192490</v>
      </c>
    </row>
    <row r="57232" spans="1:10" x14ac:dyDescent="0.35">
      <c r="A57232" s="1" t="s">
        <v>15840</v>
      </c>
      <c r="B57232" s="1" t="s">
        <v>187129</v>
      </c>
      <c r="C57232" s="1" t="s">
        <v>50</v>
      </c>
      <c r="D57232" s="1" t="s">
        <v>117545</v>
      </c>
      <c r="E57232" s="1" t="s">
        <v>192491</v>
      </c>
      <c r="F57232" s="1" t="s">
        <v>192492</v>
      </c>
      <c r="G57232" s="1" t="s">
        <v>192466</v>
      </c>
      <c r="H57232" s="1" t="s">
        <v>192467</v>
      </c>
      <c r="I57232" s="1" t="s">
        <v>187135</v>
      </c>
      <c r="J57232" s="1" t="s">
        <v>192493</v>
      </c>
    </row>
    <row r="57233" spans="1:10" x14ac:dyDescent="0.35">
      <c r="A57233" s="1" t="s">
        <v>15840</v>
      </c>
      <c r="B57233" s="1" t="s">
        <v>187129</v>
      </c>
      <c r="C57233" s="1" t="s">
        <v>55</v>
      </c>
      <c r="D57233" s="1" t="s">
        <v>135386</v>
      </c>
      <c r="E57233" s="1" t="s">
        <v>192494</v>
      </c>
      <c r="F57233" s="1" t="s">
        <v>192495</v>
      </c>
      <c r="G57233" s="1" t="s">
        <v>192466</v>
      </c>
      <c r="H57233" s="1" t="s">
        <v>192467</v>
      </c>
      <c r="I57233" s="1" t="s">
        <v>187135</v>
      </c>
      <c r="J57233" s="1" t="s">
        <v>192496</v>
      </c>
    </row>
    <row r="57234" spans="1:10" x14ac:dyDescent="0.35">
      <c r="A57234" s="1" t="s">
        <v>15840</v>
      </c>
      <c r="B57234" s="1" t="s">
        <v>187129</v>
      </c>
      <c r="C57234" s="1" t="s">
        <v>60</v>
      </c>
      <c r="D57234" s="1" t="s">
        <v>192497</v>
      </c>
      <c r="E57234" s="1" t="s">
        <v>192498</v>
      </c>
      <c r="F57234" s="1" t="s">
        <v>192499</v>
      </c>
      <c r="G57234" s="1" t="s">
        <v>192466</v>
      </c>
      <c r="H57234" s="1" t="s">
        <v>192467</v>
      </c>
      <c r="I57234" s="1" t="s">
        <v>187135</v>
      </c>
      <c r="J57234" s="1" t="s">
        <v>192500</v>
      </c>
    </row>
    <row r="57235" spans="1:10" x14ac:dyDescent="0.35">
      <c r="A57235" s="1" t="s">
        <v>15840</v>
      </c>
      <c r="B57235" s="1" t="s">
        <v>187129</v>
      </c>
      <c r="C57235" s="1" t="s">
        <v>65</v>
      </c>
      <c r="D57235" s="1" t="s">
        <v>118992</v>
      </c>
      <c r="E57235" s="1" t="s">
        <v>192501</v>
      </c>
      <c r="F57235" s="1" t="s">
        <v>192502</v>
      </c>
      <c r="G57235" s="1" t="s">
        <v>192466</v>
      </c>
      <c r="H57235" s="1" t="s">
        <v>192467</v>
      </c>
      <c r="I57235" s="1" t="s">
        <v>187135</v>
      </c>
      <c r="J57235" s="1" t="s">
        <v>192503</v>
      </c>
    </row>
    <row r="57236" spans="1:10" x14ac:dyDescent="0.35">
      <c r="A57236" s="1" t="s">
        <v>15840</v>
      </c>
      <c r="B57236" s="1" t="s">
        <v>187129</v>
      </c>
      <c r="C57236" s="1" t="s">
        <v>70</v>
      </c>
      <c r="D57236" s="1" t="s">
        <v>192504</v>
      </c>
      <c r="E57236" s="1" t="s">
        <v>192505</v>
      </c>
      <c r="F57236" s="1" t="s">
        <v>192506</v>
      </c>
      <c r="G57236" s="1" t="s">
        <v>192466</v>
      </c>
      <c r="H57236" s="1" t="s">
        <v>192467</v>
      </c>
      <c r="I57236" s="1" t="s">
        <v>187135</v>
      </c>
      <c r="J57236" s="1" t="s">
        <v>192507</v>
      </c>
    </row>
    <row r="57237" spans="1:10" x14ac:dyDescent="0.35">
      <c r="A57237" s="1" t="s">
        <v>15840</v>
      </c>
      <c r="B57237" s="1" t="s">
        <v>187129</v>
      </c>
      <c r="C57237" s="1" t="s">
        <v>75</v>
      </c>
      <c r="D57237" s="1" t="s">
        <v>186415</v>
      </c>
      <c r="E57237" s="1" t="s">
        <v>192508</v>
      </c>
      <c r="F57237" s="1" t="s">
        <v>192509</v>
      </c>
      <c r="G57237" s="1" t="s">
        <v>192466</v>
      </c>
      <c r="H57237" s="1" t="s">
        <v>192467</v>
      </c>
      <c r="I57237" s="1" t="s">
        <v>187135</v>
      </c>
      <c r="J57237" s="1" t="s">
        <v>192510</v>
      </c>
    </row>
    <row r="57238" spans="1:10" x14ac:dyDescent="0.35">
      <c r="A57238" s="1" t="s">
        <v>15840</v>
      </c>
      <c r="B57238" s="1" t="s">
        <v>187129</v>
      </c>
      <c r="C57238" s="1" t="s">
        <v>80</v>
      </c>
      <c r="D57238" s="1" t="s">
        <v>83459</v>
      </c>
      <c r="E57238" s="1" t="s">
        <v>192511</v>
      </c>
      <c r="F57238" s="1" t="s">
        <v>192512</v>
      </c>
      <c r="G57238" s="1" t="s">
        <v>192466</v>
      </c>
      <c r="H57238" s="1" t="s">
        <v>192467</v>
      </c>
      <c r="I57238" s="1" t="s">
        <v>187135</v>
      </c>
      <c r="J57238" s="1" t="s">
        <v>192513</v>
      </c>
    </row>
    <row r="57239" spans="1:10" x14ac:dyDescent="0.35">
      <c r="A57239" s="1" t="s">
        <v>15840</v>
      </c>
      <c r="B57239" s="1" t="s">
        <v>187129</v>
      </c>
      <c r="C57239" s="1" t="s">
        <v>85</v>
      </c>
      <c r="D57239" s="1" t="s">
        <v>184770</v>
      </c>
      <c r="E57239" s="1" t="s">
        <v>192514</v>
      </c>
      <c r="F57239" s="1" t="s">
        <v>192515</v>
      </c>
      <c r="G57239" s="1" t="s">
        <v>192466</v>
      </c>
      <c r="H57239" s="1" t="s">
        <v>192467</v>
      </c>
      <c r="I57239" s="1" t="s">
        <v>187135</v>
      </c>
      <c r="J57239" s="1" t="s">
        <v>192516</v>
      </c>
    </row>
    <row r="57240" spans="1:10" x14ac:dyDescent="0.35">
      <c r="A57240" s="1" t="s">
        <v>15840</v>
      </c>
      <c r="B57240" s="1" t="s">
        <v>187129</v>
      </c>
      <c r="C57240" s="1" t="s">
        <v>90</v>
      </c>
      <c r="D57240" s="1" t="s">
        <v>192517</v>
      </c>
      <c r="E57240" s="1" t="s">
        <v>192518</v>
      </c>
      <c r="F57240" s="1" t="s">
        <v>192519</v>
      </c>
      <c r="G57240" s="1" t="s">
        <v>192466</v>
      </c>
      <c r="H57240" s="1" t="s">
        <v>192467</v>
      </c>
      <c r="I57240" s="1" t="s">
        <v>187135</v>
      </c>
      <c r="J57240" s="1" t="s">
        <v>192520</v>
      </c>
    </row>
    <row r="57241" spans="1:10" x14ac:dyDescent="0.35">
      <c r="A57241" s="1" t="s">
        <v>15840</v>
      </c>
      <c r="B57241" s="1" t="s">
        <v>187129</v>
      </c>
      <c r="C57241" s="1" t="s">
        <v>95</v>
      </c>
      <c r="D57241" s="1" t="s">
        <v>192521</v>
      </c>
      <c r="E57241" s="1" t="s">
        <v>192522</v>
      </c>
      <c r="F57241" s="1" t="s">
        <v>192523</v>
      </c>
      <c r="G57241" s="1" t="s">
        <v>192466</v>
      </c>
      <c r="H57241" s="1" t="s">
        <v>192467</v>
      </c>
      <c r="I57241" s="1" t="s">
        <v>187135</v>
      </c>
      <c r="J57241" s="1" t="s">
        <v>192524</v>
      </c>
    </row>
    <row r="57242" spans="1:10" x14ac:dyDescent="0.35">
      <c r="A57242" s="1" t="s">
        <v>15840</v>
      </c>
      <c r="B57242" s="1" t="s">
        <v>187129</v>
      </c>
      <c r="C57242" s="1" t="s">
        <v>100</v>
      </c>
      <c r="D57242" s="1" t="s">
        <v>192525</v>
      </c>
      <c r="E57242" s="1" t="s">
        <v>192526</v>
      </c>
      <c r="F57242" s="1" t="s">
        <v>192527</v>
      </c>
      <c r="G57242" s="1" t="s">
        <v>192466</v>
      </c>
      <c r="H57242" s="1" t="s">
        <v>192467</v>
      </c>
      <c r="I57242" s="1" t="s">
        <v>187135</v>
      </c>
      <c r="J57242" s="1" t="s">
        <v>192528</v>
      </c>
    </row>
    <row r="57243" spans="1:10" x14ac:dyDescent="0.35">
      <c r="A57243" s="1" t="s">
        <v>15840</v>
      </c>
      <c r="B57243" s="1" t="s">
        <v>187129</v>
      </c>
      <c r="C57243" s="1" t="s">
        <v>105</v>
      </c>
      <c r="D57243" s="1" t="s">
        <v>192529</v>
      </c>
      <c r="E57243" s="1" t="s">
        <v>192530</v>
      </c>
      <c r="F57243" s="1" t="s">
        <v>192531</v>
      </c>
      <c r="G57243" s="1" t="s">
        <v>192466</v>
      </c>
      <c r="H57243" s="1" t="s">
        <v>192467</v>
      </c>
      <c r="I57243" s="1" t="s">
        <v>187135</v>
      </c>
      <c r="J57243" s="1" t="s">
        <v>192532</v>
      </c>
    </row>
    <row r="57244" spans="1:10" x14ac:dyDescent="0.35">
      <c r="A57244" s="1" t="s">
        <v>15840</v>
      </c>
      <c r="B57244" s="1" t="s">
        <v>187129</v>
      </c>
      <c r="C57244" s="1" t="s">
        <v>110</v>
      </c>
      <c r="D57244" s="1" t="s">
        <v>67745</v>
      </c>
      <c r="E57244" s="1" t="s">
        <v>192533</v>
      </c>
      <c r="F57244" s="1" t="s">
        <v>192534</v>
      </c>
      <c r="G57244" s="1" t="s">
        <v>192466</v>
      </c>
      <c r="H57244" s="1" t="s">
        <v>192467</v>
      </c>
      <c r="I57244" s="1" t="s">
        <v>187135</v>
      </c>
      <c r="J57244" s="1" t="s">
        <v>192535</v>
      </c>
    </row>
    <row r="57245" spans="1:10" x14ac:dyDescent="0.35">
      <c r="A57245" s="1" t="s">
        <v>15840</v>
      </c>
      <c r="B57245" s="1" t="s">
        <v>187129</v>
      </c>
      <c r="C57245" s="1" t="s">
        <v>115</v>
      </c>
      <c r="D57245" s="1" t="s">
        <v>58960</v>
      </c>
      <c r="E57245" s="1" t="s">
        <v>192536</v>
      </c>
      <c r="F57245" s="1" t="s">
        <v>192537</v>
      </c>
      <c r="G57245" s="1" t="s">
        <v>192466</v>
      </c>
      <c r="H57245" s="1" t="s">
        <v>192467</v>
      </c>
      <c r="I57245" s="1" t="s">
        <v>187135</v>
      </c>
      <c r="J57245" s="1" t="s">
        <v>192538</v>
      </c>
    </row>
    <row r="57246" spans="1:10" x14ac:dyDescent="0.35">
      <c r="A57246" s="1" t="s">
        <v>15840</v>
      </c>
      <c r="B57246" s="1" t="s">
        <v>187129</v>
      </c>
      <c r="C57246" s="1" t="s">
        <v>120</v>
      </c>
      <c r="D57246" s="1" t="s">
        <v>192539</v>
      </c>
      <c r="E57246" s="1" t="s">
        <v>192540</v>
      </c>
      <c r="F57246" s="1" t="s">
        <v>192541</v>
      </c>
      <c r="G57246" s="1" t="s">
        <v>192466</v>
      </c>
      <c r="H57246" s="1" t="s">
        <v>192467</v>
      </c>
      <c r="I57246" s="1" t="s">
        <v>187135</v>
      </c>
      <c r="J57246" s="1" t="s">
        <v>192542</v>
      </c>
    </row>
    <row r="57247" spans="1:10" x14ac:dyDescent="0.35">
      <c r="A57247" s="1" t="s">
        <v>15840</v>
      </c>
      <c r="B57247" s="1" t="s">
        <v>187129</v>
      </c>
      <c r="C57247" s="1" t="s">
        <v>125</v>
      </c>
      <c r="D57247" s="1" t="s">
        <v>32306</v>
      </c>
      <c r="E57247" s="1" t="s">
        <v>192543</v>
      </c>
      <c r="F57247" s="1" t="s">
        <v>192544</v>
      </c>
      <c r="G57247" s="1" t="s">
        <v>192466</v>
      </c>
      <c r="H57247" s="1" t="s">
        <v>192467</v>
      </c>
      <c r="I57247" s="1" t="s">
        <v>187135</v>
      </c>
      <c r="J57247" s="1" t="s">
        <v>192545</v>
      </c>
    </row>
    <row r="57248" spans="1:10" x14ac:dyDescent="0.35">
      <c r="A57248" s="1" t="s">
        <v>15840</v>
      </c>
      <c r="B57248" s="1" t="s">
        <v>187129</v>
      </c>
      <c r="C57248" s="1" t="s">
        <v>130</v>
      </c>
      <c r="D57248" s="1" t="s">
        <v>192546</v>
      </c>
      <c r="E57248" s="1" t="s">
        <v>192547</v>
      </c>
      <c r="F57248" s="1" t="s">
        <v>192548</v>
      </c>
      <c r="G57248" s="1" t="s">
        <v>192466</v>
      </c>
      <c r="H57248" s="1" t="s">
        <v>192467</v>
      </c>
      <c r="I57248" s="1" t="s">
        <v>187135</v>
      </c>
      <c r="J57248" s="1" t="s">
        <v>192549</v>
      </c>
    </row>
    <row r="57249" spans="1:10" x14ac:dyDescent="0.35">
      <c r="A57249" s="1" t="s">
        <v>15840</v>
      </c>
      <c r="B57249" s="1" t="s">
        <v>187129</v>
      </c>
      <c r="C57249" s="1" t="s">
        <v>135</v>
      </c>
      <c r="D57249" s="1" t="s">
        <v>192550</v>
      </c>
      <c r="E57249" s="1" t="s">
        <v>192551</v>
      </c>
      <c r="F57249" s="1" t="s">
        <v>192552</v>
      </c>
      <c r="G57249" s="1" t="s">
        <v>192466</v>
      </c>
      <c r="H57249" s="1" t="s">
        <v>192467</v>
      </c>
      <c r="I57249" s="1" t="s">
        <v>187135</v>
      </c>
      <c r="J57249" s="1" t="s">
        <v>192553</v>
      </c>
    </row>
    <row r="57250" spans="1:10" x14ac:dyDescent="0.35">
      <c r="A57250" s="1" t="s">
        <v>15840</v>
      </c>
      <c r="B57250" s="1" t="s">
        <v>187129</v>
      </c>
      <c r="C57250" s="1" t="s">
        <v>140</v>
      </c>
      <c r="D57250" s="1" t="s">
        <v>192554</v>
      </c>
      <c r="E57250" s="1" t="s">
        <v>192555</v>
      </c>
      <c r="F57250" s="1" t="s">
        <v>192556</v>
      </c>
      <c r="G57250" s="1" t="s">
        <v>192466</v>
      </c>
      <c r="H57250" s="1" t="s">
        <v>192467</v>
      </c>
      <c r="I57250" s="1" t="s">
        <v>187135</v>
      </c>
      <c r="J57250" s="1" t="s">
        <v>192557</v>
      </c>
    </row>
    <row r="57251" spans="1:10" x14ac:dyDescent="0.35">
      <c r="A57251" s="1" t="s">
        <v>15840</v>
      </c>
      <c r="B57251" s="1" t="s">
        <v>187129</v>
      </c>
      <c r="C57251" s="1" t="s">
        <v>145</v>
      </c>
      <c r="D57251" s="1" t="s">
        <v>192558</v>
      </c>
      <c r="E57251" s="1" t="s">
        <v>192559</v>
      </c>
      <c r="F57251" s="1" t="s">
        <v>192560</v>
      </c>
      <c r="G57251" s="1" t="s">
        <v>192466</v>
      </c>
      <c r="H57251" s="1" t="s">
        <v>192467</v>
      </c>
      <c r="I57251" s="1" t="s">
        <v>187135</v>
      </c>
      <c r="J57251" s="1" t="s">
        <v>192561</v>
      </c>
    </row>
    <row r="57252" spans="1:10" x14ac:dyDescent="0.35">
      <c r="A57252" s="1" t="s">
        <v>15840</v>
      </c>
      <c r="B57252" s="1" t="s">
        <v>187129</v>
      </c>
      <c r="C57252" s="1" t="s">
        <v>150</v>
      </c>
      <c r="D57252" s="1" t="s">
        <v>109021</v>
      </c>
      <c r="E57252" s="1" t="s">
        <v>192562</v>
      </c>
      <c r="F57252" s="1" t="s">
        <v>192563</v>
      </c>
      <c r="G57252" s="1" t="s">
        <v>192466</v>
      </c>
      <c r="H57252" s="1" t="s">
        <v>192467</v>
      </c>
      <c r="I57252" s="1" t="s">
        <v>187135</v>
      </c>
      <c r="J57252" s="1" t="s">
        <v>192564</v>
      </c>
    </row>
    <row r="57253" spans="1:10" x14ac:dyDescent="0.35">
      <c r="A57253" s="1" t="s">
        <v>15840</v>
      </c>
      <c r="B57253" s="1" t="s">
        <v>187129</v>
      </c>
      <c r="C57253" s="1" t="s">
        <v>155</v>
      </c>
      <c r="D57253" s="1" t="s">
        <v>2517</v>
      </c>
      <c r="E57253" s="1" t="s">
        <v>192565</v>
      </c>
      <c r="F57253" s="1" t="s">
        <v>192566</v>
      </c>
      <c r="G57253" s="1" t="s">
        <v>192466</v>
      </c>
      <c r="H57253" s="1" t="s">
        <v>192467</v>
      </c>
      <c r="I57253" s="1" t="s">
        <v>187135</v>
      </c>
      <c r="J57253" s="1" t="s">
        <v>192567</v>
      </c>
    </row>
    <row r="57254" spans="1:10" x14ac:dyDescent="0.35">
      <c r="A57254" s="1" t="s">
        <v>15840</v>
      </c>
      <c r="B57254" s="1" t="s">
        <v>187129</v>
      </c>
      <c r="C57254" s="1" t="s">
        <v>160</v>
      </c>
      <c r="D57254" s="1" t="s">
        <v>192568</v>
      </c>
      <c r="E57254" s="1" t="s">
        <v>192569</v>
      </c>
      <c r="F57254" s="1" t="s">
        <v>192570</v>
      </c>
      <c r="G57254" s="1" t="s">
        <v>192466</v>
      </c>
      <c r="H57254" s="1" t="s">
        <v>192467</v>
      </c>
      <c r="I57254" s="1" t="s">
        <v>187135</v>
      </c>
      <c r="J57254" s="1" t="s">
        <v>192571</v>
      </c>
    </row>
    <row r="57255" spans="1:10" x14ac:dyDescent="0.35">
      <c r="A57255" s="1" t="s">
        <v>15840</v>
      </c>
      <c r="B57255" s="1" t="s">
        <v>187129</v>
      </c>
      <c r="C57255" s="1" t="s">
        <v>165</v>
      </c>
      <c r="D57255" s="1" t="s">
        <v>192572</v>
      </c>
      <c r="E57255" s="1" t="s">
        <v>192573</v>
      </c>
      <c r="F57255" s="1" t="s">
        <v>192574</v>
      </c>
      <c r="G57255" s="1" t="s">
        <v>192466</v>
      </c>
      <c r="H57255" s="1" t="s">
        <v>192467</v>
      </c>
      <c r="I57255" s="1" t="s">
        <v>187135</v>
      </c>
      <c r="J57255" s="1" t="s">
        <v>192575</v>
      </c>
    </row>
    <row r="57256" spans="1:10" x14ac:dyDescent="0.35">
      <c r="A57256" s="1" t="s">
        <v>15840</v>
      </c>
      <c r="B57256" s="1" t="s">
        <v>187129</v>
      </c>
      <c r="C57256" s="1" t="s">
        <v>170</v>
      </c>
      <c r="D57256" s="1" t="s">
        <v>152787</v>
      </c>
      <c r="E57256" s="1" t="s">
        <v>192576</v>
      </c>
      <c r="F57256" s="1" t="s">
        <v>192577</v>
      </c>
      <c r="G57256" s="1" t="s">
        <v>192466</v>
      </c>
      <c r="H57256" s="1" t="s">
        <v>192467</v>
      </c>
      <c r="I57256" s="1" t="s">
        <v>187135</v>
      </c>
      <c r="J57256" s="1" t="s">
        <v>192578</v>
      </c>
    </row>
    <row r="57257" spans="1:10" x14ac:dyDescent="0.35">
      <c r="A57257" s="1" t="s">
        <v>121502</v>
      </c>
      <c r="B57257" s="1" t="s">
        <v>187129</v>
      </c>
      <c r="C57257" s="1" t="s">
        <v>8</v>
      </c>
      <c r="D57257" s="1" t="s">
        <v>178275</v>
      </c>
      <c r="E57257" s="1" t="s">
        <v>192579</v>
      </c>
      <c r="F57257" s="1" t="s">
        <v>192580</v>
      </c>
      <c r="G57257" s="1" t="s">
        <v>192581</v>
      </c>
      <c r="H57257" s="1" t="s">
        <v>192582</v>
      </c>
      <c r="I57257" s="1" t="s">
        <v>187135</v>
      </c>
      <c r="J57257" s="1" t="s">
        <v>13</v>
      </c>
    </row>
    <row r="57258" spans="1:10" x14ac:dyDescent="0.35">
      <c r="A57258" s="1" t="s">
        <v>121502</v>
      </c>
      <c r="B57258" s="1" t="s">
        <v>187129</v>
      </c>
      <c r="C57258" s="1" t="s">
        <v>15</v>
      </c>
      <c r="D57258" s="1" t="s">
        <v>192583</v>
      </c>
      <c r="E57258" s="1" t="s">
        <v>192584</v>
      </c>
      <c r="F57258" s="1" t="s">
        <v>192585</v>
      </c>
      <c r="G57258" s="1" t="s">
        <v>192581</v>
      </c>
      <c r="H57258" s="1" t="s">
        <v>192582</v>
      </c>
      <c r="I57258" s="1" t="s">
        <v>187135</v>
      </c>
      <c r="J57258" s="1" t="s">
        <v>192586</v>
      </c>
    </row>
    <row r="57259" spans="1:10" x14ac:dyDescent="0.35">
      <c r="A57259" s="1" t="s">
        <v>121502</v>
      </c>
      <c r="B57259" s="1" t="s">
        <v>187129</v>
      </c>
      <c r="C57259" s="1" t="s">
        <v>20</v>
      </c>
      <c r="D57259" s="1" t="s">
        <v>192587</v>
      </c>
      <c r="E57259" s="1" t="s">
        <v>192588</v>
      </c>
      <c r="F57259" s="1" t="s">
        <v>192589</v>
      </c>
      <c r="G57259" s="1" t="s">
        <v>192581</v>
      </c>
      <c r="H57259" s="1" t="s">
        <v>192582</v>
      </c>
      <c r="I57259" s="1" t="s">
        <v>187135</v>
      </c>
      <c r="J57259" s="1" t="s">
        <v>192590</v>
      </c>
    </row>
    <row r="57260" spans="1:10" x14ac:dyDescent="0.35">
      <c r="A57260" s="1" t="s">
        <v>121502</v>
      </c>
      <c r="B57260" s="1" t="s">
        <v>187129</v>
      </c>
      <c r="C57260" s="1" t="s">
        <v>25</v>
      </c>
      <c r="D57260" s="1" t="s">
        <v>192591</v>
      </c>
      <c r="E57260" s="1" t="s">
        <v>192592</v>
      </c>
      <c r="F57260" s="1" t="s">
        <v>192593</v>
      </c>
      <c r="G57260" s="1" t="s">
        <v>192581</v>
      </c>
      <c r="H57260" s="1" t="s">
        <v>192582</v>
      </c>
      <c r="I57260" s="1" t="s">
        <v>187135</v>
      </c>
      <c r="J57260" s="1" t="s">
        <v>192594</v>
      </c>
    </row>
    <row r="57261" spans="1:10" x14ac:dyDescent="0.35">
      <c r="A57261" s="1" t="s">
        <v>121502</v>
      </c>
      <c r="B57261" s="1" t="s">
        <v>187129</v>
      </c>
      <c r="C57261" s="1" t="s">
        <v>30</v>
      </c>
      <c r="D57261" s="1" t="s">
        <v>73461</v>
      </c>
      <c r="E57261" s="1" t="s">
        <v>192595</v>
      </c>
      <c r="F57261" s="1" t="s">
        <v>192596</v>
      </c>
      <c r="G57261" s="1" t="s">
        <v>192581</v>
      </c>
      <c r="H57261" s="1" t="s">
        <v>192582</v>
      </c>
      <c r="I57261" s="1" t="s">
        <v>187135</v>
      </c>
      <c r="J57261" s="1" t="s">
        <v>192597</v>
      </c>
    </row>
    <row r="57262" spans="1:10" x14ac:dyDescent="0.35">
      <c r="A57262" s="1" t="s">
        <v>121502</v>
      </c>
      <c r="B57262" s="1" t="s">
        <v>187129</v>
      </c>
      <c r="C57262" s="1" t="s">
        <v>35</v>
      </c>
      <c r="D57262" s="1" t="s">
        <v>82179</v>
      </c>
      <c r="E57262" s="1" t="s">
        <v>192598</v>
      </c>
      <c r="F57262" s="1" t="s">
        <v>192599</v>
      </c>
      <c r="G57262" s="1" t="s">
        <v>192581</v>
      </c>
      <c r="H57262" s="1" t="s">
        <v>192582</v>
      </c>
      <c r="I57262" s="1" t="s">
        <v>187135</v>
      </c>
      <c r="J57262" s="1" t="s">
        <v>192600</v>
      </c>
    </row>
    <row r="57263" spans="1:10" x14ac:dyDescent="0.35">
      <c r="A57263" s="1" t="s">
        <v>121502</v>
      </c>
      <c r="B57263" s="1" t="s">
        <v>187129</v>
      </c>
      <c r="C57263" s="1" t="s">
        <v>40</v>
      </c>
      <c r="D57263" s="1" t="s">
        <v>48095</v>
      </c>
      <c r="E57263" s="1" t="s">
        <v>192601</v>
      </c>
      <c r="F57263" s="1" t="s">
        <v>192602</v>
      </c>
      <c r="G57263" s="1" t="s">
        <v>192581</v>
      </c>
      <c r="H57263" s="1" t="s">
        <v>192582</v>
      </c>
      <c r="I57263" s="1" t="s">
        <v>187135</v>
      </c>
      <c r="J57263" s="1" t="s">
        <v>192603</v>
      </c>
    </row>
    <row r="57264" spans="1:10" x14ac:dyDescent="0.35">
      <c r="A57264" s="1" t="s">
        <v>121502</v>
      </c>
      <c r="B57264" s="1" t="s">
        <v>187129</v>
      </c>
      <c r="C57264" s="1" t="s">
        <v>45</v>
      </c>
      <c r="D57264" s="1" t="s">
        <v>16149</v>
      </c>
      <c r="E57264" s="1" t="s">
        <v>192604</v>
      </c>
      <c r="F57264" s="1" t="s">
        <v>192605</v>
      </c>
      <c r="G57264" s="1" t="s">
        <v>192581</v>
      </c>
      <c r="H57264" s="1" t="s">
        <v>192582</v>
      </c>
      <c r="I57264" s="1" t="s">
        <v>187135</v>
      </c>
      <c r="J57264" s="1" t="s">
        <v>192606</v>
      </c>
    </row>
    <row r="57265" spans="1:10" x14ac:dyDescent="0.35">
      <c r="A57265" s="1" t="s">
        <v>121502</v>
      </c>
      <c r="B57265" s="1" t="s">
        <v>187129</v>
      </c>
      <c r="C57265" s="1" t="s">
        <v>50</v>
      </c>
      <c r="D57265" s="1" t="s">
        <v>82633</v>
      </c>
      <c r="E57265" s="1" t="s">
        <v>192607</v>
      </c>
      <c r="F57265" s="1" t="s">
        <v>192608</v>
      </c>
      <c r="G57265" s="1" t="s">
        <v>192581</v>
      </c>
      <c r="H57265" s="1" t="s">
        <v>192582</v>
      </c>
      <c r="I57265" s="1" t="s">
        <v>187135</v>
      </c>
      <c r="J57265" s="1" t="s">
        <v>192609</v>
      </c>
    </row>
    <row r="57266" spans="1:10" x14ac:dyDescent="0.35">
      <c r="A57266" s="1" t="s">
        <v>121502</v>
      </c>
      <c r="B57266" s="1" t="s">
        <v>187129</v>
      </c>
      <c r="C57266" s="1" t="s">
        <v>55</v>
      </c>
      <c r="D57266" s="1" t="s">
        <v>192610</v>
      </c>
      <c r="E57266" s="1" t="s">
        <v>192611</v>
      </c>
      <c r="F57266" s="1" t="s">
        <v>192612</v>
      </c>
      <c r="G57266" s="1" t="s">
        <v>192581</v>
      </c>
      <c r="H57266" s="1" t="s">
        <v>192582</v>
      </c>
      <c r="I57266" s="1" t="s">
        <v>187135</v>
      </c>
      <c r="J57266" s="1" t="s">
        <v>192613</v>
      </c>
    </row>
    <row r="57267" spans="1:10" x14ac:dyDescent="0.35">
      <c r="A57267" s="1" t="s">
        <v>121502</v>
      </c>
      <c r="B57267" s="1" t="s">
        <v>187129</v>
      </c>
      <c r="C57267" s="1" t="s">
        <v>60</v>
      </c>
      <c r="D57267" s="1" t="s">
        <v>38874</v>
      </c>
      <c r="E57267" s="1" t="s">
        <v>192614</v>
      </c>
      <c r="F57267" s="1" t="s">
        <v>192615</v>
      </c>
      <c r="G57267" s="1" t="s">
        <v>192581</v>
      </c>
      <c r="H57267" s="1" t="s">
        <v>192582</v>
      </c>
      <c r="I57267" s="1" t="s">
        <v>187135</v>
      </c>
      <c r="J57267" s="1" t="s">
        <v>192616</v>
      </c>
    </row>
    <row r="57268" spans="1:10" x14ac:dyDescent="0.35">
      <c r="A57268" s="1" t="s">
        <v>121502</v>
      </c>
      <c r="B57268" s="1" t="s">
        <v>187129</v>
      </c>
      <c r="C57268" s="1" t="s">
        <v>65</v>
      </c>
      <c r="D57268" s="1" t="s">
        <v>71323</v>
      </c>
      <c r="E57268" s="1" t="s">
        <v>192617</v>
      </c>
      <c r="F57268" s="1" t="s">
        <v>192618</v>
      </c>
      <c r="G57268" s="1" t="s">
        <v>192581</v>
      </c>
      <c r="H57268" s="1" t="s">
        <v>192582</v>
      </c>
      <c r="I57268" s="1" t="s">
        <v>187135</v>
      </c>
      <c r="J57268" s="1" t="s">
        <v>192619</v>
      </c>
    </row>
    <row r="57269" spans="1:10" x14ac:dyDescent="0.35">
      <c r="A57269" s="1" t="s">
        <v>121502</v>
      </c>
      <c r="B57269" s="1" t="s">
        <v>187129</v>
      </c>
      <c r="C57269" s="1" t="s">
        <v>70</v>
      </c>
      <c r="D57269" s="1" t="s">
        <v>192620</v>
      </c>
      <c r="E57269" s="1" t="s">
        <v>192621</v>
      </c>
      <c r="F57269" s="1" t="s">
        <v>192622</v>
      </c>
      <c r="G57269" s="1" t="s">
        <v>192581</v>
      </c>
      <c r="H57269" s="1" t="s">
        <v>192582</v>
      </c>
      <c r="I57269" s="1" t="s">
        <v>187135</v>
      </c>
      <c r="J57269" s="1" t="s">
        <v>192623</v>
      </c>
    </row>
    <row r="57270" spans="1:10" x14ac:dyDescent="0.35">
      <c r="A57270" s="1" t="s">
        <v>121502</v>
      </c>
      <c r="B57270" s="1" t="s">
        <v>187129</v>
      </c>
      <c r="C57270" s="1" t="s">
        <v>75</v>
      </c>
      <c r="D57270" s="1" t="s">
        <v>10598</v>
      </c>
      <c r="E57270" s="1" t="s">
        <v>192624</v>
      </c>
      <c r="F57270" s="1" t="s">
        <v>192625</v>
      </c>
      <c r="G57270" s="1" t="s">
        <v>192581</v>
      </c>
      <c r="H57270" s="1" t="s">
        <v>192582</v>
      </c>
      <c r="I57270" s="1" t="s">
        <v>187135</v>
      </c>
      <c r="J57270" s="1" t="s">
        <v>192626</v>
      </c>
    </row>
    <row r="57271" spans="1:10" x14ac:dyDescent="0.35">
      <c r="A57271" s="1" t="s">
        <v>121502</v>
      </c>
      <c r="B57271" s="1" t="s">
        <v>187129</v>
      </c>
      <c r="C57271" s="1" t="s">
        <v>80</v>
      </c>
      <c r="D57271" s="1" t="s">
        <v>47147</v>
      </c>
      <c r="E57271" s="1" t="s">
        <v>192627</v>
      </c>
      <c r="F57271" s="1" t="s">
        <v>192628</v>
      </c>
      <c r="G57271" s="1" t="s">
        <v>192581</v>
      </c>
      <c r="H57271" s="1" t="s">
        <v>192582</v>
      </c>
      <c r="I57271" s="1" t="s">
        <v>187135</v>
      </c>
      <c r="J57271" s="1" t="s">
        <v>192629</v>
      </c>
    </row>
    <row r="57272" spans="1:10" x14ac:dyDescent="0.35">
      <c r="A57272" s="1" t="s">
        <v>121502</v>
      </c>
      <c r="B57272" s="1" t="s">
        <v>187129</v>
      </c>
      <c r="C57272" s="1" t="s">
        <v>85</v>
      </c>
      <c r="D57272" s="1" t="s">
        <v>192630</v>
      </c>
      <c r="E57272" s="1" t="s">
        <v>192631</v>
      </c>
      <c r="F57272" s="1" t="s">
        <v>192632</v>
      </c>
      <c r="G57272" s="1" t="s">
        <v>192581</v>
      </c>
      <c r="H57272" s="1" t="s">
        <v>192582</v>
      </c>
      <c r="I57272" s="1" t="s">
        <v>187135</v>
      </c>
      <c r="J57272" s="1" t="s">
        <v>192633</v>
      </c>
    </row>
    <row r="57273" spans="1:10" x14ac:dyDescent="0.35">
      <c r="A57273" s="1" t="s">
        <v>121502</v>
      </c>
      <c r="B57273" s="1" t="s">
        <v>187129</v>
      </c>
      <c r="C57273" s="1" t="s">
        <v>90</v>
      </c>
      <c r="D57273" s="1" t="s">
        <v>9444</v>
      </c>
      <c r="E57273" s="1" t="s">
        <v>192634</v>
      </c>
      <c r="F57273" s="1" t="s">
        <v>192635</v>
      </c>
      <c r="G57273" s="1" t="s">
        <v>192581</v>
      </c>
      <c r="H57273" s="1" t="s">
        <v>192582</v>
      </c>
      <c r="I57273" s="1" t="s">
        <v>187135</v>
      </c>
      <c r="J57273" s="1" t="s">
        <v>192636</v>
      </c>
    </row>
    <row r="57274" spans="1:10" x14ac:dyDescent="0.35">
      <c r="A57274" s="1" t="s">
        <v>121502</v>
      </c>
      <c r="B57274" s="1" t="s">
        <v>187129</v>
      </c>
      <c r="C57274" s="1" t="s">
        <v>95</v>
      </c>
      <c r="D57274" s="1" t="s">
        <v>192637</v>
      </c>
      <c r="E57274" s="1" t="s">
        <v>192638</v>
      </c>
      <c r="F57274" s="1" t="s">
        <v>192639</v>
      </c>
      <c r="G57274" s="1" t="s">
        <v>192581</v>
      </c>
      <c r="H57274" s="1" t="s">
        <v>192582</v>
      </c>
      <c r="I57274" s="1" t="s">
        <v>187135</v>
      </c>
      <c r="J57274" s="1" t="s">
        <v>192640</v>
      </c>
    </row>
    <row r="57275" spans="1:10" x14ac:dyDescent="0.35">
      <c r="A57275" s="1" t="s">
        <v>121502</v>
      </c>
      <c r="B57275" s="1" t="s">
        <v>187129</v>
      </c>
      <c r="C57275" s="1" t="s">
        <v>100</v>
      </c>
      <c r="D57275" s="1" t="s">
        <v>192641</v>
      </c>
      <c r="E57275" s="1" t="s">
        <v>192642</v>
      </c>
      <c r="F57275" s="1" t="s">
        <v>192643</v>
      </c>
      <c r="G57275" s="1" t="s">
        <v>192581</v>
      </c>
      <c r="H57275" s="1" t="s">
        <v>192582</v>
      </c>
      <c r="I57275" s="1" t="s">
        <v>187135</v>
      </c>
      <c r="J57275" s="1" t="s">
        <v>192644</v>
      </c>
    </row>
    <row r="57276" spans="1:10" x14ac:dyDescent="0.35">
      <c r="A57276" s="1" t="s">
        <v>121502</v>
      </c>
      <c r="B57276" s="1" t="s">
        <v>187129</v>
      </c>
      <c r="C57276" s="1" t="s">
        <v>105</v>
      </c>
      <c r="D57276" s="1" t="s">
        <v>192645</v>
      </c>
      <c r="E57276" s="1" t="s">
        <v>192646</v>
      </c>
      <c r="F57276" s="1" t="s">
        <v>192647</v>
      </c>
      <c r="G57276" s="1" t="s">
        <v>192581</v>
      </c>
      <c r="H57276" s="1" t="s">
        <v>192582</v>
      </c>
      <c r="I57276" s="1" t="s">
        <v>187135</v>
      </c>
      <c r="J57276" s="1" t="s">
        <v>192648</v>
      </c>
    </row>
    <row r="57277" spans="1:10" x14ac:dyDescent="0.35">
      <c r="A57277" s="1" t="s">
        <v>121502</v>
      </c>
      <c r="B57277" s="1" t="s">
        <v>187129</v>
      </c>
      <c r="C57277" s="1" t="s">
        <v>110</v>
      </c>
      <c r="D57277" s="1" t="s">
        <v>192649</v>
      </c>
      <c r="E57277" s="1" t="s">
        <v>192650</v>
      </c>
      <c r="F57277" s="1" t="s">
        <v>192651</v>
      </c>
      <c r="G57277" s="1" t="s">
        <v>192581</v>
      </c>
      <c r="H57277" s="1" t="s">
        <v>192582</v>
      </c>
      <c r="I57277" s="1" t="s">
        <v>187135</v>
      </c>
      <c r="J57277" s="1" t="s">
        <v>192652</v>
      </c>
    </row>
    <row r="57278" spans="1:10" x14ac:dyDescent="0.35">
      <c r="A57278" s="1" t="s">
        <v>121502</v>
      </c>
      <c r="B57278" s="1" t="s">
        <v>187129</v>
      </c>
      <c r="C57278" s="1" t="s">
        <v>115</v>
      </c>
      <c r="D57278" s="1" t="s">
        <v>192653</v>
      </c>
      <c r="E57278" s="1" t="s">
        <v>192654</v>
      </c>
      <c r="F57278" s="1" t="s">
        <v>192655</v>
      </c>
      <c r="G57278" s="1" t="s">
        <v>192581</v>
      </c>
      <c r="H57278" s="1" t="s">
        <v>192582</v>
      </c>
      <c r="I57278" s="1" t="s">
        <v>187135</v>
      </c>
      <c r="J57278" s="1" t="s">
        <v>192656</v>
      </c>
    </row>
    <row r="57279" spans="1:10" x14ac:dyDescent="0.35">
      <c r="A57279" s="1" t="s">
        <v>121502</v>
      </c>
      <c r="B57279" s="1" t="s">
        <v>187129</v>
      </c>
      <c r="C57279" s="1" t="s">
        <v>120</v>
      </c>
      <c r="D57279" s="1" t="s">
        <v>192657</v>
      </c>
      <c r="E57279" s="1" t="s">
        <v>192658</v>
      </c>
      <c r="F57279" s="1" t="s">
        <v>192659</v>
      </c>
      <c r="G57279" s="1" t="s">
        <v>192581</v>
      </c>
      <c r="H57279" s="1" t="s">
        <v>192582</v>
      </c>
      <c r="I57279" s="1" t="s">
        <v>187135</v>
      </c>
      <c r="J57279" s="1" t="s">
        <v>192660</v>
      </c>
    </row>
    <row r="57280" spans="1:10" x14ac:dyDescent="0.35">
      <c r="A57280" s="1" t="s">
        <v>121502</v>
      </c>
      <c r="B57280" s="1" t="s">
        <v>187129</v>
      </c>
      <c r="C57280" s="1" t="s">
        <v>125</v>
      </c>
      <c r="D57280" s="1" t="s">
        <v>192661</v>
      </c>
      <c r="E57280" s="1" t="s">
        <v>192662</v>
      </c>
      <c r="F57280" s="1" t="s">
        <v>192663</v>
      </c>
      <c r="G57280" s="1" t="s">
        <v>192581</v>
      </c>
      <c r="H57280" s="1" t="s">
        <v>192582</v>
      </c>
      <c r="I57280" s="1" t="s">
        <v>187135</v>
      </c>
      <c r="J57280" s="1" t="s">
        <v>192664</v>
      </c>
    </row>
    <row r="57281" spans="1:10" x14ac:dyDescent="0.35">
      <c r="A57281" s="1" t="s">
        <v>121502</v>
      </c>
      <c r="B57281" s="1" t="s">
        <v>187129</v>
      </c>
      <c r="C57281" s="1" t="s">
        <v>130</v>
      </c>
      <c r="D57281" s="1" t="s">
        <v>192665</v>
      </c>
      <c r="E57281" s="1" t="s">
        <v>192666</v>
      </c>
      <c r="F57281" s="1" t="s">
        <v>192667</v>
      </c>
      <c r="G57281" s="1" t="s">
        <v>192581</v>
      </c>
      <c r="H57281" s="1" t="s">
        <v>192582</v>
      </c>
      <c r="I57281" s="1" t="s">
        <v>187135</v>
      </c>
      <c r="J57281" s="1" t="s">
        <v>192668</v>
      </c>
    </row>
    <row r="57282" spans="1:10" x14ac:dyDescent="0.35">
      <c r="A57282" s="1" t="s">
        <v>121502</v>
      </c>
      <c r="B57282" s="1" t="s">
        <v>187129</v>
      </c>
      <c r="C57282" s="1" t="s">
        <v>135</v>
      </c>
      <c r="D57282" s="1" t="s">
        <v>192669</v>
      </c>
      <c r="E57282" s="1" t="s">
        <v>192670</v>
      </c>
      <c r="F57282" s="1" t="s">
        <v>192671</v>
      </c>
      <c r="G57282" s="1" t="s">
        <v>192581</v>
      </c>
      <c r="H57282" s="1" t="s">
        <v>192582</v>
      </c>
      <c r="I57282" s="1" t="s">
        <v>187135</v>
      </c>
      <c r="J57282" s="1" t="s">
        <v>192672</v>
      </c>
    </row>
    <row r="57283" spans="1:10" x14ac:dyDescent="0.35">
      <c r="A57283" s="1" t="s">
        <v>121502</v>
      </c>
      <c r="B57283" s="1" t="s">
        <v>187129</v>
      </c>
      <c r="C57283" s="1" t="s">
        <v>140</v>
      </c>
      <c r="D57283" s="1" t="s">
        <v>106670</v>
      </c>
      <c r="E57283" s="1" t="s">
        <v>192673</v>
      </c>
      <c r="F57283" s="1" t="s">
        <v>192674</v>
      </c>
      <c r="G57283" s="1" t="s">
        <v>192581</v>
      </c>
      <c r="H57283" s="1" t="s">
        <v>192582</v>
      </c>
      <c r="I57283" s="1" t="s">
        <v>187135</v>
      </c>
      <c r="J57283" s="1" t="s">
        <v>192675</v>
      </c>
    </row>
    <row r="57284" spans="1:10" x14ac:dyDescent="0.35">
      <c r="A57284" s="1" t="s">
        <v>121502</v>
      </c>
      <c r="B57284" s="1" t="s">
        <v>187129</v>
      </c>
      <c r="C57284" s="1" t="s">
        <v>145</v>
      </c>
      <c r="D57284" s="1" t="s">
        <v>75462</v>
      </c>
      <c r="E57284" s="1" t="s">
        <v>192676</v>
      </c>
      <c r="F57284" s="1" t="s">
        <v>192677</v>
      </c>
      <c r="G57284" s="1" t="s">
        <v>192581</v>
      </c>
      <c r="H57284" s="1" t="s">
        <v>192582</v>
      </c>
      <c r="I57284" s="1" t="s">
        <v>187135</v>
      </c>
      <c r="J57284" s="1" t="s">
        <v>192678</v>
      </c>
    </row>
    <row r="57285" spans="1:10" x14ac:dyDescent="0.35">
      <c r="A57285" s="1" t="s">
        <v>121502</v>
      </c>
      <c r="B57285" s="1" t="s">
        <v>187129</v>
      </c>
      <c r="C57285" s="1" t="s">
        <v>150</v>
      </c>
      <c r="D57285" s="1" t="s">
        <v>108790</v>
      </c>
      <c r="E57285" s="1" t="s">
        <v>192679</v>
      </c>
      <c r="F57285" s="1" t="s">
        <v>192680</v>
      </c>
      <c r="G57285" s="1" t="s">
        <v>192581</v>
      </c>
      <c r="H57285" s="1" t="s">
        <v>192582</v>
      </c>
      <c r="I57285" s="1" t="s">
        <v>187135</v>
      </c>
      <c r="J57285" s="1" t="s">
        <v>192681</v>
      </c>
    </row>
    <row r="57286" spans="1:10" x14ac:dyDescent="0.35">
      <c r="A57286" s="1" t="s">
        <v>121502</v>
      </c>
      <c r="B57286" s="1" t="s">
        <v>187129</v>
      </c>
      <c r="C57286" s="1" t="s">
        <v>155</v>
      </c>
      <c r="D57286" s="1" t="s">
        <v>106382</v>
      </c>
      <c r="E57286" s="1" t="s">
        <v>192682</v>
      </c>
      <c r="F57286" s="1" t="s">
        <v>192683</v>
      </c>
      <c r="G57286" s="1" t="s">
        <v>192581</v>
      </c>
      <c r="H57286" s="1" t="s">
        <v>192582</v>
      </c>
      <c r="I57286" s="1" t="s">
        <v>187135</v>
      </c>
      <c r="J57286" s="1" t="s">
        <v>192684</v>
      </c>
    </row>
    <row r="57287" spans="1:10" x14ac:dyDescent="0.35">
      <c r="A57287" s="1" t="s">
        <v>121502</v>
      </c>
      <c r="B57287" s="1" t="s">
        <v>187129</v>
      </c>
      <c r="C57287" s="1" t="s">
        <v>160</v>
      </c>
      <c r="D57287" s="1" t="s">
        <v>116945</v>
      </c>
      <c r="E57287" s="1" t="s">
        <v>192685</v>
      </c>
      <c r="F57287" s="1" t="s">
        <v>192686</v>
      </c>
      <c r="G57287" s="1" t="s">
        <v>192581</v>
      </c>
      <c r="H57287" s="1" t="s">
        <v>192582</v>
      </c>
      <c r="I57287" s="1" t="s">
        <v>187135</v>
      </c>
      <c r="J57287" s="1" t="s">
        <v>192687</v>
      </c>
    </row>
    <row r="57288" spans="1:10" x14ac:dyDescent="0.35">
      <c r="A57288" s="1" t="s">
        <v>121502</v>
      </c>
      <c r="B57288" s="1" t="s">
        <v>187129</v>
      </c>
      <c r="C57288" s="1" t="s">
        <v>165</v>
      </c>
      <c r="D57288" s="1" t="s">
        <v>14287</v>
      </c>
      <c r="E57288" s="1" t="s">
        <v>192688</v>
      </c>
      <c r="F57288" s="1" t="s">
        <v>192689</v>
      </c>
      <c r="G57288" s="1" t="s">
        <v>192581</v>
      </c>
      <c r="H57288" s="1" t="s">
        <v>192582</v>
      </c>
      <c r="I57288" s="1" t="s">
        <v>187135</v>
      </c>
      <c r="J57288" s="1" t="s">
        <v>192690</v>
      </c>
    </row>
    <row r="57289" spans="1:10" x14ac:dyDescent="0.35">
      <c r="A57289" s="1" t="s">
        <v>121502</v>
      </c>
      <c r="B57289" s="1" t="s">
        <v>187129</v>
      </c>
      <c r="C57289" s="1" t="s">
        <v>170</v>
      </c>
      <c r="D57289" s="1" t="s">
        <v>59878</v>
      </c>
      <c r="E57289" s="1" t="s">
        <v>192691</v>
      </c>
      <c r="F57289" s="1" t="s">
        <v>192692</v>
      </c>
      <c r="G57289" s="1" t="s">
        <v>192581</v>
      </c>
      <c r="H57289" s="1" t="s">
        <v>192582</v>
      </c>
      <c r="I57289" s="1" t="s">
        <v>187135</v>
      </c>
      <c r="J57289" s="1" t="s">
        <v>192693</v>
      </c>
    </row>
    <row r="57290" spans="1:10" x14ac:dyDescent="0.35">
      <c r="A57290" s="1" t="s">
        <v>145396</v>
      </c>
      <c r="B57290" s="1" t="s">
        <v>187129</v>
      </c>
      <c r="C57290" s="1" t="s">
        <v>8</v>
      </c>
      <c r="D57290" s="1" t="s">
        <v>177849</v>
      </c>
      <c r="E57290" s="1" t="s">
        <v>192694</v>
      </c>
      <c r="F57290" s="1" t="s">
        <v>192695</v>
      </c>
      <c r="G57290" s="1" t="s">
        <v>192696</v>
      </c>
      <c r="H57290" s="1" t="s">
        <v>192697</v>
      </c>
      <c r="I57290" s="1" t="s">
        <v>187135</v>
      </c>
      <c r="J57290" s="1" t="s">
        <v>13</v>
      </c>
    </row>
    <row r="57291" spans="1:10" x14ac:dyDescent="0.35">
      <c r="A57291" s="1" t="s">
        <v>145396</v>
      </c>
      <c r="B57291" s="1" t="s">
        <v>187129</v>
      </c>
      <c r="C57291" s="1" t="s">
        <v>15</v>
      </c>
      <c r="D57291" s="1" t="s">
        <v>10413</v>
      </c>
      <c r="E57291" s="1" t="s">
        <v>192698</v>
      </c>
      <c r="F57291" s="1" t="s">
        <v>192699</v>
      </c>
      <c r="G57291" s="1" t="s">
        <v>192696</v>
      </c>
      <c r="H57291" s="1" t="s">
        <v>192697</v>
      </c>
      <c r="I57291" s="1" t="s">
        <v>187135</v>
      </c>
      <c r="J57291" s="1" t="s">
        <v>192700</v>
      </c>
    </row>
    <row r="57292" spans="1:10" x14ac:dyDescent="0.35">
      <c r="A57292" s="1" t="s">
        <v>145396</v>
      </c>
      <c r="B57292" s="1" t="s">
        <v>187129</v>
      </c>
      <c r="C57292" s="1" t="s">
        <v>20</v>
      </c>
      <c r="D57292" s="1" t="s">
        <v>43147</v>
      </c>
      <c r="E57292" s="1" t="s">
        <v>192701</v>
      </c>
      <c r="F57292" s="1" t="s">
        <v>192702</v>
      </c>
      <c r="G57292" s="1" t="s">
        <v>192696</v>
      </c>
      <c r="H57292" s="1" t="s">
        <v>192697</v>
      </c>
      <c r="I57292" s="1" t="s">
        <v>187135</v>
      </c>
      <c r="J57292" s="1" t="s">
        <v>192703</v>
      </c>
    </row>
    <row r="57293" spans="1:10" x14ac:dyDescent="0.35">
      <c r="A57293" s="1" t="s">
        <v>145396</v>
      </c>
      <c r="B57293" s="1" t="s">
        <v>187129</v>
      </c>
      <c r="C57293" s="1" t="s">
        <v>25</v>
      </c>
      <c r="D57293" s="1" t="s">
        <v>104606</v>
      </c>
      <c r="E57293" s="1" t="s">
        <v>192704</v>
      </c>
      <c r="F57293" s="1" t="s">
        <v>192705</v>
      </c>
      <c r="G57293" s="1" t="s">
        <v>192696</v>
      </c>
      <c r="H57293" s="1" t="s">
        <v>192697</v>
      </c>
      <c r="I57293" s="1" t="s">
        <v>187135</v>
      </c>
      <c r="J57293" s="1" t="s">
        <v>192706</v>
      </c>
    </row>
    <row r="57294" spans="1:10" x14ac:dyDescent="0.35">
      <c r="A57294" s="1" t="s">
        <v>145396</v>
      </c>
      <c r="B57294" s="1" t="s">
        <v>187129</v>
      </c>
      <c r="C57294" s="1" t="s">
        <v>30</v>
      </c>
      <c r="D57294" s="1" t="s">
        <v>601</v>
      </c>
      <c r="E57294" s="1" t="s">
        <v>192707</v>
      </c>
      <c r="F57294" s="1" t="s">
        <v>192708</v>
      </c>
      <c r="G57294" s="1" t="s">
        <v>192696</v>
      </c>
      <c r="H57294" s="1" t="s">
        <v>192697</v>
      </c>
      <c r="I57294" s="1" t="s">
        <v>187135</v>
      </c>
      <c r="J57294" s="1" t="s">
        <v>192709</v>
      </c>
    </row>
    <row r="57295" spans="1:10" x14ac:dyDescent="0.35">
      <c r="A57295" s="1" t="s">
        <v>145396</v>
      </c>
      <c r="B57295" s="1" t="s">
        <v>187129</v>
      </c>
      <c r="C57295" s="1" t="s">
        <v>35</v>
      </c>
      <c r="D57295" s="1" t="s">
        <v>71177</v>
      </c>
      <c r="E57295" s="1" t="s">
        <v>192710</v>
      </c>
      <c r="F57295" s="1" t="s">
        <v>192711</v>
      </c>
      <c r="G57295" s="1" t="s">
        <v>192696</v>
      </c>
      <c r="H57295" s="1" t="s">
        <v>192697</v>
      </c>
      <c r="I57295" s="1" t="s">
        <v>187135</v>
      </c>
      <c r="J57295" s="1" t="s">
        <v>192712</v>
      </c>
    </row>
    <row r="57296" spans="1:10" x14ac:dyDescent="0.35">
      <c r="A57296" s="1" t="s">
        <v>145396</v>
      </c>
      <c r="B57296" s="1" t="s">
        <v>187129</v>
      </c>
      <c r="C57296" s="1" t="s">
        <v>40</v>
      </c>
      <c r="D57296" s="1" t="s">
        <v>192713</v>
      </c>
      <c r="E57296" s="1" t="s">
        <v>192714</v>
      </c>
      <c r="F57296" s="1" t="s">
        <v>192715</v>
      </c>
      <c r="G57296" s="1" t="s">
        <v>192696</v>
      </c>
      <c r="H57296" s="1" t="s">
        <v>192697</v>
      </c>
      <c r="I57296" s="1" t="s">
        <v>187135</v>
      </c>
      <c r="J57296" s="1" t="s">
        <v>192716</v>
      </c>
    </row>
    <row r="57297" spans="1:10" x14ac:dyDescent="0.35">
      <c r="A57297" s="1" t="s">
        <v>145396</v>
      </c>
      <c r="B57297" s="1" t="s">
        <v>187129</v>
      </c>
      <c r="C57297" s="1" t="s">
        <v>45</v>
      </c>
      <c r="D57297" s="1" t="s">
        <v>123266</v>
      </c>
      <c r="E57297" s="1" t="s">
        <v>192717</v>
      </c>
      <c r="F57297" s="1" t="s">
        <v>192718</v>
      </c>
      <c r="G57297" s="1" t="s">
        <v>192696</v>
      </c>
      <c r="H57297" s="1" t="s">
        <v>192697</v>
      </c>
      <c r="I57297" s="1" t="s">
        <v>187135</v>
      </c>
      <c r="J57297" s="1" t="s">
        <v>192719</v>
      </c>
    </row>
    <row r="57298" spans="1:10" x14ac:dyDescent="0.35">
      <c r="A57298" s="1" t="s">
        <v>145396</v>
      </c>
      <c r="B57298" s="1" t="s">
        <v>187129</v>
      </c>
      <c r="C57298" s="1" t="s">
        <v>50</v>
      </c>
      <c r="D57298" s="1" t="s">
        <v>192720</v>
      </c>
      <c r="E57298" s="1" t="s">
        <v>192721</v>
      </c>
      <c r="F57298" s="1" t="s">
        <v>192722</v>
      </c>
      <c r="G57298" s="1" t="s">
        <v>192696</v>
      </c>
      <c r="H57298" s="1" t="s">
        <v>192697</v>
      </c>
      <c r="I57298" s="1" t="s">
        <v>187135</v>
      </c>
      <c r="J57298" s="1" t="s">
        <v>192723</v>
      </c>
    </row>
    <row r="57299" spans="1:10" x14ac:dyDescent="0.35">
      <c r="A57299" s="1" t="s">
        <v>145396</v>
      </c>
      <c r="B57299" s="1" t="s">
        <v>187129</v>
      </c>
      <c r="C57299" s="1" t="s">
        <v>55</v>
      </c>
      <c r="D57299" s="1" t="s">
        <v>192724</v>
      </c>
      <c r="E57299" s="1" t="s">
        <v>192725</v>
      </c>
      <c r="F57299" s="1" t="s">
        <v>192726</v>
      </c>
      <c r="G57299" s="1" t="s">
        <v>192696</v>
      </c>
      <c r="H57299" s="1" t="s">
        <v>192697</v>
      </c>
      <c r="I57299" s="1" t="s">
        <v>187135</v>
      </c>
      <c r="J57299" s="1" t="s">
        <v>192727</v>
      </c>
    </row>
    <row r="57300" spans="1:10" x14ac:dyDescent="0.35">
      <c r="A57300" s="1" t="s">
        <v>145396</v>
      </c>
      <c r="B57300" s="1" t="s">
        <v>187129</v>
      </c>
      <c r="C57300" s="1" t="s">
        <v>60</v>
      </c>
      <c r="D57300" s="1" t="s">
        <v>32097</v>
      </c>
      <c r="E57300" s="1" t="s">
        <v>192728</v>
      </c>
      <c r="F57300" s="1" t="s">
        <v>192729</v>
      </c>
      <c r="G57300" s="1" t="s">
        <v>192696</v>
      </c>
      <c r="H57300" s="1" t="s">
        <v>192697</v>
      </c>
      <c r="I57300" s="1" t="s">
        <v>187135</v>
      </c>
      <c r="J57300" s="1" t="s">
        <v>192730</v>
      </c>
    </row>
    <row r="57301" spans="1:10" x14ac:dyDescent="0.35">
      <c r="A57301" s="1" t="s">
        <v>145396</v>
      </c>
      <c r="B57301" s="1" t="s">
        <v>187129</v>
      </c>
      <c r="C57301" s="1" t="s">
        <v>65</v>
      </c>
      <c r="D57301" s="1" t="s">
        <v>118212</v>
      </c>
      <c r="E57301" s="1" t="s">
        <v>192731</v>
      </c>
      <c r="F57301" s="1" t="s">
        <v>192732</v>
      </c>
      <c r="G57301" s="1" t="s">
        <v>192696</v>
      </c>
      <c r="H57301" s="1" t="s">
        <v>192697</v>
      </c>
      <c r="I57301" s="1" t="s">
        <v>187135</v>
      </c>
      <c r="J57301" s="1" t="s">
        <v>192733</v>
      </c>
    </row>
    <row r="57302" spans="1:10" x14ac:dyDescent="0.35">
      <c r="A57302" s="1" t="s">
        <v>145396</v>
      </c>
      <c r="B57302" s="1" t="s">
        <v>187129</v>
      </c>
      <c r="C57302" s="1" t="s">
        <v>70</v>
      </c>
      <c r="D57302" s="1" t="s">
        <v>17983</v>
      </c>
      <c r="E57302" s="1" t="s">
        <v>192734</v>
      </c>
      <c r="F57302" s="1" t="s">
        <v>192735</v>
      </c>
      <c r="G57302" s="1" t="s">
        <v>192696</v>
      </c>
      <c r="H57302" s="1" t="s">
        <v>192697</v>
      </c>
      <c r="I57302" s="1" t="s">
        <v>187135</v>
      </c>
      <c r="J57302" s="1" t="s">
        <v>192736</v>
      </c>
    </row>
    <row r="57303" spans="1:10" x14ac:dyDescent="0.35">
      <c r="A57303" s="1" t="s">
        <v>145396</v>
      </c>
      <c r="B57303" s="1" t="s">
        <v>187129</v>
      </c>
      <c r="C57303" s="1" t="s">
        <v>75</v>
      </c>
      <c r="D57303" s="1" t="s">
        <v>141451</v>
      </c>
      <c r="E57303" s="1" t="s">
        <v>192737</v>
      </c>
      <c r="F57303" s="1" t="s">
        <v>192738</v>
      </c>
      <c r="G57303" s="1" t="s">
        <v>192696</v>
      </c>
      <c r="H57303" s="1" t="s">
        <v>192697</v>
      </c>
      <c r="I57303" s="1" t="s">
        <v>187135</v>
      </c>
      <c r="J57303" s="1" t="s">
        <v>192739</v>
      </c>
    </row>
    <row r="57304" spans="1:10" x14ac:dyDescent="0.35">
      <c r="A57304" s="1" t="s">
        <v>145396</v>
      </c>
      <c r="B57304" s="1" t="s">
        <v>187129</v>
      </c>
      <c r="C57304" s="1" t="s">
        <v>80</v>
      </c>
      <c r="D57304" s="1" t="s">
        <v>17589</v>
      </c>
      <c r="E57304" s="1" t="s">
        <v>192740</v>
      </c>
      <c r="F57304" s="1" t="s">
        <v>192741</v>
      </c>
      <c r="G57304" s="1" t="s">
        <v>192696</v>
      </c>
      <c r="H57304" s="1" t="s">
        <v>192697</v>
      </c>
      <c r="I57304" s="1" t="s">
        <v>187135</v>
      </c>
      <c r="J57304" s="1" t="s">
        <v>192742</v>
      </c>
    </row>
    <row r="57305" spans="1:10" x14ac:dyDescent="0.35">
      <c r="A57305" s="1" t="s">
        <v>145396</v>
      </c>
      <c r="B57305" s="1" t="s">
        <v>187129</v>
      </c>
      <c r="C57305" s="1" t="s">
        <v>85</v>
      </c>
      <c r="D57305" s="1" t="s">
        <v>82129</v>
      </c>
      <c r="E57305" s="1" t="s">
        <v>192743</v>
      </c>
      <c r="F57305" s="1" t="s">
        <v>192744</v>
      </c>
      <c r="G57305" s="1" t="s">
        <v>192696</v>
      </c>
      <c r="H57305" s="1" t="s">
        <v>192697</v>
      </c>
      <c r="I57305" s="1" t="s">
        <v>187135</v>
      </c>
      <c r="J57305" s="1" t="s">
        <v>192745</v>
      </c>
    </row>
    <row r="57306" spans="1:10" x14ac:dyDescent="0.35">
      <c r="A57306" s="1" t="s">
        <v>145396</v>
      </c>
      <c r="B57306" s="1" t="s">
        <v>187129</v>
      </c>
      <c r="C57306" s="1" t="s">
        <v>90</v>
      </c>
      <c r="D57306" s="1" t="s">
        <v>192746</v>
      </c>
      <c r="E57306" s="1" t="s">
        <v>192747</v>
      </c>
      <c r="F57306" s="1" t="s">
        <v>192748</v>
      </c>
      <c r="G57306" s="1" t="s">
        <v>192696</v>
      </c>
      <c r="H57306" s="1" t="s">
        <v>192697</v>
      </c>
      <c r="I57306" s="1" t="s">
        <v>187135</v>
      </c>
      <c r="J57306" s="1" t="s">
        <v>192749</v>
      </c>
    </row>
    <row r="57307" spans="1:10" x14ac:dyDescent="0.35">
      <c r="A57307" s="1" t="s">
        <v>145396</v>
      </c>
      <c r="B57307" s="1" t="s">
        <v>187129</v>
      </c>
      <c r="C57307" s="1" t="s">
        <v>95</v>
      </c>
      <c r="D57307" s="1" t="s">
        <v>192750</v>
      </c>
      <c r="E57307" s="1" t="s">
        <v>192751</v>
      </c>
      <c r="F57307" s="1" t="s">
        <v>192752</v>
      </c>
      <c r="G57307" s="1" t="s">
        <v>192696</v>
      </c>
      <c r="H57307" s="1" t="s">
        <v>192697</v>
      </c>
      <c r="I57307" s="1" t="s">
        <v>187135</v>
      </c>
      <c r="J57307" s="1" t="s">
        <v>192753</v>
      </c>
    </row>
    <row r="57308" spans="1:10" x14ac:dyDescent="0.35">
      <c r="A57308" s="1" t="s">
        <v>145396</v>
      </c>
      <c r="B57308" s="1" t="s">
        <v>187129</v>
      </c>
      <c r="C57308" s="1" t="s">
        <v>100</v>
      </c>
      <c r="D57308" s="1" t="s">
        <v>18402</v>
      </c>
      <c r="E57308" s="1" t="s">
        <v>192754</v>
      </c>
      <c r="F57308" s="1" t="s">
        <v>192755</v>
      </c>
      <c r="G57308" s="1" t="s">
        <v>192696</v>
      </c>
      <c r="H57308" s="1" t="s">
        <v>192697</v>
      </c>
      <c r="I57308" s="1" t="s">
        <v>187135</v>
      </c>
      <c r="J57308" s="1" t="s">
        <v>192756</v>
      </c>
    </row>
    <row r="57309" spans="1:10" x14ac:dyDescent="0.35">
      <c r="A57309" s="1" t="s">
        <v>145396</v>
      </c>
      <c r="B57309" s="1" t="s">
        <v>187129</v>
      </c>
      <c r="C57309" s="1" t="s">
        <v>105</v>
      </c>
      <c r="D57309" s="1" t="s">
        <v>178496</v>
      </c>
      <c r="E57309" s="1" t="s">
        <v>192757</v>
      </c>
      <c r="F57309" s="1" t="s">
        <v>192758</v>
      </c>
      <c r="G57309" s="1" t="s">
        <v>192696</v>
      </c>
      <c r="H57309" s="1" t="s">
        <v>192697</v>
      </c>
      <c r="I57309" s="1" t="s">
        <v>187135</v>
      </c>
      <c r="J57309" s="1" t="s">
        <v>192759</v>
      </c>
    </row>
    <row r="57310" spans="1:10" x14ac:dyDescent="0.35">
      <c r="A57310" s="1" t="s">
        <v>145396</v>
      </c>
      <c r="B57310" s="1" t="s">
        <v>187129</v>
      </c>
      <c r="C57310" s="1" t="s">
        <v>110</v>
      </c>
      <c r="D57310" s="1" t="s">
        <v>192760</v>
      </c>
      <c r="E57310" s="1" t="s">
        <v>192761</v>
      </c>
      <c r="F57310" s="1" t="s">
        <v>192762</v>
      </c>
      <c r="G57310" s="1" t="s">
        <v>192696</v>
      </c>
      <c r="H57310" s="1" t="s">
        <v>192697</v>
      </c>
      <c r="I57310" s="1" t="s">
        <v>187135</v>
      </c>
      <c r="J57310" s="1" t="s">
        <v>192763</v>
      </c>
    </row>
    <row r="57311" spans="1:10" x14ac:dyDescent="0.35">
      <c r="A57311" s="1" t="s">
        <v>145396</v>
      </c>
      <c r="B57311" s="1" t="s">
        <v>187129</v>
      </c>
      <c r="C57311" s="1" t="s">
        <v>115</v>
      </c>
      <c r="D57311" s="1" t="s">
        <v>192764</v>
      </c>
      <c r="E57311" s="1" t="s">
        <v>192765</v>
      </c>
      <c r="F57311" s="1" t="s">
        <v>192766</v>
      </c>
      <c r="G57311" s="1" t="s">
        <v>192696</v>
      </c>
      <c r="H57311" s="1" t="s">
        <v>192697</v>
      </c>
      <c r="I57311" s="1" t="s">
        <v>187135</v>
      </c>
      <c r="J57311" s="1" t="s">
        <v>192767</v>
      </c>
    </row>
    <row r="57312" spans="1:10" x14ac:dyDescent="0.35">
      <c r="A57312" s="1" t="s">
        <v>145396</v>
      </c>
      <c r="B57312" s="1" t="s">
        <v>187129</v>
      </c>
      <c r="C57312" s="1" t="s">
        <v>120</v>
      </c>
      <c r="D57312" s="1" t="s">
        <v>30435</v>
      </c>
      <c r="E57312" s="1" t="s">
        <v>192768</v>
      </c>
      <c r="F57312" s="1" t="s">
        <v>192769</v>
      </c>
      <c r="G57312" s="1" t="s">
        <v>192696</v>
      </c>
      <c r="H57312" s="1" t="s">
        <v>192697</v>
      </c>
      <c r="I57312" s="1" t="s">
        <v>187135</v>
      </c>
      <c r="J57312" s="1" t="s">
        <v>192770</v>
      </c>
    </row>
    <row r="57313" spans="1:10" x14ac:dyDescent="0.35">
      <c r="A57313" s="1" t="s">
        <v>145396</v>
      </c>
      <c r="B57313" s="1" t="s">
        <v>187129</v>
      </c>
      <c r="C57313" s="1" t="s">
        <v>125</v>
      </c>
      <c r="D57313" s="1" t="s">
        <v>18354</v>
      </c>
      <c r="E57313" s="1" t="s">
        <v>192771</v>
      </c>
      <c r="F57313" s="1" t="s">
        <v>192772</v>
      </c>
      <c r="G57313" s="1" t="s">
        <v>192696</v>
      </c>
      <c r="H57313" s="1" t="s">
        <v>192697</v>
      </c>
      <c r="I57313" s="1" t="s">
        <v>187135</v>
      </c>
      <c r="J57313" s="1" t="s">
        <v>192773</v>
      </c>
    </row>
    <row r="57314" spans="1:10" x14ac:dyDescent="0.35">
      <c r="A57314" s="1" t="s">
        <v>145396</v>
      </c>
      <c r="B57314" s="1" t="s">
        <v>187129</v>
      </c>
      <c r="C57314" s="1" t="s">
        <v>130</v>
      </c>
      <c r="D57314" s="1" t="s">
        <v>192774</v>
      </c>
      <c r="E57314" s="1" t="s">
        <v>192775</v>
      </c>
      <c r="F57314" s="1" t="s">
        <v>192776</v>
      </c>
      <c r="G57314" s="1" t="s">
        <v>192696</v>
      </c>
      <c r="H57314" s="1" t="s">
        <v>192697</v>
      </c>
      <c r="I57314" s="1" t="s">
        <v>187135</v>
      </c>
      <c r="J57314" s="1" t="s">
        <v>192777</v>
      </c>
    </row>
    <row r="57315" spans="1:10" x14ac:dyDescent="0.35">
      <c r="A57315" s="1" t="s">
        <v>145396</v>
      </c>
      <c r="B57315" s="1" t="s">
        <v>187129</v>
      </c>
      <c r="C57315" s="1" t="s">
        <v>135</v>
      </c>
      <c r="D57315" s="1" t="s">
        <v>192778</v>
      </c>
      <c r="E57315" s="1" t="s">
        <v>192779</v>
      </c>
      <c r="F57315" s="1" t="s">
        <v>192780</v>
      </c>
      <c r="G57315" s="1" t="s">
        <v>192696</v>
      </c>
      <c r="H57315" s="1" t="s">
        <v>192697</v>
      </c>
      <c r="I57315" s="1" t="s">
        <v>187135</v>
      </c>
      <c r="J57315" s="1" t="s">
        <v>192781</v>
      </c>
    </row>
    <row r="57316" spans="1:10" x14ac:dyDescent="0.35">
      <c r="A57316" s="1" t="s">
        <v>145396</v>
      </c>
      <c r="B57316" s="1" t="s">
        <v>187129</v>
      </c>
      <c r="C57316" s="1" t="s">
        <v>140</v>
      </c>
      <c r="D57316" s="1" t="s">
        <v>148063</v>
      </c>
      <c r="E57316" s="1" t="s">
        <v>192782</v>
      </c>
      <c r="F57316" s="1" t="s">
        <v>192783</v>
      </c>
      <c r="G57316" s="1" t="s">
        <v>192696</v>
      </c>
      <c r="H57316" s="1" t="s">
        <v>192697</v>
      </c>
      <c r="I57316" s="1" t="s">
        <v>187135</v>
      </c>
      <c r="J57316" s="1" t="s">
        <v>192784</v>
      </c>
    </row>
    <row r="57317" spans="1:10" x14ac:dyDescent="0.35">
      <c r="A57317" s="1" t="s">
        <v>145396</v>
      </c>
      <c r="B57317" s="1" t="s">
        <v>187129</v>
      </c>
      <c r="C57317" s="1" t="s">
        <v>145</v>
      </c>
      <c r="D57317" s="1" t="s">
        <v>36464</v>
      </c>
      <c r="E57317" s="1" t="s">
        <v>192785</v>
      </c>
      <c r="F57317" s="1" t="s">
        <v>192786</v>
      </c>
      <c r="G57317" s="1" t="s">
        <v>192696</v>
      </c>
      <c r="H57317" s="1" t="s">
        <v>192697</v>
      </c>
      <c r="I57317" s="1" t="s">
        <v>187135</v>
      </c>
      <c r="J57317" s="1" t="s">
        <v>192787</v>
      </c>
    </row>
    <row r="57318" spans="1:10" x14ac:dyDescent="0.35">
      <c r="A57318" s="1" t="s">
        <v>145396</v>
      </c>
      <c r="B57318" s="1" t="s">
        <v>187129</v>
      </c>
      <c r="C57318" s="1" t="s">
        <v>150</v>
      </c>
      <c r="D57318" s="1" t="s">
        <v>192788</v>
      </c>
      <c r="E57318" s="1" t="s">
        <v>192789</v>
      </c>
      <c r="F57318" s="1" t="s">
        <v>192790</v>
      </c>
      <c r="G57318" s="1" t="s">
        <v>192696</v>
      </c>
      <c r="H57318" s="1" t="s">
        <v>192697</v>
      </c>
      <c r="I57318" s="1" t="s">
        <v>187135</v>
      </c>
      <c r="J57318" s="1" t="s">
        <v>192791</v>
      </c>
    </row>
    <row r="57319" spans="1:10" x14ac:dyDescent="0.35">
      <c r="A57319" s="1" t="s">
        <v>145396</v>
      </c>
      <c r="B57319" s="1" t="s">
        <v>187129</v>
      </c>
      <c r="C57319" s="1" t="s">
        <v>155</v>
      </c>
      <c r="D57319" s="1" t="s">
        <v>192792</v>
      </c>
      <c r="E57319" s="1" t="s">
        <v>192793</v>
      </c>
      <c r="F57319" s="1" t="s">
        <v>192794</v>
      </c>
      <c r="G57319" s="1" t="s">
        <v>192696</v>
      </c>
      <c r="H57319" s="1" t="s">
        <v>192697</v>
      </c>
      <c r="I57319" s="1" t="s">
        <v>187135</v>
      </c>
      <c r="J57319" s="1" t="s">
        <v>192795</v>
      </c>
    </row>
    <row r="57320" spans="1:10" x14ac:dyDescent="0.35">
      <c r="A57320" s="1" t="s">
        <v>145396</v>
      </c>
      <c r="B57320" s="1" t="s">
        <v>187129</v>
      </c>
      <c r="C57320" s="1" t="s">
        <v>160</v>
      </c>
      <c r="D57320" s="1" t="s">
        <v>184979</v>
      </c>
      <c r="E57320" s="1" t="s">
        <v>192796</v>
      </c>
      <c r="F57320" s="1" t="s">
        <v>192797</v>
      </c>
      <c r="G57320" s="1" t="s">
        <v>192696</v>
      </c>
      <c r="H57320" s="1" t="s">
        <v>192697</v>
      </c>
      <c r="I57320" s="1" t="s">
        <v>187135</v>
      </c>
      <c r="J57320" s="1" t="s">
        <v>192798</v>
      </c>
    </row>
    <row r="57321" spans="1:10" x14ac:dyDescent="0.35">
      <c r="A57321" s="1" t="s">
        <v>145396</v>
      </c>
      <c r="B57321" s="1" t="s">
        <v>187129</v>
      </c>
      <c r="C57321" s="1" t="s">
        <v>165</v>
      </c>
      <c r="D57321" s="1" t="s">
        <v>17597</v>
      </c>
      <c r="E57321" s="1" t="s">
        <v>192799</v>
      </c>
      <c r="F57321" s="1" t="s">
        <v>192800</v>
      </c>
      <c r="G57321" s="1" t="s">
        <v>192696</v>
      </c>
      <c r="H57321" s="1" t="s">
        <v>192697</v>
      </c>
      <c r="I57321" s="1" t="s">
        <v>187135</v>
      </c>
      <c r="J57321" s="1" t="s">
        <v>188802</v>
      </c>
    </row>
    <row r="57322" spans="1:10" x14ac:dyDescent="0.35">
      <c r="A57322" s="1" t="s">
        <v>145396</v>
      </c>
      <c r="B57322" s="1" t="s">
        <v>187129</v>
      </c>
      <c r="C57322" s="1" t="s">
        <v>170</v>
      </c>
      <c r="D57322" s="1" t="s">
        <v>192801</v>
      </c>
      <c r="E57322" s="1" t="s">
        <v>192802</v>
      </c>
      <c r="F57322" s="1" t="s">
        <v>192803</v>
      </c>
      <c r="G57322" s="1" t="s">
        <v>192696</v>
      </c>
      <c r="H57322" s="1" t="s">
        <v>192697</v>
      </c>
      <c r="I57322" s="1" t="s">
        <v>187135</v>
      </c>
      <c r="J57322" s="1" t="s">
        <v>192804</v>
      </c>
    </row>
    <row r="57323" spans="1:10" x14ac:dyDescent="0.35">
      <c r="A57323" s="1" t="s">
        <v>47054</v>
      </c>
      <c r="B57323" s="1" t="s">
        <v>187129</v>
      </c>
      <c r="C57323" s="1" t="s">
        <v>8</v>
      </c>
      <c r="D57323" s="1" t="s">
        <v>43289</v>
      </c>
      <c r="E57323" s="1" t="s">
        <v>192805</v>
      </c>
      <c r="F57323" s="1" t="s">
        <v>192806</v>
      </c>
      <c r="G57323" s="1" t="s">
        <v>192807</v>
      </c>
      <c r="H57323" s="1" t="s">
        <v>192808</v>
      </c>
      <c r="I57323" s="1" t="s">
        <v>187135</v>
      </c>
      <c r="J57323" s="1" t="s">
        <v>13</v>
      </c>
    </row>
    <row r="57324" spans="1:10" x14ac:dyDescent="0.35">
      <c r="A57324" s="1" t="s">
        <v>47054</v>
      </c>
      <c r="B57324" s="1" t="s">
        <v>187129</v>
      </c>
      <c r="C57324" s="1" t="s">
        <v>15</v>
      </c>
      <c r="D57324" s="1" t="s">
        <v>17617</v>
      </c>
      <c r="E57324" s="1" t="s">
        <v>192809</v>
      </c>
      <c r="F57324" s="1" t="s">
        <v>192810</v>
      </c>
      <c r="G57324" s="1" t="s">
        <v>192807</v>
      </c>
      <c r="H57324" s="1" t="s">
        <v>192808</v>
      </c>
      <c r="I57324" s="1" t="s">
        <v>187135</v>
      </c>
      <c r="J57324" s="1" t="s">
        <v>192811</v>
      </c>
    </row>
    <row r="57325" spans="1:10" x14ac:dyDescent="0.35">
      <c r="A57325" s="1" t="s">
        <v>47054</v>
      </c>
      <c r="B57325" s="1" t="s">
        <v>187129</v>
      </c>
      <c r="C57325" s="1" t="s">
        <v>20</v>
      </c>
      <c r="D57325" s="1" t="s">
        <v>110973</v>
      </c>
      <c r="E57325" s="1" t="s">
        <v>192812</v>
      </c>
      <c r="F57325" s="1" t="s">
        <v>192813</v>
      </c>
      <c r="G57325" s="1" t="s">
        <v>192807</v>
      </c>
      <c r="H57325" s="1" t="s">
        <v>192808</v>
      </c>
      <c r="I57325" s="1" t="s">
        <v>187135</v>
      </c>
      <c r="J57325" s="1" t="s">
        <v>192814</v>
      </c>
    </row>
    <row r="57326" spans="1:10" x14ac:dyDescent="0.35">
      <c r="A57326" s="1" t="s">
        <v>47054</v>
      </c>
      <c r="B57326" s="1" t="s">
        <v>187129</v>
      </c>
      <c r="C57326" s="1" t="s">
        <v>25</v>
      </c>
      <c r="D57326" s="1" t="s">
        <v>105169</v>
      </c>
      <c r="E57326" s="1" t="s">
        <v>192815</v>
      </c>
      <c r="F57326" s="1" t="s">
        <v>192816</v>
      </c>
      <c r="G57326" s="1" t="s">
        <v>192807</v>
      </c>
      <c r="H57326" s="1" t="s">
        <v>192808</v>
      </c>
      <c r="I57326" s="1" t="s">
        <v>187135</v>
      </c>
      <c r="J57326" s="1" t="s">
        <v>192817</v>
      </c>
    </row>
    <row r="57327" spans="1:10" x14ac:dyDescent="0.35">
      <c r="A57327" s="1" t="s">
        <v>47054</v>
      </c>
      <c r="B57327" s="1" t="s">
        <v>187129</v>
      </c>
      <c r="C57327" s="1" t="s">
        <v>30</v>
      </c>
      <c r="D57327" s="1" t="s">
        <v>17153</v>
      </c>
      <c r="E57327" s="1" t="s">
        <v>192818</v>
      </c>
      <c r="F57327" s="1" t="s">
        <v>192819</v>
      </c>
      <c r="G57327" s="1" t="s">
        <v>192807</v>
      </c>
      <c r="H57327" s="1" t="s">
        <v>192808</v>
      </c>
      <c r="I57327" s="1" t="s">
        <v>187135</v>
      </c>
      <c r="J57327" s="1" t="s">
        <v>192820</v>
      </c>
    </row>
    <row r="57328" spans="1:10" x14ac:dyDescent="0.35">
      <c r="A57328" s="1" t="s">
        <v>47054</v>
      </c>
      <c r="B57328" s="1" t="s">
        <v>187129</v>
      </c>
      <c r="C57328" s="1" t="s">
        <v>35</v>
      </c>
      <c r="D57328" s="1" t="s">
        <v>15937</v>
      </c>
      <c r="E57328" s="1" t="s">
        <v>192821</v>
      </c>
      <c r="F57328" s="1" t="s">
        <v>192822</v>
      </c>
      <c r="G57328" s="1" t="s">
        <v>192807</v>
      </c>
      <c r="H57328" s="1" t="s">
        <v>192808</v>
      </c>
      <c r="I57328" s="1" t="s">
        <v>187135</v>
      </c>
      <c r="J57328" s="1" t="s">
        <v>192823</v>
      </c>
    </row>
    <row r="57329" spans="1:10" x14ac:dyDescent="0.35">
      <c r="A57329" s="1" t="s">
        <v>47054</v>
      </c>
      <c r="B57329" s="1" t="s">
        <v>187129</v>
      </c>
      <c r="C57329" s="1" t="s">
        <v>40</v>
      </c>
      <c r="D57329" s="1" t="s">
        <v>16160</v>
      </c>
      <c r="E57329" s="1" t="s">
        <v>192824</v>
      </c>
      <c r="F57329" s="1" t="s">
        <v>192825</v>
      </c>
      <c r="G57329" s="1" t="s">
        <v>192807</v>
      </c>
      <c r="H57329" s="1" t="s">
        <v>192808</v>
      </c>
      <c r="I57329" s="1" t="s">
        <v>187135</v>
      </c>
      <c r="J57329" s="1" t="s">
        <v>192826</v>
      </c>
    </row>
    <row r="57330" spans="1:10" x14ac:dyDescent="0.35">
      <c r="A57330" s="1" t="s">
        <v>47054</v>
      </c>
      <c r="B57330" s="1" t="s">
        <v>187129</v>
      </c>
      <c r="C57330" s="1" t="s">
        <v>45</v>
      </c>
      <c r="D57330" s="1" t="s">
        <v>13516</v>
      </c>
      <c r="E57330" s="1" t="s">
        <v>192827</v>
      </c>
      <c r="F57330" s="1" t="s">
        <v>192828</v>
      </c>
      <c r="G57330" s="1" t="s">
        <v>192807</v>
      </c>
      <c r="H57330" s="1" t="s">
        <v>192808</v>
      </c>
      <c r="I57330" s="1" t="s">
        <v>187135</v>
      </c>
      <c r="J57330" s="1" t="s">
        <v>192829</v>
      </c>
    </row>
    <row r="57331" spans="1:10" x14ac:dyDescent="0.35">
      <c r="A57331" s="1" t="s">
        <v>47054</v>
      </c>
      <c r="B57331" s="1" t="s">
        <v>187129</v>
      </c>
      <c r="C57331" s="1" t="s">
        <v>50</v>
      </c>
      <c r="D57331" s="1" t="s">
        <v>17167</v>
      </c>
      <c r="E57331" s="1" t="s">
        <v>192830</v>
      </c>
      <c r="F57331" s="1" t="s">
        <v>192831</v>
      </c>
      <c r="G57331" s="1" t="s">
        <v>192807</v>
      </c>
      <c r="H57331" s="1" t="s">
        <v>192808</v>
      </c>
      <c r="I57331" s="1" t="s">
        <v>187135</v>
      </c>
      <c r="J57331" s="1" t="s">
        <v>192832</v>
      </c>
    </row>
    <row r="57332" spans="1:10" x14ac:dyDescent="0.35">
      <c r="A57332" s="1" t="s">
        <v>47054</v>
      </c>
      <c r="B57332" s="1" t="s">
        <v>187129</v>
      </c>
      <c r="C57332" s="1" t="s">
        <v>55</v>
      </c>
      <c r="D57332" s="1" t="s">
        <v>50540</v>
      </c>
      <c r="E57332" s="1" t="s">
        <v>192833</v>
      </c>
      <c r="F57332" s="1" t="s">
        <v>192834</v>
      </c>
      <c r="G57332" s="1" t="s">
        <v>192807</v>
      </c>
      <c r="H57332" s="1" t="s">
        <v>192808</v>
      </c>
      <c r="I57332" s="1" t="s">
        <v>187135</v>
      </c>
      <c r="J57332" s="1" t="s">
        <v>192835</v>
      </c>
    </row>
    <row r="57333" spans="1:10" x14ac:dyDescent="0.35">
      <c r="A57333" s="1" t="s">
        <v>47054</v>
      </c>
      <c r="B57333" s="1" t="s">
        <v>187129</v>
      </c>
      <c r="C57333" s="1" t="s">
        <v>60</v>
      </c>
      <c r="D57333" s="1" t="s">
        <v>192836</v>
      </c>
      <c r="E57333" s="1" t="s">
        <v>192837</v>
      </c>
      <c r="F57333" s="1" t="s">
        <v>192838</v>
      </c>
      <c r="G57333" s="1" t="s">
        <v>192807</v>
      </c>
      <c r="H57333" s="1" t="s">
        <v>192808</v>
      </c>
      <c r="I57333" s="1" t="s">
        <v>187135</v>
      </c>
      <c r="J57333" s="1" t="s">
        <v>192839</v>
      </c>
    </row>
    <row r="57334" spans="1:10" x14ac:dyDescent="0.35">
      <c r="A57334" s="1" t="s">
        <v>47054</v>
      </c>
      <c r="B57334" s="1" t="s">
        <v>187129</v>
      </c>
      <c r="C57334" s="1" t="s">
        <v>65</v>
      </c>
      <c r="D57334" s="1" t="s">
        <v>123141</v>
      </c>
      <c r="E57334" s="1" t="s">
        <v>192840</v>
      </c>
      <c r="F57334" s="1" t="s">
        <v>192841</v>
      </c>
      <c r="G57334" s="1" t="s">
        <v>192807</v>
      </c>
      <c r="H57334" s="1" t="s">
        <v>192808</v>
      </c>
      <c r="I57334" s="1" t="s">
        <v>187135</v>
      </c>
      <c r="J57334" s="1" t="s">
        <v>192842</v>
      </c>
    </row>
    <row r="57335" spans="1:10" x14ac:dyDescent="0.35">
      <c r="A57335" s="1" t="s">
        <v>47054</v>
      </c>
      <c r="B57335" s="1" t="s">
        <v>187129</v>
      </c>
      <c r="C57335" s="1" t="s">
        <v>70</v>
      </c>
      <c r="D57335" s="1" t="s">
        <v>75457</v>
      </c>
      <c r="E57335" s="1" t="s">
        <v>192843</v>
      </c>
      <c r="F57335" s="1" t="s">
        <v>192844</v>
      </c>
      <c r="G57335" s="1" t="s">
        <v>192807</v>
      </c>
      <c r="H57335" s="1" t="s">
        <v>192808</v>
      </c>
      <c r="I57335" s="1" t="s">
        <v>187135</v>
      </c>
      <c r="J57335" s="1" t="s">
        <v>192845</v>
      </c>
    </row>
    <row r="57336" spans="1:10" x14ac:dyDescent="0.35">
      <c r="A57336" s="1" t="s">
        <v>47054</v>
      </c>
      <c r="B57336" s="1" t="s">
        <v>187129</v>
      </c>
      <c r="C57336" s="1" t="s">
        <v>75</v>
      </c>
      <c r="D57336" s="1" t="s">
        <v>190254</v>
      </c>
      <c r="E57336" s="1" t="s">
        <v>192846</v>
      </c>
      <c r="F57336" s="1" t="s">
        <v>192847</v>
      </c>
      <c r="G57336" s="1" t="s">
        <v>192807</v>
      </c>
      <c r="H57336" s="1" t="s">
        <v>192808</v>
      </c>
      <c r="I57336" s="1" t="s">
        <v>187135</v>
      </c>
      <c r="J57336" s="1" t="s">
        <v>192848</v>
      </c>
    </row>
    <row r="57337" spans="1:10" x14ac:dyDescent="0.35">
      <c r="A57337" s="1" t="s">
        <v>47054</v>
      </c>
      <c r="B57337" s="1" t="s">
        <v>187129</v>
      </c>
      <c r="C57337" s="1" t="s">
        <v>80</v>
      </c>
      <c r="D57337" s="1" t="s">
        <v>192849</v>
      </c>
      <c r="E57337" s="1" t="s">
        <v>192850</v>
      </c>
      <c r="F57337" s="1" t="s">
        <v>192851</v>
      </c>
      <c r="G57337" s="1" t="s">
        <v>192807</v>
      </c>
      <c r="H57337" s="1" t="s">
        <v>192808</v>
      </c>
      <c r="I57337" s="1" t="s">
        <v>187135</v>
      </c>
      <c r="J57337" s="1" t="s">
        <v>192852</v>
      </c>
    </row>
    <row r="57338" spans="1:10" x14ac:dyDescent="0.35">
      <c r="A57338" s="1" t="s">
        <v>47054</v>
      </c>
      <c r="B57338" s="1" t="s">
        <v>187129</v>
      </c>
      <c r="C57338" s="1" t="s">
        <v>85</v>
      </c>
      <c r="D57338" s="1" t="s">
        <v>192853</v>
      </c>
      <c r="E57338" s="1" t="s">
        <v>192854</v>
      </c>
      <c r="F57338" s="1" t="s">
        <v>192855</v>
      </c>
      <c r="G57338" s="1" t="s">
        <v>192807</v>
      </c>
      <c r="H57338" s="1" t="s">
        <v>192808</v>
      </c>
      <c r="I57338" s="1" t="s">
        <v>187135</v>
      </c>
      <c r="J57338" s="1" t="s">
        <v>192856</v>
      </c>
    </row>
    <row r="57339" spans="1:10" x14ac:dyDescent="0.35">
      <c r="A57339" s="1" t="s">
        <v>47054</v>
      </c>
      <c r="B57339" s="1" t="s">
        <v>187129</v>
      </c>
      <c r="C57339" s="1" t="s">
        <v>90</v>
      </c>
      <c r="D57339" s="1" t="s">
        <v>72554</v>
      </c>
      <c r="E57339" s="1" t="s">
        <v>192857</v>
      </c>
      <c r="F57339" s="1" t="s">
        <v>192858</v>
      </c>
      <c r="G57339" s="1" t="s">
        <v>192807</v>
      </c>
      <c r="H57339" s="1" t="s">
        <v>192808</v>
      </c>
      <c r="I57339" s="1" t="s">
        <v>187135</v>
      </c>
      <c r="J57339" s="1" t="s">
        <v>192859</v>
      </c>
    </row>
    <row r="57340" spans="1:10" x14ac:dyDescent="0.35">
      <c r="A57340" s="1" t="s">
        <v>47054</v>
      </c>
      <c r="B57340" s="1" t="s">
        <v>187129</v>
      </c>
      <c r="C57340" s="1" t="s">
        <v>95</v>
      </c>
      <c r="D57340" s="1" t="s">
        <v>18981</v>
      </c>
      <c r="E57340" s="1" t="s">
        <v>192860</v>
      </c>
      <c r="F57340" s="1" t="s">
        <v>192861</v>
      </c>
      <c r="G57340" s="1" t="s">
        <v>192807</v>
      </c>
      <c r="H57340" s="1" t="s">
        <v>192808</v>
      </c>
      <c r="I57340" s="1" t="s">
        <v>187135</v>
      </c>
      <c r="J57340" s="1" t="s">
        <v>192862</v>
      </c>
    </row>
    <row r="57341" spans="1:10" x14ac:dyDescent="0.35">
      <c r="A57341" s="1" t="s">
        <v>47054</v>
      </c>
      <c r="B57341" s="1" t="s">
        <v>187129</v>
      </c>
      <c r="C57341" s="1" t="s">
        <v>100</v>
      </c>
      <c r="D57341" s="1" t="s">
        <v>192863</v>
      </c>
      <c r="E57341" s="1" t="s">
        <v>192864</v>
      </c>
      <c r="F57341" s="1" t="s">
        <v>192865</v>
      </c>
      <c r="G57341" s="1" t="s">
        <v>192807</v>
      </c>
      <c r="H57341" s="1" t="s">
        <v>192808</v>
      </c>
      <c r="I57341" s="1" t="s">
        <v>187135</v>
      </c>
      <c r="J57341" s="1" t="s">
        <v>192866</v>
      </c>
    </row>
    <row r="57342" spans="1:10" x14ac:dyDescent="0.35">
      <c r="A57342" s="1" t="s">
        <v>47054</v>
      </c>
      <c r="B57342" s="1" t="s">
        <v>187129</v>
      </c>
      <c r="C57342" s="1" t="s">
        <v>105</v>
      </c>
      <c r="D57342" s="1" t="s">
        <v>36015</v>
      </c>
      <c r="E57342" s="1" t="s">
        <v>192867</v>
      </c>
      <c r="F57342" s="1" t="s">
        <v>192868</v>
      </c>
      <c r="G57342" s="1" t="s">
        <v>192807</v>
      </c>
      <c r="H57342" s="1" t="s">
        <v>192808</v>
      </c>
      <c r="I57342" s="1" t="s">
        <v>187135</v>
      </c>
      <c r="J57342" s="1" t="s">
        <v>192869</v>
      </c>
    </row>
    <row r="57343" spans="1:10" x14ac:dyDescent="0.35">
      <c r="A57343" s="1" t="s">
        <v>47054</v>
      </c>
      <c r="B57343" s="1" t="s">
        <v>187129</v>
      </c>
      <c r="C57343" s="1" t="s">
        <v>110</v>
      </c>
      <c r="D57343" s="1" t="s">
        <v>32617</v>
      </c>
      <c r="E57343" s="1" t="s">
        <v>192870</v>
      </c>
      <c r="F57343" s="1" t="s">
        <v>192871</v>
      </c>
      <c r="G57343" s="1" t="s">
        <v>192807</v>
      </c>
      <c r="H57343" s="1" t="s">
        <v>192808</v>
      </c>
      <c r="I57343" s="1" t="s">
        <v>187135</v>
      </c>
      <c r="J57343" s="1" t="s">
        <v>192872</v>
      </c>
    </row>
    <row r="57344" spans="1:10" x14ac:dyDescent="0.35">
      <c r="A57344" s="1" t="s">
        <v>47054</v>
      </c>
      <c r="B57344" s="1" t="s">
        <v>187129</v>
      </c>
      <c r="C57344" s="1" t="s">
        <v>115</v>
      </c>
      <c r="D57344" s="1" t="s">
        <v>47607</v>
      </c>
      <c r="E57344" s="1" t="s">
        <v>192873</v>
      </c>
      <c r="F57344" s="1" t="s">
        <v>192874</v>
      </c>
      <c r="G57344" s="1" t="s">
        <v>192807</v>
      </c>
      <c r="H57344" s="1" t="s">
        <v>192808</v>
      </c>
      <c r="I57344" s="1" t="s">
        <v>187135</v>
      </c>
      <c r="J57344" s="1" t="s">
        <v>192875</v>
      </c>
    </row>
    <row r="57345" spans="1:10" x14ac:dyDescent="0.35">
      <c r="A57345" s="1" t="s">
        <v>47054</v>
      </c>
      <c r="B57345" s="1" t="s">
        <v>187129</v>
      </c>
      <c r="C57345" s="1" t="s">
        <v>120</v>
      </c>
      <c r="D57345" s="1" t="s">
        <v>33499</v>
      </c>
      <c r="E57345" s="1" t="s">
        <v>192876</v>
      </c>
      <c r="F57345" s="1" t="s">
        <v>192877</v>
      </c>
      <c r="G57345" s="1" t="s">
        <v>192807</v>
      </c>
      <c r="H57345" s="1" t="s">
        <v>192808</v>
      </c>
      <c r="I57345" s="1" t="s">
        <v>187135</v>
      </c>
      <c r="J57345" s="1" t="s">
        <v>192878</v>
      </c>
    </row>
    <row r="57346" spans="1:10" x14ac:dyDescent="0.35">
      <c r="A57346" s="1" t="s">
        <v>47054</v>
      </c>
      <c r="B57346" s="1" t="s">
        <v>187129</v>
      </c>
      <c r="C57346" s="1" t="s">
        <v>125</v>
      </c>
      <c r="D57346" s="1" t="s">
        <v>175285</v>
      </c>
      <c r="E57346" s="1" t="s">
        <v>192879</v>
      </c>
      <c r="F57346" s="1" t="s">
        <v>192880</v>
      </c>
      <c r="G57346" s="1" t="s">
        <v>192807</v>
      </c>
      <c r="H57346" s="1" t="s">
        <v>192808</v>
      </c>
      <c r="I57346" s="1" t="s">
        <v>187135</v>
      </c>
      <c r="J57346" s="1" t="s">
        <v>192881</v>
      </c>
    </row>
    <row r="57347" spans="1:10" x14ac:dyDescent="0.35">
      <c r="A57347" s="1" t="s">
        <v>47054</v>
      </c>
      <c r="B57347" s="1" t="s">
        <v>187129</v>
      </c>
      <c r="C57347" s="1" t="s">
        <v>130</v>
      </c>
      <c r="D57347" s="1" t="s">
        <v>174158</v>
      </c>
      <c r="E57347" s="1" t="s">
        <v>192882</v>
      </c>
      <c r="F57347" s="1" t="s">
        <v>192883</v>
      </c>
      <c r="G57347" s="1" t="s">
        <v>192807</v>
      </c>
      <c r="H57347" s="1" t="s">
        <v>192808</v>
      </c>
      <c r="I57347" s="1" t="s">
        <v>187135</v>
      </c>
      <c r="J57347" s="1" t="s">
        <v>192884</v>
      </c>
    </row>
    <row r="57348" spans="1:10" x14ac:dyDescent="0.35">
      <c r="A57348" s="1" t="s">
        <v>47054</v>
      </c>
      <c r="B57348" s="1" t="s">
        <v>187129</v>
      </c>
      <c r="C57348" s="1" t="s">
        <v>135</v>
      </c>
      <c r="D57348" s="1" t="s">
        <v>192885</v>
      </c>
      <c r="E57348" s="1" t="s">
        <v>192886</v>
      </c>
      <c r="F57348" s="1" t="s">
        <v>192887</v>
      </c>
      <c r="G57348" s="1" t="s">
        <v>192807</v>
      </c>
      <c r="H57348" s="1" t="s">
        <v>192808</v>
      </c>
      <c r="I57348" s="1" t="s">
        <v>187135</v>
      </c>
      <c r="J57348" s="1" t="s">
        <v>192888</v>
      </c>
    </row>
    <row r="57349" spans="1:10" x14ac:dyDescent="0.35">
      <c r="A57349" s="1" t="s">
        <v>47054</v>
      </c>
      <c r="B57349" s="1" t="s">
        <v>187129</v>
      </c>
      <c r="C57349" s="1" t="s">
        <v>140</v>
      </c>
      <c r="D57349" s="1" t="s">
        <v>17605</v>
      </c>
      <c r="E57349" s="1" t="s">
        <v>192889</v>
      </c>
      <c r="F57349" s="1" t="s">
        <v>192890</v>
      </c>
      <c r="G57349" s="1" t="s">
        <v>192807</v>
      </c>
      <c r="H57349" s="1" t="s">
        <v>192808</v>
      </c>
      <c r="I57349" s="1" t="s">
        <v>187135</v>
      </c>
      <c r="J57349" s="1" t="s">
        <v>192891</v>
      </c>
    </row>
    <row r="57350" spans="1:10" x14ac:dyDescent="0.35">
      <c r="A57350" s="1" t="s">
        <v>47054</v>
      </c>
      <c r="B57350" s="1" t="s">
        <v>187129</v>
      </c>
      <c r="C57350" s="1" t="s">
        <v>145</v>
      </c>
      <c r="D57350" s="1" t="s">
        <v>142277</v>
      </c>
      <c r="E57350" s="1" t="s">
        <v>192892</v>
      </c>
      <c r="F57350" s="1" t="s">
        <v>192893</v>
      </c>
      <c r="G57350" s="1" t="s">
        <v>192807</v>
      </c>
      <c r="H57350" s="1" t="s">
        <v>192808</v>
      </c>
      <c r="I57350" s="1" t="s">
        <v>187135</v>
      </c>
      <c r="J57350" s="1" t="s">
        <v>192894</v>
      </c>
    </row>
    <row r="57351" spans="1:10" x14ac:dyDescent="0.35">
      <c r="A57351" s="1" t="s">
        <v>47054</v>
      </c>
      <c r="B57351" s="1" t="s">
        <v>187129</v>
      </c>
      <c r="C57351" s="1" t="s">
        <v>150</v>
      </c>
      <c r="D57351" s="1" t="s">
        <v>10606</v>
      </c>
      <c r="E57351" s="1" t="s">
        <v>192895</v>
      </c>
      <c r="F57351" s="1" t="s">
        <v>192896</v>
      </c>
      <c r="G57351" s="1" t="s">
        <v>192807</v>
      </c>
      <c r="H57351" s="1" t="s">
        <v>192808</v>
      </c>
      <c r="I57351" s="1" t="s">
        <v>187135</v>
      </c>
      <c r="J57351" s="1" t="s">
        <v>192897</v>
      </c>
    </row>
    <row r="57352" spans="1:10" x14ac:dyDescent="0.35">
      <c r="A57352" s="1" t="s">
        <v>47054</v>
      </c>
      <c r="B57352" s="1" t="s">
        <v>187129</v>
      </c>
      <c r="C57352" s="1" t="s">
        <v>155</v>
      </c>
      <c r="D57352" s="1" t="s">
        <v>192898</v>
      </c>
      <c r="E57352" s="1" t="s">
        <v>192899</v>
      </c>
      <c r="F57352" s="1" t="s">
        <v>192900</v>
      </c>
      <c r="G57352" s="1" t="s">
        <v>192807</v>
      </c>
      <c r="H57352" s="1" t="s">
        <v>192808</v>
      </c>
      <c r="I57352" s="1" t="s">
        <v>187135</v>
      </c>
      <c r="J57352" s="1" t="s">
        <v>192901</v>
      </c>
    </row>
    <row r="57353" spans="1:10" x14ac:dyDescent="0.35">
      <c r="A57353" s="1" t="s">
        <v>47054</v>
      </c>
      <c r="B57353" s="1" t="s">
        <v>187129</v>
      </c>
      <c r="C57353" s="1" t="s">
        <v>160</v>
      </c>
      <c r="D57353" s="1" t="s">
        <v>192902</v>
      </c>
      <c r="E57353" s="1" t="s">
        <v>192903</v>
      </c>
      <c r="F57353" s="1" t="s">
        <v>192904</v>
      </c>
      <c r="G57353" s="1" t="s">
        <v>192807</v>
      </c>
      <c r="H57353" s="1" t="s">
        <v>192808</v>
      </c>
      <c r="I57353" s="1" t="s">
        <v>187135</v>
      </c>
      <c r="J57353" s="1" t="s">
        <v>192905</v>
      </c>
    </row>
    <row r="57354" spans="1:10" x14ac:dyDescent="0.35">
      <c r="A57354" s="1" t="s">
        <v>47054</v>
      </c>
      <c r="B57354" s="1" t="s">
        <v>187129</v>
      </c>
      <c r="C57354" s="1" t="s">
        <v>165</v>
      </c>
      <c r="D57354" s="1" t="s">
        <v>192906</v>
      </c>
      <c r="E57354" s="1" t="s">
        <v>192907</v>
      </c>
      <c r="F57354" s="1" t="s">
        <v>192908</v>
      </c>
      <c r="G57354" s="1" t="s">
        <v>192807</v>
      </c>
      <c r="H57354" s="1" t="s">
        <v>192808</v>
      </c>
      <c r="I57354" s="1" t="s">
        <v>187135</v>
      </c>
      <c r="J57354" s="1" t="s">
        <v>192909</v>
      </c>
    </row>
    <row r="57355" spans="1:10" x14ac:dyDescent="0.35">
      <c r="A57355" s="1" t="s">
        <v>47054</v>
      </c>
      <c r="B57355" s="1" t="s">
        <v>187129</v>
      </c>
      <c r="C57355" s="1" t="s">
        <v>170</v>
      </c>
      <c r="D57355" s="1" t="s">
        <v>9790</v>
      </c>
      <c r="E57355" s="1" t="s">
        <v>192910</v>
      </c>
      <c r="F57355" s="1" t="s">
        <v>192911</v>
      </c>
      <c r="G57355" s="1" t="s">
        <v>192807</v>
      </c>
      <c r="H57355" s="1" t="s">
        <v>192808</v>
      </c>
      <c r="I57355" s="1" t="s">
        <v>187135</v>
      </c>
      <c r="J57355" s="1" t="s">
        <v>192912</v>
      </c>
    </row>
    <row r="57356" spans="1:10" x14ac:dyDescent="0.35">
      <c r="A57356" s="1" t="s">
        <v>25801</v>
      </c>
      <c r="B57356" s="1" t="s">
        <v>187129</v>
      </c>
      <c r="C57356" s="1" t="s">
        <v>8</v>
      </c>
      <c r="D57356" s="1" t="s">
        <v>99517</v>
      </c>
      <c r="E57356" s="1" t="s">
        <v>192913</v>
      </c>
      <c r="F57356" s="1" t="s">
        <v>192914</v>
      </c>
      <c r="G57356" s="1" t="s">
        <v>192915</v>
      </c>
      <c r="H57356" s="1" t="s">
        <v>192916</v>
      </c>
      <c r="I57356" s="1" t="s">
        <v>187135</v>
      </c>
      <c r="J57356" s="1" t="s">
        <v>13</v>
      </c>
    </row>
    <row r="57357" spans="1:10" x14ac:dyDescent="0.35">
      <c r="A57357" s="1" t="s">
        <v>25801</v>
      </c>
      <c r="B57357" s="1" t="s">
        <v>187129</v>
      </c>
      <c r="C57357" s="1" t="s">
        <v>15</v>
      </c>
      <c r="D57357" s="1" t="s">
        <v>192917</v>
      </c>
      <c r="E57357" s="1" t="s">
        <v>192918</v>
      </c>
      <c r="F57357" s="1" t="s">
        <v>192919</v>
      </c>
      <c r="G57357" s="1" t="s">
        <v>192915</v>
      </c>
      <c r="H57357" s="1" t="s">
        <v>192916</v>
      </c>
      <c r="I57357" s="1" t="s">
        <v>187135</v>
      </c>
      <c r="J57357" s="1" t="s">
        <v>192920</v>
      </c>
    </row>
    <row r="57358" spans="1:10" x14ac:dyDescent="0.35">
      <c r="A57358" s="1" t="s">
        <v>25801</v>
      </c>
      <c r="B57358" s="1" t="s">
        <v>187129</v>
      </c>
      <c r="C57358" s="1" t="s">
        <v>20</v>
      </c>
      <c r="D57358" s="1" t="s">
        <v>189693</v>
      </c>
      <c r="E57358" s="1" t="s">
        <v>192921</v>
      </c>
      <c r="F57358" s="1" t="s">
        <v>192922</v>
      </c>
      <c r="G57358" s="1" t="s">
        <v>192915</v>
      </c>
      <c r="H57358" s="1" t="s">
        <v>192916</v>
      </c>
      <c r="I57358" s="1" t="s">
        <v>187135</v>
      </c>
      <c r="J57358" s="1" t="s">
        <v>192923</v>
      </c>
    </row>
    <row r="57359" spans="1:10" x14ac:dyDescent="0.35">
      <c r="A57359" s="1" t="s">
        <v>25801</v>
      </c>
      <c r="B57359" s="1" t="s">
        <v>187129</v>
      </c>
      <c r="C57359" s="1" t="s">
        <v>25</v>
      </c>
      <c r="D57359" s="1" t="s">
        <v>181419</v>
      </c>
      <c r="E57359" s="1" t="s">
        <v>192924</v>
      </c>
      <c r="F57359" s="1" t="s">
        <v>192925</v>
      </c>
      <c r="G57359" s="1" t="s">
        <v>192915</v>
      </c>
      <c r="H57359" s="1" t="s">
        <v>192916</v>
      </c>
      <c r="I57359" s="1" t="s">
        <v>187135</v>
      </c>
      <c r="J57359" s="1" t="s">
        <v>192926</v>
      </c>
    </row>
    <row r="57360" spans="1:10" x14ac:dyDescent="0.35">
      <c r="A57360" s="1" t="s">
        <v>25801</v>
      </c>
      <c r="B57360" s="1" t="s">
        <v>187129</v>
      </c>
      <c r="C57360" s="1" t="s">
        <v>30</v>
      </c>
      <c r="D57360" s="1" t="s">
        <v>30933</v>
      </c>
      <c r="E57360" s="1" t="s">
        <v>192927</v>
      </c>
      <c r="F57360" s="1" t="s">
        <v>192928</v>
      </c>
      <c r="G57360" s="1" t="s">
        <v>192915</v>
      </c>
      <c r="H57360" s="1" t="s">
        <v>192916</v>
      </c>
      <c r="I57360" s="1" t="s">
        <v>187135</v>
      </c>
      <c r="J57360" s="1" t="s">
        <v>192929</v>
      </c>
    </row>
    <row r="57361" spans="1:10" x14ac:dyDescent="0.35">
      <c r="A57361" s="1" t="s">
        <v>25801</v>
      </c>
      <c r="B57361" s="1" t="s">
        <v>187129</v>
      </c>
      <c r="C57361" s="1" t="s">
        <v>35</v>
      </c>
      <c r="D57361" s="1" t="s">
        <v>37907</v>
      </c>
      <c r="E57361" s="1" t="s">
        <v>192930</v>
      </c>
      <c r="F57361" s="1" t="s">
        <v>192931</v>
      </c>
      <c r="G57361" s="1" t="s">
        <v>192915</v>
      </c>
      <c r="H57361" s="1" t="s">
        <v>192916</v>
      </c>
      <c r="I57361" s="1" t="s">
        <v>187135</v>
      </c>
      <c r="J57361" s="1" t="s">
        <v>192932</v>
      </c>
    </row>
    <row r="57362" spans="1:10" x14ac:dyDescent="0.35">
      <c r="A57362" s="1" t="s">
        <v>25801</v>
      </c>
      <c r="B57362" s="1" t="s">
        <v>187129</v>
      </c>
      <c r="C57362" s="1" t="s">
        <v>40</v>
      </c>
      <c r="D57362" s="1" t="s">
        <v>18223</v>
      </c>
      <c r="E57362" s="1" t="s">
        <v>192933</v>
      </c>
      <c r="F57362" s="1" t="s">
        <v>192934</v>
      </c>
      <c r="G57362" s="1" t="s">
        <v>192915</v>
      </c>
      <c r="H57362" s="1" t="s">
        <v>192916</v>
      </c>
      <c r="I57362" s="1" t="s">
        <v>187135</v>
      </c>
      <c r="J57362" s="1" t="s">
        <v>192935</v>
      </c>
    </row>
    <row r="57363" spans="1:10" x14ac:dyDescent="0.35">
      <c r="A57363" s="1" t="s">
        <v>25801</v>
      </c>
      <c r="B57363" s="1" t="s">
        <v>187129</v>
      </c>
      <c r="C57363" s="1" t="s">
        <v>45</v>
      </c>
      <c r="D57363" s="1" t="s">
        <v>73008</v>
      </c>
      <c r="E57363" s="1" t="s">
        <v>192936</v>
      </c>
      <c r="F57363" s="1" t="s">
        <v>192937</v>
      </c>
      <c r="G57363" s="1" t="s">
        <v>192915</v>
      </c>
      <c r="H57363" s="1" t="s">
        <v>192916</v>
      </c>
      <c r="I57363" s="1" t="s">
        <v>187135</v>
      </c>
      <c r="J57363" s="1" t="s">
        <v>192938</v>
      </c>
    </row>
    <row r="57364" spans="1:10" x14ac:dyDescent="0.35">
      <c r="A57364" s="1" t="s">
        <v>25801</v>
      </c>
      <c r="B57364" s="1" t="s">
        <v>187129</v>
      </c>
      <c r="C57364" s="1" t="s">
        <v>50</v>
      </c>
      <c r="D57364" s="1" t="s">
        <v>192939</v>
      </c>
      <c r="E57364" s="1" t="s">
        <v>192940</v>
      </c>
      <c r="F57364" s="1" t="s">
        <v>192941</v>
      </c>
      <c r="G57364" s="1" t="s">
        <v>192915</v>
      </c>
      <c r="H57364" s="1" t="s">
        <v>192916</v>
      </c>
      <c r="I57364" s="1" t="s">
        <v>187135</v>
      </c>
      <c r="J57364" s="1" t="s">
        <v>192942</v>
      </c>
    </row>
    <row r="57365" spans="1:10" x14ac:dyDescent="0.35">
      <c r="A57365" s="1" t="s">
        <v>25801</v>
      </c>
      <c r="B57365" s="1" t="s">
        <v>187129</v>
      </c>
      <c r="C57365" s="1" t="s">
        <v>55</v>
      </c>
      <c r="D57365" s="1" t="s">
        <v>192943</v>
      </c>
      <c r="E57365" s="1" t="s">
        <v>192944</v>
      </c>
      <c r="F57365" s="1" t="s">
        <v>192945</v>
      </c>
      <c r="G57365" s="1" t="s">
        <v>192915</v>
      </c>
      <c r="H57365" s="1" t="s">
        <v>192916</v>
      </c>
      <c r="I57365" s="1" t="s">
        <v>187135</v>
      </c>
      <c r="J57365" s="1" t="s">
        <v>192946</v>
      </c>
    </row>
    <row r="57366" spans="1:10" x14ac:dyDescent="0.35">
      <c r="A57366" s="1" t="s">
        <v>25801</v>
      </c>
      <c r="B57366" s="1" t="s">
        <v>187129</v>
      </c>
      <c r="C57366" s="1" t="s">
        <v>60</v>
      </c>
      <c r="D57366" s="1" t="s">
        <v>38420</v>
      </c>
      <c r="E57366" s="1" t="s">
        <v>192947</v>
      </c>
      <c r="F57366" s="1" t="s">
        <v>192948</v>
      </c>
      <c r="G57366" s="1" t="s">
        <v>192915</v>
      </c>
      <c r="H57366" s="1" t="s">
        <v>192916</v>
      </c>
      <c r="I57366" s="1" t="s">
        <v>187135</v>
      </c>
      <c r="J57366" s="1" t="s">
        <v>192949</v>
      </c>
    </row>
    <row r="57367" spans="1:10" x14ac:dyDescent="0.35">
      <c r="A57367" s="1" t="s">
        <v>25801</v>
      </c>
      <c r="B57367" s="1" t="s">
        <v>187129</v>
      </c>
      <c r="C57367" s="1" t="s">
        <v>65</v>
      </c>
      <c r="D57367" s="1" t="s">
        <v>192950</v>
      </c>
      <c r="E57367" s="1" t="s">
        <v>192951</v>
      </c>
      <c r="F57367" s="1" t="s">
        <v>192952</v>
      </c>
      <c r="G57367" s="1" t="s">
        <v>192915</v>
      </c>
      <c r="H57367" s="1" t="s">
        <v>192916</v>
      </c>
      <c r="I57367" s="1" t="s">
        <v>187135</v>
      </c>
      <c r="J57367" s="1" t="s">
        <v>192953</v>
      </c>
    </row>
    <row r="57368" spans="1:10" x14ac:dyDescent="0.35">
      <c r="A57368" s="1" t="s">
        <v>25801</v>
      </c>
      <c r="B57368" s="1" t="s">
        <v>187129</v>
      </c>
      <c r="C57368" s="1" t="s">
        <v>70</v>
      </c>
      <c r="D57368" s="1" t="s">
        <v>124263</v>
      </c>
      <c r="E57368" s="1" t="s">
        <v>192954</v>
      </c>
      <c r="F57368" s="1" t="s">
        <v>192955</v>
      </c>
      <c r="G57368" s="1" t="s">
        <v>192915</v>
      </c>
      <c r="H57368" s="1" t="s">
        <v>192916</v>
      </c>
      <c r="I57368" s="1" t="s">
        <v>187135</v>
      </c>
      <c r="J57368" s="1" t="s">
        <v>192956</v>
      </c>
    </row>
    <row r="57369" spans="1:10" x14ac:dyDescent="0.35">
      <c r="A57369" s="1" t="s">
        <v>25801</v>
      </c>
      <c r="B57369" s="1" t="s">
        <v>187129</v>
      </c>
      <c r="C57369" s="1" t="s">
        <v>75</v>
      </c>
      <c r="D57369" s="1" t="s">
        <v>43274</v>
      </c>
      <c r="E57369" s="1" t="s">
        <v>192957</v>
      </c>
      <c r="F57369" s="1" t="s">
        <v>192958</v>
      </c>
      <c r="G57369" s="1" t="s">
        <v>192915</v>
      </c>
      <c r="H57369" s="1" t="s">
        <v>192916</v>
      </c>
      <c r="I57369" s="1" t="s">
        <v>187135</v>
      </c>
      <c r="J57369" s="1" t="s">
        <v>192959</v>
      </c>
    </row>
    <row r="57370" spans="1:10" x14ac:dyDescent="0.35">
      <c r="A57370" s="1" t="s">
        <v>25801</v>
      </c>
      <c r="B57370" s="1" t="s">
        <v>187129</v>
      </c>
      <c r="C57370" s="1" t="s">
        <v>80</v>
      </c>
      <c r="D57370" s="1" t="s">
        <v>83025</v>
      </c>
      <c r="E57370" s="1" t="s">
        <v>192960</v>
      </c>
      <c r="F57370" s="1" t="s">
        <v>192961</v>
      </c>
      <c r="G57370" s="1" t="s">
        <v>192915</v>
      </c>
      <c r="H57370" s="1" t="s">
        <v>192916</v>
      </c>
      <c r="I57370" s="1" t="s">
        <v>187135</v>
      </c>
      <c r="J57370" s="1" t="s">
        <v>192962</v>
      </c>
    </row>
    <row r="57371" spans="1:10" x14ac:dyDescent="0.35">
      <c r="A57371" s="1" t="s">
        <v>25801</v>
      </c>
      <c r="B57371" s="1" t="s">
        <v>187129</v>
      </c>
      <c r="C57371" s="1" t="s">
        <v>85</v>
      </c>
      <c r="D57371" s="1" t="s">
        <v>48014</v>
      </c>
      <c r="E57371" s="1" t="s">
        <v>192963</v>
      </c>
      <c r="F57371" s="1" t="s">
        <v>192964</v>
      </c>
      <c r="G57371" s="1" t="s">
        <v>192915</v>
      </c>
      <c r="H57371" s="1" t="s">
        <v>192916</v>
      </c>
      <c r="I57371" s="1" t="s">
        <v>187135</v>
      </c>
      <c r="J57371" s="1" t="s">
        <v>192965</v>
      </c>
    </row>
    <row r="57372" spans="1:10" x14ac:dyDescent="0.35">
      <c r="A57372" s="1" t="s">
        <v>25801</v>
      </c>
      <c r="B57372" s="1" t="s">
        <v>187129</v>
      </c>
      <c r="C57372" s="1" t="s">
        <v>90</v>
      </c>
      <c r="D57372" s="1" t="s">
        <v>177907</v>
      </c>
      <c r="E57372" s="1" t="s">
        <v>192966</v>
      </c>
      <c r="F57372" s="1" t="s">
        <v>192967</v>
      </c>
      <c r="G57372" s="1" t="s">
        <v>192915</v>
      </c>
      <c r="H57372" s="1" t="s">
        <v>192916</v>
      </c>
      <c r="I57372" s="1" t="s">
        <v>187135</v>
      </c>
      <c r="J57372" s="1" t="s">
        <v>192968</v>
      </c>
    </row>
    <row r="57373" spans="1:10" x14ac:dyDescent="0.35">
      <c r="A57373" s="1" t="s">
        <v>25801</v>
      </c>
      <c r="B57373" s="1" t="s">
        <v>187129</v>
      </c>
      <c r="C57373" s="1" t="s">
        <v>95</v>
      </c>
      <c r="D57373" s="1" t="s">
        <v>192969</v>
      </c>
      <c r="E57373" s="1" t="s">
        <v>192970</v>
      </c>
      <c r="F57373" s="1" t="s">
        <v>192971</v>
      </c>
      <c r="G57373" s="1" t="s">
        <v>192915</v>
      </c>
      <c r="H57373" s="1" t="s">
        <v>192916</v>
      </c>
      <c r="I57373" s="1" t="s">
        <v>187135</v>
      </c>
      <c r="J57373" s="1" t="s">
        <v>192972</v>
      </c>
    </row>
    <row r="57374" spans="1:10" x14ac:dyDescent="0.35">
      <c r="A57374" s="1" t="s">
        <v>25801</v>
      </c>
      <c r="B57374" s="1" t="s">
        <v>187129</v>
      </c>
      <c r="C57374" s="1" t="s">
        <v>100</v>
      </c>
      <c r="D57374" s="1" t="s">
        <v>192973</v>
      </c>
      <c r="E57374" s="1" t="s">
        <v>192974</v>
      </c>
      <c r="F57374" s="1" t="s">
        <v>192975</v>
      </c>
      <c r="G57374" s="1" t="s">
        <v>192915</v>
      </c>
      <c r="H57374" s="1" t="s">
        <v>192916</v>
      </c>
      <c r="I57374" s="1" t="s">
        <v>187135</v>
      </c>
      <c r="J57374" s="1" t="s">
        <v>192976</v>
      </c>
    </row>
    <row r="57375" spans="1:10" x14ac:dyDescent="0.35">
      <c r="A57375" s="1" t="s">
        <v>25801</v>
      </c>
      <c r="B57375" s="1" t="s">
        <v>187129</v>
      </c>
      <c r="C57375" s="1" t="s">
        <v>105</v>
      </c>
      <c r="D57375" s="1" t="s">
        <v>192977</v>
      </c>
      <c r="E57375" s="1" t="s">
        <v>192978</v>
      </c>
      <c r="F57375" s="1" t="s">
        <v>192979</v>
      </c>
      <c r="G57375" s="1" t="s">
        <v>192915</v>
      </c>
      <c r="H57375" s="1" t="s">
        <v>192916</v>
      </c>
      <c r="I57375" s="1" t="s">
        <v>187135</v>
      </c>
      <c r="J57375" s="1" t="s">
        <v>192980</v>
      </c>
    </row>
    <row r="57376" spans="1:10" x14ac:dyDescent="0.35">
      <c r="A57376" s="1" t="s">
        <v>25801</v>
      </c>
      <c r="B57376" s="1" t="s">
        <v>187129</v>
      </c>
      <c r="C57376" s="1" t="s">
        <v>110</v>
      </c>
      <c r="D57376" s="1" t="s">
        <v>50053</v>
      </c>
      <c r="E57376" s="1" t="s">
        <v>192981</v>
      </c>
      <c r="F57376" s="1" t="s">
        <v>192982</v>
      </c>
      <c r="G57376" s="1" t="s">
        <v>192915</v>
      </c>
      <c r="H57376" s="1" t="s">
        <v>192916</v>
      </c>
      <c r="I57376" s="1" t="s">
        <v>187135</v>
      </c>
      <c r="J57376" s="1" t="s">
        <v>192983</v>
      </c>
    </row>
    <row r="57377" spans="1:10" x14ac:dyDescent="0.35">
      <c r="A57377" s="1" t="s">
        <v>25801</v>
      </c>
      <c r="B57377" s="1" t="s">
        <v>187129</v>
      </c>
      <c r="C57377" s="1" t="s">
        <v>115</v>
      </c>
      <c r="D57377" s="1" t="s">
        <v>192984</v>
      </c>
      <c r="E57377" s="1" t="s">
        <v>192985</v>
      </c>
      <c r="F57377" s="1" t="s">
        <v>192986</v>
      </c>
      <c r="G57377" s="1" t="s">
        <v>192915</v>
      </c>
      <c r="H57377" s="1" t="s">
        <v>192916</v>
      </c>
      <c r="I57377" s="1" t="s">
        <v>187135</v>
      </c>
      <c r="J57377" s="1" t="s">
        <v>192987</v>
      </c>
    </row>
    <row r="57378" spans="1:10" x14ac:dyDescent="0.35">
      <c r="A57378" s="1" t="s">
        <v>25801</v>
      </c>
      <c r="B57378" s="1" t="s">
        <v>187129</v>
      </c>
      <c r="C57378" s="1" t="s">
        <v>120</v>
      </c>
      <c r="D57378" s="1" t="s">
        <v>64881</v>
      </c>
      <c r="E57378" s="1" t="s">
        <v>192988</v>
      </c>
      <c r="F57378" s="1" t="s">
        <v>192989</v>
      </c>
      <c r="G57378" s="1" t="s">
        <v>192915</v>
      </c>
      <c r="H57378" s="1" t="s">
        <v>192916</v>
      </c>
      <c r="I57378" s="1" t="s">
        <v>187135</v>
      </c>
      <c r="J57378" s="1" t="s">
        <v>192990</v>
      </c>
    </row>
    <row r="57379" spans="1:10" x14ac:dyDescent="0.35">
      <c r="A57379" s="1" t="s">
        <v>25801</v>
      </c>
      <c r="B57379" s="1" t="s">
        <v>187129</v>
      </c>
      <c r="C57379" s="1" t="s">
        <v>125</v>
      </c>
      <c r="D57379" s="1" t="s">
        <v>176230</v>
      </c>
      <c r="E57379" s="1" t="s">
        <v>192991</v>
      </c>
      <c r="F57379" s="1" t="s">
        <v>192992</v>
      </c>
      <c r="G57379" s="1" t="s">
        <v>192915</v>
      </c>
      <c r="H57379" s="1" t="s">
        <v>192916</v>
      </c>
      <c r="I57379" s="1" t="s">
        <v>187135</v>
      </c>
      <c r="J57379" s="1" t="s">
        <v>192993</v>
      </c>
    </row>
    <row r="57380" spans="1:10" x14ac:dyDescent="0.35">
      <c r="A57380" s="1" t="s">
        <v>25801</v>
      </c>
      <c r="B57380" s="1" t="s">
        <v>187129</v>
      </c>
      <c r="C57380" s="1" t="s">
        <v>130</v>
      </c>
      <c r="D57380" s="1" t="s">
        <v>64873</v>
      </c>
      <c r="E57380" s="1" t="s">
        <v>192994</v>
      </c>
      <c r="F57380" s="1" t="s">
        <v>192995</v>
      </c>
      <c r="G57380" s="1" t="s">
        <v>192915</v>
      </c>
      <c r="H57380" s="1" t="s">
        <v>192916</v>
      </c>
      <c r="I57380" s="1" t="s">
        <v>187135</v>
      </c>
      <c r="J57380" s="1" t="s">
        <v>192996</v>
      </c>
    </row>
    <row r="57381" spans="1:10" x14ac:dyDescent="0.35">
      <c r="A57381" s="1" t="s">
        <v>25801</v>
      </c>
      <c r="B57381" s="1" t="s">
        <v>187129</v>
      </c>
      <c r="C57381" s="1" t="s">
        <v>135</v>
      </c>
      <c r="D57381" s="1" t="s">
        <v>192997</v>
      </c>
      <c r="E57381" s="1" t="s">
        <v>192998</v>
      </c>
      <c r="F57381" s="1" t="s">
        <v>192999</v>
      </c>
      <c r="G57381" s="1" t="s">
        <v>192915</v>
      </c>
      <c r="H57381" s="1" t="s">
        <v>192916</v>
      </c>
      <c r="I57381" s="1" t="s">
        <v>187135</v>
      </c>
      <c r="J57381" s="1" t="s">
        <v>193000</v>
      </c>
    </row>
    <row r="57382" spans="1:10" x14ac:dyDescent="0.35">
      <c r="A57382" s="1" t="s">
        <v>25801</v>
      </c>
      <c r="B57382" s="1" t="s">
        <v>187129</v>
      </c>
      <c r="C57382" s="1" t="s">
        <v>140</v>
      </c>
      <c r="D57382" s="1" t="s">
        <v>18139</v>
      </c>
      <c r="E57382" s="1" t="s">
        <v>193001</v>
      </c>
      <c r="F57382" s="1" t="s">
        <v>193002</v>
      </c>
      <c r="G57382" s="1" t="s">
        <v>192915</v>
      </c>
      <c r="H57382" s="1" t="s">
        <v>192916</v>
      </c>
      <c r="I57382" s="1" t="s">
        <v>187135</v>
      </c>
      <c r="J57382" s="1" t="s">
        <v>193003</v>
      </c>
    </row>
    <row r="57383" spans="1:10" x14ac:dyDescent="0.35">
      <c r="A57383" s="1" t="s">
        <v>25801</v>
      </c>
      <c r="B57383" s="1" t="s">
        <v>187129</v>
      </c>
      <c r="C57383" s="1" t="s">
        <v>145</v>
      </c>
      <c r="D57383" s="1" t="s">
        <v>193004</v>
      </c>
      <c r="E57383" s="1" t="s">
        <v>193005</v>
      </c>
      <c r="F57383" s="1" t="s">
        <v>193006</v>
      </c>
      <c r="G57383" s="1" t="s">
        <v>192915</v>
      </c>
      <c r="H57383" s="1" t="s">
        <v>192916</v>
      </c>
      <c r="I57383" s="1" t="s">
        <v>187135</v>
      </c>
      <c r="J57383" s="1" t="s">
        <v>193007</v>
      </c>
    </row>
    <row r="57384" spans="1:10" x14ac:dyDescent="0.35">
      <c r="A57384" s="1" t="s">
        <v>25801</v>
      </c>
      <c r="B57384" s="1" t="s">
        <v>187129</v>
      </c>
      <c r="C57384" s="1" t="s">
        <v>150</v>
      </c>
      <c r="D57384" s="1" t="s">
        <v>98758</v>
      </c>
      <c r="E57384" s="1" t="s">
        <v>193008</v>
      </c>
      <c r="F57384" s="1" t="s">
        <v>193009</v>
      </c>
      <c r="G57384" s="1" t="s">
        <v>192915</v>
      </c>
      <c r="H57384" s="1" t="s">
        <v>192916</v>
      </c>
      <c r="I57384" s="1" t="s">
        <v>187135</v>
      </c>
      <c r="J57384" s="1" t="s">
        <v>193010</v>
      </c>
    </row>
    <row r="57385" spans="1:10" x14ac:dyDescent="0.35">
      <c r="A57385" s="1" t="s">
        <v>25801</v>
      </c>
      <c r="B57385" s="1" t="s">
        <v>187129</v>
      </c>
      <c r="C57385" s="1" t="s">
        <v>155</v>
      </c>
      <c r="D57385" s="1" t="s">
        <v>139417</v>
      </c>
      <c r="E57385" s="1" t="s">
        <v>193011</v>
      </c>
      <c r="F57385" s="1" t="s">
        <v>193012</v>
      </c>
      <c r="G57385" s="1" t="s">
        <v>192915</v>
      </c>
      <c r="H57385" s="1" t="s">
        <v>192916</v>
      </c>
      <c r="I57385" s="1" t="s">
        <v>187135</v>
      </c>
      <c r="J57385" s="1" t="s">
        <v>193013</v>
      </c>
    </row>
    <row r="57386" spans="1:10" x14ac:dyDescent="0.35">
      <c r="A57386" s="1" t="s">
        <v>25801</v>
      </c>
      <c r="B57386" s="1" t="s">
        <v>187129</v>
      </c>
      <c r="C57386" s="1" t="s">
        <v>160</v>
      </c>
      <c r="D57386" s="1" t="s">
        <v>177708</v>
      </c>
      <c r="E57386" s="1" t="s">
        <v>193014</v>
      </c>
      <c r="F57386" s="1" t="s">
        <v>193015</v>
      </c>
      <c r="G57386" s="1" t="s">
        <v>192915</v>
      </c>
      <c r="H57386" s="1" t="s">
        <v>192916</v>
      </c>
      <c r="I57386" s="1" t="s">
        <v>187135</v>
      </c>
      <c r="J57386" s="1" t="s">
        <v>193016</v>
      </c>
    </row>
    <row r="57387" spans="1:10" x14ac:dyDescent="0.35">
      <c r="A57387" s="1" t="s">
        <v>25801</v>
      </c>
      <c r="B57387" s="1" t="s">
        <v>187129</v>
      </c>
      <c r="C57387" s="1" t="s">
        <v>165</v>
      </c>
      <c r="D57387" s="1" t="s">
        <v>52584</v>
      </c>
      <c r="E57387" s="1" t="s">
        <v>193017</v>
      </c>
      <c r="F57387" s="1" t="s">
        <v>193018</v>
      </c>
      <c r="G57387" s="1" t="s">
        <v>192915</v>
      </c>
      <c r="H57387" s="1" t="s">
        <v>192916</v>
      </c>
      <c r="I57387" s="1" t="s">
        <v>187135</v>
      </c>
      <c r="J57387" s="1" t="s">
        <v>193019</v>
      </c>
    </row>
    <row r="57388" spans="1:10" x14ac:dyDescent="0.35">
      <c r="A57388" s="1" t="s">
        <v>25801</v>
      </c>
      <c r="B57388" s="1" t="s">
        <v>187129</v>
      </c>
      <c r="C57388" s="1" t="s">
        <v>170</v>
      </c>
      <c r="D57388" s="1" t="s">
        <v>154507</v>
      </c>
      <c r="E57388" s="1" t="s">
        <v>193020</v>
      </c>
      <c r="F57388" s="1" t="s">
        <v>193021</v>
      </c>
      <c r="G57388" s="1" t="s">
        <v>192915</v>
      </c>
      <c r="H57388" s="1" t="s">
        <v>192916</v>
      </c>
      <c r="I57388" s="1" t="s">
        <v>187135</v>
      </c>
      <c r="J57388" s="1" t="s">
        <v>193022</v>
      </c>
    </row>
    <row r="57389" spans="1:10" x14ac:dyDescent="0.35">
      <c r="A57389" s="1" t="s">
        <v>29893</v>
      </c>
      <c r="B57389" s="1" t="s">
        <v>187129</v>
      </c>
      <c r="C57389" s="1" t="s">
        <v>8</v>
      </c>
      <c r="D57389" s="1" t="s">
        <v>9605</v>
      </c>
      <c r="E57389" s="1" t="s">
        <v>193023</v>
      </c>
      <c r="F57389" s="1" t="s">
        <v>193024</v>
      </c>
      <c r="G57389" s="1" t="s">
        <v>193025</v>
      </c>
      <c r="H57389" s="1" t="s">
        <v>193026</v>
      </c>
      <c r="I57389" s="1" t="s">
        <v>187135</v>
      </c>
      <c r="J57389" s="1" t="s">
        <v>13</v>
      </c>
    </row>
    <row r="57390" spans="1:10" x14ac:dyDescent="0.35">
      <c r="A57390" s="1" t="s">
        <v>29893</v>
      </c>
      <c r="B57390" s="1" t="s">
        <v>187129</v>
      </c>
      <c r="C57390" s="1" t="s">
        <v>15</v>
      </c>
      <c r="D57390" s="1" t="s">
        <v>119976</v>
      </c>
      <c r="E57390" s="1" t="s">
        <v>193027</v>
      </c>
      <c r="F57390" s="1" t="s">
        <v>193028</v>
      </c>
      <c r="G57390" s="1" t="s">
        <v>193025</v>
      </c>
      <c r="H57390" s="1" t="s">
        <v>193026</v>
      </c>
      <c r="I57390" s="1" t="s">
        <v>187135</v>
      </c>
      <c r="J57390" s="1" t="s">
        <v>193029</v>
      </c>
    </row>
    <row r="57391" spans="1:10" x14ac:dyDescent="0.35">
      <c r="A57391" s="1" t="s">
        <v>29893</v>
      </c>
      <c r="B57391" s="1" t="s">
        <v>187129</v>
      </c>
      <c r="C57391" s="1" t="s">
        <v>20</v>
      </c>
      <c r="D57391" s="1" t="s">
        <v>31716</v>
      </c>
      <c r="E57391" s="1" t="s">
        <v>193030</v>
      </c>
      <c r="F57391" s="1" t="s">
        <v>193031</v>
      </c>
      <c r="G57391" s="1" t="s">
        <v>193025</v>
      </c>
      <c r="H57391" s="1" t="s">
        <v>193026</v>
      </c>
      <c r="I57391" s="1" t="s">
        <v>187135</v>
      </c>
      <c r="J57391" s="1" t="s">
        <v>193032</v>
      </c>
    </row>
    <row r="57392" spans="1:10" x14ac:dyDescent="0.35">
      <c r="A57392" s="1" t="s">
        <v>29893</v>
      </c>
      <c r="B57392" s="1" t="s">
        <v>187129</v>
      </c>
      <c r="C57392" s="1" t="s">
        <v>25</v>
      </c>
      <c r="D57392" s="1" t="s">
        <v>173541</v>
      </c>
      <c r="E57392" s="1" t="s">
        <v>193033</v>
      </c>
      <c r="F57392" s="1" t="s">
        <v>193034</v>
      </c>
      <c r="G57392" s="1" t="s">
        <v>193025</v>
      </c>
      <c r="H57392" s="1" t="s">
        <v>193026</v>
      </c>
      <c r="I57392" s="1" t="s">
        <v>187135</v>
      </c>
      <c r="J57392" s="1" t="s">
        <v>193035</v>
      </c>
    </row>
    <row r="57393" spans="1:10" x14ac:dyDescent="0.35">
      <c r="A57393" s="1" t="s">
        <v>29893</v>
      </c>
      <c r="B57393" s="1" t="s">
        <v>187129</v>
      </c>
      <c r="C57393" s="1" t="s">
        <v>30</v>
      </c>
      <c r="D57393" s="1" t="s">
        <v>74992</v>
      </c>
      <c r="E57393" s="1" t="s">
        <v>193036</v>
      </c>
      <c r="F57393" s="1" t="s">
        <v>193037</v>
      </c>
      <c r="G57393" s="1" t="s">
        <v>193025</v>
      </c>
      <c r="H57393" s="1" t="s">
        <v>193026</v>
      </c>
      <c r="I57393" s="1" t="s">
        <v>187135</v>
      </c>
      <c r="J57393" s="1" t="s">
        <v>193038</v>
      </c>
    </row>
    <row r="57394" spans="1:10" x14ac:dyDescent="0.35">
      <c r="A57394" s="1" t="s">
        <v>29893</v>
      </c>
      <c r="B57394" s="1" t="s">
        <v>187129</v>
      </c>
      <c r="C57394" s="1" t="s">
        <v>35</v>
      </c>
      <c r="D57394" s="1" t="s">
        <v>168291</v>
      </c>
      <c r="E57394" s="1" t="s">
        <v>193039</v>
      </c>
      <c r="F57394" s="1" t="s">
        <v>193040</v>
      </c>
      <c r="G57394" s="1" t="s">
        <v>193025</v>
      </c>
      <c r="H57394" s="1" t="s">
        <v>193026</v>
      </c>
      <c r="I57394" s="1" t="s">
        <v>187135</v>
      </c>
      <c r="J57394" s="1" t="s">
        <v>193041</v>
      </c>
    </row>
    <row r="57395" spans="1:10" x14ac:dyDescent="0.35">
      <c r="A57395" s="1" t="s">
        <v>29893</v>
      </c>
      <c r="B57395" s="1" t="s">
        <v>187129</v>
      </c>
      <c r="C57395" s="1" t="s">
        <v>40</v>
      </c>
      <c r="D57395" s="1" t="s">
        <v>48387</v>
      </c>
      <c r="E57395" s="1" t="s">
        <v>193042</v>
      </c>
      <c r="F57395" s="1" t="s">
        <v>193043</v>
      </c>
      <c r="G57395" s="1" t="s">
        <v>193025</v>
      </c>
      <c r="H57395" s="1" t="s">
        <v>193026</v>
      </c>
      <c r="I57395" s="1" t="s">
        <v>187135</v>
      </c>
      <c r="J57395" s="1" t="s">
        <v>193044</v>
      </c>
    </row>
    <row r="57396" spans="1:10" x14ac:dyDescent="0.35">
      <c r="A57396" s="1" t="s">
        <v>29893</v>
      </c>
      <c r="B57396" s="1" t="s">
        <v>187129</v>
      </c>
      <c r="C57396" s="1" t="s">
        <v>45</v>
      </c>
      <c r="D57396" s="1" t="s">
        <v>49135</v>
      </c>
      <c r="E57396" s="1" t="s">
        <v>193045</v>
      </c>
      <c r="F57396" s="1" t="s">
        <v>193046</v>
      </c>
      <c r="G57396" s="1" t="s">
        <v>193025</v>
      </c>
      <c r="H57396" s="1" t="s">
        <v>193026</v>
      </c>
      <c r="I57396" s="1" t="s">
        <v>187135</v>
      </c>
      <c r="J57396" s="1" t="s">
        <v>193047</v>
      </c>
    </row>
    <row r="57397" spans="1:10" x14ac:dyDescent="0.35">
      <c r="A57397" s="1" t="s">
        <v>29893</v>
      </c>
      <c r="B57397" s="1" t="s">
        <v>187129</v>
      </c>
      <c r="C57397" s="1" t="s">
        <v>50</v>
      </c>
      <c r="D57397" s="1" t="s">
        <v>111105</v>
      </c>
      <c r="E57397" s="1" t="s">
        <v>193048</v>
      </c>
      <c r="F57397" s="1" t="s">
        <v>193049</v>
      </c>
      <c r="G57397" s="1" t="s">
        <v>193025</v>
      </c>
      <c r="H57397" s="1" t="s">
        <v>193026</v>
      </c>
      <c r="I57397" s="1" t="s">
        <v>187135</v>
      </c>
      <c r="J57397" s="1" t="s">
        <v>193050</v>
      </c>
    </row>
    <row r="57398" spans="1:10" x14ac:dyDescent="0.35">
      <c r="A57398" s="1" t="s">
        <v>29893</v>
      </c>
      <c r="B57398" s="1" t="s">
        <v>187129</v>
      </c>
      <c r="C57398" s="1" t="s">
        <v>55</v>
      </c>
      <c r="D57398" s="1" t="s">
        <v>193051</v>
      </c>
      <c r="E57398" s="1" t="s">
        <v>193052</v>
      </c>
      <c r="F57398" s="1" t="s">
        <v>193053</v>
      </c>
      <c r="G57398" s="1" t="s">
        <v>193025</v>
      </c>
      <c r="H57398" s="1" t="s">
        <v>193026</v>
      </c>
      <c r="I57398" s="1" t="s">
        <v>187135</v>
      </c>
      <c r="J57398" s="1" t="s">
        <v>193054</v>
      </c>
    </row>
    <row r="57399" spans="1:10" x14ac:dyDescent="0.35">
      <c r="A57399" s="1" t="s">
        <v>29893</v>
      </c>
      <c r="B57399" s="1" t="s">
        <v>187129</v>
      </c>
      <c r="C57399" s="1" t="s">
        <v>60</v>
      </c>
      <c r="D57399" s="1" t="s">
        <v>193055</v>
      </c>
      <c r="E57399" s="1" t="s">
        <v>193056</v>
      </c>
      <c r="F57399" s="1" t="s">
        <v>193057</v>
      </c>
      <c r="G57399" s="1" t="s">
        <v>193025</v>
      </c>
      <c r="H57399" s="1" t="s">
        <v>193026</v>
      </c>
      <c r="I57399" s="1" t="s">
        <v>187135</v>
      </c>
      <c r="J57399" s="1" t="s">
        <v>193058</v>
      </c>
    </row>
    <row r="57400" spans="1:10" x14ac:dyDescent="0.35">
      <c r="A57400" s="1" t="s">
        <v>29893</v>
      </c>
      <c r="B57400" s="1" t="s">
        <v>187129</v>
      </c>
      <c r="C57400" s="1" t="s">
        <v>65</v>
      </c>
      <c r="D57400" s="1" t="s">
        <v>19489</v>
      </c>
      <c r="E57400" s="1" t="s">
        <v>193059</v>
      </c>
      <c r="F57400" s="1" t="s">
        <v>193060</v>
      </c>
      <c r="G57400" s="1" t="s">
        <v>193025</v>
      </c>
      <c r="H57400" s="1" t="s">
        <v>193026</v>
      </c>
      <c r="I57400" s="1" t="s">
        <v>187135</v>
      </c>
      <c r="J57400" s="1" t="s">
        <v>193061</v>
      </c>
    </row>
    <row r="57401" spans="1:10" x14ac:dyDescent="0.35">
      <c r="A57401" s="1" t="s">
        <v>29893</v>
      </c>
      <c r="B57401" s="1" t="s">
        <v>187129</v>
      </c>
      <c r="C57401" s="1" t="s">
        <v>70</v>
      </c>
      <c r="D57401" s="1" t="s">
        <v>186467</v>
      </c>
      <c r="E57401" s="1" t="s">
        <v>193062</v>
      </c>
      <c r="F57401" s="1" t="s">
        <v>193063</v>
      </c>
      <c r="G57401" s="1" t="s">
        <v>193025</v>
      </c>
      <c r="H57401" s="1" t="s">
        <v>193026</v>
      </c>
      <c r="I57401" s="1" t="s">
        <v>187135</v>
      </c>
      <c r="J57401" s="1" t="s">
        <v>193064</v>
      </c>
    </row>
    <row r="57402" spans="1:10" x14ac:dyDescent="0.35">
      <c r="A57402" s="1" t="s">
        <v>29893</v>
      </c>
      <c r="B57402" s="1" t="s">
        <v>187129</v>
      </c>
      <c r="C57402" s="1" t="s">
        <v>75</v>
      </c>
      <c r="D57402" s="1" t="s">
        <v>35628</v>
      </c>
      <c r="E57402" s="1" t="s">
        <v>193065</v>
      </c>
      <c r="F57402" s="1" t="s">
        <v>193066</v>
      </c>
      <c r="G57402" s="1" t="s">
        <v>193025</v>
      </c>
      <c r="H57402" s="1" t="s">
        <v>193026</v>
      </c>
      <c r="I57402" s="1" t="s">
        <v>187135</v>
      </c>
      <c r="J57402" s="1" t="s">
        <v>193067</v>
      </c>
    </row>
    <row r="57403" spans="1:10" x14ac:dyDescent="0.35">
      <c r="A57403" s="1" t="s">
        <v>29893</v>
      </c>
      <c r="B57403" s="1" t="s">
        <v>187129</v>
      </c>
      <c r="C57403" s="1" t="s">
        <v>80</v>
      </c>
      <c r="D57403" s="1" t="s">
        <v>5804</v>
      </c>
      <c r="E57403" s="1" t="s">
        <v>193068</v>
      </c>
      <c r="F57403" s="1" t="s">
        <v>193069</v>
      </c>
      <c r="G57403" s="1" t="s">
        <v>193025</v>
      </c>
      <c r="H57403" s="1" t="s">
        <v>193026</v>
      </c>
      <c r="I57403" s="1" t="s">
        <v>187135</v>
      </c>
      <c r="J57403" s="1" t="s">
        <v>193070</v>
      </c>
    </row>
    <row r="57404" spans="1:10" x14ac:dyDescent="0.35">
      <c r="A57404" s="1" t="s">
        <v>29893</v>
      </c>
      <c r="B57404" s="1" t="s">
        <v>187129</v>
      </c>
      <c r="C57404" s="1" t="s">
        <v>85</v>
      </c>
      <c r="D57404" s="1" t="s">
        <v>13516</v>
      </c>
      <c r="E57404" s="1" t="s">
        <v>193071</v>
      </c>
      <c r="F57404" s="1" t="s">
        <v>193072</v>
      </c>
      <c r="G57404" s="1" t="s">
        <v>193025</v>
      </c>
      <c r="H57404" s="1" t="s">
        <v>193026</v>
      </c>
      <c r="I57404" s="1" t="s">
        <v>187135</v>
      </c>
      <c r="J57404" s="1" t="s">
        <v>193073</v>
      </c>
    </row>
    <row r="57405" spans="1:10" x14ac:dyDescent="0.35">
      <c r="A57405" s="1" t="s">
        <v>29893</v>
      </c>
      <c r="B57405" s="1" t="s">
        <v>187129</v>
      </c>
      <c r="C57405" s="1" t="s">
        <v>90</v>
      </c>
      <c r="D57405" s="1" t="s">
        <v>120951</v>
      </c>
      <c r="E57405" s="1" t="s">
        <v>193074</v>
      </c>
      <c r="F57405" s="1" t="s">
        <v>193075</v>
      </c>
      <c r="G57405" s="1" t="s">
        <v>193025</v>
      </c>
      <c r="H57405" s="1" t="s">
        <v>193026</v>
      </c>
      <c r="I57405" s="1" t="s">
        <v>187135</v>
      </c>
      <c r="J57405" s="1" t="s">
        <v>193076</v>
      </c>
    </row>
    <row r="57406" spans="1:10" x14ac:dyDescent="0.35">
      <c r="A57406" s="1" t="s">
        <v>29893</v>
      </c>
      <c r="B57406" s="1" t="s">
        <v>187129</v>
      </c>
      <c r="C57406" s="1" t="s">
        <v>95</v>
      </c>
      <c r="D57406" s="1" t="s">
        <v>74933</v>
      </c>
      <c r="E57406" s="1" t="s">
        <v>193077</v>
      </c>
      <c r="F57406" s="1" t="s">
        <v>193078</v>
      </c>
      <c r="G57406" s="1" t="s">
        <v>193025</v>
      </c>
      <c r="H57406" s="1" t="s">
        <v>193026</v>
      </c>
      <c r="I57406" s="1" t="s">
        <v>187135</v>
      </c>
      <c r="J57406" s="1" t="s">
        <v>193079</v>
      </c>
    </row>
    <row r="57407" spans="1:10" x14ac:dyDescent="0.35">
      <c r="A57407" s="1" t="s">
        <v>29893</v>
      </c>
      <c r="B57407" s="1" t="s">
        <v>187129</v>
      </c>
      <c r="C57407" s="1" t="s">
        <v>100</v>
      </c>
      <c r="D57407" s="1" t="s">
        <v>124650</v>
      </c>
      <c r="E57407" s="1" t="s">
        <v>193080</v>
      </c>
      <c r="F57407" s="1" t="s">
        <v>193081</v>
      </c>
      <c r="G57407" s="1" t="s">
        <v>193025</v>
      </c>
      <c r="H57407" s="1" t="s">
        <v>193026</v>
      </c>
      <c r="I57407" s="1" t="s">
        <v>187135</v>
      </c>
      <c r="J57407" s="1" t="s">
        <v>193082</v>
      </c>
    </row>
    <row r="57408" spans="1:10" x14ac:dyDescent="0.35">
      <c r="A57408" s="1" t="s">
        <v>29893</v>
      </c>
      <c r="B57408" s="1" t="s">
        <v>187129</v>
      </c>
      <c r="C57408" s="1" t="s">
        <v>105</v>
      </c>
      <c r="D57408" s="1" t="s">
        <v>176590</v>
      </c>
      <c r="E57408" s="1" t="s">
        <v>193083</v>
      </c>
      <c r="F57408" s="1" t="s">
        <v>193084</v>
      </c>
      <c r="G57408" s="1" t="s">
        <v>193025</v>
      </c>
      <c r="H57408" s="1" t="s">
        <v>193026</v>
      </c>
      <c r="I57408" s="1" t="s">
        <v>187135</v>
      </c>
      <c r="J57408" s="1" t="s">
        <v>193085</v>
      </c>
    </row>
    <row r="57409" spans="1:10" x14ac:dyDescent="0.35">
      <c r="A57409" s="1" t="s">
        <v>29893</v>
      </c>
      <c r="B57409" s="1" t="s">
        <v>187129</v>
      </c>
      <c r="C57409" s="1" t="s">
        <v>110</v>
      </c>
      <c r="D57409" s="1" t="s">
        <v>19818</v>
      </c>
      <c r="E57409" s="1" t="s">
        <v>193086</v>
      </c>
      <c r="F57409" s="1" t="s">
        <v>193087</v>
      </c>
      <c r="G57409" s="1" t="s">
        <v>193025</v>
      </c>
      <c r="H57409" s="1" t="s">
        <v>193026</v>
      </c>
      <c r="I57409" s="1" t="s">
        <v>187135</v>
      </c>
      <c r="J57409" s="1" t="s">
        <v>193088</v>
      </c>
    </row>
    <row r="57410" spans="1:10" x14ac:dyDescent="0.35">
      <c r="A57410" s="1" t="s">
        <v>29893</v>
      </c>
      <c r="B57410" s="1" t="s">
        <v>187129</v>
      </c>
      <c r="C57410" s="1" t="s">
        <v>115</v>
      </c>
      <c r="D57410" s="1" t="s">
        <v>193089</v>
      </c>
      <c r="E57410" s="1" t="s">
        <v>193090</v>
      </c>
      <c r="F57410" s="1" t="s">
        <v>193091</v>
      </c>
      <c r="G57410" s="1" t="s">
        <v>193025</v>
      </c>
      <c r="H57410" s="1" t="s">
        <v>193026</v>
      </c>
      <c r="I57410" s="1" t="s">
        <v>187135</v>
      </c>
      <c r="J57410" s="1" t="s">
        <v>193092</v>
      </c>
    </row>
    <row r="57411" spans="1:10" x14ac:dyDescent="0.35">
      <c r="A57411" s="1" t="s">
        <v>29893</v>
      </c>
      <c r="B57411" s="1" t="s">
        <v>187129</v>
      </c>
      <c r="C57411" s="1" t="s">
        <v>120</v>
      </c>
      <c r="D57411" s="1" t="s">
        <v>193093</v>
      </c>
      <c r="E57411" s="1" t="s">
        <v>193094</v>
      </c>
      <c r="F57411" s="1" t="s">
        <v>193095</v>
      </c>
      <c r="G57411" s="1" t="s">
        <v>193025</v>
      </c>
      <c r="H57411" s="1" t="s">
        <v>193026</v>
      </c>
      <c r="I57411" s="1" t="s">
        <v>187135</v>
      </c>
      <c r="J57411" s="1" t="s">
        <v>193096</v>
      </c>
    </row>
    <row r="57412" spans="1:10" x14ac:dyDescent="0.35">
      <c r="A57412" s="1" t="s">
        <v>29893</v>
      </c>
      <c r="B57412" s="1" t="s">
        <v>187129</v>
      </c>
      <c r="C57412" s="1" t="s">
        <v>125</v>
      </c>
      <c r="D57412" s="1" t="s">
        <v>193097</v>
      </c>
      <c r="E57412" s="1" t="s">
        <v>193098</v>
      </c>
      <c r="F57412" s="1" t="s">
        <v>193099</v>
      </c>
      <c r="G57412" s="1" t="s">
        <v>193025</v>
      </c>
      <c r="H57412" s="1" t="s">
        <v>193026</v>
      </c>
      <c r="I57412" s="1" t="s">
        <v>187135</v>
      </c>
      <c r="J57412" s="1" t="s">
        <v>193100</v>
      </c>
    </row>
    <row r="57413" spans="1:10" x14ac:dyDescent="0.35">
      <c r="A57413" s="1" t="s">
        <v>29893</v>
      </c>
      <c r="B57413" s="1" t="s">
        <v>187129</v>
      </c>
      <c r="C57413" s="1" t="s">
        <v>130</v>
      </c>
      <c r="D57413" s="1" t="s">
        <v>177273</v>
      </c>
      <c r="E57413" s="1" t="s">
        <v>193101</v>
      </c>
      <c r="F57413" s="1" t="s">
        <v>193102</v>
      </c>
      <c r="G57413" s="1" t="s">
        <v>193025</v>
      </c>
      <c r="H57413" s="1" t="s">
        <v>193026</v>
      </c>
      <c r="I57413" s="1" t="s">
        <v>187135</v>
      </c>
      <c r="J57413" s="1" t="s">
        <v>193103</v>
      </c>
    </row>
    <row r="57414" spans="1:10" x14ac:dyDescent="0.35">
      <c r="A57414" s="1" t="s">
        <v>29893</v>
      </c>
      <c r="B57414" s="1" t="s">
        <v>187129</v>
      </c>
      <c r="C57414" s="1" t="s">
        <v>135</v>
      </c>
      <c r="D57414" s="1" t="s">
        <v>123771</v>
      </c>
      <c r="E57414" s="1" t="s">
        <v>193104</v>
      </c>
      <c r="F57414" s="1" t="s">
        <v>193105</v>
      </c>
      <c r="G57414" s="1" t="s">
        <v>193025</v>
      </c>
      <c r="H57414" s="1" t="s">
        <v>193026</v>
      </c>
      <c r="I57414" s="1" t="s">
        <v>187135</v>
      </c>
      <c r="J57414" s="1" t="s">
        <v>193106</v>
      </c>
    </row>
    <row r="57415" spans="1:10" x14ac:dyDescent="0.35">
      <c r="A57415" s="1" t="s">
        <v>29893</v>
      </c>
      <c r="B57415" s="1" t="s">
        <v>187129</v>
      </c>
      <c r="C57415" s="1" t="s">
        <v>140</v>
      </c>
      <c r="D57415" s="1" t="s">
        <v>193107</v>
      </c>
      <c r="E57415" s="1" t="s">
        <v>193108</v>
      </c>
      <c r="F57415" s="1" t="s">
        <v>193109</v>
      </c>
      <c r="G57415" s="1" t="s">
        <v>193025</v>
      </c>
      <c r="H57415" s="1" t="s">
        <v>193026</v>
      </c>
      <c r="I57415" s="1" t="s">
        <v>187135</v>
      </c>
      <c r="J57415" s="1" t="s">
        <v>193110</v>
      </c>
    </row>
    <row r="57416" spans="1:10" x14ac:dyDescent="0.35">
      <c r="A57416" s="1" t="s">
        <v>29893</v>
      </c>
      <c r="B57416" s="1" t="s">
        <v>187129</v>
      </c>
      <c r="C57416" s="1" t="s">
        <v>145</v>
      </c>
      <c r="D57416" s="1" t="s">
        <v>31062</v>
      </c>
      <c r="E57416" s="1" t="s">
        <v>193111</v>
      </c>
      <c r="F57416" s="1" t="s">
        <v>193112</v>
      </c>
      <c r="G57416" s="1" t="s">
        <v>193025</v>
      </c>
      <c r="H57416" s="1" t="s">
        <v>193026</v>
      </c>
      <c r="I57416" s="1" t="s">
        <v>187135</v>
      </c>
      <c r="J57416" s="1" t="s">
        <v>193113</v>
      </c>
    </row>
    <row r="57417" spans="1:10" x14ac:dyDescent="0.35">
      <c r="A57417" s="1" t="s">
        <v>29893</v>
      </c>
      <c r="B57417" s="1" t="s">
        <v>187129</v>
      </c>
      <c r="C57417" s="1" t="s">
        <v>150</v>
      </c>
      <c r="D57417" s="1" t="s">
        <v>13275</v>
      </c>
      <c r="E57417" s="1" t="s">
        <v>193114</v>
      </c>
      <c r="F57417" s="1" t="s">
        <v>193115</v>
      </c>
      <c r="G57417" s="1" t="s">
        <v>193025</v>
      </c>
      <c r="H57417" s="1" t="s">
        <v>193026</v>
      </c>
      <c r="I57417" s="1" t="s">
        <v>187135</v>
      </c>
      <c r="J57417" s="1" t="s">
        <v>193116</v>
      </c>
    </row>
    <row r="57418" spans="1:10" x14ac:dyDescent="0.35">
      <c r="A57418" s="1" t="s">
        <v>29893</v>
      </c>
      <c r="B57418" s="1" t="s">
        <v>187129</v>
      </c>
      <c r="C57418" s="1" t="s">
        <v>155</v>
      </c>
      <c r="D57418" s="1" t="s">
        <v>193117</v>
      </c>
      <c r="E57418" s="1" t="s">
        <v>193118</v>
      </c>
      <c r="F57418" s="1" t="s">
        <v>193119</v>
      </c>
      <c r="G57418" s="1" t="s">
        <v>193025</v>
      </c>
      <c r="H57418" s="1" t="s">
        <v>193026</v>
      </c>
      <c r="I57418" s="1" t="s">
        <v>187135</v>
      </c>
      <c r="J57418" s="1" t="s">
        <v>193120</v>
      </c>
    </row>
    <row r="57419" spans="1:10" x14ac:dyDescent="0.35">
      <c r="A57419" s="1" t="s">
        <v>29893</v>
      </c>
      <c r="B57419" s="1" t="s">
        <v>187129</v>
      </c>
      <c r="C57419" s="1" t="s">
        <v>160</v>
      </c>
      <c r="D57419" s="1" t="s">
        <v>192292</v>
      </c>
      <c r="E57419" s="1" t="s">
        <v>193121</v>
      </c>
      <c r="F57419" s="1" t="s">
        <v>193122</v>
      </c>
      <c r="G57419" s="1" t="s">
        <v>193025</v>
      </c>
      <c r="H57419" s="1" t="s">
        <v>193026</v>
      </c>
      <c r="I57419" s="1" t="s">
        <v>187135</v>
      </c>
      <c r="J57419" s="1" t="s">
        <v>193123</v>
      </c>
    </row>
    <row r="57420" spans="1:10" x14ac:dyDescent="0.35">
      <c r="A57420" s="1" t="s">
        <v>29893</v>
      </c>
      <c r="B57420" s="1" t="s">
        <v>187129</v>
      </c>
      <c r="C57420" s="1" t="s">
        <v>165</v>
      </c>
      <c r="D57420" s="1" t="s">
        <v>193124</v>
      </c>
      <c r="E57420" s="1" t="s">
        <v>193125</v>
      </c>
      <c r="F57420" s="1" t="s">
        <v>193126</v>
      </c>
      <c r="G57420" s="1" t="s">
        <v>193025</v>
      </c>
      <c r="H57420" s="1" t="s">
        <v>193026</v>
      </c>
      <c r="I57420" s="1" t="s">
        <v>187135</v>
      </c>
      <c r="J57420" s="1" t="s">
        <v>193127</v>
      </c>
    </row>
    <row r="57421" spans="1:10" x14ac:dyDescent="0.35">
      <c r="A57421" s="1" t="s">
        <v>29893</v>
      </c>
      <c r="B57421" s="1" t="s">
        <v>187129</v>
      </c>
      <c r="C57421" s="1" t="s">
        <v>170</v>
      </c>
      <c r="D57421" s="1" t="s">
        <v>193128</v>
      </c>
      <c r="E57421" s="1" t="s">
        <v>193129</v>
      </c>
      <c r="F57421" s="1" t="s">
        <v>193130</v>
      </c>
      <c r="G57421" s="1" t="s">
        <v>193025</v>
      </c>
      <c r="H57421" s="1" t="s">
        <v>193026</v>
      </c>
      <c r="I57421" s="1" t="s">
        <v>187135</v>
      </c>
      <c r="J57421" s="1" t="s">
        <v>193131</v>
      </c>
    </row>
    <row r="57422" spans="1:10" x14ac:dyDescent="0.35">
      <c r="A57422" s="1" t="s">
        <v>9924</v>
      </c>
      <c r="B57422" s="1" t="s">
        <v>187129</v>
      </c>
      <c r="C57422" s="1" t="s">
        <v>8</v>
      </c>
      <c r="D57422" s="1" t="s">
        <v>14319</v>
      </c>
      <c r="E57422" s="1" t="s">
        <v>193132</v>
      </c>
      <c r="F57422" s="1" t="s">
        <v>193133</v>
      </c>
      <c r="G57422" s="1" t="s">
        <v>193134</v>
      </c>
      <c r="H57422" s="1" t="s">
        <v>193135</v>
      </c>
      <c r="I57422" s="1" t="s">
        <v>187135</v>
      </c>
      <c r="J57422" s="1" t="s">
        <v>13</v>
      </c>
    </row>
    <row r="57423" spans="1:10" x14ac:dyDescent="0.35">
      <c r="A57423" s="1" t="s">
        <v>9924</v>
      </c>
      <c r="B57423" s="1" t="s">
        <v>187129</v>
      </c>
      <c r="C57423" s="1" t="s">
        <v>15</v>
      </c>
      <c r="D57423" s="1" t="s">
        <v>34247</v>
      </c>
      <c r="E57423" s="1" t="s">
        <v>193136</v>
      </c>
      <c r="F57423" s="1" t="s">
        <v>193137</v>
      </c>
      <c r="G57423" s="1" t="s">
        <v>193134</v>
      </c>
      <c r="H57423" s="1" t="s">
        <v>193135</v>
      </c>
      <c r="I57423" s="1" t="s">
        <v>187135</v>
      </c>
      <c r="J57423" s="1" t="s">
        <v>193138</v>
      </c>
    </row>
    <row r="57424" spans="1:10" x14ac:dyDescent="0.35">
      <c r="A57424" s="1" t="s">
        <v>9924</v>
      </c>
      <c r="B57424" s="1" t="s">
        <v>187129</v>
      </c>
      <c r="C57424" s="1" t="s">
        <v>20</v>
      </c>
      <c r="D57424" s="1" t="s">
        <v>76939</v>
      </c>
      <c r="E57424" s="1" t="s">
        <v>193139</v>
      </c>
      <c r="F57424" s="1" t="s">
        <v>193140</v>
      </c>
      <c r="G57424" s="1" t="s">
        <v>193134</v>
      </c>
      <c r="H57424" s="1" t="s">
        <v>193135</v>
      </c>
      <c r="I57424" s="1" t="s">
        <v>187135</v>
      </c>
      <c r="J57424" s="1" t="s">
        <v>193141</v>
      </c>
    </row>
    <row r="57425" spans="1:10" x14ac:dyDescent="0.35">
      <c r="A57425" s="1" t="s">
        <v>9924</v>
      </c>
      <c r="B57425" s="1" t="s">
        <v>187129</v>
      </c>
      <c r="C57425" s="1" t="s">
        <v>25</v>
      </c>
      <c r="D57425" s="1" t="s">
        <v>193142</v>
      </c>
      <c r="E57425" s="1" t="s">
        <v>193143</v>
      </c>
      <c r="F57425" s="1" t="s">
        <v>193144</v>
      </c>
      <c r="G57425" s="1" t="s">
        <v>193134</v>
      </c>
      <c r="H57425" s="1" t="s">
        <v>193135</v>
      </c>
      <c r="I57425" s="1" t="s">
        <v>187135</v>
      </c>
      <c r="J57425" s="1" t="s">
        <v>193145</v>
      </c>
    </row>
    <row r="57426" spans="1:10" x14ac:dyDescent="0.35">
      <c r="A57426" s="1" t="s">
        <v>9924</v>
      </c>
      <c r="B57426" s="1" t="s">
        <v>187129</v>
      </c>
      <c r="C57426" s="1" t="s">
        <v>30</v>
      </c>
      <c r="D57426" s="1" t="s">
        <v>193146</v>
      </c>
      <c r="E57426" s="1" t="s">
        <v>193147</v>
      </c>
      <c r="F57426" s="1" t="s">
        <v>193148</v>
      </c>
      <c r="G57426" s="1" t="s">
        <v>193134</v>
      </c>
      <c r="H57426" s="1" t="s">
        <v>193135</v>
      </c>
      <c r="I57426" s="1" t="s">
        <v>187135</v>
      </c>
      <c r="J57426" s="1" t="s">
        <v>193149</v>
      </c>
    </row>
    <row r="57427" spans="1:10" x14ac:dyDescent="0.35">
      <c r="A57427" s="1" t="s">
        <v>9924</v>
      </c>
      <c r="B57427" s="1" t="s">
        <v>187129</v>
      </c>
      <c r="C57427" s="1" t="s">
        <v>35</v>
      </c>
      <c r="D57427" s="1" t="s">
        <v>48010</v>
      </c>
      <c r="E57427" s="1" t="s">
        <v>193150</v>
      </c>
      <c r="F57427" s="1" t="s">
        <v>193151</v>
      </c>
      <c r="G57427" s="1" t="s">
        <v>193134</v>
      </c>
      <c r="H57427" s="1" t="s">
        <v>193135</v>
      </c>
      <c r="I57427" s="1" t="s">
        <v>187135</v>
      </c>
      <c r="J57427" s="1" t="s">
        <v>193152</v>
      </c>
    </row>
    <row r="57428" spans="1:10" x14ac:dyDescent="0.35">
      <c r="A57428" s="1" t="s">
        <v>9924</v>
      </c>
      <c r="B57428" s="1" t="s">
        <v>187129</v>
      </c>
      <c r="C57428" s="1" t="s">
        <v>40</v>
      </c>
      <c r="D57428" s="1" t="s">
        <v>154675</v>
      </c>
      <c r="E57428" s="1" t="s">
        <v>193153</v>
      </c>
      <c r="F57428" s="1" t="s">
        <v>193154</v>
      </c>
      <c r="G57428" s="1" t="s">
        <v>193134</v>
      </c>
      <c r="H57428" s="1" t="s">
        <v>193135</v>
      </c>
      <c r="I57428" s="1" t="s">
        <v>187135</v>
      </c>
      <c r="J57428" s="1" t="s">
        <v>193155</v>
      </c>
    </row>
    <row r="57429" spans="1:10" x14ac:dyDescent="0.35">
      <c r="A57429" s="1" t="s">
        <v>9924</v>
      </c>
      <c r="B57429" s="1" t="s">
        <v>187129</v>
      </c>
      <c r="C57429" s="1" t="s">
        <v>45</v>
      </c>
      <c r="D57429" s="1" t="s">
        <v>10606</v>
      </c>
      <c r="E57429" s="1" t="s">
        <v>193156</v>
      </c>
      <c r="F57429" s="1" t="s">
        <v>193157</v>
      </c>
      <c r="G57429" s="1" t="s">
        <v>193134</v>
      </c>
      <c r="H57429" s="1" t="s">
        <v>193135</v>
      </c>
      <c r="I57429" s="1" t="s">
        <v>187135</v>
      </c>
      <c r="J57429" s="1" t="s">
        <v>193158</v>
      </c>
    </row>
    <row r="57430" spans="1:10" x14ac:dyDescent="0.35">
      <c r="A57430" s="1" t="s">
        <v>9924</v>
      </c>
      <c r="B57430" s="1" t="s">
        <v>187129</v>
      </c>
      <c r="C57430" s="1" t="s">
        <v>50</v>
      </c>
      <c r="D57430" s="1" t="s">
        <v>193159</v>
      </c>
      <c r="E57430" s="1" t="s">
        <v>193160</v>
      </c>
      <c r="F57430" s="1" t="s">
        <v>193161</v>
      </c>
      <c r="G57430" s="1" t="s">
        <v>193134</v>
      </c>
      <c r="H57430" s="1" t="s">
        <v>193135</v>
      </c>
      <c r="I57430" s="1" t="s">
        <v>187135</v>
      </c>
      <c r="J57430" s="1" t="s">
        <v>193162</v>
      </c>
    </row>
    <row r="57431" spans="1:10" x14ac:dyDescent="0.35">
      <c r="A57431" s="1" t="s">
        <v>9924</v>
      </c>
      <c r="B57431" s="1" t="s">
        <v>187129</v>
      </c>
      <c r="C57431" s="1" t="s">
        <v>55</v>
      </c>
      <c r="D57431" s="1" t="s">
        <v>16858</v>
      </c>
      <c r="E57431" s="1" t="s">
        <v>193163</v>
      </c>
      <c r="F57431" s="1" t="s">
        <v>193164</v>
      </c>
      <c r="G57431" s="1" t="s">
        <v>193134</v>
      </c>
      <c r="H57431" s="1" t="s">
        <v>193135</v>
      </c>
      <c r="I57431" s="1" t="s">
        <v>187135</v>
      </c>
      <c r="J57431" s="1" t="s">
        <v>193165</v>
      </c>
    </row>
    <row r="57432" spans="1:10" x14ac:dyDescent="0.35">
      <c r="A57432" s="1" t="s">
        <v>9924</v>
      </c>
      <c r="B57432" s="1" t="s">
        <v>187129</v>
      </c>
      <c r="C57432" s="1" t="s">
        <v>60</v>
      </c>
      <c r="D57432" s="1" t="s">
        <v>152960</v>
      </c>
      <c r="E57432" s="1" t="s">
        <v>193166</v>
      </c>
      <c r="F57432" s="1" t="s">
        <v>193167</v>
      </c>
      <c r="G57432" s="1" t="s">
        <v>193134</v>
      </c>
      <c r="H57432" s="1" t="s">
        <v>193135</v>
      </c>
      <c r="I57432" s="1" t="s">
        <v>187135</v>
      </c>
      <c r="J57432" s="1" t="s">
        <v>193168</v>
      </c>
    </row>
    <row r="57433" spans="1:10" x14ac:dyDescent="0.35">
      <c r="A57433" s="1" t="s">
        <v>9924</v>
      </c>
      <c r="B57433" s="1" t="s">
        <v>187129</v>
      </c>
      <c r="C57433" s="1" t="s">
        <v>65</v>
      </c>
      <c r="D57433" s="1" t="s">
        <v>193169</v>
      </c>
      <c r="E57433" s="1" t="s">
        <v>193170</v>
      </c>
      <c r="F57433" s="1" t="s">
        <v>193171</v>
      </c>
      <c r="G57433" s="1" t="s">
        <v>193134</v>
      </c>
      <c r="H57433" s="1" t="s">
        <v>193135</v>
      </c>
      <c r="I57433" s="1" t="s">
        <v>187135</v>
      </c>
      <c r="J57433" s="1" t="s">
        <v>193172</v>
      </c>
    </row>
    <row r="57434" spans="1:10" x14ac:dyDescent="0.35">
      <c r="A57434" s="1" t="s">
        <v>9924</v>
      </c>
      <c r="B57434" s="1" t="s">
        <v>187129</v>
      </c>
      <c r="C57434" s="1" t="s">
        <v>70</v>
      </c>
      <c r="D57434" s="1" t="s">
        <v>113257</v>
      </c>
      <c r="E57434" s="1" t="s">
        <v>193173</v>
      </c>
      <c r="F57434" s="1" t="s">
        <v>193174</v>
      </c>
      <c r="G57434" s="1" t="s">
        <v>193134</v>
      </c>
      <c r="H57434" s="1" t="s">
        <v>193135</v>
      </c>
      <c r="I57434" s="1" t="s">
        <v>187135</v>
      </c>
      <c r="J57434" s="1" t="s">
        <v>193175</v>
      </c>
    </row>
    <row r="57435" spans="1:10" x14ac:dyDescent="0.35">
      <c r="A57435" s="1" t="s">
        <v>9924</v>
      </c>
      <c r="B57435" s="1" t="s">
        <v>187129</v>
      </c>
      <c r="C57435" s="1" t="s">
        <v>75</v>
      </c>
      <c r="D57435" s="1" t="s">
        <v>178088</v>
      </c>
      <c r="E57435" s="1" t="s">
        <v>193176</v>
      </c>
      <c r="F57435" s="1" t="s">
        <v>193177</v>
      </c>
      <c r="G57435" s="1" t="s">
        <v>193134</v>
      </c>
      <c r="H57435" s="1" t="s">
        <v>193135</v>
      </c>
      <c r="I57435" s="1" t="s">
        <v>187135</v>
      </c>
      <c r="J57435" s="1" t="s">
        <v>193178</v>
      </c>
    </row>
    <row r="57436" spans="1:10" x14ac:dyDescent="0.35">
      <c r="A57436" s="1" t="s">
        <v>9924</v>
      </c>
      <c r="B57436" s="1" t="s">
        <v>187129</v>
      </c>
      <c r="C57436" s="1" t="s">
        <v>80</v>
      </c>
      <c r="D57436" s="1" t="s">
        <v>44231</v>
      </c>
      <c r="E57436" s="1" t="s">
        <v>193179</v>
      </c>
      <c r="F57436" s="1" t="s">
        <v>193180</v>
      </c>
      <c r="G57436" s="1" t="s">
        <v>193134</v>
      </c>
      <c r="H57436" s="1" t="s">
        <v>193135</v>
      </c>
      <c r="I57436" s="1" t="s">
        <v>187135</v>
      </c>
      <c r="J57436" s="1" t="s">
        <v>193181</v>
      </c>
    </row>
    <row r="57437" spans="1:10" x14ac:dyDescent="0.35">
      <c r="A57437" s="1" t="s">
        <v>9924</v>
      </c>
      <c r="B57437" s="1" t="s">
        <v>187129</v>
      </c>
      <c r="C57437" s="1" t="s">
        <v>85</v>
      </c>
      <c r="D57437" s="1" t="s">
        <v>193182</v>
      </c>
      <c r="E57437" s="1" t="s">
        <v>193183</v>
      </c>
      <c r="F57437" s="1" t="s">
        <v>193184</v>
      </c>
      <c r="G57437" s="1" t="s">
        <v>193134</v>
      </c>
      <c r="H57437" s="1" t="s">
        <v>193135</v>
      </c>
      <c r="I57437" s="1" t="s">
        <v>187135</v>
      </c>
      <c r="J57437" s="1" t="s">
        <v>193185</v>
      </c>
    </row>
    <row r="57438" spans="1:10" x14ac:dyDescent="0.35">
      <c r="A57438" s="1" t="s">
        <v>9924</v>
      </c>
      <c r="B57438" s="1" t="s">
        <v>187129</v>
      </c>
      <c r="C57438" s="1" t="s">
        <v>90</v>
      </c>
      <c r="D57438" s="1" t="s">
        <v>12661</v>
      </c>
      <c r="E57438" s="1" t="s">
        <v>193186</v>
      </c>
      <c r="F57438" s="1" t="s">
        <v>193187</v>
      </c>
      <c r="G57438" s="1" t="s">
        <v>193134</v>
      </c>
      <c r="H57438" s="1" t="s">
        <v>193135</v>
      </c>
      <c r="I57438" s="1" t="s">
        <v>187135</v>
      </c>
      <c r="J57438" s="1" t="s">
        <v>193188</v>
      </c>
    </row>
    <row r="57439" spans="1:10" x14ac:dyDescent="0.35">
      <c r="A57439" s="1" t="s">
        <v>9924</v>
      </c>
      <c r="B57439" s="1" t="s">
        <v>187129</v>
      </c>
      <c r="C57439" s="1" t="s">
        <v>95</v>
      </c>
      <c r="D57439" s="1" t="s">
        <v>187421</v>
      </c>
      <c r="E57439" s="1" t="s">
        <v>193189</v>
      </c>
      <c r="F57439" s="1" t="s">
        <v>193190</v>
      </c>
      <c r="G57439" s="1" t="s">
        <v>193134</v>
      </c>
      <c r="H57439" s="1" t="s">
        <v>193135</v>
      </c>
      <c r="I57439" s="1" t="s">
        <v>187135</v>
      </c>
      <c r="J57439" s="1" t="s">
        <v>193191</v>
      </c>
    </row>
    <row r="57440" spans="1:10" x14ac:dyDescent="0.35">
      <c r="A57440" s="1" t="s">
        <v>9924</v>
      </c>
      <c r="B57440" s="1" t="s">
        <v>187129</v>
      </c>
      <c r="C57440" s="1" t="s">
        <v>100</v>
      </c>
      <c r="D57440" s="1" t="s">
        <v>193192</v>
      </c>
      <c r="E57440" s="1" t="s">
        <v>193193</v>
      </c>
      <c r="F57440" s="1" t="s">
        <v>193194</v>
      </c>
      <c r="G57440" s="1" t="s">
        <v>193134</v>
      </c>
      <c r="H57440" s="1" t="s">
        <v>193135</v>
      </c>
      <c r="I57440" s="1" t="s">
        <v>187135</v>
      </c>
      <c r="J57440" s="1" t="s">
        <v>193195</v>
      </c>
    </row>
    <row r="57441" spans="1:10" x14ac:dyDescent="0.35">
      <c r="A57441" s="1" t="s">
        <v>9924</v>
      </c>
      <c r="B57441" s="1" t="s">
        <v>187129</v>
      </c>
      <c r="C57441" s="1" t="s">
        <v>105</v>
      </c>
      <c r="D57441" s="1" t="s">
        <v>193196</v>
      </c>
      <c r="E57441" s="1" t="s">
        <v>193197</v>
      </c>
      <c r="F57441" s="1" t="s">
        <v>193198</v>
      </c>
      <c r="G57441" s="1" t="s">
        <v>193134</v>
      </c>
      <c r="H57441" s="1" t="s">
        <v>193135</v>
      </c>
      <c r="I57441" s="1" t="s">
        <v>187135</v>
      </c>
      <c r="J57441" s="1" t="s">
        <v>193199</v>
      </c>
    </row>
    <row r="57442" spans="1:10" x14ac:dyDescent="0.35">
      <c r="A57442" s="1" t="s">
        <v>9924</v>
      </c>
      <c r="B57442" s="1" t="s">
        <v>187129</v>
      </c>
      <c r="C57442" s="1" t="s">
        <v>110</v>
      </c>
      <c r="D57442" s="1" t="s">
        <v>193200</v>
      </c>
      <c r="E57442" s="1" t="s">
        <v>193201</v>
      </c>
      <c r="F57442" s="1" t="s">
        <v>193202</v>
      </c>
      <c r="G57442" s="1" t="s">
        <v>193134</v>
      </c>
      <c r="H57442" s="1" t="s">
        <v>193135</v>
      </c>
      <c r="I57442" s="1" t="s">
        <v>187135</v>
      </c>
      <c r="J57442" s="1" t="s">
        <v>193203</v>
      </c>
    </row>
    <row r="57443" spans="1:10" x14ac:dyDescent="0.35">
      <c r="A57443" s="1" t="s">
        <v>9924</v>
      </c>
      <c r="B57443" s="1" t="s">
        <v>187129</v>
      </c>
      <c r="C57443" s="1" t="s">
        <v>115</v>
      </c>
      <c r="D57443" s="1" t="s">
        <v>116953</v>
      </c>
      <c r="E57443" s="1" t="s">
        <v>193204</v>
      </c>
      <c r="F57443" s="1" t="s">
        <v>193205</v>
      </c>
      <c r="G57443" s="1" t="s">
        <v>193134</v>
      </c>
      <c r="H57443" s="1" t="s">
        <v>193135</v>
      </c>
      <c r="I57443" s="1" t="s">
        <v>187135</v>
      </c>
      <c r="J57443" s="1" t="s">
        <v>193206</v>
      </c>
    </row>
    <row r="57444" spans="1:10" x14ac:dyDescent="0.35">
      <c r="A57444" s="1" t="s">
        <v>9924</v>
      </c>
      <c r="B57444" s="1" t="s">
        <v>187129</v>
      </c>
      <c r="C57444" s="1" t="s">
        <v>120</v>
      </c>
      <c r="D57444" s="1" t="s">
        <v>160748</v>
      </c>
      <c r="E57444" s="1" t="s">
        <v>193207</v>
      </c>
      <c r="F57444" s="1" t="s">
        <v>193208</v>
      </c>
      <c r="G57444" s="1" t="s">
        <v>193134</v>
      </c>
      <c r="H57444" s="1" t="s">
        <v>193135</v>
      </c>
      <c r="I57444" s="1" t="s">
        <v>187135</v>
      </c>
      <c r="J57444" s="1" t="s">
        <v>193209</v>
      </c>
    </row>
    <row r="57445" spans="1:10" x14ac:dyDescent="0.35">
      <c r="A57445" s="1" t="s">
        <v>9924</v>
      </c>
      <c r="B57445" s="1" t="s">
        <v>187129</v>
      </c>
      <c r="C57445" s="1" t="s">
        <v>125</v>
      </c>
      <c r="D57445" s="1" t="s">
        <v>108939</v>
      </c>
      <c r="E57445" s="1" t="s">
        <v>193210</v>
      </c>
      <c r="F57445" s="1" t="s">
        <v>193211</v>
      </c>
      <c r="G57445" s="1" t="s">
        <v>193134</v>
      </c>
      <c r="H57445" s="1" t="s">
        <v>193135</v>
      </c>
      <c r="I57445" s="1" t="s">
        <v>187135</v>
      </c>
      <c r="J57445" s="1" t="s">
        <v>193212</v>
      </c>
    </row>
    <row r="57446" spans="1:10" x14ac:dyDescent="0.35">
      <c r="A57446" s="1" t="s">
        <v>9924</v>
      </c>
      <c r="B57446" s="1" t="s">
        <v>187129</v>
      </c>
      <c r="C57446" s="1" t="s">
        <v>130</v>
      </c>
      <c r="D57446" s="1" t="s">
        <v>9468</v>
      </c>
      <c r="E57446" s="1" t="s">
        <v>193213</v>
      </c>
      <c r="F57446" s="1" t="s">
        <v>193214</v>
      </c>
      <c r="G57446" s="1" t="s">
        <v>193134</v>
      </c>
      <c r="H57446" s="1" t="s">
        <v>193135</v>
      </c>
      <c r="I57446" s="1" t="s">
        <v>187135</v>
      </c>
      <c r="J57446" s="1" t="s">
        <v>193215</v>
      </c>
    </row>
    <row r="57447" spans="1:10" x14ac:dyDescent="0.35">
      <c r="A57447" s="1" t="s">
        <v>9924</v>
      </c>
      <c r="B57447" s="1" t="s">
        <v>187129</v>
      </c>
      <c r="C57447" s="1" t="s">
        <v>135</v>
      </c>
      <c r="D57447" s="1" t="s">
        <v>131947</v>
      </c>
      <c r="E57447" s="1" t="s">
        <v>193216</v>
      </c>
      <c r="F57447" s="1" t="s">
        <v>193217</v>
      </c>
      <c r="G57447" s="1" t="s">
        <v>193134</v>
      </c>
      <c r="H57447" s="1" t="s">
        <v>193135</v>
      </c>
      <c r="I57447" s="1" t="s">
        <v>187135</v>
      </c>
      <c r="J57447" s="1" t="s">
        <v>193218</v>
      </c>
    </row>
    <row r="57448" spans="1:10" x14ac:dyDescent="0.35">
      <c r="A57448" s="1" t="s">
        <v>9924</v>
      </c>
      <c r="B57448" s="1" t="s">
        <v>187129</v>
      </c>
      <c r="C57448" s="1" t="s">
        <v>140</v>
      </c>
      <c r="D57448" s="1" t="s">
        <v>176766</v>
      </c>
      <c r="E57448" s="1" t="s">
        <v>193219</v>
      </c>
      <c r="F57448" s="1" t="s">
        <v>193220</v>
      </c>
      <c r="G57448" s="1" t="s">
        <v>193134</v>
      </c>
      <c r="H57448" s="1" t="s">
        <v>193135</v>
      </c>
      <c r="I57448" s="1" t="s">
        <v>187135</v>
      </c>
      <c r="J57448" s="1" t="s">
        <v>193221</v>
      </c>
    </row>
    <row r="57449" spans="1:10" x14ac:dyDescent="0.35">
      <c r="A57449" s="1" t="s">
        <v>9924</v>
      </c>
      <c r="B57449" s="1" t="s">
        <v>187129</v>
      </c>
      <c r="C57449" s="1" t="s">
        <v>145</v>
      </c>
      <c r="D57449" s="1" t="s">
        <v>133592</v>
      </c>
      <c r="E57449" s="1" t="s">
        <v>193222</v>
      </c>
      <c r="F57449" s="1" t="s">
        <v>193223</v>
      </c>
      <c r="G57449" s="1" t="s">
        <v>193134</v>
      </c>
      <c r="H57449" s="1" t="s">
        <v>193135</v>
      </c>
      <c r="I57449" s="1" t="s">
        <v>187135</v>
      </c>
      <c r="J57449" s="1" t="s">
        <v>193224</v>
      </c>
    </row>
    <row r="57450" spans="1:10" x14ac:dyDescent="0.35">
      <c r="A57450" s="1" t="s">
        <v>9924</v>
      </c>
      <c r="B57450" s="1" t="s">
        <v>187129</v>
      </c>
      <c r="C57450" s="1" t="s">
        <v>150</v>
      </c>
      <c r="D57450" s="1" t="s">
        <v>193225</v>
      </c>
      <c r="E57450" s="1" t="s">
        <v>193226</v>
      </c>
      <c r="F57450" s="1" t="s">
        <v>193227</v>
      </c>
      <c r="G57450" s="1" t="s">
        <v>193134</v>
      </c>
      <c r="H57450" s="1" t="s">
        <v>193135</v>
      </c>
      <c r="I57450" s="1" t="s">
        <v>187135</v>
      </c>
      <c r="J57450" s="1" t="s">
        <v>193228</v>
      </c>
    </row>
    <row r="57451" spans="1:10" x14ac:dyDescent="0.35">
      <c r="A57451" s="1" t="s">
        <v>9924</v>
      </c>
      <c r="B57451" s="1" t="s">
        <v>187129</v>
      </c>
      <c r="C57451" s="1" t="s">
        <v>155</v>
      </c>
      <c r="D57451" s="1" t="s">
        <v>65345</v>
      </c>
      <c r="E57451" s="1" t="s">
        <v>193229</v>
      </c>
      <c r="F57451" s="1" t="s">
        <v>193230</v>
      </c>
      <c r="G57451" s="1" t="s">
        <v>193134</v>
      </c>
      <c r="H57451" s="1" t="s">
        <v>193135</v>
      </c>
      <c r="I57451" s="1" t="s">
        <v>187135</v>
      </c>
      <c r="J57451" s="1" t="s">
        <v>193231</v>
      </c>
    </row>
    <row r="57452" spans="1:10" x14ac:dyDescent="0.35">
      <c r="A57452" s="1" t="s">
        <v>9924</v>
      </c>
      <c r="B57452" s="1" t="s">
        <v>187129</v>
      </c>
      <c r="C57452" s="1" t="s">
        <v>160</v>
      </c>
      <c r="D57452" s="1" t="s">
        <v>183428</v>
      </c>
      <c r="E57452" s="1" t="s">
        <v>193232</v>
      </c>
      <c r="F57452" s="1" t="s">
        <v>193233</v>
      </c>
      <c r="G57452" s="1" t="s">
        <v>193134</v>
      </c>
      <c r="H57452" s="1" t="s">
        <v>193135</v>
      </c>
      <c r="I57452" s="1" t="s">
        <v>187135</v>
      </c>
      <c r="J57452" s="1" t="s">
        <v>193234</v>
      </c>
    </row>
    <row r="57453" spans="1:10" x14ac:dyDescent="0.35">
      <c r="A57453" s="1" t="s">
        <v>9924</v>
      </c>
      <c r="B57453" s="1" t="s">
        <v>187129</v>
      </c>
      <c r="C57453" s="1" t="s">
        <v>165</v>
      </c>
      <c r="D57453" s="1" t="s">
        <v>7641</v>
      </c>
      <c r="E57453" s="1" t="s">
        <v>193235</v>
      </c>
      <c r="F57453" s="1" t="s">
        <v>193236</v>
      </c>
      <c r="G57453" s="1" t="s">
        <v>193134</v>
      </c>
      <c r="H57453" s="1" t="s">
        <v>193135</v>
      </c>
      <c r="I57453" s="1" t="s">
        <v>187135</v>
      </c>
      <c r="J57453" s="1" t="s">
        <v>193237</v>
      </c>
    </row>
    <row r="57454" spans="1:10" x14ac:dyDescent="0.35">
      <c r="A57454" s="1" t="s">
        <v>9924</v>
      </c>
      <c r="B57454" s="1" t="s">
        <v>187129</v>
      </c>
      <c r="C57454" s="1" t="s">
        <v>170</v>
      </c>
      <c r="D57454" s="1" t="s">
        <v>58991</v>
      </c>
      <c r="E57454" s="1" t="s">
        <v>193238</v>
      </c>
      <c r="F57454" s="1" t="s">
        <v>193239</v>
      </c>
      <c r="G57454" s="1" t="s">
        <v>193134</v>
      </c>
      <c r="H57454" s="1" t="s">
        <v>193135</v>
      </c>
      <c r="I57454" s="1" t="s">
        <v>187135</v>
      </c>
      <c r="J57454" s="1" t="s">
        <v>193240</v>
      </c>
    </row>
    <row r="57455" spans="1:10" x14ac:dyDescent="0.35">
      <c r="A57455" s="1" t="s">
        <v>143948</v>
      </c>
      <c r="B57455" s="1" t="s">
        <v>187129</v>
      </c>
      <c r="C57455" s="1" t="s">
        <v>8</v>
      </c>
      <c r="D57455" s="1" t="s">
        <v>193241</v>
      </c>
      <c r="E57455" s="1" t="s">
        <v>193242</v>
      </c>
      <c r="F57455" s="1" t="s">
        <v>193243</v>
      </c>
      <c r="G57455" s="1" t="s">
        <v>193244</v>
      </c>
      <c r="H57455" s="1" t="s">
        <v>193245</v>
      </c>
      <c r="I57455" s="1" t="s">
        <v>187135</v>
      </c>
      <c r="J57455" s="1" t="s">
        <v>13</v>
      </c>
    </row>
    <row r="57456" spans="1:10" x14ac:dyDescent="0.35">
      <c r="A57456" s="1" t="s">
        <v>143948</v>
      </c>
      <c r="B57456" s="1" t="s">
        <v>187129</v>
      </c>
      <c r="C57456" s="1" t="s">
        <v>15</v>
      </c>
      <c r="D57456" s="1" t="s">
        <v>193246</v>
      </c>
      <c r="E57456" s="1" t="s">
        <v>193247</v>
      </c>
      <c r="F57456" s="1" t="s">
        <v>193248</v>
      </c>
      <c r="G57456" s="1" t="s">
        <v>193244</v>
      </c>
      <c r="H57456" s="1" t="s">
        <v>193245</v>
      </c>
      <c r="I57456" s="1" t="s">
        <v>187135</v>
      </c>
      <c r="J57456" s="1" t="s">
        <v>193249</v>
      </c>
    </row>
    <row r="57457" spans="1:10" x14ac:dyDescent="0.35">
      <c r="A57457" s="1" t="s">
        <v>143948</v>
      </c>
      <c r="B57457" s="1" t="s">
        <v>187129</v>
      </c>
      <c r="C57457" s="1" t="s">
        <v>20</v>
      </c>
      <c r="D57457" s="1" t="s">
        <v>182885</v>
      </c>
      <c r="E57457" s="1" t="s">
        <v>193250</v>
      </c>
      <c r="F57457" s="1" t="s">
        <v>193251</v>
      </c>
      <c r="G57457" s="1" t="s">
        <v>193244</v>
      </c>
      <c r="H57457" s="1" t="s">
        <v>193245</v>
      </c>
      <c r="I57457" s="1" t="s">
        <v>187135</v>
      </c>
      <c r="J57457" s="1" t="s">
        <v>193252</v>
      </c>
    </row>
    <row r="57458" spans="1:10" x14ac:dyDescent="0.35">
      <c r="A57458" s="1" t="s">
        <v>143948</v>
      </c>
      <c r="B57458" s="1" t="s">
        <v>187129</v>
      </c>
      <c r="C57458" s="1" t="s">
        <v>25</v>
      </c>
      <c r="D57458" s="1" t="s">
        <v>36449</v>
      </c>
      <c r="E57458" s="1" t="s">
        <v>193253</v>
      </c>
      <c r="F57458" s="1" t="s">
        <v>193254</v>
      </c>
      <c r="G57458" s="1" t="s">
        <v>193244</v>
      </c>
      <c r="H57458" s="1" t="s">
        <v>193245</v>
      </c>
      <c r="I57458" s="1" t="s">
        <v>187135</v>
      </c>
      <c r="J57458" s="1" t="s">
        <v>193255</v>
      </c>
    </row>
    <row r="57459" spans="1:10" x14ac:dyDescent="0.35">
      <c r="A57459" s="1" t="s">
        <v>143948</v>
      </c>
      <c r="B57459" s="1" t="s">
        <v>187129</v>
      </c>
      <c r="C57459" s="1" t="s">
        <v>30</v>
      </c>
      <c r="D57459" s="1" t="s">
        <v>193256</v>
      </c>
      <c r="E57459" s="1" t="s">
        <v>193257</v>
      </c>
      <c r="F57459" s="1" t="s">
        <v>193258</v>
      </c>
      <c r="G57459" s="1" t="s">
        <v>193244</v>
      </c>
      <c r="H57459" s="1" t="s">
        <v>193245</v>
      </c>
      <c r="I57459" s="1" t="s">
        <v>187135</v>
      </c>
      <c r="J57459" s="1" t="s">
        <v>193259</v>
      </c>
    </row>
    <row r="57460" spans="1:10" x14ac:dyDescent="0.35">
      <c r="A57460" s="1" t="s">
        <v>143948</v>
      </c>
      <c r="B57460" s="1" t="s">
        <v>187129</v>
      </c>
      <c r="C57460" s="1" t="s">
        <v>35</v>
      </c>
      <c r="D57460" s="1" t="s">
        <v>71806</v>
      </c>
      <c r="E57460" s="1" t="s">
        <v>193260</v>
      </c>
      <c r="F57460" s="1" t="s">
        <v>193261</v>
      </c>
      <c r="G57460" s="1" t="s">
        <v>193244</v>
      </c>
      <c r="H57460" s="1" t="s">
        <v>193245</v>
      </c>
      <c r="I57460" s="1" t="s">
        <v>187135</v>
      </c>
      <c r="J57460" s="1" t="s">
        <v>193262</v>
      </c>
    </row>
    <row r="57461" spans="1:10" x14ac:dyDescent="0.35">
      <c r="A57461" s="1" t="s">
        <v>143948</v>
      </c>
      <c r="B57461" s="1" t="s">
        <v>187129</v>
      </c>
      <c r="C57461" s="1" t="s">
        <v>40</v>
      </c>
      <c r="D57461" s="1" t="s">
        <v>2985</v>
      </c>
      <c r="E57461" s="1" t="s">
        <v>193263</v>
      </c>
      <c r="F57461" s="1" t="s">
        <v>193264</v>
      </c>
      <c r="G57461" s="1" t="s">
        <v>193244</v>
      </c>
      <c r="H57461" s="1" t="s">
        <v>193245</v>
      </c>
      <c r="I57461" s="1" t="s">
        <v>187135</v>
      </c>
      <c r="J57461" s="1" t="s">
        <v>193265</v>
      </c>
    </row>
    <row r="57462" spans="1:10" x14ac:dyDescent="0.35">
      <c r="A57462" s="1" t="s">
        <v>143948</v>
      </c>
      <c r="B57462" s="1" t="s">
        <v>187129</v>
      </c>
      <c r="C57462" s="1" t="s">
        <v>45</v>
      </c>
      <c r="D57462" s="1" t="s">
        <v>155443</v>
      </c>
      <c r="E57462" s="1" t="s">
        <v>193266</v>
      </c>
      <c r="F57462" s="1" t="s">
        <v>193267</v>
      </c>
      <c r="G57462" s="1" t="s">
        <v>193244</v>
      </c>
      <c r="H57462" s="1" t="s">
        <v>193245</v>
      </c>
      <c r="I57462" s="1" t="s">
        <v>187135</v>
      </c>
      <c r="J57462" s="1" t="s">
        <v>193268</v>
      </c>
    </row>
    <row r="57463" spans="1:10" x14ac:dyDescent="0.35">
      <c r="A57463" s="1" t="s">
        <v>143948</v>
      </c>
      <c r="B57463" s="1" t="s">
        <v>187129</v>
      </c>
      <c r="C57463" s="1" t="s">
        <v>50</v>
      </c>
      <c r="D57463" s="1" t="s">
        <v>135728</v>
      </c>
      <c r="E57463" s="1" t="s">
        <v>193269</v>
      </c>
      <c r="F57463" s="1" t="s">
        <v>193270</v>
      </c>
      <c r="G57463" s="1" t="s">
        <v>193244</v>
      </c>
      <c r="H57463" s="1" t="s">
        <v>193245</v>
      </c>
      <c r="I57463" s="1" t="s">
        <v>187135</v>
      </c>
      <c r="J57463" s="1" t="s">
        <v>193271</v>
      </c>
    </row>
    <row r="57464" spans="1:10" x14ac:dyDescent="0.35">
      <c r="A57464" s="1" t="s">
        <v>143948</v>
      </c>
      <c r="B57464" s="1" t="s">
        <v>187129</v>
      </c>
      <c r="C57464" s="1" t="s">
        <v>55</v>
      </c>
      <c r="D57464" s="1" t="s">
        <v>3667</v>
      </c>
      <c r="E57464" s="1" t="s">
        <v>193272</v>
      </c>
      <c r="F57464" s="1" t="s">
        <v>193273</v>
      </c>
      <c r="G57464" s="1" t="s">
        <v>193244</v>
      </c>
      <c r="H57464" s="1" t="s">
        <v>193245</v>
      </c>
      <c r="I57464" s="1" t="s">
        <v>187135</v>
      </c>
      <c r="J57464" s="1" t="s">
        <v>193274</v>
      </c>
    </row>
    <row r="57465" spans="1:10" x14ac:dyDescent="0.35">
      <c r="A57465" s="1" t="s">
        <v>143948</v>
      </c>
      <c r="B57465" s="1" t="s">
        <v>187129</v>
      </c>
      <c r="C57465" s="1" t="s">
        <v>60</v>
      </c>
      <c r="D57465" s="1" t="s">
        <v>82552</v>
      </c>
      <c r="E57465" s="1" t="s">
        <v>193275</v>
      </c>
      <c r="F57465" s="1" t="s">
        <v>193276</v>
      </c>
      <c r="G57465" s="1" t="s">
        <v>193244</v>
      </c>
      <c r="H57465" s="1" t="s">
        <v>193245</v>
      </c>
      <c r="I57465" s="1" t="s">
        <v>187135</v>
      </c>
      <c r="J57465" s="1" t="s">
        <v>193277</v>
      </c>
    </row>
    <row r="57466" spans="1:10" x14ac:dyDescent="0.35">
      <c r="A57466" s="1" t="s">
        <v>143948</v>
      </c>
      <c r="B57466" s="1" t="s">
        <v>187129</v>
      </c>
      <c r="C57466" s="1" t="s">
        <v>65</v>
      </c>
      <c r="D57466" s="1" t="s">
        <v>10562</v>
      </c>
      <c r="E57466" s="1" t="s">
        <v>193278</v>
      </c>
      <c r="F57466" s="1" t="s">
        <v>193279</v>
      </c>
      <c r="G57466" s="1" t="s">
        <v>193244</v>
      </c>
      <c r="H57466" s="1" t="s">
        <v>193245</v>
      </c>
      <c r="I57466" s="1" t="s">
        <v>187135</v>
      </c>
      <c r="J57466" s="1" t="s">
        <v>193280</v>
      </c>
    </row>
    <row r="57467" spans="1:10" x14ac:dyDescent="0.35">
      <c r="A57467" s="1" t="s">
        <v>143948</v>
      </c>
      <c r="B57467" s="1" t="s">
        <v>187129</v>
      </c>
      <c r="C57467" s="1" t="s">
        <v>70</v>
      </c>
      <c r="D57467" s="1" t="s">
        <v>182496</v>
      </c>
      <c r="E57467" s="1" t="s">
        <v>193281</v>
      </c>
      <c r="F57467" s="1" t="s">
        <v>193282</v>
      </c>
      <c r="G57467" s="1" t="s">
        <v>193244</v>
      </c>
      <c r="H57467" s="1" t="s">
        <v>193245</v>
      </c>
      <c r="I57467" s="1" t="s">
        <v>187135</v>
      </c>
      <c r="J57467" s="1" t="s">
        <v>193283</v>
      </c>
    </row>
    <row r="57468" spans="1:10" x14ac:dyDescent="0.35">
      <c r="A57468" s="1" t="s">
        <v>143948</v>
      </c>
      <c r="B57468" s="1" t="s">
        <v>187129</v>
      </c>
      <c r="C57468" s="1" t="s">
        <v>75</v>
      </c>
      <c r="D57468" s="1" t="s">
        <v>37954</v>
      </c>
      <c r="E57468" s="1" t="s">
        <v>193284</v>
      </c>
      <c r="F57468" s="1" t="s">
        <v>193285</v>
      </c>
      <c r="G57468" s="1" t="s">
        <v>193244</v>
      </c>
      <c r="H57468" s="1" t="s">
        <v>193245</v>
      </c>
      <c r="I57468" s="1" t="s">
        <v>187135</v>
      </c>
      <c r="J57468" s="1" t="s">
        <v>193286</v>
      </c>
    </row>
    <row r="57469" spans="1:10" x14ac:dyDescent="0.35">
      <c r="A57469" s="1" t="s">
        <v>143948</v>
      </c>
      <c r="B57469" s="1" t="s">
        <v>187129</v>
      </c>
      <c r="C57469" s="1" t="s">
        <v>80</v>
      </c>
      <c r="D57469" s="1" t="s">
        <v>42180</v>
      </c>
      <c r="E57469" s="1" t="s">
        <v>193287</v>
      </c>
      <c r="F57469" s="1" t="s">
        <v>193288</v>
      </c>
      <c r="G57469" s="1" t="s">
        <v>193244</v>
      </c>
      <c r="H57469" s="1" t="s">
        <v>193245</v>
      </c>
      <c r="I57469" s="1" t="s">
        <v>187135</v>
      </c>
      <c r="J57469" s="1" t="s">
        <v>193289</v>
      </c>
    </row>
    <row r="57470" spans="1:10" x14ac:dyDescent="0.35">
      <c r="A57470" s="1" t="s">
        <v>143948</v>
      </c>
      <c r="B57470" s="1" t="s">
        <v>187129</v>
      </c>
      <c r="C57470" s="1" t="s">
        <v>85</v>
      </c>
      <c r="D57470" s="1" t="s">
        <v>193290</v>
      </c>
      <c r="E57470" s="1" t="s">
        <v>193291</v>
      </c>
      <c r="F57470" s="1" t="s">
        <v>193292</v>
      </c>
      <c r="G57470" s="1" t="s">
        <v>193244</v>
      </c>
      <c r="H57470" s="1" t="s">
        <v>193245</v>
      </c>
      <c r="I57470" s="1" t="s">
        <v>187135</v>
      </c>
      <c r="J57470" s="1" t="s">
        <v>193293</v>
      </c>
    </row>
    <row r="57471" spans="1:10" x14ac:dyDescent="0.35">
      <c r="A57471" s="1" t="s">
        <v>143948</v>
      </c>
      <c r="B57471" s="1" t="s">
        <v>187129</v>
      </c>
      <c r="C57471" s="1" t="s">
        <v>90</v>
      </c>
      <c r="D57471" s="1" t="s">
        <v>193294</v>
      </c>
      <c r="E57471" s="1" t="s">
        <v>193295</v>
      </c>
      <c r="F57471" s="1" t="s">
        <v>193296</v>
      </c>
      <c r="G57471" s="1" t="s">
        <v>193244</v>
      </c>
      <c r="H57471" s="1" t="s">
        <v>193245</v>
      </c>
      <c r="I57471" s="1" t="s">
        <v>187135</v>
      </c>
      <c r="J57471" s="1" t="s">
        <v>193297</v>
      </c>
    </row>
    <row r="57472" spans="1:10" x14ac:dyDescent="0.35">
      <c r="A57472" s="1" t="s">
        <v>143948</v>
      </c>
      <c r="B57472" s="1" t="s">
        <v>187129</v>
      </c>
      <c r="C57472" s="1" t="s">
        <v>95</v>
      </c>
      <c r="D57472" s="1" t="s">
        <v>183798</v>
      </c>
      <c r="E57472" s="1" t="s">
        <v>193298</v>
      </c>
      <c r="F57472" s="1" t="s">
        <v>193299</v>
      </c>
      <c r="G57472" s="1" t="s">
        <v>193244</v>
      </c>
      <c r="H57472" s="1" t="s">
        <v>193245</v>
      </c>
      <c r="I57472" s="1" t="s">
        <v>187135</v>
      </c>
      <c r="J57472" s="1" t="s">
        <v>193300</v>
      </c>
    </row>
    <row r="57473" spans="1:10" x14ac:dyDescent="0.35">
      <c r="A57473" s="1" t="s">
        <v>143948</v>
      </c>
      <c r="B57473" s="1" t="s">
        <v>187129</v>
      </c>
      <c r="C57473" s="1" t="s">
        <v>100</v>
      </c>
      <c r="D57473" s="1" t="s">
        <v>19207</v>
      </c>
      <c r="E57473" s="1" t="s">
        <v>193301</v>
      </c>
      <c r="F57473" s="1" t="s">
        <v>193302</v>
      </c>
      <c r="G57473" s="1" t="s">
        <v>193244</v>
      </c>
      <c r="H57473" s="1" t="s">
        <v>193245</v>
      </c>
      <c r="I57473" s="1" t="s">
        <v>187135</v>
      </c>
      <c r="J57473" s="1" t="s">
        <v>193303</v>
      </c>
    </row>
    <row r="57474" spans="1:10" x14ac:dyDescent="0.35">
      <c r="A57474" s="1" t="s">
        <v>143948</v>
      </c>
      <c r="B57474" s="1" t="s">
        <v>187129</v>
      </c>
      <c r="C57474" s="1" t="s">
        <v>105</v>
      </c>
      <c r="D57474" s="1" t="s">
        <v>193304</v>
      </c>
      <c r="E57474" s="1" t="s">
        <v>193305</v>
      </c>
      <c r="F57474" s="1" t="s">
        <v>193306</v>
      </c>
      <c r="G57474" s="1" t="s">
        <v>193244</v>
      </c>
      <c r="H57474" s="1" t="s">
        <v>193245</v>
      </c>
      <c r="I57474" s="1" t="s">
        <v>187135</v>
      </c>
      <c r="J57474" s="1" t="s">
        <v>193307</v>
      </c>
    </row>
    <row r="57475" spans="1:10" x14ac:dyDescent="0.35">
      <c r="A57475" s="1" t="s">
        <v>143948</v>
      </c>
      <c r="B57475" s="1" t="s">
        <v>187129</v>
      </c>
      <c r="C57475" s="1" t="s">
        <v>110</v>
      </c>
      <c r="D57475" s="1" t="s">
        <v>64415</v>
      </c>
      <c r="E57475" s="1" t="s">
        <v>193308</v>
      </c>
      <c r="F57475" s="1" t="s">
        <v>193309</v>
      </c>
      <c r="G57475" s="1" t="s">
        <v>193244</v>
      </c>
      <c r="H57475" s="1" t="s">
        <v>193245</v>
      </c>
      <c r="I57475" s="1" t="s">
        <v>187135</v>
      </c>
      <c r="J57475" s="1" t="s">
        <v>193310</v>
      </c>
    </row>
    <row r="57476" spans="1:10" x14ac:dyDescent="0.35">
      <c r="A57476" s="1" t="s">
        <v>143948</v>
      </c>
      <c r="B57476" s="1" t="s">
        <v>187129</v>
      </c>
      <c r="C57476" s="1" t="s">
        <v>115</v>
      </c>
      <c r="D57476" s="1" t="s">
        <v>107252</v>
      </c>
      <c r="E57476" s="1" t="s">
        <v>193311</v>
      </c>
      <c r="F57476" s="1" t="s">
        <v>193312</v>
      </c>
      <c r="G57476" s="1" t="s">
        <v>193244</v>
      </c>
      <c r="H57476" s="1" t="s">
        <v>193245</v>
      </c>
      <c r="I57476" s="1" t="s">
        <v>187135</v>
      </c>
      <c r="J57476" s="1" t="s">
        <v>193313</v>
      </c>
    </row>
    <row r="57477" spans="1:10" x14ac:dyDescent="0.35">
      <c r="A57477" s="1" t="s">
        <v>143948</v>
      </c>
      <c r="B57477" s="1" t="s">
        <v>187129</v>
      </c>
      <c r="C57477" s="1" t="s">
        <v>120</v>
      </c>
      <c r="D57477" s="1" t="s">
        <v>108542</v>
      </c>
      <c r="E57477" s="1" t="s">
        <v>193314</v>
      </c>
      <c r="F57477" s="1" t="s">
        <v>193315</v>
      </c>
      <c r="G57477" s="1" t="s">
        <v>193244</v>
      </c>
      <c r="H57477" s="1" t="s">
        <v>193245</v>
      </c>
      <c r="I57477" s="1" t="s">
        <v>187135</v>
      </c>
      <c r="J57477" s="1" t="s">
        <v>193316</v>
      </c>
    </row>
    <row r="57478" spans="1:10" x14ac:dyDescent="0.35">
      <c r="A57478" s="1" t="s">
        <v>143948</v>
      </c>
      <c r="B57478" s="1" t="s">
        <v>187129</v>
      </c>
      <c r="C57478" s="1" t="s">
        <v>125</v>
      </c>
      <c r="D57478" s="1" t="s">
        <v>160216</v>
      </c>
      <c r="E57478" s="1" t="s">
        <v>193317</v>
      </c>
      <c r="F57478" s="1" t="s">
        <v>193318</v>
      </c>
      <c r="G57478" s="1" t="s">
        <v>193244</v>
      </c>
      <c r="H57478" s="1" t="s">
        <v>193245</v>
      </c>
      <c r="I57478" s="1" t="s">
        <v>187135</v>
      </c>
      <c r="J57478" s="1" t="s">
        <v>193319</v>
      </c>
    </row>
    <row r="57479" spans="1:10" x14ac:dyDescent="0.35">
      <c r="A57479" s="1" t="s">
        <v>143948</v>
      </c>
      <c r="B57479" s="1" t="s">
        <v>187129</v>
      </c>
      <c r="C57479" s="1" t="s">
        <v>130</v>
      </c>
      <c r="D57479" s="1" t="s">
        <v>193320</v>
      </c>
      <c r="E57479" s="1" t="s">
        <v>193321</v>
      </c>
      <c r="F57479" s="1" t="s">
        <v>193322</v>
      </c>
      <c r="G57479" s="1" t="s">
        <v>193244</v>
      </c>
      <c r="H57479" s="1" t="s">
        <v>193245</v>
      </c>
      <c r="I57479" s="1" t="s">
        <v>187135</v>
      </c>
      <c r="J57479" s="1" t="s">
        <v>193323</v>
      </c>
    </row>
    <row r="57480" spans="1:10" x14ac:dyDescent="0.35">
      <c r="A57480" s="1" t="s">
        <v>143948</v>
      </c>
      <c r="B57480" s="1" t="s">
        <v>187129</v>
      </c>
      <c r="C57480" s="1" t="s">
        <v>135</v>
      </c>
      <c r="D57480" s="1" t="s">
        <v>16921</v>
      </c>
      <c r="E57480" s="1" t="s">
        <v>193324</v>
      </c>
      <c r="F57480" s="1" t="s">
        <v>193325</v>
      </c>
      <c r="G57480" s="1" t="s">
        <v>193244</v>
      </c>
      <c r="H57480" s="1" t="s">
        <v>193245</v>
      </c>
      <c r="I57480" s="1" t="s">
        <v>187135</v>
      </c>
      <c r="J57480" s="1" t="s">
        <v>193326</v>
      </c>
    </row>
    <row r="57481" spans="1:10" x14ac:dyDescent="0.35">
      <c r="A57481" s="1" t="s">
        <v>143948</v>
      </c>
      <c r="B57481" s="1" t="s">
        <v>187129</v>
      </c>
      <c r="C57481" s="1" t="s">
        <v>140</v>
      </c>
      <c r="D57481" s="1" t="s">
        <v>99526</v>
      </c>
      <c r="E57481" s="1" t="s">
        <v>193327</v>
      </c>
      <c r="F57481" s="1" t="s">
        <v>193328</v>
      </c>
      <c r="G57481" s="1" t="s">
        <v>193244</v>
      </c>
      <c r="H57481" s="1" t="s">
        <v>193245</v>
      </c>
      <c r="I57481" s="1" t="s">
        <v>187135</v>
      </c>
      <c r="J57481" s="1" t="s">
        <v>193329</v>
      </c>
    </row>
    <row r="57482" spans="1:10" x14ac:dyDescent="0.35">
      <c r="A57482" s="1" t="s">
        <v>143948</v>
      </c>
      <c r="B57482" s="1" t="s">
        <v>187129</v>
      </c>
      <c r="C57482" s="1" t="s">
        <v>145</v>
      </c>
      <c r="D57482" s="1" t="s">
        <v>152572</v>
      </c>
      <c r="E57482" s="1" t="s">
        <v>193330</v>
      </c>
      <c r="F57482" s="1" t="s">
        <v>193331</v>
      </c>
      <c r="G57482" s="1" t="s">
        <v>193244</v>
      </c>
      <c r="H57482" s="1" t="s">
        <v>193245</v>
      </c>
      <c r="I57482" s="1" t="s">
        <v>187135</v>
      </c>
      <c r="J57482" s="1" t="s">
        <v>193332</v>
      </c>
    </row>
    <row r="57483" spans="1:10" x14ac:dyDescent="0.35">
      <c r="A57483" s="1" t="s">
        <v>143948</v>
      </c>
      <c r="B57483" s="1" t="s">
        <v>187129</v>
      </c>
      <c r="C57483" s="1" t="s">
        <v>150</v>
      </c>
      <c r="D57483" s="1" t="s">
        <v>18096</v>
      </c>
      <c r="E57483" s="1" t="s">
        <v>193333</v>
      </c>
      <c r="F57483" s="1" t="s">
        <v>193334</v>
      </c>
      <c r="G57483" s="1" t="s">
        <v>193244</v>
      </c>
      <c r="H57483" s="1" t="s">
        <v>193245</v>
      </c>
      <c r="I57483" s="1" t="s">
        <v>187135</v>
      </c>
      <c r="J57483" s="1" t="s">
        <v>193335</v>
      </c>
    </row>
    <row r="57484" spans="1:10" x14ac:dyDescent="0.35">
      <c r="A57484" s="1" t="s">
        <v>143948</v>
      </c>
      <c r="B57484" s="1" t="s">
        <v>187129</v>
      </c>
      <c r="C57484" s="1" t="s">
        <v>155</v>
      </c>
      <c r="D57484" s="1" t="s">
        <v>193336</v>
      </c>
      <c r="E57484" s="1" t="s">
        <v>193337</v>
      </c>
      <c r="F57484" s="1" t="s">
        <v>193338</v>
      </c>
      <c r="G57484" s="1" t="s">
        <v>193244</v>
      </c>
      <c r="H57484" s="1" t="s">
        <v>193245</v>
      </c>
      <c r="I57484" s="1" t="s">
        <v>187135</v>
      </c>
      <c r="J57484" s="1" t="s">
        <v>193339</v>
      </c>
    </row>
    <row r="57485" spans="1:10" x14ac:dyDescent="0.35">
      <c r="A57485" s="1" t="s">
        <v>143948</v>
      </c>
      <c r="B57485" s="1" t="s">
        <v>187129</v>
      </c>
      <c r="C57485" s="1" t="s">
        <v>160</v>
      </c>
      <c r="D57485" s="1" t="s">
        <v>183044</v>
      </c>
      <c r="E57485" s="1" t="s">
        <v>193340</v>
      </c>
      <c r="F57485" s="1" t="s">
        <v>193341</v>
      </c>
      <c r="G57485" s="1" t="s">
        <v>193244</v>
      </c>
      <c r="H57485" s="1" t="s">
        <v>193245</v>
      </c>
      <c r="I57485" s="1" t="s">
        <v>187135</v>
      </c>
      <c r="J57485" s="1" t="s">
        <v>193342</v>
      </c>
    </row>
    <row r="57486" spans="1:10" x14ac:dyDescent="0.35">
      <c r="A57486" s="1" t="s">
        <v>143948</v>
      </c>
      <c r="B57486" s="1" t="s">
        <v>187129</v>
      </c>
      <c r="C57486" s="1" t="s">
        <v>165</v>
      </c>
      <c r="D57486" s="1" t="s">
        <v>17072</v>
      </c>
      <c r="E57486" s="1" t="s">
        <v>193343</v>
      </c>
      <c r="F57486" s="1" t="s">
        <v>193344</v>
      </c>
      <c r="G57486" s="1" t="s">
        <v>193244</v>
      </c>
      <c r="H57486" s="1" t="s">
        <v>193245</v>
      </c>
      <c r="I57486" s="1" t="s">
        <v>187135</v>
      </c>
      <c r="J57486" s="1" t="s">
        <v>193345</v>
      </c>
    </row>
    <row r="57487" spans="1:10" x14ac:dyDescent="0.35">
      <c r="A57487" s="1" t="s">
        <v>143948</v>
      </c>
      <c r="B57487" s="1" t="s">
        <v>187129</v>
      </c>
      <c r="C57487" s="1" t="s">
        <v>170</v>
      </c>
      <c r="D57487" s="1" t="s">
        <v>77229</v>
      </c>
      <c r="E57487" s="1" t="s">
        <v>193346</v>
      </c>
      <c r="F57487" s="1" t="s">
        <v>193347</v>
      </c>
      <c r="G57487" s="1" t="s">
        <v>193244</v>
      </c>
      <c r="H57487" s="1" t="s">
        <v>193245</v>
      </c>
      <c r="I57487" s="1" t="s">
        <v>187135</v>
      </c>
      <c r="J57487" s="1" t="s">
        <v>193348</v>
      </c>
    </row>
    <row r="57488" spans="1:10" x14ac:dyDescent="0.35">
      <c r="A57488" s="1" t="s">
        <v>29771</v>
      </c>
      <c r="B57488" s="1" t="s">
        <v>187129</v>
      </c>
      <c r="C57488" s="1" t="s">
        <v>8</v>
      </c>
      <c r="D57488" s="1" t="s">
        <v>72997</v>
      </c>
      <c r="E57488" s="1" t="s">
        <v>193349</v>
      </c>
      <c r="F57488" s="1" t="s">
        <v>193350</v>
      </c>
      <c r="G57488" s="1" t="s">
        <v>193351</v>
      </c>
      <c r="H57488" s="1" t="s">
        <v>193352</v>
      </c>
      <c r="I57488" s="1" t="s">
        <v>187135</v>
      </c>
      <c r="J57488" s="1" t="s">
        <v>13</v>
      </c>
    </row>
    <row r="57489" spans="1:10" x14ac:dyDescent="0.35">
      <c r="A57489" s="1" t="s">
        <v>29771</v>
      </c>
      <c r="B57489" s="1" t="s">
        <v>187129</v>
      </c>
      <c r="C57489" s="1" t="s">
        <v>15</v>
      </c>
      <c r="D57489" s="1" t="s">
        <v>155162</v>
      </c>
      <c r="E57489" s="1" t="s">
        <v>193353</v>
      </c>
      <c r="F57489" s="1" t="s">
        <v>193354</v>
      </c>
      <c r="G57489" s="1" t="s">
        <v>193351</v>
      </c>
      <c r="H57489" s="1" t="s">
        <v>193352</v>
      </c>
      <c r="I57489" s="1" t="s">
        <v>187135</v>
      </c>
      <c r="J57489" s="1" t="s">
        <v>193355</v>
      </c>
    </row>
    <row r="57490" spans="1:10" x14ac:dyDescent="0.35">
      <c r="A57490" s="1" t="s">
        <v>29771</v>
      </c>
      <c r="B57490" s="1" t="s">
        <v>187129</v>
      </c>
      <c r="C57490" s="1" t="s">
        <v>20</v>
      </c>
      <c r="D57490" s="1" t="s">
        <v>74684</v>
      </c>
      <c r="E57490" s="1" t="s">
        <v>193356</v>
      </c>
      <c r="F57490" s="1" t="s">
        <v>193357</v>
      </c>
      <c r="G57490" s="1" t="s">
        <v>193351</v>
      </c>
      <c r="H57490" s="1" t="s">
        <v>193352</v>
      </c>
      <c r="I57490" s="1" t="s">
        <v>187135</v>
      </c>
      <c r="J57490" s="1" t="s">
        <v>193358</v>
      </c>
    </row>
    <row r="57491" spans="1:10" x14ac:dyDescent="0.35">
      <c r="A57491" s="1" t="s">
        <v>29771</v>
      </c>
      <c r="B57491" s="1" t="s">
        <v>187129</v>
      </c>
      <c r="C57491" s="1" t="s">
        <v>25</v>
      </c>
      <c r="D57491" s="1" t="s">
        <v>17126</v>
      </c>
      <c r="E57491" s="1" t="s">
        <v>193359</v>
      </c>
      <c r="F57491" s="1" t="s">
        <v>193360</v>
      </c>
      <c r="G57491" s="1" t="s">
        <v>193351</v>
      </c>
      <c r="H57491" s="1" t="s">
        <v>193352</v>
      </c>
      <c r="I57491" s="1" t="s">
        <v>187135</v>
      </c>
      <c r="J57491" s="1" t="s">
        <v>193361</v>
      </c>
    </row>
    <row r="57492" spans="1:10" x14ac:dyDescent="0.35">
      <c r="A57492" s="1" t="s">
        <v>29771</v>
      </c>
      <c r="B57492" s="1" t="s">
        <v>187129</v>
      </c>
      <c r="C57492" s="1" t="s">
        <v>30</v>
      </c>
      <c r="D57492" s="1" t="s">
        <v>285</v>
      </c>
      <c r="E57492" s="1" t="s">
        <v>193362</v>
      </c>
      <c r="F57492" s="1" t="s">
        <v>193363</v>
      </c>
      <c r="G57492" s="1" t="s">
        <v>193351</v>
      </c>
      <c r="H57492" s="1" t="s">
        <v>193352</v>
      </c>
      <c r="I57492" s="1" t="s">
        <v>187135</v>
      </c>
      <c r="J57492" s="1" t="s">
        <v>193364</v>
      </c>
    </row>
    <row r="57493" spans="1:10" x14ac:dyDescent="0.35">
      <c r="A57493" s="1" t="s">
        <v>29771</v>
      </c>
      <c r="B57493" s="1" t="s">
        <v>187129</v>
      </c>
      <c r="C57493" s="1" t="s">
        <v>35</v>
      </c>
      <c r="D57493" s="1" t="s">
        <v>110750</v>
      </c>
      <c r="E57493" s="1" t="s">
        <v>193365</v>
      </c>
      <c r="F57493" s="1" t="s">
        <v>193366</v>
      </c>
      <c r="G57493" s="1" t="s">
        <v>193351</v>
      </c>
      <c r="H57493" s="1" t="s">
        <v>193352</v>
      </c>
      <c r="I57493" s="1" t="s">
        <v>187135</v>
      </c>
      <c r="J57493" s="1" t="s">
        <v>193367</v>
      </c>
    </row>
    <row r="57494" spans="1:10" x14ac:dyDescent="0.35">
      <c r="A57494" s="1" t="s">
        <v>29771</v>
      </c>
      <c r="B57494" s="1" t="s">
        <v>187129</v>
      </c>
      <c r="C57494" s="1" t="s">
        <v>40</v>
      </c>
      <c r="D57494" s="1" t="s">
        <v>124993</v>
      </c>
      <c r="E57494" s="1" t="s">
        <v>193368</v>
      </c>
      <c r="F57494" s="1" t="s">
        <v>193369</v>
      </c>
      <c r="G57494" s="1" t="s">
        <v>193351</v>
      </c>
      <c r="H57494" s="1" t="s">
        <v>193352</v>
      </c>
      <c r="I57494" s="1" t="s">
        <v>187135</v>
      </c>
      <c r="J57494" s="1" t="s">
        <v>193370</v>
      </c>
    </row>
    <row r="57495" spans="1:10" x14ac:dyDescent="0.35">
      <c r="A57495" s="1" t="s">
        <v>29771</v>
      </c>
      <c r="B57495" s="1" t="s">
        <v>187129</v>
      </c>
      <c r="C57495" s="1" t="s">
        <v>45</v>
      </c>
      <c r="D57495" s="1" t="s">
        <v>37754</v>
      </c>
      <c r="E57495" s="1" t="s">
        <v>193371</v>
      </c>
      <c r="F57495" s="1" t="s">
        <v>193372</v>
      </c>
      <c r="G57495" s="1" t="s">
        <v>193351</v>
      </c>
      <c r="H57495" s="1" t="s">
        <v>193352</v>
      </c>
      <c r="I57495" s="1" t="s">
        <v>187135</v>
      </c>
      <c r="J57495" s="1" t="s">
        <v>193373</v>
      </c>
    </row>
    <row r="57496" spans="1:10" x14ac:dyDescent="0.35">
      <c r="A57496" s="1" t="s">
        <v>29771</v>
      </c>
      <c r="B57496" s="1" t="s">
        <v>187129</v>
      </c>
      <c r="C57496" s="1" t="s">
        <v>50</v>
      </c>
      <c r="D57496" s="1" t="s">
        <v>193374</v>
      </c>
      <c r="E57496" s="1" t="s">
        <v>193375</v>
      </c>
      <c r="F57496" s="1" t="s">
        <v>193376</v>
      </c>
      <c r="G57496" s="1" t="s">
        <v>193351</v>
      </c>
      <c r="H57496" s="1" t="s">
        <v>193352</v>
      </c>
      <c r="I57496" s="1" t="s">
        <v>187135</v>
      </c>
      <c r="J57496" s="1" t="s">
        <v>193377</v>
      </c>
    </row>
    <row r="57497" spans="1:10" x14ac:dyDescent="0.35">
      <c r="A57497" s="1" t="s">
        <v>29771</v>
      </c>
      <c r="B57497" s="1" t="s">
        <v>187129</v>
      </c>
      <c r="C57497" s="1" t="s">
        <v>55</v>
      </c>
      <c r="D57497" s="1" t="s">
        <v>193378</v>
      </c>
      <c r="E57497" s="1" t="s">
        <v>193379</v>
      </c>
      <c r="F57497" s="1" t="s">
        <v>193380</v>
      </c>
      <c r="G57497" s="1" t="s">
        <v>193351</v>
      </c>
      <c r="H57497" s="1" t="s">
        <v>193352</v>
      </c>
      <c r="I57497" s="1" t="s">
        <v>187135</v>
      </c>
      <c r="J57497" s="1" t="s">
        <v>193381</v>
      </c>
    </row>
    <row r="57498" spans="1:10" x14ac:dyDescent="0.35">
      <c r="A57498" s="1" t="s">
        <v>29771</v>
      </c>
      <c r="B57498" s="1" t="s">
        <v>187129</v>
      </c>
      <c r="C57498" s="1" t="s">
        <v>60</v>
      </c>
      <c r="D57498" s="1" t="s">
        <v>157889</v>
      </c>
      <c r="E57498" s="1" t="s">
        <v>193382</v>
      </c>
      <c r="F57498" s="1" t="s">
        <v>193383</v>
      </c>
      <c r="G57498" s="1" t="s">
        <v>193351</v>
      </c>
      <c r="H57498" s="1" t="s">
        <v>193352</v>
      </c>
      <c r="I57498" s="1" t="s">
        <v>187135</v>
      </c>
      <c r="J57498" s="1" t="s">
        <v>193384</v>
      </c>
    </row>
    <row r="57499" spans="1:10" x14ac:dyDescent="0.35">
      <c r="A57499" s="1" t="s">
        <v>29771</v>
      </c>
      <c r="B57499" s="1" t="s">
        <v>187129</v>
      </c>
      <c r="C57499" s="1" t="s">
        <v>65</v>
      </c>
      <c r="D57499" s="1" t="s">
        <v>15767</v>
      </c>
      <c r="E57499" s="1" t="s">
        <v>193385</v>
      </c>
      <c r="F57499" s="1" t="s">
        <v>193386</v>
      </c>
      <c r="G57499" s="1" t="s">
        <v>193351</v>
      </c>
      <c r="H57499" s="1" t="s">
        <v>193352</v>
      </c>
      <c r="I57499" s="1" t="s">
        <v>187135</v>
      </c>
      <c r="J57499" s="1" t="s">
        <v>193387</v>
      </c>
    </row>
    <row r="57500" spans="1:10" x14ac:dyDescent="0.35">
      <c r="A57500" s="1" t="s">
        <v>29771</v>
      </c>
      <c r="B57500" s="1" t="s">
        <v>187129</v>
      </c>
      <c r="C57500" s="1" t="s">
        <v>70</v>
      </c>
      <c r="D57500" s="1" t="s">
        <v>159630</v>
      </c>
      <c r="E57500" s="1" t="s">
        <v>193388</v>
      </c>
      <c r="F57500" s="1" t="s">
        <v>193389</v>
      </c>
      <c r="G57500" s="1" t="s">
        <v>193351</v>
      </c>
      <c r="H57500" s="1" t="s">
        <v>193352</v>
      </c>
      <c r="I57500" s="1" t="s">
        <v>187135</v>
      </c>
      <c r="J57500" s="1" t="s">
        <v>193390</v>
      </c>
    </row>
    <row r="57501" spans="1:10" x14ac:dyDescent="0.35">
      <c r="A57501" s="1" t="s">
        <v>29771</v>
      </c>
      <c r="B57501" s="1" t="s">
        <v>187129</v>
      </c>
      <c r="C57501" s="1" t="s">
        <v>75</v>
      </c>
      <c r="D57501" s="1" t="s">
        <v>193391</v>
      </c>
      <c r="E57501" s="1" t="s">
        <v>193392</v>
      </c>
      <c r="F57501" s="1" t="s">
        <v>193393</v>
      </c>
      <c r="G57501" s="1" t="s">
        <v>193351</v>
      </c>
      <c r="H57501" s="1" t="s">
        <v>193352</v>
      </c>
      <c r="I57501" s="1" t="s">
        <v>187135</v>
      </c>
      <c r="J57501" s="1" t="s">
        <v>193394</v>
      </c>
    </row>
    <row r="57502" spans="1:10" x14ac:dyDescent="0.35">
      <c r="A57502" s="1" t="s">
        <v>29771</v>
      </c>
      <c r="B57502" s="1" t="s">
        <v>187129</v>
      </c>
      <c r="C57502" s="1" t="s">
        <v>80</v>
      </c>
      <c r="D57502" s="1" t="s">
        <v>193395</v>
      </c>
      <c r="E57502" s="1" t="s">
        <v>193396</v>
      </c>
      <c r="F57502" s="1" t="s">
        <v>193397</v>
      </c>
      <c r="G57502" s="1" t="s">
        <v>193351</v>
      </c>
      <c r="H57502" s="1" t="s">
        <v>193352</v>
      </c>
      <c r="I57502" s="1" t="s">
        <v>187135</v>
      </c>
      <c r="J57502" s="1" t="s">
        <v>193398</v>
      </c>
    </row>
    <row r="57503" spans="1:10" x14ac:dyDescent="0.35">
      <c r="A57503" s="1" t="s">
        <v>29771</v>
      </c>
      <c r="B57503" s="1" t="s">
        <v>187129</v>
      </c>
      <c r="C57503" s="1" t="s">
        <v>85</v>
      </c>
      <c r="D57503" s="1" t="s">
        <v>388</v>
      </c>
      <c r="E57503" s="1" t="s">
        <v>193399</v>
      </c>
      <c r="F57503" s="1" t="s">
        <v>193400</v>
      </c>
      <c r="G57503" s="1" t="s">
        <v>193351</v>
      </c>
      <c r="H57503" s="1" t="s">
        <v>193352</v>
      </c>
      <c r="I57503" s="1" t="s">
        <v>187135</v>
      </c>
      <c r="J57503" s="1" t="s">
        <v>193401</v>
      </c>
    </row>
    <row r="57504" spans="1:10" x14ac:dyDescent="0.35">
      <c r="A57504" s="1" t="s">
        <v>29771</v>
      </c>
      <c r="B57504" s="1" t="s">
        <v>187129</v>
      </c>
      <c r="C57504" s="1" t="s">
        <v>90</v>
      </c>
      <c r="D57504" s="1" t="s">
        <v>193402</v>
      </c>
      <c r="E57504" s="1" t="s">
        <v>193403</v>
      </c>
      <c r="F57504" s="1" t="s">
        <v>193404</v>
      </c>
      <c r="G57504" s="1" t="s">
        <v>193351</v>
      </c>
      <c r="H57504" s="1" t="s">
        <v>193352</v>
      </c>
      <c r="I57504" s="1" t="s">
        <v>187135</v>
      </c>
      <c r="J57504" s="1" t="s">
        <v>193405</v>
      </c>
    </row>
    <row r="57505" spans="1:10" x14ac:dyDescent="0.35">
      <c r="A57505" s="1" t="s">
        <v>29771</v>
      </c>
      <c r="B57505" s="1" t="s">
        <v>187129</v>
      </c>
      <c r="C57505" s="1" t="s">
        <v>95</v>
      </c>
      <c r="D57505" s="1" t="s">
        <v>175736</v>
      </c>
      <c r="E57505" s="1" t="s">
        <v>193406</v>
      </c>
      <c r="F57505" s="1" t="s">
        <v>193407</v>
      </c>
      <c r="G57505" s="1" t="s">
        <v>193351</v>
      </c>
      <c r="H57505" s="1" t="s">
        <v>193352</v>
      </c>
      <c r="I57505" s="1" t="s">
        <v>187135</v>
      </c>
      <c r="J57505" s="1" t="s">
        <v>193408</v>
      </c>
    </row>
    <row r="57506" spans="1:10" x14ac:dyDescent="0.35">
      <c r="A57506" s="1" t="s">
        <v>29771</v>
      </c>
      <c r="B57506" s="1" t="s">
        <v>187129</v>
      </c>
      <c r="C57506" s="1" t="s">
        <v>100</v>
      </c>
      <c r="D57506" s="1" t="s">
        <v>186393</v>
      </c>
      <c r="E57506" s="1" t="s">
        <v>193409</v>
      </c>
      <c r="F57506" s="1" t="s">
        <v>193410</v>
      </c>
      <c r="G57506" s="1" t="s">
        <v>193351</v>
      </c>
      <c r="H57506" s="1" t="s">
        <v>193352</v>
      </c>
      <c r="I57506" s="1" t="s">
        <v>187135</v>
      </c>
      <c r="J57506" s="1" t="s">
        <v>193411</v>
      </c>
    </row>
    <row r="57507" spans="1:10" x14ac:dyDescent="0.35">
      <c r="A57507" s="1" t="s">
        <v>29771</v>
      </c>
      <c r="B57507" s="1" t="s">
        <v>187129</v>
      </c>
      <c r="C57507" s="1" t="s">
        <v>105</v>
      </c>
      <c r="D57507" s="1" t="s">
        <v>184913</v>
      </c>
      <c r="E57507" s="1" t="s">
        <v>193412</v>
      </c>
      <c r="F57507" s="1" t="s">
        <v>193413</v>
      </c>
      <c r="G57507" s="1" t="s">
        <v>193351</v>
      </c>
      <c r="H57507" s="1" t="s">
        <v>193352</v>
      </c>
      <c r="I57507" s="1" t="s">
        <v>187135</v>
      </c>
      <c r="J57507" s="1" t="s">
        <v>193414</v>
      </c>
    </row>
    <row r="57508" spans="1:10" x14ac:dyDescent="0.35">
      <c r="A57508" s="1" t="s">
        <v>29771</v>
      </c>
      <c r="B57508" s="1" t="s">
        <v>187129</v>
      </c>
      <c r="C57508" s="1" t="s">
        <v>110</v>
      </c>
      <c r="D57508" s="1" t="s">
        <v>192587</v>
      </c>
      <c r="E57508" s="1" t="s">
        <v>193415</v>
      </c>
      <c r="F57508" s="1" t="s">
        <v>193416</v>
      </c>
      <c r="G57508" s="1" t="s">
        <v>193351</v>
      </c>
      <c r="H57508" s="1" t="s">
        <v>193352</v>
      </c>
      <c r="I57508" s="1" t="s">
        <v>187135</v>
      </c>
      <c r="J57508" s="1" t="s">
        <v>193417</v>
      </c>
    </row>
    <row r="57509" spans="1:10" x14ac:dyDescent="0.35">
      <c r="A57509" s="1" t="s">
        <v>29771</v>
      </c>
      <c r="B57509" s="1" t="s">
        <v>187129</v>
      </c>
      <c r="C57509" s="1" t="s">
        <v>115</v>
      </c>
      <c r="D57509" s="1" t="s">
        <v>70683</v>
      </c>
      <c r="E57509" s="1" t="s">
        <v>193418</v>
      </c>
      <c r="F57509" s="1" t="s">
        <v>193419</v>
      </c>
      <c r="G57509" s="1" t="s">
        <v>193351</v>
      </c>
      <c r="H57509" s="1" t="s">
        <v>193352</v>
      </c>
      <c r="I57509" s="1" t="s">
        <v>187135</v>
      </c>
      <c r="J57509" s="1" t="s">
        <v>193420</v>
      </c>
    </row>
    <row r="57510" spans="1:10" x14ac:dyDescent="0.35">
      <c r="A57510" s="1" t="s">
        <v>29771</v>
      </c>
      <c r="B57510" s="1" t="s">
        <v>187129</v>
      </c>
      <c r="C57510" s="1" t="s">
        <v>120</v>
      </c>
      <c r="D57510" s="1" t="s">
        <v>168997</v>
      </c>
      <c r="E57510" s="1" t="s">
        <v>193421</v>
      </c>
      <c r="F57510" s="1" t="s">
        <v>193422</v>
      </c>
      <c r="G57510" s="1" t="s">
        <v>193351</v>
      </c>
      <c r="H57510" s="1" t="s">
        <v>193352</v>
      </c>
      <c r="I57510" s="1" t="s">
        <v>187135</v>
      </c>
      <c r="J57510" s="1" t="s">
        <v>193423</v>
      </c>
    </row>
    <row r="57511" spans="1:10" x14ac:dyDescent="0.35">
      <c r="A57511" s="1" t="s">
        <v>29771</v>
      </c>
      <c r="B57511" s="1" t="s">
        <v>187129</v>
      </c>
      <c r="C57511" s="1" t="s">
        <v>125</v>
      </c>
      <c r="D57511" s="1" t="s">
        <v>183010</v>
      </c>
      <c r="E57511" s="1" t="s">
        <v>193424</v>
      </c>
      <c r="F57511" s="1" t="s">
        <v>193425</v>
      </c>
      <c r="G57511" s="1" t="s">
        <v>193351</v>
      </c>
      <c r="H57511" s="1" t="s">
        <v>193352</v>
      </c>
      <c r="I57511" s="1" t="s">
        <v>187135</v>
      </c>
      <c r="J57511" s="1" t="s">
        <v>193426</v>
      </c>
    </row>
    <row r="57512" spans="1:10" x14ac:dyDescent="0.35">
      <c r="A57512" s="1" t="s">
        <v>29771</v>
      </c>
      <c r="B57512" s="1" t="s">
        <v>187129</v>
      </c>
      <c r="C57512" s="1" t="s">
        <v>130</v>
      </c>
      <c r="D57512" s="1" t="s">
        <v>188275</v>
      </c>
      <c r="E57512" s="1" t="s">
        <v>193427</v>
      </c>
      <c r="F57512" s="1" t="s">
        <v>193428</v>
      </c>
      <c r="G57512" s="1" t="s">
        <v>193351</v>
      </c>
      <c r="H57512" s="1" t="s">
        <v>193352</v>
      </c>
      <c r="I57512" s="1" t="s">
        <v>187135</v>
      </c>
      <c r="J57512" s="1" t="s">
        <v>193429</v>
      </c>
    </row>
    <row r="57513" spans="1:10" x14ac:dyDescent="0.35">
      <c r="A57513" s="1" t="s">
        <v>29771</v>
      </c>
      <c r="B57513" s="1" t="s">
        <v>187129</v>
      </c>
      <c r="C57513" s="1" t="s">
        <v>135</v>
      </c>
      <c r="D57513" s="1" t="s">
        <v>43662</v>
      </c>
      <c r="E57513" s="1" t="s">
        <v>193430</v>
      </c>
      <c r="F57513" s="1" t="s">
        <v>193431</v>
      </c>
      <c r="G57513" s="1" t="s">
        <v>193351</v>
      </c>
      <c r="H57513" s="1" t="s">
        <v>193352</v>
      </c>
      <c r="I57513" s="1" t="s">
        <v>187135</v>
      </c>
      <c r="J57513" s="1" t="s">
        <v>193432</v>
      </c>
    </row>
    <row r="57514" spans="1:10" x14ac:dyDescent="0.35">
      <c r="A57514" s="1" t="s">
        <v>29771</v>
      </c>
      <c r="B57514" s="1" t="s">
        <v>187129</v>
      </c>
      <c r="C57514" s="1" t="s">
        <v>140</v>
      </c>
      <c r="D57514" s="1" t="s">
        <v>125326</v>
      </c>
      <c r="E57514" s="1" t="s">
        <v>193433</v>
      </c>
      <c r="F57514" s="1" t="s">
        <v>193434</v>
      </c>
      <c r="G57514" s="1" t="s">
        <v>193351</v>
      </c>
      <c r="H57514" s="1" t="s">
        <v>193352</v>
      </c>
      <c r="I57514" s="1" t="s">
        <v>187135</v>
      </c>
      <c r="J57514" s="1" t="s">
        <v>193435</v>
      </c>
    </row>
    <row r="57515" spans="1:10" x14ac:dyDescent="0.35">
      <c r="A57515" s="1" t="s">
        <v>29771</v>
      </c>
      <c r="B57515" s="1" t="s">
        <v>187129</v>
      </c>
      <c r="C57515" s="1" t="s">
        <v>145</v>
      </c>
      <c r="D57515" s="1" t="s">
        <v>73264</v>
      </c>
      <c r="E57515" s="1" t="s">
        <v>193436</v>
      </c>
      <c r="F57515" s="1" t="s">
        <v>193437</v>
      </c>
      <c r="G57515" s="1" t="s">
        <v>193351</v>
      </c>
      <c r="H57515" s="1" t="s">
        <v>193352</v>
      </c>
      <c r="I57515" s="1" t="s">
        <v>187135</v>
      </c>
      <c r="J57515" s="1" t="s">
        <v>193438</v>
      </c>
    </row>
    <row r="57516" spans="1:10" x14ac:dyDescent="0.35">
      <c r="A57516" s="1" t="s">
        <v>29771</v>
      </c>
      <c r="B57516" s="1" t="s">
        <v>187129</v>
      </c>
      <c r="C57516" s="1" t="s">
        <v>150</v>
      </c>
      <c r="D57516" s="1" t="s">
        <v>154924</v>
      </c>
      <c r="E57516" s="1" t="s">
        <v>193439</v>
      </c>
      <c r="F57516" s="1" t="s">
        <v>193440</v>
      </c>
      <c r="G57516" s="1" t="s">
        <v>193351</v>
      </c>
      <c r="H57516" s="1" t="s">
        <v>193352</v>
      </c>
      <c r="I57516" s="1" t="s">
        <v>187135</v>
      </c>
      <c r="J57516" s="1" t="s">
        <v>193441</v>
      </c>
    </row>
    <row r="57517" spans="1:10" x14ac:dyDescent="0.35">
      <c r="A57517" s="1" t="s">
        <v>29771</v>
      </c>
      <c r="B57517" s="1" t="s">
        <v>187129</v>
      </c>
      <c r="C57517" s="1" t="s">
        <v>155</v>
      </c>
      <c r="D57517" s="1" t="s">
        <v>173280</v>
      </c>
      <c r="E57517" s="1" t="s">
        <v>193442</v>
      </c>
      <c r="F57517" s="1" t="s">
        <v>193443</v>
      </c>
      <c r="G57517" s="1" t="s">
        <v>193351</v>
      </c>
      <c r="H57517" s="1" t="s">
        <v>193352</v>
      </c>
      <c r="I57517" s="1" t="s">
        <v>187135</v>
      </c>
      <c r="J57517" s="1" t="s">
        <v>30283</v>
      </c>
    </row>
    <row r="57518" spans="1:10" x14ac:dyDescent="0.35">
      <c r="A57518" s="1" t="s">
        <v>29771</v>
      </c>
      <c r="B57518" s="1" t="s">
        <v>187129</v>
      </c>
      <c r="C57518" s="1" t="s">
        <v>160</v>
      </c>
      <c r="D57518" s="1" t="s">
        <v>193444</v>
      </c>
      <c r="E57518" s="1" t="s">
        <v>193445</v>
      </c>
      <c r="F57518" s="1" t="s">
        <v>193446</v>
      </c>
      <c r="G57518" s="1" t="s">
        <v>193351</v>
      </c>
      <c r="H57518" s="1" t="s">
        <v>193352</v>
      </c>
      <c r="I57518" s="1" t="s">
        <v>187135</v>
      </c>
      <c r="J57518" s="1" t="s">
        <v>193447</v>
      </c>
    </row>
    <row r="57519" spans="1:10" x14ac:dyDescent="0.35">
      <c r="A57519" s="1" t="s">
        <v>29771</v>
      </c>
      <c r="B57519" s="1" t="s">
        <v>187129</v>
      </c>
      <c r="C57519" s="1" t="s">
        <v>165</v>
      </c>
      <c r="D57519" s="1" t="s">
        <v>193448</v>
      </c>
      <c r="E57519" s="1" t="s">
        <v>193449</v>
      </c>
      <c r="F57519" s="1" t="s">
        <v>193450</v>
      </c>
      <c r="G57519" s="1" t="s">
        <v>193351</v>
      </c>
      <c r="H57519" s="1" t="s">
        <v>193352</v>
      </c>
      <c r="I57519" s="1" t="s">
        <v>187135</v>
      </c>
      <c r="J57519" s="1" t="s">
        <v>193451</v>
      </c>
    </row>
    <row r="57520" spans="1:10" x14ac:dyDescent="0.35">
      <c r="A57520" s="1" t="s">
        <v>29771</v>
      </c>
      <c r="B57520" s="1" t="s">
        <v>187129</v>
      </c>
      <c r="C57520" s="1" t="s">
        <v>170</v>
      </c>
      <c r="D57520" s="1" t="s">
        <v>193452</v>
      </c>
      <c r="E57520" s="1" t="s">
        <v>193453</v>
      </c>
      <c r="F57520" s="1" t="s">
        <v>193454</v>
      </c>
      <c r="G57520" s="1" t="s">
        <v>193351</v>
      </c>
      <c r="H57520" s="1" t="s">
        <v>193352</v>
      </c>
      <c r="I57520" s="1" t="s">
        <v>187135</v>
      </c>
      <c r="J57520" s="1" t="s">
        <v>193455</v>
      </c>
    </row>
    <row r="57521" spans="1:10" x14ac:dyDescent="0.35">
      <c r="A57521" s="1" t="s">
        <v>50819</v>
      </c>
      <c r="B57521" s="1" t="s">
        <v>187129</v>
      </c>
      <c r="C57521" s="1" t="s">
        <v>8</v>
      </c>
      <c r="D57521" s="1" t="s">
        <v>149447</v>
      </c>
      <c r="E57521" s="1" t="s">
        <v>193456</v>
      </c>
      <c r="F57521" s="1" t="s">
        <v>193457</v>
      </c>
      <c r="G57521" s="1" t="s">
        <v>193458</v>
      </c>
      <c r="H57521" s="1" t="s">
        <v>193459</v>
      </c>
      <c r="I57521" s="1" t="s">
        <v>187135</v>
      </c>
      <c r="J57521" s="1" t="s">
        <v>13</v>
      </c>
    </row>
    <row r="57522" spans="1:10" x14ac:dyDescent="0.35">
      <c r="A57522" s="1" t="s">
        <v>50819</v>
      </c>
      <c r="B57522" s="1" t="s">
        <v>187129</v>
      </c>
      <c r="C57522" s="1" t="s">
        <v>15</v>
      </c>
      <c r="D57522" s="1" t="s">
        <v>193460</v>
      </c>
      <c r="E57522" s="1" t="s">
        <v>193461</v>
      </c>
      <c r="F57522" s="1" t="s">
        <v>193462</v>
      </c>
      <c r="G57522" s="1" t="s">
        <v>193458</v>
      </c>
      <c r="H57522" s="1" t="s">
        <v>193459</v>
      </c>
      <c r="I57522" s="1" t="s">
        <v>187135</v>
      </c>
      <c r="J57522" s="1" t="s">
        <v>193463</v>
      </c>
    </row>
    <row r="57523" spans="1:10" x14ac:dyDescent="0.35">
      <c r="A57523" s="1" t="s">
        <v>50819</v>
      </c>
      <c r="B57523" s="1" t="s">
        <v>187129</v>
      </c>
      <c r="C57523" s="1" t="s">
        <v>20</v>
      </c>
      <c r="D57523" s="1" t="s">
        <v>193464</v>
      </c>
      <c r="E57523" s="1" t="s">
        <v>193465</v>
      </c>
      <c r="F57523" s="1" t="s">
        <v>193466</v>
      </c>
      <c r="G57523" s="1" t="s">
        <v>193458</v>
      </c>
      <c r="H57523" s="1" t="s">
        <v>193459</v>
      </c>
      <c r="I57523" s="1" t="s">
        <v>187135</v>
      </c>
      <c r="J57523" s="1" t="s">
        <v>193467</v>
      </c>
    </row>
    <row r="57524" spans="1:10" x14ac:dyDescent="0.35">
      <c r="A57524" s="1" t="s">
        <v>50819</v>
      </c>
      <c r="B57524" s="1" t="s">
        <v>187129</v>
      </c>
      <c r="C57524" s="1" t="s">
        <v>25</v>
      </c>
      <c r="D57524" s="1" t="s">
        <v>193468</v>
      </c>
      <c r="E57524" s="1" t="s">
        <v>193469</v>
      </c>
      <c r="F57524" s="1" t="s">
        <v>193470</v>
      </c>
      <c r="G57524" s="1" t="s">
        <v>193458</v>
      </c>
      <c r="H57524" s="1" t="s">
        <v>193459</v>
      </c>
      <c r="I57524" s="1" t="s">
        <v>187135</v>
      </c>
      <c r="J57524" s="1" t="s">
        <v>193471</v>
      </c>
    </row>
    <row r="57525" spans="1:10" x14ac:dyDescent="0.35">
      <c r="A57525" s="1" t="s">
        <v>50819</v>
      </c>
      <c r="B57525" s="1" t="s">
        <v>187129</v>
      </c>
      <c r="C57525" s="1" t="s">
        <v>30</v>
      </c>
      <c r="D57525" s="1" t="s">
        <v>105158</v>
      </c>
      <c r="E57525" s="1" t="s">
        <v>193472</v>
      </c>
      <c r="F57525" s="1" t="s">
        <v>193473</v>
      </c>
      <c r="G57525" s="1" t="s">
        <v>193458</v>
      </c>
      <c r="H57525" s="1" t="s">
        <v>193459</v>
      </c>
      <c r="I57525" s="1" t="s">
        <v>187135</v>
      </c>
      <c r="J57525" s="1" t="s">
        <v>193474</v>
      </c>
    </row>
    <row r="57526" spans="1:10" x14ac:dyDescent="0.35">
      <c r="A57526" s="1" t="s">
        <v>50819</v>
      </c>
      <c r="B57526" s="1" t="s">
        <v>187129</v>
      </c>
      <c r="C57526" s="1" t="s">
        <v>35</v>
      </c>
      <c r="D57526" s="1" t="s">
        <v>35326</v>
      </c>
      <c r="E57526" s="1" t="s">
        <v>193475</v>
      </c>
      <c r="F57526" s="1" t="s">
        <v>193476</v>
      </c>
      <c r="G57526" s="1" t="s">
        <v>193458</v>
      </c>
      <c r="H57526" s="1" t="s">
        <v>193459</v>
      </c>
      <c r="I57526" s="1" t="s">
        <v>187135</v>
      </c>
      <c r="J57526" s="1" t="s">
        <v>193477</v>
      </c>
    </row>
    <row r="57527" spans="1:10" x14ac:dyDescent="0.35">
      <c r="A57527" s="1" t="s">
        <v>50819</v>
      </c>
      <c r="B57527" s="1" t="s">
        <v>187129</v>
      </c>
      <c r="C57527" s="1" t="s">
        <v>40</v>
      </c>
      <c r="D57527" s="1" t="s">
        <v>35107</v>
      </c>
      <c r="E57527" s="1" t="s">
        <v>193478</v>
      </c>
      <c r="F57527" s="1" t="s">
        <v>193479</v>
      </c>
      <c r="G57527" s="1" t="s">
        <v>193458</v>
      </c>
      <c r="H57527" s="1" t="s">
        <v>193459</v>
      </c>
      <c r="I57527" s="1" t="s">
        <v>187135</v>
      </c>
      <c r="J57527" s="1" t="s">
        <v>193480</v>
      </c>
    </row>
    <row r="57528" spans="1:10" x14ac:dyDescent="0.35">
      <c r="A57528" s="1" t="s">
        <v>50819</v>
      </c>
      <c r="B57528" s="1" t="s">
        <v>187129</v>
      </c>
      <c r="C57528" s="1" t="s">
        <v>45</v>
      </c>
      <c r="D57528" s="1" t="s">
        <v>48168</v>
      </c>
      <c r="E57528" s="1" t="s">
        <v>193481</v>
      </c>
      <c r="F57528" s="1" t="s">
        <v>193482</v>
      </c>
      <c r="G57528" s="1" t="s">
        <v>193458</v>
      </c>
      <c r="H57528" s="1" t="s">
        <v>193459</v>
      </c>
      <c r="I57528" s="1" t="s">
        <v>187135</v>
      </c>
      <c r="J57528" s="1" t="s">
        <v>193483</v>
      </c>
    </row>
    <row r="57529" spans="1:10" x14ac:dyDescent="0.35">
      <c r="A57529" s="1" t="s">
        <v>50819</v>
      </c>
      <c r="B57529" s="1" t="s">
        <v>187129</v>
      </c>
      <c r="C57529" s="1" t="s">
        <v>50</v>
      </c>
      <c r="D57529" s="1" t="s">
        <v>35533</v>
      </c>
      <c r="E57529" s="1" t="s">
        <v>193484</v>
      </c>
      <c r="F57529" s="1" t="s">
        <v>193485</v>
      </c>
      <c r="G57529" s="1" t="s">
        <v>193458</v>
      </c>
      <c r="H57529" s="1" t="s">
        <v>193459</v>
      </c>
      <c r="I57529" s="1" t="s">
        <v>187135</v>
      </c>
      <c r="J57529" s="1" t="s">
        <v>193486</v>
      </c>
    </row>
    <row r="57530" spans="1:10" x14ac:dyDescent="0.35">
      <c r="A57530" s="1" t="s">
        <v>50819</v>
      </c>
      <c r="B57530" s="1" t="s">
        <v>187129</v>
      </c>
      <c r="C57530" s="1" t="s">
        <v>55</v>
      </c>
      <c r="D57530" s="1" t="s">
        <v>193487</v>
      </c>
      <c r="E57530" s="1" t="s">
        <v>193488</v>
      </c>
      <c r="F57530" s="1" t="s">
        <v>193489</v>
      </c>
      <c r="G57530" s="1" t="s">
        <v>193458</v>
      </c>
      <c r="H57530" s="1" t="s">
        <v>193459</v>
      </c>
      <c r="I57530" s="1" t="s">
        <v>187135</v>
      </c>
      <c r="J57530" s="1" t="s">
        <v>193490</v>
      </c>
    </row>
    <row r="57531" spans="1:10" x14ac:dyDescent="0.35">
      <c r="A57531" s="1" t="s">
        <v>50819</v>
      </c>
      <c r="B57531" s="1" t="s">
        <v>187129</v>
      </c>
      <c r="C57531" s="1" t="s">
        <v>60</v>
      </c>
      <c r="D57531" s="1" t="s">
        <v>193491</v>
      </c>
      <c r="E57531" s="1" t="s">
        <v>193492</v>
      </c>
      <c r="F57531" s="1" t="s">
        <v>193493</v>
      </c>
      <c r="G57531" s="1" t="s">
        <v>193458</v>
      </c>
      <c r="H57531" s="1" t="s">
        <v>193459</v>
      </c>
      <c r="I57531" s="1" t="s">
        <v>187135</v>
      </c>
      <c r="J57531" s="1" t="s">
        <v>193494</v>
      </c>
    </row>
    <row r="57532" spans="1:10" x14ac:dyDescent="0.35">
      <c r="A57532" s="1" t="s">
        <v>50819</v>
      </c>
      <c r="B57532" s="1" t="s">
        <v>187129</v>
      </c>
      <c r="C57532" s="1" t="s">
        <v>65</v>
      </c>
      <c r="D57532" s="1" t="s">
        <v>3627</v>
      </c>
      <c r="E57532" s="1" t="s">
        <v>193495</v>
      </c>
      <c r="F57532" s="1" t="s">
        <v>193496</v>
      </c>
      <c r="G57532" s="1" t="s">
        <v>193458</v>
      </c>
      <c r="H57532" s="1" t="s">
        <v>193459</v>
      </c>
      <c r="I57532" s="1" t="s">
        <v>187135</v>
      </c>
      <c r="J57532" s="1" t="s">
        <v>193497</v>
      </c>
    </row>
    <row r="57533" spans="1:10" x14ac:dyDescent="0.35">
      <c r="A57533" s="1" t="s">
        <v>50819</v>
      </c>
      <c r="B57533" s="1" t="s">
        <v>187129</v>
      </c>
      <c r="C57533" s="1" t="s">
        <v>70</v>
      </c>
      <c r="D57533" s="1" t="s">
        <v>73140</v>
      </c>
      <c r="E57533" s="1" t="s">
        <v>193498</v>
      </c>
      <c r="F57533" s="1" t="s">
        <v>193499</v>
      </c>
      <c r="G57533" s="1" t="s">
        <v>193458</v>
      </c>
      <c r="H57533" s="1" t="s">
        <v>193459</v>
      </c>
      <c r="I57533" s="1" t="s">
        <v>187135</v>
      </c>
      <c r="J57533" s="1" t="s">
        <v>193500</v>
      </c>
    </row>
    <row r="57534" spans="1:10" x14ac:dyDescent="0.35">
      <c r="A57534" s="1" t="s">
        <v>50819</v>
      </c>
      <c r="B57534" s="1" t="s">
        <v>187129</v>
      </c>
      <c r="C57534" s="1" t="s">
        <v>75</v>
      </c>
      <c r="D57534" s="1" t="s">
        <v>193501</v>
      </c>
      <c r="E57534" s="1" t="s">
        <v>193502</v>
      </c>
      <c r="F57534" s="1" t="s">
        <v>193503</v>
      </c>
      <c r="G57534" s="1" t="s">
        <v>193458</v>
      </c>
      <c r="H57534" s="1" t="s">
        <v>193459</v>
      </c>
      <c r="I57534" s="1" t="s">
        <v>187135</v>
      </c>
      <c r="J57534" s="1" t="s">
        <v>193504</v>
      </c>
    </row>
    <row r="57535" spans="1:10" x14ac:dyDescent="0.35">
      <c r="A57535" s="1" t="s">
        <v>50819</v>
      </c>
      <c r="B57535" s="1" t="s">
        <v>187129</v>
      </c>
      <c r="C57535" s="1" t="s">
        <v>80</v>
      </c>
      <c r="D57535" s="1" t="s">
        <v>193505</v>
      </c>
      <c r="E57535" s="1" t="s">
        <v>193506</v>
      </c>
      <c r="F57535" s="1" t="s">
        <v>193507</v>
      </c>
      <c r="G57535" s="1" t="s">
        <v>193458</v>
      </c>
      <c r="H57535" s="1" t="s">
        <v>193459</v>
      </c>
      <c r="I57535" s="1" t="s">
        <v>187135</v>
      </c>
      <c r="J57535" s="1" t="s">
        <v>193508</v>
      </c>
    </row>
    <row r="57536" spans="1:10" x14ac:dyDescent="0.35">
      <c r="A57536" s="1" t="s">
        <v>50819</v>
      </c>
      <c r="B57536" s="1" t="s">
        <v>187129</v>
      </c>
      <c r="C57536" s="1" t="s">
        <v>85</v>
      </c>
      <c r="D57536" s="1" t="s">
        <v>42371</v>
      </c>
      <c r="E57536" s="1" t="s">
        <v>193509</v>
      </c>
      <c r="F57536" s="1" t="s">
        <v>193510</v>
      </c>
      <c r="G57536" s="1" t="s">
        <v>193458</v>
      </c>
      <c r="H57536" s="1" t="s">
        <v>193459</v>
      </c>
      <c r="I57536" s="1" t="s">
        <v>187135</v>
      </c>
      <c r="J57536" s="1" t="s">
        <v>193511</v>
      </c>
    </row>
    <row r="57537" spans="1:10" x14ac:dyDescent="0.35">
      <c r="A57537" s="1" t="s">
        <v>50819</v>
      </c>
      <c r="B57537" s="1" t="s">
        <v>187129</v>
      </c>
      <c r="C57537" s="1" t="s">
        <v>90</v>
      </c>
      <c r="D57537" s="1" t="s">
        <v>151240</v>
      </c>
      <c r="E57537" s="1" t="s">
        <v>193512</v>
      </c>
      <c r="F57537" s="1" t="s">
        <v>193513</v>
      </c>
      <c r="G57537" s="1" t="s">
        <v>193458</v>
      </c>
      <c r="H57537" s="1" t="s">
        <v>193459</v>
      </c>
      <c r="I57537" s="1" t="s">
        <v>187135</v>
      </c>
      <c r="J57537" s="1" t="s">
        <v>193514</v>
      </c>
    </row>
    <row r="57538" spans="1:10" x14ac:dyDescent="0.35">
      <c r="A57538" s="1" t="s">
        <v>50819</v>
      </c>
      <c r="B57538" s="1" t="s">
        <v>187129</v>
      </c>
      <c r="C57538" s="1" t="s">
        <v>95</v>
      </c>
      <c r="D57538" s="1" t="s">
        <v>193515</v>
      </c>
      <c r="E57538" s="1" t="s">
        <v>193516</v>
      </c>
      <c r="F57538" s="1" t="s">
        <v>193517</v>
      </c>
      <c r="G57538" s="1" t="s">
        <v>193458</v>
      </c>
      <c r="H57538" s="1" t="s">
        <v>193459</v>
      </c>
      <c r="I57538" s="1" t="s">
        <v>187135</v>
      </c>
      <c r="J57538" s="1" t="s">
        <v>193518</v>
      </c>
    </row>
    <row r="57539" spans="1:10" x14ac:dyDescent="0.35">
      <c r="A57539" s="1" t="s">
        <v>50819</v>
      </c>
      <c r="B57539" s="1" t="s">
        <v>187129</v>
      </c>
      <c r="C57539" s="1" t="s">
        <v>100</v>
      </c>
      <c r="D57539" s="1" t="s">
        <v>193519</v>
      </c>
      <c r="E57539" s="1" t="s">
        <v>193520</v>
      </c>
      <c r="F57539" s="1" t="s">
        <v>193521</v>
      </c>
      <c r="G57539" s="1" t="s">
        <v>193458</v>
      </c>
      <c r="H57539" s="1" t="s">
        <v>193459</v>
      </c>
      <c r="I57539" s="1" t="s">
        <v>187135</v>
      </c>
      <c r="J57539" s="1" t="s">
        <v>193522</v>
      </c>
    </row>
    <row r="57540" spans="1:10" x14ac:dyDescent="0.35">
      <c r="A57540" s="1" t="s">
        <v>50819</v>
      </c>
      <c r="B57540" s="1" t="s">
        <v>187129</v>
      </c>
      <c r="C57540" s="1" t="s">
        <v>105</v>
      </c>
      <c r="D57540" s="1" t="s">
        <v>44104</v>
      </c>
      <c r="E57540" s="1" t="s">
        <v>193523</v>
      </c>
      <c r="F57540" s="1" t="s">
        <v>193524</v>
      </c>
      <c r="G57540" s="1" t="s">
        <v>193458</v>
      </c>
      <c r="H57540" s="1" t="s">
        <v>193459</v>
      </c>
      <c r="I57540" s="1" t="s">
        <v>187135</v>
      </c>
      <c r="J57540" s="1" t="s">
        <v>193525</v>
      </c>
    </row>
    <row r="57541" spans="1:10" x14ac:dyDescent="0.35">
      <c r="A57541" s="1" t="s">
        <v>50819</v>
      </c>
      <c r="B57541" s="1" t="s">
        <v>187129</v>
      </c>
      <c r="C57541" s="1" t="s">
        <v>110</v>
      </c>
      <c r="D57541" s="1" t="s">
        <v>116913</v>
      </c>
      <c r="E57541" s="1" t="s">
        <v>193526</v>
      </c>
      <c r="F57541" s="1" t="s">
        <v>193527</v>
      </c>
      <c r="G57541" s="1" t="s">
        <v>193458</v>
      </c>
      <c r="H57541" s="1" t="s">
        <v>193459</v>
      </c>
      <c r="I57541" s="1" t="s">
        <v>187135</v>
      </c>
      <c r="J57541" s="1" t="s">
        <v>193528</v>
      </c>
    </row>
    <row r="57542" spans="1:10" x14ac:dyDescent="0.35">
      <c r="A57542" s="1" t="s">
        <v>50819</v>
      </c>
      <c r="B57542" s="1" t="s">
        <v>187129</v>
      </c>
      <c r="C57542" s="1" t="s">
        <v>115</v>
      </c>
      <c r="D57542" s="1" t="s">
        <v>175281</v>
      </c>
      <c r="E57542" s="1" t="s">
        <v>98968</v>
      </c>
      <c r="F57542" s="1" t="s">
        <v>193529</v>
      </c>
      <c r="G57542" s="1" t="s">
        <v>193458</v>
      </c>
      <c r="H57542" s="1" t="s">
        <v>193459</v>
      </c>
      <c r="I57542" s="1" t="s">
        <v>187135</v>
      </c>
      <c r="J57542" s="1" t="s">
        <v>193530</v>
      </c>
    </row>
    <row r="57543" spans="1:10" x14ac:dyDescent="0.35">
      <c r="A57543" s="1" t="s">
        <v>50819</v>
      </c>
      <c r="B57543" s="1" t="s">
        <v>187129</v>
      </c>
      <c r="C57543" s="1" t="s">
        <v>120</v>
      </c>
      <c r="D57543" s="1" t="s">
        <v>193531</v>
      </c>
      <c r="E57543" s="1" t="s">
        <v>193532</v>
      </c>
      <c r="F57543" s="1" t="s">
        <v>193533</v>
      </c>
      <c r="G57543" s="1" t="s">
        <v>193458</v>
      </c>
      <c r="H57543" s="1" t="s">
        <v>193459</v>
      </c>
      <c r="I57543" s="1" t="s">
        <v>187135</v>
      </c>
      <c r="J57543" s="1" t="s">
        <v>193534</v>
      </c>
    </row>
    <row r="57544" spans="1:10" x14ac:dyDescent="0.35">
      <c r="A57544" s="1" t="s">
        <v>50819</v>
      </c>
      <c r="B57544" s="1" t="s">
        <v>187129</v>
      </c>
      <c r="C57544" s="1" t="s">
        <v>125</v>
      </c>
      <c r="D57544" s="1" t="s">
        <v>37965</v>
      </c>
      <c r="E57544" s="1" t="s">
        <v>193535</v>
      </c>
      <c r="F57544" s="1" t="s">
        <v>193536</v>
      </c>
      <c r="G57544" s="1" t="s">
        <v>193458</v>
      </c>
      <c r="H57544" s="1" t="s">
        <v>193459</v>
      </c>
      <c r="I57544" s="1" t="s">
        <v>187135</v>
      </c>
      <c r="J57544" s="1" t="s">
        <v>193537</v>
      </c>
    </row>
    <row r="57545" spans="1:10" x14ac:dyDescent="0.35">
      <c r="A57545" s="1" t="s">
        <v>50819</v>
      </c>
      <c r="B57545" s="1" t="s">
        <v>187129</v>
      </c>
      <c r="C57545" s="1" t="s">
        <v>130</v>
      </c>
      <c r="D57545" s="1" t="s">
        <v>114187</v>
      </c>
      <c r="E57545" s="1" t="s">
        <v>193538</v>
      </c>
      <c r="F57545" s="1" t="s">
        <v>193539</v>
      </c>
      <c r="G57545" s="1" t="s">
        <v>193458</v>
      </c>
      <c r="H57545" s="1" t="s">
        <v>193459</v>
      </c>
      <c r="I57545" s="1" t="s">
        <v>187135</v>
      </c>
      <c r="J57545" s="1" t="s">
        <v>193540</v>
      </c>
    </row>
    <row r="57546" spans="1:10" x14ac:dyDescent="0.35">
      <c r="A57546" s="1" t="s">
        <v>50819</v>
      </c>
      <c r="B57546" s="1" t="s">
        <v>187129</v>
      </c>
      <c r="C57546" s="1" t="s">
        <v>135</v>
      </c>
      <c r="D57546" s="1" t="s">
        <v>33860</v>
      </c>
      <c r="E57546" s="1" t="s">
        <v>193541</v>
      </c>
      <c r="F57546" s="1" t="s">
        <v>193542</v>
      </c>
      <c r="G57546" s="1" t="s">
        <v>193458</v>
      </c>
      <c r="H57546" s="1" t="s">
        <v>193459</v>
      </c>
      <c r="I57546" s="1" t="s">
        <v>187135</v>
      </c>
      <c r="J57546" s="1" t="s">
        <v>193543</v>
      </c>
    </row>
    <row r="57547" spans="1:10" x14ac:dyDescent="0.35">
      <c r="A57547" s="1" t="s">
        <v>50819</v>
      </c>
      <c r="B57547" s="1" t="s">
        <v>187129</v>
      </c>
      <c r="C57547" s="1" t="s">
        <v>140</v>
      </c>
      <c r="D57547" s="1" t="s">
        <v>178477</v>
      </c>
      <c r="E57547" s="1" t="s">
        <v>193544</v>
      </c>
      <c r="F57547" s="1" t="s">
        <v>193545</v>
      </c>
      <c r="G57547" s="1" t="s">
        <v>193458</v>
      </c>
      <c r="H57547" s="1" t="s">
        <v>193459</v>
      </c>
      <c r="I57547" s="1" t="s">
        <v>187135</v>
      </c>
      <c r="J57547" s="1" t="s">
        <v>193546</v>
      </c>
    </row>
    <row r="57548" spans="1:10" x14ac:dyDescent="0.35">
      <c r="A57548" s="1" t="s">
        <v>50819</v>
      </c>
      <c r="B57548" s="1" t="s">
        <v>187129</v>
      </c>
      <c r="C57548" s="1" t="s">
        <v>145</v>
      </c>
      <c r="D57548" s="1" t="s">
        <v>193547</v>
      </c>
      <c r="E57548" s="1" t="s">
        <v>193548</v>
      </c>
      <c r="F57548" s="1" t="s">
        <v>193549</v>
      </c>
      <c r="G57548" s="1" t="s">
        <v>193458</v>
      </c>
      <c r="H57548" s="1" t="s">
        <v>193459</v>
      </c>
      <c r="I57548" s="1" t="s">
        <v>187135</v>
      </c>
      <c r="J57548" s="1" t="s">
        <v>193550</v>
      </c>
    </row>
    <row r="57549" spans="1:10" x14ac:dyDescent="0.35">
      <c r="A57549" s="1" t="s">
        <v>50819</v>
      </c>
      <c r="B57549" s="1" t="s">
        <v>187129</v>
      </c>
      <c r="C57549" s="1" t="s">
        <v>150</v>
      </c>
      <c r="D57549" s="1" t="s">
        <v>114191</v>
      </c>
      <c r="E57549" s="1" t="s">
        <v>193551</v>
      </c>
      <c r="F57549" s="1" t="s">
        <v>193552</v>
      </c>
      <c r="G57549" s="1" t="s">
        <v>193458</v>
      </c>
      <c r="H57549" s="1" t="s">
        <v>193459</v>
      </c>
      <c r="I57549" s="1" t="s">
        <v>187135</v>
      </c>
      <c r="J57549" s="1" t="s">
        <v>193553</v>
      </c>
    </row>
    <row r="57550" spans="1:10" x14ac:dyDescent="0.35">
      <c r="A57550" s="1" t="s">
        <v>50819</v>
      </c>
      <c r="B57550" s="1" t="s">
        <v>187129</v>
      </c>
      <c r="C57550" s="1" t="s">
        <v>155</v>
      </c>
      <c r="D57550" s="1" t="s">
        <v>193554</v>
      </c>
      <c r="E57550" s="1" t="s">
        <v>193555</v>
      </c>
      <c r="F57550" s="1" t="s">
        <v>193556</v>
      </c>
      <c r="G57550" s="1" t="s">
        <v>193458</v>
      </c>
      <c r="H57550" s="1" t="s">
        <v>193459</v>
      </c>
      <c r="I57550" s="1" t="s">
        <v>187135</v>
      </c>
      <c r="J57550" s="1" t="s">
        <v>193557</v>
      </c>
    </row>
    <row r="57551" spans="1:10" x14ac:dyDescent="0.35">
      <c r="A57551" s="1" t="s">
        <v>50819</v>
      </c>
      <c r="B57551" s="1" t="s">
        <v>187129</v>
      </c>
      <c r="C57551" s="1" t="s">
        <v>160</v>
      </c>
      <c r="D57551" s="1" t="s">
        <v>193558</v>
      </c>
      <c r="E57551" s="1" t="s">
        <v>193559</v>
      </c>
      <c r="F57551" s="1" t="s">
        <v>193560</v>
      </c>
      <c r="G57551" s="1" t="s">
        <v>193458</v>
      </c>
      <c r="H57551" s="1" t="s">
        <v>193459</v>
      </c>
      <c r="I57551" s="1" t="s">
        <v>187135</v>
      </c>
      <c r="J57551" s="1" t="s">
        <v>193561</v>
      </c>
    </row>
    <row r="57552" spans="1:10" x14ac:dyDescent="0.35">
      <c r="A57552" s="1" t="s">
        <v>50819</v>
      </c>
      <c r="B57552" s="1" t="s">
        <v>187129</v>
      </c>
      <c r="C57552" s="1" t="s">
        <v>165</v>
      </c>
      <c r="D57552" s="1" t="s">
        <v>193562</v>
      </c>
      <c r="E57552" s="1" t="s">
        <v>193563</v>
      </c>
      <c r="F57552" s="1" t="s">
        <v>193564</v>
      </c>
      <c r="G57552" s="1" t="s">
        <v>193458</v>
      </c>
      <c r="H57552" s="1" t="s">
        <v>193459</v>
      </c>
      <c r="I57552" s="1" t="s">
        <v>187135</v>
      </c>
      <c r="J57552" s="1" t="s">
        <v>193565</v>
      </c>
    </row>
    <row r="57553" spans="1:10" x14ac:dyDescent="0.35">
      <c r="A57553" s="1" t="s">
        <v>50819</v>
      </c>
      <c r="B57553" s="1" t="s">
        <v>187129</v>
      </c>
      <c r="C57553" s="1" t="s">
        <v>170</v>
      </c>
      <c r="D57553" s="1" t="s">
        <v>142086</v>
      </c>
      <c r="E57553" s="1" t="s">
        <v>193566</v>
      </c>
      <c r="F57553" s="1" t="s">
        <v>193567</v>
      </c>
      <c r="G57553" s="1" t="s">
        <v>193458</v>
      </c>
      <c r="H57553" s="1" t="s">
        <v>193459</v>
      </c>
      <c r="I57553" s="1" t="s">
        <v>187135</v>
      </c>
      <c r="J57553" s="1" t="s">
        <v>193568</v>
      </c>
    </row>
    <row r="57554" spans="1:10" x14ac:dyDescent="0.35">
      <c r="A57554" s="1" t="s">
        <v>120781</v>
      </c>
      <c r="B57554" s="1" t="s">
        <v>187129</v>
      </c>
      <c r="C57554" s="1" t="s">
        <v>8</v>
      </c>
      <c r="D57554" s="1" t="s">
        <v>193569</v>
      </c>
      <c r="E57554" s="1" t="s">
        <v>193570</v>
      </c>
      <c r="F57554" s="1" t="s">
        <v>193571</v>
      </c>
      <c r="G57554" s="1" t="s">
        <v>193572</v>
      </c>
      <c r="H57554" s="1" t="s">
        <v>193573</v>
      </c>
      <c r="I57554" s="1" t="s">
        <v>187135</v>
      </c>
      <c r="J57554" s="1" t="s">
        <v>13</v>
      </c>
    </row>
    <row r="57555" spans="1:10" x14ac:dyDescent="0.35">
      <c r="A57555" s="1" t="s">
        <v>120781</v>
      </c>
      <c r="B57555" s="1" t="s">
        <v>187129</v>
      </c>
      <c r="C57555" s="1" t="s">
        <v>15</v>
      </c>
      <c r="D57555" s="1" t="s">
        <v>113331</v>
      </c>
      <c r="E57555" s="1" t="s">
        <v>193574</v>
      </c>
      <c r="F57555" s="1" t="s">
        <v>193575</v>
      </c>
      <c r="G57555" s="1" t="s">
        <v>193572</v>
      </c>
      <c r="H57555" s="1" t="s">
        <v>193573</v>
      </c>
      <c r="I57555" s="1" t="s">
        <v>187135</v>
      </c>
      <c r="J57555" s="1" t="s">
        <v>193576</v>
      </c>
    </row>
    <row r="57556" spans="1:10" x14ac:dyDescent="0.35">
      <c r="A57556" s="1" t="s">
        <v>120781</v>
      </c>
      <c r="B57556" s="1" t="s">
        <v>187129</v>
      </c>
      <c r="C57556" s="1" t="s">
        <v>20</v>
      </c>
      <c r="D57556" s="1" t="s">
        <v>71334</v>
      </c>
      <c r="E57556" s="1" t="s">
        <v>193577</v>
      </c>
      <c r="F57556" s="1" t="s">
        <v>193578</v>
      </c>
      <c r="G57556" s="1" t="s">
        <v>193572</v>
      </c>
      <c r="H57556" s="1" t="s">
        <v>193573</v>
      </c>
      <c r="I57556" s="1" t="s">
        <v>187135</v>
      </c>
      <c r="J57556" s="1" t="s">
        <v>193579</v>
      </c>
    </row>
    <row r="57557" spans="1:10" x14ac:dyDescent="0.35">
      <c r="A57557" s="1" t="s">
        <v>120781</v>
      </c>
      <c r="B57557" s="1" t="s">
        <v>187129</v>
      </c>
      <c r="C57557" s="1" t="s">
        <v>25</v>
      </c>
      <c r="D57557" s="1" t="s">
        <v>8820</v>
      </c>
      <c r="E57557" s="1" t="s">
        <v>193580</v>
      </c>
      <c r="F57557" s="1" t="s">
        <v>193581</v>
      </c>
      <c r="G57557" s="1" t="s">
        <v>193572</v>
      </c>
      <c r="H57557" s="1" t="s">
        <v>193573</v>
      </c>
      <c r="I57557" s="1" t="s">
        <v>187135</v>
      </c>
      <c r="J57557" s="1" t="s">
        <v>193582</v>
      </c>
    </row>
    <row r="57558" spans="1:10" x14ac:dyDescent="0.35">
      <c r="A57558" s="1" t="s">
        <v>120781</v>
      </c>
      <c r="B57558" s="1" t="s">
        <v>187129</v>
      </c>
      <c r="C57558" s="1" t="s">
        <v>30</v>
      </c>
      <c r="D57558" s="1" t="s">
        <v>193583</v>
      </c>
      <c r="E57558" s="1" t="s">
        <v>193584</v>
      </c>
      <c r="F57558" s="1" t="s">
        <v>193585</v>
      </c>
      <c r="G57558" s="1" t="s">
        <v>193572</v>
      </c>
      <c r="H57558" s="1" t="s">
        <v>193573</v>
      </c>
      <c r="I57558" s="1" t="s">
        <v>187135</v>
      </c>
      <c r="J57558" s="1" t="s">
        <v>193586</v>
      </c>
    </row>
    <row r="57559" spans="1:10" x14ac:dyDescent="0.35">
      <c r="A57559" s="1" t="s">
        <v>120781</v>
      </c>
      <c r="B57559" s="1" t="s">
        <v>187129</v>
      </c>
      <c r="C57559" s="1" t="s">
        <v>35</v>
      </c>
      <c r="D57559" s="1" t="s">
        <v>35121</v>
      </c>
      <c r="E57559" s="1" t="s">
        <v>193587</v>
      </c>
      <c r="F57559" s="1" t="s">
        <v>193588</v>
      </c>
      <c r="G57559" s="1" t="s">
        <v>193572</v>
      </c>
      <c r="H57559" s="1" t="s">
        <v>193573</v>
      </c>
      <c r="I57559" s="1" t="s">
        <v>187135</v>
      </c>
      <c r="J57559" s="1" t="s">
        <v>193589</v>
      </c>
    </row>
    <row r="57560" spans="1:10" x14ac:dyDescent="0.35">
      <c r="A57560" s="1" t="s">
        <v>120781</v>
      </c>
      <c r="B57560" s="1" t="s">
        <v>187129</v>
      </c>
      <c r="C57560" s="1" t="s">
        <v>40</v>
      </c>
      <c r="D57560" s="1" t="s">
        <v>191032</v>
      </c>
      <c r="E57560" s="1" t="s">
        <v>193590</v>
      </c>
      <c r="F57560" s="1" t="s">
        <v>193591</v>
      </c>
      <c r="G57560" s="1" t="s">
        <v>193572</v>
      </c>
      <c r="H57560" s="1" t="s">
        <v>193573</v>
      </c>
      <c r="I57560" s="1" t="s">
        <v>187135</v>
      </c>
      <c r="J57560" s="1" t="s">
        <v>193592</v>
      </c>
    </row>
    <row r="57561" spans="1:10" x14ac:dyDescent="0.35">
      <c r="A57561" s="1" t="s">
        <v>120781</v>
      </c>
      <c r="B57561" s="1" t="s">
        <v>187129</v>
      </c>
      <c r="C57561" s="1" t="s">
        <v>45</v>
      </c>
      <c r="D57561" s="1" t="s">
        <v>43842</v>
      </c>
      <c r="E57561" s="1" t="s">
        <v>193593</v>
      </c>
      <c r="F57561" s="1" t="s">
        <v>193594</v>
      </c>
      <c r="G57561" s="1" t="s">
        <v>193572</v>
      </c>
      <c r="H57561" s="1" t="s">
        <v>193573</v>
      </c>
      <c r="I57561" s="1" t="s">
        <v>187135</v>
      </c>
      <c r="J57561" s="1" t="s">
        <v>193595</v>
      </c>
    </row>
    <row r="57562" spans="1:10" x14ac:dyDescent="0.35">
      <c r="A57562" s="1" t="s">
        <v>120781</v>
      </c>
      <c r="B57562" s="1" t="s">
        <v>187129</v>
      </c>
      <c r="C57562" s="1" t="s">
        <v>50</v>
      </c>
      <c r="D57562" s="1" t="s">
        <v>35560</v>
      </c>
      <c r="E57562" s="1" t="s">
        <v>193596</v>
      </c>
      <c r="F57562" s="1" t="s">
        <v>193597</v>
      </c>
      <c r="G57562" s="1" t="s">
        <v>193572</v>
      </c>
      <c r="H57562" s="1" t="s">
        <v>193573</v>
      </c>
      <c r="I57562" s="1" t="s">
        <v>187135</v>
      </c>
      <c r="J57562" s="1" t="s">
        <v>193598</v>
      </c>
    </row>
    <row r="57563" spans="1:10" x14ac:dyDescent="0.35">
      <c r="A57563" s="1" t="s">
        <v>120781</v>
      </c>
      <c r="B57563" s="1" t="s">
        <v>187129</v>
      </c>
      <c r="C57563" s="1" t="s">
        <v>55</v>
      </c>
      <c r="D57563" s="1" t="s">
        <v>193599</v>
      </c>
      <c r="E57563" s="1" t="s">
        <v>193600</v>
      </c>
      <c r="F57563" s="1" t="s">
        <v>193601</v>
      </c>
      <c r="G57563" s="1" t="s">
        <v>193572</v>
      </c>
      <c r="H57563" s="1" t="s">
        <v>193573</v>
      </c>
      <c r="I57563" s="1" t="s">
        <v>187135</v>
      </c>
      <c r="J57563" s="1" t="s">
        <v>193602</v>
      </c>
    </row>
    <row r="57564" spans="1:10" x14ac:dyDescent="0.35">
      <c r="A57564" s="1" t="s">
        <v>120781</v>
      </c>
      <c r="B57564" s="1" t="s">
        <v>187129</v>
      </c>
      <c r="C57564" s="1" t="s">
        <v>60</v>
      </c>
      <c r="D57564" s="1" t="s">
        <v>38207</v>
      </c>
      <c r="E57564" s="1" t="s">
        <v>193603</v>
      </c>
      <c r="F57564" s="1" t="s">
        <v>193604</v>
      </c>
      <c r="G57564" s="1" t="s">
        <v>193572</v>
      </c>
      <c r="H57564" s="1" t="s">
        <v>193573</v>
      </c>
      <c r="I57564" s="1" t="s">
        <v>187135</v>
      </c>
      <c r="J57564" s="1" t="s">
        <v>193605</v>
      </c>
    </row>
    <row r="57565" spans="1:10" x14ac:dyDescent="0.35">
      <c r="A57565" s="1" t="s">
        <v>120781</v>
      </c>
      <c r="B57565" s="1" t="s">
        <v>187129</v>
      </c>
      <c r="C57565" s="1" t="s">
        <v>65</v>
      </c>
      <c r="D57565" s="1" t="s">
        <v>19604</v>
      </c>
      <c r="E57565" s="1" t="s">
        <v>193606</v>
      </c>
      <c r="F57565" s="1" t="s">
        <v>193607</v>
      </c>
      <c r="G57565" s="1" t="s">
        <v>193572</v>
      </c>
      <c r="H57565" s="1" t="s">
        <v>193573</v>
      </c>
      <c r="I57565" s="1" t="s">
        <v>187135</v>
      </c>
      <c r="J57565" s="1" t="s">
        <v>193608</v>
      </c>
    </row>
    <row r="57566" spans="1:10" x14ac:dyDescent="0.35">
      <c r="A57566" s="1" t="s">
        <v>120781</v>
      </c>
      <c r="B57566" s="1" t="s">
        <v>187129</v>
      </c>
      <c r="C57566" s="1" t="s">
        <v>70</v>
      </c>
      <c r="D57566" s="1" t="s">
        <v>119752</v>
      </c>
      <c r="E57566" s="1" t="s">
        <v>193609</v>
      </c>
      <c r="F57566" s="1" t="s">
        <v>193610</v>
      </c>
      <c r="G57566" s="1" t="s">
        <v>193572</v>
      </c>
      <c r="H57566" s="1" t="s">
        <v>193573</v>
      </c>
      <c r="I57566" s="1" t="s">
        <v>187135</v>
      </c>
      <c r="J57566" s="1" t="s">
        <v>193611</v>
      </c>
    </row>
    <row r="57567" spans="1:10" x14ac:dyDescent="0.35">
      <c r="A57567" s="1" t="s">
        <v>120781</v>
      </c>
      <c r="B57567" s="1" t="s">
        <v>187129</v>
      </c>
      <c r="C57567" s="1" t="s">
        <v>75</v>
      </c>
      <c r="D57567" s="1" t="s">
        <v>173584</v>
      </c>
      <c r="E57567" s="1" t="s">
        <v>193612</v>
      </c>
      <c r="F57567" s="1" t="s">
        <v>193613</v>
      </c>
      <c r="G57567" s="1" t="s">
        <v>193572</v>
      </c>
      <c r="H57567" s="1" t="s">
        <v>193573</v>
      </c>
      <c r="I57567" s="1" t="s">
        <v>187135</v>
      </c>
      <c r="J57567" s="1" t="s">
        <v>193614</v>
      </c>
    </row>
    <row r="57568" spans="1:10" x14ac:dyDescent="0.35">
      <c r="A57568" s="1" t="s">
        <v>120781</v>
      </c>
      <c r="B57568" s="1" t="s">
        <v>187129</v>
      </c>
      <c r="C57568" s="1" t="s">
        <v>80</v>
      </c>
      <c r="D57568" s="1" t="s">
        <v>119765</v>
      </c>
      <c r="E57568" s="1" t="s">
        <v>193615</v>
      </c>
      <c r="F57568" s="1" t="s">
        <v>193616</v>
      </c>
      <c r="G57568" s="1" t="s">
        <v>193572</v>
      </c>
      <c r="H57568" s="1" t="s">
        <v>193573</v>
      </c>
      <c r="I57568" s="1" t="s">
        <v>187135</v>
      </c>
      <c r="J57568" s="1" t="s">
        <v>193617</v>
      </c>
    </row>
    <row r="57569" spans="1:10" x14ac:dyDescent="0.35">
      <c r="A57569" s="1" t="s">
        <v>120781</v>
      </c>
      <c r="B57569" s="1" t="s">
        <v>187129</v>
      </c>
      <c r="C57569" s="1" t="s">
        <v>85</v>
      </c>
      <c r="D57569" s="1" t="s">
        <v>193618</v>
      </c>
      <c r="E57569" s="1" t="s">
        <v>193619</v>
      </c>
      <c r="F57569" s="1" t="s">
        <v>193620</v>
      </c>
      <c r="G57569" s="1" t="s">
        <v>193572</v>
      </c>
      <c r="H57569" s="1" t="s">
        <v>193573</v>
      </c>
      <c r="I57569" s="1" t="s">
        <v>187135</v>
      </c>
      <c r="J57569" s="1" t="s">
        <v>193621</v>
      </c>
    </row>
    <row r="57570" spans="1:10" x14ac:dyDescent="0.35">
      <c r="A57570" s="1" t="s">
        <v>120781</v>
      </c>
      <c r="B57570" s="1" t="s">
        <v>187129</v>
      </c>
      <c r="C57570" s="1" t="s">
        <v>90</v>
      </c>
      <c r="D57570" s="1" t="s">
        <v>193622</v>
      </c>
      <c r="E57570" s="1" t="s">
        <v>193623</v>
      </c>
      <c r="F57570" s="1" t="s">
        <v>193624</v>
      </c>
      <c r="G57570" s="1" t="s">
        <v>193572</v>
      </c>
      <c r="H57570" s="1" t="s">
        <v>193573</v>
      </c>
      <c r="I57570" s="1" t="s">
        <v>187135</v>
      </c>
      <c r="J57570" s="1" t="s">
        <v>193625</v>
      </c>
    </row>
    <row r="57571" spans="1:10" x14ac:dyDescent="0.35">
      <c r="A57571" s="1" t="s">
        <v>120781</v>
      </c>
      <c r="B57571" s="1" t="s">
        <v>187129</v>
      </c>
      <c r="C57571" s="1" t="s">
        <v>95</v>
      </c>
      <c r="D57571" s="1" t="s">
        <v>147181</v>
      </c>
      <c r="E57571" s="1" t="s">
        <v>193626</v>
      </c>
      <c r="F57571" s="1" t="s">
        <v>193627</v>
      </c>
      <c r="G57571" s="1" t="s">
        <v>193572</v>
      </c>
      <c r="H57571" s="1" t="s">
        <v>193573</v>
      </c>
      <c r="I57571" s="1" t="s">
        <v>187135</v>
      </c>
      <c r="J57571" s="1" t="s">
        <v>193628</v>
      </c>
    </row>
    <row r="57572" spans="1:10" x14ac:dyDescent="0.35">
      <c r="A57572" s="1" t="s">
        <v>120781</v>
      </c>
      <c r="B57572" s="1" t="s">
        <v>187129</v>
      </c>
      <c r="C57572" s="1" t="s">
        <v>100</v>
      </c>
      <c r="D57572" s="1" t="s">
        <v>193629</v>
      </c>
      <c r="E57572" s="1" t="s">
        <v>193630</v>
      </c>
      <c r="F57572" s="1" t="s">
        <v>193631</v>
      </c>
      <c r="G57572" s="1" t="s">
        <v>193572</v>
      </c>
      <c r="H57572" s="1" t="s">
        <v>193573</v>
      </c>
      <c r="I57572" s="1" t="s">
        <v>187135</v>
      </c>
      <c r="J57572" s="1" t="s">
        <v>193632</v>
      </c>
    </row>
    <row r="57573" spans="1:10" x14ac:dyDescent="0.35">
      <c r="A57573" s="1" t="s">
        <v>120781</v>
      </c>
      <c r="B57573" s="1" t="s">
        <v>187129</v>
      </c>
      <c r="C57573" s="1" t="s">
        <v>105</v>
      </c>
      <c r="D57573" s="1" t="s">
        <v>193633</v>
      </c>
      <c r="E57573" s="1" t="s">
        <v>193634</v>
      </c>
      <c r="F57573" s="1" t="s">
        <v>193635</v>
      </c>
      <c r="G57573" s="1" t="s">
        <v>193572</v>
      </c>
      <c r="H57573" s="1" t="s">
        <v>193573</v>
      </c>
      <c r="I57573" s="1" t="s">
        <v>187135</v>
      </c>
      <c r="J57573" s="1" t="s">
        <v>193636</v>
      </c>
    </row>
    <row r="57574" spans="1:10" x14ac:dyDescent="0.35">
      <c r="A57574" s="1" t="s">
        <v>120781</v>
      </c>
      <c r="B57574" s="1" t="s">
        <v>187129</v>
      </c>
      <c r="C57574" s="1" t="s">
        <v>110</v>
      </c>
      <c r="D57574" s="1" t="s">
        <v>174074</v>
      </c>
      <c r="E57574" s="1" t="s">
        <v>193637</v>
      </c>
      <c r="F57574" s="1" t="s">
        <v>193638</v>
      </c>
      <c r="G57574" s="1" t="s">
        <v>193572</v>
      </c>
      <c r="H57574" s="1" t="s">
        <v>193573</v>
      </c>
      <c r="I57574" s="1" t="s">
        <v>187135</v>
      </c>
      <c r="J57574" s="1" t="s">
        <v>193639</v>
      </c>
    </row>
    <row r="57575" spans="1:10" x14ac:dyDescent="0.35">
      <c r="A57575" s="1" t="s">
        <v>120781</v>
      </c>
      <c r="B57575" s="1" t="s">
        <v>187129</v>
      </c>
      <c r="C57575" s="1" t="s">
        <v>115</v>
      </c>
      <c r="D57575" s="1" t="s">
        <v>184273</v>
      </c>
      <c r="E57575" s="1" t="s">
        <v>193640</v>
      </c>
      <c r="F57575" s="1" t="s">
        <v>193641</v>
      </c>
      <c r="G57575" s="1" t="s">
        <v>193572</v>
      </c>
      <c r="H57575" s="1" t="s">
        <v>193573</v>
      </c>
      <c r="I57575" s="1" t="s">
        <v>187135</v>
      </c>
      <c r="J57575" s="1" t="s">
        <v>193642</v>
      </c>
    </row>
    <row r="57576" spans="1:10" x14ac:dyDescent="0.35">
      <c r="A57576" s="1" t="s">
        <v>120781</v>
      </c>
      <c r="B57576" s="1" t="s">
        <v>187129</v>
      </c>
      <c r="C57576" s="1" t="s">
        <v>120</v>
      </c>
      <c r="D57576" s="1" t="s">
        <v>31928</v>
      </c>
      <c r="E57576" s="1" t="s">
        <v>193643</v>
      </c>
      <c r="F57576" s="1" t="s">
        <v>193644</v>
      </c>
      <c r="G57576" s="1" t="s">
        <v>193572</v>
      </c>
      <c r="H57576" s="1" t="s">
        <v>193573</v>
      </c>
      <c r="I57576" s="1" t="s">
        <v>187135</v>
      </c>
      <c r="J57576" s="1" t="s">
        <v>193645</v>
      </c>
    </row>
    <row r="57577" spans="1:10" x14ac:dyDescent="0.35">
      <c r="A57577" s="1" t="s">
        <v>120781</v>
      </c>
      <c r="B57577" s="1" t="s">
        <v>187129</v>
      </c>
      <c r="C57577" s="1" t="s">
        <v>125</v>
      </c>
      <c r="D57577" s="1" t="s">
        <v>149577</v>
      </c>
      <c r="E57577" s="1" t="s">
        <v>193646</v>
      </c>
      <c r="F57577" s="1" t="s">
        <v>193647</v>
      </c>
      <c r="G57577" s="1" t="s">
        <v>193572</v>
      </c>
      <c r="H57577" s="1" t="s">
        <v>193573</v>
      </c>
      <c r="I57577" s="1" t="s">
        <v>187135</v>
      </c>
      <c r="J57577" s="1" t="s">
        <v>193648</v>
      </c>
    </row>
    <row r="57578" spans="1:10" x14ac:dyDescent="0.35">
      <c r="A57578" s="1" t="s">
        <v>120781</v>
      </c>
      <c r="B57578" s="1" t="s">
        <v>187129</v>
      </c>
      <c r="C57578" s="1" t="s">
        <v>130</v>
      </c>
      <c r="D57578" s="1" t="s">
        <v>193649</v>
      </c>
      <c r="E57578" s="1" t="s">
        <v>193650</v>
      </c>
      <c r="F57578" s="1" t="s">
        <v>193651</v>
      </c>
      <c r="G57578" s="1" t="s">
        <v>193572</v>
      </c>
      <c r="H57578" s="1" t="s">
        <v>193573</v>
      </c>
      <c r="I57578" s="1" t="s">
        <v>187135</v>
      </c>
      <c r="J57578" s="1" t="s">
        <v>193652</v>
      </c>
    </row>
    <row r="57579" spans="1:10" x14ac:dyDescent="0.35">
      <c r="A57579" s="1" t="s">
        <v>120781</v>
      </c>
      <c r="B57579" s="1" t="s">
        <v>187129</v>
      </c>
      <c r="C57579" s="1" t="s">
        <v>135</v>
      </c>
      <c r="D57579" s="1" t="s">
        <v>177392</v>
      </c>
      <c r="E57579" s="1" t="s">
        <v>193653</v>
      </c>
      <c r="F57579" s="1" t="s">
        <v>193654</v>
      </c>
      <c r="G57579" s="1" t="s">
        <v>193572</v>
      </c>
      <c r="H57579" s="1" t="s">
        <v>193573</v>
      </c>
      <c r="I57579" s="1" t="s">
        <v>187135</v>
      </c>
      <c r="J57579" s="1" t="s">
        <v>193655</v>
      </c>
    </row>
    <row r="57580" spans="1:10" x14ac:dyDescent="0.35">
      <c r="A57580" s="1" t="s">
        <v>120781</v>
      </c>
      <c r="B57580" s="1" t="s">
        <v>187129</v>
      </c>
      <c r="C57580" s="1" t="s">
        <v>140</v>
      </c>
      <c r="D57580" s="1" t="s">
        <v>193656</v>
      </c>
      <c r="E57580" s="1" t="s">
        <v>193657</v>
      </c>
      <c r="F57580" s="1" t="s">
        <v>193658</v>
      </c>
      <c r="G57580" s="1" t="s">
        <v>193572</v>
      </c>
      <c r="H57580" s="1" t="s">
        <v>193573</v>
      </c>
      <c r="I57580" s="1" t="s">
        <v>187135</v>
      </c>
      <c r="J57580" s="1" t="s">
        <v>193659</v>
      </c>
    </row>
    <row r="57581" spans="1:10" x14ac:dyDescent="0.35">
      <c r="A57581" s="1" t="s">
        <v>120781</v>
      </c>
      <c r="B57581" s="1" t="s">
        <v>187129</v>
      </c>
      <c r="C57581" s="1" t="s">
        <v>145</v>
      </c>
      <c r="D57581" s="1" t="s">
        <v>193660</v>
      </c>
      <c r="E57581" s="1" t="s">
        <v>193661</v>
      </c>
      <c r="F57581" s="1" t="s">
        <v>193662</v>
      </c>
      <c r="G57581" s="1" t="s">
        <v>193572</v>
      </c>
      <c r="H57581" s="1" t="s">
        <v>193573</v>
      </c>
      <c r="I57581" s="1" t="s">
        <v>187135</v>
      </c>
      <c r="J57581" s="1" t="s">
        <v>193663</v>
      </c>
    </row>
    <row r="57582" spans="1:10" x14ac:dyDescent="0.35">
      <c r="A57582" s="1" t="s">
        <v>120781</v>
      </c>
      <c r="B57582" s="1" t="s">
        <v>187129</v>
      </c>
      <c r="C57582" s="1" t="s">
        <v>150</v>
      </c>
      <c r="D57582" s="1" t="s">
        <v>43022</v>
      </c>
      <c r="E57582" s="1" t="s">
        <v>193664</v>
      </c>
      <c r="F57582" s="1" t="s">
        <v>193665</v>
      </c>
      <c r="G57582" s="1" t="s">
        <v>193572</v>
      </c>
      <c r="H57582" s="1" t="s">
        <v>193573</v>
      </c>
      <c r="I57582" s="1" t="s">
        <v>187135</v>
      </c>
      <c r="J57582" s="1" t="s">
        <v>193666</v>
      </c>
    </row>
    <row r="57583" spans="1:10" x14ac:dyDescent="0.35">
      <c r="A57583" s="1" t="s">
        <v>120781</v>
      </c>
      <c r="B57583" s="1" t="s">
        <v>187129</v>
      </c>
      <c r="C57583" s="1" t="s">
        <v>155</v>
      </c>
      <c r="D57583" s="1" t="s">
        <v>193667</v>
      </c>
      <c r="E57583" s="1" t="s">
        <v>193668</v>
      </c>
      <c r="F57583" s="1" t="s">
        <v>193669</v>
      </c>
      <c r="G57583" s="1" t="s">
        <v>193572</v>
      </c>
      <c r="H57583" s="1" t="s">
        <v>193573</v>
      </c>
      <c r="I57583" s="1" t="s">
        <v>187135</v>
      </c>
      <c r="J57583" s="1" t="s">
        <v>193670</v>
      </c>
    </row>
    <row r="57584" spans="1:10" x14ac:dyDescent="0.35">
      <c r="A57584" s="1" t="s">
        <v>120781</v>
      </c>
      <c r="B57584" s="1" t="s">
        <v>187129</v>
      </c>
      <c r="C57584" s="1" t="s">
        <v>160</v>
      </c>
      <c r="D57584" s="1" t="s">
        <v>81959</v>
      </c>
      <c r="E57584" s="1" t="s">
        <v>193671</v>
      </c>
      <c r="F57584" s="1" t="s">
        <v>193672</v>
      </c>
      <c r="G57584" s="1" t="s">
        <v>193572</v>
      </c>
      <c r="H57584" s="1" t="s">
        <v>193573</v>
      </c>
      <c r="I57584" s="1" t="s">
        <v>187135</v>
      </c>
      <c r="J57584" s="1" t="s">
        <v>193673</v>
      </c>
    </row>
    <row r="57585" spans="1:10" x14ac:dyDescent="0.35">
      <c r="A57585" s="1" t="s">
        <v>120781</v>
      </c>
      <c r="B57585" s="1" t="s">
        <v>187129</v>
      </c>
      <c r="C57585" s="1" t="s">
        <v>165</v>
      </c>
      <c r="D57585" s="1" t="s">
        <v>151090</v>
      </c>
      <c r="E57585" s="1" t="s">
        <v>193674</v>
      </c>
      <c r="F57585" s="1" t="s">
        <v>193675</v>
      </c>
      <c r="G57585" s="1" t="s">
        <v>193572</v>
      </c>
      <c r="H57585" s="1" t="s">
        <v>193573</v>
      </c>
      <c r="I57585" s="1" t="s">
        <v>187135</v>
      </c>
      <c r="J57585" s="1" t="s">
        <v>193676</v>
      </c>
    </row>
    <row r="57586" spans="1:10" x14ac:dyDescent="0.35">
      <c r="A57586" s="1" t="s">
        <v>120781</v>
      </c>
      <c r="B57586" s="1" t="s">
        <v>187129</v>
      </c>
      <c r="C57586" s="1" t="s">
        <v>170</v>
      </c>
      <c r="D57586" s="1" t="s">
        <v>46053</v>
      </c>
      <c r="E57586" s="1" t="s">
        <v>193677</v>
      </c>
      <c r="F57586" s="1" t="s">
        <v>193678</v>
      </c>
      <c r="G57586" s="1" t="s">
        <v>193572</v>
      </c>
      <c r="H57586" s="1" t="s">
        <v>193573</v>
      </c>
      <c r="I57586" s="1" t="s">
        <v>187135</v>
      </c>
      <c r="J57586" s="1" t="s">
        <v>193679</v>
      </c>
    </row>
    <row r="57587" spans="1:10" x14ac:dyDescent="0.35">
      <c r="A57587" s="1" t="s">
        <v>110335</v>
      </c>
      <c r="B57587" s="1" t="s">
        <v>187129</v>
      </c>
      <c r="C57587" s="1" t="s">
        <v>8</v>
      </c>
      <c r="D57587" s="1" t="s">
        <v>193680</v>
      </c>
      <c r="E57587" s="1" t="s">
        <v>193681</v>
      </c>
      <c r="F57587" s="1" t="s">
        <v>193682</v>
      </c>
      <c r="G57587" s="1" t="s">
        <v>193683</v>
      </c>
      <c r="H57587" s="1" t="s">
        <v>193684</v>
      </c>
      <c r="I57587" s="1" t="s">
        <v>187135</v>
      </c>
      <c r="J57587" s="1" t="s">
        <v>13</v>
      </c>
    </row>
    <row r="57588" spans="1:10" x14ac:dyDescent="0.35">
      <c r="A57588" s="1" t="s">
        <v>110335</v>
      </c>
      <c r="B57588" s="1" t="s">
        <v>187129</v>
      </c>
      <c r="C57588" s="1" t="s">
        <v>15</v>
      </c>
      <c r="D57588" s="1" t="s">
        <v>102438</v>
      </c>
      <c r="E57588" s="1" t="s">
        <v>193685</v>
      </c>
      <c r="F57588" s="1" t="s">
        <v>193686</v>
      </c>
      <c r="G57588" s="1" t="s">
        <v>193683</v>
      </c>
      <c r="H57588" s="1" t="s">
        <v>193684</v>
      </c>
      <c r="I57588" s="1" t="s">
        <v>187135</v>
      </c>
      <c r="J57588" s="1" t="s">
        <v>193687</v>
      </c>
    </row>
    <row r="57589" spans="1:10" x14ac:dyDescent="0.35">
      <c r="A57589" s="1" t="s">
        <v>110335</v>
      </c>
      <c r="B57589" s="1" t="s">
        <v>187129</v>
      </c>
      <c r="C57589" s="1" t="s">
        <v>20</v>
      </c>
      <c r="D57589" s="1" t="s">
        <v>193688</v>
      </c>
      <c r="E57589" s="1" t="s">
        <v>193689</v>
      </c>
      <c r="F57589" s="1" t="s">
        <v>193690</v>
      </c>
      <c r="G57589" s="1" t="s">
        <v>193683</v>
      </c>
      <c r="H57589" s="1" t="s">
        <v>193684</v>
      </c>
      <c r="I57589" s="1" t="s">
        <v>187135</v>
      </c>
      <c r="J57589" s="1" t="s">
        <v>193691</v>
      </c>
    </row>
    <row r="57590" spans="1:10" x14ac:dyDescent="0.35">
      <c r="A57590" s="1" t="s">
        <v>110335</v>
      </c>
      <c r="B57590" s="1" t="s">
        <v>187129</v>
      </c>
      <c r="C57590" s="1" t="s">
        <v>25</v>
      </c>
      <c r="D57590" s="1" t="s">
        <v>91732</v>
      </c>
      <c r="E57590" s="1" t="s">
        <v>193692</v>
      </c>
      <c r="F57590" s="1" t="s">
        <v>193693</v>
      </c>
      <c r="G57590" s="1" t="s">
        <v>193683</v>
      </c>
      <c r="H57590" s="1" t="s">
        <v>193684</v>
      </c>
      <c r="I57590" s="1" t="s">
        <v>187135</v>
      </c>
      <c r="J57590" s="1" t="s">
        <v>193694</v>
      </c>
    </row>
    <row r="57591" spans="1:10" x14ac:dyDescent="0.35">
      <c r="A57591" s="1" t="s">
        <v>110335</v>
      </c>
      <c r="B57591" s="1" t="s">
        <v>187129</v>
      </c>
      <c r="C57591" s="1" t="s">
        <v>30</v>
      </c>
      <c r="D57591" s="1" t="s">
        <v>64528</v>
      </c>
      <c r="E57591" s="1" t="s">
        <v>193695</v>
      </c>
      <c r="F57591" s="1" t="s">
        <v>193696</v>
      </c>
      <c r="G57591" s="1" t="s">
        <v>193683</v>
      </c>
      <c r="H57591" s="1" t="s">
        <v>193684</v>
      </c>
      <c r="I57591" s="1" t="s">
        <v>187135</v>
      </c>
      <c r="J57591" s="1" t="s">
        <v>193697</v>
      </c>
    </row>
    <row r="57592" spans="1:10" x14ac:dyDescent="0.35">
      <c r="A57592" s="1" t="s">
        <v>110335</v>
      </c>
      <c r="B57592" s="1" t="s">
        <v>187129</v>
      </c>
      <c r="C57592" s="1" t="s">
        <v>35</v>
      </c>
      <c r="D57592" s="1" t="s">
        <v>193698</v>
      </c>
      <c r="E57592" s="1" t="s">
        <v>193699</v>
      </c>
      <c r="F57592" s="1" t="s">
        <v>193700</v>
      </c>
      <c r="G57592" s="1" t="s">
        <v>193683</v>
      </c>
      <c r="H57592" s="1" t="s">
        <v>193684</v>
      </c>
      <c r="I57592" s="1" t="s">
        <v>187135</v>
      </c>
      <c r="J57592" s="1" t="s">
        <v>193701</v>
      </c>
    </row>
    <row r="57593" spans="1:10" x14ac:dyDescent="0.35">
      <c r="A57593" s="1" t="s">
        <v>110335</v>
      </c>
      <c r="B57593" s="1" t="s">
        <v>187129</v>
      </c>
      <c r="C57593" s="1" t="s">
        <v>40</v>
      </c>
      <c r="D57593" s="1" t="s">
        <v>81110</v>
      </c>
      <c r="E57593" s="1" t="s">
        <v>193702</v>
      </c>
      <c r="F57593" s="1" t="s">
        <v>193703</v>
      </c>
      <c r="G57593" s="1" t="s">
        <v>193683</v>
      </c>
      <c r="H57593" s="1" t="s">
        <v>193684</v>
      </c>
      <c r="I57593" s="1" t="s">
        <v>187135</v>
      </c>
      <c r="J57593" s="1" t="s">
        <v>193704</v>
      </c>
    </row>
    <row r="57594" spans="1:10" x14ac:dyDescent="0.35">
      <c r="A57594" s="1" t="s">
        <v>110335</v>
      </c>
      <c r="B57594" s="1" t="s">
        <v>187129</v>
      </c>
      <c r="C57594" s="1" t="s">
        <v>45</v>
      </c>
      <c r="D57594" s="1" t="s">
        <v>193705</v>
      </c>
      <c r="E57594" s="1" t="s">
        <v>193706</v>
      </c>
      <c r="F57594" s="1" t="s">
        <v>193707</v>
      </c>
      <c r="G57594" s="1" t="s">
        <v>193683</v>
      </c>
      <c r="H57594" s="1" t="s">
        <v>193684</v>
      </c>
      <c r="I57594" s="1" t="s">
        <v>187135</v>
      </c>
      <c r="J57594" s="1" t="s">
        <v>193708</v>
      </c>
    </row>
    <row r="57595" spans="1:10" x14ac:dyDescent="0.35">
      <c r="A57595" s="1" t="s">
        <v>110335</v>
      </c>
      <c r="B57595" s="1" t="s">
        <v>187129</v>
      </c>
      <c r="C57595" s="1" t="s">
        <v>50</v>
      </c>
      <c r="D57595" s="1" t="s">
        <v>77024</v>
      </c>
      <c r="E57595" s="1" t="s">
        <v>193709</v>
      </c>
      <c r="F57595" s="1" t="s">
        <v>193710</v>
      </c>
      <c r="G57595" s="1" t="s">
        <v>193683</v>
      </c>
      <c r="H57595" s="1" t="s">
        <v>193684</v>
      </c>
      <c r="I57595" s="1" t="s">
        <v>187135</v>
      </c>
      <c r="J57595" s="1" t="s">
        <v>193711</v>
      </c>
    </row>
    <row r="57596" spans="1:10" x14ac:dyDescent="0.35">
      <c r="A57596" s="1" t="s">
        <v>110335</v>
      </c>
      <c r="B57596" s="1" t="s">
        <v>187129</v>
      </c>
      <c r="C57596" s="1" t="s">
        <v>55</v>
      </c>
      <c r="D57596" s="1" t="s">
        <v>162290</v>
      </c>
      <c r="E57596" s="1" t="s">
        <v>193712</v>
      </c>
      <c r="F57596" s="1" t="s">
        <v>193713</v>
      </c>
      <c r="G57596" s="1" t="s">
        <v>193683</v>
      </c>
      <c r="H57596" s="1" t="s">
        <v>193684</v>
      </c>
      <c r="I57596" s="1" t="s">
        <v>187135</v>
      </c>
      <c r="J57596" s="1" t="s">
        <v>193714</v>
      </c>
    </row>
    <row r="57597" spans="1:10" x14ac:dyDescent="0.35">
      <c r="A57597" s="1" t="s">
        <v>110335</v>
      </c>
      <c r="B57597" s="1" t="s">
        <v>187129</v>
      </c>
      <c r="C57597" s="1" t="s">
        <v>60</v>
      </c>
      <c r="D57597" s="1" t="s">
        <v>70520</v>
      </c>
      <c r="E57597" s="1" t="s">
        <v>193715</v>
      </c>
      <c r="F57597" s="1" t="s">
        <v>193716</v>
      </c>
      <c r="G57597" s="1" t="s">
        <v>193683</v>
      </c>
      <c r="H57597" s="1" t="s">
        <v>193684</v>
      </c>
      <c r="I57597" s="1" t="s">
        <v>187135</v>
      </c>
      <c r="J57597" s="1" t="s">
        <v>193717</v>
      </c>
    </row>
    <row r="57598" spans="1:10" x14ac:dyDescent="0.35">
      <c r="A57598" s="1" t="s">
        <v>110335</v>
      </c>
      <c r="B57598" s="1" t="s">
        <v>187129</v>
      </c>
      <c r="C57598" s="1" t="s">
        <v>65</v>
      </c>
      <c r="D57598" s="1" t="s">
        <v>193718</v>
      </c>
      <c r="E57598" s="1" t="s">
        <v>193719</v>
      </c>
      <c r="F57598" s="1" t="s">
        <v>193720</v>
      </c>
      <c r="G57598" s="1" t="s">
        <v>193683</v>
      </c>
      <c r="H57598" s="1" t="s">
        <v>193684</v>
      </c>
      <c r="I57598" s="1" t="s">
        <v>187135</v>
      </c>
      <c r="J57598" s="1" t="s">
        <v>193721</v>
      </c>
    </row>
    <row r="57599" spans="1:10" x14ac:dyDescent="0.35">
      <c r="A57599" s="1" t="s">
        <v>110335</v>
      </c>
      <c r="B57599" s="1" t="s">
        <v>187129</v>
      </c>
      <c r="C57599" s="1" t="s">
        <v>70</v>
      </c>
      <c r="D57599" s="1" t="s">
        <v>129641</v>
      </c>
      <c r="E57599" s="1" t="s">
        <v>193722</v>
      </c>
      <c r="F57599" s="1" t="s">
        <v>193723</v>
      </c>
      <c r="G57599" s="1" t="s">
        <v>193683</v>
      </c>
      <c r="H57599" s="1" t="s">
        <v>193684</v>
      </c>
      <c r="I57599" s="1" t="s">
        <v>187135</v>
      </c>
      <c r="J57599" s="1" t="s">
        <v>193724</v>
      </c>
    </row>
    <row r="57600" spans="1:10" x14ac:dyDescent="0.35">
      <c r="A57600" s="1" t="s">
        <v>110335</v>
      </c>
      <c r="B57600" s="1" t="s">
        <v>187129</v>
      </c>
      <c r="C57600" s="1" t="s">
        <v>75</v>
      </c>
      <c r="D57600" s="1" t="s">
        <v>7373</v>
      </c>
      <c r="E57600" s="1" t="s">
        <v>193725</v>
      </c>
      <c r="F57600" s="1" t="s">
        <v>193726</v>
      </c>
      <c r="G57600" s="1" t="s">
        <v>193683</v>
      </c>
      <c r="H57600" s="1" t="s">
        <v>193684</v>
      </c>
      <c r="I57600" s="1" t="s">
        <v>187135</v>
      </c>
      <c r="J57600" s="1" t="s">
        <v>193727</v>
      </c>
    </row>
    <row r="57601" spans="1:10" x14ac:dyDescent="0.35">
      <c r="A57601" s="1" t="s">
        <v>110335</v>
      </c>
      <c r="B57601" s="1" t="s">
        <v>187129</v>
      </c>
      <c r="C57601" s="1" t="s">
        <v>80</v>
      </c>
      <c r="D57601" s="1" t="s">
        <v>90903</v>
      </c>
      <c r="E57601" s="1" t="s">
        <v>193728</v>
      </c>
      <c r="F57601" s="1" t="s">
        <v>193729</v>
      </c>
      <c r="G57601" s="1" t="s">
        <v>193683</v>
      </c>
      <c r="H57601" s="1" t="s">
        <v>193684</v>
      </c>
      <c r="I57601" s="1" t="s">
        <v>187135</v>
      </c>
      <c r="J57601" s="1" t="s">
        <v>193730</v>
      </c>
    </row>
    <row r="57602" spans="1:10" x14ac:dyDescent="0.35">
      <c r="A57602" s="1" t="s">
        <v>110335</v>
      </c>
      <c r="B57602" s="1" t="s">
        <v>187129</v>
      </c>
      <c r="C57602" s="1" t="s">
        <v>85</v>
      </c>
      <c r="D57602" s="1" t="s">
        <v>193731</v>
      </c>
      <c r="E57602" s="1" t="s">
        <v>193732</v>
      </c>
      <c r="F57602" s="1" t="s">
        <v>193733</v>
      </c>
      <c r="G57602" s="1" t="s">
        <v>193683</v>
      </c>
      <c r="H57602" s="1" t="s">
        <v>193684</v>
      </c>
      <c r="I57602" s="1" t="s">
        <v>187135</v>
      </c>
      <c r="J57602" s="1" t="s">
        <v>193734</v>
      </c>
    </row>
    <row r="57603" spans="1:10" x14ac:dyDescent="0.35">
      <c r="A57603" s="1" t="s">
        <v>110335</v>
      </c>
      <c r="B57603" s="1" t="s">
        <v>187129</v>
      </c>
      <c r="C57603" s="1" t="s">
        <v>90</v>
      </c>
      <c r="D57603" s="1" t="s">
        <v>80321</v>
      </c>
      <c r="E57603" s="1" t="s">
        <v>193735</v>
      </c>
      <c r="F57603" s="1" t="s">
        <v>193736</v>
      </c>
      <c r="G57603" s="1" t="s">
        <v>193683</v>
      </c>
      <c r="H57603" s="1" t="s">
        <v>193684</v>
      </c>
      <c r="I57603" s="1" t="s">
        <v>187135</v>
      </c>
      <c r="J57603" s="1" t="s">
        <v>193737</v>
      </c>
    </row>
    <row r="57604" spans="1:10" x14ac:dyDescent="0.35">
      <c r="A57604" s="1" t="s">
        <v>110335</v>
      </c>
      <c r="B57604" s="1" t="s">
        <v>187129</v>
      </c>
      <c r="C57604" s="1" t="s">
        <v>95</v>
      </c>
      <c r="D57604" s="1" t="s">
        <v>5887</v>
      </c>
      <c r="E57604" s="1" t="s">
        <v>193738</v>
      </c>
      <c r="F57604" s="1" t="s">
        <v>193739</v>
      </c>
      <c r="G57604" s="1" t="s">
        <v>193683</v>
      </c>
      <c r="H57604" s="1" t="s">
        <v>193684</v>
      </c>
      <c r="I57604" s="1" t="s">
        <v>187135</v>
      </c>
      <c r="J57604" s="1" t="s">
        <v>193740</v>
      </c>
    </row>
    <row r="57605" spans="1:10" x14ac:dyDescent="0.35">
      <c r="A57605" s="1" t="s">
        <v>110335</v>
      </c>
      <c r="B57605" s="1" t="s">
        <v>187129</v>
      </c>
      <c r="C57605" s="1" t="s">
        <v>100</v>
      </c>
      <c r="D57605" s="1" t="s">
        <v>94161</v>
      </c>
      <c r="E57605" s="1" t="s">
        <v>193741</v>
      </c>
      <c r="F57605" s="1" t="s">
        <v>193742</v>
      </c>
      <c r="G57605" s="1" t="s">
        <v>193683</v>
      </c>
      <c r="H57605" s="1" t="s">
        <v>193684</v>
      </c>
      <c r="I57605" s="1" t="s">
        <v>187135</v>
      </c>
      <c r="J57605" s="1" t="s">
        <v>193743</v>
      </c>
    </row>
    <row r="57606" spans="1:10" x14ac:dyDescent="0.35">
      <c r="A57606" s="1" t="s">
        <v>110335</v>
      </c>
      <c r="B57606" s="1" t="s">
        <v>187129</v>
      </c>
      <c r="C57606" s="1" t="s">
        <v>105</v>
      </c>
      <c r="D57606" s="1" t="s">
        <v>193744</v>
      </c>
      <c r="E57606" s="1" t="s">
        <v>193745</v>
      </c>
      <c r="F57606" s="1" t="s">
        <v>193746</v>
      </c>
      <c r="G57606" s="1" t="s">
        <v>193683</v>
      </c>
      <c r="H57606" s="1" t="s">
        <v>193684</v>
      </c>
      <c r="I57606" s="1" t="s">
        <v>187135</v>
      </c>
      <c r="J57606" s="1" t="s">
        <v>193747</v>
      </c>
    </row>
    <row r="57607" spans="1:10" x14ac:dyDescent="0.35">
      <c r="A57607" s="1" t="s">
        <v>110335</v>
      </c>
      <c r="B57607" s="1" t="s">
        <v>187129</v>
      </c>
      <c r="C57607" s="1" t="s">
        <v>110</v>
      </c>
      <c r="D57607" s="1" t="s">
        <v>90299</v>
      </c>
      <c r="E57607" s="1" t="s">
        <v>193748</v>
      </c>
      <c r="F57607" s="1" t="s">
        <v>193749</v>
      </c>
      <c r="G57607" s="1" t="s">
        <v>193683</v>
      </c>
      <c r="H57607" s="1" t="s">
        <v>193684</v>
      </c>
      <c r="I57607" s="1" t="s">
        <v>187135</v>
      </c>
      <c r="J57607" s="1" t="s">
        <v>193750</v>
      </c>
    </row>
    <row r="57608" spans="1:10" x14ac:dyDescent="0.35">
      <c r="A57608" s="1" t="s">
        <v>110335</v>
      </c>
      <c r="B57608" s="1" t="s">
        <v>187129</v>
      </c>
      <c r="C57608" s="1" t="s">
        <v>115</v>
      </c>
      <c r="D57608" s="1" t="s">
        <v>54462</v>
      </c>
      <c r="E57608" s="1" t="s">
        <v>193751</v>
      </c>
      <c r="F57608" s="1" t="s">
        <v>193752</v>
      </c>
      <c r="G57608" s="1" t="s">
        <v>193683</v>
      </c>
      <c r="H57608" s="1" t="s">
        <v>193684</v>
      </c>
      <c r="I57608" s="1" t="s">
        <v>187135</v>
      </c>
      <c r="J57608" s="1" t="s">
        <v>193753</v>
      </c>
    </row>
    <row r="57609" spans="1:10" x14ac:dyDescent="0.35">
      <c r="A57609" s="1" t="s">
        <v>110335</v>
      </c>
      <c r="B57609" s="1" t="s">
        <v>187129</v>
      </c>
      <c r="C57609" s="1" t="s">
        <v>120</v>
      </c>
      <c r="D57609" s="1" t="s">
        <v>40726</v>
      </c>
      <c r="E57609" s="1" t="s">
        <v>193754</v>
      </c>
      <c r="F57609" s="1" t="s">
        <v>193755</v>
      </c>
      <c r="G57609" s="1" t="s">
        <v>193683</v>
      </c>
      <c r="H57609" s="1" t="s">
        <v>193684</v>
      </c>
      <c r="I57609" s="1" t="s">
        <v>187135</v>
      </c>
      <c r="J57609" s="1" t="s">
        <v>193756</v>
      </c>
    </row>
    <row r="57610" spans="1:10" x14ac:dyDescent="0.35">
      <c r="A57610" s="1" t="s">
        <v>110335</v>
      </c>
      <c r="B57610" s="1" t="s">
        <v>187129</v>
      </c>
      <c r="C57610" s="1" t="s">
        <v>125</v>
      </c>
      <c r="D57610" s="1" t="s">
        <v>193757</v>
      </c>
      <c r="E57610" s="1" t="s">
        <v>193758</v>
      </c>
      <c r="F57610" s="1" t="s">
        <v>193759</v>
      </c>
      <c r="G57610" s="1" t="s">
        <v>193683</v>
      </c>
      <c r="H57610" s="1" t="s">
        <v>193684</v>
      </c>
      <c r="I57610" s="1" t="s">
        <v>187135</v>
      </c>
      <c r="J57610" s="1" t="s">
        <v>193760</v>
      </c>
    </row>
    <row r="57611" spans="1:10" x14ac:dyDescent="0.35">
      <c r="A57611" s="1" t="s">
        <v>110335</v>
      </c>
      <c r="B57611" s="1" t="s">
        <v>187129</v>
      </c>
      <c r="C57611" s="1" t="s">
        <v>130</v>
      </c>
      <c r="D57611" s="1" t="s">
        <v>193761</v>
      </c>
      <c r="E57611" s="1" t="s">
        <v>193762</v>
      </c>
      <c r="F57611" s="1" t="s">
        <v>193763</v>
      </c>
      <c r="G57611" s="1" t="s">
        <v>193683</v>
      </c>
      <c r="H57611" s="1" t="s">
        <v>193684</v>
      </c>
      <c r="I57611" s="1" t="s">
        <v>187135</v>
      </c>
      <c r="J57611" s="1" t="s">
        <v>193764</v>
      </c>
    </row>
    <row r="57612" spans="1:10" x14ac:dyDescent="0.35">
      <c r="A57612" s="1" t="s">
        <v>110335</v>
      </c>
      <c r="B57612" s="1" t="s">
        <v>187129</v>
      </c>
      <c r="C57612" s="1" t="s">
        <v>135</v>
      </c>
      <c r="D57612" s="1" t="s">
        <v>12605</v>
      </c>
      <c r="E57612" s="1" t="s">
        <v>193765</v>
      </c>
      <c r="F57612" s="1" t="s">
        <v>193766</v>
      </c>
      <c r="G57612" s="1" t="s">
        <v>193683</v>
      </c>
      <c r="H57612" s="1" t="s">
        <v>193684</v>
      </c>
      <c r="I57612" s="1" t="s">
        <v>187135</v>
      </c>
      <c r="J57612" s="1" t="s">
        <v>193767</v>
      </c>
    </row>
    <row r="57613" spans="1:10" x14ac:dyDescent="0.35">
      <c r="A57613" s="1" t="s">
        <v>110335</v>
      </c>
      <c r="B57613" s="1" t="s">
        <v>187129</v>
      </c>
      <c r="C57613" s="1" t="s">
        <v>140</v>
      </c>
      <c r="D57613" s="1" t="s">
        <v>193768</v>
      </c>
      <c r="E57613" s="1" t="s">
        <v>193769</v>
      </c>
      <c r="F57613" s="1" t="s">
        <v>193770</v>
      </c>
      <c r="G57613" s="1" t="s">
        <v>193683</v>
      </c>
      <c r="H57613" s="1" t="s">
        <v>193684</v>
      </c>
      <c r="I57613" s="1" t="s">
        <v>187135</v>
      </c>
      <c r="J57613" s="1" t="s">
        <v>193771</v>
      </c>
    </row>
    <row r="57614" spans="1:10" x14ac:dyDescent="0.35">
      <c r="A57614" s="1" t="s">
        <v>110335</v>
      </c>
      <c r="B57614" s="1" t="s">
        <v>187129</v>
      </c>
      <c r="C57614" s="1" t="s">
        <v>145</v>
      </c>
      <c r="D57614" s="1" t="s">
        <v>193772</v>
      </c>
      <c r="E57614" s="1" t="s">
        <v>193773</v>
      </c>
      <c r="F57614" s="1" t="s">
        <v>193774</v>
      </c>
      <c r="G57614" s="1" t="s">
        <v>193683</v>
      </c>
      <c r="H57614" s="1" t="s">
        <v>193684</v>
      </c>
      <c r="I57614" s="1" t="s">
        <v>187135</v>
      </c>
      <c r="J57614" s="1" t="s">
        <v>193775</v>
      </c>
    </row>
    <row r="57615" spans="1:10" x14ac:dyDescent="0.35">
      <c r="A57615" s="1" t="s">
        <v>110335</v>
      </c>
      <c r="B57615" s="1" t="s">
        <v>187129</v>
      </c>
      <c r="C57615" s="1" t="s">
        <v>150</v>
      </c>
      <c r="D57615" s="1" t="s">
        <v>193776</v>
      </c>
      <c r="E57615" s="1" t="s">
        <v>193777</v>
      </c>
      <c r="F57615" s="1" t="s">
        <v>193778</v>
      </c>
      <c r="G57615" s="1" t="s">
        <v>193683</v>
      </c>
      <c r="H57615" s="1" t="s">
        <v>193684</v>
      </c>
      <c r="I57615" s="1" t="s">
        <v>187135</v>
      </c>
      <c r="J57615" s="1" t="s">
        <v>193779</v>
      </c>
    </row>
    <row r="57616" spans="1:10" x14ac:dyDescent="0.35">
      <c r="A57616" s="1" t="s">
        <v>110335</v>
      </c>
      <c r="B57616" s="1" t="s">
        <v>187129</v>
      </c>
      <c r="C57616" s="1" t="s">
        <v>155</v>
      </c>
      <c r="D57616" s="1" t="s">
        <v>132313</v>
      </c>
      <c r="E57616" s="1" t="s">
        <v>193780</v>
      </c>
      <c r="F57616" s="1" t="s">
        <v>193781</v>
      </c>
      <c r="G57616" s="1" t="s">
        <v>193683</v>
      </c>
      <c r="H57616" s="1" t="s">
        <v>193684</v>
      </c>
      <c r="I57616" s="1" t="s">
        <v>187135</v>
      </c>
      <c r="J57616" s="1" t="s">
        <v>193782</v>
      </c>
    </row>
    <row r="57617" spans="1:10" x14ac:dyDescent="0.35">
      <c r="A57617" s="1" t="s">
        <v>110335</v>
      </c>
      <c r="B57617" s="1" t="s">
        <v>187129</v>
      </c>
      <c r="C57617" s="1" t="s">
        <v>160</v>
      </c>
      <c r="D57617" s="1" t="s">
        <v>58463</v>
      </c>
      <c r="E57617" s="1" t="s">
        <v>193783</v>
      </c>
      <c r="F57617" s="1" t="s">
        <v>193784</v>
      </c>
      <c r="G57617" s="1" t="s">
        <v>193683</v>
      </c>
      <c r="H57617" s="1" t="s">
        <v>193684</v>
      </c>
      <c r="I57617" s="1" t="s">
        <v>187135</v>
      </c>
      <c r="J57617" s="1" t="s">
        <v>193785</v>
      </c>
    </row>
    <row r="57618" spans="1:10" x14ac:dyDescent="0.35">
      <c r="A57618" s="1" t="s">
        <v>110335</v>
      </c>
      <c r="B57618" s="1" t="s">
        <v>187129</v>
      </c>
      <c r="C57618" s="1" t="s">
        <v>165</v>
      </c>
      <c r="D57618" s="1" t="s">
        <v>163601</v>
      </c>
      <c r="E57618" s="1" t="s">
        <v>193786</v>
      </c>
      <c r="F57618" s="1" t="s">
        <v>193787</v>
      </c>
      <c r="G57618" s="1" t="s">
        <v>193683</v>
      </c>
      <c r="H57618" s="1" t="s">
        <v>193684</v>
      </c>
      <c r="I57618" s="1" t="s">
        <v>187135</v>
      </c>
      <c r="J57618" s="1" t="s">
        <v>193788</v>
      </c>
    </row>
    <row r="57619" spans="1:10" x14ac:dyDescent="0.35">
      <c r="A57619" s="1" t="s">
        <v>110335</v>
      </c>
      <c r="B57619" s="1" t="s">
        <v>187129</v>
      </c>
      <c r="C57619" s="1" t="s">
        <v>170</v>
      </c>
      <c r="D57619" s="1" t="s">
        <v>193789</v>
      </c>
      <c r="E57619" s="1" t="s">
        <v>193790</v>
      </c>
      <c r="F57619" s="1" t="s">
        <v>193791</v>
      </c>
      <c r="G57619" s="1" t="s">
        <v>193683</v>
      </c>
      <c r="H57619" s="1" t="s">
        <v>193684</v>
      </c>
      <c r="I57619" s="1" t="s">
        <v>187135</v>
      </c>
      <c r="J57619" s="1" t="s">
        <v>193792</v>
      </c>
    </row>
    <row r="57620" spans="1:10" x14ac:dyDescent="0.35">
      <c r="A57620" s="1" t="s">
        <v>148604</v>
      </c>
      <c r="B57620" s="1" t="s">
        <v>187129</v>
      </c>
      <c r="C57620" s="1" t="s">
        <v>8</v>
      </c>
      <c r="D57620" s="1" t="s">
        <v>69919</v>
      </c>
      <c r="E57620" s="1" t="s">
        <v>193793</v>
      </c>
      <c r="F57620" s="1" t="s">
        <v>193794</v>
      </c>
      <c r="G57620" s="1" t="s">
        <v>193795</v>
      </c>
      <c r="H57620" s="1" t="s">
        <v>193796</v>
      </c>
      <c r="I57620" s="1" t="s">
        <v>187135</v>
      </c>
      <c r="J57620" s="1" t="s">
        <v>13</v>
      </c>
    </row>
    <row r="57621" spans="1:10" x14ac:dyDescent="0.35">
      <c r="A57621" s="1" t="s">
        <v>148604</v>
      </c>
      <c r="B57621" s="1" t="s">
        <v>187129</v>
      </c>
      <c r="C57621" s="1" t="s">
        <v>15</v>
      </c>
      <c r="D57621" s="1" t="s">
        <v>4815</v>
      </c>
      <c r="E57621" s="1" t="s">
        <v>193797</v>
      </c>
      <c r="F57621" s="1" t="s">
        <v>193798</v>
      </c>
      <c r="G57621" s="1" t="s">
        <v>193795</v>
      </c>
      <c r="H57621" s="1" t="s">
        <v>193796</v>
      </c>
      <c r="I57621" s="1" t="s">
        <v>187135</v>
      </c>
      <c r="J57621" s="1" t="s">
        <v>193799</v>
      </c>
    </row>
    <row r="57622" spans="1:10" x14ac:dyDescent="0.35">
      <c r="A57622" s="1" t="s">
        <v>148604</v>
      </c>
      <c r="B57622" s="1" t="s">
        <v>187129</v>
      </c>
      <c r="C57622" s="1" t="s">
        <v>20</v>
      </c>
      <c r="D57622" s="1" t="s">
        <v>64913</v>
      </c>
      <c r="E57622" s="1" t="s">
        <v>193800</v>
      </c>
      <c r="F57622" s="1" t="s">
        <v>193801</v>
      </c>
      <c r="G57622" s="1" t="s">
        <v>193795</v>
      </c>
      <c r="H57622" s="1" t="s">
        <v>193796</v>
      </c>
      <c r="I57622" s="1" t="s">
        <v>187135</v>
      </c>
      <c r="J57622" s="1" t="s">
        <v>193802</v>
      </c>
    </row>
    <row r="57623" spans="1:10" x14ac:dyDescent="0.35">
      <c r="A57623" s="1" t="s">
        <v>148604</v>
      </c>
      <c r="B57623" s="1" t="s">
        <v>187129</v>
      </c>
      <c r="C57623" s="1" t="s">
        <v>25</v>
      </c>
      <c r="D57623" s="1" t="s">
        <v>22507</v>
      </c>
      <c r="E57623" s="1" t="s">
        <v>193803</v>
      </c>
      <c r="F57623" s="1" t="s">
        <v>193804</v>
      </c>
      <c r="G57623" s="1" t="s">
        <v>193795</v>
      </c>
      <c r="H57623" s="1" t="s">
        <v>193796</v>
      </c>
      <c r="I57623" s="1" t="s">
        <v>187135</v>
      </c>
      <c r="J57623" s="1" t="s">
        <v>193805</v>
      </c>
    </row>
    <row r="57624" spans="1:10" x14ac:dyDescent="0.35">
      <c r="A57624" s="1" t="s">
        <v>148604</v>
      </c>
      <c r="B57624" s="1" t="s">
        <v>187129</v>
      </c>
      <c r="C57624" s="1" t="s">
        <v>30</v>
      </c>
      <c r="D57624" s="1" t="s">
        <v>108005</v>
      </c>
      <c r="E57624" s="1" t="s">
        <v>193806</v>
      </c>
      <c r="F57624" s="1" t="s">
        <v>193807</v>
      </c>
      <c r="G57624" s="1" t="s">
        <v>193795</v>
      </c>
      <c r="H57624" s="1" t="s">
        <v>193796</v>
      </c>
      <c r="I57624" s="1" t="s">
        <v>187135</v>
      </c>
      <c r="J57624" s="1" t="s">
        <v>193808</v>
      </c>
    </row>
    <row r="57625" spans="1:10" x14ac:dyDescent="0.35">
      <c r="A57625" s="1" t="s">
        <v>148604</v>
      </c>
      <c r="B57625" s="1" t="s">
        <v>187129</v>
      </c>
      <c r="C57625" s="1" t="s">
        <v>35</v>
      </c>
      <c r="D57625" s="1" t="s">
        <v>60295</v>
      </c>
      <c r="E57625" s="1" t="s">
        <v>193809</v>
      </c>
      <c r="F57625" s="1" t="s">
        <v>193810</v>
      </c>
      <c r="G57625" s="1" t="s">
        <v>193795</v>
      </c>
      <c r="H57625" s="1" t="s">
        <v>193796</v>
      </c>
      <c r="I57625" s="1" t="s">
        <v>187135</v>
      </c>
      <c r="J57625" s="1" t="s">
        <v>193811</v>
      </c>
    </row>
    <row r="57626" spans="1:10" x14ac:dyDescent="0.35">
      <c r="A57626" s="1" t="s">
        <v>148604</v>
      </c>
      <c r="B57626" s="1" t="s">
        <v>187129</v>
      </c>
      <c r="C57626" s="1" t="s">
        <v>40</v>
      </c>
      <c r="D57626" s="1" t="s">
        <v>32723</v>
      </c>
      <c r="E57626" s="1" t="s">
        <v>193812</v>
      </c>
      <c r="F57626" s="1" t="s">
        <v>193813</v>
      </c>
      <c r="G57626" s="1" t="s">
        <v>193795</v>
      </c>
      <c r="H57626" s="1" t="s">
        <v>193796</v>
      </c>
      <c r="I57626" s="1" t="s">
        <v>187135</v>
      </c>
      <c r="J57626" s="1" t="s">
        <v>193814</v>
      </c>
    </row>
    <row r="57627" spans="1:10" x14ac:dyDescent="0.35">
      <c r="A57627" s="1" t="s">
        <v>148604</v>
      </c>
      <c r="B57627" s="1" t="s">
        <v>187129</v>
      </c>
      <c r="C57627" s="1" t="s">
        <v>45</v>
      </c>
      <c r="D57627" s="1" t="s">
        <v>193815</v>
      </c>
      <c r="E57627" s="1" t="s">
        <v>193816</v>
      </c>
      <c r="F57627" s="1" t="s">
        <v>193817</v>
      </c>
      <c r="G57627" s="1" t="s">
        <v>193795</v>
      </c>
      <c r="H57627" s="1" t="s">
        <v>193796</v>
      </c>
      <c r="I57627" s="1" t="s">
        <v>187135</v>
      </c>
      <c r="J57627" s="1" t="s">
        <v>193818</v>
      </c>
    </row>
    <row r="57628" spans="1:10" x14ac:dyDescent="0.35">
      <c r="A57628" s="1" t="s">
        <v>148604</v>
      </c>
      <c r="B57628" s="1" t="s">
        <v>187129</v>
      </c>
      <c r="C57628" s="1" t="s">
        <v>50</v>
      </c>
      <c r="D57628" s="1" t="s">
        <v>177487</v>
      </c>
      <c r="E57628" s="1" t="s">
        <v>193819</v>
      </c>
      <c r="F57628" s="1" t="s">
        <v>193820</v>
      </c>
      <c r="G57628" s="1" t="s">
        <v>193795</v>
      </c>
      <c r="H57628" s="1" t="s">
        <v>193796</v>
      </c>
      <c r="I57628" s="1" t="s">
        <v>187135</v>
      </c>
      <c r="J57628" s="1" t="s">
        <v>193821</v>
      </c>
    </row>
    <row r="57629" spans="1:10" x14ac:dyDescent="0.35">
      <c r="A57629" s="1" t="s">
        <v>148604</v>
      </c>
      <c r="B57629" s="1" t="s">
        <v>187129</v>
      </c>
      <c r="C57629" s="1" t="s">
        <v>55</v>
      </c>
      <c r="D57629" s="1" t="s">
        <v>179304</v>
      </c>
      <c r="E57629" s="1" t="s">
        <v>193822</v>
      </c>
      <c r="F57629" s="1" t="s">
        <v>193823</v>
      </c>
      <c r="G57629" s="1" t="s">
        <v>193795</v>
      </c>
      <c r="H57629" s="1" t="s">
        <v>193796</v>
      </c>
      <c r="I57629" s="1" t="s">
        <v>187135</v>
      </c>
      <c r="J57629" s="1" t="s">
        <v>193824</v>
      </c>
    </row>
    <row r="57630" spans="1:10" x14ac:dyDescent="0.35">
      <c r="A57630" s="1" t="s">
        <v>148604</v>
      </c>
      <c r="B57630" s="1" t="s">
        <v>187129</v>
      </c>
      <c r="C57630" s="1" t="s">
        <v>60</v>
      </c>
      <c r="D57630" s="1" t="s">
        <v>193825</v>
      </c>
      <c r="E57630" s="1" t="s">
        <v>193826</v>
      </c>
      <c r="F57630" s="1" t="s">
        <v>193827</v>
      </c>
      <c r="G57630" s="1" t="s">
        <v>193795</v>
      </c>
      <c r="H57630" s="1" t="s">
        <v>193796</v>
      </c>
      <c r="I57630" s="1" t="s">
        <v>187135</v>
      </c>
      <c r="J57630" s="1" t="s">
        <v>193828</v>
      </c>
    </row>
    <row r="57631" spans="1:10" x14ac:dyDescent="0.35">
      <c r="A57631" s="1" t="s">
        <v>148604</v>
      </c>
      <c r="B57631" s="1" t="s">
        <v>187129</v>
      </c>
      <c r="C57631" s="1" t="s">
        <v>65</v>
      </c>
      <c r="D57631" s="1" t="s">
        <v>193829</v>
      </c>
      <c r="E57631" s="1" t="s">
        <v>193830</v>
      </c>
      <c r="F57631" s="1" t="s">
        <v>193831</v>
      </c>
      <c r="G57631" s="1" t="s">
        <v>193795</v>
      </c>
      <c r="H57631" s="1" t="s">
        <v>193796</v>
      </c>
      <c r="I57631" s="1" t="s">
        <v>187135</v>
      </c>
      <c r="J57631" s="1" t="s">
        <v>193832</v>
      </c>
    </row>
    <row r="57632" spans="1:10" x14ac:dyDescent="0.35">
      <c r="A57632" s="1" t="s">
        <v>148604</v>
      </c>
      <c r="B57632" s="1" t="s">
        <v>187129</v>
      </c>
      <c r="C57632" s="1" t="s">
        <v>70</v>
      </c>
      <c r="D57632" s="1" t="s">
        <v>179321</v>
      </c>
      <c r="E57632" s="1" t="s">
        <v>193833</v>
      </c>
      <c r="F57632" s="1" t="s">
        <v>193834</v>
      </c>
      <c r="G57632" s="1" t="s">
        <v>193795</v>
      </c>
      <c r="H57632" s="1" t="s">
        <v>193796</v>
      </c>
      <c r="I57632" s="1" t="s">
        <v>187135</v>
      </c>
      <c r="J57632" s="1" t="s">
        <v>193835</v>
      </c>
    </row>
    <row r="57633" spans="1:10" x14ac:dyDescent="0.35">
      <c r="A57633" s="1" t="s">
        <v>148604</v>
      </c>
      <c r="B57633" s="1" t="s">
        <v>187129</v>
      </c>
      <c r="C57633" s="1" t="s">
        <v>75</v>
      </c>
      <c r="D57633" s="1" t="s">
        <v>193836</v>
      </c>
      <c r="E57633" s="1" t="s">
        <v>193837</v>
      </c>
      <c r="F57633" s="1" t="s">
        <v>193838</v>
      </c>
      <c r="G57633" s="1" t="s">
        <v>193795</v>
      </c>
      <c r="H57633" s="1" t="s">
        <v>193796</v>
      </c>
      <c r="I57633" s="1" t="s">
        <v>187135</v>
      </c>
      <c r="J57633" s="1" t="s">
        <v>193839</v>
      </c>
    </row>
    <row r="57634" spans="1:10" x14ac:dyDescent="0.35">
      <c r="A57634" s="1" t="s">
        <v>148604</v>
      </c>
      <c r="B57634" s="1" t="s">
        <v>187129</v>
      </c>
      <c r="C57634" s="1" t="s">
        <v>80</v>
      </c>
      <c r="D57634" s="1" t="s">
        <v>193840</v>
      </c>
      <c r="E57634" s="1" t="s">
        <v>193841</v>
      </c>
      <c r="F57634" s="1" t="s">
        <v>193842</v>
      </c>
      <c r="G57634" s="1" t="s">
        <v>193795</v>
      </c>
      <c r="H57634" s="1" t="s">
        <v>193796</v>
      </c>
      <c r="I57634" s="1" t="s">
        <v>187135</v>
      </c>
      <c r="J57634" s="1" t="s">
        <v>193843</v>
      </c>
    </row>
    <row r="57635" spans="1:10" x14ac:dyDescent="0.35">
      <c r="A57635" s="1" t="s">
        <v>148604</v>
      </c>
      <c r="B57635" s="1" t="s">
        <v>187129</v>
      </c>
      <c r="C57635" s="1" t="s">
        <v>85</v>
      </c>
      <c r="D57635" s="1" t="s">
        <v>57533</v>
      </c>
      <c r="E57635" s="1" t="s">
        <v>193844</v>
      </c>
      <c r="F57635" s="1" t="s">
        <v>193845</v>
      </c>
      <c r="G57635" s="1" t="s">
        <v>193795</v>
      </c>
      <c r="H57635" s="1" t="s">
        <v>193796</v>
      </c>
      <c r="I57635" s="1" t="s">
        <v>187135</v>
      </c>
      <c r="J57635" s="1" t="s">
        <v>193846</v>
      </c>
    </row>
    <row r="57636" spans="1:10" x14ac:dyDescent="0.35">
      <c r="A57636" s="1" t="s">
        <v>148604</v>
      </c>
      <c r="B57636" s="1" t="s">
        <v>187129</v>
      </c>
      <c r="C57636" s="1" t="s">
        <v>90</v>
      </c>
      <c r="D57636" s="1" t="s">
        <v>99450</v>
      </c>
      <c r="E57636" s="1" t="s">
        <v>193847</v>
      </c>
      <c r="F57636" s="1" t="s">
        <v>193848</v>
      </c>
      <c r="G57636" s="1" t="s">
        <v>193795</v>
      </c>
      <c r="H57636" s="1" t="s">
        <v>193796</v>
      </c>
      <c r="I57636" s="1" t="s">
        <v>187135</v>
      </c>
      <c r="J57636" s="1" t="s">
        <v>193849</v>
      </c>
    </row>
    <row r="57637" spans="1:10" x14ac:dyDescent="0.35">
      <c r="A57637" s="1" t="s">
        <v>148604</v>
      </c>
      <c r="B57637" s="1" t="s">
        <v>187129</v>
      </c>
      <c r="C57637" s="1" t="s">
        <v>95</v>
      </c>
      <c r="D57637" s="1" t="s">
        <v>193850</v>
      </c>
      <c r="E57637" s="1" t="s">
        <v>193851</v>
      </c>
      <c r="F57637" s="1" t="s">
        <v>193852</v>
      </c>
      <c r="G57637" s="1" t="s">
        <v>193795</v>
      </c>
      <c r="H57637" s="1" t="s">
        <v>193796</v>
      </c>
      <c r="I57637" s="1" t="s">
        <v>187135</v>
      </c>
      <c r="J57637" s="1" t="s">
        <v>193853</v>
      </c>
    </row>
    <row r="57638" spans="1:10" x14ac:dyDescent="0.35">
      <c r="A57638" s="1" t="s">
        <v>148604</v>
      </c>
      <c r="B57638" s="1" t="s">
        <v>187129</v>
      </c>
      <c r="C57638" s="1" t="s">
        <v>100</v>
      </c>
      <c r="D57638" s="1" t="s">
        <v>193854</v>
      </c>
      <c r="E57638" s="1" t="s">
        <v>193855</v>
      </c>
      <c r="F57638" s="1" t="s">
        <v>193856</v>
      </c>
      <c r="G57638" s="1" t="s">
        <v>193795</v>
      </c>
      <c r="H57638" s="1" t="s">
        <v>193796</v>
      </c>
      <c r="I57638" s="1" t="s">
        <v>187135</v>
      </c>
      <c r="J57638" s="1" t="s">
        <v>193857</v>
      </c>
    </row>
    <row r="57639" spans="1:10" x14ac:dyDescent="0.35">
      <c r="A57639" s="1" t="s">
        <v>148604</v>
      </c>
      <c r="B57639" s="1" t="s">
        <v>187129</v>
      </c>
      <c r="C57639" s="1" t="s">
        <v>105</v>
      </c>
      <c r="D57639" s="1" t="s">
        <v>193858</v>
      </c>
      <c r="E57639" s="1" t="s">
        <v>193859</v>
      </c>
      <c r="F57639" s="1" t="s">
        <v>193860</v>
      </c>
      <c r="G57639" s="1" t="s">
        <v>193795</v>
      </c>
      <c r="H57639" s="1" t="s">
        <v>193796</v>
      </c>
      <c r="I57639" s="1" t="s">
        <v>187135</v>
      </c>
      <c r="J57639" s="1" t="s">
        <v>193861</v>
      </c>
    </row>
    <row r="57640" spans="1:10" x14ac:dyDescent="0.35">
      <c r="A57640" s="1" t="s">
        <v>148604</v>
      </c>
      <c r="B57640" s="1" t="s">
        <v>187129</v>
      </c>
      <c r="C57640" s="1" t="s">
        <v>110</v>
      </c>
      <c r="D57640" s="1" t="s">
        <v>193862</v>
      </c>
      <c r="E57640" s="1" t="s">
        <v>193863</v>
      </c>
      <c r="F57640" s="1" t="s">
        <v>193864</v>
      </c>
      <c r="G57640" s="1" t="s">
        <v>193795</v>
      </c>
      <c r="H57640" s="1" t="s">
        <v>193796</v>
      </c>
      <c r="I57640" s="1" t="s">
        <v>187135</v>
      </c>
      <c r="J57640" s="1" t="s">
        <v>193865</v>
      </c>
    </row>
    <row r="57641" spans="1:10" x14ac:dyDescent="0.35">
      <c r="A57641" s="1" t="s">
        <v>148604</v>
      </c>
      <c r="B57641" s="1" t="s">
        <v>187129</v>
      </c>
      <c r="C57641" s="1" t="s">
        <v>115</v>
      </c>
      <c r="D57641" s="1" t="s">
        <v>193866</v>
      </c>
      <c r="E57641" s="1" t="s">
        <v>193867</v>
      </c>
      <c r="F57641" s="1" t="s">
        <v>193868</v>
      </c>
      <c r="G57641" s="1" t="s">
        <v>193795</v>
      </c>
      <c r="H57641" s="1" t="s">
        <v>193796</v>
      </c>
      <c r="I57641" s="1" t="s">
        <v>187135</v>
      </c>
      <c r="J57641" s="1" t="s">
        <v>193869</v>
      </c>
    </row>
    <row r="57642" spans="1:10" x14ac:dyDescent="0.35">
      <c r="A57642" s="1" t="s">
        <v>148604</v>
      </c>
      <c r="B57642" s="1" t="s">
        <v>187129</v>
      </c>
      <c r="C57642" s="1" t="s">
        <v>120</v>
      </c>
      <c r="D57642" s="1" t="s">
        <v>193870</v>
      </c>
      <c r="E57642" s="1" t="s">
        <v>193871</v>
      </c>
      <c r="F57642" s="1" t="s">
        <v>193872</v>
      </c>
      <c r="G57642" s="1" t="s">
        <v>193795</v>
      </c>
      <c r="H57642" s="1" t="s">
        <v>193796</v>
      </c>
      <c r="I57642" s="1" t="s">
        <v>187135</v>
      </c>
      <c r="J57642" s="1" t="s">
        <v>193873</v>
      </c>
    </row>
    <row r="57643" spans="1:10" x14ac:dyDescent="0.35">
      <c r="A57643" s="1" t="s">
        <v>148604</v>
      </c>
      <c r="B57643" s="1" t="s">
        <v>187129</v>
      </c>
      <c r="C57643" s="1" t="s">
        <v>125</v>
      </c>
      <c r="D57643" s="1" t="s">
        <v>193874</v>
      </c>
      <c r="E57643" s="1" t="s">
        <v>193875</v>
      </c>
      <c r="F57643" s="1" t="s">
        <v>193876</v>
      </c>
      <c r="G57643" s="1" t="s">
        <v>193795</v>
      </c>
      <c r="H57643" s="1" t="s">
        <v>193796</v>
      </c>
      <c r="I57643" s="1" t="s">
        <v>187135</v>
      </c>
      <c r="J57643" s="1" t="s">
        <v>193877</v>
      </c>
    </row>
    <row r="57644" spans="1:10" x14ac:dyDescent="0.35">
      <c r="A57644" s="1" t="s">
        <v>148604</v>
      </c>
      <c r="B57644" s="1" t="s">
        <v>187129</v>
      </c>
      <c r="C57644" s="1" t="s">
        <v>130</v>
      </c>
      <c r="D57644" s="1" t="s">
        <v>193878</v>
      </c>
      <c r="E57644" s="1" t="s">
        <v>193879</v>
      </c>
      <c r="F57644" s="1" t="s">
        <v>193880</v>
      </c>
      <c r="G57644" s="1" t="s">
        <v>193795</v>
      </c>
      <c r="H57644" s="1" t="s">
        <v>193796</v>
      </c>
      <c r="I57644" s="1" t="s">
        <v>187135</v>
      </c>
      <c r="J57644" s="1" t="s">
        <v>193881</v>
      </c>
    </row>
    <row r="57645" spans="1:10" x14ac:dyDescent="0.35">
      <c r="A57645" s="1" t="s">
        <v>148604</v>
      </c>
      <c r="B57645" s="1" t="s">
        <v>187129</v>
      </c>
      <c r="C57645" s="1" t="s">
        <v>135</v>
      </c>
      <c r="D57645" s="1" t="s">
        <v>193882</v>
      </c>
      <c r="E57645" s="1" t="s">
        <v>193883</v>
      </c>
      <c r="F57645" s="1" t="s">
        <v>193884</v>
      </c>
      <c r="G57645" s="1" t="s">
        <v>193795</v>
      </c>
      <c r="H57645" s="1" t="s">
        <v>193796</v>
      </c>
      <c r="I57645" s="1" t="s">
        <v>187135</v>
      </c>
      <c r="J57645" s="1" t="s">
        <v>193885</v>
      </c>
    </row>
    <row r="57646" spans="1:10" x14ac:dyDescent="0.35">
      <c r="A57646" s="1" t="s">
        <v>148604</v>
      </c>
      <c r="B57646" s="1" t="s">
        <v>187129</v>
      </c>
      <c r="C57646" s="1" t="s">
        <v>140</v>
      </c>
      <c r="D57646" s="1" t="s">
        <v>193886</v>
      </c>
      <c r="E57646" s="1" t="s">
        <v>193887</v>
      </c>
      <c r="F57646" s="1" t="s">
        <v>193888</v>
      </c>
      <c r="G57646" s="1" t="s">
        <v>193795</v>
      </c>
      <c r="H57646" s="1" t="s">
        <v>193796</v>
      </c>
      <c r="I57646" s="1" t="s">
        <v>187135</v>
      </c>
      <c r="J57646" s="1" t="s">
        <v>193889</v>
      </c>
    </row>
    <row r="57647" spans="1:10" x14ac:dyDescent="0.35">
      <c r="A57647" s="1" t="s">
        <v>148604</v>
      </c>
      <c r="B57647" s="1" t="s">
        <v>187129</v>
      </c>
      <c r="C57647" s="1" t="s">
        <v>145</v>
      </c>
      <c r="D57647" s="1" t="s">
        <v>193890</v>
      </c>
      <c r="E57647" s="1" t="s">
        <v>193891</v>
      </c>
      <c r="F57647" s="1" t="s">
        <v>193892</v>
      </c>
      <c r="G57647" s="1" t="s">
        <v>193795</v>
      </c>
      <c r="H57647" s="1" t="s">
        <v>193796</v>
      </c>
      <c r="I57647" s="1" t="s">
        <v>187135</v>
      </c>
      <c r="J57647" s="1" t="s">
        <v>193893</v>
      </c>
    </row>
    <row r="57648" spans="1:10" x14ac:dyDescent="0.35">
      <c r="A57648" s="1" t="s">
        <v>148604</v>
      </c>
      <c r="B57648" s="1" t="s">
        <v>187129</v>
      </c>
      <c r="C57648" s="1" t="s">
        <v>150</v>
      </c>
      <c r="D57648" s="1" t="s">
        <v>193894</v>
      </c>
      <c r="E57648" s="1" t="s">
        <v>193895</v>
      </c>
      <c r="F57648" s="1" t="s">
        <v>193896</v>
      </c>
      <c r="G57648" s="1" t="s">
        <v>193795</v>
      </c>
      <c r="H57648" s="1" t="s">
        <v>193796</v>
      </c>
      <c r="I57648" s="1" t="s">
        <v>187135</v>
      </c>
      <c r="J57648" s="1" t="s">
        <v>193897</v>
      </c>
    </row>
    <row r="57649" spans="1:10" x14ac:dyDescent="0.35">
      <c r="A57649" s="1" t="s">
        <v>148604</v>
      </c>
      <c r="B57649" s="1" t="s">
        <v>187129</v>
      </c>
      <c r="C57649" s="1" t="s">
        <v>155</v>
      </c>
      <c r="D57649" s="1" t="s">
        <v>193898</v>
      </c>
      <c r="E57649" s="1" t="s">
        <v>193899</v>
      </c>
      <c r="F57649" s="1" t="s">
        <v>193900</v>
      </c>
      <c r="G57649" s="1" t="s">
        <v>193795</v>
      </c>
      <c r="H57649" s="1" t="s">
        <v>193796</v>
      </c>
      <c r="I57649" s="1" t="s">
        <v>187135</v>
      </c>
      <c r="J57649" s="1" t="s">
        <v>193901</v>
      </c>
    </row>
    <row r="57650" spans="1:10" x14ac:dyDescent="0.35">
      <c r="A57650" s="1" t="s">
        <v>148604</v>
      </c>
      <c r="B57650" s="1" t="s">
        <v>187129</v>
      </c>
      <c r="C57650" s="1" t="s">
        <v>160</v>
      </c>
      <c r="D57650" s="1" t="s">
        <v>193902</v>
      </c>
      <c r="E57650" s="1" t="s">
        <v>193903</v>
      </c>
      <c r="F57650" s="1" t="s">
        <v>193904</v>
      </c>
      <c r="G57650" s="1" t="s">
        <v>193795</v>
      </c>
      <c r="H57650" s="1" t="s">
        <v>193796</v>
      </c>
      <c r="I57650" s="1" t="s">
        <v>187135</v>
      </c>
      <c r="J57650" s="1" t="s">
        <v>193905</v>
      </c>
    </row>
    <row r="57651" spans="1:10" x14ac:dyDescent="0.35">
      <c r="A57651" s="1" t="s">
        <v>148604</v>
      </c>
      <c r="B57651" s="1" t="s">
        <v>187129</v>
      </c>
      <c r="C57651" s="1" t="s">
        <v>165</v>
      </c>
      <c r="D57651" s="1" t="s">
        <v>193906</v>
      </c>
      <c r="E57651" s="1" t="s">
        <v>193907</v>
      </c>
      <c r="F57651" s="1" t="s">
        <v>193908</v>
      </c>
      <c r="G57651" s="1" t="s">
        <v>193795</v>
      </c>
      <c r="H57651" s="1" t="s">
        <v>193796</v>
      </c>
      <c r="I57651" s="1" t="s">
        <v>187135</v>
      </c>
      <c r="J57651" s="1" t="s">
        <v>193909</v>
      </c>
    </row>
    <row r="57652" spans="1:10" x14ac:dyDescent="0.35">
      <c r="A57652" s="1" t="s">
        <v>148604</v>
      </c>
      <c r="B57652" s="1" t="s">
        <v>187129</v>
      </c>
      <c r="C57652" s="1" t="s">
        <v>170</v>
      </c>
      <c r="D57652" s="1" t="s">
        <v>193910</v>
      </c>
      <c r="E57652" s="1" t="s">
        <v>193911</v>
      </c>
      <c r="F57652" s="1" t="s">
        <v>193912</v>
      </c>
      <c r="G57652" s="1" t="s">
        <v>193795</v>
      </c>
      <c r="H57652" s="1" t="s">
        <v>193796</v>
      </c>
      <c r="I57652" s="1" t="s">
        <v>187135</v>
      </c>
      <c r="J57652" s="1" t="s">
        <v>193913</v>
      </c>
    </row>
    <row r="57653" spans="1:10" x14ac:dyDescent="0.35">
      <c r="A57653" s="1" t="s">
        <v>10270</v>
      </c>
      <c r="B57653" s="1" t="s">
        <v>187129</v>
      </c>
      <c r="C57653" s="1" t="s">
        <v>8</v>
      </c>
      <c r="D57653" s="1" t="s">
        <v>77229</v>
      </c>
      <c r="E57653" s="1" t="s">
        <v>193914</v>
      </c>
      <c r="F57653" s="1" t="s">
        <v>193915</v>
      </c>
      <c r="G57653" s="1" t="s">
        <v>193916</v>
      </c>
      <c r="H57653" s="1" t="s">
        <v>193917</v>
      </c>
      <c r="I57653" s="1" t="s">
        <v>187135</v>
      </c>
      <c r="J57653" s="1" t="s">
        <v>13</v>
      </c>
    </row>
    <row r="57654" spans="1:10" x14ac:dyDescent="0.35">
      <c r="A57654" s="1" t="s">
        <v>10270</v>
      </c>
      <c r="B57654" s="1" t="s">
        <v>187129</v>
      </c>
      <c r="C57654" s="1" t="s">
        <v>15</v>
      </c>
      <c r="D57654" s="1" t="s">
        <v>193918</v>
      </c>
      <c r="E57654" s="1" t="s">
        <v>193919</v>
      </c>
      <c r="F57654" s="1" t="s">
        <v>193920</v>
      </c>
      <c r="G57654" s="1" t="s">
        <v>193916</v>
      </c>
      <c r="H57654" s="1" t="s">
        <v>193917</v>
      </c>
      <c r="I57654" s="1" t="s">
        <v>187135</v>
      </c>
      <c r="J57654" s="1" t="s">
        <v>193921</v>
      </c>
    </row>
    <row r="57655" spans="1:10" x14ac:dyDescent="0.35">
      <c r="A57655" s="1" t="s">
        <v>10270</v>
      </c>
      <c r="B57655" s="1" t="s">
        <v>187129</v>
      </c>
      <c r="C57655" s="1" t="s">
        <v>20</v>
      </c>
      <c r="D57655" s="1" t="s">
        <v>190061</v>
      </c>
      <c r="E57655" s="1" t="s">
        <v>193922</v>
      </c>
      <c r="F57655" s="1" t="s">
        <v>193923</v>
      </c>
      <c r="G57655" s="1" t="s">
        <v>193916</v>
      </c>
      <c r="H57655" s="1" t="s">
        <v>193917</v>
      </c>
      <c r="I57655" s="1" t="s">
        <v>187135</v>
      </c>
      <c r="J57655" s="1" t="s">
        <v>193924</v>
      </c>
    </row>
    <row r="57656" spans="1:10" x14ac:dyDescent="0.35">
      <c r="A57656" s="1" t="s">
        <v>10270</v>
      </c>
      <c r="B57656" s="1" t="s">
        <v>187129</v>
      </c>
      <c r="C57656" s="1" t="s">
        <v>25</v>
      </c>
      <c r="D57656" s="1" t="s">
        <v>185295</v>
      </c>
      <c r="E57656" s="1" t="s">
        <v>193925</v>
      </c>
      <c r="F57656" s="1" t="s">
        <v>193926</v>
      </c>
      <c r="G57656" s="1" t="s">
        <v>193916</v>
      </c>
      <c r="H57656" s="1" t="s">
        <v>193917</v>
      </c>
      <c r="I57656" s="1" t="s">
        <v>187135</v>
      </c>
      <c r="J57656" s="1" t="s">
        <v>193927</v>
      </c>
    </row>
    <row r="57657" spans="1:10" x14ac:dyDescent="0.35">
      <c r="A57657" s="1" t="s">
        <v>10270</v>
      </c>
      <c r="B57657" s="1" t="s">
        <v>187129</v>
      </c>
      <c r="C57657" s="1" t="s">
        <v>30</v>
      </c>
      <c r="D57657" s="1" t="s">
        <v>193928</v>
      </c>
      <c r="E57657" s="1" t="s">
        <v>193929</v>
      </c>
      <c r="F57657" s="1" t="s">
        <v>193930</v>
      </c>
      <c r="G57657" s="1" t="s">
        <v>193916</v>
      </c>
      <c r="H57657" s="1" t="s">
        <v>193917</v>
      </c>
      <c r="I57657" s="1" t="s">
        <v>187135</v>
      </c>
      <c r="J57657" s="1" t="s">
        <v>193931</v>
      </c>
    </row>
    <row r="57658" spans="1:10" x14ac:dyDescent="0.35">
      <c r="A57658" s="1" t="s">
        <v>10270</v>
      </c>
      <c r="B57658" s="1" t="s">
        <v>187129</v>
      </c>
      <c r="C57658" s="1" t="s">
        <v>35</v>
      </c>
      <c r="D57658" s="1" t="s">
        <v>13632</v>
      </c>
      <c r="E57658" s="1" t="s">
        <v>193932</v>
      </c>
      <c r="F57658" s="1" t="s">
        <v>193933</v>
      </c>
      <c r="G57658" s="1" t="s">
        <v>193916</v>
      </c>
      <c r="H57658" s="1" t="s">
        <v>193917</v>
      </c>
      <c r="I57658" s="1" t="s">
        <v>187135</v>
      </c>
      <c r="J57658" s="1" t="s">
        <v>193934</v>
      </c>
    </row>
    <row r="57659" spans="1:10" x14ac:dyDescent="0.35">
      <c r="A57659" s="1" t="s">
        <v>10270</v>
      </c>
      <c r="B57659" s="1" t="s">
        <v>187129</v>
      </c>
      <c r="C57659" s="1" t="s">
        <v>40</v>
      </c>
      <c r="D57659" s="1" t="s">
        <v>9039</v>
      </c>
      <c r="E57659" s="1" t="s">
        <v>193935</v>
      </c>
      <c r="F57659" s="1" t="s">
        <v>193936</v>
      </c>
      <c r="G57659" s="1" t="s">
        <v>193916</v>
      </c>
      <c r="H57659" s="1" t="s">
        <v>193917</v>
      </c>
      <c r="I57659" s="1" t="s">
        <v>187135</v>
      </c>
      <c r="J57659" s="1" t="s">
        <v>193937</v>
      </c>
    </row>
    <row r="57660" spans="1:10" x14ac:dyDescent="0.35">
      <c r="A57660" s="1" t="s">
        <v>10270</v>
      </c>
      <c r="B57660" s="1" t="s">
        <v>187129</v>
      </c>
      <c r="C57660" s="1" t="s">
        <v>45</v>
      </c>
      <c r="D57660" s="1" t="s">
        <v>177971</v>
      </c>
      <c r="E57660" s="1" t="s">
        <v>193938</v>
      </c>
      <c r="F57660" s="1" t="s">
        <v>193939</v>
      </c>
      <c r="G57660" s="1" t="s">
        <v>193916</v>
      </c>
      <c r="H57660" s="1" t="s">
        <v>193917</v>
      </c>
      <c r="I57660" s="1" t="s">
        <v>187135</v>
      </c>
      <c r="J57660" s="1" t="s">
        <v>193940</v>
      </c>
    </row>
    <row r="57661" spans="1:10" x14ac:dyDescent="0.35">
      <c r="A57661" s="1" t="s">
        <v>10270</v>
      </c>
      <c r="B57661" s="1" t="s">
        <v>187129</v>
      </c>
      <c r="C57661" s="1" t="s">
        <v>50</v>
      </c>
      <c r="D57661" s="1" t="s">
        <v>113083</v>
      </c>
      <c r="E57661" s="1" t="s">
        <v>193941</v>
      </c>
      <c r="F57661" s="1" t="s">
        <v>193942</v>
      </c>
      <c r="G57661" s="1" t="s">
        <v>193916</v>
      </c>
      <c r="H57661" s="1" t="s">
        <v>193917</v>
      </c>
      <c r="I57661" s="1" t="s">
        <v>187135</v>
      </c>
      <c r="J57661" s="1" t="s">
        <v>193943</v>
      </c>
    </row>
    <row r="57662" spans="1:10" x14ac:dyDescent="0.35">
      <c r="A57662" s="1" t="s">
        <v>10270</v>
      </c>
      <c r="B57662" s="1" t="s">
        <v>187129</v>
      </c>
      <c r="C57662" s="1" t="s">
        <v>55</v>
      </c>
      <c r="D57662" s="1" t="s">
        <v>158076</v>
      </c>
      <c r="E57662" s="1" t="s">
        <v>193944</v>
      </c>
      <c r="F57662" s="1" t="s">
        <v>193945</v>
      </c>
      <c r="G57662" s="1" t="s">
        <v>193916</v>
      </c>
      <c r="H57662" s="1" t="s">
        <v>193917</v>
      </c>
      <c r="I57662" s="1" t="s">
        <v>187135</v>
      </c>
      <c r="J57662" s="1" t="s">
        <v>193946</v>
      </c>
    </row>
    <row r="57663" spans="1:10" x14ac:dyDescent="0.35">
      <c r="A57663" s="1" t="s">
        <v>10270</v>
      </c>
      <c r="B57663" s="1" t="s">
        <v>187129</v>
      </c>
      <c r="C57663" s="1" t="s">
        <v>60</v>
      </c>
      <c r="D57663" s="1" t="s">
        <v>74601</v>
      </c>
      <c r="E57663" s="1" t="s">
        <v>193947</v>
      </c>
      <c r="F57663" s="1" t="s">
        <v>193948</v>
      </c>
      <c r="G57663" s="1" t="s">
        <v>193916</v>
      </c>
      <c r="H57663" s="1" t="s">
        <v>193917</v>
      </c>
      <c r="I57663" s="1" t="s">
        <v>187135</v>
      </c>
      <c r="J57663" s="1" t="s">
        <v>193949</v>
      </c>
    </row>
    <row r="57664" spans="1:10" x14ac:dyDescent="0.35">
      <c r="A57664" s="1" t="s">
        <v>10270</v>
      </c>
      <c r="B57664" s="1" t="s">
        <v>187129</v>
      </c>
      <c r="C57664" s="1" t="s">
        <v>65</v>
      </c>
      <c r="D57664" s="1" t="s">
        <v>193950</v>
      </c>
      <c r="E57664" s="1" t="s">
        <v>193951</v>
      </c>
      <c r="F57664" s="1" t="s">
        <v>193952</v>
      </c>
      <c r="G57664" s="1" t="s">
        <v>193916</v>
      </c>
      <c r="H57664" s="1" t="s">
        <v>193917</v>
      </c>
      <c r="I57664" s="1" t="s">
        <v>187135</v>
      </c>
      <c r="J57664" s="1" t="s">
        <v>193953</v>
      </c>
    </row>
    <row r="57665" spans="1:10" x14ac:dyDescent="0.35">
      <c r="A57665" s="1" t="s">
        <v>10270</v>
      </c>
      <c r="B57665" s="1" t="s">
        <v>187129</v>
      </c>
      <c r="C57665" s="1" t="s">
        <v>70</v>
      </c>
      <c r="D57665" s="1" t="s">
        <v>193954</v>
      </c>
      <c r="E57665" s="1" t="s">
        <v>193955</v>
      </c>
      <c r="F57665" s="1" t="s">
        <v>193956</v>
      </c>
      <c r="G57665" s="1" t="s">
        <v>193916</v>
      </c>
      <c r="H57665" s="1" t="s">
        <v>193917</v>
      </c>
      <c r="I57665" s="1" t="s">
        <v>187135</v>
      </c>
      <c r="J57665" s="1" t="s">
        <v>193957</v>
      </c>
    </row>
    <row r="57666" spans="1:10" x14ac:dyDescent="0.35">
      <c r="A57666" s="1" t="s">
        <v>10270</v>
      </c>
      <c r="B57666" s="1" t="s">
        <v>187129</v>
      </c>
      <c r="C57666" s="1" t="s">
        <v>75</v>
      </c>
      <c r="D57666" s="1" t="s">
        <v>193958</v>
      </c>
      <c r="E57666" s="1" t="s">
        <v>193959</v>
      </c>
      <c r="F57666" s="1" t="s">
        <v>193960</v>
      </c>
      <c r="G57666" s="1" t="s">
        <v>193916</v>
      </c>
      <c r="H57666" s="1" t="s">
        <v>193917</v>
      </c>
      <c r="I57666" s="1" t="s">
        <v>187135</v>
      </c>
      <c r="J57666" s="1" t="s">
        <v>193961</v>
      </c>
    </row>
    <row r="57667" spans="1:10" x14ac:dyDescent="0.35">
      <c r="A57667" s="1" t="s">
        <v>10270</v>
      </c>
      <c r="B57667" s="1" t="s">
        <v>187129</v>
      </c>
      <c r="C57667" s="1" t="s">
        <v>80</v>
      </c>
      <c r="D57667" s="1" t="s">
        <v>193962</v>
      </c>
      <c r="E57667" s="1" t="s">
        <v>193963</v>
      </c>
      <c r="F57667" s="1" t="s">
        <v>193964</v>
      </c>
      <c r="G57667" s="1" t="s">
        <v>193916</v>
      </c>
      <c r="H57667" s="1" t="s">
        <v>193917</v>
      </c>
      <c r="I57667" s="1" t="s">
        <v>187135</v>
      </c>
      <c r="J57667" s="1" t="s">
        <v>193965</v>
      </c>
    </row>
    <row r="57668" spans="1:10" x14ac:dyDescent="0.35">
      <c r="A57668" s="1" t="s">
        <v>10270</v>
      </c>
      <c r="B57668" s="1" t="s">
        <v>187129</v>
      </c>
      <c r="C57668" s="1" t="s">
        <v>85</v>
      </c>
      <c r="D57668" s="1" t="s">
        <v>18059</v>
      </c>
      <c r="E57668" s="1" t="s">
        <v>193966</v>
      </c>
      <c r="F57668" s="1" t="s">
        <v>193967</v>
      </c>
      <c r="G57668" s="1" t="s">
        <v>193916</v>
      </c>
      <c r="H57668" s="1" t="s">
        <v>193917</v>
      </c>
      <c r="I57668" s="1" t="s">
        <v>187135</v>
      </c>
      <c r="J57668" s="1" t="s">
        <v>193968</v>
      </c>
    </row>
    <row r="57669" spans="1:10" x14ac:dyDescent="0.35">
      <c r="A57669" s="1" t="s">
        <v>10270</v>
      </c>
      <c r="B57669" s="1" t="s">
        <v>187129</v>
      </c>
      <c r="C57669" s="1" t="s">
        <v>90</v>
      </c>
      <c r="D57669" s="1" t="s">
        <v>97899</v>
      </c>
      <c r="E57669" s="1" t="s">
        <v>193969</v>
      </c>
      <c r="F57669" s="1" t="s">
        <v>193970</v>
      </c>
      <c r="G57669" s="1" t="s">
        <v>193916</v>
      </c>
      <c r="H57669" s="1" t="s">
        <v>193917</v>
      </c>
      <c r="I57669" s="1" t="s">
        <v>187135</v>
      </c>
      <c r="J57669" s="1" t="s">
        <v>193971</v>
      </c>
    </row>
    <row r="57670" spans="1:10" x14ac:dyDescent="0.35">
      <c r="A57670" s="1" t="s">
        <v>10270</v>
      </c>
      <c r="B57670" s="1" t="s">
        <v>187129</v>
      </c>
      <c r="C57670" s="1" t="s">
        <v>95</v>
      </c>
      <c r="D57670" s="1" t="s">
        <v>193972</v>
      </c>
      <c r="E57670" s="1" t="s">
        <v>193973</v>
      </c>
      <c r="F57670" s="1" t="s">
        <v>193974</v>
      </c>
      <c r="G57670" s="1" t="s">
        <v>193916</v>
      </c>
      <c r="H57670" s="1" t="s">
        <v>193917</v>
      </c>
      <c r="I57670" s="1" t="s">
        <v>187135</v>
      </c>
      <c r="J57670" s="1" t="s">
        <v>193975</v>
      </c>
    </row>
    <row r="57671" spans="1:10" x14ac:dyDescent="0.35">
      <c r="A57671" s="1" t="s">
        <v>10270</v>
      </c>
      <c r="B57671" s="1" t="s">
        <v>187129</v>
      </c>
      <c r="C57671" s="1" t="s">
        <v>100</v>
      </c>
      <c r="D57671" s="1" t="s">
        <v>83320</v>
      </c>
      <c r="E57671" s="1" t="s">
        <v>193976</v>
      </c>
      <c r="F57671" s="1" t="s">
        <v>193977</v>
      </c>
      <c r="G57671" s="1" t="s">
        <v>193916</v>
      </c>
      <c r="H57671" s="1" t="s">
        <v>193917</v>
      </c>
      <c r="I57671" s="1" t="s">
        <v>187135</v>
      </c>
      <c r="J57671" s="1" t="s">
        <v>193978</v>
      </c>
    </row>
    <row r="57672" spans="1:10" x14ac:dyDescent="0.35">
      <c r="A57672" s="1" t="s">
        <v>10270</v>
      </c>
      <c r="B57672" s="1" t="s">
        <v>187129</v>
      </c>
      <c r="C57672" s="1" t="s">
        <v>105</v>
      </c>
      <c r="D57672" s="1" t="s">
        <v>11675</v>
      </c>
      <c r="E57672" s="1" t="s">
        <v>193979</v>
      </c>
      <c r="F57672" s="1" t="s">
        <v>193980</v>
      </c>
      <c r="G57672" s="1" t="s">
        <v>193916</v>
      </c>
      <c r="H57672" s="1" t="s">
        <v>193917</v>
      </c>
      <c r="I57672" s="1" t="s">
        <v>187135</v>
      </c>
      <c r="J57672" s="1" t="s">
        <v>193981</v>
      </c>
    </row>
    <row r="57673" spans="1:10" x14ac:dyDescent="0.35">
      <c r="A57673" s="1" t="s">
        <v>10270</v>
      </c>
      <c r="B57673" s="1" t="s">
        <v>187129</v>
      </c>
      <c r="C57673" s="1" t="s">
        <v>110</v>
      </c>
      <c r="D57673" s="1" t="s">
        <v>193982</v>
      </c>
      <c r="E57673" s="1" t="s">
        <v>193983</v>
      </c>
      <c r="F57673" s="1" t="s">
        <v>193984</v>
      </c>
      <c r="G57673" s="1" t="s">
        <v>193916</v>
      </c>
      <c r="H57673" s="1" t="s">
        <v>193917</v>
      </c>
      <c r="I57673" s="1" t="s">
        <v>187135</v>
      </c>
      <c r="J57673" s="1" t="s">
        <v>193985</v>
      </c>
    </row>
    <row r="57674" spans="1:10" x14ac:dyDescent="0.35">
      <c r="A57674" s="1" t="s">
        <v>10270</v>
      </c>
      <c r="B57674" s="1" t="s">
        <v>187129</v>
      </c>
      <c r="C57674" s="1" t="s">
        <v>115</v>
      </c>
      <c r="D57674" s="1" t="s">
        <v>190327</v>
      </c>
      <c r="E57674" s="1" t="s">
        <v>193986</v>
      </c>
      <c r="F57674" s="1" t="s">
        <v>193987</v>
      </c>
      <c r="G57674" s="1" t="s">
        <v>193916</v>
      </c>
      <c r="H57674" s="1" t="s">
        <v>193917</v>
      </c>
      <c r="I57674" s="1" t="s">
        <v>187135</v>
      </c>
      <c r="J57674" s="1" t="s">
        <v>193988</v>
      </c>
    </row>
    <row r="57675" spans="1:10" x14ac:dyDescent="0.35">
      <c r="A57675" s="1" t="s">
        <v>10270</v>
      </c>
      <c r="B57675" s="1" t="s">
        <v>187129</v>
      </c>
      <c r="C57675" s="1" t="s">
        <v>120</v>
      </c>
      <c r="D57675" s="1" t="s">
        <v>173404</v>
      </c>
      <c r="E57675" s="1" t="s">
        <v>193989</v>
      </c>
      <c r="F57675" s="1" t="s">
        <v>193990</v>
      </c>
      <c r="G57675" s="1" t="s">
        <v>193916</v>
      </c>
      <c r="H57675" s="1" t="s">
        <v>193917</v>
      </c>
      <c r="I57675" s="1" t="s">
        <v>187135</v>
      </c>
      <c r="J57675" s="1" t="s">
        <v>193991</v>
      </c>
    </row>
    <row r="57676" spans="1:10" x14ac:dyDescent="0.35">
      <c r="A57676" s="1" t="s">
        <v>10270</v>
      </c>
      <c r="B57676" s="1" t="s">
        <v>187129</v>
      </c>
      <c r="C57676" s="1" t="s">
        <v>125</v>
      </c>
      <c r="D57676" s="1" t="s">
        <v>100532</v>
      </c>
      <c r="E57676" s="1" t="s">
        <v>193992</v>
      </c>
      <c r="F57676" s="1" t="s">
        <v>193993</v>
      </c>
      <c r="G57676" s="1" t="s">
        <v>193916</v>
      </c>
      <c r="H57676" s="1" t="s">
        <v>193917</v>
      </c>
      <c r="I57676" s="1" t="s">
        <v>187135</v>
      </c>
      <c r="J57676" s="1" t="s">
        <v>193994</v>
      </c>
    </row>
    <row r="57677" spans="1:10" x14ac:dyDescent="0.35">
      <c r="A57677" s="1" t="s">
        <v>10270</v>
      </c>
      <c r="B57677" s="1" t="s">
        <v>187129</v>
      </c>
      <c r="C57677" s="1" t="s">
        <v>130</v>
      </c>
      <c r="D57677" s="1" t="s">
        <v>109180</v>
      </c>
      <c r="E57677" s="1" t="s">
        <v>193995</v>
      </c>
      <c r="F57677" s="1" t="s">
        <v>193996</v>
      </c>
      <c r="G57677" s="1" t="s">
        <v>193916</v>
      </c>
      <c r="H57677" s="1" t="s">
        <v>193917</v>
      </c>
      <c r="I57677" s="1" t="s">
        <v>187135</v>
      </c>
      <c r="J57677" s="1" t="s">
        <v>193997</v>
      </c>
    </row>
    <row r="57678" spans="1:10" x14ac:dyDescent="0.35">
      <c r="A57678" s="1" t="s">
        <v>10270</v>
      </c>
      <c r="B57678" s="1" t="s">
        <v>187129</v>
      </c>
      <c r="C57678" s="1" t="s">
        <v>135</v>
      </c>
      <c r="D57678" s="1" t="s">
        <v>68737</v>
      </c>
      <c r="E57678" s="1" t="s">
        <v>193998</v>
      </c>
      <c r="F57678" s="1" t="s">
        <v>193999</v>
      </c>
      <c r="G57678" s="1" t="s">
        <v>193916</v>
      </c>
      <c r="H57678" s="1" t="s">
        <v>193917</v>
      </c>
      <c r="I57678" s="1" t="s">
        <v>187135</v>
      </c>
      <c r="J57678" s="1" t="s">
        <v>194000</v>
      </c>
    </row>
    <row r="57679" spans="1:10" x14ac:dyDescent="0.35">
      <c r="A57679" s="1" t="s">
        <v>10270</v>
      </c>
      <c r="B57679" s="1" t="s">
        <v>187129</v>
      </c>
      <c r="C57679" s="1" t="s">
        <v>140</v>
      </c>
      <c r="D57679" s="1" t="s">
        <v>114541</v>
      </c>
      <c r="E57679" s="1" t="s">
        <v>194001</v>
      </c>
      <c r="F57679" s="1" t="s">
        <v>194002</v>
      </c>
      <c r="G57679" s="1" t="s">
        <v>193916</v>
      </c>
      <c r="H57679" s="1" t="s">
        <v>193917</v>
      </c>
      <c r="I57679" s="1" t="s">
        <v>187135</v>
      </c>
      <c r="J57679" s="1" t="s">
        <v>194003</v>
      </c>
    </row>
    <row r="57680" spans="1:10" x14ac:dyDescent="0.35">
      <c r="A57680" s="1" t="s">
        <v>10270</v>
      </c>
      <c r="B57680" s="1" t="s">
        <v>187129</v>
      </c>
      <c r="C57680" s="1" t="s">
        <v>145</v>
      </c>
      <c r="D57680" s="1" t="s">
        <v>105249</v>
      </c>
      <c r="E57680" s="1" t="s">
        <v>194004</v>
      </c>
      <c r="F57680" s="1" t="s">
        <v>194005</v>
      </c>
      <c r="G57680" s="1" t="s">
        <v>193916</v>
      </c>
      <c r="H57680" s="1" t="s">
        <v>193917</v>
      </c>
      <c r="I57680" s="1" t="s">
        <v>187135</v>
      </c>
      <c r="J57680" s="1" t="s">
        <v>194006</v>
      </c>
    </row>
    <row r="57681" spans="1:10" x14ac:dyDescent="0.35">
      <c r="A57681" s="1" t="s">
        <v>10270</v>
      </c>
      <c r="B57681" s="1" t="s">
        <v>187129</v>
      </c>
      <c r="C57681" s="1" t="s">
        <v>150</v>
      </c>
      <c r="D57681" s="1" t="s">
        <v>194007</v>
      </c>
      <c r="E57681" s="1" t="s">
        <v>194008</v>
      </c>
      <c r="F57681" s="1" t="s">
        <v>194009</v>
      </c>
      <c r="G57681" s="1" t="s">
        <v>193916</v>
      </c>
      <c r="H57681" s="1" t="s">
        <v>193917</v>
      </c>
      <c r="I57681" s="1" t="s">
        <v>187135</v>
      </c>
      <c r="J57681" s="1" t="s">
        <v>194010</v>
      </c>
    </row>
    <row r="57682" spans="1:10" x14ac:dyDescent="0.35">
      <c r="A57682" s="1" t="s">
        <v>10270</v>
      </c>
      <c r="B57682" s="1" t="s">
        <v>187129</v>
      </c>
      <c r="C57682" s="1" t="s">
        <v>155</v>
      </c>
      <c r="D57682" s="1" t="s">
        <v>53592</v>
      </c>
      <c r="E57682" s="1" t="s">
        <v>194011</v>
      </c>
      <c r="F57682" s="1" t="s">
        <v>194012</v>
      </c>
      <c r="G57682" s="1" t="s">
        <v>193916</v>
      </c>
      <c r="H57682" s="1" t="s">
        <v>193917</v>
      </c>
      <c r="I57682" s="1" t="s">
        <v>187135</v>
      </c>
      <c r="J57682" s="1" t="s">
        <v>194013</v>
      </c>
    </row>
    <row r="57683" spans="1:10" x14ac:dyDescent="0.35">
      <c r="A57683" s="1" t="s">
        <v>10270</v>
      </c>
      <c r="B57683" s="1" t="s">
        <v>187129</v>
      </c>
      <c r="C57683" s="1" t="s">
        <v>160</v>
      </c>
      <c r="D57683" s="1" t="s">
        <v>38770</v>
      </c>
      <c r="E57683" s="1" t="s">
        <v>194014</v>
      </c>
      <c r="F57683" s="1" t="s">
        <v>194015</v>
      </c>
      <c r="G57683" s="1" t="s">
        <v>193916</v>
      </c>
      <c r="H57683" s="1" t="s">
        <v>193917</v>
      </c>
      <c r="I57683" s="1" t="s">
        <v>187135</v>
      </c>
      <c r="J57683" s="1" t="s">
        <v>194016</v>
      </c>
    </row>
    <row r="57684" spans="1:10" x14ac:dyDescent="0.35">
      <c r="A57684" s="1" t="s">
        <v>10270</v>
      </c>
      <c r="B57684" s="1" t="s">
        <v>187129</v>
      </c>
      <c r="C57684" s="1" t="s">
        <v>165</v>
      </c>
      <c r="D57684" s="1" t="s">
        <v>173923</v>
      </c>
      <c r="E57684" s="1" t="s">
        <v>194017</v>
      </c>
      <c r="F57684" s="1" t="s">
        <v>194018</v>
      </c>
      <c r="G57684" s="1" t="s">
        <v>193916</v>
      </c>
      <c r="H57684" s="1" t="s">
        <v>193917</v>
      </c>
      <c r="I57684" s="1" t="s">
        <v>187135</v>
      </c>
      <c r="J57684" s="1" t="s">
        <v>194019</v>
      </c>
    </row>
    <row r="57685" spans="1:10" x14ac:dyDescent="0.35">
      <c r="A57685" s="1" t="s">
        <v>10270</v>
      </c>
      <c r="B57685" s="1" t="s">
        <v>187129</v>
      </c>
      <c r="C57685" s="1" t="s">
        <v>170</v>
      </c>
      <c r="D57685" s="1" t="s">
        <v>58704</v>
      </c>
      <c r="E57685" s="1" t="s">
        <v>194020</v>
      </c>
      <c r="F57685" s="1" t="s">
        <v>194021</v>
      </c>
      <c r="G57685" s="1" t="s">
        <v>193916</v>
      </c>
      <c r="H57685" s="1" t="s">
        <v>193917</v>
      </c>
      <c r="I57685" s="1" t="s">
        <v>187135</v>
      </c>
      <c r="J57685" s="1" t="s">
        <v>194022</v>
      </c>
    </row>
    <row r="57686" spans="1:10" x14ac:dyDescent="0.35">
      <c r="A57686" s="1" t="s">
        <v>110550</v>
      </c>
      <c r="B57686" s="1" t="s">
        <v>187129</v>
      </c>
      <c r="C57686" s="1" t="s">
        <v>8</v>
      </c>
      <c r="D57686" s="1" t="s">
        <v>194023</v>
      </c>
      <c r="E57686" s="1" t="s">
        <v>194024</v>
      </c>
      <c r="F57686" s="1" t="s">
        <v>194025</v>
      </c>
      <c r="G57686" s="1" t="s">
        <v>194026</v>
      </c>
      <c r="H57686" s="1" t="s">
        <v>194027</v>
      </c>
      <c r="I57686" s="1" t="s">
        <v>187135</v>
      </c>
      <c r="J57686" s="1" t="s">
        <v>13</v>
      </c>
    </row>
    <row r="57687" spans="1:10" x14ac:dyDescent="0.35">
      <c r="A57687" s="1" t="s">
        <v>110550</v>
      </c>
      <c r="B57687" s="1" t="s">
        <v>187129</v>
      </c>
      <c r="C57687" s="1" t="s">
        <v>15</v>
      </c>
      <c r="D57687" s="1" t="s">
        <v>156827</v>
      </c>
      <c r="E57687" s="1" t="s">
        <v>194028</v>
      </c>
      <c r="F57687" s="1" t="s">
        <v>194029</v>
      </c>
      <c r="G57687" s="1" t="s">
        <v>194026</v>
      </c>
      <c r="H57687" s="1" t="s">
        <v>194027</v>
      </c>
      <c r="I57687" s="1" t="s">
        <v>187135</v>
      </c>
      <c r="J57687" s="1" t="s">
        <v>194030</v>
      </c>
    </row>
    <row r="57688" spans="1:10" x14ac:dyDescent="0.35">
      <c r="A57688" s="1" t="s">
        <v>110550</v>
      </c>
      <c r="B57688" s="1" t="s">
        <v>187129</v>
      </c>
      <c r="C57688" s="1" t="s">
        <v>20</v>
      </c>
      <c r="D57688" s="1" t="s">
        <v>190244</v>
      </c>
      <c r="E57688" s="1" t="s">
        <v>194031</v>
      </c>
      <c r="F57688" s="1" t="s">
        <v>194032</v>
      </c>
      <c r="G57688" s="1" t="s">
        <v>194026</v>
      </c>
      <c r="H57688" s="1" t="s">
        <v>194027</v>
      </c>
      <c r="I57688" s="1" t="s">
        <v>187135</v>
      </c>
      <c r="J57688" s="1" t="s">
        <v>194033</v>
      </c>
    </row>
    <row r="57689" spans="1:10" x14ac:dyDescent="0.35">
      <c r="A57689" s="1" t="s">
        <v>110550</v>
      </c>
      <c r="B57689" s="1" t="s">
        <v>187129</v>
      </c>
      <c r="C57689" s="1" t="s">
        <v>25</v>
      </c>
      <c r="D57689" s="1" t="s">
        <v>142406</v>
      </c>
      <c r="E57689" s="1" t="s">
        <v>194034</v>
      </c>
      <c r="F57689" s="1" t="s">
        <v>194035</v>
      </c>
      <c r="G57689" s="1" t="s">
        <v>194026</v>
      </c>
      <c r="H57689" s="1" t="s">
        <v>194027</v>
      </c>
      <c r="I57689" s="1" t="s">
        <v>187135</v>
      </c>
      <c r="J57689" s="1" t="s">
        <v>194036</v>
      </c>
    </row>
    <row r="57690" spans="1:10" x14ac:dyDescent="0.35">
      <c r="A57690" s="1" t="s">
        <v>110550</v>
      </c>
      <c r="B57690" s="1" t="s">
        <v>187129</v>
      </c>
      <c r="C57690" s="1" t="s">
        <v>30</v>
      </c>
      <c r="D57690" s="1" t="s">
        <v>4161</v>
      </c>
      <c r="E57690" s="1" t="s">
        <v>194037</v>
      </c>
      <c r="F57690" s="1" t="s">
        <v>194038</v>
      </c>
      <c r="G57690" s="1" t="s">
        <v>194026</v>
      </c>
      <c r="H57690" s="1" t="s">
        <v>194027</v>
      </c>
      <c r="I57690" s="1" t="s">
        <v>187135</v>
      </c>
      <c r="J57690" s="1" t="s">
        <v>194039</v>
      </c>
    </row>
    <row r="57691" spans="1:10" x14ac:dyDescent="0.35">
      <c r="A57691" s="1" t="s">
        <v>110550</v>
      </c>
      <c r="B57691" s="1" t="s">
        <v>187129</v>
      </c>
      <c r="C57691" s="1" t="s">
        <v>35</v>
      </c>
      <c r="D57691" s="1" t="s">
        <v>15507</v>
      </c>
      <c r="E57691" s="1" t="s">
        <v>194040</v>
      </c>
      <c r="F57691" s="1" t="s">
        <v>194041</v>
      </c>
      <c r="G57691" s="1" t="s">
        <v>194026</v>
      </c>
      <c r="H57691" s="1" t="s">
        <v>194027</v>
      </c>
      <c r="I57691" s="1" t="s">
        <v>187135</v>
      </c>
      <c r="J57691" s="1" t="s">
        <v>194042</v>
      </c>
    </row>
    <row r="57692" spans="1:10" x14ac:dyDescent="0.35">
      <c r="A57692" s="1" t="s">
        <v>110550</v>
      </c>
      <c r="B57692" s="1" t="s">
        <v>187129</v>
      </c>
      <c r="C57692" s="1" t="s">
        <v>40</v>
      </c>
      <c r="D57692" s="1" t="s">
        <v>48867</v>
      </c>
      <c r="E57692" s="1" t="s">
        <v>194043</v>
      </c>
      <c r="F57692" s="1" t="s">
        <v>194044</v>
      </c>
      <c r="G57692" s="1" t="s">
        <v>194026</v>
      </c>
      <c r="H57692" s="1" t="s">
        <v>194027</v>
      </c>
      <c r="I57692" s="1" t="s">
        <v>187135</v>
      </c>
      <c r="J57692" s="1" t="s">
        <v>194045</v>
      </c>
    </row>
    <row r="57693" spans="1:10" x14ac:dyDescent="0.35">
      <c r="A57693" s="1" t="s">
        <v>110550</v>
      </c>
      <c r="B57693" s="1" t="s">
        <v>187129</v>
      </c>
      <c r="C57693" s="1" t="s">
        <v>45</v>
      </c>
      <c r="D57693" s="1" t="s">
        <v>194046</v>
      </c>
      <c r="E57693" s="1" t="s">
        <v>194047</v>
      </c>
      <c r="F57693" s="1" t="s">
        <v>194048</v>
      </c>
      <c r="G57693" s="1" t="s">
        <v>194026</v>
      </c>
      <c r="H57693" s="1" t="s">
        <v>194027</v>
      </c>
      <c r="I57693" s="1" t="s">
        <v>187135</v>
      </c>
      <c r="J57693" s="1" t="s">
        <v>194049</v>
      </c>
    </row>
    <row r="57694" spans="1:10" x14ac:dyDescent="0.35">
      <c r="A57694" s="1" t="s">
        <v>110550</v>
      </c>
      <c r="B57694" s="1" t="s">
        <v>187129</v>
      </c>
      <c r="C57694" s="1" t="s">
        <v>50</v>
      </c>
      <c r="D57694" s="1" t="s">
        <v>194050</v>
      </c>
      <c r="E57694" s="1" t="s">
        <v>194051</v>
      </c>
      <c r="F57694" s="1" t="s">
        <v>194052</v>
      </c>
      <c r="G57694" s="1" t="s">
        <v>194026</v>
      </c>
      <c r="H57694" s="1" t="s">
        <v>194027</v>
      </c>
      <c r="I57694" s="1" t="s">
        <v>187135</v>
      </c>
      <c r="J57694" s="1" t="s">
        <v>194053</v>
      </c>
    </row>
    <row r="57695" spans="1:10" x14ac:dyDescent="0.35">
      <c r="A57695" s="1" t="s">
        <v>110550</v>
      </c>
      <c r="B57695" s="1" t="s">
        <v>187129</v>
      </c>
      <c r="C57695" s="1" t="s">
        <v>55</v>
      </c>
      <c r="D57695" s="1" t="s">
        <v>51777</v>
      </c>
      <c r="E57695" s="1" t="s">
        <v>194054</v>
      </c>
      <c r="F57695" s="1" t="s">
        <v>194055</v>
      </c>
      <c r="G57695" s="1" t="s">
        <v>194026</v>
      </c>
      <c r="H57695" s="1" t="s">
        <v>194027</v>
      </c>
      <c r="I57695" s="1" t="s">
        <v>187135</v>
      </c>
      <c r="J57695" s="1" t="s">
        <v>194056</v>
      </c>
    </row>
    <row r="57696" spans="1:10" x14ac:dyDescent="0.35">
      <c r="A57696" s="1" t="s">
        <v>110550</v>
      </c>
      <c r="B57696" s="1" t="s">
        <v>187129</v>
      </c>
      <c r="C57696" s="1" t="s">
        <v>60</v>
      </c>
      <c r="D57696" s="1" t="s">
        <v>31945</v>
      </c>
      <c r="E57696" s="1" t="s">
        <v>194057</v>
      </c>
      <c r="F57696" s="1" t="s">
        <v>194058</v>
      </c>
      <c r="G57696" s="1" t="s">
        <v>194026</v>
      </c>
      <c r="H57696" s="1" t="s">
        <v>194027</v>
      </c>
      <c r="I57696" s="1" t="s">
        <v>187135</v>
      </c>
      <c r="J57696" s="1" t="s">
        <v>194059</v>
      </c>
    </row>
    <row r="57697" spans="1:10" x14ac:dyDescent="0.35">
      <c r="A57697" s="1" t="s">
        <v>110550</v>
      </c>
      <c r="B57697" s="1" t="s">
        <v>187129</v>
      </c>
      <c r="C57697" s="1" t="s">
        <v>65</v>
      </c>
      <c r="D57697" s="1" t="s">
        <v>194060</v>
      </c>
      <c r="E57697" s="1" t="s">
        <v>194061</v>
      </c>
      <c r="F57697" s="1" t="s">
        <v>194062</v>
      </c>
      <c r="G57697" s="1" t="s">
        <v>194026</v>
      </c>
      <c r="H57697" s="1" t="s">
        <v>194027</v>
      </c>
      <c r="I57697" s="1" t="s">
        <v>187135</v>
      </c>
      <c r="J57697" s="1" t="s">
        <v>194063</v>
      </c>
    </row>
    <row r="57698" spans="1:10" x14ac:dyDescent="0.35">
      <c r="A57698" s="1" t="s">
        <v>110550</v>
      </c>
      <c r="B57698" s="1" t="s">
        <v>187129</v>
      </c>
      <c r="C57698" s="1" t="s">
        <v>70</v>
      </c>
      <c r="D57698" s="1" t="s">
        <v>38874</v>
      </c>
      <c r="E57698" s="1" t="s">
        <v>194064</v>
      </c>
      <c r="F57698" s="1" t="s">
        <v>194065</v>
      </c>
      <c r="G57698" s="1" t="s">
        <v>194026</v>
      </c>
      <c r="H57698" s="1" t="s">
        <v>194027</v>
      </c>
      <c r="I57698" s="1" t="s">
        <v>187135</v>
      </c>
      <c r="J57698" s="1" t="s">
        <v>194066</v>
      </c>
    </row>
    <row r="57699" spans="1:10" x14ac:dyDescent="0.35">
      <c r="A57699" s="1" t="s">
        <v>110550</v>
      </c>
      <c r="B57699" s="1" t="s">
        <v>187129</v>
      </c>
      <c r="C57699" s="1" t="s">
        <v>75</v>
      </c>
      <c r="D57699" s="1" t="s">
        <v>10393</v>
      </c>
      <c r="E57699" s="1" t="s">
        <v>194067</v>
      </c>
      <c r="F57699" s="1" t="s">
        <v>194068</v>
      </c>
      <c r="G57699" s="1" t="s">
        <v>194026</v>
      </c>
      <c r="H57699" s="1" t="s">
        <v>194027</v>
      </c>
      <c r="I57699" s="1" t="s">
        <v>187135</v>
      </c>
      <c r="J57699" s="1" t="s">
        <v>194069</v>
      </c>
    </row>
    <row r="57700" spans="1:10" x14ac:dyDescent="0.35">
      <c r="A57700" s="1" t="s">
        <v>110550</v>
      </c>
      <c r="B57700" s="1" t="s">
        <v>187129</v>
      </c>
      <c r="C57700" s="1" t="s">
        <v>80</v>
      </c>
      <c r="D57700" s="1" t="s">
        <v>144892</v>
      </c>
      <c r="E57700" s="1" t="s">
        <v>194070</v>
      </c>
      <c r="F57700" s="1" t="s">
        <v>194071</v>
      </c>
      <c r="G57700" s="1" t="s">
        <v>194026</v>
      </c>
      <c r="H57700" s="1" t="s">
        <v>194027</v>
      </c>
      <c r="I57700" s="1" t="s">
        <v>187135</v>
      </c>
      <c r="J57700" s="1" t="s">
        <v>194072</v>
      </c>
    </row>
    <row r="57701" spans="1:10" x14ac:dyDescent="0.35">
      <c r="A57701" s="1" t="s">
        <v>110550</v>
      </c>
      <c r="B57701" s="1" t="s">
        <v>187129</v>
      </c>
      <c r="C57701" s="1" t="s">
        <v>85</v>
      </c>
      <c r="D57701" s="1" t="s">
        <v>17933</v>
      </c>
      <c r="E57701" s="1" t="s">
        <v>194073</v>
      </c>
      <c r="F57701" s="1" t="s">
        <v>194074</v>
      </c>
      <c r="G57701" s="1" t="s">
        <v>194026</v>
      </c>
      <c r="H57701" s="1" t="s">
        <v>194027</v>
      </c>
      <c r="I57701" s="1" t="s">
        <v>187135</v>
      </c>
      <c r="J57701" s="1" t="s">
        <v>194075</v>
      </c>
    </row>
    <row r="57702" spans="1:10" x14ac:dyDescent="0.35">
      <c r="A57702" s="1" t="s">
        <v>110550</v>
      </c>
      <c r="B57702" s="1" t="s">
        <v>187129</v>
      </c>
      <c r="C57702" s="1" t="s">
        <v>90</v>
      </c>
      <c r="D57702" s="1" t="s">
        <v>187031</v>
      </c>
      <c r="E57702" s="1" t="s">
        <v>194076</v>
      </c>
      <c r="F57702" s="1" t="s">
        <v>194077</v>
      </c>
      <c r="G57702" s="1" t="s">
        <v>194026</v>
      </c>
      <c r="H57702" s="1" t="s">
        <v>194027</v>
      </c>
      <c r="I57702" s="1" t="s">
        <v>187135</v>
      </c>
      <c r="J57702" s="1" t="s">
        <v>194078</v>
      </c>
    </row>
    <row r="57703" spans="1:10" x14ac:dyDescent="0.35">
      <c r="A57703" s="1" t="s">
        <v>110550</v>
      </c>
      <c r="B57703" s="1" t="s">
        <v>187129</v>
      </c>
      <c r="C57703" s="1" t="s">
        <v>95</v>
      </c>
      <c r="D57703" s="1" t="s">
        <v>194079</v>
      </c>
      <c r="E57703" s="1" t="s">
        <v>194080</v>
      </c>
      <c r="F57703" s="1" t="s">
        <v>194081</v>
      </c>
      <c r="G57703" s="1" t="s">
        <v>194026</v>
      </c>
      <c r="H57703" s="1" t="s">
        <v>194027</v>
      </c>
      <c r="I57703" s="1" t="s">
        <v>187135</v>
      </c>
      <c r="J57703" s="1" t="s">
        <v>194082</v>
      </c>
    </row>
    <row r="57704" spans="1:10" x14ac:dyDescent="0.35">
      <c r="A57704" s="1" t="s">
        <v>110550</v>
      </c>
      <c r="B57704" s="1" t="s">
        <v>187129</v>
      </c>
      <c r="C57704" s="1" t="s">
        <v>100</v>
      </c>
      <c r="D57704" s="1" t="s">
        <v>194083</v>
      </c>
      <c r="E57704" s="1" t="s">
        <v>194084</v>
      </c>
      <c r="F57704" s="1" t="s">
        <v>194085</v>
      </c>
      <c r="G57704" s="1" t="s">
        <v>194026</v>
      </c>
      <c r="H57704" s="1" t="s">
        <v>194027</v>
      </c>
      <c r="I57704" s="1" t="s">
        <v>187135</v>
      </c>
      <c r="J57704" s="1" t="s">
        <v>194086</v>
      </c>
    </row>
    <row r="57705" spans="1:10" x14ac:dyDescent="0.35">
      <c r="A57705" s="1" t="s">
        <v>110550</v>
      </c>
      <c r="B57705" s="1" t="s">
        <v>187129</v>
      </c>
      <c r="C57705" s="1" t="s">
        <v>105</v>
      </c>
      <c r="D57705" s="1" t="s">
        <v>31638</v>
      </c>
      <c r="E57705" s="1" t="s">
        <v>194087</v>
      </c>
      <c r="F57705" s="1" t="s">
        <v>194088</v>
      </c>
      <c r="G57705" s="1" t="s">
        <v>194026</v>
      </c>
      <c r="H57705" s="1" t="s">
        <v>194027</v>
      </c>
      <c r="I57705" s="1" t="s">
        <v>187135</v>
      </c>
      <c r="J57705" s="1" t="s">
        <v>194089</v>
      </c>
    </row>
    <row r="57706" spans="1:10" x14ac:dyDescent="0.35">
      <c r="A57706" s="1" t="s">
        <v>110550</v>
      </c>
      <c r="B57706" s="1" t="s">
        <v>187129</v>
      </c>
      <c r="C57706" s="1" t="s">
        <v>110</v>
      </c>
      <c r="D57706" s="1" t="s">
        <v>42829</v>
      </c>
      <c r="E57706" s="1" t="s">
        <v>194090</v>
      </c>
      <c r="F57706" s="1" t="s">
        <v>194091</v>
      </c>
      <c r="G57706" s="1" t="s">
        <v>194026</v>
      </c>
      <c r="H57706" s="1" t="s">
        <v>194027</v>
      </c>
      <c r="I57706" s="1" t="s">
        <v>187135</v>
      </c>
      <c r="J57706" s="1" t="s">
        <v>194092</v>
      </c>
    </row>
    <row r="57707" spans="1:10" x14ac:dyDescent="0.35">
      <c r="A57707" s="1" t="s">
        <v>110550</v>
      </c>
      <c r="B57707" s="1" t="s">
        <v>187129</v>
      </c>
      <c r="C57707" s="1" t="s">
        <v>115</v>
      </c>
      <c r="D57707" s="1" t="s">
        <v>113668</v>
      </c>
      <c r="E57707" s="1" t="s">
        <v>194093</v>
      </c>
      <c r="F57707" s="1" t="s">
        <v>194094</v>
      </c>
      <c r="G57707" s="1" t="s">
        <v>194026</v>
      </c>
      <c r="H57707" s="1" t="s">
        <v>194027</v>
      </c>
      <c r="I57707" s="1" t="s">
        <v>187135</v>
      </c>
      <c r="J57707" s="1" t="s">
        <v>194095</v>
      </c>
    </row>
    <row r="57708" spans="1:10" x14ac:dyDescent="0.35">
      <c r="A57708" s="1" t="s">
        <v>110550</v>
      </c>
      <c r="B57708" s="1" t="s">
        <v>187129</v>
      </c>
      <c r="C57708" s="1" t="s">
        <v>120</v>
      </c>
      <c r="D57708" s="1" t="s">
        <v>156084</v>
      </c>
      <c r="E57708" s="1" t="s">
        <v>194096</v>
      </c>
      <c r="F57708" s="1" t="s">
        <v>194097</v>
      </c>
      <c r="G57708" s="1" t="s">
        <v>194026</v>
      </c>
      <c r="H57708" s="1" t="s">
        <v>194027</v>
      </c>
      <c r="I57708" s="1" t="s">
        <v>187135</v>
      </c>
      <c r="J57708" s="1" t="s">
        <v>194098</v>
      </c>
    </row>
    <row r="57709" spans="1:10" x14ac:dyDescent="0.35">
      <c r="A57709" s="1" t="s">
        <v>110550</v>
      </c>
      <c r="B57709" s="1" t="s">
        <v>187129</v>
      </c>
      <c r="C57709" s="1" t="s">
        <v>125</v>
      </c>
      <c r="D57709" s="1" t="s">
        <v>194099</v>
      </c>
      <c r="E57709" s="1" t="s">
        <v>194100</v>
      </c>
      <c r="F57709" s="1" t="s">
        <v>194101</v>
      </c>
      <c r="G57709" s="1" t="s">
        <v>194026</v>
      </c>
      <c r="H57709" s="1" t="s">
        <v>194027</v>
      </c>
      <c r="I57709" s="1" t="s">
        <v>187135</v>
      </c>
      <c r="J57709" s="1" t="s">
        <v>194102</v>
      </c>
    </row>
    <row r="57710" spans="1:10" x14ac:dyDescent="0.35">
      <c r="A57710" s="1" t="s">
        <v>110550</v>
      </c>
      <c r="B57710" s="1" t="s">
        <v>187129</v>
      </c>
      <c r="C57710" s="1" t="s">
        <v>130</v>
      </c>
      <c r="D57710" s="1" t="s">
        <v>113214</v>
      </c>
      <c r="E57710" s="1" t="s">
        <v>194103</v>
      </c>
      <c r="F57710" s="1" t="s">
        <v>194104</v>
      </c>
      <c r="G57710" s="1" t="s">
        <v>194026</v>
      </c>
      <c r="H57710" s="1" t="s">
        <v>194027</v>
      </c>
      <c r="I57710" s="1" t="s">
        <v>187135</v>
      </c>
      <c r="J57710" s="1" t="s">
        <v>194105</v>
      </c>
    </row>
    <row r="57711" spans="1:10" x14ac:dyDescent="0.35">
      <c r="A57711" s="1" t="s">
        <v>110550</v>
      </c>
      <c r="B57711" s="1" t="s">
        <v>187129</v>
      </c>
      <c r="C57711" s="1" t="s">
        <v>135</v>
      </c>
      <c r="D57711" s="1" t="s">
        <v>177768</v>
      </c>
      <c r="E57711" s="1" t="s">
        <v>194106</v>
      </c>
      <c r="F57711" s="1" t="s">
        <v>194107</v>
      </c>
      <c r="G57711" s="1" t="s">
        <v>194026</v>
      </c>
      <c r="H57711" s="1" t="s">
        <v>194027</v>
      </c>
      <c r="I57711" s="1" t="s">
        <v>187135</v>
      </c>
      <c r="J57711" s="1" t="s">
        <v>194108</v>
      </c>
    </row>
    <row r="57712" spans="1:10" x14ac:dyDescent="0.35">
      <c r="A57712" s="1" t="s">
        <v>110550</v>
      </c>
      <c r="B57712" s="1" t="s">
        <v>187129</v>
      </c>
      <c r="C57712" s="1" t="s">
        <v>140</v>
      </c>
      <c r="D57712" s="1" t="s">
        <v>114490</v>
      </c>
      <c r="E57712" s="1" t="s">
        <v>194109</v>
      </c>
      <c r="F57712" s="1" t="s">
        <v>194110</v>
      </c>
      <c r="G57712" s="1" t="s">
        <v>194026</v>
      </c>
      <c r="H57712" s="1" t="s">
        <v>194027</v>
      </c>
      <c r="I57712" s="1" t="s">
        <v>187135</v>
      </c>
      <c r="J57712" s="1" t="s">
        <v>194111</v>
      </c>
    </row>
    <row r="57713" spans="1:10" x14ac:dyDescent="0.35">
      <c r="A57713" s="1" t="s">
        <v>110550</v>
      </c>
      <c r="B57713" s="1" t="s">
        <v>187129</v>
      </c>
      <c r="C57713" s="1" t="s">
        <v>145</v>
      </c>
      <c r="D57713" s="1" t="s">
        <v>194112</v>
      </c>
      <c r="E57713" s="1" t="s">
        <v>194113</v>
      </c>
      <c r="F57713" s="1" t="s">
        <v>194114</v>
      </c>
      <c r="G57713" s="1" t="s">
        <v>194026</v>
      </c>
      <c r="H57713" s="1" t="s">
        <v>194027</v>
      </c>
      <c r="I57713" s="1" t="s">
        <v>187135</v>
      </c>
      <c r="J57713" s="1" t="s">
        <v>194115</v>
      </c>
    </row>
    <row r="57714" spans="1:10" x14ac:dyDescent="0.35">
      <c r="A57714" s="1" t="s">
        <v>110550</v>
      </c>
      <c r="B57714" s="1" t="s">
        <v>187129</v>
      </c>
      <c r="C57714" s="1" t="s">
        <v>150</v>
      </c>
      <c r="D57714" s="1" t="s">
        <v>194116</v>
      </c>
      <c r="E57714" s="1" t="s">
        <v>194117</v>
      </c>
      <c r="F57714" s="1" t="s">
        <v>194118</v>
      </c>
      <c r="G57714" s="1" t="s">
        <v>194026</v>
      </c>
      <c r="H57714" s="1" t="s">
        <v>194027</v>
      </c>
      <c r="I57714" s="1" t="s">
        <v>187135</v>
      </c>
      <c r="J57714" s="1" t="s">
        <v>194119</v>
      </c>
    </row>
    <row r="57715" spans="1:10" x14ac:dyDescent="0.35">
      <c r="A57715" s="1" t="s">
        <v>110550</v>
      </c>
      <c r="B57715" s="1" t="s">
        <v>187129</v>
      </c>
      <c r="C57715" s="1" t="s">
        <v>155</v>
      </c>
      <c r="D57715" s="1" t="s">
        <v>30344</v>
      </c>
      <c r="E57715" s="1" t="s">
        <v>194120</v>
      </c>
      <c r="F57715" s="1" t="s">
        <v>194121</v>
      </c>
      <c r="G57715" s="1" t="s">
        <v>194026</v>
      </c>
      <c r="H57715" s="1" t="s">
        <v>194027</v>
      </c>
      <c r="I57715" s="1" t="s">
        <v>187135</v>
      </c>
      <c r="J57715" s="1" t="s">
        <v>194122</v>
      </c>
    </row>
    <row r="57716" spans="1:10" x14ac:dyDescent="0.35">
      <c r="A57716" s="1" t="s">
        <v>110550</v>
      </c>
      <c r="B57716" s="1" t="s">
        <v>187129</v>
      </c>
      <c r="C57716" s="1" t="s">
        <v>160</v>
      </c>
      <c r="D57716" s="1" t="s">
        <v>194123</v>
      </c>
      <c r="E57716" s="1" t="s">
        <v>194124</v>
      </c>
      <c r="F57716" s="1" t="s">
        <v>194125</v>
      </c>
      <c r="G57716" s="1" t="s">
        <v>194026</v>
      </c>
      <c r="H57716" s="1" t="s">
        <v>194027</v>
      </c>
      <c r="I57716" s="1" t="s">
        <v>187135</v>
      </c>
      <c r="J57716" s="1" t="s">
        <v>194126</v>
      </c>
    </row>
    <row r="57717" spans="1:10" x14ac:dyDescent="0.35">
      <c r="A57717" s="1" t="s">
        <v>110550</v>
      </c>
      <c r="B57717" s="1" t="s">
        <v>187129</v>
      </c>
      <c r="C57717" s="1" t="s">
        <v>165</v>
      </c>
      <c r="D57717" s="1" t="s">
        <v>11612</v>
      </c>
      <c r="E57717" s="1" t="s">
        <v>194127</v>
      </c>
      <c r="F57717" s="1" t="s">
        <v>194128</v>
      </c>
      <c r="G57717" s="1" t="s">
        <v>194026</v>
      </c>
      <c r="H57717" s="1" t="s">
        <v>194027</v>
      </c>
      <c r="I57717" s="1" t="s">
        <v>187135</v>
      </c>
      <c r="J57717" s="1" t="s">
        <v>194129</v>
      </c>
    </row>
    <row r="57718" spans="1:10" x14ac:dyDescent="0.35">
      <c r="A57718" s="1" t="s">
        <v>110550</v>
      </c>
      <c r="B57718" s="1" t="s">
        <v>187129</v>
      </c>
      <c r="C57718" s="1" t="s">
        <v>170</v>
      </c>
      <c r="D57718" s="1" t="s">
        <v>49708</v>
      </c>
      <c r="E57718" s="1" t="s">
        <v>194130</v>
      </c>
      <c r="F57718" s="1" t="s">
        <v>194131</v>
      </c>
      <c r="G57718" s="1" t="s">
        <v>194026</v>
      </c>
      <c r="H57718" s="1" t="s">
        <v>194027</v>
      </c>
      <c r="I57718" s="1" t="s">
        <v>187135</v>
      </c>
      <c r="J57718" s="1" t="s">
        <v>194132</v>
      </c>
    </row>
    <row r="57719" spans="1:10" x14ac:dyDescent="0.35">
      <c r="A57719" s="1" t="s">
        <v>194133</v>
      </c>
      <c r="B57719" s="1" t="s">
        <v>187129</v>
      </c>
      <c r="C57719" s="1" t="s">
        <v>8</v>
      </c>
      <c r="D57719" s="1" t="s">
        <v>194134</v>
      </c>
      <c r="E57719" s="1" t="s">
        <v>194135</v>
      </c>
      <c r="F57719" s="1" t="s">
        <v>194136</v>
      </c>
      <c r="G57719" s="1" t="s">
        <v>194137</v>
      </c>
      <c r="H57719" s="1" t="s">
        <v>194138</v>
      </c>
      <c r="I57719" s="1" t="s">
        <v>187135</v>
      </c>
      <c r="J57719" s="1" t="s">
        <v>13</v>
      </c>
    </row>
    <row r="57720" spans="1:10" x14ac:dyDescent="0.35">
      <c r="A57720" s="1" t="s">
        <v>194133</v>
      </c>
      <c r="B57720" s="1" t="s">
        <v>187129</v>
      </c>
      <c r="C57720" s="1" t="s">
        <v>15</v>
      </c>
      <c r="D57720" s="1" t="s">
        <v>194139</v>
      </c>
      <c r="E57720" s="1" t="s">
        <v>194140</v>
      </c>
      <c r="F57720" s="1" t="s">
        <v>194141</v>
      </c>
      <c r="G57720" s="1" t="s">
        <v>194137</v>
      </c>
      <c r="H57720" s="1" t="s">
        <v>194138</v>
      </c>
      <c r="I57720" s="1" t="s">
        <v>187135</v>
      </c>
      <c r="J57720" s="1" t="s">
        <v>194142</v>
      </c>
    </row>
    <row r="57721" spans="1:10" x14ac:dyDescent="0.35">
      <c r="A57721" s="1" t="s">
        <v>194133</v>
      </c>
      <c r="B57721" s="1" t="s">
        <v>187129</v>
      </c>
      <c r="C57721" s="1" t="s">
        <v>20</v>
      </c>
      <c r="D57721" s="1" t="s">
        <v>194143</v>
      </c>
      <c r="E57721" s="1" t="s">
        <v>194144</v>
      </c>
      <c r="F57721" s="1" t="s">
        <v>194145</v>
      </c>
      <c r="G57721" s="1" t="s">
        <v>194137</v>
      </c>
      <c r="H57721" s="1" t="s">
        <v>194138</v>
      </c>
      <c r="I57721" s="1" t="s">
        <v>187135</v>
      </c>
      <c r="J57721" s="1" t="s">
        <v>194146</v>
      </c>
    </row>
    <row r="57722" spans="1:10" x14ac:dyDescent="0.35">
      <c r="A57722" s="1" t="s">
        <v>194133</v>
      </c>
      <c r="B57722" s="1" t="s">
        <v>187129</v>
      </c>
      <c r="C57722" s="1" t="s">
        <v>25</v>
      </c>
      <c r="D57722" s="1" t="s">
        <v>194147</v>
      </c>
      <c r="E57722" s="1" t="s">
        <v>194148</v>
      </c>
      <c r="F57722" s="1" t="s">
        <v>194149</v>
      </c>
      <c r="G57722" s="1" t="s">
        <v>194137</v>
      </c>
      <c r="H57722" s="1" t="s">
        <v>194138</v>
      </c>
      <c r="I57722" s="1" t="s">
        <v>187135</v>
      </c>
      <c r="J57722" s="1" t="s">
        <v>194150</v>
      </c>
    </row>
    <row r="57723" spans="1:10" x14ac:dyDescent="0.35">
      <c r="A57723" s="1" t="s">
        <v>194133</v>
      </c>
      <c r="B57723" s="1" t="s">
        <v>187129</v>
      </c>
      <c r="C57723" s="1" t="s">
        <v>30</v>
      </c>
      <c r="D57723" s="1" t="s">
        <v>183531</v>
      </c>
      <c r="E57723" s="1" t="s">
        <v>194151</v>
      </c>
      <c r="F57723" s="1" t="s">
        <v>194152</v>
      </c>
      <c r="G57723" s="1" t="s">
        <v>194137</v>
      </c>
      <c r="H57723" s="1" t="s">
        <v>194138</v>
      </c>
      <c r="I57723" s="1" t="s">
        <v>187135</v>
      </c>
      <c r="J57723" s="1" t="s">
        <v>194153</v>
      </c>
    </row>
    <row r="57724" spans="1:10" x14ac:dyDescent="0.35">
      <c r="A57724" s="1" t="s">
        <v>194133</v>
      </c>
      <c r="B57724" s="1" t="s">
        <v>187129</v>
      </c>
      <c r="C57724" s="1" t="s">
        <v>35</v>
      </c>
      <c r="D57724" s="1" t="s">
        <v>194154</v>
      </c>
      <c r="E57724" s="1" t="s">
        <v>194155</v>
      </c>
      <c r="F57724" s="1" t="s">
        <v>194156</v>
      </c>
      <c r="G57724" s="1" t="s">
        <v>194137</v>
      </c>
      <c r="H57724" s="1" t="s">
        <v>194138</v>
      </c>
      <c r="I57724" s="1" t="s">
        <v>187135</v>
      </c>
      <c r="J57724" s="1" t="s">
        <v>194157</v>
      </c>
    </row>
    <row r="57725" spans="1:10" x14ac:dyDescent="0.35">
      <c r="A57725" s="1" t="s">
        <v>194133</v>
      </c>
      <c r="B57725" s="1" t="s">
        <v>187129</v>
      </c>
      <c r="C57725" s="1" t="s">
        <v>40</v>
      </c>
      <c r="D57725" s="1" t="s">
        <v>31745</v>
      </c>
      <c r="E57725" s="1" t="s">
        <v>194158</v>
      </c>
      <c r="F57725" s="1" t="s">
        <v>194159</v>
      </c>
      <c r="G57725" s="1" t="s">
        <v>194137</v>
      </c>
      <c r="H57725" s="1" t="s">
        <v>194138</v>
      </c>
      <c r="I57725" s="1" t="s">
        <v>187135</v>
      </c>
      <c r="J57725" s="1" t="s">
        <v>194160</v>
      </c>
    </row>
    <row r="57726" spans="1:10" x14ac:dyDescent="0.35">
      <c r="A57726" s="1" t="s">
        <v>194133</v>
      </c>
      <c r="B57726" s="1" t="s">
        <v>187129</v>
      </c>
      <c r="C57726" s="1" t="s">
        <v>45</v>
      </c>
      <c r="D57726" s="1" t="s">
        <v>46145</v>
      </c>
      <c r="E57726" s="1" t="s">
        <v>194161</v>
      </c>
      <c r="F57726" s="1" t="s">
        <v>194162</v>
      </c>
      <c r="G57726" s="1" t="s">
        <v>194137</v>
      </c>
      <c r="H57726" s="1" t="s">
        <v>194138</v>
      </c>
      <c r="I57726" s="1" t="s">
        <v>187135</v>
      </c>
      <c r="J57726" s="1" t="s">
        <v>194163</v>
      </c>
    </row>
    <row r="57727" spans="1:10" x14ac:dyDescent="0.35">
      <c r="A57727" s="1" t="s">
        <v>194133</v>
      </c>
      <c r="B57727" s="1" t="s">
        <v>187129</v>
      </c>
      <c r="C57727" s="1" t="s">
        <v>50</v>
      </c>
      <c r="D57727" s="1" t="s">
        <v>189325</v>
      </c>
      <c r="E57727" s="1" t="s">
        <v>194164</v>
      </c>
      <c r="F57727" s="1" t="s">
        <v>194165</v>
      </c>
      <c r="G57727" s="1" t="s">
        <v>194137</v>
      </c>
      <c r="H57727" s="1" t="s">
        <v>194138</v>
      </c>
      <c r="I57727" s="1" t="s">
        <v>187135</v>
      </c>
      <c r="J57727" s="1" t="s">
        <v>194166</v>
      </c>
    </row>
    <row r="57728" spans="1:10" x14ac:dyDescent="0.35">
      <c r="A57728" s="1" t="s">
        <v>194133</v>
      </c>
      <c r="B57728" s="1" t="s">
        <v>187129</v>
      </c>
      <c r="C57728" s="1" t="s">
        <v>55</v>
      </c>
      <c r="D57728" s="1" t="s">
        <v>126126</v>
      </c>
      <c r="E57728" s="1" t="s">
        <v>194167</v>
      </c>
      <c r="F57728" s="1" t="s">
        <v>194168</v>
      </c>
      <c r="G57728" s="1" t="s">
        <v>194137</v>
      </c>
      <c r="H57728" s="1" t="s">
        <v>194138</v>
      </c>
      <c r="I57728" s="1" t="s">
        <v>187135</v>
      </c>
      <c r="J57728" s="1" t="s">
        <v>194169</v>
      </c>
    </row>
    <row r="57729" spans="1:10" x14ac:dyDescent="0.35">
      <c r="A57729" s="1" t="s">
        <v>194133</v>
      </c>
      <c r="B57729" s="1" t="s">
        <v>187129</v>
      </c>
      <c r="C57729" s="1" t="s">
        <v>60</v>
      </c>
      <c r="D57729" s="1" t="s">
        <v>154169</v>
      </c>
      <c r="E57729" s="1" t="s">
        <v>194170</v>
      </c>
      <c r="F57729" s="1" t="s">
        <v>194171</v>
      </c>
      <c r="G57729" s="1" t="s">
        <v>194137</v>
      </c>
      <c r="H57729" s="1" t="s">
        <v>194138</v>
      </c>
      <c r="I57729" s="1" t="s">
        <v>187135</v>
      </c>
      <c r="J57729" s="1" t="s">
        <v>194172</v>
      </c>
    </row>
    <row r="57730" spans="1:10" x14ac:dyDescent="0.35">
      <c r="A57730" s="1" t="s">
        <v>194133</v>
      </c>
      <c r="B57730" s="1" t="s">
        <v>187129</v>
      </c>
      <c r="C57730" s="1" t="s">
        <v>65</v>
      </c>
      <c r="D57730" s="1" t="s">
        <v>194173</v>
      </c>
      <c r="E57730" s="1" t="s">
        <v>194174</v>
      </c>
      <c r="F57730" s="1" t="s">
        <v>194175</v>
      </c>
      <c r="G57730" s="1" t="s">
        <v>194137</v>
      </c>
      <c r="H57730" s="1" t="s">
        <v>194138</v>
      </c>
      <c r="I57730" s="1" t="s">
        <v>187135</v>
      </c>
      <c r="J57730" s="1" t="s">
        <v>194176</v>
      </c>
    </row>
    <row r="57731" spans="1:10" x14ac:dyDescent="0.35">
      <c r="A57731" s="1" t="s">
        <v>194133</v>
      </c>
      <c r="B57731" s="1" t="s">
        <v>187129</v>
      </c>
      <c r="C57731" s="1" t="s">
        <v>70</v>
      </c>
      <c r="D57731" s="1" t="s">
        <v>17413</v>
      </c>
      <c r="E57731" s="1" t="s">
        <v>194177</v>
      </c>
      <c r="F57731" s="1" t="s">
        <v>194178</v>
      </c>
      <c r="G57731" s="1" t="s">
        <v>194137</v>
      </c>
      <c r="H57731" s="1" t="s">
        <v>194138</v>
      </c>
      <c r="I57731" s="1" t="s">
        <v>187135</v>
      </c>
      <c r="J57731" s="1" t="s">
        <v>194179</v>
      </c>
    </row>
    <row r="57732" spans="1:10" x14ac:dyDescent="0.35">
      <c r="A57732" s="1" t="s">
        <v>194133</v>
      </c>
      <c r="B57732" s="1" t="s">
        <v>187129</v>
      </c>
      <c r="C57732" s="1" t="s">
        <v>75</v>
      </c>
      <c r="D57732" s="1" t="s">
        <v>187031</v>
      </c>
      <c r="E57732" s="1" t="s">
        <v>194180</v>
      </c>
      <c r="F57732" s="1" t="s">
        <v>194181</v>
      </c>
      <c r="G57732" s="1" t="s">
        <v>194137</v>
      </c>
      <c r="H57732" s="1" t="s">
        <v>194138</v>
      </c>
      <c r="I57732" s="1" t="s">
        <v>187135</v>
      </c>
      <c r="J57732" s="1" t="s">
        <v>194182</v>
      </c>
    </row>
    <row r="57733" spans="1:10" x14ac:dyDescent="0.35">
      <c r="A57733" s="1" t="s">
        <v>194133</v>
      </c>
      <c r="B57733" s="1" t="s">
        <v>187129</v>
      </c>
      <c r="C57733" s="1" t="s">
        <v>80</v>
      </c>
      <c r="D57733" s="1" t="s">
        <v>36411</v>
      </c>
      <c r="E57733" s="1" t="s">
        <v>194183</v>
      </c>
      <c r="F57733" s="1" t="s">
        <v>194184</v>
      </c>
      <c r="G57733" s="1" t="s">
        <v>194137</v>
      </c>
      <c r="H57733" s="1" t="s">
        <v>194138</v>
      </c>
      <c r="I57733" s="1" t="s">
        <v>187135</v>
      </c>
      <c r="J57733" s="1" t="s">
        <v>194185</v>
      </c>
    </row>
    <row r="57734" spans="1:10" x14ac:dyDescent="0.35">
      <c r="A57734" s="1" t="s">
        <v>194133</v>
      </c>
      <c r="B57734" s="1" t="s">
        <v>187129</v>
      </c>
      <c r="C57734" s="1" t="s">
        <v>85</v>
      </c>
      <c r="D57734" s="1" t="s">
        <v>13509</v>
      </c>
      <c r="E57734" s="1" t="s">
        <v>194186</v>
      </c>
      <c r="F57734" s="1" t="s">
        <v>194187</v>
      </c>
      <c r="G57734" s="1" t="s">
        <v>194137</v>
      </c>
      <c r="H57734" s="1" t="s">
        <v>194138</v>
      </c>
      <c r="I57734" s="1" t="s">
        <v>187135</v>
      </c>
      <c r="J57734" s="1" t="s">
        <v>194188</v>
      </c>
    </row>
    <row r="57735" spans="1:10" x14ac:dyDescent="0.35">
      <c r="A57735" s="1" t="s">
        <v>194133</v>
      </c>
      <c r="B57735" s="1" t="s">
        <v>187129</v>
      </c>
      <c r="C57735" s="1" t="s">
        <v>90</v>
      </c>
      <c r="D57735" s="1" t="s">
        <v>33211</v>
      </c>
      <c r="E57735" s="1" t="s">
        <v>194189</v>
      </c>
      <c r="F57735" s="1" t="s">
        <v>194190</v>
      </c>
      <c r="G57735" s="1" t="s">
        <v>194137</v>
      </c>
      <c r="H57735" s="1" t="s">
        <v>194138</v>
      </c>
      <c r="I57735" s="1" t="s">
        <v>187135</v>
      </c>
      <c r="J57735" s="1" t="s">
        <v>194191</v>
      </c>
    </row>
    <row r="57736" spans="1:10" x14ac:dyDescent="0.35">
      <c r="A57736" s="1" t="s">
        <v>194133</v>
      </c>
      <c r="B57736" s="1" t="s">
        <v>187129</v>
      </c>
      <c r="C57736" s="1" t="s">
        <v>95</v>
      </c>
      <c r="D57736" s="1" t="s">
        <v>74274</v>
      </c>
      <c r="E57736" s="1" t="s">
        <v>194192</v>
      </c>
      <c r="F57736" s="1" t="s">
        <v>194193</v>
      </c>
      <c r="G57736" s="1" t="s">
        <v>194137</v>
      </c>
      <c r="H57736" s="1" t="s">
        <v>194138</v>
      </c>
      <c r="I57736" s="1" t="s">
        <v>187135</v>
      </c>
      <c r="J57736" s="1" t="s">
        <v>194194</v>
      </c>
    </row>
    <row r="57737" spans="1:10" x14ac:dyDescent="0.35">
      <c r="A57737" s="1" t="s">
        <v>194133</v>
      </c>
      <c r="B57737" s="1" t="s">
        <v>187129</v>
      </c>
      <c r="C57737" s="1" t="s">
        <v>100</v>
      </c>
      <c r="D57737" s="1" t="s">
        <v>17998</v>
      </c>
      <c r="E57737" s="1" t="s">
        <v>194195</v>
      </c>
      <c r="F57737" s="1" t="s">
        <v>194196</v>
      </c>
      <c r="G57737" s="1" t="s">
        <v>194137</v>
      </c>
      <c r="H57737" s="1" t="s">
        <v>194138</v>
      </c>
      <c r="I57737" s="1" t="s">
        <v>187135</v>
      </c>
      <c r="J57737" s="1" t="s">
        <v>194197</v>
      </c>
    </row>
    <row r="57738" spans="1:10" x14ac:dyDescent="0.35">
      <c r="A57738" s="1" t="s">
        <v>194133</v>
      </c>
      <c r="B57738" s="1" t="s">
        <v>187129</v>
      </c>
      <c r="C57738" s="1" t="s">
        <v>105</v>
      </c>
      <c r="D57738" s="1" t="s">
        <v>3723</v>
      </c>
      <c r="E57738" s="1" t="s">
        <v>194198</v>
      </c>
      <c r="F57738" s="1" t="s">
        <v>194199</v>
      </c>
      <c r="G57738" s="1" t="s">
        <v>194137</v>
      </c>
      <c r="H57738" s="1" t="s">
        <v>194138</v>
      </c>
      <c r="I57738" s="1" t="s">
        <v>187135</v>
      </c>
      <c r="J57738" s="1" t="s">
        <v>194200</v>
      </c>
    </row>
    <row r="57739" spans="1:10" x14ac:dyDescent="0.35">
      <c r="A57739" s="1" t="s">
        <v>194133</v>
      </c>
      <c r="B57739" s="1" t="s">
        <v>187129</v>
      </c>
      <c r="C57739" s="1" t="s">
        <v>110</v>
      </c>
      <c r="D57739" s="1" t="s">
        <v>153346</v>
      </c>
      <c r="E57739" s="1" t="s">
        <v>194201</v>
      </c>
      <c r="F57739" s="1" t="s">
        <v>194202</v>
      </c>
      <c r="G57739" s="1" t="s">
        <v>194137</v>
      </c>
      <c r="H57739" s="1" t="s">
        <v>194138</v>
      </c>
      <c r="I57739" s="1" t="s">
        <v>187135</v>
      </c>
      <c r="J57739" s="1" t="s">
        <v>194203</v>
      </c>
    </row>
    <row r="57740" spans="1:10" x14ac:dyDescent="0.35">
      <c r="A57740" s="1" t="s">
        <v>194133</v>
      </c>
      <c r="B57740" s="1" t="s">
        <v>187129</v>
      </c>
      <c r="C57740" s="1" t="s">
        <v>115</v>
      </c>
      <c r="D57740" s="1" t="s">
        <v>194204</v>
      </c>
      <c r="E57740" s="1" t="s">
        <v>194205</v>
      </c>
      <c r="F57740" s="1" t="s">
        <v>194206</v>
      </c>
      <c r="G57740" s="1" t="s">
        <v>194137</v>
      </c>
      <c r="H57740" s="1" t="s">
        <v>194138</v>
      </c>
      <c r="I57740" s="1" t="s">
        <v>187135</v>
      </c>
      <c r="J57740" s="1" t="s">
        <v>194207</v>
      </c>
    </row>
    <row r="57741" spans="1:10" x14ac:dyDescent="0.35">
      <c r="A57741" s="1" t="s">
        <v>194133</v>
      </c>
      <c r="B57741" s="1" t="s">
        <v>187129</v>
      </c>
      <c r="C57741" s="1" t="s">
        <v>120</v>
      </c>
      <c r="D57741" s="1" t="s">
        <v>173617</v>
      </c>
      <c r="E57741" s="1" t="s">
        <v>194208</v>
      </c>
      <c r="F57741" s="1" t="s">
        <v>194209</v>
      </c>
      <c r="G57741" s="1" t="s">
        <v>194137</v>
      </c>
      <c r="H57741" s="1" t="s">
        <v>194138</v>
      </c>
      <c r="I57741" s="1" t="s">
        <v>187135</v>
      </c>
      <c r="J57741" s="1" t="s">
        <v>194210</v>
      </c>
    </row>
    <row r="57742" spans="1:10" x14ac:dyDescent="0.35">
      <c r="A57742" s="1" t="s">
        <v>194133</v>
      </c>
      <c r="B57742" s="1" t="s">
        <v>187129</v>
      </c>
      <c r="C57742" s="1" t="s">
        <v>125</v>
      </c>
      <c r="D57742" s="1" t="s">
        <v>194211</v>
      </c>
      <c r="E57742" s="1" t="s">
        <v>194212</v>
      </c>
      <c r="F57742" s="1" t="s">
        <v>194213</v>
      </c>
      <c r="G57742" s="1" t="s">
        <v>194137</v>
      </c>
      <c r="H57742" s="1" t="s">
        <v>194138</v>
      </c>
      <c r="I57742" s="1" t="s">
        <v>187135</v>
      </c>
      <c r="J57742" s="1" t="s">
        <v>194214</v>
      </c>
    </row>
    <row r="57743" spans="1:10" x14ac:dyDescent="0.35">
      <c r="A57743" s="1" t="s">
        <v>194133</v>
      </c>
      <c r="B57743" s="1" t="s">
        <v>187129</v>
      </c>
      <c r="C57743" s="1" t="s">
        <v>130</v>
      </c>
      <c r="D57743" s="1" t="s">
        <v>19159</v>
      </c>
      <c r="E57743" s="1" t="s">
        <v>194215</v>
      </c>
      <c r="F57743" s="1" t="s">
        <v>194216</v>
      </c>
      <c r="G57743" s="1" t="s">
        <v>194137</v>
      </c>
      <c r="H57743" s="1" t="s">
        <v>194138</v>
      </c>
      <c r="I57743" s="1" t="s">
        <v>187135</v>
      </c>
      <c r="J57743" s="1" t="s">
        <v>194217</v>
      </c>
    </row>
    <row r="57744" spans="1:10" x14ac:dyDescent="0.35">
      <c r="A57744" s="1" t="s">
        <v>194133</v>
      </c>
      <c r="B57744" s="1" t="s">
        <v>187129</v>
      </c>
      <c r="C57744" s="1" t="s">
        <v>135</v>
      </c>
      <c r="D57744" s="1" t="s">
        <v>147637</v>
      </c>
      <c r="E57744" s="1" t="s">
        <v>194218</v>
      </c>
      <c r="F57744" s="1" t="s">
        <v>194219</v>
      </c>
      <c r="G57744" s="1" t="s">
        <v>194137</v>
      </c>
      <c r="H57744" s="1" t="s">
        <v>194138</v>
      </c>
      <c r="I57744" s="1" t="s">
        <v>187135</v>
      </c>
      <c r="J57744" s="1" t="s">
        <v>194220</v>
      </c>
    </row>
    <row r="57745" spans="1:10" x14ac:dyDescent="0.35">
      <c r="A57745" s="1" t="s">
        <v>194133</v>
      </c>
      <c r="B57745" s="1" t="s">
        <v>187129</v>
      </c>
      <c r="C57745" s="1" t="s">
        <v>140</v>
      </c>
      <c r="D57745" s="1" t="s">
        <v>32652</v>
      </c>
      <c r="E57745" s="1" t="s">
        <v>194221</v>
      </c>
      <c r="F57745" s="1" t="s">
        <v>194222</v>
      </c>
      <c r="G57745" s="1" t="s">
        <v>194137</v>
      </c>
      <c r="H57745" s="1" t="s">
        <v>194138</v>
      </c>
      <c r="I57745" s="1" t="s">
        <v>187135</v>
      </c>
      <c r="J57745" s="1" t="s">
        <v>194223</v>
      </c>
    </row>
    <row r="57746" spans="1:10" x14ac:dyDescent="0.35">
      <c r="A57746" s="1" t="s">
        <v>194133</v>
      </c>
      <c r="B57746" s="1" t="s">
        <v>187129</v>
      </c>
      <c r="C57746" s="1" t="s">
        <v>145</v>
      </c>
      <c r="D57746" s="1" t="s">
        <v>42412</v>
      </c>
      <c r="E57746" s="1" t="s">
        <v>194224</v>
      </c>
      <c r="F57746" s="1" t="s">
        <v>194225</v>
      </c>
      <c r="G57746" s="1" t="s">
        <v>194137</v>
      </c>
      <c r="H57746" s="1" t="s">
        <v>194138</v>
      </c>
      <c r="I57746" s="1" t="s">
        <v>187135</v>
      </c>
      <c r="J57746" s="1" t="s">
        <v>194226</v>
      </c>
    </row>
    <row r="57747" spans="1:10" x14ac:dyDescent="0.35">
      <c r="A57747" s="1" t="s">
        <v>194133</v>
      </c>
      <c r="B57747" s="1" t="s">
        <v>187129</v>
      </c>
      <c r="C57747" s="1" t="s">
        <v>150</v>
      </c>
      <c r="D57747" s="1" t="s">
        <v>179882</v>
      </c>
      <c r="E57747" s="1" t="s">
        <v>194227</v>
      </c>
      <c r="F57747" s="1" t="s">
        <v>194228</v>
      </c>
      <c r="G57747" s="1" t="s">
        <v>194137</v>
      </c>
      <c r="H57747" s="1" t="s">
        <v>194138</v>
      </c>
      <c r="I57747" s="1" t="s">
        <v>187135</v>
      </c>
      <c r="J57747" s="1" t="s">
        <v>194229</v>
      </c>
    </row>
    <row r="57748" spans="1:10" x14ac:dyDescent="0.35">
      <c r="A57748" s="1" t="s">
        <v>194133</v>
      </c>
      <c r="B57748" s="1" t="s">
        <v>187129</v>
      </c>
      <c r="C57748" s="1" t="s">
        <v>155</v>
      </c>
      <c r="D57748" s="1" t="s">
        <v>180707</v>
      </c>
      <c r="E57748" s="1" t="s">
        <v>194230</v>
      </c>
      <c r="F57748" s="1" t="s">
        <v>194231</v>
      </c>
      <c r="G57748" s="1" t="s">
        <v>194137</v>
      </c>
      <c r="H57748" s="1" t="s">
        <v>194138</v>
      </c>
      <c r="I57748" s="1" t="s">
        <v>187135</v>
      </c>
      <c r="J57748" s="1" t="s">
        <v>194232</v>
      </c>
    </row>
    <row r="57749" spans="1:10" x14ac:dyDescent="0.35">
      <c r="A57749" s="1" t="s">
        <v>194133</v>
      </c>
      <c r="B57749" s="1" t="s">
        <v>187129</v>
      </c>
      <c r="C57749" s="1" t="s">
        <v>160</v>
      </c>
      <c r="D57749" s="1" t="s">
        <v>194233</v>
      </c>
      <c r="E57749" s="1" t="s">
        <v>194234</v>
      </c>
      <c r="F57749" s="1" t="s">
        <v>194235</v>
      </c>
      <c r="G57749" s="1" t="s">
        <v>194137</v>
      </c>
      <c r="H57749" s="1" t="s">
        <v>194138</v>
      </c>
      <c r="I57749" s="1" t="s">
        <v>187135</v>
      </c>
      <c r="J57749" s="1" t="s">
        <v>194236</v>
      </c>
    </row>
    <row r="57750" spans="1:10" x14ac:dyDescent="0.35">
      <c r="A57750" s="1" t="s">
        <v>194133</v>
      </c>
      <c r="B57750" s="1" t="s">
        <v>187129</v>
      </c>
      <c r="C57750" s="1" t="s">
        <v>165</v>
      </c>
      <c r="D57750" s="1" t="s">
        <v>194237</v>
      </c>
      <c r="E57750" s="1" t="s">
        <v>194238</v>
      </c>
      <c r="F57750" s="1" t="s">
        <v>194239</v>
      </c>
      <c r="G57750" s="1" t="s">
        <v>194137</v>
      </c>
      <c r="H57750" s="1" t="s">
        <v>194138</v>
      </c>
      <c r="I57750" s="1" t="s">
        <v>187135</v>
      </c>
      <c r="J57750" s="1" t="s">
        <v>194240</v>
      </c>
    </row>
    <row r="57751" spans="1:10" x14ac:dyDescent="0.35">
      <c r="A57751" s="1" t="s">
        <v>194133</v>
      </c>
      <c r="B57751" s="1" t="s">
        <v>187129</v>
      </c>
      <c r="C57751" s="1" t="s">
        <v>170</v>
      </c>
      <c r="D57751" s="1" t="s">
        <v>194241</v>
      </c>
      <c r="E57751" s="1" t="s">
        <v>194242</v>
      </c>
      <c r="F57751" s="1" t="s">
        <v>194243</v>
      </c>
      <c r="G57751" s="1" t="s">
        <v>194137</v>
      </c>
      <c r="H57751" s="1" t="s">
        <v>194138</v>
      </c>
      <c r="I57751" s="1" t="s">
        <v>187135</v>
      </c>
      <c r="J57751" s="1" t="s">
        <v>194244</v>
      </c>
    </row>
    <row r="57752" spans="1:10" x14ac:dyDescent="0.35">
      <c r="A57752" s="1" t="s">
        <v>10048</v>
      </c>
      <c r="B57752" s="1" t="s">
        <v>187129</v>
      </c>
      <c r="C57752" s="1" t="s">
        <v>8</v>
      </c>
      <c r="D57752" s="1" t="s">
        <v>16188</v>
      </c>
      <c r="E57752" s="1" t="s">
        <v>194245</v>
      </c>
      <c r="F57752" s="1" t="s">
        <v>194246</v>
      </c>
      <c r="G57752" s="1" t="s">
        <v>194247</v>
      </c>
      <c r="H57752" s="1" t="s">
        <v>194248</v>
      </c>
      <c r="I57752" s="1" t="s">
        <v>187135</v>
      </c>
      <c r="J57752" s="1" t="s">
        <v>13</v>
      </c>
    </row>
    <row r="57753" spans="1:10" x14ac:dyDescent="0.35">
      <c r="A57753" s="1" t="s">
        <v>10048</v>
      </c>
      <c r="B57753" s="1" t="s">
        <v>187129</v>
      </c>
      <c r="C57753" s="1" t="s">
        <v>15</v>
      </c>
      <c r="D57753" s="1" t="s">
        <v>7191</v>
      </c>
      <c r="E57753" s="1" t="s">
        <v>194249</v>
      </c>
      <c r="F57753" s="1" t="s">
        <v>194250</v>
      </c>
      <c r="G57753" s="1" t="s">
        <v>194247</v>
      </c>
      <c r="H57753" s="1" t="s">
        <v>194248</v>
      </c>
      <c r="I57753" s="1" t="s">
        <v>187135</v>
      </c>
      <c r="J57753" s="1" t="s">
        <v>194251</v>
      </c>
    </row>
    <row r="57754" spans="1:10" x14ac:dyDescent="0.35">
      <c r="A57754" s="1" t="s">
        <v>10048</v>
      </c>
      <c r="B57754" s="1" t="s">
        <v>187129</v>
      </c>
      <c r="C57754" s="1" t="s">
        <v>20</v>
      </c>
      <c r="D57754" s="1" t="s">
        <v>49908</v>
      </c>
      <c r="E57754" s="1" t="s">
        <v>194252</v>
      </c>
      <c r="F57754" s="1" t="s">
        <v>194253</v>
      </c>
      <c r="G57754" s="1" t="s">
        <v>194247</v>
      </c>
      <c r="H57754" s="1" t="s">
        <v>194248</v>
      </c>
      <c r="I57754" s="1" t="s">
        <v>187135</v>
      </c>
      <c r="J57754" s="1" t="s">
        <v>194254</v>
      </c>
    </row>
    <row r="57755" spans="1:10" x14ac:dyDescent="0.35">
      <c r="A57755" s="1" t="s">
        <v>10048</v>
      </c>
      <c r="B57755" s="1" t="s">
        <v>187129</v>
      </c>
      <c r="C57755" s="1" t="s">
        <v>25</v>
      </c>
      <c r="D57755" s="1" t="s">
        <v>151548</v>
      </c>
      <c r="E57755" s="1" t="s">
        <v>194255</v>
      </c>
      <c r="F57755" s="1" t="s">
        <v>194256</v>
      </c>
      <c r="G57755" s="1" t="s">
        <v>194247</v>
      </c>
      <c r="H57755" s="1" t="s">
        <v>194248</v>
      </c>
      <c r="I57755" s="1" t="s">
        <v>187135</v>
      </c>
      <c r="J57755" s="1" t="s">
        <v>194257</v>
      </c>
    </row>
    <row r="57756" spans="1:10" x14ac:dyDescent="0.35">
      <c r="A57756" s="1" t="s">
        <v>10048</v>
      </c>
      <c r="B57756" s="1" t="s">
        <v>187129</v>
      </c>
      <c r="C57756" s="1" t="s">
        <v>30</v>
      </c>
      <c r="D57756" s="1" t="s">
        <v>49216</v>
      </c>
      <c r="E57756" s="1" t="s">
        <v>194258</v>
      </c>
      <c r="F57756" s="1" t="s">
        <v>194259</v>
      </c>
      <c r="G57756" s="1" t="s">
        <v>194247</v>
      </c>
      <c r="H57756" s="1" t="s">
        <v>194248</v>
      </c>
      <c r="I57756" s="1" t="s">
        <v>187135</v>
      </c>
      <c r="J57756" s="1" t="s">
        <v>194260</v>
      </c>
    </row>
    <row r="57757" spans="1:10" x14ac:dyDescent="0.35">
      <c r="A57757" s="1" t="s">
        <v>10048</v>
      </c>
      <c r="B57757" s="1" t="s">
        <v>187129</v>
      </c>
      <c r="C57757" s="1" t="s">
        <v>35</v>
      </c>
      <c r="D57757" s="1" t="s">
        <v>37363</v>
      </c>
      <c r="E57757" s="1" t="s">
        <v>194261</v>
      </c>
      <c r="F57757" s="1" t="s">
        <v>194262</v>
      </c>
      <c r="G57757" s="1" t="s">
        <v>194247</v>
      </c>
      <c r="H57757" s="1" t="s">
        <v>194248</v>
      </c>
      <c r="I57757" s="1" t="s">
        <v>187135</v>
      </c>
      <c r="J57757" s="1" t="s">
        <v>194263</v>
      </c>
    </row>
    <row r="57758" spans="1:10" x14ac:dyDescent="0.35">
      <c r="A57758" s="1" t="s">
        <v>10048</v>
      </c>
      <c r="B57758" s="1" t="s">
        <v>187129</v>
      </c>
      <c r="C57758" s="1" t="s">
        <v>40</v>
      </c>
      <c r="D57758" s="1" t="s">
        <v>49457</v>
      </c>
      <c r="E57758" s="1" t="s">
        <v>194264</v>
      </c>
      <c r="F57758" s="1" t="s">
        <v>194265</v>
      </c>
      <c r="G57758" s="1" t="s">
        <v>194247</v>
      </c>
      <c r="H57758" s="1" t="s">
        <v>194248</v>
      </c>
      <c r="I57758" s="1" t="s">
        <v>187135</v>
      </c>
      <c r="J57758" s="1" t="s">
        <v>194266</v>
      </c>
    </row>
    <row r="57759" spans="1:10" x14ac:dyDescent="0.35">
      <c r="A57759" s="1" t="s">
        <v>10048</v>
      </c>
      <c r="B57759" s="1" t="s">
        <v>187129</v>
      </c>
      <c r="C57759" s="1" t="s">
        <v>45</v>
      </c>
      <c r="D57759" s="1" t="s">
        <v>116289</v>
      </c>
      <c r="E57759" s="1" t="s">
        <v>194267</v>
      </c>
      <c r="F57759" s="1" t="s">
        <v>194268</v>
      </c>
      <c r="G57759" s="1" t="s">
        <v>194247</v>
      </c>
      <c r="H57759" s="1" t="s">
        <v>194248</v>
      </c>
      <c r="I57759" s="1" t="s">
        <v>187135</v>
      </c>
      <c r="J57759" s="1" t="s">
        <v>194269</v>
      </c>
    </row>
    <row r="57760" spans="1:10" x14ac:dyDescent="0.35">
      <c r="A57760" s="1" t="s">
        <v>10048</v>
      </c>
      <c r="B57760" s="1" t="s">
        <v>187129</v>
      </c>
      <c r="C57760" s="1" t="s">
        <v>50</v>
      </c>
      <c r="D57760" s="1" t="s">
        <v>9550</v>
      </c>
      <c r="E57760" s="1" t="s">
        <v>194270</v>
      </c>
      <c r="F57760" s="1" t="s">
        <v>194271</v>
      </c>
      <c r="G57760" s="1" t="s">
        <v>194247</v>
      </c>
      <c r="H57760" s="1" t="s">
        <v>194248</v>
      </c>
      <c r="I57760" s="1" t="s">
        <v>187135</v>
      </c>
      <c r="J57760" s="1" t="s">
        <v>194272</v>
      </c>
    </row>
    <row r="57761" spans="1:10" x14ac:dyDescent="0.35">
      <c r="A57761" s="1" t="s">
        <v>10048</v>
      </c>
      <c r="B57761" s="1" t="s">
        <v>187129</v>
      </c>
      <c r="C57761" s="1" t="s">
        <v>55</v>
      </c>
      <c r="D57761" s="1" t="s">
        <v>194273</v>
      </c>
      <c r="E57761" s="1" t="s">
        <v>194274</v>
      </c>
      <c r="F57761" s="1" t="s">
        <v>194275</v>
      </c>
      <c r="G57761" s="1" t="s">
        <v>194247</v>
      </c>
      <c r="H57761" s="1" t="s">
        <v>194248</v>
      </c>
      <c r="I57761" s="1" t="s">
        <v>187135</v>
      </c>
      <c r="J57761" s="1" t="s">
        <v>194276</v>
      </c>
    </row>
    <row r="57762" spans="1:10" x14ac:dyDescent="0.35">
      <c r="A57762" s="1" t="s">
        <v>10048</v>
      </c>
      <c r="B57762" s="1" t="s">
        <v>187129</v>
      </c>
      <c r="C57762" s="1" t="s">
        <v>60</v>
      </c>
      <c r="D57762" s="1" t="s">
        <v>1472</v>
      </c>
      <c r="E57762" s="1" t="s">
        <v>194277</v>
      </c>
      <c r="F57762" s="1" t="s">
        <v>194278</v>
      </c>
      <c r="G57762" s="1" t="s">
        <v>194247</v>
      </c>
      <c r="H57762" s="1" t="s">
        <v>194248</v>
      </c>
      <c r="I57762" s="1" t="s">
        <v>187135</v>
      </c>
      <c r="J57762" s="1" t="s">
        <v>194279</v>
      </c>
    </row>
    <row r="57763" spans="1:10" x14ac:dyDescent="0.35">
      <c r="A57763" s="1" t="s">
        <v>10048</v>
      </c>
      <c r="B57763" s="1" t="s">
        <v>187129</v>
      </c>
      <c r="C57763" s="1" t="s">
        <v>65</v>
      </c>
      <c r="D57763" s="1" t="s">
        <v>31720</v>
      </c>
      <c r="E57763" s="1" t="s">
        <v>194280</v>
      </c>
      <c r="F57763" s="1" t="s">
        <v>194281</v>
      </c>
      <c r="G57763" s="1" t="s">
        <v>194247</v>
      </c>
      <c r="H57763" s="1" t="s">
        <v>194248</v>
      </c>
      <c r="I57763" s="1" t="s">
        <v>187135</v>
      </c>
      <c r="J57763" s="1" t="s">
        <v>194282</v>
      </c>
    </row>
    <row r="57764" spans="1:10" x14ac:dyDescent="0.35">
      <c r="A57764" s="1" t="s">
        <v>10048</v>
      </c>
      <c r="B57764" s="1" t="s">
        <v>187129</v>
      </c>
      <c r="C57764" s="1" t="s">
        <v>70</v>
      </c>
      <c r="D57764" s="1" t="s">
        <v>48043</v>
      </c>
      <c r="E57764" s="1" t="s">
        <v>194283</v>
      </c>
      <c r="F57764" s="1" t="s">
        <v>194284</v>
      </c>
      <c r="G57764" s="1" t="s">
        <v>194247</v>
      </c>
      <c r="H57764" s="1" t="s">
        <v>194248</v>
      </c>
      <c r="I57764" s="1" t="s">
        <v>187135</v>
      </c>
      <c r="J57764" s="1" t="s">
        <v>72504</v>
      </c>
    </row>
    <row r="57765" spans="1:10" x14ac:dyDescent="0.35">
      <c r="A57765" s="1" t="s">
        <v>10048</v>
      </c>
      <c r="B57765" s="1" t="s">
        <v>187129</v>
      </c>
      <c r="C57765" s="1" t="s">
        <v>75</v>
      </c>
      <c r="D57765" s="1" t="s">
        <v>37636</v>
      </c>
      <c r="E57765" s="1" t="s">
        <v>194285</v>
      </c>
      <c r="F57765" s="1" t="s">
        <v>194286</v>
      </c>
      <c r="G57765" s="1" t="s">
        <v>194247</v>
      </c>
      <c r="H57765" s="1" t="s">
        <v>194248</v>
      </c>
      <c r="I57765" s="1" t="s">
        <v>187135</v>
      </c>
      <c r="J57765" s="1" t="s">
        <v>194287</v>
      </c>
    </row>
    <row r="57766" spans="1:10" x14ac:dyDescent="0.35">
      <c r="A57766" s="1" t="s">
        <v>10048</v>
      </c>
      <c r="B57766" s="1" t="s">
        <v>187129</v>
      </c>
      <c r="C57766" s="1" t="s">
        <v>80</v>
      </c>
      <c r="D57766" s="1" t="s">
        <v>45892</v>
      </c>
      <c r="E57766" s="1" t="s">
        <v>194288</v>
      </c>
      <c r="F57766" s="1" t="s">
        <v>194289</v>
      </c>
      <c r="G57766" s="1" t="s">
        <v>194247</v>
      </c>
      <c r="H57766" s="1" t="s">
        <v>194248</v>
      </c>
      <c r="I57766" s="1" t="s">
        <v>187135</v>
      </c>
      <c r="J57766" s="1" t="s">
        <v>194290</v>
      </c>
    </row>
    <row r="57767" spans="1:10" x14ac:dyDescent="0.35">
      <c r="A57767" s="1" t="s">
        <v>10048</v>
      </c>
      <c r="B57767" s="1" t="s">
        <v>187129</v>
      </c>
      <c r="C57767" s="1" t="s">
        <v>85</v>
      </c>
      <c r="D57767" s="1" t="s">
        <v>73140</v>
      </c>
      <c r="E57767" s="1" t="s">
        <v>194291</v>
      </c>
      <c r="F57767" s="1" t="s">
        <v>194292</v>
      </c>
      <c r="G57767" s="1" t="s">
        <v>194247</v>
      </c>
      <c r="H57767" s="1" t="s">
        <v>194248</v>
      </c>
      <c r="I57767" s="1" t="s">
        <v>187135</v>
      </c>
      <c r="J57767" s="1" t="s">
        <v>194293</v>
      </c>
    </row>
    <row r="57768" spans="1:10" x14ac:dyDescent="0.35">
      <c r="A57768" s="1" t="s">
        <v>10048</v>
      </c>
      <c r="B57768" s="1" t="s">
        <v>187129</v>
      </c>
      <c r="C57768" s="1" t="s">
        <v>90</v>
      </c>
      <c r="D57768" s="1" t="s">
        <v>194294</v>
      </c>
      <c r="E57768" s="1" t="s">
        <v>194295</v>
      </c>
      <c r="F57768" s="1" t="s">
        <v>194296</v>
      </c>
      <c r="G57768" s="1" t="s">
        <v>194247</v>
      </c>
      <c r="H57768" s="1" t="s">
        <v>194248</v>
      </c>
      <c r="I57768" s="1" t="s">
        <v>187135</v>
      </c>
      <c r="J57768" s="1" t="s">
        <v>194297</v>
      </c>
    </row>
    <row r="57769" spans="1:10" x14ac:dyDescent="0.35">
      <c r="A57769" s="1" t="s">
        <v>10048</v>
      </c>
      <c r="B57769" s="1" t="s">
        <v>187129</v>
      </c>
      <c r="C57769" s="1" t="s">
        <v>95</v>
      </c>
      <c r="D57769" s="1" t="s">
        <v>32205</v>
      </c>
      <c r="E57769" s="1" t="s">
        <v>194298</v>
      </c>
      <c r="F57769" s="1" t="s">
        <v>194299</v>
      </c>
      <c r="G57769" s="1" t="s">
        <v>194247</v>
      </c>
      <c r="H57769" s="1" t="s">
        <v>194248</v>
      </c>
      <c r="I57769" s="1" t="s">
        <v>187135</v>
      </c>
      <c r="J57769" s="1" t="s">
        <v>194300</v>
      </c>
    </row>
    <row r="57770" spans="1:10" x14ac:dyDescent="0.35">
      <c r="A57770" s="1" t="s">
        <v>10048</v>
      </c>
      <c r="B57770" s="1" t="s">
        <v>187129</v>
      </c>
      <c r="C57770" s="1" t="s">
        <v>100</v>
      </c>
      <c r="D57770" s="1" t="s">
        <v>18459</v>
      </c>
      <c r="E57770" s="1" t="s">
        <v>194301</v>
      </c>
      <c r="F57770" s="1" t="s">
        <v>194302</v>
      </c>
      <c r="G57770" s="1" t="s">
        <v>194247</v>
      </c>
      <c r="H57770" s="1" t="s">
        <v>194248</v>
      </c>
      <c r="I57770" s="1" t="s">
        <v>187135</v>
      </c>
      <c r="J57770" s="1" t="s">
        <v>194303</v>
      </c>
    </row>
    <row r="57771" spans="1:10" x14ac:dyDescent="0.35">
      <c r="A57771" s="1" t="s">
        <v>10048</v>
      </c>
      <c r="B57771" s="1" t="s">
        <v>187129</v>
      </c>
      <c r="C57771" s="1" t="s">
        <v>105</v>
      </c>
      <c r="D57771" s="1" t="s">
        <v>135456</v>
      </c>
      <c r="E57771" s="1" t="s">
        <v>194304</v>
      </c>
      <c r="F57771" s="1" t="s">
        <v>194305</v>
      </c>
      <c r="G57771" s="1" t="s">
        <v>194247</v>
      </c>
      <c r="H57771" s="1" t="s">
        <v>194248</v>
      </c>
      <c r="I57771" s="1" t="s">
        <v>187135</v>
      </c>
      <c r="J57771" s="1" t="s">
        <v>194306</v>
      </c>
    </row>
    <row r="57772" spans="1:10" x14ac:dyDescent="0.35">
      <c r="A57772" s="1" t="s">
        <v>10048</v>
      </c>
      <c r="B57772" s="1" t="s">
        <v>187129</v>
      </c>
      <c r="C57772" s="1" t="s">
        <v>110</v>
      </c>
      <c r="D57772" s="1" t="s">
        <v>194307</v>
      </c>
      <c r="E57772" s="1" t="s">
        <v>194308</v>
      </c>
      <c r="F57772" s="1" t="s">
        <v>194309</v>
      </c>
      <c r="G57772" s="1" t="s">
        <v>194247</v>
      </c>
      <c r="H57772" s="1" t="s">
        <v>194248</v>
      </c>
      <c r="I57772" s="1" t="s">
        <v>187135</v>
      </c>
      <c r="J57772" s="1" t="s">
        <v>194310</v>
      </c>
    </row>
    <row r="57773" spans="1:10" x14ac:dyDescent="0.35">
      <c r="A57773" s="1" t="s">
        <v>10048</v>
      </c>
      <c r="B57773" s="1" t="s">
        <v>187129</v>
      </c>
      <c r="C57773" s="1" t="s">
        <v>115</v>
      </c>
      <c r="D57773" s="1" t="s">
        <v>149002</v>
      </c>
      <c r="E57773" s="1" t="s">
        <v>194311</v>
      </c>
      <c r="F57773" s="1" t="s">
        <v>194312</v>
      </c>
      <c r="G57773" s="1" t="s">
        <v>194247</v>
      </c>
      <c r="H57773" s="1" t="s">
        <v>194248</v>
      </c>
      <c r="I57773" s="1" t="s">
        <v>187135</v>
      </c>
      <c r="J57773" s="1" t="s">
        <v>194313</v>
      </c>
    </row>
    <row r="57774" spans="1:10" x14ac:dyDescent="0.35">
      <c r="A57774" s="1" t="s">
        <v>10048</v>
      </c>
      <c r="B57774" s="1" t="s">
        <v>187129</v>
      </c>
      <c r="C57774" s="1" t="s">
        <v>120</v>
      </c>
      <c r="D57774" s="1" t="s">
        <v>194314</v>
      </c>
      <c r="E57774" s="1" t="s">
        <v>194315</v>
      </c>
      <c r="F57774" s="1" t="s">
        <v>194316</v>
      </c>
      <c r="G57774" s="1" t="s">
        <v>194247</v>
      </c>
      <c r="H57774" s="1" t="s">
        <v>194248</v>
      </c>
      <c r="I57774" s="1" t="s">
        <v>187135</v>
      </c>
      <c r="J57774" s="1" t="s">
        <v>194317</v>
      </c>
    </row>
    <row r="57775" spans="1:10" x14ac:dyDescent="0.35">
      <c r="A57775" s="1" t="s">
        <v>10048</v>
      </c>
      <c r="B57775" s="1" t="s">
        <v>187129</v>
      </c>
      <c r="C57775" s="1" t="s">
        <v>125</v>
      </c>
      <c r="D57775" s="1" t="s">
        <v>156827</v>
      </c>
      <c r="E57775" s="1" t="s">
        <v>194318</v>
      </c>
      <c r="F57775" s="1" t="s">
        <v>194319</v>
      </c>
      <c r="G57775" s="1" t="s">
        <v>194247</v>
      </c>
      <c r="H57775" s="1" t="s">
        <v>194248</v>
      </c>
      <c r="I57775" s="1" t="s">
        <v>187135</v>
      </c>
      <c r="J57775" s="1" t="s">
        <v>194320</v>
      </c>
    </row>
    <row r="57776" spans="1:10" x14ac:dyDescent="0.35">
      <c r="A57776" s="1" t="s">
        <v>10048</v>
      </c>
      <c r="B57776" s="1" t="s">
        <v>187129</v>
      </c>
      <c r="C57776" s="1" t="s">
        <v>130</v>
      </c>
      <c r="D57776" s="1" t="s">
        <v>125183</v>
      </c>
      <c r="E57776" s="1" t="s">
        <v>194321</v>
      </c>
      <c r="F57776" s="1" t="s">
        <v>194322</v>
      </c>
      <c r="G57776" s="1" t="s">
        <v>194247</v>
      </c>
      <c r="H57776" s="1" t="s">
        <v>194248</v>
      </c>
      <c r="I57776" s="1" t="s">
        <v>187135</v>
      </c>
      <c r="J57776" s="1" t="s">
        <v>194323</v>
      </c>
    </row>
    <row r="57777" spans="1:10" x14ac:dyDescent="0.35">
      <c r="A57777" s="1" t="s">
        <v>10048</v>
      </c>
      <c r="B57777" s="1" t="s">
        <v>187129</v>
      </c>
      <c r="C57777" s="1" t="s">
        <v>135</v>
      </c>
      <c r="D57777" s="1" t="s">
        <v>194324</v>
      </c>
      <c r="E57777" s="1" t="s">
        <v>194325</v>
      </c>
      <c r="F57777" s="1" t="s">
        <v>194326</v>
      </c>
      <c r="G57777" s="1" t="s">
        <v>194247</v>
      </c>
      <c r="H57777" s="1" t="s">
        <v>194248</v>
      </c>
      <c r="I57777" s="1" t="s">
        <v>187135</v>
      </c>
      <c r="J57777" s="1" t="s">
        <v>194327</v>
      </c>
    </row>
    <row r="57778" spans="1:10" x14ac:dyDescent="0.35">
      <c r="A57778" s="1" t="s">
        <v>10048</v>
      </c>
      <c r="B57778" s="1" t="s">
        <v>187129</v>
      </c>
      <c r="C57778" s="1" t="s">
        <v>140</v>
      </c>
      <c r="D57778" s="1" t="s">
        <v>194328</v>
      </c>
      <c r="E57778" s="1" t="s">
        <v>194329</v>
      </c>
      <c r="F57778" s="1" t="s">
        <v>194330</v>
      </c>
      <c r="G57778" s="1" t="s">
        <v>194247</v>
      </c>
      <c r="H57778" s="1" t="s">
        <v>194248</v>
      </c>
      <c r="I57778" s="1" t="s">
        <v>187135</v>
      </c>
      <c r="J57778" s="1" t="s">
        <v>194331</v>
      </c>
    </row>
    <row r="57779" spans="1:10" x14ac:dyDescent="0.35">
      <c r="A57779" s="1" t="s">
        <v>10048</v>
      </c>
      <c r="B57779" s="1" t="s">
        <v>187129</v>
      </c>
      <c r="C57779" s="1" t="s">
        <v>145</v>
      </c>
      <c r="D57779" s="1" t="s">
        <v>194079</v>
      </c>
      <c r="E57779" s="1" t="s">
        <v>194332</v>
      </c>
      <c r="F57779" s="1" t="s">
        <v>194333</v>
      </c>
      <c r="G57779" s="1" t="s">
        <v>194247</v>
      </c>
      <c r="H57779" s="1" t="s">
        <v>194248</v>
      </c>
      <c r="I57779" s="1" t="s">
        <v>187135</v>
      </c>
      <c r="J57779" s="1" t="s">
        <v>194334</v>
      </c>
    </row>
    <row r="57780" spans="1:10" x14ac:dyDescent="0.35">
      <c r="A57780" s="1" t="s">
        <v>10048</v>
      </c>
      <c r="B57780" s="1" t="s">
        <v>187129</v>
      </c>
      <c r="C57780" s="1" t="s">
        <v>150</v>
      </c>
      <c r="D57780" s="1" t="s">
        <v>38410</v>
      </c>
      <c r="E57780" s="1" t="s">
        <v>194335</v>
      </c>
      <c r="F57780" s="1" t="s">
        <v>194336</v>
      </c>
      <c r="G57780" s="1" t="s">
        <v>194247</v>
      </c>
      <c r="H57780" s="1" t="s">
        <v>194248</v>
      </c>
      <c r="I57780" s="1" t="s">
        <v>187135</v>
      </c>
      <c r="J57780" s="1" t="s">
        <v>194337</v>
      </c>
    </row>
    <row r="57781" spans="1:10" x14ac:dyDescent="0.35">
      <c r="A57781" s="1" t="s">
        <v>10048</v>
      </c>
      <c r="B57781" s="1" t="s">
        <v>187129</v>
      </c>
      <c r="C57781" s="1" t="s">
        <v>155</v>
      </c>
      <c r="D57781" s="1" t="s">
        <v>194338</v>
      </c>
      <c r="E57781" s="1" t="s">
        <v>194339</v>
      </c>
      <c r="F57781" s="1" t="s">
        <v>194340</v>
      </c>
      <c r="G57781" s="1" t="s">
        <v>194247</v>
      </c>
      <c r="H57781" s="1" t="s">
        <v>194248</v>
      </c>
      <c r="I57781" s="1" t="s">
        <v>187135</v>
      </c>
      <c r="J57781" s="1" t="s">
        <v>194341</v>
      </c>
    </row>
    <row r="57782" spans="1:10" x14ac:dyDescent="0.35">
      <c r="A57782" s="1" t="s">
        <v>10048</v>
      </c>
      <c r="B57782" s="1" t="s">
        <v>187129</v>
      </c>
      <c r="C57782" s="1" t="s">
        <v>160</v>
      </c>
      <c r="D57782" s="1" t="s">
        <v>153046</v>
      </c>
      <c r="E57782" s="1" t="s">
        <v>194342</v>
      </c>
      <c r="F57782" s="1" t="s">
        <v>194343</v>
      </c>
      <c r="G57782" s="1" t="s">
        <v>194247</v>
      </c>
      <c r="H57782" s="1" t="s">
        <v>194248</v>
      </c>
      <c r="I57782" s="1" t="s">
        <v>187135</v>
      </c>
      <c r="J57782" s="1" t="s">
        <v>194344</v>
      </c>
    </row>
    <row r="57783" spans="1:10" x14ac:dyDescent="0.35">
      <c r="A57783" s="1" t="s">
        <v>10048</v>
      </c>
      <c r="B57783" s="1" t="s">
        <v>187129</v>
      </c>
      <c r="C57783" s="1" t="s">
        <v>165</v>
      </c>
      <c r="D57783" s="1" t="s">
        <v>194345</v>
      </c>
      <c r="E57783" s="1" t="s">
        <v>194346</v>
      </c>
      <c r="F57783" s="1" t="s">
        <v>194347</v>
      </c>
      <c r="G57783" s="1" t="s">
        <v>194247</v>
      </c>
      <c r="H57783" s="1" t="s">
        <v>194248</v>
      </c>
      <c r="I57783" s="1" t="s">
        <v>187135</v>
      </c>
      <c r="J57783" s="1" t="s">
        <v>194348</v>
      </c>
    </row>
    <row r="57784" spans="1:10" x14ac:dyDescent="0.35">
      <c r="A57784" s="1" t="s">
        <v>10048</v>
      </c>
      <c r="B57784" s="1" t="s">
        <v>187129</v>
      </c>
      <c r="C57784" s="1" t="s">
        <v>170</v>
      </c>
      <c r="D57784" s="1" t="s">
        <v>125179</v>
      </c>
      <c r="E57784" s="1" t="s">
        <v>194349</v>
      </c>
      <c r="F57784" s="1" t="s">
        <v>194350</v>
      </c>
      <c r="G57784" s="1" t="s">
        <v>194247</v>
      </c>
      <c r="H57784" s="1" t="s">
        <v>194248</v>
      </c>
      <c r="I57784" s="1" t="s">
        <v>187135</v>
      </c>
      <c r="J57784" s="1" t="s">
        <v>194351</v>
      </c>
    </row>
    <row r="57785" spans="1:10" x14ac:dyDescent="0.35">
      <c r="A57785" s="1" t="s">
        <v>27607</v>
      </c>
      <c r="B57785" s="1" t="s">
        <v>187129</v>
      </c>
      <c r="C57785" s="1" t="s">
        <v>8</v>
      </c>
      <c r="D57785" s="1" t="s">
        <v>194352</v>
      </c>
      <c r="E57785" s="1" t="s">
        <v>194353</v>
      </c>
      <c r="F57785" s="1" t="s">
        <v>194354</v>
      </c>
      <c r="G57785" s="1" t="s">
        <v>194355</v>
      </c>
      <c r="H57785" s="1" t="s">
        <v>194356</v>
      </c>
      <c r="I57785" s="1" t="s">
        <v>187135</v>
      </c>
      <c r="J57785" s="1" t="s">
        <v>13</v>
      </c>
    </row>
    <row r="57786" spans="1:10" x14ac:dyDescent="0.35">
      <c r="A57786" s="1" t="s">
        <v>27607</v>
      </c>
      <c r="B57786" s="1" t="s">
        <v>187129</v>
      </c>
      <c r="C57786" s="1" t="s">
        <v>15</v>
      </c>
      <c r="D57786" s="1" t="s">
        <v>110229</v>
      </c>
      <c r="E57786" s="1" t="s">
        <v>194357</v>
      </c>
      <c r="F57786" s="1" t="s">
        <v>194358</v>
      </c>
      <c r="G57786" s="1" t="s">
        <v>194355</v>
      </c>
      <c r="H57786" s="1" t="s">
        <v>194356</v>
      </c>
      <c r="I57786" s="1" t="s">
        <v>187135</v>
      </c>
      <c r="J57786" s="1" t="s">
        <v>194359</v>
      </c>
    </row>
    <row r="57787" spans="1:10" x14ac:dyDescent="0.35">
      <c r="A57787" s="1" t="s">
        <v>27607</v>
      </c>
      <c r="B57787" s="1" t="s">
        <v>187129</v>
      </c>
      <c r="C57787" s="1" t="s">
        <v>20</v>
      </c>
      <c r="D57787" s="1" t="s">
        <v>194360</v>
      </c>
      <c r="E57787" s="1" t="s">
        <v>194361</v>
      </c>
      <c r="F57787" s="1" t="s">
        <v>194362</v>
      </c>
      <c r="G57787" s="1" t="s">
        <v>194355</v>
      </c>
      <c r="H57787" s="1" t="s">
        <v>194356</v>
      </c>
      <c r="I57787" s="1" t="s">
        <v>187135</v>
      </c>
      <c r="J57787" s="1" t="s">
        <v>194363</v>
      </c>
    </row>
    <row r="57788" spans="1:10" x14ac:dyDescent="0.35">
      <c r="A57788" s="1" t="s">
        <v>27607</v>
      </c>
      <c r="B57788" s="1" t="s">
        <v>187129</v>
      </c>
      <c r="C57788" s="1" t="s">
        <v>25</v>
      </c>
      <c r="D57788" s="1" t="s">
        <v>15551</v>
      </c>
      <c r="E57788" s="1" t="s">
        <v>194364</v>
      </c>
      <c r="F57788" s="1" t="s">
        <v>194365</v>
      </c>
      <c r="G57788" s="1" t="s">
        <v>194355</v>
      </c>
      <c r="H57788" s="1" t="s">
        <v>194356</v>
      </c>
      <c r="I57788" s="1" t="s">
        <v>187135</v>
      </c>
      <c r="J57788" s="1" t="s">
        <v>194366</v>
      </c>
    </row>
    <row r="57789" spans="1:10" x14ac:dyDescent="0.35">
      <c r="A57789" s="1" t="s">
        <v>27607</v>
      </c>
      <c r="B57789" s="1" t="s">
        <v>187129</v>
      </c>
      <c r="C57789" s="1" t="s">
        <v>30</v>
      </c>
      <c r="D57789" s="1" t="s">
        <v>4202</v>
      </c>
      <c r="E57789" s="1" t="s">
        <v>194367</v>
      </c>
      <c r="F57789" s="1" t="s">
        <v>194368</v>
      </c>
      <c r="G57789" s="1" t="s">
        <v>194355</v>
      </c>
      <c r="H57789" s="1" t="s">
        <v>194356</v>
      </c>
      <c r="I57789" s="1" t="s">
        <v>187135</v>
      </c>
      <c r="J57789" s="1" t="s">
        <v>194369</v>
      </c>
    </row>
    <row r="57790" spans="1:10" x14ac:dyDescent="0.35">
      <c r="A57790" s="1" t="s">
        <v>27607</v>
      </c>
      <c r="B57790" s="1" t="s">
        <v>187129</v>
      </c>
      <c r="C57790" s="1" t="s">
        <v>35</v>
      </c>
      <c r="D57790" s="1" t="s">
        <v>3060</v>
      </c>
      <c r="E57790" s="1" t="s">
        <v>194370</v>
      </c>
      <c r="F57790" s="1" t="s">
        <v>194371</v>
      </c>
      <c r="G57790" s="1" t="s">
        <v>194355</v>
      </c>
      <c r="H57790" s="1" t="s">
        <v>194356</v>
      </c>
      <c r="I57790" s="1" t="s">
        <v>187135</v>
      </c>
      <c r="J57790" s="1" t="s">
        <v>194372</v>
      </c>
    </row>
    <row r="57791" spans="1:10" x14ac:dyDescent="0.35">
      <c r="A57791" s="1" t="s">
        <v>27607</v>
      </c>
      <c r="B57791" s="1" t="s">
        <v>187129</v>
      </c>
      <c r="C57791" s="1" t="s">
        <v>40</v>
      </c>
      <c r="D57791" s="1" t="s">
        <v>30534</v>
      </c>
      <c r="E57791" s="1" t="s">
        <v>194373</v>
      </c>
      <c r="F57791" s="1" t="s">
        <v>194374</v>
      </c>
      <c r="G57791" s="1" t="s">
        <v>194355</v>
      </c>
      <c r="H57791" s="1" t="s">
        <v>194356</v>
      </c>
      <c r="I57791" s="1" t="s">
        <v>187135</v>
      </c>
      <c r="J57791" s="1" t="s">
        <v>194375</v>
      </c>
    </row>
    <row r="57792" spans="1:10" x14ac:dyDescent="0.35">
      <c r="A57792" s="1" t="s">
        <v>27607</v>
      </c>
      <c r="B57792" s="1" t="s">
        <v>187129</v>
      </c>
      <c r="C57792" s="1" t="s">
        <v>45</v>
      </c>
      <c r="D57792" s="1" t="s">
        <v>72997</v>
      </c>
      <c r="E57792" s="1" t="s">
        <v>194376</v>
      </c>
      <c r="F57792" s="1" t="s">
        <v>194377</v>
      </c>
      <c r="G57792" s="1" t="s">
        <v>194355</v>
      </c>
      <c r="H57792" s="1" t="s">
        <v>194356</v>
      </c>
      <c r="I57792" s="1" t="s">
        <v>187135</v>
      </c>
      <c r="J57792" s="1" t="s">
        <v>194378</v>
      </c>
    </row>
    <row r="57793" spans="1:10" x14ac:dyDescent="0.35">
      <c r="A57793" s="1" t="s">
        <v>27607</v>
      </c>
      <c r="B57793" s="1" t="s">
        <v>187129</v>
      </c>
      <c r="C57793" s="1" t="s">
        <v>50</v>
      </c>
      <c r="D57793" s="1" t="s">
        <v>194379</v>
      </c>
      <c r="E57793" s="1" t="s">
        <v>194380</v>
      </c>
      <c r="F57793" s="1" t="s">
        <v>194381</v>
      </c>
      <c r="G57793" s="1" t="s">
        <v>194355</v>
      </c>
      <c r="H57793" s="1" t="s">
        <v>194356</v>
      </c>
      <c r="I57793" s="1" t="s">
        <v>187135</v>
      </c>
      <c r="J57793" s="1" t="s">
        <v>194382</v>
      </c>
    </row>
    <row r="57794" spans="1:10" x14ac:dyDescent="0.35">
      <c r="A57794" s="1" t="s">
        <v>27607</v>
      </c>
      <c r="B57794" s="1" t="s">
        <v>187129</v>
      </c>
      <c r="C57794" s="1" t="s">
        <v>55</v>
      </c>
      <c r="D57794" s="1" t="s">
        <v>194383</v>
      </c>
      <c r="E57794" s="1" t="s">
        <v>194384</v>
      </c>
      <c r="F57794" s="1" t="s">
        <v>194385</v>
      </c>
      <c r="G57794" s="1" t="s">
        <v>194355</v>
      </c>
      <c r="H57794" s="1" t="s">
        <v>194356</v>
      </c>
      <c r="I57794" s="1" t="s">
        <v>187135</v>
      </c>
      <c r="J57794" s="1" t="s">
        <v>194386</v>
      </c>
    </row>
    <row r="57795" spans="1:10" x14ac:dyDescent="0.35">
      <c r="A57795" s="1" t="s">
        <v>27607</v>
      </c>
      <c r="B57795" s="1" t="s">
        <v>187129</v>
      </c>
      <c r="C57795" s="1" t="s">
        <v>60</v>
      </c>
      <c r="D57795" s="1" t="s">
        <v>31876</v>
      </c>
      <c r="E57795" s="1" t="s">
        <v>194387</v>
      </c>
      <c r="F57795" s="1" t="s">
        <v>194388</v>
      </c>
      <c r="G57795" s="1" t="s">
        <v>194355</v>
      </c>
      <c r="H57795" s="1" t="s">
        <v>194356</v>
      </c>
      <c r="I57795" s="1" t="s">
        <v>187135</v>
      </c>
      <c r="J57795" s="1" t="s">
        <v>194389</v>
      </c>
    </row>
    <row r="57796" spans="1:10" x14ac:dyDescent="0.35">
      <c r="A57796" s="1" t="s">
        <v>27607</v>
      </c>
      <c r="B57796" s="1" t="s">
        <v>187129</v>
      </c>
      <c r="C57796" s="1" t="s">
        <v>65</v>
      </c>
      <c r="D57796" s="1" t="s">
        <v>194112</v>
      </c>
      <c r="E57796" s="1" t="s">
        <v>194390</v>
      </c>
      <c r="F57796" s="1" t="s">
        <v>194391</v>
      </c>
      <c r="G57796" s="1" t="s">
        <v>194355</v>
      </c>
      <c r="H57796" s="1" t="s">
        <v>194356</v>
      </c>
      <c r="I57796" s="1" t="s">
        <v>187135</v>
      </c>
      <c r="J57796" s="1" t="s">
        <v>194392</v>
      </c>
    </row>
    <row r="57797" spans="1:10" x14ac:dyDescent="0.35">
      <c r="A57797" s="1" t="s">
        <v>27607</v>
      </c>
      <c r="B57797" s="1" t="s">
        <v>187129</v>
      </c>
      <c r="C57797" s="1" t="s">
        <v>70</v>
      </c>
      <c r="D57797" s="1" t="s">
        <v>188020</v>
      </c>
      <c r="E57797" s="1" t="s">
        <v>194393</v>
      </c>
      <c r="F57797" s="1" t="s">
        <v>194394</v>
      </c>
      <c r="G57797" s="1" t="s">
        <v>194355</v>
      </c>
      <c r="H57797" s="1" t="s">
        <v>194356</v>
      </c>
      <c r="I57797" s="1" t="s">
        <v>187135</v>
      </c>
      <c r="J57797" s="1" t="s">
        <v>194395</v>
      </c>
    </row>
    <row r="57798" spans="1:10" x14ac:dyDescent="0.35">
      <c r="A57798" s="1" t="s">
        <v>27607</v>
      </c>
      <c r="B57798" s="1" t="s">
        <v>187129</v>
      </c>
      <c r="C57798" s="1" t="s">
        <v>75</v>
      </c>
      <c r="D57798" s="1" t="s">
        <v>194396</v>
      </c>
      <c r="E57798" s="1" t="s">
        <v>194397</v>
      </c>
      <c r="F57798" s="1" t="s">
        <v>194398</v>
      </c>
      <c r="G57798" s="1" t="s">
        <v>194355</v>
      </c>
      <c r="H57798" s="1" t="s">
        <v>194356</v>
      </c>
      <c r="I57798" s="1" t="s">
        <v>187135</v>
      </c>
      <c r="J57798" s="1" t="s">
        <v>194399</v>
      </c>
    </row>
    <row r="57799" spans="1:10" x14ac:dyDescent="0.35">
      <c r="A57799" s="1" t="s">
        <v>27607</v>
      </c>
      <c r="B57799" s="1" t="s">
        <v>187129</v>
      </c>
      <c r="C57799" s="1" t="s">
        <v>80</v>
      </c>
      <c r="D57799" s="1" t="s">
        <v>194400</v>
      </c>
      <c r="E57799" s="1" t="s">
        <v>194401</v>
      </c>
      <c r="F57799" s="1" t="s">
        <v>194402</v>
      </c>
      <c r="G57799" s="1" t="s">
        <v>194355</v>
      </c>
      <c r="H57799" s="1" t="s">
        <v>194356</v>
      </c>
      <c r="I57799" s="1" t="s">
        <v>187135</v>
      </c>
      <c r="J57799" s="1" t="s">
        <v>194403</v>
      </c>
    </row>
    <row r="57800" spans="1:10" x14ac:dyDescent="0.35">
      <c r="A57800" s="1" t="s">
        <v>27607</v>
      </c>
      <c r="B57800" s="1" t="s">
        <v>187129</v>
      </c>
      <c r="C57800" s="1" t="s">
        <v>85</v>
      </c>
      <c r="D57800" s="1" t="s">
        <v>113708</v>
      </c>
      <c r="E57800" s="1" t="s">
        <v>194404</v>
      </c>
      <c r="F57800" s="1" t="s">
        <v>194405</v>
      </c>
      <c r="G57800" s="1" t="s">
        <v>194355</v>
      </c>
      <c r="H57800" s="1" t="s">
        <v>194356</v>
      </c>
      <c r="I57800" s="1" t="s">
        <v>187135</v>
      </c>
      <c r="J57800" s="1" t="s">
        <v>194406</v>
      </c>
    </row>
    <row r="57801" spans="1:10" x14ac:dyDescent="0.35">
      <c r="A57801" s="1" t="s">
        <v>27607</v>
      </c>
      <c r="B57801" s="1" t="s">
        <v>187129</v>
      </c>
      <c r="C57801" s="1" t="s">
        <v>90</v>
      </c>
      <c r="D57801" s="1" t="s">
        <v>194407</v>
      </c>
      <c r="E57801" s="1" t="s">
        <v>194408</v>
      </c>
      <c r="F57801" s="1" t="s">
        <v>194409</v>
      </c>
      <c r="G57801" s="1" t="s">
        <v>194355</v>
      </c>
      <c r="H57801" s="1" t="s">
        <v>194356</v>
      </c>
      <c r="I57801" s="1" t="s">
        <v>187135</v>
      </c>
      <c r="J57801" s="1" t="s">
        <v>194410</v>
      </c>
    </row>
    <row r="57802" spans="1:10" x14ac:dyDescent="0.35">
      <c r="A57802" s="1" t="s">
        <v>27607</v>
      </c>
      <c r="B57802" s="1" t="s">
        <v>187129</v>
      </c>
      <c r="C57802" s="1" t="s">
        <v>95</v>
      </c>
      <c r="D57802" s="1" t="s">
        <v>194411</v>
      </c>
      <c r="E57802" s="1" t="s">
        <v>194412</v>
      </c>
      <c r="F57802" s="1" t="s">
        <v>194413</v>
      </c>
      <c r="G57802" s="1" t="s">
        <v>194355</v>
      </c>
      <c r="H57802" s="1" t="s">
        <v>194356</v>
      </c>
      <c r="I57802" s="1" t="s">
        <v>187135</v>
      </c>
      <c r="J57802" s="1" t="s">
        <v>194414</v>
      </c>
    </row>
    <row r="57803" spans="1:10" x14ac:dyDescent="0.35">
      <c r="A57803" s="1" t="s">
        <v>27607</v>
      </c>
      <c r="B57803" s="1" t="s">
        <v>187129</v>
      </c>
      <c r="C57803" s="1" t="s">
        <v>100</v>
      </c>
      <c r="D57803" s="1" t="s">
        <v>97701</v>
      </c>
      <c r="E57803" s="1" t="s">
        <v>194415</v>
      </c>
      <c r="F57803" s="1" t="s">
        <v>194416</v>
      </c>
      <c r="G57803" s="1" t="s">
        <v>194355</v>
      </c>
      <c r="H57803" s="1" t="s">
        <v>194356</v>
      </c>
      <c r="I57803" s="1" t="s">
        <v>187135</v>
      </c>
      <c r="J57803" s="1" t="s">
        <v>194417</v>
      </c>
    </row>
    <row r="57804" spans="1:10" x14ac:dyDescent="0.35">
      <c r="A57804" s="1" t="s">
        <v>27607</v>
      </c>
      <c r="B57804" s="1" t="s">
        <v>187129</v>
      </c>
      <c r="C57804" s="1" t="s">
        <v>105</v>
      </c>
      <c r="D57804" s="1" t="s">
        <v>181764</v>
      </c>
      <c r="E57804" s="1" t="s">
        <v>194418</v>
      </c>
      <c r="F57804" s="1" t="s">
        <v>194419</v>
      </c>
      <c r="G57804" s="1" t="s">
        <v>194355</v>
      </c>
      <c r="H57804" s="1" t="s">
        <v>194356</v>
      </c>
      <c r="I57804" s="1" t="s">
        <v>187135</v>
      </c>
      <c r="J57804" s="1" t="s">
        <v>194420</v>
      </c>
    </row>
    <row r="57805" spans="1:10" x14ac:dyDescent="0.35">
      <c r="A57805" s="1" t="s">
        <v>27607</v>
      </c>
      <c r="B57805" s="1" t="s">
        <v>187129</v>
      </c>
      <c r="C57805" s="1" t="s">
        <v>110</v>
      </c>
      <c r="D57805" s="1" t="s">
        <v>194421</v>
      </c>
      <c r="E57805" s="1" t="s">
        <v>194422</v>
      </c>
      <c r="F57805" s="1" t="s">
        <v>194423</v>
      </c>
      <c r="G57805" s="1" t="s">
        <v>194355</v>
      </c>
      <c r="H57805" s="1" t="s">
        <v>194356</v>
      </c>
      <c r="I57805" s="1" t="s">
        <v>187135</v>
      </c>
      <c r="J57805" s="1" t="s">
        <v>194424</v>
      </c>
    </row>
    <row r="57806" spans="1:10" x14ac:dyDescent="0.35">
      <c r="A57806" s="1" t="s">
        <v>27607</v>
      </c>
      <c r="B57806" s="1" t="s">
        <v>187129</v>
      </c>
      <c r="C57806" s="1" t="s">
        <v>115</v>
      </c>
      <c r="D57806" s="1" t="s">
        <v>194425</v>
      </c>
      <c r="E57806" s="1" t="s">
        <v>194426</v>
      </c>
      <c r="F57806" s="1" t="s">
        <v>194427</v>
      </c>
      <c r="G57806" s="1" t="s">
        <v>194355</v>
      </c>
      <c r="H57806" s="1" t="s">
        <v>194356</v>
      </c>
      <c r="I57806" s="1" t="s">
        <v>187135</v>
      </c>
      <c r="J57806" s="1" t="s">
        <v>194428</v>
      </c>
    </row>
    <row r="57807" spans="1:10" x14ac:dyDescent="0.35">
      <c r="A57807" s="1" t="s">
        <v>27607</v>
      </c>
      <c r="B57807" s="1" t="s">
        <v>187129</v>
      </c>
      <c r="C57807" s="1" t="s">
        <v>120</v>
      </c>
      <c r="D57807" s="1" t="s">
        <v>17076</v>
      </c>
      <c r="E57807" s="1" t="s">
        <v>194429</v>
      </c>
      <c r="F57807" s="1" t="s">
        <v>194430</v>
      </c>
      <c r="G57807" s="1" t="s">
        <v>194355</v>
      </c>
      <c r="H57807" s="1" t="s">
        <v>194356</v>
      </c>
      <c r="I57807" s="1" t="s">
        <v>187135</v>
      </c>
      <c r="J57807" s="1" t="s">
        <v>194431</v>
      </c>
    </row>
    <row r="57808" spans="1:10" x14ac:dyDescent="0.35">
      <c r="A57808" s="1" t="s">
        <v>27607</v>
      </c>
      <c r="B57808" s="1" t="s">
        <v>187129</v>
      </c>
      <c r="C57808" s="1" t="s">
        <v>125</v>
      </c>
      <c r="D57808" s="1" t="s">
        <v>194432</v>
      </c>
      <c r="E57808" s="1" t="s">
        <v>194433</v>
      </c>
      <c r="F57808" s="1" t="s">
        <v>194434</v>
      </c>
      <c r="G57808" s="1" t="s">
        <v>194355</v>
      </c>
      <c r="H57808" s="1" t="s">
        <v>194356</v>
      </c>
      <c r="I57808" s="1" t="s">
        <v>187135</v>
      </c>
      <c r="J57808" s="1" t="s">
        <v>194435</v>
      </c>
    </row>
    <row r="57809" spans="1:10" x14ac:dyDescent="0.35">
      <c r="A57809" s="1" t="s">
        <v>27607</v>
      </c>
      <c r="B57809" s="1" t="s">
        <v>187129</v>
      </c>
      <c r="C57809" s="1" t="s">
        <v>130</v>
      </c>
      <c r="D57809" s="1" t="s">
        <v>194436</v>
      </c>
      <c r="E57809" s="1" t="s">
        <v>194437</v>
      </c>
      <c r="F57809" s="1" t="s">
        <v>194438</v>
      </c>
      <c r="G57809" s="1" t="s">
        <v>194355</v>
      </c>
      <c r="H57809" s="1" t="s">
        <v>194356</v>
      </c>
      <c r="I57809" s="1" t="s">
        <v>187135</v>
      </c>
      <c r="J57809" s="1" t="s">
        <v>194439</v>
      </c>
    </row>
    <row r="57810" spans="1:10" x14ac:dyDescent="0.35">
      <c r="A57810" s="1" t="s">
        <v>27607</v>
      </c>
      <c r="B57810" s="1" t="s">
        <v>187129</v>
      </c>
      <c r="C57810" s="1" t="s">
        <v>135</v>
      </c>
      <c r="D57810" s="1" t="s">
        <v>194440</v>
      </c>
      <c r="E57810" s="1" t="s">
        <v>194441</v>
      </c>
      <c r="F57810" s="1" t="s">
        <v>194442</v>
      </c>
      <c r="G57810" s="1" t="s">
        <v>194355</v>
      </c>
      <c r="H57810" s="1" t="s">
        <v>194356</v>
      </c>
      <c r="I57810" s="1" t="s">
        <v>187135</v>
      </c>
      <c r="J57810" s="1" t="s">
        <v>194443</v>
      </c>
    </row>
    <row r="57811" spans="1:10" x14ac:dyDescent="0.35">
      <c r="A57811" s="1" t="s">
        <v>27607</v>
      </c>
      <c r="B57811" s="1" t="s">
        <v>187129</v>
      </c>
      <c r="C57811" s="1" t="s">
        <v>140</v>
      </c>
      <c r="D57811" s="1" t="s">
        <v>175815</v>
      </c>
      <c r="E57811" s="1" t="s">
        <v>194444</v>
      </c>
      <c r="F57811" s="1" t="s">
        <v>194445</v>
      </c>
      <c r="G57811" s="1" t="s">
        <v>194355</v>
      </c>
      <c r="H57811" s="1" t="s">
        <v>194356</v>
      </c>
      <c r="I57811" s="1" t="s">
        <v>187135</v>
      </c>
      <c r="J57811" s="1" t="s">
        <v>194446</v>
      </c>
    </row>
    <row r="57812" spans="1:10" x14ac:dyDescent="0.35">
      <c r="A57812" s="1" t="s">
        <v>27607</v>
      </c>
      <c r="B57812" s="1" t="s">
        <v>187129</v>
      </c>
      <c r="C57812" s="1" t="s">
        <v>145</v>
      </c>
      <c r="D57812" s="1" t="s">
        <v>194447</v>
      </c>
      <c r="E57812" s="1" t="s">
        <v>194448</v>
      </c>
      <c r="F57812" s="1" t="s">
        <v>194449</v>
      </c>
      <c r="G57812" s="1" t="s">
        <v>194355</v>
      </c>
      <c r="H57812" s="1" t="s">
        <v>194356</v>
      </c>
      <c r="I57812" s="1" t="s">
        <v>187135</v>
      </c>
      <c r="J57812" s="1" t="s">
        <v>194450</v>
      </c>
    </row>
    <row r="57813" spans="1:10" x14ac:dyDescent="0.35">
      <c r="A57813" s="1" t="s">
        <v>27607</v>
      </c>
      <c r="B57813" s="1" t="s">
        <v>187129</v>
      </c>
      <c r="C57813" s="1" t="s">
        <v>150</v>
      </c>
      <c r="D57813" s="1" t="s">
        <v>76131</v>
      </c>
      <c r="E57813" s="1" t="s">
        <v>194451</v>
      </c>
      <c r="F57813" s="1" t="s">
        <v>194452</v>
      </c>
      <c r="G57813" s="1" t="s">
        <v>194355</v>
      </c>
      <c r="H57813" s="1" t="s">
        <v>194356</v>
      </c>
      <c r="I57813" s="1" t="s">
        <v>187135</v>
      </c>
      <c r="J57813" s="1" t="s">
        <v>194453</v>
      </c>
    </row>
    <row r="57814" spans="1:10" x14ac:dyDescent="0.35">
      <c r="A57814" s="1" t="s">
        <v>27607</v>
      </c>
      <c r="B57814" s="1" t="s">
        <v>187129</v>
      </c>
      <c r="C57814" s="1" t="s">
        <v>155</v>
      </c>
      <c r="D57814" s="1" t="s">
        <v>194454</v>
      </c>
      <c r="E57814" s="1" t="s">
        <v>194455</v>
      </c>
      <c r="F57814" s="1" t="s">
        <v>194456</v>
      </c>
      <c r="G57814" s="1" t="s">
        <v>194355</v>
      </c>
      <c r="H57814" s="1" t="s">
        <v>194356</v>
      </c>
      <c r="I57814" s="1" t="s">
        <v>187135</v>
      </c>
      <c r="J57814" s="1" t="s">
        <v>194457</v>
      </c>
    </row>
    <row r="57815" spans="1:10" x14ac:dyDescent="0.35">
      <c r="A57815" s="1" t="s">
        <v>27607</v>
      </c>
      <c r="B57815" s="1" t="s">
        <v>187129</v>
      </c>
      <c r="C57815" s="1" t="s">
        <v>160</v>
      </c>
      <c r="D57815" s="1" t="s">
        <v>194458</v>
      </c>
      <c r="E57815" s="1" t="s">
        <v>194459</v>
      </c>
      <c r="F57815" s="1" t="s">
        <v>194460</v>
      </c>
      <c r="G57815" s="1" t="s">
        <v>194355</v>
      </c>
      <c r="H57815" s="1" t="s">
        <v>194356</v>
      </c>
      <c r="I57815" s="1" t="s">
        <v>187135</v>
      </c>
      <c r="J57815" s="1" t="s">
        <v>194461</v>
      </c>
    </row>
    <row r="57816" spans="1:10" x14ac:dyDescent="0.35">
      <c r="A57816" s="1" t="s">
        <v>27607</v>
      </c>
      <c r="B57816" s="1" t="s">
        <v>187129</v>
      </c>
      <c r="C57816" s="1" t="s">
        <v>165</v>
      </c>
      <c r="D57816" s="1" t="s">
        <v>54871</v>
      </c>
      <c r="E57816" s="1" t="s">
        <v>194462</v>
      </c>
      <c r="F57816" s="1" t="s">
        <v>194463</v>
      </c>
      <c r="G57816" s="1" t="s">
        <v>194355</v>
      </c>
      <c r="H57816" s="1" t="s">
        <v>194356</v>
      </c>
      <c r="I57816" s="1" t="s">
        <v>187135</v>
      </c>
      <c r="J57816" s="1" t="s">
        <v>194464</v>
      </c>
    </row>
    <row r="57817" spans="1:10" x14ac:dyDescent="0.35">
      <c r="A57817" s="1" t="s">
        <v>27607</v>
      </c>
      <c r="B57817" s="1" t="s">
        <v>187129</v>
      </c>
      <c r="C57817" s="1" t="s">
        <v>170</v>
      </c>
      <c r="D57817" s="1" t="s">
        <v>194465</v>
      </c>
      <c r="E57817" s="1" t="s">
        <v>194466</v>
      </c>
      <c r="F57817" s="1" t="s">
        <v>194467</v>
      </c>
      <c r="G57817" s="1" t="s">
        <v>194355</v>
      </c>
      <c r="H57817" s="1" t="s">
        <v>194356</v>
      </c>
      <c r="I57817" s="1" t="s">
        <v>187135</v>
      </c>
      <c r="J57817" s="1" t="s">
        <v>194468</v>
      </c>
    </row>
    <row r="57818" spans="1:10" x14ac:dyDescent="0.35">
      <c r="A57818" s="1" t="s">
        <v>5701</v>
      </c>
      <c r="B57818" s="1" t="s">
        <v>187129</v>
      </c>
      <c r="C57818" s="1" t="s">
        <v>8</v>
      </c>
      <c r="D57818" s="1" t="s">
        <v>186385</v>
      </c>
      <c r="E57818" s="1" t="s">
        <v>194469</v>
      </c>
      <c r="F57818" s="1" t="s">
        <v>194470</v>
      </c>
      <c r="G57818" s="1" t="s">
        <v>194471</v>
      </c>
      <c r="H57818" s="1" t="s">
        <v>194472</v>
      </c>
      <c r="I57818" s="1" t="s">
        <v>187135</v>
      </c>
      <c r="J57818" s="1" t="s">
        <v>13</v>
      </c>
    </row>
    <row r="57819" spans="1:10" x14ac:dyDescent="0.35">
      <c r="A57819" s="1" t="s">
        <v>5701</v>
      </c>
      <c r="B57819" s="1" t="s">
        <v>187129</v>
      </c>
      <c r="C57819" s="1" t="s">
        <v>15</v>
      </c>
      <c r="D57819" s="1" t="s">
        <v>110958</v>
      </c>
      <c r="E57819" s="1" t="s">
        <v>194473</v>
      </c>
      <c r="F57819" s="1" t="s">
        <v>194474</v>
      </c>
      <c r="G57819" s="1" t="s">
        <v>194471</v>
      </c>
      <c r="H57819" s="1" t="s">
        <v>194472</v>
      </c>
      <c r="I57819" s="1" t="s">
        <v>187135</v>
      </c>
      <c r="J57819" s="1" t="s">
        <v>194475</v>
      </c>
    </row>
    <row r="57820" spans="1:10" x14ac:dyDescent="0.35">
      <c r="A57820" s="1" t="s">
        <v>5701</v>
      </c>
      <c r="B57820" s="1" t="s">
        <v>187129</v>
      </c>
      <c r="C57820" s="1" t="s">
        <v>20</v>
      </c>
      <c r="D57820" s="1" t="s">
        <v>182713</v>
      </c>
      <c r="E57820" s="1" t="s">
        <v>194476</v>
      </c>
      <c r="F57820" s="1" t="s">
        <v>194477</v>
      </c>
      <c r="G57820" s="1" t="s">
        <v>194471</v>
      </c>
      <c r="H57820" s="1" t="s">
        <v>194472</v>
      </c>
      <c r="I57820" s="1" t="s">
        <v>187135</v>
      </c>
      <c r="J57820" s="1" t="s">
        <v>194478</v>
      </c>
    </row>
    <row r="57821" spans="1:10" x14ac:dyDescent="0.35">
      <c r="A57821" s="1" t="s">
        <v>5701</v>
      </c>
      <c r="B57821" s="1" t="s">
        <v>187129</v>
      </c>
      <c r="C57821" s="1" t="s">
        <v>25</v>
      </c>
      <c r="D57821" s="1" t="s">
        <v>72127</v>
      </c>
      <c r="E57821" s="1" t="s">
        <v>194479</v>
      </c>
      <c r="F57821" s="1" t="s">
        <v>194480</v>
      </c>
      <c r="G57821" s="1" t="s">
        <v>194471</v>
      </c>
      <c r="H57821" s="1" t="s">
        <v>194472</v>
      </c>
      <c r="I57821" s="1" t="s">
        <v>187135</v>
      </c>
      <c r="J57821" s="1" t="s">
        <v>194481</v>
      </c>
    </row>
    <row r="57822" spans="1:10" x14ac:dyDescent="0.35">
      <c r="A57822" s="1" t="s">
        <v>5701</v>
      </c>
      <c r="B57822" s="1" t="s">
        <v>187129</v>
      </c>
      <c r="C57822" s="1" t="s">
        <v>30</v>
      </c>
      <c r="D57822" s="1" t="s">
        <v>171385</v>
      </c>
      <c r="E57822" s="1" t="s">
        <v>194482</v>
      </c>
      <c r="F57822" s="1" t="s">
        <v>194483</v>
      </c>
      <c r="G57822" s="1" t="s">
        <v>194471</v>
      </c>
      <c r="H57822" s="1" t="s">
        <v>194472</v>
      </c>
      <c r="I57822" s="1" t="s">
        <v>187135</v>
      </c>
      <c r="J57822" s="1" t="s">
        <v>194484</v>
      </c>
    </row>
    <row r="57823" spans="1:10" x14ac:dyDescent="0.35">
      <c r="A57823" s="1" t="s">
        <v>5701</v>
      </c>
      <c r="B57823" s="1" t="s">
        <v>187129</v>
      </c>
      <c r="C57823" s="1" t="s">
        <v>35</v>
      </c>
      <c r="D57823" s="1" t="s">
        <v>72344</v>
      </c>
      <c r="E57823" s="1" t="s">
        <v>194485</v>
      </c>
      <c r="F57823" s="1" t="s">
        <v>194486</v>
      </c>
      <c r="G57823" s="1" t="s">
        <v>194471</v>
      </c>
      <c r="H57823" s="1" t="s">
        <v>194472</v>
      </c>
      <c r="I57823" s="1" t="s">
        <v>187135</v>
      </c>
      <c r="J57823" s="1" t="s">
        <v>194487</v>
      </c>
    </row>
    <row r="57824" spans="1:10" x14ac:dyDescent="0.35">
      <c r="A57824" s="1" t="s">
        <v>5701</v>
      </c>
      <c r="B57824" s="1" t="s">
        <v>187129</v>
      </c>
      <c r="C57824" s="1" t="s">
        <v>40</v>
      </c>
      <c r="D57824" s="1" t="s">
        <v>117703</v>
      </c>
      <c r="E57824" s="1" t="s">
        <v>194488</v>
      </c>
      <c r="F57824" s="1" t="s">
        <v>194489</v>
      </c>
      <c r="G57824" s="1" t="s">
        <v>194471</v>
      </c>
      <c r="H57824" s="1" t="s">
        <v>194472</v>
      </c>
      <c r="I57824" s="1" t="s">
        <v>187135</v>
      </c>
      <c r="J57824" s="1" t="s">
        <v>194490</v>
      </c>
    </row>
    <row r="57825" spans="1:10" x14ac:dyDescent="0.35">
      <c r="A57825" s="1" t="s">
        <v>5701</v>
      </c>
      <c r="B57825" s="1" t="s">
        <v>187129</v>
      </c>
      <c r="C57825" s="1" t="s">
        <v>45</v>
      </c>
      <c r="D57825" s="1" t="s">
        <v>33690</v>
      </c>
      <c r="E57825" s="1" t="s">
        <v>194491</v>
      </c>
      <c r="F57825" s="1" t="s">
        <v>194492</v>
      </c>
      <c r="G57825" s="1" t="s">
        <v>194471</v>
      </c>
      <c r="H57825" s="1" t="s">
        <v>194472</v>
      </c>
      <c r="I57825" s="1" t="s">
        <v>187135</v>
      </c>
      <c r="J57825" s="1" t="s">
        <v>194493</v>
      </c>
    </row>
    <row r="57826" spans="1:10" x14ac:dyDescent="0.35">
      <c r="A57826" s="1" t="s">
        <v>5701</v>
      </c>
      <c r="B57826" s="1" t="s">
        <v>187129</v>
      </c>
      <c r="C57826" s="1" t="s">
        <v>50</v>
      </c>
      <c r="D57826" s="1" t="s">
        <v>120390</v>
      </c>
      <c r="E57826" s="1" t="s">
        <v>194494</v>
      </c>
      <c r="F57826" s="1" t="s">
        <v>194495</v>
      </c>
      <c r="G57826" s="1" t="s">
        <v>194471</v>
      </c>
      <c r="H57826" s="1" t="s">
        <v>194472</v>
      </c>
      <c r="I57826" s="1" t="s">
        <v>187135</v>
      </c>
      <c r="J57826" s="1" t="s">
        <v>194496</v>
      </c>
    </row>
    <row r="57827" spans="1:10" x14ac:dyDescent="0.35">
      <c r="A57827" s="1" t="s">
        <v>5701</v>
      </c>
      <c r="B57827" s="1" t="s">
        <v>187129</v>
      </c>
      <c r="C57827" s="1" t="s">
        <v>55</v>
      </c>
      <c r="D57827" s="1" t="s">
        <v>15756</v>
      </c>
      <c r="E57827" s="1" t="s">
        <v>194497</v>
      </c>
      <c r="F57827" s="1" t="s">
        <v>194498</v>
      </c>
      <c r="G57827" s="1" t="s">
        <v>194471</v>
      </c>
      <c r="H57827" s="1" t="s">
        <v>194472</v>
      </c>
      <c r="I57827" s="1" t="s">
        <v>187135</v>
      </c>
      <c r="J57827" s="1" t="s">
        <v>194499</v>
      </c>
    </row>
    <row r="57828" spans="1:10" x14ac:dyDescent="0.35">
      <c r="A57828" s="1" t="s">
        <v>5701</v>
      </c>
      <c r="B57828" s="1" t="s">
        <v>187129</v>
      </c>
      <c r="C57828" s="1" t="s">
        <v>60</v>
      </c>
      <c r="D57828" s="1" t="s">
        <v>123500</v>
      </c>
      <c r="E57828" s="1" t="s">
        <v>194500</v>
      </c>
      <c r="F57828" s="1" t="s">
        <v>194501</v>
      </c>
      <c r="G57828" s="1" t="s">
        <v>194471</v>
      </c>
      <c r="H57828" s="1" t="s">
        <v>194472</v>
      </c>
      <c r="I57828" s="1" t="s">
        <v>187135</v>
      </c>
      <c r="J57828" s="1" t="s">
        <v>194502</v>
      </c>
    </row>
    <row r="57829" spans="1:10" x14ac:dyDescent="0.35">
      <c r="A57829" s="1" t="s">
        <v>5701</v>
      </c>
      <c r="B57829" s="1" t="s">
        <v>187129</v>
      </c>
      <c r="C57829" s="1" t="s">
        <v>65</v>
      </c>
      <c r="D57829" s="1" t="s">
        <v>194503</v>
      </c>
      <c r="E57829" s="1" t="s">
        <v>194504</v>
      </c>
      <c r="F57829" s="1" t="s">
        <v>194505</v>
      </c>
      <c r="G57829" s="1" t="s">
        <v>194471</v>
      </c>
      <c r="H57829" s="1" t="s">
        <v>194472</v>
      </c>
      <c r="I57829" s="1" t="s">
        <v>187135</v>
      </c>
      <c r="J57829" s="1" t="s">
        <v>194506</v>
      </c>
    </row>
    <row r="57830" spans="1:10" x14ac:dyDescent="0.35">
      <c r="A57830" s="1" t="s">
        <v>5701</v>
      </c>
      <c r="B57830" s="1" t="s">
        <v>187129</v>
      </c>
      <c r="C57830" s="1" t="s">
        <v>70</v>
      </c>
      <c r="D57830" s="1" t="s">
        <v>35486</v>
      </c>
      <c r="E57830" s="1" t="s">
        <v>194507</v>
      </c>
      <c r="F57830" s="1" t="s">
        <v>194508</v>
      </c>
      <c r="G57830" s="1" t="s">
        <v>194471</v>
      </c>
      <c r="H57830" s="1" t="s">
        <v>194472</v>
      </c>
      <c r="I57830" s="1" t="s">
        <v>187135</v>
      </c>
      <c r="J57830" s="1" t="s">
        <v>194509</v>
      </c>
    </row>
    <row r="57831" spans="1:10" x14ac:dyDescent="0.35">
      <c r="A57831" s="1" t="s">
        <v>5701</v>
      </c>
      <c r="B57831" s="1" t="s">
        <v>187129</v>
      </c>
      <c r="C57831" s="1" t="s">
        <v>75</v>
      </c>
      <c r="D57831" s="1" t="s">
        <v>17913</v>
      </c>
      <c r="E57831" s="1" t="s">
        <v>194510</v>
      </c>
      <c r="F57831" s="1" t="s">
        <v>194511</v>
      </c>
      <c r="G57831" s="1" t="s">
        <v>194471</v>
      </c>
      <c r="H57831" s="1" t="s">
        <v>194472</v>
      </c>
      <c r="I57831" s="1" t="s">
        <v>187135</v>
      </c>
      <c r="J57831" s="1" t="s">
        <v>194512</v>
      </c>
    </row>
    <row r="57832" spans="1:10" x14ac:dyDescent="0.35">
      <c r="A57832" s="1" t="s">
        <v>5701</v>
      </c>
      <c r="B57832" s="1" t="s">
        <v>187129</v>
      </c>
      <c r="C57832" s="1" t="s">
        <v>80</v>
      </c>
      <c r="D57832" s="1" t="s">
        <v>31851</v>
      </c>
      <c r="E57832" s="1" t="s">
        <v>194513</v>
      </c>
      <c r="F57832" s="1" t="s">
        <v>194514</v>
      </c>
      <c r="G57832" s="1" t="s">
        <v>194471</v>
      </c>
      <c r="H57832" s="1" t="s">
        <v>194472</v>
      </c>
      <c r="I57832" s="1" t="s">
        <v>187135</v>
      </c>
      <c r="J57832" s="1" t="s">
        <v>194515</v>
      </c>
    </row>
    <row r="57833" spans="1:10" x14ac:dyDescent="0.35">
      <c r="A57833" s="1" t="s">
        <v>5701</v>
      </c>
      <c r="B57833" s="1" t="s">
        <v>187129</v>
      </c>
      <c r="C57833" s="1" t="s">
        <v>85</v>
      </c>
      <c r="D57833" s="1" t="s">
        <v>31964</v>
      </c>
      <c r="E57833" s="1" t="s">
        <v>194516</v>
      </c>
      <c r="F57833" s="1" t="s">
        <v>194517</v>
      </c>
      <c r="G57833" s="1" t="s">
        <v>194471</v>
      </c>
      <c r="H57833" s="1" t="s">
        <v>194472</v>
      </c>
      <c r="I57833" s="1" t="s">
        <v>187135</v>
      </c>
      <c r="J57833" s="1" t="s">
        <v>194518</v>
      </c>
    </row>
    <row r="57834" spans="1:10" x14ac:dyDescent="0.35">
      <c r="A57834" s="1" t="s">
        <v>5701</v>
      </c>
      <c r="B57834" s="1" t="s">
        <v>187129</v>
      </c>
      <c r="C57834" s="1" t="s">
        <v>90</v>
      </c>
      <c r="D57834" s="1" t="s">
        <v>35499</v>
      </c>
      <c r="E57834" s="1" t="s">
        <v>194519</v>
      </c>
      <c r="F57834" s="1" t="s">
        <v>194520</v>
      </c>
      <c r="G57834" s="1" t="s">
        <v>194471</v>
      </c>
      <c r="H57834" s="1" t="s">
        <v>194472</v>
      </c>
      <c r="I57834" s="1" t="s">
        <v>187135</v>
      </c>
      <c r="J57834" s="1" t="s">
        <v>194521</v>
      </c>
    </row>
    <row r="57835" spans="1:10" x14ac:dyDescent="0.35">
      <c r="A57835" s="1" t="s">
        <v>5701</v>
      </c>
      <c r="B57835" s="1" t="s">
        <v>187129</v>
      </c>
      <c r="C57835" s="1" t="s">
        <v>95</v>
      </c>
      <c r="D57835" s="1" t="s">
        <v>18290</v>
      </c>
      <c r="E57835" s="1" t="s">
        <v>194522</v>
      </c>
      <c r="F57835" s="1" t="s">
        <v>194523</v>
      </c>
      <c r="G57835" s="1" t="s">
        <v>194471</v>
      </c>
      <c r="H57835" s="1" t="s">
        <v>194472</v>
      </c>
      <c r="I57835" s="1" t="s">
        <v>187135</v>
      </c>
      <c r="J57835" s="1" t="s">
        <v>194524</v>
      </c>
    </row>
    <row r="57836" spans="1:10" x14ac:dyDescent="0.35">
      <c r="A57836" s="1" t="s">
        <v>5701</v>
      </c>
      <c r="B57836" s="1" t="s">
        <v>187129</v>
      </c>
      <c r="C57836" s="1" t="s">
        <v>100</v>
      </c>
      <c r="D57836" s="1" t="s">
        <v>148670</v>
      </c>
      <c r="E57836" s="1" t="s">
        <v>194525</v>
      </c>
      <c r="F57836" s="1" t="s">
        <v>194526</v>
      </c>
      <c r="G57836" s="1" t="s">
        <v>194471</v>
      </c>
      <c r="H57836" s="1" t="s">
        <v>194472</v>
      </c>
      <c r="I57836" s="1" t="s">
        <v>187135</v>
      </c>
      <c r="J57836" s="1" t="s">
        <v>194527</v>
      </c>
    </row>
    <row r="57837" spans="1:10" x14ac:dyDescent="0.35">
      <c r="A57837" s="1" t="s">
        <v>5701</v>
      </c>
      <c r="B57837" s="1" t="s">
        <v>187129</v>
      </c>
      <c r="C57837" s="1" t="s">
        <v>105</v>
      </c>
      <c r="D57837" s="1" t="s">
        <v>174515</v>
      </c>
      <c r="E57837" s="1" t="s">
        <v>194528</v>
      </c>
      <c r="F57837" s="1" t="s">
        <v>194529</v>
      </c>
      <c r="G57837" s="1" t="s">
        <v>194471</v>
      </c>
      <c r="H57837" s="1" t="s">
        <v>194472</v>
      </c>
      <c r="I57837" s="1" t="s">
        <v>187135</v>
      </c>
      <c r="J57837" s="1" t="s">
        <v>194530</v>
      </c>
    </row>
    <row r="57838" spans="1:10" x14ac:dyDescent="0.35">
      <c r="A57838" s="1" t="s">
        <v>5701</v>
      </c>
      <c r="B57838" s="1" t="s">
        <v>187129</v>
      </c>
      <c r="C57838" s="1" t="s">
        <v>110</v>
      </c>
      <c r="D57838" s="1" t="s">
        <v>194531</v>
      </c>
      <c r="E57838" s="1" t="s">
        <v>194532</v>
      </c>
      <c r="F57838" s="1" t="s">
        <v>194533</v>
      </c>
      <c r="G57838" s="1" t="s">
        <v>194471</v>
      </c>
      <c r="H57838" s="1" t="s">
        <v>194472</v>
      </c>
      <c r="I57838" s="1" t="s">
        <v>187135</v>
      </c>
      <c r="J57838" s="1" t="s">
        <v>194534</v>
      </c>
    </row>
    <row r="57839" spans="1:10" x14ac:dyDescent="0.35">
      <c r="A57839" s="1" t="s">
        <v>5701</v>
      </c>
      <c r="B57839" s="1" t="s">
        <v>187129</v>
      </c>
      <c r="C57839" s="1" t="s">
        <v>115</v>
      </c>
      <c r="D57839" s="1" t="s">
        <v>114033</v>
      </c>
      <c r="E57839" s="1" t="s">
        <v>194535</v>
      </c>
      <c r="F57839" s="1" t="s">
        <v>194536</v>
      </c>
      <c r="G57839" s="1" t="s">
        <v>194471</v>
      </c>
      <c r="H57839" s="1" t="s">
        <v>194472</v>
      </c>
      <c r="I57839" s="1" t="s">
        <v>187135</v>
      </c>
      <c r="J57839" s="1" t="s">
        <v>194537</v>
      </c>
    </row>
    <row r="57840" spans="1:10" x14ac:dyDescent="0.35">
      <c r="A57840" s="1" t="s">
        <v>5701</v>
      </c>
      <c r="B57840" s="1" t="s">
        <v>187129</v>
      </c>
      <c r="C57840" s="1" t="s">
        <v>120</v>
      </c>
      <c r="D57840" s="1" t="s">
        <v>177385</v>
      </c>
      <c r="E57840" s="1" t="s">
        <v>194538</v>
      </c>
      <c r="F57840" s="1" t="s">
        <v>194539</v>
      </c>
      <c r="G57840" s="1" t="s">
        <v>194471</v>
      </c>
      <c r="H57840" s="1" t="s">
        <v>194472</v>
      </c>
      <c r="I57840" s="1" t="s">
        <v>187135</v>
      </c>
      <c r="J57840" s="1" t="s">
        <v>194540</v>
      </c>
    </row>
    <row r="57841" spans="1:10" x14ac:dyDescent="0.35">
      <c r="A57841" s="1" t="s">
        <v>5701</v>
      </c>
      <c r="B57841" s="1" t="s">
        <v>187129</v>
      </c>
      <c r="C57841" s="1" t="s">
        <v>125</v>
      </c>
      <c r="D57841" s="1" t="s">
        <v>194541</v>
      </c>
      <c r="E57841" s="1" t="s">
        <v>194542</v>
      </c>
      <c r="F57841" s="1" t="s">
        <v>194543</v>
      </c>
      <c r="G57841" s="1" t="s">
        <v>194471</v>
      </c>
      <c r="H57841" s="1" t="s">
        <v>194472</v>
      </c>
      <c r="I57841" s="1" t="s">
        <v>187135</v>
      </c>
      <c r="J57841" s="1" t="s">
        <v>194544</v>
      </c>
    </row>
    <row r="57842" spans="1:10" x14ac:dyDescent="0.35">
      <c r="A57842" s="1" t="s">
        <v>5701</v>
      </c>
      <c r="B57842" s="1" t="s">
        <v>187129</v>
      </c>
      <c r="C57842" s="1" t="s">
        <v>130</v>
      </c>
      <c r="D57842" s="1" t="s">
        <v>153387</v>
      </c>
      <c r="E57842" s="1" t="s">
        <v>194545</v>
      </c>
      <c r="F57842" s="1" t="s">
        <v>194546</v>
      </c>
      <c r="G57842" s="1" t="s">
        <v>194471</v>
      </c>
      <c r="H57842" s="1" t="s">
        <v>194472</v>
      </c>
      <c r="I57842" s="1" t="s">
        <v>187135</v>
      </c>
      <c r="J57842" s="1" t="s">
        <v>194547</v>
      </c>
    </row>
    <row r="57843" spans="1:10" x14ac:dyDescent="0.35">
      <c r="A57843" s="1" t="s">
        <v>5701</v>
      </c>
      <c r="B57843" s="1" t="s">
        <v>187129</v>
      </c>
      <c r="C57843" s="1" t="s">
        <v>135</v>
      </c>
      <c r="D57843" s="1" t="s">
        <v>113360</v>
      </c>
      <c r="E57843" s="1" t="s">
        <v>194548</v>
      </c>
      <c r="F57843" s="1" t="s">
        <v>194549</v>
      </c>
      <c r="G57843" s="1" t="s">
        <v>194471</v>
      </c>
      <c r="H57843" s="1" t="s">
        <v>194472</v>
      </c>
      <c r="I57843" s="1" t="s">
        <v>187135</v>
      </c>
      <c r="J57843" s="1" t="s">
        <v>194550</v>
      </c>
    </row>
    <row r="57844" spans="1:10" x14ac:dyDescent="0.35">
      <c r="A57844" s="1" t="s">
        <v>5701</v>
      </c>
      <c r="B57844" s="1" t="s">
        <v>187129</v>
      </c>
      <c r="C57844" s="1" t="s">
        <v>140</v>
      </c>
      <c r="D57844" s="1" t="s">
        <v>74593</v>
      </c>
      <c r="E57844" s="1" t="s">
        <v>194551</v>
      </c>
      <c r="F57844" s="1" t="s">
        <v>194552</v>
      </c>
      <c r="G57844" s="1" t="s">
        <v>194471</v>
      </c>
      <c r="H57844" s="1" t="s">
        <v>194472</v>
      </c>
      <c r="I57844" s="1" t="s">
        <v>187135</v>
      </c>
      <c r="J57844" s="1" t="s">
        <v>194553</v>
      </c>
    </row>
    <row r="57845" spans="1:10" x14ac:dyDescent="0.35">
      <c r="A57845" s="1" t="s">
        <v>5701</v>
      </c>
      <c r="B57845" s="1" t="s">
        <v>187129</v>
      </c>
      <c r="C57845" s="1" t="s">
        <v>145</v>
      </c>
      <c r="D57845" s="1" t="s">
        <v>194554</v>
      </c>
      <c r="E57845" s="1" t="s">
        <v>194555</v>
      </c>
      <c r="F57845" s="1" t="s">
        <v>194556</v>
      </c>
      <c r="G57845" s="1" t="s">
        <v>194471</v>
      </c>
      <c r="H57845" s="1" t="s">
        <v>194472</v>
      </c>
      <c r="I57845" s="1" t="s">
        <v>187135</v>
      </c>
      <c r="J57845" s="1" t="s">
        <v>194557</v>
      </c>
    </row>
    <row r="57846" spans="1:10" x14ac:dyDescent="0.35">
      <c r="A57846" s="1" t="s">
        <v>5701</v>
      </c>
      <c r="B57846" s="1" t="s">
        <v>187129</v>
      </c>
      <c r="C57846" s="1" t="s">
        <v>150</v>
      </c>
      <c r="D57846" s="1" t="s">
        <v>194558</v>
      </c>
      <c r="E57846" s="1" t="s">
        <v>194559</v>
      </c>
      <c r="F57846" s="1" t="s">
        <v>194560</v>
      </c>
      <c r="G57846" s="1" t="s">
        <v>194471</v>
      </c>
      <c r="H57846" s="1" t="s">
        <v>194472</v>
      </c>
      <c r="I57846" s="1" t="s">
        <v>187135</v>
      </c>
      <c r="J57846" s="1" t="s">
        <v>194561</v>
      </c>
    </row>
    <row r="57847" spans="1:10" x14ac:dyDescent="0.35">
      <c r="A57847" s="1" t="s">
        <v>5701</v>
      </c>
      <c r="B57847" s="1" t="s">
        <v>187129</v>
      </c>
      <c r="C57847" s="1" t="s">
        <v>155</v>
      </c>
      <c r="D57847" s="1" t="s">
        <v>194562</v>
      </c>
      <c r="E57847" s="1" t="s">
        <v>194563</v>
      </c>
      <c r="F57847" s="1" t="s">
        <v>194564</v>
      </c>
      <c r="G57847" s="1" t="s">
        <v>194471</v>
      </c>
      <c r="H57847" s="1" t="s">
        <v>194472</v>
      </c>
      <c r="I57847" s="1" t="s">
        <v>187135</v>
      </c>
      <c r="J57847" s="1" t="s">
        <v>194565</v>
      </c>
    </row>
    <row r="57848" spans="1:10" x14ac:dyDescent="0.35">
      <c r="A57848" s="1" t="s">
        <v>5701</v>
      </c>
      <c r="B57848" s="1" t="s">
        <v>187129</v>
      </c>
      <c r="C57848" s="1" t="s">
        <v>160</v>
      </c>
      <c r="D57848" s="1" t="s">
        <v>194566</v>
      </c>
      <c r="E57848" s="1" t="s">
        <v>194567</v>
      </c>
      <c r="F57848" s="1" t="s">
        <v>194568</v>
      </c>
      <c r="G57848" s="1" t="s">
        <v>194471</v>
      </c>
      <c r="H57848" s="1" t="s">
        <v>194472</v>
      </c>
      <c r="I57848" s="1" t="s">
        <v>187135</v>
      </c>
      <c r="J57848" s="1" t="s">
        <v>194569</v>
      </c>
    </row>
    <row r="57849" spans="1:10" x14ac:dyDescent="0.35">
      <c r="A57849" s="1" t="s">
        <v>5701</v>
      </c>
      <c r="B57849" s="1" t="s">
        <v>187129</v>
      </c>
      <c r="C57849" s="1" t="s">
        <v>165</v>
      </c>
      <c r="D57849" s="1" t="s">
        <v>159523</v>
      </c>
      <c r="E57849" s="1" t="s">
        <v>194570</v>
      </c>
      <c r="F57849" s="1" t="s">
        <v>194571</v>
      </c>
      <c r="G57849" s="1" t="s">
        <v>194471</v>
      </c>
      <c r="H57849" s="1" t="s">
        <v>194472</v>
      </c>
      <c r="I57849" s="1" t="s">
        <v>187135</v>
      </c>
      <c r="J57849" s="1" t="s">
        <v>194572</v>
      </c>
    </row>
    <row r="57850" spans="1:10" x14ac:dyDescent="0.35">
      <c r="A57850" s="1" t="s">
        <v>5701</v>
      </c>
      <c r="B57850" s="1" t="s">
        <v>187129</v>
      </c>
      <c r="C57850" s="1" t="s">
        <v>170</v>
      </c>
      <c r="D57850" s="1" t="s">
        <v>194573</v>
      </c>
      <c r="E57850" s="1" t="s">
        <v>194574</v>
      </c>
      <c r="F57850" s="1" t="s">
        <v>194575</v>
      </c>
      <c r="G57850" s="1" t="s">
        <v>194471</v>
      </c>
      <c r="H57850" s="1" t="s">
        <v>194472</v>
      </c>
      <c r="I57850" s="1" t="s">
        <v>187135</v>
      </c>
      <c r="J57850" s="1" t="s">
        <v>194576</v>
      </c>
    </row>
    <row r="57851" spans="1:10" x14ac:dyDescent="0.35">
      <c r="A57851" s="1" t="s">
        <v>146288</v>
      </c>
      <c r="B57851" s="1" t="s">
        <v>187129</v>
      </c>
      <c r="C57851" s="1" t="s">
        <v>8</v>
      </c>
      <c r="D57851" s="1" t="s">
        <v>64210</v>
      </c>
      <c r="E57851" s="1" t="s">
        <v>194577</v>
      </c>
      <c r="F57851" s="1" t="s">
        <v>194578</v>
      </c>
      <c r="G57851" s="1" t="s">
        <v>194579</v>
      </c>
      <c r="H57851" s="1" t="s">
        <v>194580</v>
      </c>
      <c r="I57851" s="1" t="s">
        <v>187135</v>
      </c>
      <c r="J57851" s="1" t="s">
        <v>13</v>
      </c>
    </row>
    <row r="57852" spans="1:10" x14ac:dyDescent="0.35">
      <c r="A57852" s="1" t="s">
        <v>146288</v>
      </c>
      <c r="B57852" s="1" t="s">
        <v>187129</v>
      </c>
      <c r="C57852" s="1" t="s">
        <v>15</v>
      </c>
      <c r="D57852" s="1" t="s">
        <v>174290</v>
      </c>
      <c r="E57852" s="1" t="s">
        <v>194581</v>
      </c>
      <c r="F57852" s="1" t="s">
        <v>194582</v>
      </c>
      <c r="G57852" s="1" t="s">
        <v>194579</v>
      </c>
      <c r="H57852" s="1" t="s">
        <v>194580</v>
      </c>
      <c r="I57852" s="1" t="s">
        <v>187135</v>
      </c>
      <c r="J57852" s="1" t="s">
        <v>194583</v>
      </c>
    </row>
    <row r="57853" spans="1:10" x14ac:dyDescent="0.35">
      <c r="A57853" s="1" t="s">
        <v>146288</v>
      </c>
      <c r="B57853" s="1" t="s">
        <v>187129</v>
      </c>
      <c r="C57853" s="1" t="s">
        <v>20</v>
      </c>
      <c r="D57853" s="1" t="s">
        <v>14291</v>
      </c>
      <c r="E57853" s="1" t="s">
        <v>194584</v>
      </c>
      <c r="F57853" s="1" t="s">
        <v>194585</v>
      </c>
      <c r="G57853" s="1" t="s">
        <v>194579</v>
      </c>
      <c r="H57853" s="1" t="s">
        <v>194580</v>
      </c>
      <c r="I57853" s="1" t="s">
        <v>187135</v>
      </c>
      <c r="J57853" s="1" t="s">
        <v>194586</v>
      </c>
    </row>
    <row r="57854" spans="1:10" x14ac:dyDescent="0.35">
      <c r="A57854" s="1" t="s">
        <v>146288</v>
      </c>
      <c r="B57854" s="1" t="s">
        <v>187129</v>
      </c>
      <c r="C57854" s="1" t="s">
        <v>25</v>
      </c>
      <c r="D57854" s="1" t="s">
        <v>194587</v>
      </c>
      <c r="E57854" s="1" t="s">
        <v>194588</v>
      </c>
      <c r="F57854" s="1" t="s">
        <v>194589</v>
      </c>
      <c r="G57854" s="1" t="s">
        <v>194579</v>
      </c>
      <c r="H57854" s="1" t="s">
        <v>194580</v>
      </c>
      <c r="I57854" s="1" t="s">
        <v>187135</v>
      </c>
      <c r="J57854" s="1" t="s">
        <v>194590</v>
      </c>
    </row>
    <row r="57855" spans="1:10" x14ac:dyDescent="0.35">
      <c r="A57855" s="1" t="s">
        <v>146288</v>
      </c>
      <c r="B57855" s="1" t="s">
        <v>187129</v>
      </c>
      <c r="C57855" s="1" t="s">
        <v>30</v>
      </c>
      <c r="D57855" s="1" t="s">
        <v>142067</v>
      </c>
      <c r="E57855" s="1" t="s">
        <v>194591</v>
      </c>
      <c r="F57855" s="1" t="s">
        <v>194592</v>
      </c>
      <c r="G57855" s="1" t="s">
        <v>194579</v>
      </c>
      <c r="H57855" s="1" t="s">
        <v>194580</v>
      </c>
      <c r="I57855" s="1" t="s">
        <v>187135</v>
      </c>
      <c r="J57855" s="1" t="s">
        <v>194593</v>
      </c>
    </row>
    <row r="57856" spans="1:10" x14ac:dyDescent="0.35">
      <c r="A57856" s="1" t="s">
        <v>146288</v>
      </c>
      <c r="B57856" s="1" t="s">
        <v>187129</v>
      </c>
      <c r="C57856" s="1" t="s">
        <v>35</v>
      </c>
      <c r="D57856" s="1" t="s">
        <v>194594</v>
      </c>
      <c r="E57856" s="1" t="s">
        <v>194595</v>
      </c>
      <c r="F57856" s="1" t="s">
        <v>194596</v>
      </c>
      <c r="G57856" s="1" t="s">
        <v>194579</v>
      </c>
      <c r="H57856" s="1" t="s">
        <v>194580</v>
      </c>
      <c r="I57856" s="1" t="s">
        <v>187135</v>
      </c>
      <c r="J57856" s="1" t="s">
        <v>194597</v>
      </c>
    </row>
    <row r="57857" spans="1:10" x14ac:dyDescent="0.35">
      <c r="A57857" s="1" t="s">
        <v>146288</v>
      </c>
      <c r="B57857" s="1" t="s">
        <v>187129</v>
      </c>
      <c r="C57857" s="1" t="s">
        <v>40</v>
      </c>
      <c r="D57857" s="1" t="s">
        <v>194598</v>
      </c>
      <c r="E57857" s="1" t="s">
        <v>194599</v>
      </c>
      <c r="F57857" s="1" t="s">
        <v>194600</v>
      </c>
      <c r="G57857" s="1" t="s">
        <v>194579</v>
      </c>
      <c r="H57857" s="1" t="s">
        <v>194580</v>
      </c>
      <c r="I57857" s="1" t="s">
        <v>187135</v>
      </c>
      <c r="J57857" s="1" t="s">
        <v>194601</v>
      </c>
    </row>
    <row r="57858" spans="1:10" x14ac:dyDescent="0.35">
      <c r="A57858" s="1" t="s">
        <v>146288</v>
      </c>
      <c r="B57858" s="1" t="s">
        <v>187129</v>
      </c>
      <c r="C57858" s="1" t="s">
        <v>45</v>
      </c>
      <c r="D57858" s="1" t="s">
        <v>175179</v>
      </c>
      <c r="E57858" s="1" t="s">
        <v>194602</v>
      </c>
      <c r="F57858" s="1" t="s">
        <v>194603</v>
      </c>
      <c r="G57858" s="1" t="s">
        <v>194579</v>
      </c>
      <c r="H57858" s="1" t="s">
        <v>194580</v>
      </c>
      <c r="I57858" s="1" t="s">
        <v>187135</v>
      </c>
      <c r="J57858" s="1" t="s">
        <v>194604</v>
      </c>
    </row>
    <row r="57859" spans="1:10" x14ac:dyDescent="0.35">
      <c r="A57859" s="1" t="s">
        <v>146288</v>
      </c>
      <c r="B57859" s="1" t="s">
        <v>187129</v>
      </c>
      <c r="C57859" s="1" t="s">
        <v>50</v>
      </c>
      <c r="D57859" s="1" t="s">
        <v>194605</v>
      </c>
      <c r="E57859" s="1" t="s">
        <v>194606</v>
      </c>
      <c r="F57859" s="1" t="s">
        <v>194607</v>
      </c>
      <c r="G57859" s="1" t="s">
        <v>194579</v>
      </c>
      <c r="H57859" s="1" t="s">
        <v>194580</v>
      </c>
      <c r="I57859" s="1" t="s">
        <v>187135</v>
      </c>
      <c r="J57859" s="1" t="s">
        <v>194608</v>
      </c>
    </row>
    <row r="57860" spans="1:10" x14ac:dyDescent="0.35">
      <c r="A57860" s="1" t="s">
        <v>146288</v>
      </c>
      <c r="B57860" s="1" t="s">
        <v>187129</v>
      </c>
      <c r="C57860" s="1" t="s">
        <v>55</v>
      </c>
      <c r="D57860" s="1" t="s">
        <v>114507</v>
      </c>
      <c r="E57860" s="1" t="s">
        <v>194609</v>
      </c>
      <c r="F57860" s="1" t="s">
        <v>194610</v>
      </c>
      <c r="G57860" s="1" t="s">
        <v>194579</v>
      </c>
      <c r="H57860" s="1" t="s">
        <v>194580</v>
      </c>
      <c r="I57860" s="1" t="s">
        <v>187135</v>
      </c>
      <c r="J57860" s="1" t="s">
        <v>194611</v>
      </c>
    </row>
    <row r="57861" spans="1:10" x14ac:dyDescent="0.35">
      <c r="A57861" s="1" t="s">
        <v>146288</v>
      </c>
      <c r="B57861" s="1" t="s">
        <v>187129</v>
      </c>
      <c r="C57861" s="1" t="s">
        <v>60</v>
      </c>
      <c r="D57861" s="1" t="s">
        <v>194612</v>
      </c>
      <c r="E57861" s="1" t="s">
        <v>194613</v>
      </c>
      <c r="F57861" s="1" t="s">
        <v>194614</v>
      </c>
      <c r="G57861" s="1" t="s">
        <v>194579</v>
      </c>
      <c r="H57861" s="1" t="s">
        <v>194580</v>
      </c>
      <c r="I57861" s="1" t="s">
        <v>187135</v>
      </c>
      <c r="J57861" s="1" t="s">
        <v>194615</v>
      </c>
    </row>
    <row r="57862" spans="1:10" x14ac:dyDescent="0.35">
      <c r="A57862" s="1" t="s">
        <v>146288</v>
      </c>
      <c r="B57862" s="1" t="s">
        <v>187129</v>
      </c>
      <c r="C57862" s="1" t="s">
        <v>65</v>
      </c>
      <c r="D57862" s="1" t="s">
        <v>186550</v>
      </c>
      <c r="E57862" s="1" t="s">
        <v>194616</v>
      </c>
      <c r="F57862" s="1" t="s">
        <v>194617</v>
      </c>
      <c r="G57862" s="1" t="s">
        <v>194579</v>
      </c>
      <c r="H57862" s="1" t="s">
        <v>194580</v>
      </c>
      <c r="I57862" s="1" t="s">
        <v>187135</v>
      </c>
      <c r="J57862" s="1" t="s">
        <v>194618</v>
      </c>
    </row>
    <row r="57863" spans="1:10" x14ac:dyDescent="0.35">
      <c r="A57863" s="1" t="s">
        <v>146288</v>
      </c>
      <c r="B57863" s="1" t="s">
        <v>187129</v>
      </c>
      <c r="C57863" s="1" t="s">
        <v>70</v>
      </c>
      <c r="D57863" s="1" t="s">
        <v>3264</v>
      </c>
      <c r="E57863" s="1" t="s">
        <v>194619</v>
      </c>
      <c r="F57863" s="1" t="s">
        <v>194620</v>
      </c>
      <c r="G57863" s="1" t="s">
        <v>194579</v>
      </c>
      <c r="H57863" s="1" t="s">
        <v>194580</v>
      </c>
      <c r="I57863" s="1" t="s">
        <v>187135</v>
      </c>
      <c r="J57863" s="1" t="s">
        <v>194621</v>
      </c>
    </row>
    <row r="57864" spans="1:10" x14ac:dyDescent="0.35">
      <c r="A57864" s="1" t="s">
        <v>146288</v>
      </c>
      <c r="B57864" s="1" t="s">
        <v>187129</v>
      </c>
      <c r="C57864" s="1" t="s">
        <v>75</v>
      </c>
      <c r="D57864" s="1" t="s">
        <v>147660</v>
      </c>
      <c r="E57864" s="1" t="s">
        <v>194622</v>
      </c>
      <c r="F57864" s="1" t="s">
        <v>194623</v>
      </c>
      <c r="G57864" s="1" t="s">
        <v>194579</v>
      </c>
      <c r="H57864" s="1" t="s">
        <v>194580</v>
      </c>
      <c r="I57864" s="1" t="s">
        <v>187135</v>
      </c>
      <c r="J57864" s="1" t="s">
        <v>194624</v>
      </c>
    </row>
    <row r="57865" spans="1:10" x14ac:dyDescent="0.35">
      <c r="A57865" s="1" t="s">
        <v>146288</v>
      </c>
      <c r="B57865" s="1" t="s">
        <v>187129</v>
      </c>
      <c r="C57865" s="1" t="s">
        <v>80</v>
      </c>
      <c r="D57865" s="1" t="s">
        <v>18135</v>
      </c>
      <c r="E57865" s="1" t="s">
        <v>194625</v>
      </c>
      <c r="F57865" s="1" t="s">
        <v>194626</v>
      </c>
      <c r="G57865" s="1" t="s">
        <v>194579</v>
      </c>
      <c r="H57865" s="1" t="s">
        <v>194580</v>
      </c>
      <c r="I57865" s="1" t="s">
        <v>187135</v>
      </c>
      <c r="J57865" s="1" t="s">
        <v>194627</v>
      </c>
    </row>
    <row r="57866" spans="1:10" x14ac:dyDescent="0.35">
      <c r="A57866" s="1" t="s">
        <v>146288</v>
      </c>
      <c r="B57866" s="1" t="s">
        <v>187129</v>
      </c>
      <c r="C57866" s="1" t="s">
        <v>85</v>
      </c>
      <c r="D57866" s="1" t="s">
        <v>38528</v>
      </c>
      <c r="E57866" s="1" t="s">
        <v>194628</v>
      </c>
      <c r="F57866" s="1" t="s">
        <v>194629</v>
      </c>
      <c r="G57866" s="1" t="s">
        <v>194579</v>
      </c>
      <c r="H57866" s="1" t="s">
        <v>194580</v>
      </c>
      <c r="I57866" s="1" t="s">
        <v>187135</v>
      </c>
      <c r="J57866" s="1" t="s">
        <v>194630</v>
      </c>
    </row>
    <row r="57867" spans="1:10" x14ac:dyDescent="0.35">
      <c r="A57867" s="1" t="s">
        <v>146288</v>
      </c>
      <c r="B57867" s="1" t="s">
        <v>187129</v>
      </c>
      <c r="C57867" s="1" t="s">
        <v>90</v>
      </c>
      <c r="D57867" s="1" t="s">
        <v>194631</v>
      </c>
      <c r="E57867" s="1" t="s">
        <v>194632</v>
      </c>
      <c r="F57867" s="1" t="s">
        <v>194633</v>
      </c>
      <c r="G57867" s="1" t="s">
        <v>194579</v>
      </c>
      <c r="H57867" s="1" t="s">
        <v>194580</v>
      </c>
      <c r="I57867" s="1" t="s">
        <v>187135</v>
      </c>
      <c r="J57867" s="1" t="s">
        <v>194634</v>
      </c>
    </row>
    <row r="57868" spans="1:10" x14ac:dyDescent="0.35">
      <c r="A57868" s="1" t="s">
        <v>146288</v>
      </c>
      <c r="B57868" s="1" t="s">
        <v>187129</v>
      </c>
      <c r="C57868" s="1" t="s">
        <v>95</v>
      </c>
      <c r="D57868" s="1" t="s">
        <v>194635</v>
      </c>
      <c r="E57868" s="1" t="s">
        <v>194636</v>
      </c>
      <c r="F57868" s="1" t="s">
        <v>194637</v>
      </c>
      <c r="G57868" s="1" t="s">
        <v>194579</v>
      </c>
      <c r="H57868" s="1" t="s">
        <v>194580</v>
      </c>
      <c r="I57868" s="1" t="s">
        <v>187135</v>
      </c>
      <c r="J57868" s="1" t="s">
        <v>194638</v>
      </c>
    </row>
    <row r="57869" spans="1:10" x14ac:dyDescent="0.35">
      <c r="A57869" s="1" t="s">
        <v>146288</v>
      </c>
      <c r="B57869" s="1" t="s">
        <v>187129</v>
      </c>
      <c r="C57869" s="1" t="s">
        <v>100</v>
      </c>
      <c r="D57869" s="1" t="s">
        <v>114941</v>
      </c>
      <c r="E57869" s="1" t="s">
        <v>194639</v>
      </c>
      <c r="F57869" s="1" t="s">
        <v>194640</v>
      </c>
      <c r="G57869" s="1" t="s">
        <v>194579</v>
      </c>
      <c r="H57869" s="1" t="s">
        <v>194580</v>
      </c>
      <c r="I57869" s="1" t="s">
        <v>187135</v>
      </c>
      <c r="J57869" s="1" t="s">
        <v>194641</v>
      </c>
    </row>
    <row r="57870" spans="1:10" x14ac:dyDescent="0.35">
      <c r="A57870" s="1" t="s">
        <v>146288</v>
      </c>
      <c r="B57870" s="1" t="s">
        <v>187129</v>
      </c>
      <c r="C57870" s="1" t="s">
        <v>105</v>
      </c>
      <c r="D57870" s="1" t="s">
        <v>57447</v>
      </c>
      <c r="E57870" s="1" t="s">
        <v>194642</v>
      </c>
      <c r="F57870" s="1" t="s">
        <v>194643</v>
      </c>
      <c r="G57870" s="1" t="s">
        <v>194579</v>
      </c>
      <c r="H57870" s="1" t="s">
        <v>194580</v>
      </c>
      <c r="I57870" s="1" t="s">
        <v>187135</v>
      </c>
      <c r="J57870" s="1" t="s">
        <v>194644</v>
      </c>
    </row>
    <row r="57871" spans="1:10" x14ac:dyDescent="0.35">
      <c r="A57871" s="1" t="s">
        <v>146288</v>
      </c>
      <c r="B57871" s="1" t="s">
        <v>187129</v>
      </c>
      <c r="C57871" s="1" t="s">
        <v>110</v>
      </c>
      <c r="D57871" s="1" t="s">
        <v>194645</v>
      </c>
      <c r="E57871" s="1" t="s">
        <v>194646</v>
      </c>
      <c r="F57871" s="1" t="s">
        <v>194647</v>
      </c>
      <c r="G57871" s="1" t="s">
        <v>194579</v>
      </c>
      <c r="H57871" s="1" t="s">
        <v>194580</v>
      </c>
      <c r="I57871" s="1" t="s">
        <v>187135</v>
      </c>
      <c r="J57871" s="1" t="s">
        <v>194648</v>
      </c>
    </row>
    <row r="57872" spans="1:10" x14ac:dyDescent="0.35">
      <c r="A57872" s="1" t="s">
        <v>146288</v>
      </c>
      <c r="B57872" s="1" t="s">
        <v>187129</v>
      </c>
      <c r="C57872" s="1" t="s">
        <v>115</v>
      </c>
      <c r="D57872" s="1" t="s">
        <v>98705</v>
      </c>
      <c r="E57872" s="1" t="s">
        <v>194649</v>
      </c>
      <c r="F57872" s="1" t="s">
        <v>194650</v>
      </c>
      <c r="G57872" s="1" t="s">
        <v>194579</v>
      </c>
      <c r="H57872" s="1" t="s">
        <v>194580</v>
      </c>
      <c r="I57872" s="1" t="s">
        <v>187135</v>
      </c>
      <c r="J57872" s="1" t="s">
        <v>194651</v>
      </c>
    </row>
    <row r="57873" spans="1:10" x14ac:dyDescent="0.35">
      <c r="A57873" s="1" t="s">
        <v>146288</v>
      </c>
      <c r="B57873" s="1" t="s">
        <v>187129</v>
      </c>
      <c r="C57873" s="1" t="s">
        <v>120</v>
      </c>
      <c r="D57873" s="1" t="s">
        <v>194652</v>
      </c>
      <c r="E57873" s="1" t="s">
        <v>194653</v>
      </c>
      <c r="F57873" s="1" t="s">
        <v>194654</v>
      </c>
      <c r="G57873" s="1" t="s">
        <v>194579</v>
      </c>
      <c r="H57873" s="1" t="s">
        <v>194580</v>
      </c>
      <c r="I57873" s="1" t="s">
        <v>187135</v>
      </c>
      <c r="J57873" s="1" t="s">
        <v>194655</v>
      </c>
    </row>
    <row r="57874" spans="1:10" x14ac:dyDescent="0.35">
      <c r="A57874" s="1" t="s">
        <v>146288</v>
      </c>
      <c r="B57874" s="1" t="s">
        <v>187129</v>
      </c>
      <c r="C57874" s="1" t="s">
        <v>125</v>
      </c>
      <c r="D57874" s="1" t="s">
        <v>85607</v>
      </c>
      <c r="E57874" s="1" t="s">
        <v>194656</v>
      </c>
      <c r="F57874" s="1" t="s">
        <v>194657</v>
      </c>
      <c r="G57874" s="1" t="s">
        <v>194579</v>
      </c>
      <c r="H57874" s="1" t="s">
        <v>194580</v>
      </c>
      <c r="I57874" s="1" t="s">
        <v>187135</v>
      </c>
      <c r="J57874" s="1" t="s">
        <v>194658</v>
      </c>
    </row>
    <row r="57875" spans="1:10" x14ac:dyDescent="0.35">
      <c r="A57875" s="1" t="s">
        <v>146288</v>
      </c>
      <c r="B57875" s="1" t="s">
        <v>187129</v>
      </c>
      <c r="C57875" s="1" t="s">
        <v>130</v>
      </c>
      <c r="D57875" s="1" t="s">
        <v>26555</v>
      </c>
      <c r="E57875" s="1" t="s">
        <v>194659</v>
      </c>
      <c r="F57875" s="1" t="s">
        <v>194660</v>
      </c>
      <c r="G57875" s="1" t="s">
        <v>194579</v>
      </c>
      <c r="H57875" s="1" t="s">
        <v>194580</v>
      </c>
      <c r="I57875" s="1" t="s">
        <v>187135</v>
      </c>
      <c r="J57875" s="1" t="s">
        <v>194661</v>
      </c>
    </row>
    <row r="57876" spans="1:10" x14ac:dyDescent="0.35">
      <c r="A57876" s="1" t="s">
        <v>146288</v>
      </c>
      <c r="B57876" s="1" t="s">
        <v>187129</v>
      </c>
      <c r="C57876" s="1" t="s">
        <v>135</v>
      </c>
      <c r="D57876" s="1" t="s">
        <v>60177</v>
      </c>
      <c r="E57876" s="1" t="s">
        <v>194662</v>
      </c>
      <c r="F57876" s="1" t="s">
        <v>194663</v>
      </c>
      <c r="G57876" s="1" t="s">
        <v>194579</v>
      </c>
      <c r="H57876" s="1" t="s">
        <v>194580</v>
      </c>
      <c r="I57876" s="1" t="s">
        <v>187135</v>
      </c>
      <c r="J57876" s="1" t="s">
        <v>194664</v>
      </c>
    </row>
    <row r="57877" spans="1:10" x14ac:dyDescent="0.35">
      <c r="A57877" s="1" t="s">
        <v>146288</v>
      </c>
      <c r="B57877" s="1" t="s">
        <v>187129</v>
      </c>
      <c r="C57877" s="1" t="s">
        <v>140</v>
      </c>
      <c r="D57877" s="1" t="s">
        <v>194665</v>
      </c>
      <c r="E57877" s="1" t="s">
        <v>194666</v>
      </c>
      <c r="F57877" s="1" t="s">
        <v>194667</v>
      </c>
      <c r="G57877" s="1" t="s">
        <v>194579</v>
      </c>
      <c r="H57877" s="1" t="s">
        <v>194580</v>
      </c>
      <c r="I57877" s="1" t="s">
        <v>187135</v>
      </c>
      <c r="J57877" s="1" t="s">
        <v>194668</v>
      </c>
    </row>
    <row r="57878" spans="1:10" x14ac:dyDescent="0.35">
      <c r="A57878" s="1" t="s">
        <v>146288</v>
      </c>
      <c r="B57878" s="1" t="s">
        <v>187129</v>
      </c>
      <c r="C57878" s="1" t="s">
        <v>145</v>
      </c>
      <c r="D57878" s="1" t="s">
        <v>65084</v>
      </c>
      <c r="E57878" s="1" t="s">
        <v>194669</v>
      </c>
      <c r="F57878" s="1" t="s">
        <v>194670</v>
      </c>
      <c r="G57878" s="1" t="s">
        <v>194579</v>
      </c>
      <c r="H57878" s="1" t="s">
        <v>194580</v>
      </c>
      <c r="I57878" s="1" t="s">
        <v>187135</v>
      </c>
      <c r="J57878" s="1" t="s">
        <v>194671</v>
      </c>
    </row>
    <row r="57879" spans="1:10" x14ac:dyDescent="0.35">
      <c r="A57879" s="1" t="s">
        <v>146288</v>
      </c>
      <c r="B57879" s="1" t="s">
        <v>187129</v>
      </c>
      <c r="C57879" s="1" t="s">
        <v>150</v>
      </c>
      <c r="D57879" s="1" t="s">
        <v>105656</v>
      </c>
      <c r="E57879" s="1" t="s">
        <v>194672</v>
      </c>
      <c r="F57879" s="1" t="s">
        <v>194673</v>
      </c>
      <c r="G57879" s="1" t="s">
        <v>194579</v>
      </c>
      <c r="H57879" s="1" t="s">
        <v>194580</v>
      </c>
      <c r="I57879" s="1" t="s">
        <v>187135</v>
      </c>
      <c r="J57879" s="1" t="s">
        <v>194674</v>
      </c>
    </row>
    <row r="57880" spans="1:10" x14ac:dyDescent="0.35">
      <c r="A57880" s="1" t="s">
        <v>146288</v>
      </c>
      <c r="B57880" s="1" t="s">
        <v>187129</v>
      </c>
      <c r="C57880" s="1" t="s">
        <v>155</v>
      </c>
      <c r="D57880" s="1" t="s">
        <v>86707</v>
      </c>
      <c r="E57880" s="1" t="s">
        <v>194675</v>
      </c>
      <c r="F57880" s="1" t="s">
        <v>194676</v>
      </c>
      <c r="G57880" s="1" t="s">
        <v>194579</v>
      </c>
      <c r="H57880" s="1" t="s">
        <v>194580</v>
      </c>
      <c r="I57880" s="1" t="s">
        <v>187135</v>
      </c>
      <c r="J57880" s="1" t="s">
        <v>194677</v>
      </c>
    </row>
    <row r="57881" spans="1:10" x14ac:dyDescent="0.35">
      <c r="A57881" s="1" t="s">
        <v>146288</v>
      </c>
      <c r="B57881" s="1" t="s">
        <v>187129</v>
      </c>
      <c r="C57881" s="1" t="s">
        <v>160</v>
      </c>
      <c r="D57881" s="1" t="s">
        <v>194678</v>
      </c>
      <c r="E57881" s="1" t="s">
        <v>194679</v>
      </c>
      <c r="F57881" s="1" t="s">
        <v>194680</v>
      </c>
      <c r="G57881" s="1" t="s">
        <v>194579</v>
      </c>
      <c r="H57881" s="1" t="s">
        <v>194580</v>
      </c>
      <c r="I57881" s="1" t="s">
        <v>187135</v>
      </c>
      <c r="J57881" s="1" t="s">
        <v>194681</v>
      </c>
    </row>
    <row r="57882" spans="1:10" x14ac:dyDescent="0.35">
      <c r="A57882" s="1" t="s">
        <v>146288</v>
      </c>
      <c r="B57882" s="1" t="s">
        <v>187129</v>
      </c>
      <c r="C57882" s="1" t="s">
        <v>165</v>
      </c>
      <c r="D57882" s="1" t="s">
        <v>147910</v>
      </c>
      <c r="E57882" s="1" t="s">
        <v>194682</v>
      </c>
      <c r="F57882" s="1" t="s">
        <v>194683</v>
      </c>
      <c r="G57882" s="1" t="s">
        <v>194579</v>
      </c>
      <c r="H57882" s="1" t="s">
        <v>194580</v>
      </c>
      <c r="I57882" s="1" t="s">
        <v>187135</v>
      </c>
      <c r="J57882" s="1" t="s">
        <v>194684</v>
      </c>
    </row>
    <row r="57883" spans="1:10" x14ac:dyDescent="0.35">
      <c r="A57883" s="1" t="s">
        <v>146288</v>
      </c>
      <c r="B57883" s="1" t="s">
        <v>187129</v>
      </c>
      <c r="C57883" s="1" t="s">
        <v>170</v>
      </c>
      <c r="D57883" s="1" t="s">
        <v>86212</v>
      </c>
      <c r="E57883" s="1" t="s">
        <v>194685</v>
      </c>
      <c r="F57883" s="1" t="s">
        <v>194686</v>
      </c>
      <c r="G57883" s="1" t="s">
        <v>194579</v>
      </c>
      <c r="H57883" s="1" t="s">
        <v>194580</v>
      </c>
      <c r="I57883" s="1" t="s">
        <v>187135</v>
      </c>
      <c r="J57883" s="1" t="s">
        <v>194687</v>
      </c>
    </row>
    <row r="57884" spans="1:10" x14ac:dyDescent="0.35">
      <c r="A57884" s="1" t="s">
        <v>29078</v>
      </c>
      <c r="B57884" s="1" t="s">
        <v>187129</v>
      </c>
      <c r="C57884" s="1" t="s">
        <v>8</v>
      </c>
      <c r="D57884" s="1" t="s">
        <v>169152</v>
      </c>
      <c r="E57884" s="1" t="s">
        <v>194688</v>
      </c>
      <c r="F57884" s="1" t="s">
        <v>194689</v>
      </c>
      <c r="G57884" s="1" t="s">
        <v>194690</v>
      </c>
      <c r="H57884" s="1" t="s">
        <v>194691</v>
      </c>
      <c r="I57884" s="1" t="s">
        <v>187135</v>
      </c>
      <c r="J57884" s="1" t="s">
        <v>13</v>
      </c>
    </row>
    <row r="57885" spans="1:10" x14ac:dyDescent="0.35">
      <c r="A57885" s="1" t="s">
        <v>29078</v>
      </c>
      <c r="B57885" s="1" t="s">
        <v>187129</v>
      </c>
      <c r="C57885" s="1" t="s">
        <v>15</v>
      </c>
      <c r="D57885" s="1" t="s">
        <v>105708</v>
      </c>
      <c r="E57885" s="1" t="s">
        <v>194692</v>
      </c>
      <c r="F57885" s="1" t="s">
        <v>194693</v>
      </c>
      <c r="G57885" s="1" t="s">
        <v>194690</v>
      </c>
      <c r="H57885" s="1" t="s">
        <v>194691</v>
      </c>
      <c r="I57885" s="1" t="s">
        <v>187135</v>
      </c>
      <c r="J57885" s="1" t="s">
        <v>194694</v>
      </c>
    </row>
    <row r="57886" spans="1:10" x14ac:dyDescent="0.35">
      <c r="A57886" s="1" t="s">
        <v>29078</v>
      </c>
      <c r="B57886" s="1" t="s">
        <v>187129</v>
      </c>
      <c r="C57886" s="1" t="s">
        <v>20</v>
      </c>
      <c r="D57886" s="1" t="s">
        <v>194695</v>
      </c>
      <c r="E57886" s="1" t="s">
        <v>194696</v>
      </c>
      <c r="F57886" s="1" t="s">
        <v>194697</v>
      </c>
      <c r="G57886" s="1" t="s">
        <v>194690</v>
      </c>
      <c r="H57886" s="1" t="s">
        <v>194691</v>
      </c>
      <c r="I57886" s="1" t="s">
        <v>187135</v>
      </c>
      <c r="J57886" s="1" t="s">
        <v>194698</v>
      </c>
    </row>
    <row r="57887" spans="1:10" x14ac:dyDescent="0.35">
      <c r="A57887" s="1" t="s">
        <v>29078</v>
      </c>
      <c r="B57887" s="1" t="s">
        <v>187129</v>
      </c>
      <c r="C57887" s="1" t="s">
        <v>25</v>
      </c>
      <c r="D57887" s="1" t="s">
        <v>194699</v>
      </c>
      <c r="E57887" s="1" t="s">
        <v>194700</v>
      </c>
      <c r="F57887" s="1" t="s">
        <v>194701</v>
      </c>
      <c r="G57887" s="1" t="s">
        <v>194690</v>
      </c>
      <c r="H57887" s="1" t="s">
        <v>194691</v>
      </c>
      <c r="I57887" s="1" t="s">
        <v>187135</v>
      </c>
      <c r="J57887" s="1" t="s">
        <v>194702</v>
      </c>
    </row>
    <row r="57888" spans="1:10" x14ac:dyDescent="0.35">
      <c r="A57888" s="1" t="s">
        <v>29078</v>
      </c>
      <c r="B57888" s="1" t="s">
        <v>187129</v>
      </c>
      <c r="C57888" s="1" t="s">
        <v>30</v>
      </c>
      <c r="D57888" s="1" t="s">
        <v>153099</v>
      </c>
      <c r="E57888" s="1" t="s">
        <v>194703</v>
      </c>
      <c r="F57888" s="1" t="s">
        <v>194704</v>
      </c>
      <c r="G57888" s="1" t="s">
        <v>194690</v>
      </c>
      <c r="H57888" s="1" t="s">
        <v>194691</v>
      </c>
      <c r="I57888" s="1" t="s">
        <v>187135</v>
      </c>
      <c r="J57888" s="1" t="s">
        <v>194705</v>
      </c>
    </row>
    <row r="57889" spans="1:10" x14ac:dyDescent="0.35">
      <c r="A57889" s="1" t="s">
        <v>29078</v>
      </c>
      <c r="B57889" s="1" t="s">
        <v>187129</v>
      </c>
      <c r="C57889" s="1" t="s">
        <v>35</v>
      </c>
      <c r="D57889" s="1" t="s">
        <v>31879</v>
      </c>
      <c r="E57889" s="1" t="s">
        <v>194706</v>
      </c>
      <c r="F57889" s="1" t="s">
        <v>194707</v>
      </c>
      <c r="G57889" s="1" t="s">
        <v>194690</v>
      </c>
      <c r="H57889" s="1" t="s">
        <v>194691</v>
      </c>
      <c r="I57889" s="1" t="s">
        <v>187135</v>
      </c>
      <c r="J57889" s="1" t="s">
        <v>194708</v>
      </c>
    </row>
    <row r="57890" spans="1:10" x14ac:dyDescent="0.35">
      <c r="A57890" s="1" t="s">
        <v>29078</v>
      </c>
      <c r="B57890" s="1" t="s">
        <v>187129</v>
      </c>
      <c r="C57890" s="1" t="s">
        <v>40</v>
      </c>
      <c r="D57890" s="1" t="s">
        <v>194324</v>
      </c>
      <c r="E57890" s="1" t="s">
        <v>194709</v>
      </c>
      <c r="F57890" s="1" t="s">
        <v>194710</v>
      </c>
      <c r="G57890" s="1" t="s">
        <v>194690</v>
      </c>
      <c r="H57890" s="1" t="s">
        <v>194691</v>
      </c>
      <c r="I57890" s="1" t="s">
        <v>187135</v>
      </c>
      <c r="J57890" s="1" t="s">
        <v>194711</v>
      </c>
    </row>
    <row r="57891" spans="1:10" x14ac:dyDescent="0.35">
      <c r="A57891" s="1" t="s">
        <v>29078</v>
      </c>
      <c r="B57891" s="1" t="s">
        <v>187129</v>
      </c>
      <c r="C57891" s="1" t="s">
        <v>45</v>
      </c>
      <c r="D57891" s="1" t="s">
        <v>38420</v>
      </c>
      <c r="E57891" s="1" t="s">
        <v>194712</v>
      </c>
      <c r="F57891" s="1" t="s">
        <v>194713</v>
      </c>
      <c r="G57891" s="1" t="s">
        <v>194690</v>
      </c>
      <c r="H57891" s="1" t="s">
        <v>194691</v>
      </c>
      <c r="I57891" s="1" t="s">
        <v>187135</v>
      </c>
      <c r="J57891" s="1" t="s">
        <v>194714</v>
      </c>
    </row>
    <row r="57892" spans="1:10" x14ac:dyDescent="0.35">
      <c r="A57892" s="1" t="s">
        <v>29078</v>
      </c>
      <c r="B57892" s="1" t="s">
        <v>187129</v>
      </c>
      <c r="C57892" s="1" t="s">
        <v>50</v>
      </c>
      <c r="D57892" s="1" t="s">
        <v>123874</v>
      </c>
      <c r="E57892" s="1" t="s">
        <v>194715</v>
      </c>
      <c r="F57892" s="1" t="s">
        <v>194716</v>
      </c>
      <c r="G57892" s="1" t="s">
        <v>194690</v>
      </c>
      <c r="H57892" s="1" t="s">
        <v>194691</v>
      </c>
      <c r="I57892" s="1" t="s">
        <v>187135</v>
      </c>
      <c r="J57892" s="1" t="s">
        <v>194717</v>
      </c>
    </row>
    <row r="57893" spans="1:10" x14ac:dyDescent="0.35">
      <c r="A57893" s="1" t="s">
        <v>29078</v>
      </c>
      <c r="B57893" s="1" t="s">
        <v>187129</v>
      </c>
      <c r="C57893" s="1" t="s">
        <v>55</v>
      </c>
      <c r="D57893" s="1" t="s">
        <v>194718</v>
      </c>
      <c r="E57893" s="1" t="s">
        <v>194719</v>
      </c>
      <c r="F57893" s="1" t="s">
        <v>194720</v>
      </c>
      <c r="G57893" s="1" t="s">
        <v>194690</v>
      </c>
      <c r="H57893" s="1" t="s">
        <v>194691</v>
      </c>
      <c r="I57893" s="1" t="s">
        <v>187135</v>
      </c>
      <c r="J57893" s="1" t="s">
        <v>194721</v>
      </c>
    </row>
    <row r="57894" spans="1:10" x14ac:dyDescent="0.35">
      <c r="A57894" s="1" t="s">
        <v>29078</v>
      </c>
      <c r="B57894" s="1" t="s">
        <v>187129</v>
      </c>
      <c r="C57894" s="1" t="s">
        <v>60</v>
      </c>
      <c r="D57894" s="1" t="s">
        <v>194722</v>
      </c>
      <c r="E57894" s="1" t="s">
        <v>194723</v>
      </c>
      <c r="F57894" s="1" t="s">
        <v>194724</v>
      </c>
      <c r="G57894" s="1" t="s">
        <v>194690</v>
      </c>
      <c r="H57894" s="1" t="s">
        <v>194691</v>
      </c>
      <c r="I57894" s="1" t="s">
        <v>187135</v>
      </c>
      <c r="J57894" s="1" t="s">
        <v>194725</v>
      </c>
    </row>
    <row r="57895" spans="1:10" x14ac:dyDescent="0.35">
      <c r="A57895" s="1" t="s">
        <v>29078</v>
      </c>
      <c r="B57895" s="1" t="s">
        <v>187129</v>
      </c>
      <c r="C57895" s="1" t="s">
        <v>65</v>
      </c>
      <c r="D57895" s="1" t="s">
        <v>121032</v>
      </c>
      <c r="E57895" s="1" t="s">
        <v>194726</v>
      </c>
      <c r="F57895" s="1" t="s">
        <v>194727</v>
      </c>
      <c r="G57895" s="1" t="s">
        <v>194690</v>
      </c>
      <c r="H57895" s="1" t="s">
        <v>194691</v>
      </c>
      <c r="I57895" s="1" t="s">
        <v>187135</v>
      </c>
      <c r="J57895" s="1" t="s">
        <v>194728</v>
      </c>
    </row>
    <row r="57896" spans="1:10" x14ac:dyDescent="0.35">
      <c r="A57896" s="1" t="s">
        <v>29078</v>
      </c>
      <c r="B57896" s="1" t="s">
        <v>187129</v>
      </c>
      <c r="C57896" s="1" t="s">
        <v>70</v>
      </c>
      <c r="D57896" s="1" t="s">
        <v>194729</v>
      </c>
      <c r="E57896" s="1" t="s">
        <v>194730</v>
      </c>
      <c r="F57896" s="1" t="s">
        <v>194731</v>
      </c>
      <c r="G57896" s="1" t="s">
        <v>194690</v>
      </c>
      <c r="H57896" s="1" t="s">
        <v>194691</v>
      </c>
      <c r="I57896" s="1" t="s">
        <v>187135</v>
      </c>
      <c r="J57896" s="1" t="s">
        <v>194732</v>
      </c>
    </row>
    <row r="57897" spans="1:10" x14ac:dyDescent="0.35">
      <c r="A57897" s="1" t="s">
        <v>29078</v>
      </c>
      <c r="B57897" s="1" t="s">
        <v>187129</v>
      </c>
      <c r="C57897" s="1" t="s">
        <v>75</v>
      </c>
      <c r="D57897" s="1" t="s">
        <v>88421</v>
      </c>
      <c r="E57897" s="1" t="s">
        <v>194733</v>
      </c>
      <c r="F57897" s="1" t="s">
        <v>194734</v>
      </c>
      <c r="G57897" s="1" t="s">
        <v>194690</v>
      </c>
      <c r="H57897" s="1" t="s">
        <v>194691</v>
      </c>
      <c r="I57897" s="1" t="s">
        <v>187135</v>
      </c>
      <c r="J57897" s="1" t="s">
        <v>194735</v>
      </c>
    </row>
    <row r="57898" spans="1:10" x14ac:dyDescent="0.35">
      <c r="A57898" s="1" t="s">
        <v>29078</v>
      </c>
      <c r="B57898" s="1" t="s">
        <v>187129</v>
      </c>
      <c r="C57898" s="1" t="s">
        <v>80</v>
      </c>
      <c r="D57898" s="1" t="s">
        <v>133514</v>
      </c>
      <c r="E57898" s="1" t="s">
        <v>194736</v>
      </c>
      <c r="F57898" s="1" t="s">
        <v>194737</v>
      </c>
      <c r="G57898" s="1" t="s">
        <v>194690</v>
      </c>
      <c r="H57898" s="1" t="s">
        <v>194691</v>
      </c>
      <c r="I57898" s="1" t="s">
        <v>187135</v>
      </c>
      <c r="J57898" s="1" t="s">
        <v>194738</v>
      </c>
    </row>
    <row r="57899" spans="1:10" x14ac:dyDescent="0.35">
      <c r="A57899" s="1" t="s">
        <v>29078</v>
      </c>
      <c r="B57899" s="1" t="s">
        <v>187129</v>
      </c>
      <c r="C57899" s="1" t="s">
        <v>85</v>
      </c>
      <c r="D57899" s="1" t="s">
        <v>194739</v>
      </c>
      <c r="E57899" s="1" t="s">
        <v>194740</v>
      </c>
      <c r="F57899" s="1" t="s">
        <v>194741</v>
      </c>
      <c r="G57899" s="1" t="s">
        <v>194690</v>
      </c>
      <c r="H57899" s="1" t="s">
        <v>194691</v>
      </c>
      <c r="I57899" s="1" t="s">
        <v>187135</v>
      </c>
      <c r="J57899" s="1" t="s">
        <v>194742</v>
      </c>
    </row>
    <row r="57900" spans="1:10" x14ac:dyDescent="0.35">
      <c r="A57900" s="1" t="s">
        <v>29078</v>
      </c>
      <c r="B57900" s="1" t="s">
        <v>187129</v>
      </c>
      <c r="C57900" s="1" t="s">
        <v>90</v>
      </c>
      <c r="D57900" s="1" t="s">
        <v>194743</v>
      </c>
      <c r="E57900" s="1" t="s">
        <v>194744</v>
      </c>
      <c r="F57900" s="1" t="s">
        <v>194745</v>
      </c>
      <c r="G57900" s="1" t="s">
        <v>194690</v>
      </c>
      <c r="H57900" s="1" t="s">
        <v>194691</v>
      </c>
      <c r="I57900" s="1" t="s">
        <v>187135</v>
      </c>
      <c r="J57900" s="1" t="s">
        <v>194746</v>
      </c>
    </row>
    <row r="57901" spans="1:10" x14ac:dyDescent="0.35">
      <c r="A57901" s="1" t="s">
        <v>29078</v>
      </c>
      <c r="B57901" s="1" t="s">
        <v>187129</v>
      </c>
      <c r="C57901" s="1" t="s">
        <v>95</v>
      </c>
      <c r="D57901" s="1" t="s">
        <v>166076</v>
      </c>
      <c r="E57901" s="1" t="s">
        <v>194747</v>
      </c>
      <c r="F57901" s="1" t="s">
        <v>194748</v>
      </c>
      <c r="G57901" s="1" t="s">
        <v>194690</v>
      </c>
      <c r="H57901" s="1" t="s">
        <v>194691</v>
      </c>
      <c r="I57901" s="1" t="s">
        <v>187135</v>
      </c>
      <c r="J57901" s="1" t="s">
        <v>194749</v>
      </c>
    </row>
    <row r="57902" spans="1:10" x14ac:dyDescent="0.35">
      <c r="A57902" s="1" t="s">
        <v>29078</v>
      </c>
      <c r="B57902" s="1" t="s">
        <v>187129</v>
      </c>
      <c r="C57902" s="1" t="s">
        <v>100</v>
      </c>
      <c r="D57902" s="1" t="s">
        <v>63992</v>
      </c>
      <c r="E57902" s="1" t="s">
        <v>194750</v>
      </c>
      <c r="F57902" s="1" t="s">
        <v>194751</v>
      </c>
      <c r="G57902" s="1" t="s">
        <v>194690</v>
      </c>
      <c r="H57902" s="1" t="s">
        <v>194691</v>
      </c>
      <c r="I57902" s="1" t="s">
        <v>187135</v>
      </c>
      <c r="J57902" s="1" t="s">
        <v>194752</v>
      </c>
    </row>
    <row r="57903" spans="1:10" x14ac:dyDescent="0.35">
      <c r="A57903" s="1" t="s">
        <v>29078</v>
      </c>
      <c r="B57903" s="1" t="s">
        <v>187129</v>
      </c>
      <c r="C57903" s="1" t="s">
        <v>105</v>
      </c>
      <c r="D57903" s="1" t="s">
        <v>194753</v>
      </c>
      <c r="E57903" s="1" t="s">
        <v>194754</v>
      </c>
      <c r="F57903" s="1" t="s">
        <v>194755</v>
      </c>
      <c r="G57903" s="1" t="s">
        <v>194690</v>
      </c>
      <c r="H57903" s="1" t="s">
        <v>194691</v>
      </c>
      <c r="I57903" s="1" t="s">
        <v>187135</v>
      </c>
      <c r="J57903" s="1" t="s">
        <v>194756</v>
      </c>
    </row>
    <row r="57904" spans="1:10" x14ac:dyDescent="0.35">
      <c r="A57904" s="1" t="s">
        <v>29078</v>
      </c>
      <c r="B57904" s="1" t="s">
        <v>187129</v>
      </c>
      <c r="C57904" s="1" t="s">
        <v>110</v>
      </c>
      <c r="D57904" s="1" t="s">
        <v>78048</v>
      </c>
      <c r="E57904" s="1" t="s">
        <v>194757</v>
      </c>
      <c r="F57904" s="1" t="s">
        <v>194758</v>
      </c>
      <c r="G57904" s="1" t="s">
        <v>194690</v>
      </c>
      <c r="H57904" s="1" t="s">
        <v>194691</v>
      </c>
      <c r="I57904" s="1" t="s">
        <v>187135</v>
      </c>
      <c r="J57904" s="1" t="s">
        <v>194759</v>
      </c>
    </row>
    <row r="57905" spans="1:10" x14ac:dyDescent="0.35">
      <c r="A57905" s="1" t="s">
        <v>29078</v>
      </c>
      <c r="B57905" s="1" t="s">
        <v>187129</v>
      </c>
      <c r="C57905" s="1" t="s">
        <v>115</v>
      </c>
      <c r="D57905" s="1" t="s">
        <v>103008</v>
      </c>
      <c r="E57905" s="1" t="s">
        <v>194760</v>
      </c>
      <c r="F57905" s="1" t="s">
        <v>194761</v>
      </c>
      <c r="G57905" s="1" t="s">
        <v>194690</v>
      </c>
      <c r="H57905" s="1" t="s">
        <v>194691</v>
      </c>
      <c r="I57905" s="1" t="s">
        <v>187135</v>
      </c>
      <c r="J57905" s="1" t="s">
        <v>194762</v>
      </c>
    </row>
    <row r="57906" spans="1:10" x14ac:dyDescent="0.35">
      <c r="A57906" s="1" t="s">
        <v>29078</v>
      </c>
      <c r="B57906" s="1" t="s">
        <v>187129</v>
      </c>
      <c r="C57906" s="1" t="s">
        <v>120</v>
      </c>
      <c r="D57906" s="1" t="s">
        <v>194763</v>
      </c>
      <c r="E57906" s="1" t="s">
        <v>194764</v>
      </c>
      <c r="F57906" s="1" t="s">
        <v>194765</v>
      </c>
      <c r="G57906" s="1" t="s">
        <v>194690</v>
      </c>
      <c r="H57906" s="1" t="s">
        <v>194691</v>
      </c>
      <c r="I57906" s="1" t="s">
        <v>187135</v>
      </c>
      <c r="J57906" s="1" t="s">
        <v>194766</v>
      </c>
    </row>
    <row r="57907" spans="1:10" x14ac:dyDescent="0.35">
      <c r="A57907" s="1" t="s">
        <v>29078</v>
      </c>
      <c r="B57907" s="1" t="s">
        <v>187129</v>
      </c>
      <c r="C57907" s="1" t="s">
        <v>125</v>
      </c>
      <c r="D57907" s="1" t="s">
        <v>59758</v>
      </c>
      <c r="E57907" s="1" t="s">
        <v>194767</v>
      </c>
      <c r="F57907" s="1" t="s">
        <v>194768</v>
      </c>
      <c r="G57907" s="1" t="s">
        <v>194690</v>
      </c>
      <c r="H57907" s="1" t="s">
        <v>194691</v>
      </c>
      <c r="I57907" s="1" t="s">
        <v>187135</v>
      </c>
      <c r="J57907" s="1" t="s">
        <v>194769</v>
      </c>
    </row>
    <row r="57908" spans="1:10" x14ac:dyDescent="0.35">
      <c r="A57908" s="1" t="s">
        <v>29078</v>
      </c>
      <c r="B57908" s="1" t="s">
        <v>187129</v>
      </c>
      <c r="C57908" s="1" t="s">
        <v>130</v>
      </c>
      <c r="D57908" s="1" t="s">
        <v>24051</v>
      </c>
      <c r="E57908" s="1" t="s">
        <v>194770</v>
      </c>
      <c r="F57908" s="1" t="s">
        <v>194771</v>
      </c>
      <c r="G57908" s="1" t="s">
        <v>194690</v>
      </c>
      <c r="H57908" s="1" t="s">
        <v>194691</v>
      </c>
      <c r="I57908" s="1" t="s">
        <v>187135</v>
      </c>
      <c r="J57908" s="1" t="s">
        <v>194772</v>
      </c>
    </row>
    <row r="57909" spans="1:10" x14ac:dyDescent="0.35">
      <c r="A57909" s="1" t="s">
        <v>29078</v>
      </c>
      <c r="B57909" s="1" t="s">
        <v>187129</v>
      </c>
      <c r="C57909" s="1" t="s">
        <v>135</v>
      </c>
      <c r="D57909" s="1" t="s">
        <v>136355</v>
      </c>
      <c r="E57909" s="1" t="s">
        <v>194773</v>
      </c>
      <c r="F57909" s="1" t="s">
        <v>194774</v>
      </c>
      <c r="G57909" s="1" t="s">
        <v>194690</v>
      </c>
      <c r="H57909" s="1" t="s">
        <v>194691</v>
      </c>
      <c r="I57909" s="1" t="s">
        <v>187135</v>
      </c>
      <c r="J57909" s="1" t="s">
        <v>194775</v>
      </c>
    </row>
    <row r="57910" spans="1:10" x14ac:dyDescent="0.35">
      <c r="A57910" s="1" t="s">
        <v>29078</v>
      </c>
      <c r="B57910" s="1" t="s">
        <v>187129</v>
      </c>
      <c r="C57910" s="1" t="s">
        <v>140</v>
      </c>
      <c r="D57910" s="1" t="s">
        <v>194776</v>
      </c>
      <c r="E57910" s="1" t="s">
        <v>194777</v>
      </c>
      <c r="F57910" s="1" t="s">
        <v>194778</v>
      </c>
      <c r="G57910" s="1" t="s">
        <v>194690</v>
      </c>
      <c r="H57910" s="1" t="s">
        <v>194691</v>
      </c>
      <c r="I57910" s="1" t="s">
        <v>187135</v>
      </c>
      <c r="J57910" s="1" t="s">
        <v>194779</v>
      </c>
    </row>
    <row r="57911" spans="1:10" x14ac:dyDescent="0.35">
      <c r="A57911" s="1" t="s">
        <v>29078</v>
      </c>
      <c r="B57911" s="1" t="s">
        <v>187129</v>
      </c>
      <c r="C57911" s="1" t="s">
        <v>145</v>
      </c>
      <c r="D57911" s="1" t="s">
        <v>194780</v>
      </c>
      <c r="E57911" s="1" t="s">
        <v>194781</v>
      </c>
      <c r="F57911" s="1" t="s">
        <v>194782</v>
      </c>
      <c r="G57911" s="1" t="s">
        <v>194690</v>
      </c>
      <c r="H57911" s="1" t="s">
        <v>194691</v>
      </c>
      <c r="I57911" s="1" t="s">
        <v>187135</v>
      </c>
      <c r="J57911" s="1" t="s">
        <v>194783</v>
      </c>
    </row>
    <row r="57912" spans="1:10" x14ac:dyDescent="0.35">
      <c r="A57912" s="1" t="s">
        <v>29078</v>
      </c>
      <c r="B57912" s="1" t="s">
        <v>187129</v>
      </c>
      <c r="C57912" s="1" t="s">
        <v>150</v>
      </c>
      <c r="D57912" s="1" t="s">
        <v>136144</v>
      </c>
      <c r="E57912" s="1" t="s">
        <v>194784</v>
      </c>
      <c r="F57912" s="1" t="s">
        <v>194785</v>
      </c>
      <c r="G57912" s="1" t="s">
        <v>194690</v>
      </c>
      <c r="H57912" s="1" t="s">
        <v>194691</v>
      </c>
      <c r="I57912" s="1" t="s">
        <v>187135</v>
      </c>
      <c r="J57912" s="1" t="s">
        <v>194786</v>
      </c>
    </row>
    <row r="57913" spans="1:10" x14ac:dyDescent="0.35">
      <c r="A57913" s="1" t="s">
        <v>29078</v>
      </c>
      <c r="B57913" s="1" t="s">
        <v>187129</v>
      </c>
      <c r="C57913" s="1" t="s">
        <v>155</v>
      </c>
      <c r="D57913" s="1" t="s">
        <v>194787</v>
      </c>
      <c r="E57913" s="1" t="s">
        <v>194788</v>
      </c>
      <c r="F57913" s="1" t="s">
        <v>194789</v>
      </c>
      <c r="G57913" s="1" t="s">
        <v>194690</v>
      </c>
      <c r="H57913" s="1" t="s">
        <v>194691</v>
      </c>
      <c r="I57913" s="1" t="s">
        <v>187135</v>
      </c>
      <c r="J57913" s="1" t="s">
        <v>194790</v>
      </c>
    </row>
    <row r="57914" spans="1:10" x14ac:dyDescent="0.35">
      <c r="A57914" s="1" t="s">
        <v>29078</v>
      </c>
      <c r="B57914" s="1" t="s">
        <v>187129</v>
      </c>
      <c r="C57914" s="1" t="s">
        <v>160</v>
      </c>
      <c r="D57914" s="1" t="s">
        <v>114386</v>
      </c>
      <c r="E57914" s="1" t="s">
        <v>194791</v>
      </c>
      <c r="F57914" s="1" t="s">
        <v>194792</v>
      </c>
      <c r="G57914" s="1" t="s">
        <v>194690</v>
      </c>
      <c r="H57914" s="1" t="s">
        <v>194691</v>
      </c>
      <c r="I57914" s="1" t="s">
        <v>187135</v>
      </c>
      <c r="J57914" s="1" t="s">
        <v>194793</v>
      </c>
    </row>
    <row r="57915" spans="1:10" x14ac:dyDescent="0.35">
      <c r="A57915" s="1" t="s">
        <v>29078</v>
      </c>
      <c r="B57915" s="1" t="s">
        <v>187129</v>
      </c>
      <c r="C57915" s="1" t="s">
        <v>165</v>
      </c>
      <c r="D57915" s="1" t="s">
        <v>84600</v>
      </c>
      <c r="E57915" s="1" t="s">
        <v>194794</v>
      </c>
      <c r="F57915" s="1" t="s">
        <v>194795</v>
      </c>
      <c r="G57915" s="1" t="s">
        <v>194690</v>
      </c>
      <c r="H57915" s="1" t="s">
        <v>194691</v>
      </c>
      <c r="I57915" s="1" t="s">
        <v>187135</v>
      </c>
      <c r="J57915" s="1" t="s">
        <v>194796</v>
      </c>
    </row>
    <row r="57916" spans="1:10" x14ac:dyDescent="0.35">
      <c r="A57916" s="1" t="s">
        <v>29078</v>
      </c>
      <c r="B57916" s="1" t="s">
        <v>187129</v>
      </c>
      <c r="C57916" s="1" t="s">
        <v>170</v>
      </c>
      <c r="D57916" s="1" t="s">
        <v>194797</v>
      </c>
      <c r="E57916" s="1" t="s">
        <v>194798</v>
      </c>
      <c r="F57916" s="1" t="s">
        <v>194799</v>
      </c>
      <c r="G57916" s="1" t="s">
        <v>194690</v>
      </c>
      <c r="H57916" s="1" t="s">
        <v>194691</v>
      </c>
      <c r="I57916" s="1" t="s">
        <v>187135</v>
      </c>
      <c r="J57916" s="1" t="s">
        <v>194800</v>
      </c>
    </row>
    <row r="57917" spans="1:10" x14ac:dyDescent="0.35">
      <c r="A57917" s="1" t="s">
        <v>28181</v>
      </c>
      <c r="B57917" s="1" t="s">
        <v>187129</v>
      </c>
      <c r="C57917" s="1" t="s">
        <v>8</v>
      </c>
      <c r="D57917" s="1" t="s">
        <v>114054</v>
      </c>
      <c r="E57917" s="1" t="s">
        <v>194801</v>
      </c>
      <c r="F57917" s="1" t="s">
        <v>194802</v>
      </c>
      <c r="G57917" s="1" t="s">
        <v>194803</v>
      </c>
      <c r="H57917" s="1" t="s">
        <v>194804</v>
      </c>
      <c r="I57917" s="1" t="s">
        <v>187135</v>
      </c>
      <c r="J57917" s="1" t="s">
        <v>13</v>
      </c>
    </row>
    <row r="57918" spans="1:10" x14ac:dyDescent="0.35">
      <c r="A57918" s="1" t="s">
        <v>28181</v>
      </c>
      <c r="B57918" s="1" t="s">
        <v>187129</v>
      </c>
      <c r="C57918" s="1" t="s">
        <v>15</v>
      </c>
      <c r="D57918" s="1" t="s">
        <v>178784</v>
      </c>
      <c r="E57918" s="1" t="s">
        <v>194805</v>
      </c>
      <c r="F57918" s="1" t="s">
        <v>194806</v>
      </c>
      <c r="G57918" s="1" t="s">
        <v>194803</v>
      </c>
      <c r="H57918" s="1" t="s">
        <v>194804</v>
      </c>
      <c r="I57918" s="1" t="s">
        <v>187135</v>
      </c>
      <c r="J57918" s="1" t="s">
        <v>194807</v>
      </c>
    </row>
    <row r="57919" spans="1:10" x14ac:dyDescent="0.35">
      <c r="A57919" s="1" t="s">
        <v>28181</v>
      </c>
      <c r="B57919" s="1" t="s">
        <v>187129</v>
      </c>
      <c r="C57919" s="1" t="s">
        <v>20</v>
      </c>
      <c r="D57919" s="1" t="s">
        <v>18494</v>
      </c>
      <c r="E57919" s="1" t="s">
        <v>194808</v>
      </c>
      <c r="F57919" s="1" t="s">
        <v>194809</v>
      </c>
      <c r="G57919" s="1" t="s">
        <v>194803</v>
      </c>
      <c r="H57919" s="1" t="s">
        <v>194804</v>
      </c>
      <c r="I57919" s="1" t="s">
        <v>187135</v>
      </c>
      <c r="J57919" s="1" t="s">
        <v>194810</v>
      </c>
    </row>
    <row r="57920" spans="1:10" x14ac:dyDescent="0.35">
      <c r="A57920" s="1" t="s">
        <v>28181</v>
      </c>
      <c r="B57920" s="1" t="s">
        <v>187129</v>
      </c>
      <c r="C57920" s="1" t="s">
        <v>25</v>
      </c>
      <c r="D57920" s="1" t="s">
        <v>49740</v>
      </c>
      <c r="E57920" s="1" t="s">
        <v>194811</v>
      </c>
      <c r="F57920" s="1" t="s">
        <v>194812</v>
      </c>
      <c r="G57920" s="1" t="s">
        <v>194803</v>
      </c>
      <c r="H57920" s="1" t="s">
        <v>194804</v>
      </c>
      <c r="I57920" s="1" t="s">
        <v>187135</v>
      </c>
      <c r="J57920" s="1" t="s">
        <v>194813</v>
      </c>
    </row>
    <row r="57921" spans="1:10" x14ac:dyDescent="0.35">
      <c r="A57921" s="1" t="s">
        <v>28181</v>
      </c>
      <c r="B57921" s="1" t="s">
        <v>187129</v>
      </c>
      <c r="C57921" s="1" t="s">
        <v>30</v>
      </c>
      <c r="D57921" s="1" t="s">
        <v>32560</v>
      </c>
      <c r="E57921" s="1" t="s">
        <v>194814</v>
      </c>
      <c r="F57921" s="1" t="s">
        <v>194815</v>
      </c>
      <c r="G57921" s="1" t="s">
        <v>194803</v>
      </c>
      <c r="H57921" s="1" t="s">
        <v>194804</v>
      </c>
      <c r="I57921" s="1" t="s">
        <v>187135</v>
      </c>
      <c r="J57921" s="1" t="s">
        <v>194816</v>
      </c>
    </row>
    <row r="57922" spans="1:10" x14ac:dyDescent="0.35">
      <c r="A57922" s="1" t="s">
        <v>28181</v>
      </c>
      <c r="B57922" s="1" t="s">
        <v>187129</v>
      </c>
      <c r="C57922" s="1" t="s">
        <v>35</v>
      </c>
      <c r="D57922" s="1" t="s">
        <v>125281</v>
      </c>
      <c r="E57922" s="1" t="s">
        <v>194817</v>
      </c>
      <c r="F57922" s="1" t="s">
        <v>194818</v>
      </c>
      <c r="G57922" s="1" t="s">
        <v>194803</v>
      </c>
      <c r="H57922" s="1" t="s">
        <v>194804</v>
      </c>
      <c r="I57922" s="1" t="s">
        <v>187135</v>
      </c>
      <c r="J57922" s="1" t="s">
        <v>194819</v>
      </c>
    </row>
    <row r="57923" spans="1:10" x14ac:dyDescent="0.35">
      <c r="A57923" s="1" t="s">
        <v>28181</v>
      </c>
      <c r="B57923" s="1" t="s">
        <v>187129</v>
      </c>
      <c r="C57923" s="1" t="s">
        <v>40</v>
      </c>
      <c r="D57923" s="1" t="s">
        <v>34173</v>
      </c>
      <c r="E57923" s="1" t="s">
        <v>194820</v>
      </c>
      <c r="F57923" s="1" t="s">
        <v>194821</v>
      </c>
      <c r="G57923" s="1" t="s">
        <v>194803</v>
      </c>
      <c r="H57923" s="1" t="s">
        <v>194804</v>
      </c>
      <c r="I57923" s="1" t="s">
        <v>187135</v>
      </c>
      <c r="J57923" s="1" t="s">
        <v>194822</v>
      </c>
    </row>
    <row r="57924" spans="1:10" x14ac:dyDescent="0.35">
      <c r="A57924" s="1" t="s">
        <v>28181</v>
      </c>
      <c r="B57924" s="1" t="s">
        <v>187129</v>
      </c>
      <c r="C57924" s="1" t="s">
        <v>45</v>
      </c>
      <c r="D57924" s="1" t="s">
        <v>35825</v>
      </c>
      <c r="E57924" s="1" t="s">
        <v>194823</v>
      </c>
      <c r="F57924" s="1" t="s">
        <v>194824</v>
      </c>
      <c r="G57924" s="1" t="s">
        <v>194803</v>
      </c>
      <c r="H57924" s="1" t="s">
        <v>194804</v>
      </c>
      <c r="I57924" s="1" t="s">
        <v>187135</v>
      </c>
      <c r="J57924" s="1" t="s">
        <v>194825</v>
      </c>
    </row>
    <row r="57925" spans="1:10" x14ac:dyDescent="0.35">
      <c r="A57925" s="1" t="s">
        <v>28181</v>
      </c>
      <c r="B57925" s="1" t="s">
        <v>187129</v>
      </c>
      <c r="C57925" s="1" t="s">
        <v>50</v>
      </c>
      <c r="D57925" s="1" t="s">
        <v>51584</v>
      </c>
      <c r="E57925" s="1" t="s">
        <v>194826</v>
      </c>
      <c r="F57925" s="1" t="s">
        <v>194827</v>
      </c>
      <c r="G57925" s="1" t="s">
        <v>194803</v>
      </c>
      <c r="H57925" s="1" t="s">
        <v>194804</v>
      </c>
      <c r="I57925" s="1" t="s">
        <v>187135</v>
      </c>
      <c r="J57925" s="1" t="s">
        <v>194828</v>
      </c>
    </row>
    <row r="57926" spans="1:10" x14ac:dyDescent="0.35">
      <c r="A57926" s="1" t="s">
        <v>28181</v>
      </c>
      <c r="B57926" s="1" t="s">
        <v>187129</v>
      </c>
      <c r="C57926" s="1" t="s">
        <v>55</v>
      </c>
      <c r="D57926" s="1" t="s">
        <v>148316</v>
      </c>
      <c r="E57926" s="1" t="s">
        <v>194829</v>
      </c>
      <c r="F57926" s="1" t="s">
        <v>194830</v>
      </c>
      <c r="G57926" s="1" t="s">
        <v>194803</v>
      </c>
      <c r="H57926" s="1" t="s">
        <v>194804</v>
      </c>
      <c r="I57926" s="1" t="s">
        <v>187135</v>
      </c>
      <c r="J57926" s="1" t="s">
        <v>194831</v>
      </c>
    </row>
    <row r="57927" spans="1:10" x14ac:dyDescent="0.35">
      <c r="A57927" s="1" t="s">
        <v>28181</v>
      </c>
      <c r="B57927" s="1" t="s">
        <v>187129</v>
      </c>
      <c r="C57927" s="1" t="s">
        <v>60</v>
      </c>
      <c r="D57927" s="1" t="s">
        <v>110139</v>
      </c>
      <c r="E57927" s="1" t="s">
        <v>194832</v>
      </c>
      <c r="F57927" s="1" t="s">
        <v>194833</v>
      </c>
      <c r="G57927" s="1" t="s">
        <v>194803</v>
      </c>
      <c r="H57927" s="1" t="s">
        <v>194804</v>
      </c>
      <c r="I57927" s="1" t="s">
        <v>187135</v>
      </c>
      <c r="J57927" s="1" t="s">
        <v>194834</v>
      </c>
    </row>
    <row r="57928" spans="1:10" x14ac:dyDescent="0.35">
      <c r="A57928" s="1" t="s">
        <v>28181</v>
      </c>
      <c r="B57928" s="1" t="s">
        <v>187129</v>
      </c>
      <c r="C57928" s="1" t="s">
        <v>65</v>
      </c>
      <c r="D57928" s="1" t="s">
        <v>194835</v>
      </c>
      <c r="E57928" s="1" t="s">
        <v>194836</v>
      </c>
      <c r="F57928" s="1" t="s">
        <v>194837</v>
      </c>
      <c r="G57928" s="1" t="s">
        <v>194803</v>
      </c>
      <c r="H57928" s="1" t="s">
        <v>194804</v>
      </c>
      <c r="I57928" s="1" t="s">
        <v>187135</v>
      </c>
      <c r="J57928" s="1" t="s">
        <v>194838</v>
      </c>
    </row>
    <row r="57929" spans="1:10" x14ac:dyDescent="0.35">
      <c r="A57929" s="1" t="s">
        <v>28181</v>
      </c>
      <c r="B57929" s="1" t="s">
        <v>187129</v>
      </c>
      <c r="C57929" s="1" t="s">
        <v>70</v>
      </c>
      <c r="D57929" s="1" t="s">
        <v>194839</v>
      </c>
      <c r="E57929" s="1" t="s">
        <v>194840</v>
      </c>
      <c r="F57929" s="1" t="s">
        <v>194841</v>
      </c>
      <c r="G57929" s="1" t="s">
        <v>194803</v>
      </c>
      <c r="H57929" s="1" t="s">
        <v>194804</v>
      </c>
      <c r="I57929" s="1" t="s">
        <v>187135</v>
      </c>
      <c r="J57929" s="1" t="s">
        <v>194842</v>
      </c>
    </row>
    <row r="57930" spans="1:10" x14ac:dyDescent="0.35">
      <c r="A57930" s="1" t="s">
        <v>28181</v>
      </c>
      <c r="B57930" s="1" t="s">
        <v>187129</v>
      </c>
      <c r="C57930" s="1" t="s">
        <v>75</v>
      </c>
      <c r="D57930" s="1" t="s">
        <v>194843</v>
      </c>
      <c r="E57930" s="1" t="s">
        <v>194844</v>
      </c>
      <c r="F57930" s="1" t="s">
        <v>194845</v>
      </c>
      <c r="G57930" s="1" t="s">
        <v>194803</v>
      </c>
      <c r="H57930" s="1" t="s">
        <v>194804</v>
      </c>
      <c r="I57930" s="1" t="s">
        <v>187135</v>
      </c>
      <c r="J57930" s="1" t="s">
        <v>194846</v>
      </c>
    </row>
    <row r="57931" spans="1:10" x14ac:dyDescent="0.35">
      <c r="A57931" s="1" t="s">
        <v>28181</v>
      </c>
      <c r="B57931" s="1" t="s">
        <v>187129</v>
      </c>
      <c r="C57931" s="1" t="s">
        <v>80</v>
      </c>
      <c r="D57931" s="1" t="s">
        <v>194847</v>
      </c>
      <c r="E57931" s="1" t="s">
        <v>194848</v>
      </c>
      <c r="F57931" s="1" t="s">
        <v>194849</v>
      </c>
      <c r="G57931" s="1" t="s">
        <v>194803</v>
      </c>
      <c r="H57931" s="1" t="s">
        <v>194804</v>
      </c>
      <c r="I57931" s="1" t="s">
        <v>187135</v>
      </c>
      <c r="J57931" s="1" t="s">
        <v>194850</v>
      </c>
    </row>
    <row r="57932" spans="1:10" x14ac:dyDescent="0.35">
      <c r="A57932" s="1" t="s">
        <v>28181</v>
      </c>
      <c r="B57932" s="1" t="s">
        <v>187129</v>
      </c>
      <c r="C57932" s="1" t="s">
        <v>85</v>
      </c>
      <c r="D57932" s="1" t="s">
        <v>73245</v>
      </c>
      <c r="E57932" s="1" t="s">
        <v>194851</v>
      </c>
      <c r="F57932" s="1" t="s">
        <v>194852</v>
      </c>
      <c r="G57932" s="1" t="s">
        <v>194803</v>
      </c>
      <c r="H57932" s="1" t="s">
        <v>194804</v>
      </c>
      <c r="I57932" s="1" t="s">
        <v>187135</v>
      </c>
      <c r="J57932" s="1" t="s">
        <v>194853</v>
      </c>
    </row>
    <row r="57933" spans="1:10" x14ac:dyDescent="0.35">
      <c r="A57933" s="1" t="s">
        <v>28181</v>
      </c>
      <c r="B57933" s="1" t="s">
        <v>187129</v>
      </c>
      <c r="C57933" s="1" t="s">
        <v>90</v>
      </c>
      <c r="D57933" s="1" t="s">
        <v>73379</v>
      </c>
      <c r="E57933" s="1" t="s">
        <v>194854</v>
      </c>
      <c r="F57933" s="1" t="s">
        <v>194855</v>
      </c>
      <c r="G57933" s="1" t="s">
        <v>194803</v>
      </c>
      <c r="H57933" s="1" t="s">
        <v>194804</v>
      </c>
      <c r="I57933" s="1" t="s">
        <v>187135</v>
      </c>
      <c r="J57933" s="1" t="s">
        <v>194856</v>
      </c>
    </row>
    <row r="57934" spans="1:10" x14ac:dyDescent="0.35">
      <c r="A57934" s="1" t="s">
        <v>28181</v>
      </c>
      <c r="B57934" s="1" t="s">
        <v>187129</v>
      </c>
      <c r="C57934" s="1" t="s">
        <v>95</v>
      </c>
      <c r="D57934" s="1" t="s">
        <v>194857</v>
      </c>
      <c r="E57934" s="1" t="s">
        <v>194858</v>
      </c>
      <c r="F57934" s="1" t="s">
        <v>194859</v>
      </c>
      <c r="G57934" s="1" t="s">
        <v>194803</v>
      </c>
      <c r="H57934" s="1" t="s">
        <v>194804</v>
      </c>
      <c r="I57934" s="1" t="s">
        <v>187135</v>
      </c>
      <c r="J57934" s="1" t="s">
        <v>194860</v>
      </c>
    </row>
    <row r="57935" spans="1:10" x14ac:dyDescent="0.35">
      <c r="A57935" s="1" t="s">
        <v>28181</v>
      </c>
      <c r="B57935" s="1" t="s">
        <v>187129</v>
      </c>
      <c r="C57935" s="1" t="s">
        <v>100</v>
      </c>
      <c r="D57935" s="1" t="s">
        <v>194861</v>
      </c>
      <c r="E57935" s="1" t="s">
        <v>194862</v>
      </c>
      <c r="F57935" s="1" t="s">
        <v>194863</v>
      </c>
      <c r="G57935" s="1" t="s">
        <v>194803</v>
      </c>
      <c r="H57935" s="1" t="s">
        <v>194804</v>
      </c>
      <c r="I57935" s="1" t="s">
        <v>187135</v>
      </c>
      <c r="J57935" s="1" t="s">
        <v>194864</v>
      </c>
    </row>
    <row r="57936" spans="1:10" x14ac:dyDescent="0.35">
      <c r="A57936" s="1" t="s">
        <v>28181</v>
      </c>
      <c r="B57936" s="1" t="s">
        <v>187129</v>
      </c>
      <c r="C57936" s="1" t="s">
        <v>105</v>
      </c>
      <c r="D57936" s="1" t="s">
        <v>194865</v>
      </c>
      <c r="E57936" s="1" t="s">
        <v>194866</v>
      </c>
      <c r="F57936" s="1" t="s">
        <v>194867</v>
      </c>
      <c r="G57936" s="1" t="s">
        <v>194803</v>
      </c>
      <c r="H57936" s="1" t="s">
        <v>194804</v>
      </c>
      <c r="I57936" s="1" t="s">
        <v>187135</v>
      </c>
      <c r="J57936" s="1" t="s">
        <v>194868</v>
      </c>
    </row>
    <row r="57937" spans="1:10" x14ac:dyDescent="0.35">
      <c r="A57937" s="1" t="s">
        <v>28181</v>
      </c>
      <c r="B57937" s="1" t="s">
        <v>187129</v>
      </c>
      <c r="C57937" s="1" t="s">
        <v>110</v>
      </c>
      <c r="D57937" s="1" t="s">
        <v>3873</v>
      </c>
      <c r="E57937" s="1" t="s">
        <v>194869</v>
      </c>
      <c r="F57937" s="1" t="s">
        <v>194870</v>
      </c>
      <c r="G57937" s="1" t="s">
        <v>194803</v>
      </c>
      <c r="H57937" s="1" t="s">
        <v>194804</v>
      </c>
      <c r="I57937" s="1" t="s">
        <v>187135</v>
      </c>
      <c r="J57937" s="1" t="s">
        <v>194871</v>
      </c>
    </row>
    <row r="57938" spans="1:10" x14ac:dyDescent="0.35">
      <c r="A57938" s="1" t="s">
        <v>28181</v>
      </c>
      <c r="B57938" s="1" t="s">
        <v>187129</v>
      </c>
      <c r="C57938" s="1" t="s">
        <v>115</v>
      </c>
      <c r="D57938" s="1" t="s">
        <v>194872</v>
      </c>
      <c r="E57938" s="1" t="s">
        <v>194873</v>
      </c>
      <c r="F57938" s="1" t="s">
        <v>194874</v>
      </c>
      <c r="G57938" s="1" t="s">
        <v>194803</v>
      </c>
      <c r="H57938" s="1" t="s">
        <v>194804</v>
      </c>
      <c r="I57938" s="1" t="s">
        <v>187135</v>
      </c>
      <c r="J57938" s="1" t="s">
        <v>194875</v>
      </c>
    </row>
    <row r="57939" spans="1:10" x14ac:dyDescent="0.35">
      <c r="A57939" s="1" t="s">
        <v>28181</v>
      </c>
      <c r="B57939" s="1" t="s">
        <v>187129</v>
      </c>
      <c r="C57939" s="1" t="s">
        <v>120</v>
      </c>
      <c r="D57939" s="1" t="s">
        <v>194876</v>
      </c>
      <c r="E57939" s="1" t="s">
        <v>194877</v>
      </c>
      <c r="F57939" s="1" t="s">
        <v>194878</v>
      </c>
      <c r="G57939" s="1" t="s">
        <v>194803</v>
      </c>
      <c r="H57939" s="1" t="s">
        <v>194804</v>
      </c>
      <c r="I57939" s="1" t="s">
        <v>187135</v>
      </c>
      <c r="J57939" s="1" t="s">
        <v>194879</v>
      </c>
    </row>
    <row r="57940" spans="1:10" x14ac:dyDescent="0.35">
      <c r="A57940" s="1" t="s">
        <v>28181</v>
      </c>
      <c r="B57940" s="1" t="s">
        <v>187129</v>
      </c>
      <c r="C57940" s="1" t="s">
        <v>125</v>
      </c>
      <c r="D57940" s="1" t="s">
        <v>114653</v>
      </c>
      <c r="E57940" s="1" t="s">
        <v>194880</v>
      </c>
      <c r="F57940" s="1" t="s">
        <v>194881</v>
      </c>
      <c r="G57940" s="1" t="s">
        <v>194803</v>
      </c>
      <c r="H57940" s="1" t="s">
        <v>194804</v>
      </c>
      <c r="I57940" s="1" t="s">
        <v>187135</v>
      </c>
      <c r="J57940" s="1" t="s">
        <v>194882</v>
      </c>
    </row>
    <row r="57941" spans="1:10" x14ac:dyDescent="0.35">
      <c r="A57941" s="1" t="s">
        <v>28181</v>
      </c>
      <c r="B57941" s="1" t="s">
        <v>187129</v>
      </c>
      <c r="C57941" s="1" t="s">
        <v>130</v>
      </c>
      <c r="D57941" s="1" t="s">
        <v>194883</v>
      </c>
      <c r="E57941" s="1" t="s">
        <v>194884</v>
      </c>
      <c r="F57941" s="1" t="s">
        <v>194885</v>
      </c>
      <c r="G57941" s="1" t="s">
        <v>194803</v>
      </c>
      <c r="H57941" s="1" t="s">
        <v>194804</v>
      </c>
      <c r="I57941" s="1" t="s">
        <v>187135</v>
      </c>
      <c r="J57941" s="1" t="s">
        <v>194886</v>
      </c>
    </row>
    <row r="57942" spans="1:10" x14ac:dyDescent="0.35">
      <c r="A57942" s="1" t="s">
        <v>28181</v>
      </c>
      <c r="B57942" s="1" t="s">
        <v>187129</v>
      </c>
      <c r="C57942" s="1" t="s">
        <v>135</v>
      </c>
      <c r="D57942" s="1" t="s">
        <v>77193</v>
      </c>
      <c r="E57942" s="1" t="s">
        <v>194887</v>
      </c>
      <c r="F57942" s="1" t="s">
        <v>194888</v>
      </c>
      <c r="G57942" s="1" t="s">
        <v>194803</v>
      </c>
      <c r="H57942" s="1" t="s">
        <v>194804</v>
      </c>
      <c r="I57942" s="1" t="s">
        <v>187135</v>
      </c>
      <c r="J57942" s="1" t="s">
        <v>194889</v>
      </c>
    </row>
    <row r="57943" spans="1:10" x14ac:dyDescent="0.35">
      <c r="A57943" s="1" t="s">
        <v>28181</v>
      </c>
      <c r="B57943" s="1" t="s">
        <v>187129</v>
      </c>
      <c r="C57943" s="1" t="s">
        <v>140</v>
      </c>
      <c r="D57943" s="1" t="s">
        <v>13707</v>
      </c>
      <c r="E57943" s="1" t="s">
        <v>194890</v>
      </c>
      <c r="F57943" s="1" t="s">
        <v>194891</v>
      </c>
      <c r="G57943" s="1" t="s">
        <v>194803</v>
      </c>
      <c r="H57943" s="1" t="s">
        <v>194804</v>
      </c>
      <c r="I57943" s="1" t="s">
        <v>187135</v>
      </c>
      <c r="J57943" s="1" t="s">
        <v>194892</v>
      </c>
    </row>
    <row r="57944" spans="1:10" x14ac:dyDescent="0.35">
      <c r="A57944" s="1" t="s">
        <v>28181</v>
      </c>
      <c r="B57944" s="1" t="s">
        <v>187129</v>
      </c>
      <c r="C57944" s="1" t="s">
        <v>145</v>
      </c>
      <c r="D57944" s="1" t="s">
        <v>76931</v>
      </c>
      <c r="E57944" s="1" t="s">
        <v>194893</v>
      </c>
      <c r="F57944" s="1" t="s">
        <v>194894</v>
      </c>
      <c r="G57944" s="1" t="s">
        <v>194803</v>
      </c>
      <c r="H57944" s="1" t="s">
        <v>194804</v>
      </c>
      <c r="I57944" s="1" t="s">
        <v>187135</v>
      </c>
      <c r="J57944" s="1" t="s">
        <v>194895</v>
      </c>
    </row>
    <row r="57945" spans="1:10" x14ac:dyDescent="0.35">
      <c r="A57945" s="1" t="s">
        <v>28181</v>
      </c>
      <c r="B57945" s="1" t="s">
        <v>187129</v>
      </c>
      <c r="C57945" s="1" t="s">
        <v>150</v>
      </c>
      <c r="D57945" s="1" t="s">
        <v>194896</v>
      </c>
      <c r="E57945" s="1" t="s">
        <v>194897</v>
      </c>
      <c r="F57945" s="1" t="s">
        <v>194898</v>
      </c>
      <c r="G57945" s="1" t="s">
        <v>194803</v>
      </c>
      <c r="H57945" s="1" t="s">
        <v>194804</v>
      </c>
      <c r="I57945" s="1" t="s">
        <v>187135</v>
      </c>
      <c r="J57945" s="1" t="s">
        <v>194899</v>
      </c>
    </row>
    <row r="57946" spans="1:10" x14ac:dyDescent="0.35">
      <c r="A57946" s="1" t="s">
        <v>28181</v>
      </c>
      <c r="B57946" s="1" t="s">
        <v>187129</v>
      </c>
      <c r="C57946" s="1" t="s">
        <v>155</v>
      </c>
      <c r="D57946" s="1" t="s">
        <v>194900</v>
      </c>
      <c r="E57946" s="1" t="s">
        <v>194901</v>
      </c>
      <c r="F57946" s="1" t="s">
        <v>194902</v>
      </c>
      <c r="G57946" s="1" t="s">
        <v>194803</v>
      </c>
      <c r="H57946" s="1" t="s">
        <v>194804</v>
      </c>
      <c r="I57946" s="1" t="s">
        <v>187135</v>
      </c>
      <c r="J57946" s="1" t="s">
        <v>194903</v>
      </c>
    </row>
    <row r="57947" spans="1:10" x14ac:dyDescent="0.35">
      <c r="A57947" s="1" t="s">
        <v>28181</v>
      </c>
      <c r="B57947" s="1" t="s">
        <v>187129</v>
      </c>
      <c r="C57947" s="1" t="s">
        <v>160</v>
      </c>
      <c r="D57947" s="1" t="s">
        <v>150517</v>
      </c>
      <c r="E57947" s="1" t="s">
        <v>194904</v>
      </c>
      <c r="F57947" s="1" t="s">
        <v>194905</v>
      </c>
      <c r="G57947" s="1" t="s">
        <v>194803</v>
      </c>
      <c r="H57947" s="1" t="s">
        <v>194804</v>
      </c>
      <c r="I57947" s="1" t="s">
        <v>187135</v>
      </c>
      <c r="J57947" s="1" t="s">
        <v>194906</v>
      </c>
    </row>
    <row r="57948" spans="1:10" x14ac:dyDescent="0.35">
      <c r="A57948" s="1" t="s">
        <v>28181</v>
      </c>
      <c r="B57948" s="1" t="s">
        <v>187129</v>
      </c>
      <c r="C57948" s="1" t="s">
        <v>165</v>
      </c>
      <c r="D57948" s="1" t="s">
        <v>183270</v>
      </c>
      <c r="E57948" s="1" t="s">
        <v>194907</v>
      </c>
      <c r="F57948" s="1" t="s">
        <v>194908</v>
      </c>
      <c r="G57948" s="1" t="s">
        <v>194803</v>
      </c>
      <c r="H57948" s="1" t="s">
        <v>194804</v>
      </c>
      <c r="I57948" s="1" t="s">
        <v>187135</v>
      </c>
      <c r="J57948" s="1" t="s">
        <v>194909</v>
      </c>
    </row>
    <row r="57949" spans="1:10" x14ac:dyDescent="0.35">
      <c r="A57949" s="1" t="s">
        <v>28181</v>
      </c>
      <c r="B57949" s="1" t="s">
        <v>187129</v>
      </c>
      <c r="C57949" s="1" t="s">
        <v>170</v>
      </c>
      <c r="D57949" s="1" t="s">
        <v>185651</v>
      </c>
      <c r="E57949" s="1" t="s">
        <v>194910</v>
      </c>
      <c r="F57949" s="1" t="s">
        <v>194911</v>
      </c>
      <c r="G57949" s="1" t="s">
        <v>194803</v>
      </c>
      <c r="H57949" s="1" t="s">
        <v>194804</v>
      </c>
      <c r="I57949" s="1" t="s">
        <v>187135</v>
      </c>
      <c r="J57949" s="1" t="s">
        <v>194912</v>
      </c>
    </row>
    <row r="57950" spans="1:10" x14ac:dyDescent="0.35">
      <c r="A57950" s="1" t="s">
        <v>14157</v>
      </c>
      <c r="B57950" s="1" t="s">
        <v>187129</v>
      </c>
      <c r="C57950" s="1" t="s">
        <v>8</v>
      </c>
      <c r="D57950" s="1" t="s">
        <v>126048</v>
      </c>
      <c r="E57950" s="1" t="s">
        <v>194913</v>
      </c>
      <c r="F57950" s="1" t="s">
        <v>194914</v>
      </c>
      <c r="G57950" s="1" t="s">
        <v>194915</v>
      </c>
      <c r="H57950" s="1" t="s">
        <v>194916</v>
      </c>
      <c r="I57950" s="1" t="s">
        <v>187135</v>
      </c>
      <c r="J57950" s="1" t="s">
        <v>13</v>
      </c>
    </row>
    <row r="57951" spans="1:10" x14ac:dyDescent="0.35">
      <c r="A57951" s="1" t="s">
        <v>14157</v>
      </c>
      <c r="B57951" s="1" t="s">
        <v>187129</v>
      </c>
      <c r="C57951" s="1" t="s">
        <v>15</v>
      </c>
      <c r="D57951" s="1" t="s">
        <v>48610</v>
      </c>
      <c r="E57951" s="1" t="s">
        <v>194917</v>
      </c>
      <c r="F57951" s="1" t="s">
        <v>194918</v>
      </c>
      <c r="G57951" s="1" t="s">
        <v>194915</v>
      </c>
      <c r="H57951" s="1" t="s">
        <v>194916</v>
      </c>
      <c r="I57951" s="1" t="s">
        <v>187135</v>
      </c>
      <c r="J57951" s="1" t="s">
        <v>194919</v>
      </c>
    </row>
    <row r="57952" spans="1:10" x14ac:dyDescent="0.35">
      <c r="A57952" s="1" t="s">
        <v>14157</v>
      </c>
      <c r="B57952" s="1" t="s">
        <v>187129</v>
      </c>
      <c r="C57952" s="1" t="s">
        <v>20</v>
      </c>
      <c r="D57952" s="1" t="s">
        <v>194920</v>
      </c>
      <c r="E57952" s="1" t="s">
        <v>194921</v>
      </c>
      <c r="F57952" s="1" t="s">
        <v>194922</v>
      </c>
      <c r="G57952" s="1" t="s">
        <v>194915</v>
      </c>
      <c r="H57952" s="1" t="s">
        <v>194916</v>
      </c>
      <c r="I57952" s="1" t="s">
        <v>187135</v>
      </c>
      <c r="J57952" s="1" t="s">
        <v>194923</v>
      </c>
    </row>
    <row r="57953" spans="1:10" x14ac:dyDescent="0.35">
      <c r="A57953" s="1" t="s">
        <v>14157</v>
      </c>
      <c r="B57953" s="1" t="s">
        <v>187129</v>
      </c>
      <c r="C57953" s="1" t="s">
        <v>25</v>
      </c>
      <c r="D57953" s="1" t="s">
        <v>117192</v>
      </c>
      <c r="E57953" s="1" t="s">
        <v>194924</v>
      </c>
      <c r="F57953" s="1" t="s">
        <v>194925</v>
      </c>
      <c r="G57953" s="1" t="s">
        <v>194915</v>
      </c>
      <c r="H57953" s="1" t="s">
        <v>194916</v>
      </c>
      <c r="I57953" s="1" t="s">
        <v>187135</v>
      </c>
      <c r="J57953" s="1" t="s">
        <v>194926</v>
      </c>
    </row>
    <row r="57954" spans="1:10" x14ac:dyDescent="0.35">
      <c r="A57954" s="1" t="s">
        <v>14157</v>
      </c>
      <c r="B57954" s="1" t="s">
        <v>187129</v>
      </c>
      <c r="C57954" s="1" t="s">
        <v>30</v>
      </c>
      <c r="D57954" s="1" t="s">
        <v>50140</v>
      </c>
      <c r="E57954" s="1" t="s">
        <v>194927</v>
      </c>
      <c r="F57954" s="1" t="s">
        <v>194928</v>
      </c>
      <c r="G57954" s="1" t="s">
        <v>194915</v>
      </c>
      <c r="H57954" s="1" t="s">
        <v>194916</v>
      </c>
      <c r="I57954" s="1" t="s">
        <v>187135</v>
      </c>
      <c r="J57954" s="1" t="s">
        <v>194929</v>
      </c>
    </row>
    <row r="57955" spans="1:10" x14ac:dyDescent="0.35">
      <c r="A57955" s="1" t="s">
        <v>14157</v>
      </c>
      <c r="B57955" s="1" t="s">
        <v>187129</v>
      </c>
      <c r="C57955" s="1" t="s">
        <v>35</v>
      </c>
      <c r="D57955" s="1" t="s">
        <v>194930</v>
      </c>
      <c r="E57955" s="1" t="s">
        <v>194931</v>
      </c>
      <c r="F57955" s="1" t="s">
        <v>194932</v>
      </c>
      <c r="G57955" s="1" t="s">
        <v>194915</v>
      </c>
      <c r="H57955" s="1" t="s">
        <v>194916</v>
      </c>
      <c r="I57955" s="1" t="s">
        <v>187135</v>
      </c>
      <c r="J57955" s="1" t="s">
        <v>194933</v>
      </c>
    </row>
    <row r="57956" spans="1:10" x14ac:dyDescent="0.35">
      <c r="A57956" s="1" t="s">
        <v>14157</v>
      </c>
      <c r="B57956" s="1" t="s">
        <v>187129</v>
      </c>
      <c r="C57956" s="1" t="s">
        <v>40</v>
      </c>
      <c r="D57956" s="1" t="s">
        <v>6478</v>
      </c>
      <c r="E57956" s="1" t="s">
        <v>194934</v>
      </c>
      <c r="F57956" s="1" t="s">
        <v>194935</v>
      </c>
      <c r="G57956" s="1" t="s">
        <v>194915</v>
      </c>
      <c r="H57956" s="1" t="s">
        <v>194916</v>
      </c>
      <c r="I57956" s="1" t="s">
        <v>187135</v>
      </c>
      <c r="J57956" s="1" t="s">
        <v>194936</v>
      </c>
    </row>
    <row r="57957" spans="1:10" x14ac:dyDescent="0.35">
      <c r="A57957" s="1" t="s">
        <v>14157</v>
      </c>
      <c r="B57957" s="1" t="s">
        <v>187129</v>
      </c>
      <c r="C57957" s="1" t="s">
        <v>45</v>
      </c>
      <c r="D57957" s="1" t="s">
        <v>194937</v>
      </c>
      <c r="E57957" s="1" t="s">
        <v>194938</v>
      </c>
      <c r="F57957" s="1" t="s">
        <v>194939</v>
      </c>
      <c r="G57957" s="1" t="s">
        <v>194915</v>
      </c>
      <c r="H57957" s="1" t="s">
        <v>194916</v>
      </c>
      <c r="I57957" s="1" t="s">
        <v>187135</v>
      </c>
      <c r="J57957" s="1" t="s">
        <v>12768</v>
      </c>
    </row>
    <row r="57958" spans="1:10" x14ac:dyDescent="0.35">
      <c r="A57958" s="1" t="s">
        <v>14157</v>
      </c>
      <c r="B57958" s="1" t="s">
        <v>187129</v>
      </c>
      <c r="C57958" s="1" t="s">
        <v>50</v>
      </c>
      <c r="D57958" s="1" t="s">
        <v>44322</v>
      </c>
      <c r="E57958" s="1" t="s">
        <v>194940</v>
      </c>
      <c r="F57958" s="1" t="s">
        <v>194941</v>
      </c>
      <c r="G57958" s="1" t="s">
        <v>194915</v>
      </c>
      <c r="H57958" s="1" t="s">
        <v>194916</v>
      </c>
      <c r="I57958" s="1" t="s">
        <v>187135</v>
      </c>
      <c r="J57958" s="1" t="s">
        <v>194942</v>
      </c>
    </row>
    <row r="57959" spans="1:10" x14ac:dyDescent="0.35">
      <c r="A57959" s="1" t="s">
        <v>14157</v>
      </c>
      <c r="B57959" s="1" t="s">
        <v>187129</v>
      </c>
      <c r="C57959" s="1" t="s">
        <v>55</v>
      </c>
      <c r="D57959" s="1" t="s">
        <v>29212</v>
      </c>
      <c r="E57959" s="1" t="s">
        <v>194943</v>
      </c>
      <c r="F57959" s="1" t="s">
        <v>194944</v>
      </c>
      <c r="G57959" s="1" t="s">
        <v>194915</v>
      </c>
      <c r="H57959" s="1" t="s">
        <v>194916</v>
      </c>
      <c r="I57959" s="1" t="s">
        <v>187135</v>
      </c>
      <c r="J57959" s="1" t="s">
        <v>194945</v>
      </c>
    </row>
    <row r="57960" spans="1:10" x14ac:dyDescent="0.35">
      <c r="A57960" s="1" t="s">
        <v>14157</v>
      </c>
      <c r="B57960" s="1" t="s">
        <v>187129</v>
      </c>
      <c r="C57960" s="1" t="s">
        <v>60</v>
      </c>
      <c r="D57960" s="1" t="s">
        <v>29220</v>
      </c>
      <c r="E57960" s="1" t="s">
        <v>194946</v>
      </c>
      <c r="F57960" s="1" t="s">
        <v>194947</v>
      </c>
      <c r="G57960" s="1" t="s">
        <v>194915</v>
      </c>
      <c r="H57960" s="1" t="s">
        <v>194916</v>
      </c>
      <c r="I57960" s="1" t="s">
        <v>187135</v>
      </c>
      <c r="J57960" s="1" t="s">
        <v>194948</v>
      </c>
    </row>
    <row r="57961" spans="1:10" x14ac:dyDescent="0.35">
      <c r="A57961" s="1" t="s">
        <v>14157</v>
      </c>
      <c r="B57961" s="1" t="s">
        <v>187129</v>
      </c>
      <c r="C57961" s="1" t="s">
        <v>65</v>
      </c>
      <c r="D57961" s="1" t="s">
        <v>194949</v>
      </c>
      <c r="E57961" s="1" t="s">
        <v>194950</v>
      </c>
      <c r="F57961" s="1" t="s">
        <v>194951</v>
      </c>
      <c r="G57961" s="1" t="s">
        <v>194915</v>
      </c>
      <c r="H57961" s="1" t="s">
        <v>194916</v>
      </c>
      <c r="I57961" s="1" t="s">
        <v>187135</v>
      </c>
      <c r="J57961" s="1" t="s">
        <v>194952</v>
      </c>
    </row>
    <row r="57962" spans="1:10" x14ac:dyDescent="0.35">
      <c r="A57962" s="1" t="s">
        <v>14157</v>
      </c>
      <c r="B57962" s="1" t="s">
        <v>187129</v>
      </c>
      <c r="C57962" s="1" t="s">
        <v>70</v>
      </c>
      <c r="D57962" s="1" t="s">
        <v>194953</v>
      </c>
      <c r="E57962" s="1" t="s">
        <v>194954</v>
      </c>
      <c r="F57962" s="1" t="s">
        <v>194955</v>
      </c>
      <c r="G57962" s="1" t="s">
        <v>194915</v>
      </c>
      <c r="H57962" s="1" t="s">
        <v>194916</v>
      </c>
      <c r="I57962" s="1" t="s">
        <v>187135</v>
      </c>
      <c r="J57962" s="1" t="s">
        <v>194956</v>
      </c>
    </row>
    <row r="57963" spans="1:10" x14ac:dyDescent="0.35">
      <c r="A57963" s="1" t="s">
        <v>14157</v>
      </c>
      <c r="B57963" s="1" t="s">
        <v>187129</v>
      </c>
      <c r="C57963" s="1" t="s">
        <v>75</v>
      </c>
      <c r="D57963" s="1" t="s">
        <v>194957</v>
      </c>
      <c r="E57963" s="1" t="s">
        <v>194958</v>
      </c>
      <c r="F57963" s="1" t="s">
        <v>194959</v>
      </c>
      <c r="G57963" s="1" t="s">
        <v>194915</v>
      </c>
      <c r="H57963" s="1" t="s">
        <v>194916</v>
      </c>
      <c r="I57963" s="1" t="s">
        <v>187135</v>
      </c>
      <c r="J57963" s="1" t="s">
        <v>194960</v>
      </c>
    </row>
    <row r="57964" spans="1:10" x14ac:dyDescent="0.35">
      <c r="A57964" s="1" t="s">
        <v>14157</v>
      </c>
      <c r="B57964" s="1" t="s">
        <v>187129</v>
      </c>
      <c r="C57964" s="1" t="s">
        <v>80</v>
      </c>
      <c r="D57964" s="1" t="s">
        <v>36746</v>
      </c>
      <c r="E57964" s="1" t="s">
        <v>194961</v>
      </c>
      <c r="F57964" s="1" t="s">
        <v>194962</v>
      </c>
      <c r="G57964" s="1" t="s">
        <v>194915</v>
      </c>
      <c r="H57964" s="1" t="s">
        <v>194916</v>
      </c>
      <c r="I57964" s="1" t="s">
        <v>187135</v>
      </c>
      <c r="J57964" s="1" t="s">
        <v>194963</v>
      </c>
    </row>
    <row r="57965" spans="1:10" x14ac:dyDescent="0.35">
      <c r="A57965" s="1" t="s">
        <v>14157</v>
      </c>
      <c r="B57965" s="1" t="s">
        <v>187129</v>
      </c>
      <c r="C57965" s="1" t="s">
        <v>85</v>
      </c>
      <c r="D57965" s="1" t="s">
        <v>181488</v>
      </c>
      <c r="E57965" s="1" t="s">
        <v>194964</v>
      </c>
      <c r="F57965" s="1" t="s">
        <v>194965</v>
      </c>
      <c r="G57965" s="1" t="s">
        <v>194915</v>
      </c>
      <c r="H57965" s="1" t="s">
        <v>194916</v>
      </c>
      <c r="I57965" s="1" t="s">
        <v>187135</v>
      </c>
      <c r="J57965" s="1" t="s">
        <v>194966</v>
      </c>
    </row>
    <row r="57966" spans="1:10" x14ac:dyDescent="0.35">
      <c r="A57966" s="1" t="s">
        <v>14157</v>
      </c>
      <c r="B57966" s="1" t="s">
        <v>187129</v>
      </c>
      <c r="C57966" s="1" t="s">
        <v>90</v>
      </c>
      <c r="D57966" s="1" t="s">
        <v>289</v>
      </c>
      <c r="E57966" s="1" t="s">
        <v>194967</v>
      </c>
      <c r="F57966" s="1" t="s">
        <v>194968</v>
      </c>
      <c r="G57966" s="1" t="s">
        <v>194915</v>
      </c>
      <c r="H57966" s="1" t="s">
        <v>194916</v>
      </c>
      <c r="I57966" s="1" t="s">
        <v>187135</v>
      </c>
      <c r="J57966" s="1" t="s">
        <v>194969</v>
      </c>
    </row>
    <row r="57967" spans="1:10" x14ac:dyDescent="0.35">
      <c r="A57967" s="1" t="s">
        <v>14157</v>
      </c>
      <c r="B57967" s="1" t="s">
        <v>187129</v>
      </c>
      <c r="C57967" s="1" t="s">
        <v>95</v>
      </c>
      <c r="D57967" s="1" t="s">
        <v>4567</v>
      </c>
      <c r="E57967" s="1" t="s">
        <v>194970</v>
      </c>
      <c r="F57967" s="1" t="s">
        <v>194971</v>
      </c>
      <c r="G57967" s="1" t="s">
        <v>194915</v>
      </c>
      <c r="H57967" s="1" t="s">
        <v>194916</v>
      </c>
      <c r="I57967" s="1" t="s">
        <v>187135</v>
      </c>
      <c r="J57967" s="1" t="s">
        <v>194972</v>
      </c>
    </row>
    <row r="57968" spans="1:10" x14ac:dyDescent="0.35">
      <c r="A57968" s="1" t="s">
        <v>14157</v>
      </c>
      <c r="B57968" s="1" t="s">
        <v>187129</v>
      </c>
      <c r="C57968" s="1" t="s">
        <v>100</v>
      </c>
      <c r="D57968" s="1" t="s">
        <v>70956</v>
      </c>
      <c r="E57968" s="1" t="s">
        <v>194973</v>
      </c>
      <c r="F57968" s="1" t="s">
        <v>194974</v>
      </c>
      <c r="G57968" s="1" t="s">
        <v>194915</v>
      </c>
      <c r="H57968" s="1" t="s">
        <v>194916</v>
      </c>
      <c r="I57968" s="1" t="s">
        <v>187135</v>
      </c>
      <c r="J57968" s="1" t="s">
        <v>194975</v>
      </c>
    </row>
    <row r="57969" spans="1:10" x14ac:dyDescent="0.35">
      <c r="A57969" s="1" t="s">
        <v>14157</v>
      </c>
      <c r="B57969" s="1" t="s">
        <v>187129</v>
      </c>
      <c r="C57969" s="1" t="s">
        <v>105</v>
      </c>
      <c r="D57969" s="1" t="s">
        <v>118212</v>
      </c>
      <c r="E57969" s="1" t="s">
        <v>194976</v>
      </c>
      <c r="F57969" s="1" t="s">
        <v>194977</v>
      </c>
      <c r="G57969" s="1" t="s">
        <v>194915</v>
      </c>
      <c r="H57969" s="1" t="s">
        <v>194916</v>
      </c>
      <c r="I57969" s="1" t="s">
        <v>187135</v>
      </c>
      <c r="J57969" s="1" t="s">
        <v>194978</v>
      </c>
    </row>
    <row r="57970" spans="1:10" x14ac:dyDescent="0.35">
      <c r="A57970" s="1" t="s">
        <v>14157</v>
      </c>
      <c r="B57970" s="1" t="s">
        <v>187129</v>
      </c>
      <c r="C57970" s="1" t="s">
        <v>110</v>
      </c>
      <c r="D57970" s="1" t="s">
        <v>83220</v>
      </c>
      <c r="E57970" s="1" t="s">
        <v>194979</v>
      </c>
      <c r="F57970" s="1" t="s">
        <v>194980</v>
      </c>
      <c r="G57970" s="1" t="s">
        <v>194915</v>
      </c>
      <c r="H57970" s="1" t="s">
        <v>194916</v>
      </c>
      <c r="I57970" s="1" t="s">
        <v>187135</v>
      </c>
      <c r="J57970" s="1" t="s">
        <v>194981</v>
      </c>
    </row>
    <row r="57971" spans="1:10" x14ac:dyDescent="0.35">
      <c r="A57971" s="1" t="s">
        <v>14157</v>
      </c>
      <c r="B57971" s="1" t="s">
        <v>187129</v>
      </c>
      <c r="C57971" s="1" t="s">
        <v>115</v>
      </c>
      <c r="D57971" s="1" t="s">
        <v>30999</v>
      </c>
      <c r="E57971" s="1" t="s">
        <v>194982</v>
      </c>
      <c r="F57971" s="1" t="s">
        <v>194983</v>
      </c>
      <c r="G57971" s="1" t="s">
        <v>194915</v>
      </c>
      <c r="H57971" s="1" t="s">
        <v>194916</v>
      </c>
      <c r="I57971" s="1" t="s">
        <v>187135</v>
      </c>
      <c r="J57971" s="1" t="s">
        <v>194984</v>
      </c>
    </row>
    <row r="57972" spans="1:10" x14ac:dyDescent="0.35">
      <c r="A57972" s="1" t="s">
        <v>14157</v>
      </c>
      <c r="B57972" s="1" t="s">
        <v>187129</v>
      </c>
      <c r="C57972" s="1" t="s">
        <v>120</v>
      </c>
      <c r="D57972" s="1" t="s">
        <v>17175</v>
      </c>
      <c r="E57972" s="1" t="s">
        <v>194985</v>
      </c>
      <c r="F57972" s="1" t="s">
        <v>194986</v>
      </c>
      <c r="G57972" s="1" t="s">
        <v>194915</v>
      </c>
      <c r="H57972" s="1" t="s">
        <v>194916</v>
      </c>
      <c r="I57972" s="1" t="s">
        <v>187135</v>
      </c>
      <c r="J57972" s="1" t="s">
        <v>194987</v>
      </c>
    </row>
    <row r="57973" spans="1:10" x14ac:dyDescent="0.35">
      <c r="A57973" s="1" t="s">
        <v>14157</v>
      </c>
      <c r="B57973" s="1" t="s">
        <v>187129</v>
      </c>
      <c r="C57973" s="1" t="s">
        <v>125</v>
      </c>
      <c r="D57973" s="1" t="s">
        <v>187374</v>
      </c>
      <c r="E57973" s="1" t="s">
        <v>194988</v>
      </c>
      <c r="F57973" s="1" t="s">
        <v>194989</v>
      </c>
      <c r="G57973" s="1" t="s">
        <v>194915</v>
      </c>
      <c r="H57973" s="1" t="s">
        <v>194916</v>
      </c>
      <c r="I57973" s="1" t="s">
        <v>187135</v>
      </c>
      <c r="J57973" s="1" t="s">
        <v>194990</v>
      </c>
    </row>
    <row r="57974" spans="1:10" x14ac:dyDescent="0.35">
      <c r="A57974" s="1" t="s">
        <v>14157</v>
      </c>
      <c r="B57974" s="1" t="s">
        <v>187129</v>
      </c>
      <c r="C57974" s="1" t="s">
        <v>130</v>
      </c>
      <c r="D57974" s="1" t="s">
        <v>679</v>
      </c>
      <c r="E57974" s="1" t="s">
        <v>194991</v>
      </c>
      <c r="F57974" s="1" t="s">
        <v>194992</v>
      </c>
      <c r="G57974" s="1" t="s">
        <v>194915</v>
      </c>
      <c r="H57974" s="1" t="s">
        <v>194916</v>
      </c>
      <c r="I57974" s="1" t="s">
        <v>187135</v>
      </c>
      <c r="J57974" s="1" t="s">
        <v>194993</v>
      </c>
    </row>
    <row r="57975" spans="1:10" x14ac:dyDescent="0.35">
      <c r="A57975" s="1" t="s">
        <v>14157</v>
      </c>
      <c r="B57975" s="1" t="s">
        <v>187129</v>
      </c>
      <c r="C57975" s="1" t="s">
        <v>135</v>
      </c>
      <c r="D57975" s="1" t="s">
        <v>174027</v>
      </c>
      <c r="E57975" s="1" t="s">
        <v>194994</v>
      </c>
      <c r="F57975" s="1" t="s">
        <v>194995</v>
      </c>
      <c r="G57975" s="1" t="s">
        <v>194915</v>
      </c>
      <c r="H57975" s="1" t="s">
        <v>194916</v>
      </c>
      <c r="I57975" s="1" t="s">
        <v>187135</v>
      </c>
      <c r="J57975" s="1" t="s">
        <v>194996</v>
      </c>
    </row>
    <row r="57976" spans="1:10" x14ac:dyDescent="0.35">
      <c r="A57976" s="1" t="s">
        <v>14157</v>
      </c>
      <c r="B57976" s="1" t="s">
        <v>187129</v>
      </c>
      <c r="C57976" s="1" t="s">
        <v>140</v>
      </c>
      <c r="D57976" s="1" t="s">
        <v>150027</v>
      </c>
      <c r="E57976" s="1" t="s">
        <v>194997</v>
      </c>
      <c r="F57976" s="1" t="s">
        <v>194998</v>
      </c>
      <c r="G57976" s="1" t="s">
        <v>194915</v>
      </c>
      <c r="H57976" s="1" t="s">
        <v>194916</v>
      </c>
      <c r="I57976" s="1" t="s">
        <v>187135</v>
      </c>
      <c r="J57976" s="1" t="s">
        <v>194999</v>
      </c>
    </row>
    <row r="57977" spans="1:10" x14ac:dyDescent="0.35">
      <c r="A57977" s="1" t="s">
        <v>14157</v>
      </c>
      <c r="B57977" s="1" t="s">
        <v>187129</v>
      </c>
      <c r="C57977" s="1" t="s">
        <v>145</v>
      </c>
      <c r="D57977" s="1" t="s">
        <v>9605</v>
      </c>
      <c r="E57977" s="1" t="s">
        <v>195000</v>
      </c>
      <c r="F57977" s="1" t="s">
        <v>195001</v>
      </c>
      <c r="G57977" s="1" t="s">
        <v>194915</v>
      </c>
      <c r="H57977" s="1" t="s">
        <v>194916</v>
      </c>
      <c r="I57977" s="1" t="s">
        <v>187135</v>
      </c>
      <c r="J57977" s="1" t="s">
        <v>195002</v>
      </c>
    </row>
    <row r="57978" spans="1:10" x14ac:dyDescent="0.35">
      <c r="A57978" s="1" t="s">
        <v>14157</v>
      </c>
      <c r="B57978" s="1" t="s">
        <v>187129</v>
      </c>
      <c r="C57978" s="1" t="s">
        <v>150</v>
      </c>
      <c r="D57978" s="1" t="s">
        <v>154179</v>
      </c>
      <c r="E57978" s="1" t="s">
        <v>195003</v>
      </c>
      <c r="F57978" s="1" t="s">
        <v>195004</v>
      </c>
      <c r="G57978" s="1" t="s">
        <v>194915</v>
      </c>
      <c r="H57978" s="1" t="s">
        <v>194916</v>
      </c>
      <c r="I57978" s="1" t="s">
        <v>187135</v>
      </c>
      <c r="J57978" s="1" t="s">
        <v>195005</v>
      </c>
    </row>
    <row r="57979" spans="1:10" x14ac:dyDescent="0.35">
      <c r="A57979" s="1" t="s">
        <v>14157</v>
      </c>
      <c r="B57979" s="1" t="s">
        <v>187129</v>
      </c>
      <c r="C57979" s="1" t="s">
        <v>155</v>
      </c>
      <c r="D57979" s="1" t="s">
        <v>73802</v>
      </c>
      <c r="E57979" s="1" t="s">
        <v>195006</v>
      </c>
      <c r="F57979" s="1" t="s">
        <v>195007</v>
      </c>
      <c r="G57979" s="1" t="s">
        <v>194915</v>
      </c>
      <c r="H57979" s="1" t="s">
        <v>194916</v>
      </c>
      <c r="I57979" s="1" t="s">
        <v>187135</v>
      </c>
      <c r="J57979" s="1" t="s">
        <v>195008</v>
      </c>
    </row>
    <row r="57980" spans="1:10" x14ac:dyDescent="0.35">
      <c r="A57980" s="1" t="s">
        <v>14157</v>
      </c>
      <c r="B57980" s="1" t="s">
        <v>187129</v>
      </c>
      <c r="C57980" s="1" t="s">
        <v>160</v>
      </c>
      <c r="D57980" s="1" t="s">
        <v>195009</v>
      </c>
      <c r="E57980" s="1" t="s">
        <v>195010</v>
      </c>
      <c r="F57980" s="1" t="s">
        <v>195011</v>
      </c>
      <c r="G57980" s="1" t="s">
        <v>194915</v>
      </c>
      <c r="H57980" s="1" t="s">
        <v>194916</v>
      </c>
      <c r="I57980" s="1" t="s">
        <v>187135</v>
      </c>
      <c r="J57980" s="1" t="s">
        <v>195012</v>
      </c>
    </row>
    <row r="57981" spans="1:10" x14ac:dyDescent="0.35">
      <c r="A57981" s="1" t="s">
        <v>14157</v>
      </c>
      <c r="B57981" s="1" t="s">
        <v>187129</v>
      </c>
      <c r="C57981" s="1" t="s">
        <v>165</v>
      </c>
      <c r="D57981" s="1" t="s">
        <v>195013</v>
      </c>
      <c r="E57981" s="1" t="s">
        <v>195014</v>
      </c>
      <c r="F57981" s="1" t="s">
        <v>195015</v>
      </c>
      <c r="G57981" s="1" t="s">
        <v>194915</v>
      </c>
      <c r="H57981" s="1" t="s">
        <v>194916</v>
      </c>
      <c r="I57981" s="1" t="s">
        <v>187135</v>
      </c>
      <c r="J57981" s="1" t="s">
        <v>195016</v>
      </c>
    </row>
    <row r="57982" spans="1:10" x14ac:dyDescent="0.35">
      <c r="A57982" s="1" t="s">
        <v>14157</v>
      </c>
      <c r="B57982" s="1" t="s">
        <v>187129</v>
      </c>
      <c r="C57982" s="1" t="s">
        <v>170</v>
      </c>
      <c r="D57982" s="1" t="s">
        <v>32954</v>
      </c>
      <c r="E57982" s="1" t="s">
        <v>195017</v>
      </c>
      <c r="F57982" s="1" t="s">
        <v>195018</v>
      </c>
      <c r="G57982" s="1" t="s">
        <v>194915</v>
      </c>
      <c r="H57982" s="1" t="s">
        <v>194916</v>
      </c>
      <c r="I57982" s="1" t="s">
        <v>187135</v>
      </c>
      <c r="J57982" s="1" t="s">
        <v>195019</v>
      </c>
    </row>
    <row r="57983" spans="1:10" x14ac:dyDescent="0.35">
      <c r="A57983" s="1" t="s">
        <v>119900</v>
      </c>
      <c r="B57983" s="1" t="s">
        <v>187129</v>
      </c>
      <c r="C57983" s="1" t="s">
        <v>8</v>
      </c>
      <c r="D57983" s="1" t="s">
        <v>195020</v>
      </c>
      <c r="E57983" s="1" t="s">
        <v>195021</v>
      </c>
      <c r="F57983" s="1" t="s">
        <v>195022</v>
      </c>
      <c r="G57983" s="1" t="s">
        <v>195023</v>
      </c>
      <c r="H57983" s="1" t="s">
        <v>195024</v>
      </c>
      <c r="I57983" s="1" t="s">
        <v>187135</v>
      </c>
      <c r="J57983" s="1" t="s">
        <v>13</v>
      </c>
    </row>
    <row r="57984" spans="1:10" x14ac:dyDescent="0.35">
      <c r="A57984" s="1" t="s">
        <v>119900</v>
      </c>
      <c r="B57984" s="1" t="s">
        <v>187129</v>
      </c>
      <c r="C57984" s="1" t="s">
        <v>15</v>
      </c>
      <c r="D57984" s="1" t="s">
        <v>47136</v>
      </c>
      <c r="E57984" s="1" t="s">
        <v>195025</v>
      </c>
      <c r="F57984" s="1" t="s">
        <v>195026</v>
      </c>
      <c r="G57984" s="1" t="s">
        <v>195023</v>
      </c>
      <c r="H57984" s="1" t="s">
        <v>195024</v>
      </c>
      <c r="I57984" s="1" t="s">
        <v>187135</v>
      </c>
      <c r="J57984" s="1" t="s">
        <v>195027</v>
      </c>
    </row>
    <row r="57985" spans="1:10" x14ac:dyDescent="0.35">
      <c r="A57985" s="1" t="s">
        <v>119900</v>
      </c>
      <c r="B57985" s="1" t="s">
        <v>187129</v>
      </c>
      <c r="C57985" s="1" t="s">
        <v>20</v>
      </c>
      <c r="D57985" s="1" t="s">
        <v>75051</v>
      </c>
      <c r="E57985" s="1" t="s">
        <v>195028</v>
      </c>
      <c r="F57985" s="1" t="s">
        <v>195029</v>
      </c>
      <c r="G57985" s="1" t="s">
        <v>195023</v>
      </c>
      <c r="H57985" s="1" t="s">
        <v>195024</v>
      </c>
      <c r="I57985" s="1" t="s">
        <v>187135</v>
      </c>
      <c r="J57985" s="1" t="s">
        <v>195030</v>
      </c>
    </row>
    <row r="57986" spans="1:10" x14ac:dyDescent="0.35">
      <c r="A57986" s="1" t="s">
        <v>119900</v>
      </c>
      <c r="B57986" s="1" t="s">
        <v>187129</v>
      </c>
      <c r="C57986" s="1" t="s">
        <v>25</v>
      </c>
      <c r="D57986" s="1" t="s">
        <v>49966</v>
      </c>
      <c r="E57986" s="1" t="s">
        <v>195031</v>
      </c>
      <c r="F57986" s="1" t="s">
        <v>195032</v>
      </c>
      <c r="G57986" s="1" t="s">
        <v>195023</v>
      </c>
      <c r="H57986" s="1" t="s">
        <v>195024</v>
      </c>
      <c r="I57986" s="1" t="s">
        <v>187135</v>
      </c>
      <c r="J57986" s="1" t="s">
        <v>195033</v>
      </c>
    </row>
    <row r="57987" spans="1:10" x14ac:dyDescent="0.35">
      <c r="A57987" s="1" t="s">
        <v>119900</v>
      </c>
      <c r="B57987" s="1" t="s">
        <v>187129</v>
      </c>
      <c r="C57987" s="1" t="s">
        <v>30</v>
      </c>
      <c r="D57987" s="1" t="s">
        <v>13075</v>
      </c>
      <c r="E57987" s="1" t="s">
        <v>195034</v>
      </c>
      <c r="F57987" s="1" t="s">
        <v>195035</v>
      </c>
      <c r="G57987" s="1" t="s">
        <v>195023</v>
      </c>
      <c r="H57987" s="1" t="s">
        <v>195024</v>
      </c>
      <c r="I57987" s="1" t="s">
        <v>187135</v>
      </c>
      <c r="J57987" s="1" t="s">
        <v>195036</v>
      </c>
    </row>
    <row r="57988" spans="1:10" x14ac:dyDescent="0.35">
      <c r="A57988" s="1" t="s">
        <v>119900</v>
      </c>
      <c r="B57988" s="1" t="s">
        <v>187129</v>
      </c>
      <c r="C57988" s="1" t="s">
        <v>35</v>
      </c>
      <c r="D57988" s="1" t="s">
        <v>120999</v>
      </c>
      <c r="E57988" s="1" t="s">
        <v>195037</v>
      </c>
      <c r="F57988" s="1" t="s">
        <v>195038</v>
      </c>
      <c r="G57988" s="1" t="s">
        <v>195023</v>
      </c>
      <c r="H57988" s="1" t="s">
        <v>195024</v>
      </c>
      <c r="I57988" s="1" t="s">
        <v>187135</v>
      </c>
      <c r="J57988" s="1" t="s">
        <v>195039</v>
      </c>
    </row>
    <row r="57989" spans="1:10" x14ac:dyDescent="0.35">
      <c r="A57989" s="1" t="s">
        <v>119900</v>
      </c>
      <c r="B57989" s="1" t="s">
        <v>187129</v>
      </c>
      <c r="C57989" s="1" t="s">
        <v>40</v>
      </c>
      <c r="D57989" s="1" t="s">
        <v>195040</v>
      </c>
      <c r="E57989" s="1" t="s">
        <v>195041</v>
      </c>
      <c r="F57989" s="1" t="s">
        <v>195042</v>
      </c>
      <c r="G57989" s="1" t="s">
        <v>195023</v>
      </c>
      <c r="H57989" s="1" t="s">
        <v>195024</v>
      </c>
      <c r="I57989" s="1" t="s">
        <v>187135</v>
      </c>
      <c r="J57989" s="1" t="s">
        <v>195043</v>
      </c>
    </row>
    <row r="57990" spans="1:10" x14ac:dyDescent="0.35">
      <c r="A57990" s="1" t="s">
        <v>119900</v>
      </c>
      <c r="B57990" s="1" t="s">
        <v>187129</v>
      </c>
      <c r="C57990" s="1" t="s">
        <v>45</v>
      </c>
      <c r="D57990" s="1" t="s">
        <v>146828</v>
      </c>
      <c r="E57990" s="1" t="s">
        <v>195044</v>
      </c>
      <c r="F57990" s="1" t="s">
        <v>195045</v>
      </c>
      <c r="G57990" s="1" t="s">
        <v>195023</v>
      </c>
      <c r="H57990" s="1" t="s">
        <v>195024</v>
      </c>
      <c r="I57990" s="1" t="s">
        <v>187135</v>
      </c>
      <c r="J57990" s="1" t="s">
        <v>195046</v>
      </c>
    </row>
    <row r="57991" spans="1:10" x14ac:dyDescent="0.35">
      <c r="A57991" s="1" t="s">
        <v>119900</v>
      </c>
      <c r="B57991" s="1" t="s">
        <v>187129</v>
      </c>
      <c r="C57991" s="1" t="s">
        <v>50</v>
      </c>
      <c r="D57991" s="1" t="s">
        <v>150688</v>
      </c>
      <c r="E57991" s="1" t="s">
        <v>195047</v>
      </c>
      <c r="F57991" s="1" t="s">
        <v>195048</v>
      </c>
      <c r="G57991" s="1" t="s">
        <v>195023</v>
      </c>
      <c r="H57991" s="1" t="s">
        <v>195024</v>
      </c>
      <c r="I57991" s="1" t="s">
        <v>187135</v>
      </c>
      <c r="J57991" s="1" t="s">
        <v>195049</v>
      </c>
    </row>
    <row r="57992" spans="1:10" x14ac:dyDescent="0.35">
      <c r="A57992" s="1" t="s">
        <v>119900</v>
      </c>
      <c r="B57992" s="1" t="s">
        <v>187129</v>
      </c>
      <c r="C57992" s="1" t="s">
        <v>55</v>
      </c>
      <c r="D57992" s="1" t="s">
        <v>33774</v>
      </c>
      <c r="E57992" s="1" t="s">
        <v>195050</v>
      </c>
      <c r="F57992" s="1" t="s">
        <v>195051</v>
      </c>
      <c r="G57992" s="1" t="s">
        <v>195023</v>
      </c>
      <c r="H57992" s="1" t="s">
        <v>195024</v>
      </c>
      <c r="I57992" s="1" t="s">
        <v>187135</v>
      </c>
      <c r="J57992" s="1" t="s">
        <v>195052</v>
      </c>
    </row>
    <row r="57993" spans="1:10" x14ac:dyDescent="0.35">
      <c r="A57993" s="1" t="s">
        <v>119900</v>
      </c>
      <c r="B57993" s="1" t="s">
        <v>187129</v>
      </c>
      <c r="C57993" s="1" t="s">
        <v>60</v>
      </c>
      <c r="D57993" s="1" t="s">
        <v>32079</v>
      </c>
      <c r="E57993" s="1" t="s">
        <v>195053</v>
      </c>
      <c r="F57993" s="1" t="s">
        <v>195054</v>
      </c>
      <c r="G57993" s="1" t="s">
        <v>195023</v>
      </c>
      <c r="H57993" s="1" t="s">
        <v>195024</v>
      </c>
      <c r="I57993" s="1" t="s">
        <v>187135</v>
      </c>
      <c r="J57993" s="1" t="s">
        <v>195055</v>
      </c>
    </row>
    <row r="57994" spans="1:10" x14ac:dyDescent="0.35">
      <c r="A57994" s="1" t="s">
        <v>119900</v>
      </c>
      <c r="B57994" s="1" t="s">
        <v>187129</v>
      </c>
      <c r="C57994" s="1" t="s">
        <v>65</v>
      </c>
      <c r="D57994" s="1" t="s">
        <v>31007</v>
      </c>
      <c r="E57994" s="1" t="s">
        <v>195056</v>
      </c>
      <c r="F57994" s="1" t="s">
        <v>195057</v>
      </c>
      <c r="G57994" s="1" t="s">
        <v>195023</v>
      </c>
      <c r="H57994" s="1" t="s">
        <v>195024</v>
      </c>
      <c r="I57994" s="1" t="s">
        <v>187135</v>
      </c>
      <c r="J57994" s="1" t="s">
        <v>195058</v>
      </c>
    </row>
    <row r="57995" spans="1:10" x14ac:dyDescent="0.35">
      <c r="A57995" s="1" t="s">
        <v>119900</v>
      </c>
      <c r="B57995" s="1" t="s">
        <v>187129</v>
      </c>
      <c r="C57995" s="1" t="s">
        <v>70</v>
      </c>
      <c r="D57995" s="1" t="s">
        <v>19568</v>
      </c>
      <c r="E57995" s="1" t="s">
        <v>195059</v>
      </c>
      <c r="F57995" s="1" t="s">
        <v>195060</v>
      </c>
      <c r="G57995" s="1" t="s">
        <v>195023</v>
      </c>
      <c r="H57995" s="1" t="s">
        <v>195024</v>
      </c>
      <c r="I57995" s="1" t="s">
        <v>187135</v>
      </c>
      <c r="J57995" s="1" t="s">
        <v>195061</v>
      </c>
    </row>
    <row r="57996" spans="1:10" x14ac:dyDescent="0.35">
      <c r="A57996" s="1" t="s">
        <v>119900</v>
      </c>
      <c r="B57996" s="1" t="s">
        <v>187129</v>
      </c>
      <c r="C57996" s="1" t="s">
        <v>75</v>
      </c>
      <c r="D57996" s="1" t="s">
        <v>83513</v>
      </c>
      <c r="E57996" s="1" t="s">
        <v>195062</v>
      </c>
      <c r="F57996" s="1" t="s">
        <v>195063</v>
      </c>
      <c r="G57996" s="1" t="s">
        <v>195023</v>
      </c>
      <c r="H57996" s="1" t="s">
        <v>195024</v>
      </c>
      <c r="I57996" s="1" t="s">
        <v>187135</v>
      </c>
      <c r="J57996" s="1" t="s">
        <v>195064</v>
      </c>
    </row>
    <row r="57997" spans="1:10" x14ac:dyDescent="0.35">
      <c r="A57997" s="1" t="s">
        <v>119900</v>
      </c>
      <c r="B57997" s="1" t="s">
        <v>187129</v>
      </c>
      <c r="C57997" s="1" t="s">
        <v>80</v>
      </c>
      <c r="D57997" s="1" t="s">
        <v>125175</v>
      </c>
      <c r="E57997" s="1" t="s">
        <v>195065</v>
      </c>
      <c r="F57997" s="1" t="s">
        <v>195066</v>
      </c>
      <c r="G57997" s="1" t="s">
        <v>195023</v>
      </c>
      <c r="H57997" s="1" t="s">
        <v>195024</v>
      </c>
      <c r="I57997" s="1" t="s">
        <v>187135</v>
      </c>
      <c r="J57997" s="1" t="s">
        <v>195067</v>
      </c>
    </row>
    <row r="57998" spans="1:10" x14ac:dyDescent="0.35">
      <c r="A57998" s="1" t="s">
        <v>119900</v>
      </c>
      <c r="B57998" s="1" t="s">
        <v>187129</v>
      </c>
      <c r="C57998" s="1" t="s">
        <v>85</v>
      </c>
      <c r="D57998" s="1" t="s">
        <v>195068</v>
      </c>
      <c r="E57998" s="1" t="s">
        <v>195069</v>
      </c>
      <c r="F57998" s="1" t="s">
        <v>195070</v>
      </c>
      <c r="G57998" s="1" t="s">
        <v>195023</v>
      </c>
      <c r="H57998" s="1" t="s">
        <v>195024</v>
      </c>
      <c r="I57998" s="1" t="s">
        <v>187135</v>
      </c>
      <c r="J57998" s="1" t="s">
        <v>195071</v>
      </c>
    </row>
    <row r="57999" spans="1:10" x14ac:dyDescent="0.35">
      <c r="A57999" s="1" t="s">
        <v>119900</v>
      </c>
      <c r="B57999" s="1" t="s">
        <v>187129</v>
      </c>
      <c r="C57999" s="1" t="s">
        <v>90</v>
      </c>
      <c r="D57999" s="1" t="s">
        <v>195072</v>
      </c>
      <c r="E57999" s="1" t="s">
        <v>195073</v>
      </c>
      <c r="F57999" s="1" t="s">
        <v>195074</v>
      </c>
      <c r="G57999" s="1" t="s">
        <v>195023</v>
      </c>
      <c r="H57999" s="1" t="s">
        <v>195024</v>
      </c>
      <c r="I57999" s="1" t="s">
        <v>187135</v>
      </c>
      <c r="J57999" s="1" t="s">
        <v>195075</v>
      </c>
    </row>
    <row r="58000" spans="1:10" x14ac:dyDescent="0.35">
      <c r="A58000" s="1" t="s">
        <v>119900</v>
      </c>
      <c r="B58000" s="1" t="s">
        <v>187129</v>
      </c>
      <c r="C58000" s="1" t="s">
        <v>95</v>
      </c>
      <c r="D58000" s="1" t="s">
        <v>114832</v>
      </c>
      <c r="E58000" s="1" t="s">
        <v>195076</v>
      </c>
      <c r="F58000" s="1" t="s">
        <v>195077</v>
      </c>
      <c r="G58000" s="1" t="s">
        <v>195023</v>
      </c>
      <c r="H58000" s="1" t="s">
        <v>195024</v>
      </c>
      <c r="I58000" s="1" t="s">
        <v>187135</v>
      </c>
      <c r="J58000" s="1" t="s">
        <v>195078</v>
      </c>
    </row>
    <row r="58001" spans="1:10" x14ac:dyDescent="0.35">
      <c r="A58001" s="1" t="s">
        <v>119900</v>
      </c>
      <c r="B58001" s="1" t="s">
        <v>187129</v>
      </c>
      <c r="C58001" s="1" t="s">
        <v>100</v>
      </c>
      <c r="D58001" s="1" t="s">
        <v>192902</v>
      </c>
      <c r="E58001" s="1" t="s">
        <v>195079</v>
      </c>
      <c r="F58001" s="1" t="s">
        <v>195080</v>
      </c>
      <c r="G58001" s="1" t="s">
        <v>195023</v>
      </c>
      <c r="H58001" s="1" t="s">
        <v>195024</v>
      </c>
      <c r="I58001" s="1" t="s">
        <v>187135</v>
      </c>
      <c r="J58001" s="1" t="s">
        <v>195081</v>
      </c>
    </row>
    <row r="58002" spans="1:10" x14ac:dyDescent="0.35">
      <c r="A58002" s="1" t="s">
        <v>119900</v>
      </c>
      <c r="B58002" s="1" t="s">
        <v>187129</v>
      </c>
      <c r="C58002" s="1" t="s">
        <v>105</v>
      </c>
      <c r="D58002" s="1" t="s">
        <v>46794</v>
      </c>
      <c r="E58002" s="1" t="s">
        <v>195082</v>
      </c>
      <c r="F58002" s="1" t="s">
        <v>195083</v>
      </c>
      <c r="G58002" s="1" t="s">
        <v>195023</v>
      </c>
      <c r="H58002" s="1" t="s">
        <v>195024</v>
      </c>
      <c r="I58002" s="1" t="s">
        <v>187135</v>
      </c>
      <c r="J58002" s="1" t="s">
        <v>195084</v>
      </c>
    </row>
    <row r="58003" spans="1:10" x14ac:dyDescent="0.35">
      <c r="A58003" s="1" t="s">
        <v>119900</v>
      </c>
      <c r="B58003" s="1" t="s">
        <v>187129</v>
      </c>
      <c r="C58003" s="1" t="s">
        <v>110</v>
      </c>
      <c r="D58003" s="1" t="s">
        <v>184273</v>
      </c>
      <c r="E58003" s="1" t="s">
        <v>195085</v>
      </c>
      <c r="F58003" s="1" t="s">
        <v>195086</v>
      </c>
      <c r="G58003" s="1" t="s">
        <v>195023</v>
      </c>
      <c r="H58003" s="1" t="s">
        <v>195024</v>
      </c>
      <c r="I58003" s="1" t="s">
        <v>187135</v>
      </c>
      <c r="J58003" s="1" t="s">
        <v>195087</v>
      </c>
    </row>
    <row r="58004" spans="1:10" x14ac:dyDescent="0.35">
      <c r="A58004" s="1" t="s">
        <v>119900</v>
      </c>
      <c r="B58004" s="1" t="s">
        <v>187129</v>
      </c>
      <c r="C58004" s="1" t="s">
        <v>115</v>
      </c>
      <c r="D58004" s="1" t="s">
        <v>195088</v>
      </c>
      <c r="E58004" s="1" t="s">
        <v>195089</v>
      </c>
      <c r="F58004" s="1" t="s">
        <v>195090</v>
      </c>
      <c r="G58004" s="1" t="s">
        <v>195023</v>
      </c>
      <c r="H58004" s="1" t="s">
        <v>195024</v>
      </c>
      <c r="I58004" s="1" t="s">
        <v>187135</v>
      </c>
      <c r="J58004" s="1" t="s">
        <v>195091</v>
      </c>
    </row>
    <row r="58005" spans="1:10" x14ac:dyDescent="0.35">
      <c r="A58005" s="1" t="s">
        <v>119900</v>
      </c>
      <c r="B58005" s="1" t="s">
        <v>187129</v>
      </c>
      <c r="C58005" s="1" t="s">
        <v>120</v>
      </c>
      <c r="D58005" s="1" t="s">
        <v>169776</v>
      </c>
      <c r="E58005" s="1" t="s">
        <v>195092</v>
      </c>
      <c r="F58005" s="1" t="s">
        <v>195093</v>
      </c>
      <c r="G58005" s="1" t="s">
        <v>195023</v>
      </c>
      <c r="H58005" s="1" t="s">
        <v>195024</v>
      </c>
      <c r="I58005" s="1" t="s">
        <v>187135</v>
      </c>
      <c r="J58005" s="1" t="s">
        <v>195094</v>
      </c>
    </row>
    <row r="58006" spans="1:10" x14ac:dyDescent="0.35">
      <c r="A58006" s="1" t="s">
        <v>119900</v>
      </c>
      <c r="B58006" s="1" t="s">
        <v>187129</v>
      </c>
      <c r="C58006" s="1" t="s">
        <v>125</v>
      </c>
      <c r="D58006" s="1" t="s">
        <v>195095</v>
      </c>
      <c r="E58006" s="1" t="s">
        <v>195096</v>
      </c>
      <c r="F58006" s="1" t="s">
        <v>195097</v>
      </c>
      <c r="G58006" s="1" t="s">
        <v>195023</v>
      </c>
      <c r="H58006" s="1" t="s">
        <v>195024</v>
      </c>
      <c r="I58006" s="1" t="s">
        <v>187135</v>
      </c>
      <c r="J58006" s="1" t="s">
        <v>195098</v>
      </c>
    </row>
    <row r="58007" spans="1:10" x14ac:dyDescent="0.35">
      <c r="A58007" s="1" t="s">
        <v>119900</v>
      </c>
      <c r="B58007" s="1" t="s">
        <v>187129</v>
      </c>
      <c r="C58007" s="1" t="s">
        <v>130</v>
      </c>
      <c r="D58007" s="1" t="s">
        <v>189693</v>
      </c>
      <c r="E58007" s="1" t="s">
        <v>195099</v>
      </c>
      <c r="F58007" s="1" t="s">
        <v>195100</v>
      </c>
      <c r="G58007" s="1" t="s">
        <v>195023</v>
      </c>
      <c r="H58007" s="1" t="s">
        <v>195024</v>
      </c>
      <c r="I58007" s="1" t="s">
        <v>187135</v>
      </c>
      <c r="J58007" s="1" t="s">
        <v>195101</v>
      </c>
    </row>
    <row r="58008" spans="1:10" x14ac:dyDescent="0.35">
      <c r="A58008" s="1" t="s">
        <v>119900</v>
      </c>
      <c r="B58008" s="1" t="s">
        <v>187129</v>
      </c>
      <c r="C58008" s="1" t="s">
        <v>135</v>
      </c>
      <c r="D58008" s="1" t="s">
        <v>175281</v>
      </c>
      <c r="E58008" s="1" t="s">
        <v>195102</v>
      </c>
      <c r="F58008" s="1" t="s">
        <v>195103</v>
      </c>
      <c r="G58008" s="1" t="s">
        <v>195023</v>
      </c>
      <c r="H58008" s="1" t="s">
        <v>195024</v>
      </c>
      <c r="I58008" s="1" t="s">
        <v>187135</v>
      </c>
      <c r="J58008" s="1" t="s">
        <v>195104</v>
      </c>
    </row>
    <row r="58009" spans="1:10" x14ac:dyDescent="0.35">
      <c r="A58009" s="1" t="s">
        <v>119900</v>
      </c>
      <c r="B58009" s="1" t="s">
        <v>187129</v>
      </c>
      <c r="C58009" s="1" t="s">
        <v>140</v>
      </c>
      <c r="D58009" s="1" t="s">
        <v>187494</v>
      </c>
      <c r="E58009" s="1" t="s">
        <v>195105</v>
      </c>
      <c r="F58009" s="1" t="s">
        <v>195106</v>
      </c>
      <c r="G58009" s="1" t="s">
        <v>195023</v>
      </c>
      <c r="H58009" s="1" t="s">
        <v>195024</v>
      </c>
      <c r="I58009" s="1" t="s">
        <v>187135</v>
      </c>
      <c r="J58009" s="1" t="s">
        <v>195107</v>
      </c>
    </row>
    <row r="58010" spans="1:10" x14ac:dyDescent="0.35">
      <c r="A58010" s="1" t="s">
        <v>119900</v>
      </c>
      <c r="B58010" s="1" t="s">
        <v>187129</v>
      </c>
      <c r="C58010" s="1" t="s">
        <v>145</v>
      </c>
      <c r="D58010" s="1" t="s">
        <v>30318</v>
      </c>
      <c r="E58010" s="1" t="s">
        <v>195108</v>
      </c>
      <c r="F58010" s="1" t="s">
        <v>195109</v>
      </c>
      <c r="G58010" s="1" t="s">
        <v>195023</v>
      </c>
      <c r="H58010" s="1" t="s">
        <v>195024</v>
      </c>
      <c r="I58010" s="1" t="s">
        <v>187135</v>
      </c>
      <c r="J58010" s="1" t="s">
        <v>195110</v>
      </c>
    </row>
    <row r="58011" spans="1:10" x14ac:dyDescent="0.35">
      <c r="A58011" s="1" t="s">
        <v>119900</v>
      </c>
      <c r="B58011" s="1" t="s">
        <v>187129</v>
      </c>
      <c r="C58011" s="1" t="s">
        <v>150</v>
      </c>
      <c r="D58011" s="1" t="s">
        <v>160864</v>
      </c>
      <c r="E58011" s="1" t="s">
        <v>195111</v>
      </c>
      <c r="F58011" s="1" t="s">
        <v>195112</v>
      </c>
      <c r="G58011" s="1" t="s">
        <v>195023</v>
      </c>
      <c r="H58011" s="1" t="s">
        <v>195024</v>
      </c>
      <c r="I58011" s="1" t="s">
        <v>187135</v>
      </c>
      <c r="J58011" s="1" t="s">
        <v>195113</v>
      </c>
    </row>
    <row r="58012" spans="1:10" x14ac:dyDescent="0.35">
      <c r="A58012" s="1" t="s">
        <v>119900</v>
      </c>
      <c r="B58012" s="1" t="s">
        <v>187129</v>
      </c>
      <c r="C58012" s="1" t="s">
        <v>155</v>
      </c>
      <c r="D58012" s="1" t="s">
        <v>183388</v>
      </c>
      <c r="E58012" s="1" t="s">
        <v>195114</v>
      </c>
      <c r="F58012" s="1" t="s">
        <v>195115</v>
      </c>
      <c r="G58012" s="1" t="s">
        <v>195023</v>
      </c>
      <c r="H58012" s="1" t="s">
        <v>195024</v>
      </c>
      <c r="I58012" s="1" t="s">
        <v>187135</v>
      </c>
      <c r="J58012" s="1" t="s">
        <v>195116</v>
      </c>
    </row>
    <row r="58013" spans="1:10" x14ac:dyDescent="0.35">
      <c r="A58013" s="1" t="s">
        <v>119900</v>
      </c>
      <c r="B58013" s="1" t="s">
        <v>187129</v>
      </c>
      <c r="C58013" s="1" t="s">
        <v>160</v>
      </c>
      <c r="D58013" s="1" t="s">
        <v>169784</v>
      </c>
      <c r="E58013" s="1" t="s">
        <v>195117</v>
      </c>
      <c r="F58013" s="1" t="s">
        <v>195118</v>
      </c>
      <c r="G58013" s="1" t="s">
        <v>195023</v>
      </c>
      <c r="H58013" s="1" t="s">
        <v>195024</v>
      </c>
      <c r="I58013" s="1" t="s">
        <v>187135</v>
      </c>
      <c r="J58013" s="1" t="s">
        <v>195119</v>
      </c>
    </row>
    <row r="58014" spans="1:10" x14ac:dyDescent="0.35">
      <c r="A58014" s="1" t="s">
        <v>119900</v>
      </c>
      <c r="B58014" s="1" t="s">
        <v>187129</v>
      </c>
      <c r="C58014" s="1" t="s">
        <v>165</v>
      </c>
      <c r="D58014" s="1" t="s">
        <v>172539</v>
      </c>
      <c r="E58014" s="1" t="s">
        <v>195120</v>
      </c>
      <c r="F58014" s="1" t="s">
        <v>195121</v>
      </c>
      <c r="G58014" s="1" t="s">
        <v>195023</v>
      </c>
      <c r="H58014" s="1" t="s">
        <v>195024</v>
      </c>
      <c r="I58014" s="1" t="s">
        <v>187135</v>
      </c>
      <c r="J58014" s="1" t="s">
        <v>195122</v>
      </c>
    </row>
    <row r="58015" spans="1:10" x14ac:dyDescent="0.35">
      <c r="A58015" s="1" t="s">
        <v>119900</v>
      </c>
      <c r="B58015" s="1" t="s">
        <v>187129</v>
      </c>
      <c r="C58015" s="1" t="s">
        <v>170</v>
      </c>
      <c r="D58015" s="1" t="s">
        <v>195123</v>
      </c>
      <c r="E58015" s="1" t="s">
        <v>195124</v>
      </c>
      <c r="F58015" s="1" t="s">
        <v>195125</v>
      </c>
      <c r="G58015" s="1" t="s">
        <v>195023</v>
      </c>
      <c r="H58015" s="1" t="s">
        <v>195024</v>
      </c>
      <c r="I58015" s="1" t="s">
        <v>187135</v>
      </c>
      <c r="J58015" s="1" t="s">
        <v>195126</v>
      </c>
    </row>
    <row r="58016" spans="1:10" x14ac:dyDescent="0.35">
      <c r="A58016" s="1" t="s">
        <v>143738</v>
      </c>
      <c r="B58016" s="1" t="s">
        <v>187129</v>
      </c>
      <c r="C58016" s="1" t="s">
        <v>8</v>
      </c>
      <c r="D58016" s="1" t="s">
        <v>195127</v>
      </c>
      <c r="E58016" s="1" t="s">
        <v>195128</v>
      </c>
      <c r="F58016" s="1" t="s">
        <v>195129</v>
      </c>
      <c r="G58016" s="1" t="s">
        <v>195130</v>
      </c>
      <c r="H58016" s="1" t="s">
        <v>195131</v>
      </c>
      <c r="I58016" s="1" t="s">
        <v>187135</v>
      </c>
      <c r="J58016" s="1" t="s">
        <v>13</v>
      </c>
    </row>
    <row r="58017" spans="1:10" x14ac:dyDescent="0.35">
      <c r="A58017" s="1" t="s">
        <v>143738</v>
      </c>
      <c r="B58017" s="1" t="s">
        <v>187129</v>
      </c>
      <c r="C58017" s="1" t="s">
        <v>15</v>
      </c>
      <c r="D58017" s="1" t="s">
        <v>195132</v>
      </c>
      <c r="E58017" s="1" t="s">
        <v>195133</v>
      </c>
      <c r="F58017" s="1" t="s">
        <v>195134</v>
      </c>
      <c r="G58017" s="1" t="s">
        <v>195130</v>
      </c>
      <c r="H58017" s="1" t="s">
        <v>195131</v>
      </c>
      <c r="I58017" s="1" t="s">
        <v>187135</v>
      </c>
      <c r="J58017" s="1" t="s">
        <v>195135</v>
      </c>
    </row>
    <row r="58018" spans="1:10" x14ac:dyDescent="0.35">
      <c r="A58018" s="1" t="s">
        <v>143738</v>
      </c>
      <c r="B58018" s="1" t="s">
        <v>187129</v>
      </c>
      <c r="C58018" s="1" t="s">
        <v>20</v>
      </c>
      <c r="D58018" s="1" t="s">
        <v>195136</v>
      </c>
      <c r="E58018" s="1" t="s">
        <v>195137</v>
      </c>
      <c r="F58018" s="1" t="s">
        <v>195138</v>
      </c>
      <c r="G58018" s="1" t="s">
        <v>195130</v>
      </c>
      <c r="H58018" s="1" t="s">
        <v>195131</v>
      </c>
      <c r="I58018" s="1" t="s">
        <v>187135</v>
      </c>
      <c r="J58018" s="1" t="s">
        <v>195139</v>
      </c>
    </row>
    <row r="58019" spans="1:10" x14ac:dyDescent="0.35">
      <c r="A58019" s="1" t="s">
        <v>143738</v>
      </c>
      <c r="B58019" s="1" t="s">
        <v>187129</v>
      </c>
      <c r="C58019" s="1" t="s">
        <v>25</v>
      </c>
      <c r="D58019" s="1" t="s">
        <v>195140</v>
      </c>
      <c r="E58019" s="1" t="s">
        <v>195141</v>
      </c>
      <c r="F58019" s="1" t="s">
        <v>195142</v>
      </c>
      <c r="G58019" s="1" t="s">
        <v>195130</v>
      </c>
      <c r="H58019" s="1" t="s">
        <v>195131</v>
      </c>
      <c r="I58019" s="1" t="s">
        <v>187135</v>
      </c>
      <c r="J58019" s="1" t="s">
        <v>195143</v>
      </c>
    </row>
    <row r="58020" spans="1:10" x14ac:dyDescent="0.35">
      <c r="A58020" s="1" t="s">
        <v>143738</v>
      </c>
      <c r="B58020" s="1" t="s">
        <v>187129</v>
      </c>
      <c r="C58020" s="1" t="s">
        <v>30</v>
      </c>
      <c r="D58020" s="1" t="s">
        <v>195144</v>
      </c>
      <c r="E58020" s="1" t="s">
        <v>195145</v>
      </c>
      <c r="F58020" s="1" t="s">
        <v>195146</v>
      </c>
      <c r="G58020" s="1" t="s">
        <v>195130</v>
      </c>
      <c r="H58020" s="1" t="s">
        <v>195131</v>
      </c>
      <c r="I58020" s="1" t="s">
        <v>187135</v>
      </c>
      <c r="J58020" s="1" t="s">
        <v>195147</v>
      </c>
    </row>
    <row r="58021" spans="1:10" x14ac:dyDescent="0.35">
      <c r="A58021" s="1" t="s">
        <v>143738</v>
      </c>
      <c r="B58021" s="1" t="s">
        <v>187129</v>
      </c>
      <c r="C58021" s="1" t="s">
        <v>35</v>
      </c>
      <c r="D58021" s="1" t="s">
        <v>195148</v>
      </c>
      <c r="E58021" s="1" t="s">
        <v>195149</v>
      </c>
      <c r="F58021" s="1" t="s">
        <v>195150</v>
      </c>
      <c r="G58021" s="1" t="s">
        <v>195130</v>
      </c>
      <c r="H58021" s="1" t="s">
        <v>195131</v>
      </c>
      <c r="I58021" s="1" t="s">
        <v>187135</v>
      </c>
      <c r="J58021" s="1" t="s">
        <v>195151</v>
      </c>
    </row>
    <row r="58022" spans="1:10" x14ac:dyDescent="0.35">
      <c r="A58022" s="1" t="s">
        <v>143738</v>
      </c>
      <c r="B58022" s="1" t="s">
        <v>187129</v>
      </c>
      <c r="C58022" s="1" t="s">
        <v>40</v>
      </c>
      <c r="D58022" s="1" t="s">
        <v>195152</v>
      </c>
      <c r="E58022" s="1" t="s">
        <v>195153</v>
      </c>
      <c r="F58022" s="1" t="s">
        <v>195154</v>
      </c>
      <c r="G58022" s="1" t="s">
        <v>195130</v>
      </c>
      <c r="H58022" s="1" t="s">
        <v>195131</v>
      </c>
      <c r="I58022" s="1" t="s">
        <v>187135</v>
      </c>
      <c r="J58022" s="1" t="s">
        <v>195155</v>
      </c>
    </row>
    <row r="58023" spans="1:10" x14ac:dyDescent="0.35">
      <c r="A58023" s="1" t="s">
        <v>143738</v>
      </c>
      <c r="B58023" s="1" t="s">
        <v>187129</v>
      </c>
      <c r="C58023" s="1" t="s">
        <v>45</v>
      </c>
      <c r="D58023" s="1" t="s">
        <v>195156</v>
      </c>
      <c r="E58023" s="1" t="s">
        <v>195157</v>
      </c>
      <c r="F58023" s="1" t="s">
        <v>195158</v>
      </c>
      <c r="G58023" s="1" t="s">
        <v>195130</v>
      </c>
      <c r="H58023" s="1" t="s">
        <v>195131</v>
      </c>
      <c r="I58023" s="1" t="s">
        <v>187135</v>
      </c>
      <c r="J58023" s="1" t="s">
        <v>195159</v>
      </c>
    </row>
    <row r="58024" spans="1:10" x14ac:dyDescent="0.35">
      <c r="A58024" s="1" t="s">
        <v>143738</v>
      </c>
      <c r="B58024" s="1" t="s">
        <v>187129</v>
      </c>
      <c r="C58024" s="1" t="s">
        <v>50</v>
      </c>
      <c r="D58024" s="1" t="s">
        <v>195160</v>
      </c>
      <c r="E58024" s="1" t="s">
        <v>195161</v>
      </c>
      <c r="F58024" s="1" t="s">
        <v>195162</v>
      </c>
      <c r="G58024" s="1" t="s">
        <v>195130</v>
      </c>
      <c r="H58024" s="1" t="s">
        <v>195131</v>
      </c>
      <c r="I58024" s="1" t="s">
        <v>187135</v>
      </c>
      <c r="J58024" s="1" t="s">
        <v>195163</v>
      </c>
    </row>
    <row r="58025" spans="1:10" x14ac:dyDescent="0.35">
      <c r="A58025" s="1" t="s">
        <v>143738</v>
      </c>
      <c r="B58025" s="1" t="s">
        <v>187129</v>
      </c>
      <c r="C58025" s="1" t="s">
        <v>55</v>
      </c>
      <c r="D58025" s="1" t="s">
        <v>195164</v>
      </c>
      <c r="E58025" s="1" t="s">
        <v>195165</v>
      </c>
      <c r="F58025" s="1" t="s">
        <v>195166</v>
      </c>
      <c r="G58025" s="1" t="s">
        <v>195130</v>
      </c>
      <c r="H58025" s="1" t="s">
        <v>195131</v>
      </c>
      <c r="I58025" s="1" t="s">
        <v>187135</v>
      </c>
      <c r="J58025" s="1" t="s">
        <v>195167</v>
      </c>
    </row>
    <row r="58026" spans="1:10" x14ac:dyDescent="0.35">
      <c r="A58026" s="1" t="s">
        <v>143738</v>
      </c>
      <c r="B58026" s="1" t="s">
        <v>187129</v>
      </c>
      <c r="C58026" s="1" t="s">
        <v>60</v>
      </c>
      <c r="D58026" s="1" t="s">
        <v>195168</v>
      </c>
      <c r="E58026" s="1" t="s">
        <v>195169</v>
      </c>
      <c r="F58026" s="1" t="s">
        <v>195170</v>
      </c>
      <c r="G58026" s="1" t="s">
        <v>195130</v>
      </c>
      <c r="H58026" s="1" t="s">
        <v>195131</v>
      </c>
      <c r="I58026" s="1" t="s">
        <v>187135</v>
      </c>
      <c r="J58026" s="1" t="s">
        <v>195171</v>
      </c>
    </row>
    <row r="58027" spans="1:10" x14ac:dyDescent="0.35">
      <c r="A58027" s="1" t="s">
        <v>143738</v>
      </c>
      <c r="B58027" s="1" t="s">
        <v>187129</v>
      </c>
      <c r="C58027" s="1" t="s">
        <v>65</v>
      </c>
      <c r="D58027" s="1" t="s">
        <v>195172</v>
      </c>
      <c r="E58027" s="1" t="s">
        <v>195173</v>
      </c>
      <c r="F58027" s="1" t="s">
        <v>195174</v>
      </c>
      <c r="G58027" s="1" t="s">
        <v>195130</v>
      </c>
      <c r="H58027" s="1" t="s">
        <v>195131</v>
      </c>
      <c r="I58027" s="1" t="s">
        <v>187135</v>
      </c>
      <c r="J58027" s="1" t="s">
        <v>195175</v>
      </c>
    </row>
    <row r="58028" spans="1:10" x14ac:dyDescent="0.35">
      <c r="A58028" s="1" t="s">
        <v>143738</v>
      </c>
      <c r="B58028" s="1" t="s">
        <v>187129</v>
      </c>
      <c r="C58028" s="1" t="s">
        <v>70</v>
      </c>
      <c r="D58028" s="1" t="s">
        <v>195176</v>
      </c>
      <c r="E58028" s="1" t="s">
        <v>195177</v>
      </c>
      <c r="F58028" s="1" t="s">
        <v>195178</v>
      </c>
      <c r="G58028" s="1" t="s">
        <v>195130</v>
      </c>
      <c r="H58028" s="1" t="s">
        <v>195131</v>
      </c>
      <c r="I58028" s="1" t="s">
        <v>187135</v>
      </c>
      <c r="J58028" s="1" t="s">
        <v>195179</v>
      </c>
    </row>
    <row r="58029" spans="1:10" x14ac:dyDescent="0.35">
      <c r="A58029" s="1" t="s">
        <v>143738</v>
      </c>
      <c r="B58029" s="1" t="s">
        <v>187129</v>
      </c>
      <c r="C58029" s="1" t="s">
        <v>75</v>
      </c>
      <c r="D58029" s="1" t="s">
        <v>195180</v>
      </c>
      <c r="E58029" s="1" t="s">
        <v>195181</v>
      </c>
      <c r="F58029" s="1" t="s">
        <v>195182</v>
      </c>
      <c r="G58029" s="1" t="s">
        <v>195130</v>
      </c>
      <c r="H58029" s="1" t="s">
        <v>195131</v>
      </c>
      <c r="I58029" s="1" t="s">
        <v>187135</v>
      </c>
      <c r="J58029" s="1" t="s">
        <v>195183</v>
      </c>
    </row>
    <row r="58030" spans="1:10" x14ac:dyDescent="0.35">
      <c r="A58030" s="1" t="s">
        <v>143738</v>
      </c>
      <c r="B58030" s="1" t="s">
        <v>187129</v>
      </c>
      <c r="C58030" s="1" t="s">
        <v>80</v>
      </c>
      <c r="D58030" s="1" t="s">
        <v>195184</v>
      </c>
      <c r="E58030" s="1" t="s">
        <v>195185</v>
      </c>
      <c r="F58030" s="1" t="s">
        <v>195186</v>
      </c>
      <c r="G58030" s="1" t="s">
        <v>195130</v>
      </c>
      <c r="H58030" s="1" t="s">
        <v>195131</v>
      </c>
      <c r="I58030" s="1" t="s">
        <v>187135</v>
      </c>
      <c r="J58030" s="1" t="s">
        <v>195187</v>
      </c>
    </row>
    <row r="58031" spans="1:10" x14ac:dyDescent="0.35">
      <c r="A58031" s="1" t="s">
        <v>143738</v>
      </c>
      <c r="B58031" s="1" t="s">
        <v>187129</v>
      </c>
      <c r="C58031" s="1" t="s">
        <v>85</v>
      </c>
      <c r="D58031" s="1" t="s">
        <v>195188</v>
      </c>
      <c r="E58031" s="1" t="s">
        <v>195189</v>
      </c>
      <c r="F58031" s="1" t="s">
        <v>195190</v>
      </c>
      <c r="G58031" s="1" t="s">
        <v>195130</v>
      </c>
      <c r="H58031" s="1" t="s">
        <v>195131</v>
      </c>
      <c r="I58031" s="1" t="s">
        <v>187135</v>
      </c>
      <c r="J58031" s="1" t="s">
        <v>195191</v>
      </c>
    </row>
    <row r="58032" spans="1:10" x14ac:dyDescent="0.35">
      <c r="A58032" s="1" t="s">
        <v>143738</v>
      </c>
      <c r="B58032" s="1" t="s">
        <v>187129</v>
      </c>
      <c r="C58032" s="1" t="s">
        <v>90</v>
      </c>
      <c r="D58032" s="1" t="s">
        <v>195192</v>
      </c>
      <c r="E58032" s="1" t="s">
        <v>195193</v>
      </c>
      <c r="F58032" s="1" t="s">
        <v>195194</v>
      </c>
      <c r="G58032" s="1" t="s">
        <v>195130</v>
      </c>
      <c r="H58032" s="1" t="s">
        <v>195131</v>
      </c>
      <c r="I58032" s="1" t="s">
        <v>187135</v>
      </c>
      <c r="J58032" s="1" t="s">
        <v>195195</v>
      </c>
    </row>
    <row r="58033" spans="1:10" x14ac:dyDescent="0.35">
      <c r="A58033" s="1" t="s">
        <v>143738</v>
      </c>
      <c r="B58033" s="1" t="s">
        <v>187129</v>
      </c>
      <c r="C58033" s="1" t="s">
        <v>95</v>
      </c>
      <c r="D58033" s="1" t="s">
        <v>195196</v>
      </c>
      <c r="E58033" s="1" t="s">
        <v>195197</v>
      </c>
      <c r="F58033" s="1" t="s">
        <v>195198</v>
      </c>
      <c r="G58033" s="1" t="s">
        <v>195130</v>
      </c>
      <c r="H58033" s="1" t="s">
        <v>195131</v>
      </c>
      <c r="I58033" s="1" t="s">
        <v>187135</v>
      </c>
      <c r="J58033" s="1" t="s">
        <v>195199</v>
      </c>
    </row>
    <row r="58034" spans="1:10" x14ac:dyDescent="0.35">
      <c r="A58034" s="1" t="s">
        <v>143738</v>
      </c>
      <c r="B58034" s="1" t="s">
        <v>187129</v>
      </c>
      <c r="C58034" s="1" t="s">
        <v>100</v>
      </c>
      <c r="D58034" s="1" t="s">
        <v>195200</v>
      </c>
      <c r="E58034" s="1" t="s">
        <v>195201</v>
      </c>
      <c r="F58034" s="1" t="s">
        <v>195202</v>
      </c>
      <c r="G58034" s="1" t="s">
        <v>195130</v>
      </c>
      <c r="H58034" s="1" t="s">
        <v>195131</v>
      </c>
      <c r="I58034" s="1" t="s">
        <v>187135</v>
      </c>
      <c r="J58034" s="1" t="s">
        <v>195203</v>
      </c>
    </row>
    <row r="58035" spans="1:10" x14ac:dyDescent="0.35">
      <c r="A58035" s="1" t="s">
        <v>143738</v>
      </c>
      <c r="B58035" s="1" t="s">
        <v>187129</v>
      </c>
      <c r="C58035" s="1" t="s">
        <v>105</v>
      </c>
      <c r="D58035" s="1" t="s">
        <v>195204</v>
      </c>
      <c r="E58035" s="1" t="s">
        <v>195205</v>
      </c>
      <c r="F58035" s="1" t="s">
        <v>195206</v>
      </c>
      <c r="G58035" s="1" t="s">
        <v>195130</v>
      </c>
      <c r="H58035" s="1" t="s">
        <v>195131</v>
      </c>
      <c r="I58035" s="1" t="s">
        <v>187135</v>
      </c>
      <c r="J58035" s="1" t="s">
        <v>195207</v>
      </c>
    </row>
    <row r="58036" spans="1:10" x14ac:dyDescent="0.35">
      <c r="A58036" s="1" t="s">
        <v>143738</v>
      </c>
      <c r="B58036" s="1" t="s">
        <v>187129</v>
      </c>
      <c r="C58036" s="1" t="s">
        <v>110</v>
      </c>
      <c r="D58036" s="1" t="s">
        <v>195208</v>
      </c>
      <c r="E58036" s="1" t="s">
        <v>195209</v>
      </c>
      <c r="F58036" s="1" t="s">
        <v>195210</v>
      </c>
      <c r="G58036" s="1" t="s">
        <v>195130</v>
      </c>
      <c r="H58036" s="1" t="s">
        <v>195131</v>
      </c>
      <c r="I58036" s="1" t="s">
        <v>187135</v>
      </c>
      <c r="J58036" s="1" t="s">
        <v>195211</v>
      </c>
    </row>
    <row r="58037" spans="1:10" x14ac:dyDescent="0.35">
      <c r="A58037" s="1" t="s">
        <v>143738</v>
      </c>
      <c r="B58037" s="1" t="s">
        <v>187129</v>
      </c>
      <c r="C58037" s="1" t="s">
        <v>115</v>
      </c>
      <c r="D58037" s="1" t="s">
        <v>195212</v>
      </c>
      <c r="E58037" s="1" t="s">
        <v>195213</v>
      </c>
      <c r="F58037" s="1" t="s">
        <v>195214</v>
      </c>
      <c r="G58037" s="1" t="s">
        <v>195130</v>
      </c>
      <c r="H58037" s="1" t="s">
        <v>195131</v>
      </c>
      <c r="I58037" s="1" t="s">
        <v>187135</v>
      </c>
      <c r="J58037" s="1" t="s">
        <v>195215</v>
      </c>
    </row>
    <row r="58038" spans="1:10" x14ac:dyDescent="0.35">
      <c r="A58038" s="1" t="s">
        <v>143738</v>
      </c>
      <c r="B58038" s="1" t="s">
        <v>187129</v>
      </c>
      <c r="C58038" s="1" t="s">
        <v>120</v>
      </c>
      <c r="D58038" s="1" t="s">
        <v>195216</v>
      </c>
      <c r="E58038" s="1" t="s">
        <v>195217</v>
      </c>
      <c r="F58038" s="1" t="s">
        <v>195218</v>
      </c>
      <c r="G58038" s="1" t="s">
        <v>195130</v>
      </c>
      <c r="H58038" s="1" t="s">
        <v>195131</v>
      </c>
      <c r="I58038" s="1" t="s">
        <v>187135</v>
      </c>
      <c r="J58038" s="1" t="s">
        <v>195219</v>
      </c>
    </row>
    <row r="58039" spans="1:10" x14ac:dyDescent="0.35">
      <c r="A58039" s="1" t="s">
        <v>143738</v>
      </c>
      <c r="B58039" s="1" t="s">
        <v>187129</v>
      </c>
      <c r="C58039" s="1" t="s">
        <v>125</v>
      </c>
      <c r="D58039" s="1" t="s">
        <v>195220</v>
      </c>
      <c r="E58039" s="1" t="s">
        <v>195221</v>
      </c>
      <c r="F58039" s="1" t="s">
        <v>195222</v>
      </c>
      <c r="G58039" s="1" t="s">
        <v>195130</v>
      </c>
      <c r="H58039" s="1" t="s">
        <v>195131</v>
      </c>
      <c r="I58039" s="1" t="s">
        <v>187135</v>
      </c>
      <c r="J58039" s="1" t="s">
        <v>195223</v>
      </c>
    </row>
    <row r="58040" spans="1:10" x14ac:dyDescent="0.35">
      <c r="A58040" s="1" t="s">
        <v>143738</v>
      </c>
      <c r="B58040" s="1" t="s">
        <v>187129</v>
      </c>
      <c r="C58040" s="1" t="s">
        <v>130</v>
      </c>
      <c r="D58040" s="1" t="s">
        <v>195224</v>
      </c>
      <c r="E58040" s="1" t="s">
        <v>195225</v>
      </c>
      <c r="F58040" s="1" t="s">
        <v>195226</v>
      </c>
      <c r="G58040" s="1" t="s">
        <v>195130</v>
      </c>
      <c r="H58040" s="1" t="s">
        <v>195131</v>
      </c>
      <c r="I58040" s="1" t="s">
        <v>187135</v>
      </c>
      <c r="J58040" s="1" t="s">
        <v>195227</v>
      </c>
    </row>
    <row r="58041" spans="1:10" x14ac:dyDescent="0.35">
      <c r="A58041" s="1" t="s">
        <v>143738</v>
      </c>
      <c r="B58041" s="1" t="s">
        <v>187129</v>
      </c>
      <c r="C58041" s="1" t="s">
        <v>135</v>
      </c>
      <c r="D58041" s="1" t="s">
        <v>195228</v>
      </c>
      <c r="E58041" s="1" t="s">
        <v>195229</v>
      </c>
      <c r="F58041" s="1" t="s">
        <v>195230</v>
      </c>
      <c r="G58041" s="1" t="s">
        <v>195130</v>
      </c>
      <c r="H58041" s="1" t="s">
        <v>195131</v>
      </c>
      <c r="I58041" s="1" t="s">
        <v>187135</v>
      </c>
      <c r="J58041" s="1" t="s">
        <v>195231</v>
      </c>
    </row>
    <row r="58042" spans="1:10" x14ac:dyDescent="0.35">
      <c r="A58042" s="1" t="s">
        <v>143738</v>
      </c>
      <c r="B58042" s="1" t="s">
        <v>187129</v>
      </c>
      <c r="C58042" s="1" t="s">
        <v>140</v>
      </c>
      <c r="D58042" s="1" t="s">
        <v>195232</v>
      </c>
      <c r="E58042" s="1" t="s">
        <v>195233</v>
      </c>
      <c r="F58042" s="1" t="s">
        <v>195234</v>
      </c>
      <c r="G58042" s="1" t="s">
        <v>195130</v>
      </c>
      <c r="H58042" s="1" t="s">
        <v>195131</v>
      </c>
      <c r="I58042" s="1" t="s">
        <v>187135</v>
      </c>
      <c r="J58042" s="1" t="s">
        <v>195235</v>
      </c>
    </row>
    <row r="58043" spans="1:10" x14ac:dyDescent="0.35">
      <c r="A58043" s="1" t="s">
        <v>143738</v>
      </c>
      <c r="B58043" s="1" t="s">
        <v>187129</v>
      </c>
      <c r="C58043" s="1" t="s">
        <v>145</v>
      </c>
      <c r="D58043" s="1" t="s">
        <v>195236</v>
      </c>
      <c r="E58043" s="1" t="s">
        <v>195237</v>
      </c>
      <c r="F58043" s="1" t="s">
        <v>195238</v>
      </c>
      <c r="G58043" s="1" t="s">
        <v>195130</v>
      </c>
      <c r="H58043" s="1" t="s">
        <v>195131</v>
      </c>
      <c r="I58043" s="1" t="s">
        <v>187135</v>
      </c>
      <c r="J58043" s="1" t="s">
        <v>195239</v>
      </c>
    </row>
    <row r="58044" spans="1:10" x14ac:dyDescent="0.35">
      <c r="A58044" s="1" t="s">
        <v>143738</v>
      </c>
      <c r="B58044" s="1" t="s">
        <v>187129</v>
      </c>
      <c r="C58044" s="1" t="s">
        <v>150</v>
      </c>
      <c r="D58044" s="1" t="s">
        <v>195240</v>
      </c>
      <c r="E58044" s="1" t="s">
        <v>195241</v>
      </c>
      <c r="F58044" s="1" t="s">
        <v>195242</v>
      </c>
      <c r="G58044" s="1" t="s">
        <v>195130</v>
      </c>
      <c r="H58044" s="1" t="s">
        <v>195131</v>
      </c>
      <c r="I58044" s="1" t="s">
        <v>187135</v>
      </c>
      <c r="J58044" s="1" t="s">
        <v>195243</v>
      </c>
    </row>
    <row r="58045" spans="1:10" x14ac:dyDescent="0.35">
      <c r="A58045" s="1" t="s">
        <v>143738</v>
      </c>
      <c r="B58045" s="1" t="s">
        <v>187129</v>
      </c>
      <c r="C58045" s="1" t="s">
        <v>155</v>
      </c>
      <c r="D58045" s="1" t="s">
        <v>195244</v>
      </c>
      <c r="E58045" s="1" t="s">
        <v>195245</v>
      </c>
      <c r="F58045" s="1" t="s">
        <v>195246</v>
      </c>
      <c r="G58045" s="1" t="s">
        <v>195130</v>
      </c>
      <c r="H58045" s="1" t="s">
        <v>195131</v>
      </c>
      <c r="I58045" s="1" t="s">
        <v>187135</v>
      </c>
      <c r="J58045" s="1" t="s">
        <v>195247</v>
      </c>
    </row>
    <row r="58046" spans="1:10" x14ac:dyDescent="0.35">
      <c r="A58046" s="1" t="s">
        <v>143738</v>
      </c>
      <c r="B58046" s="1" t="s">
        <v>187129</v>
      </c>
      <c r="C58046" s="1" t="s">
        <v>160</v>
      </c>
      <c r="D58046" s="1" t="s">
        <v>195248</v>
      </c>
      <c r="E58046" s="1" t="s">
        <v>195249</v>
      </c>
      <c r="F58046" s="1" t="s">
        <v>195250</v>
      </c>
      <c r="G58046" s="1" t="s">
        <v>195130</v>
      </c>
      <c r="H58046" s="1" t="s">
        <v>195131</v>
      </c>
      <c r="I58046" s="1" t="s">
        <v>187135</v>
      </c>
      <c r="J58046" s="1" t="s">
        <v>195251</v>
      </c>
    </row>
    <row r="58047" spans="1:10" x14ac:dyDescent="0.35">
      <c r="A58047" s="1" t="s">
        <v>143738</v>
      </c>
      <c r="B58047" s="1" t="s">
        <v>187129</v>
      </c>
      <c r="C58047" s="1" t="s">
        <v>165</v>
      </c>
      <c r="D58047" s="1" t="s">
        <v>195252</v>
      </c>
      <c r="E58047" s="1" t="s">
        <v>195253</v>
      </c>
      <c r="F58047" s="1" t="s">
        <v>195254</v>
      </c>
      <c r="G58047" s="1" t="s">
        <v>195130</v>
      </c>
      <c r="H58047" s="1" t="s">
        <v>195131</v>
      </c>
      <c r="I58047" s="1" t="s">
        <v>187135</v>
      </c>
      <c r="J58047" s="1" t="s">
        <v>195255</v>
      </c>
    </row>
    <row r="58048" spans="1:10" x14ac:dyDescent="0.35">
      <c r="A58048" s="1" t="s">
        <v>143738</v>
      </c>
      <c r="B58048" s="1" t="s">
        <v>187129</v>
      </c>
      <c r="C58048" s="1" t="s">
        <v>170</v>
      </c>
      <c r="D58048" s="1" t="s">
        <v>16605</v>
      </c>
      <c r="E58048" s="1" t="s">
        <v>195256</v>
      </c>
      <c r="F58048" s="1" t="s">
        <v>195257</v>
      </c>
      <c r="G58048" s="1" t="s">
        <v>195130</v>
      </c>
      <c r="H58048" s="1" t="s">
        <v>195131</v>
      </c>
      <c r="I58048" s="1" t="s">
        <v>187135</v>
      </c>
      <c r="J58048" s="1" t="s">
        <v>195258</v>
      </c>
    </row>
    <row r="58049" spans="1:10" x14ac:dyDescent="0.35">
      <c r="A58049" s="1" t="s">
        <v>195259</v>
      </c>
      <c r="B58049" s="1" t="s">
        <v>187129</v>
      </c>
      <c r="C58049" s="1" t="s">
        <v>8</v>
      </c>
      <c r="D58049" s="1" t="s">
        <v>185644</v>
      </c>
      <c r="E58049" s="1" t="s">
        <v>195260</v>
      </c>
      <c r="F58049" s="1" t="s">
        <v>195261</v>
      </c>
      <c r="G58049" s="1" t="s">
        <v>195262</v>
      </c>
      <c r="H58049" s="1" t="s">
        <v>195263</v>
      </c>
      <c r="I58049" s="1" t="s">
        <v>187135</v>
      </c>
      <c r="J58049" s="1" t="s">
        <v>13</v>
      </c>
    </row>
    <row r="58050" spans="1:10" x14ac:dyDescent="0.35">
      <c r="A58050" s="1" t="s">
        <v>195259</v>
      </c>
      <c r="B58050" s="1" t="s">
        <v>187129</v>
      </c>
      <c r="C58050" s="1" t="s">
        <v>15</v>
      </c>
      <c r="D58050" s="1" t="s">
        <v>105360</v>
      </c>
      <c r="E58050" s="1" t="s">
        <v>195264</v>
      </c>
      <c r="F58050" s="1" t="s">
        <v>195265</v>
      </c>
      <c r="G58050" s="1" t="s">
        <v>195262</v>
      </c>
      <c r="H58050" s="1" t="s">
        <v>195263</v>
      </c>
      <c r="I58050" s="1" t="s">
        <v>187135</v>
      </c>
      <c r="J58050" s="1" t="s">
        <v>195266</v>
      </c>
    </row>
    <row r="58051" spans="1:10" x14ac:dyDescent="0.35">
      <c r="A58051" s="1" t="s">
        <v>195259</v>
      </c>
      <c r="B58051" s="1" t="s">
        <v>187129</v>
      </c>
      <c r="C58051" s="1" t="s">
        <v>20</v>
      </c>
      <c r="D58051" s="1" t="s">
        <v>153107</v>
      </c>
      <c r="E58051" s="1" t="s">
        <v>195267</v>
      </c>
      <c r="F58051" s="1" t="s">
        <v>195268</v>
      </c>
      <c r="G58051" s="1" t="s">
        <v>195262</v>
      </c>
      <c r="H58051" s="1" t="s">
        <v>195263</v>
      </c>
      <c r="I58051" s="1" t="s">
        <v>187135</v>
      </c>
      <c r="J58051" s="1" t="s">
        <v>195269</v>
      </c>
    </row>
    <row r="58052" spans="1:10" x14ac:dyDescent="0.35">
      <c r="A58052" s="1" t="s">
        <v>195259</v>
      </c>
      <c r="B58052" s="1" t="s">
        <v>187129</v>
      </c>
      <c r="C58052" s="1" t="s">
        <v>25</v>
      </c>
      <c r="D58052" s="1" t="s">
        <v>194116</v>
      </c>
      <c r="E58052" s="1" t="s">
        <v>195270</v>
      </c>
      <c r="F58052" s="1" t="s">
        <v>195271</v>
      </c>
      <c r="G58052" s="1" t="s">
        <v>195262</v>
      </c>
      <c r="H58052" s="1" t="s">
        <v>195263</v>
      </c>
      <c r="I58052" s="1" t="s">
        <v>187135</v>
      </c>
      <c r="J58052" s="1" t="s">
        <v>195272</v>
      </c>
    </row>
    <row r="58053" spans="1:10" x14ac:dyDescent="0.35">
      <c r="A58053" s="1" t="s">
        <v>195259</v>
      </c>
      <c r="B58053" s="1" t="s">
        <v>187129</v>
      </c>
      <c r="C58053" s="1" t="s">
        <v>30</v>
      </c>
      <c r="D58053" s="1" t="s">
        <v>18510</v>
      </c>
      <c r="E58053" s="1" t="s">
        <v>195273</v>
      </c>
      <c r="F58053" s="1" t="s">
        <v>195274</v>
      </c>
      <c r="G58053" s="1" t="s">
        <v>195262</v>
      </c>
      <c r="H58053" s="1" t="s">
        <v>195263</v>
      </c>
      <c r="I58053" s="1" t="s">
        <v>187135</v>
      </c>
      <c r="J58053" s="1" t="s">
        <v>195275</v>
      </c>
    </row>
    <row r="58054" spans="1:10" x14ac:dyDescent="0.35">
      <c r="A58054" s="1" t="s">
        <v>195259</v>
      </c>
      <c r="B58054" s="1" t="s">
        <v>187129</v>
      </c>
      <c r="C58054" s="1" t="s">
        <v>35</v>
      </c>
      <c r="D58054" s="1" t="s">
        <v>195276</v>
      </c>
      <c r="E58054" s="1" t="s">
        <v>195277</v>
      </c>
      <c r="F58054" s="1" t="s">
        <v>195278</v>
      </c>
      <c r="G58054" s="1" t="s">
        <v>195262</v>
      </c>
      <c r="H58054" s="1" t="s">
        <v>195263</v>
      </c>
      <c r="I58054" s="1" t="s">
        <v>187135</v>
      </c>
      <c r="J58054" s="1" t="s">
        <v>195279</v>
      </c>
    </row>
    <row r="58055" spans="1:10" x14ac:dyDescent="0.35">
      <c r="A58055" s="1" t="s">
        <v>195259</v>
      </c>
      <c r="B58055" s="1" t="s">
        <v>187129</v>
      </c>
      <c r="C58055" s="1" t="s">
        <v>40</v>
      </c>
      <c r="D58055" s="1" t="s">
        <v>126572</v>
      </c>
      <c r="E58055" s="1" t="s">
        <v>195280</v>
      </c>
      <c r="F58055" s="1" t="s">
        <v>195281</v>
      </c>
      <c r="G58055" s="1" t="s">
        <v>195262</v>
      </c>
      <c r="H58055" s="1" t="s">
        <v>195263</v>
      </c>
      <c r="I58055" s="1" t="s">
        <v>187135</v>
      </c>
      <c r="J58055" s="1" t="s">
        <v>195282</v>
      </c>
    </row>
    <row r="58056" spans="1:10" x14ac:dyDescent="0.35">
      <c r="A58056" s="1" t="s">
        <v>195259</v>
      </c>
      <c r="B58056" s="1" t="s">
        <v>187129</v>
      </c>
      <c r="C58056" s="1" t="s">
        <v>45</v>
      </c>
      <c r="D58056" s="1" t="s">
        <v>195283</v>
      </c>
      <c r="E58056" s="1" t="s">
        <v>195284</v>
      </c>
      <c r="F58056" s="1" t="s">
        <v>195285</v>
      </c>
      <c r="G58056" s="1" t="s">
        <v>195262</v>
      </c>
      <c r="H58056" s="1" t="s">
        <v>195263</v>
      </c>
      <c r="I58056" s="1" t="s">
        <v>187135</v>
      </c>
      <c r="J58056" s="1" t="s">
        <v>195286</v>
      </c>
    </row>
    <row r="58057" spans="1:10" x14ac:dyDescent="0.35">
      <c r="A58057" s="1" t="s">
        <v>195259</v>
      </c>
      <c r="B58057" s="1" t="s">
        <v>187129</v>
      </c>
      <c r="C58057" s="1" t="s">
        <v>50</v>
      </c>
      <c r="D58057" s="1" t="s">
        <v>183977</v>
      </c>
      <c r="E58057" s="1" t="s">
        <v>195287</v>
      </c>
      <c r="F58057" s="1" t="s">
        <v>195288</v>
      </c>
      <c r="G58057" s="1" t="s">
        <v>195262</v>
      </c>
      <c r="H58057" s="1" t="s">
        <v>195263</v>
      </c>
      <c r="I58057" s="1" t="s">
        <v>187135</v>
      </c>
      <c r="J58057" s="1" t="s">
        <v>195289</v>
      </c>
    </row>
    <row r="58058" spans="1:10" x14ac:dyDescent="0.35">
      <c r="A58058" s="1" t="s">
        <v>195259</v>
      </c>
      <c r="B58058" s="1" t="s">
        <v>187129</v>
      </c>
      <c r="C58058" s="1" t="s">
        <v>55</v>
      </c>
      <c r="D58058" s="1" t="s">
        <v>125535</v>
      </c>
      <c r="E58058" s="1" t="s">
        <v>195290</v>
      </c>
      <c r="F58058" s="1" t="s">
        <v>195291</v>
      </c>
      <c r="G58058" s="1" t="s">
        <v>195262</v>
      </c>
      <c r="H58058" s="1" t="s">
        <v>195263</v>
      </c>
      <c r="I58058" s="1" t="s">
        <v>187135</v>
      </c>
      <c r="J58058" s="1" t="s">
        <v>195292</v>
      </c>
    </row>
    <row r="58059" spans="1:10" x14ac:dyDescent="0.35">
      <c r="A58059" s="1" t="s">
        <v>195259</v>
      </c>
      <c r="B58059" s="1" t="s">
        <v>187129</v>
      </c>
      <c r="C58059" s="1" t="s">
        <v>60</v>
      </c>
      <c r="D58059" s="1" t="s">
        <v>176705</v>
      </c>
      <c r="E58059" s="1" t="s">
        <v>195293</v>
      </c>
      <c r="F58059" s="1" t="s">
        <v>195294</v>
      </c>
      <c r="G58059" s="1" t="s">
        <v>195262</v>
      </c>
      <c r="H58059" s="1" t="s">
        <v>195263</v>
      </c>
      <c r="I58059" s="1" t="s">
        <v>187135</v>
      </c>
      <c r="J58059" s="1" t="s">
        <v>195295</v>
      </c>
    </row>
    <row r="58060" spans="1:10" x14ac:dyDescent="0.35">
      <c r="A58060" s="1" t="s">
        <v>195259</v>
      </c>
      <c r="B58060" s="1" t="s">
        <v>187129</v>
      </c>
      <c r="C58060" s="1" t="s">
        <v>65</v>
      </c>
      <c r="D58060" s="1" t="s">
        <v>43670</v>
      </c>
      <c r="E58060" s="1" t="s">
        <v>195296</v>
      </c>
      <c r="F58060" s="1" t="s">
        <v>195297</v>
      </c>
      <c r="G58060" s="1" t="s">
        <v>195262</v>
      </c>
      <c r="H58060" s="1" t="s">
        <v>195263</v>
      </c>
      <c r="I58060" s="1" t="s">
        <v>187135</v>
      </c>
      <c r="J58060" s="1" t="s">
        <v>195298</v>
      </c>
    </row>
    <row r="58061" spans="1:10" x14ac:dyDescent="0.35">
      <c r="A58061" s="1" t="s">
        <v>195259</v>
      </c>
      <c r="B58061" s="1" t="s">
        <v>187129</v>
      </c>
      <c r="C58061" s="1" t="s">
        <v>70</v>
      </c>
      <c r="D58061" s="1" t="s">
        <v>195299</v>
      </c>
      <c r="E58061" s="1" t="s">
        <v>195300</v>
      </c>
      <c r="F58061" s="1" t="s">
        <v>195301</v>
      </c>
      <c r="G58061" s="1" t="s">
        <v>195262</v>
      </c>
      <c r="H58061" s="1" t="s">
        <v>195263</v>
      </c>
      <c r="I58061" s="1" t="s">
        <v>187135</v>
      </c>
      <c r="J58061" s="1" t="s">
        <v>195302</v>
      </c>
    </row>
    <row r="58062" spans="1:10" x14ac:dyDescent="0.35">
      <c r="A58062" s="1" t="s">
        <v>195259</v>
      </c>
      <c r="B58062" s="1" t="s">
        <v>187129</v>
      </c>
      <c r="C58062" s="1" t="s">
        <v>75</v>
      </c>
      <c r="D58062" s="1" t="s">
        <v>123204</v>
      </c>
      <c r="E58062" s="1" t="s">
        <v>195303</v>
      </c>
      <c r="F58062" s="1" t="s">
        <v>195304</v>
      </c>
      <c r="G58062" s="1" t="s">
        <v>195262</v>
      </c>
      <c r="H58062" s="1" t="s">
        <v>195263</v>
      </c>
      <c r="I58062" s="1" t="s">
        <v>187135</v>
      </c>
      <c r="J58062" s="1" t="s">
        <v>195305</v>
      </c>
    </row>
    <row r="58063" spans="1:10" x14ac:dyDescent="0.35">
      <c r="A58063" s="1" t="s">
        <v>195259</v>
      </c>
      <c r="B58063" s="1" t="s">
        <v>187129</v>
      </c>
      <c r="C58063" s="1" t="s">
        <v>80</v>
      </c>
      <c r="D58063" s="1" t="s">
        <v>177967</v>
      </c>
      <c r="E58063" s="1" t="s">
        <v>195306</v>
      </c>
      <c r="F58063" s="1" t="s">
        <v>195307</v>
      </c>
      <c r="G58063" s="1" t="s">
        <v>195262</v>
      </c>
      <c r="H58063" s="1" t="s">
        <v>195263</v>
      </c>
      <c r="I58063" s="1" t="s">
        <v>187135</v>
      </c>
      <c r="J58063" s="1" t="s">
        <v>195308</v>
      </c>
    </row>
    <row r="58064" spans="1:10" x14ac:dyDescent="0.35">
      <c r="A58064" s="1" t="s">
        <v>195259</v>
      </c>
      <c r="B58064" s="1" t="s">
        <v>187129</v>
      </c>
      <c r="C58064" s="1" t="s">
        <v>85</v>
      </c>
      <c r="D58064" s="1" t="s">
        <v>114854</v>
      </c>
      <c r="E58064" s="1" t="s">
        <v>195309</v>
      </c>
      <c r="F58064" s="1" t="s">
        <v>195310</v>
      </c>
      <c r="G58064" s="1" t="s">
        <v>195262</v>
      </c>
      <c r="H58064" s="1" t="s">
        <v>195263</v>
      </c>
      <c r="I58064" s="1" t="s">
        <v>187135</v>
      </c>
      <c r="J58064" s="1" t="s">
        <v>195311</v>
      </c>
    </row>
    <row r="58065" spans="1:10" x14ac:dyDescent="0.35">
      <c r="A58065" s="1" t="s">
        <v>195259</v>
      </c>
      <c r="B58065" s="1" t="s">
        <v>187129</v>
      </c>
      <c r="C58065" s="1" t="s">
        <v>90</v>
      </c>
      <c r="D58065" s="1" t="s">
        <v>195312</v>
      </c>
      <c r="E58065" s="1" t="s">
        <v>195313</v>
      </c>
      <c r="F58065" s="1" t="s">
        <v>195314</v>
      </c>
      <c r="G58065" s="1" t="s">
        <v>195262</v>
      </c>
      <c r="H58065" s="1" t="s">
        <v>195263</v>
      </c>
      <c r="I58065" s="1" t="s">
        <v>187135</v>
      </c>
      <c r="J58065" s="1" t="s">
        <v>195315</v>
      </c>
    </row>
    <row r="58066" spans="1:10" x14ac:dyDescent="0.35">
      <c r="A58066" s="1" t="s">
        <v>195259</v>
      </c>
      <c r="B58066" s="1" t="s">
        <v>187129</v>
      </c>
      <c r="C58066" s="1" t="s">
        <v>95</v>
      </c>
      <c r="D58066" s="1" t="s">
        <v>195316</v>
      </c>
      <c r="E58066" s="1" t="s">
        <v>195317</v>
      </c>
      <c r="F58066" s="1" t="s">
        <v>195318</v>
      </c>
      <c r="G58066" s="1" t="s">
        <v>195262</v>
      </c>
      <c r="H58066" s="1" t="s">
        <v>195263</v>
      </c>
      <c r="I58066" s="1" t="s">
        <v>187135</v>
      </c>
      <c r="J58066" s="1" t="s">
        <v>195319</v>
      </c>
    </row>
    <row r="58067" spans="1:10" x14ac:dyDescent="0.35">
      <c r="A58067" s="1" t="s">
        <v>195259</v>
      </c>
      <c r="B58067" s="1" t="s">
        <v>187129</v>
      </c>
      <c r="C58067" s="1" t="s">
        <v>100</v>
      </c>
      <c r="D58067" s="1" t="s">
        <v>195320</v>
      </c>
      <c r="E58067" s="1" t="s">
        <v>195321</v>
      </c>
      <c r="F58067" s="1" t="s">
        <v>195322</v>
      </c>
      <c r="G58067" s="1" t="s">
        <v>195262</v>
      </c>
      <c r="H58067" s="1" t="s">
        <v>195263</v>
      </c>
      <c r="I58067" s="1" t="s">
        <v>187135</v>
      </c>
      <c r="J58067" s="1" t="s">
        <v>195323</v>
      </c>
    </row>
    <row r="58068" spans="1:10" x14ac:dyDescent="0.35">
      <c r="A58068" s="1" t="s">
        <v>195259</v>
      </c>
      <c r="B58068" s="1" t="s">
        <v>187129</v>
      </c>
      <c r="C58068" s="1" t="s">
        <v>105</v>
      </c>
      <c r="D58068" s="1" t="s">
        <v>125208</v>
      </c>
      <c r="E58068" s="1" t="s">
        <v>195324</v>
      </c>
      <c r="F58068" s="1" t="s">
        <v>195325</v>
      </c>
      <c r="G58068" s="1" t="s">
        <v>195262</v>
      </c>
      <c r="H58068" s="1" t="s">
        <v>195263</v>
      </c>
      <c r="I58068" s="1" t="s">
        <v>187135</v>
      </c>
      <c r="J58068" s="1" t="s">
        <v>195326</v>
      </c>
    </row>
    <row r="58069" spans="1:10" x14ac:dyDescent="0.35">
      <c r="A58069" s="1" t="s">
        <v>195259</v>
      </c>
      <c r="B58069" s="1" t="s">
        <v>187129</v>
      </c>
      <c r="C58069" s="1" t="s">
        <v>110</v>
      </c>
      <c r="D58069" s="1" t="s">
        <v>195327</v>
      </c>
      <c r="E58069" s="1" t="s">
        <v>195328</v>
      </c>
      <c r="F58069" s="1" t="s">
        <v>195329</v>
      </c>
      <c r="G58069" s="1" t="s">
        <v>195262</v>
      </c>
      <c r="H58069" s="1" t="s">
        <v>195263</v>
      </c>
      <c r="I58069" s="1" t="s">
        <v>187135</v>
      </c>
      <c r="J58069" s="1" t="s">
        <v>195330</v>
      </c>
    </row>
    <row r="58070" spans="1:10" x14ac:dyDescent="0.35">
      <c r="A58070" s="1" t="s">
        <v>195259</v>
      </c>
      <c r="B58070" s="1" t="s">
        <v>187129</v>
      </c>
      <c r="C58070" s="1" t="s">
        <v>115</v>
      </c>
      <c r="D58070" s="1" t="s">
        <v>38021</v>
      </c>
      <c r="E58070" s="1" t="s">
        <v>195331</v>
      </c>
      <c r="F58070" s="1" t="s">
        <v>195332</v>
      </c>
      <c r="G58070" s="1" t="s">
        <v>195262</v>
      </c>
      <c r="H58070" s="1" t="s">
        <v>195263</v>
      </c>
      <c r="I58070" s="1" t="s">
        <v>187135</v>
      </c>
      <c r="J58070" s="1" t="s">
        <v>195333</v>
      </c>
    </row>
    <row r="58071" spans="1:10" x14ac:dyDescent="0.35">
      <c r="A58071" s="1" t="s">
        <v>195259</v>
      </c>
      <c r="B58071" s="1" t="s">
        <v>187129</v>
      </c>
      <c r="C58071" s="1" t="s">
        <v>120</v>
      </c>
      <c r="D58071" s="1" t="s">
        <v>160060</v>
      </c>
      <c r="E58071" s="1" t="s">
        <v>195334</v>
      </c>
      <c r="F58071" s="1" t="s">
        <v>195335</v>
      </c>
      <c r="G58071" s="1" t="s">
        <v>195262</v>
      </c>
      <c r="H58071" s="1" t="s">
        <v>195263</v>
      </c>
      <c r="I58071" s="1" t="s">
        <v>187135</v>
      </c>
      <c r="J58071" s="1" t="s">
        <v>195336</v>
      </c>
    </row>
    <row r="58072" spans="1:10" x14ac:dyDescent="0.35">
      <c r="A58072" s="1" t="s">
        <v>195259</v>
      </c>
      <c r="B58072" s="1" t="s">
        <v>187129</v>
      </c>
      <c r="C58072" s="1" t="s">
        <v>125</v>
      </c>
      <c r="D58072" s="1" t="s">
        <v>109378</v>
      </c>
      <c r="E58072" s="1" t="s">
        <v>195337</v>
      </c>
      <c r="F58072" s="1" t="s">
        <v>195338</v>
      </c>
      <c r="G58072" s="1" t="s">
        <v>195262</v>
      </c>
      <c r="H58072" s="1" t="s">
        <v>195263</v>
      </c>
      <c r="I58072" s="1" t="s">
        <v>187135</v>
      </c>
      <c r="J58072" s="1" t="s">
        <v>195339</v>
      </c>
    </row>
    <row r="58073" spans="1:10" x14ac:dyDescent="0.35">
      <c r="A58073" s="1" t="s">
        <v>195259</v>
      </c>
      <c r="B58073" s="1" t="s">
        <v>187129</v>
      </c>
      <c r="C58073" s="1" t="s">
        <v>130</v>
      </c>
      <c r="D58073" s="1" t="s">
        <v>184471</v>
      </c>
      <c r="E58073" s="1" t="s">
        <v>195340</v>
      </c>
      <c r="F58073" s="1" t="s">
        <v>195341</v>
      </c>
      <c r="G58073" s="1" t="s">
        <v>195262</v>
      </c>
      <c r="H58073" s="1" t="s">
        <v>195263</v>
      </c>
      <c r="I58073" s="1" t="s">
        <v>187135</v>
      </c>
      <c r="J58073" s="1" t="s">
        <v>195342</v>
      </c>
    </row>
    <row r="58074" spans="1:10" x14ac:dyDescent="0.35">
      <c r="A58074" s="1" t="s">
        <v>195259</v>
      </c>
      <c r="B58074" s="1" t="s">
        <v>187129</v>
      </c>
      <c r="C58074" s="1" t="s">
        <v>135</v>
      </c>
      <c r="D58074" s="1" t="s">
        <v>113648</v>
      </c>
      <c r="E58074" s="1" t="s">
        <v>195343</v>
      </c>
      <c r="F58074" s="1" t="s">
        <v>195344</v>
      </c>
      <c r="G58074" s="1" t="s">
        <v>195262</v>
      </c>
      <c r="H58074" s="1" t="s">
        <v>195263</v>
      </c>
      <c r="I58074" s="1" t="s">
        <v>187135</v>
      </c>
      <c r="J58074" s="1" t="s">
        <v>195345</v>
      </c>
    </row>
    <row r="58075" spans="1:10" x14ac:dyDescent="0.35">
      <c r="A58075" s="1" t="s">
        <v>195259</v>
      </c>
      <c r="B58075" s="1" t="s">
        <v>187129</v>
      </c>
      <c r="C58075" s="1" t="s">
        <v>140</v>
      </c>
      <c r="D58075" s="1" t="s">
        <v>3778</v>
      </c>
      <c r="E58075" s="1" t="s">
        <v>195346</v>
      </c>
      <c r="F58075" s="1" t="s">
        <v>195347</v>
      </c>
      <c r="G58075" s="1" t="s">
        <v>195262</v>
      </c>
      <c r="H58075" s="1" t="s">
        <v>195263</v>
      </c>
      <c r="I58075" s="1" t="s">
        <v>187135</v>
      </c>
      <c r="J58075" s="1" t="s">
        <v>195348</v>
      </c>
    </row>
    <row r="58076" spans="1:10" x14ac:dyDescent="0.35">
      <c r="A58076" s="1" t="s">
        <v>195259</v>
      </c>
      <c r="B58076" s="1" t="s">
        <v>187129</v>
      </c>
      <c r="C58076" s="1" t="s">
        <v>145</v>
      </c>
      <c r="D58076" s="1" t="s">
        <v>195349</v>
      </c>
      <c r="E58076" s="1" t="s">
        <v>195350</v>
      </c>
      <c r="F58076" s="1" t="s">
        <v>195351</v>
      </c>
      <c r="G58076" s="1" t="s">
        <v>195262</v>
      </c>
      <c r="H58076" s="1" t="s">
        <v>195263</v>
      </c>
      <c r="I58076" s="1" t="s">
        <v>187135</v>
      </c>
      <c r="J58076" s="1" t="s">
        <v>195352</v>
      </c>
    </row>
    <row r="58077" spans="1:10" x14ac:dyDescent="0.35">
      <c r="A58077" s="1" t="s">
        <v>195259</v>
      </c>
      <c r="B58077" s="1" t="s">
        <v>187129</v>
      </c>
      <c r="C58077" s="1" t="s">
        <v>150</v>
      </c>
      <c r="D58077" s="1" t="s">
        <v>195353</v>
      </c>
      <c r="E58077" s="1" t="s">
        <v>195354</v>
      </c>
      <c r="F58077" s="1" t="s">
        <v>195355</v>
      </c>
      <c r="G58077" s="1" t="s">
        <v>195262</v>
      </c>
      <c r="H58077" s="1" t="s">
        <v>195263</v>
      </c>
      <c r="I58077" s="1" t="s">
        <v>187135</v>
      </c>
      <c r="J58077" s="1" t="s">
        <v>195356</v>
      </c>
    </row>
    <row r="58078" spans="1:10" x14ac:dyDescent="0.35">
      <c r="A58078" s="1" t="s">
        <v>195259</v>
      </c>
      <c r="B58078" s="1" t="s">
        <v>187129</v>
      </c>
      <c r="C58078" s="1" t="s">
        <v>155</v>
      </c>
      <c r="D58078" s="1" t="s">
        <v>195357</v>
      </c>
      <c r="E58078" s="1" t="s">
        <v>195358</v>
      </c>
      <c r="F58078" s="1" t="s">
        <v>195359</v>
      </c>
      <c r="G58078" s="1" t="s">
        <v>195262</v>
      </c>
      <c r="H58078" s="1" t="s">
        <v>195263</v>
      </c>
      <c r="I58078" s="1" t="s">
        <v>187135</v>
      </c>
      <c r="J58078" s="1" t="s">
        <v>195360</v>
      </c>
    </row>
    <row r="58079" spans="1:10" x14ac:dyDescent="0.35">
      <c r="A58079" s="1" t="s">
        <v>195259</v>
      </c>
      <c r="B58079" s="1" t="s">
        <v>187129</v>
      </c>
      <c r="C58079" s="1" t="s">
        <v>160</v>
      </c>
      <c r="D58079" s="1" t="s">
        <v>195361</v>
      </c>
      <c r="E58079" s="1" t="s">
        <v>195362</v>
      </c>
      <c r="F58079" s="1" t="s">
        <v>195363</v>
      </c>
      <c r="G58079" s="1" t="s">
        <v>195262</v>
      </c>
      <c r="H58079" s="1" t="s">
        <v>195263</v>
      </c>
      <c r="I58079" s="1" t="s">
        <v>187135</v>
      </c>
      <c r="J58079" s="1" t="s">
        <v>195364</v>
      </c>
    </row>
    <row r="58080" spans="1:10" x14ac:dyDescent="0.35">
      <c r="A58080" s="1" t="s">
        <v>195259</v>
      </c>
      <c r="B58080" s="1" t="s">
        <v>187129</v>
      </c>
      <c r="C58080" s="1" t="s">
        <v>165</v>
      </c>
      <c r="D58080" s="1" t="s">
        <v>105407</v>
      </c>
      <c r="E58080" s="1" t="s">
        <v>195365</v>
      </c>
      <c r="F58080" s="1" t="s">
        <v>195366</v>
      </c>
      <c r="G58080" s="1" t="s">
        <v>195262</v>
      </c>
      <c r="H58080" s="1" t="s">
        <v>195263</v>
      </c>
      <c r="I58080" s="1" t="s">
        <v>187135</v>
      </c>
      <c r="J58080" s="1" t="s">
        <v>195367</v>
      </c>
    </row>
    <row r="58081" spans="1:10" x14ac:dyDescent="0.35">
      <c r="A58081" s="1" t="s">
        <v>195259</v>
      </c>
      <c r="B58081" s="1" t="s">
        <v>187129</v>
      </c>
      <c r="C58081" s="1" t="s">
        <v>170</v>
      </c>
      <c r="D58081" s="1" t="s">
        <v>195368</v>
      </c>
      <c r="E58081" s="1" t="s">
        <v>195369</v>
      </c>
      <c r="F58081" s="1" t="s">
        <v>195370</v>
      </c>
      <c r="G58081" s="1" t="s">
        <v>195262</v>
      </c>
      <c r="H58081" s="1" t="s">
        <v>195263</v>
      </c>
      <c r="I58081" s="1" t="s">
        <v>187135</v>
      </c>
      <c r="J58081" s="1" t="s">
        <v>195371</v>
      </c>
    </row>
    <row r="58082" spans="1:10" x14ac:dyDescent="0.35">
      <c r="A58082" s="1" t="s">
        <v>4013</v>
      </c>
      <c r="B58082" s="1" t="s">
        <v>187129</v>
      </c>
      <c r="C58082" s="1" t="s">
        <v>8</v>
      </c>
      <c r="D58082" s="1" t="s">
        <v>38233</v>
      </c>
      <c r="E58082" s="1" t="s">
        <v>195372</v>
      </c>
      <c r="F58082" s="1" t="s">
        <v>195373</v>
      </c>
      <c r="G58082" s="1" t="s">
        <v>195374</v>
      </c>
      <c r="H58082" s="1" t="s">
        <v>195375</v>
      </c>
      <c r="I58082" s="1" t="s">
        <v>187135</v>
      </c>
      <c r="J58082" s="1" t="s">
        <v>13</v>
      </c>
    </row>
    <row r="58083" spans="1:10" x14ac:dyDescent="0.35">
      <c r="A58083" s="1" t="s">
        <v>4013</v>
      </c>
      <c r="B58083" s="1" t="s">
        <v>187129</v>
      </c>
      <c r="C58083" s="1" t="s">
        <v>15</v>
      </c>
      <c r="D58083" s="1" t="s">
        <v>116873</v>
      </c>
      <c r="E58083" s="1" t="s">
        <v>195376</v>
      </c>
      <c r="F58083" s="1" t="s">
        <v>195377</v>
      </c>
      <c r="G58083" s="1" t="s">
        <v>195374</v>
      </c>
      <c r="H58083" s="1" t="s">
        <v>195375</v>
      </c>
      <c r="I58083" s="1" t="s">
        <v>187135</v>
      </c>
      <c r="J58083" s="1" t="s">
        <v>195378</v>
      </c>
    </row>
    <row r="58084" spans="1:10" x14ac:dyDescent="0.35">
      <c r="A58084" s="1" t="s">
        <v>4013</v>
      </c>
      <c r="B58084" s="1" t="s">
        <v>187129</v>
      </c>
      <c r="C58084" s="1" t="s">
        <v>20</v>
      </c>
      <c r="D58084" s="1" t="s">
        <v>195379</v>
      </c>
      <c r="E58084" s="1" t="s">
        <v>195380</v>
      </c>
      <c r="F58084" s="1" t="s">
        <v>195381</v>
      </c>
      <c r="G58084" s="1" t="s">
        <v>195374</v>
      </c>
      <c r="H58084" s="1" t="s">
        <v>195375</v>
      </c>
      <c r="I58084" s="1" t="s">
        <v>187135</v>
      </c>
      <c r="J58084" s="1" t="s">
        <v>195382</v>
      </c>
    </row>
    <row r="58085" spans="1:10" x14ac:dyDescent="0.35">
      <c r="A58085" s="1" t="s">
        <v>4013</v>
      </c>
      <c r="B58085" s="1" t="s">
        <v>187129</v>
      </c>
      <c r="C58085" s="1" t="s">
        <v>25</v>
      </c>
      <c r="D58085" s="1" t="s">
        <v>171392</v>
      </c>
      <c r="E58085" s="1" t="s">
        <v>195383</v>
      </c>
      <c r="F58085" s="1" t="s">
        <v>195384</v>
      </c>
      <c r="G58085" s="1" t="s">
        <v>195374</v>
      </c>
      <c r="H58085" s="1" t="s">
        <v>195375</v>
      </c>
      <c r="I58085" s="1" t="s">
        <v>187135</v>
      </c>
      <c r="J58085" s="1" t="s">
        <v>195385</v>
      </c>
    </row>
    <row r="58086" spans="1:10" x14ac:dyDescent="0.35">
      <c r="A58086" s="1" t="s">
        <v>4013</v>
      </c>
      <c r="B58086" s="1" t="s">
        <v>187129</v>
      </c>
      <c r="C58086" s="1" t="s">
        <v>30</v>
      </c>
      <c r="D58086" s="1" t="s">
        <v>33779</v>
      </c>
      <c r="E58086" s="1" t="s">
        <v>195386</v>
      </c>
      <c r="F58086" s="1" t="s">
        <v>195387</v>
      </c>
      <c r="G58086" s="1" t="s">
        <v>195374</v>
      </c>
      <c r="H58086" s="1" t="s">
        <v>195375</v>
      </c>
      <c r="I58086" s="1" t="s">
        <v>187135</v>
      </c>
      <c r="J58086" s="1" t="s">
        <v>195388</v>
      </c>
    </row>
    <row r="58087" spans="1:10" x14ac:dyDescent="0.35">
      <c r="A58087" s="1" t="s">
        <v>4013</v>
      </c>
      <c r="B58087" s="1" t="s">
        <v>187129</v>
      </c>
      <c r="C58087" s="1" t="s">
        <v>35</v>
      </c>
      <c r="D58087" s="1" t="s">
        <v>10366</v>
      </c>
      <c r="E58087" s="1" t="s">
        <v>195389</v>
      </c>
      <c r="F58087" s="1" t="s">
        <v>195390</v>
      </c>
      <c r="G58087" s="1" t="s">
        <v>195374</v>
      </c>
      <c r="H58087" s="1" t="s">
        <v>195375</v>
      </c>
      <c r="I58087" s="1" t="s">
        <v>187135</v>
      </c>
      <c r="J58087" s="1" t="s">
        <v>195391</v>
      </c>
    </row>
    <row r="58088" spans="1:10" x14ac:dyDescent="0.35">
      <c r="A58088" s="1" t="s">
        <v>4013</v>
      </c>
      <c r="B58088" s="1" t="s">
        <v>187129</v>
      </c>
      <c r="C58088" s="1" t="s">
        <v>40</v>
      </c>
      <c r="D58088" s="1" t="s">
        <v>8786</v>
      </c>
      <c r="E58088" s="1" t="s">
        <v>195392</v>
      </c>
      <c r="F58088" s="1" t="s">
        <v>195393</v>
      </c>
      <c r="G58088" s="1" t="s">
        <v>195374</v>
      </c>
      <c r="H58088" s="1" t="s">
        <v>195375</v>
      </c>
      <c r="I58088" s="1" t="s">
        <v>187135</v>
      </c>
      <c r="J58088" s="1" t="s">
        <v>195394</v>
      </c>
    </row>
    <row r="58089" spans="1:10" x14ac:dyDescent="0.35">
      <c r="A58089" s="1" t="s">
        <v>4013</v>
      </c>
      <c r="B58089" s="1" t="s">
        <v>187129</v>
      </c>
      <c r="C58089" s="1" t="s">
        <v>45</v>
      </c>
      <c r="D58089" s="1" t="s">
        <v>72358</v>
      </c>
      <c r="E58089" s="1" t="s">
        <v>195395</v>
      </c>
      <c r="F58089" s="1" t="s">
        <v>195396</v>
      </c>
      <c r="G58089" s="1" t="s">
        <v>195374</v>
      </c>
      <c r="H58089" s="1" t="s">
        <v>195375</v>
      </c>
      <c r="I58089" s="1" t="s">
        <v>187135</v>
      </c>
      <c r="J58089" s="1" t="s">
        <v>195397</v>
      </c>
    </row>
    <row r="58090" spans="1:10" x14ac:dyDescent="0.35">
      <c r="A58090" s="1" t="s">
        <v>4013</v>
      </c>
      <c r="B58090" s="1" t="s">
        <v>187129</v>
      </c>
      <c r="C58090" s="1" t="s">
        <v>50</v>
      </c>
      <c r="D58090" s="1" t="s">
        <v>3413</v>
      </c>
      <c r="E58090" s="1" t="s">
        <v>195398</v>
      </c>
      <c r="F58090" s="1" t="s">
        <v>195399</v>
      </c>
      <c r="G58090" s="1" t="s">
        <v>195374</v>
      </c>
      <c r="H58090" s="1" t="s">
        <v>195375</v>
      </c>
      <c r="I58090" s="1" t="s">
        <v>187135</v>
      </c>
      <c r="J58090" s="1" t="s">
        <v>195400</v>
      </c>
    </row>
    <row r="58091" spans="1:10" x14ac:dyDescent="0.35">
      <c r="A58091" s="1" t="s">
        <v>4013</v>
      </c>
      <c r="B58091" s="1" t="s">
        <v>187129</v>
      </c>
      <c r="C58091" s="1" t="s">
        <v>55</v>
      </c>
      <c r="D58091" s="1" t="s">
        <v>43127</v>
      </c>
      <c r="E58091" s="1" t="s">
        <v>195401</v>
      </c>
      <c r="F58091" s="1" t="s">
        <v>195402</v>
      </c>
      <c r="G58091" s="1" t="s">
        <v>195374</v>
      </c>
      <c r="H58091" s="1" t="s">
        <v>195375</v>
      </c>
      <c r="I58091" s="1" t="s">
        <v>187135</v>
      </c>
      <c r="J58091" s="1" t="s">
        <v>195403</v>
      </c>
    </row>
    <row r="58092" spans="1:10" x14ac:dyDescent="0.35">
      <c r="A58092" s="1" t="s">
        <v>4013</v>
      </c>
      <c r="B58092" s="1" t="s">
        <v>187129</v>
      </c>
      <c r="C58092" s="1" t="s">
        <v>60</v>
      </c>
      <c r="D58092" s="1" t="s">
        <v>135265</v>
      </c>
      <c r="E58092" s="1" t="s">
        <v>195404</v>
      </c>
      <c r="F58092" s="1" t="s">
        <v>195405</v>
      </c>
      <c r="G58092" s="1" t="s">
        <v>195374</v>
      </c>
      <c r="H58092" s="1" t="s">
        <v>195375</v>
      </c>
      <c r="I58092" s="1" t="s">
        <v>187135</v>
      </c>
      <c r="J58092" s="1" t="s">
        <v>195406</v>
      </c>
    </row>
    <row r="58093" spans="1:10" x14ac:dyDescent="0.35">
      <c r="A58093" s="1" t="s">
        <v>4013</v>
      </c>
      <c r="B58093" s="1" t="s">
        <v>187129</v>
      </c>
      <c r="C58093" s="1" t="s">
        <v>65</v>
      </c>
      <c r="D58093" s="1" t="s">
        <v>195407</v>
      </c>
      <c r="E58093" s="1" t="s">
        <v>195408</v>
      </c>
      <c r="F58093" s="1" t="s">
        <v>195409</v>
      </c>
      <c r="G58093" s="1" t="s">
        <v>195374</v>
      </c>
      <c r="H58093" s="1" t="s">
        <v>195375</v>
      </c>
      <c r="I58093" s="1" t="s">
        <v>187135</v>
      </c>
      <c r="J58093" s="1" t="s">
        <v>195410</v>
      </c>
    </row>
    <row r="58094" spans="1:10" x14ac:dyDescent="0.35">
      <c r="A58094" s="1" t="s">
        <v>4013</v>
      </c>
      <c r="B58094" s="1" t="s">
        <v>187129</v>
      </c>
      <c r="C58094" s="1" t="s">
        <v>70</v>
      </c>
      <c r="D58094" s="1" t="s">
        <v>47369</v>
      </c>
      <c r="E58094" s="1" t="s">
        <v>195411</v>
      </c>
      <c r="F58094" s="1" t="s">
        <v>195412</v>
      </c>
      <c r="G58094" s="1" t="s">
        <v>195374</v>
      </c>
      <c r="H58094" s="1" t="s">
        <v>195375</v>
      </c>
      <c r="I58094" s="1" t="s">
        <v>187135</v>
      </c>
      <c r="J58094" s="1" t="s">
        <v>195413</v>
      </c>
    </row>
    <row r="58095" spans="1:10" x14ac:dyDescent="0.35">
      <c r="A58095" s="1" t="s">
        <v>4013</v>
      </c>
      <c r="B58095" s="1" t="s">
        <v>187129</v>
      </c>
      <c r="C58095" s="1" t="s">
        <v>75</v>
      </c>
      <c r="D58095" s="1" t="s">
        <v>47532</v>
      </c>
      <c r="E58095" s="1" t="s">
        <v>195414</v>
      </c>
      <c r="F58095" s="1" t="s">
        <v>195415</v>
      </c>
      <c r="G58095" s="1" t="s">
        <v>195374</v>
      </c>
      <c r="H58095" s="1" t="s">
        <v>195375</v>
      </c>
      <c r="I58095" s="1" t="s">
        <v>187135</v>
      </c>
      <c r="J58095" s="1" t="s">
        <v>195416</v>
      </c>
    </row>
    <row r="58096" spans="1:10" x14ac:dyDescent="0.35">
      <c r="A58096" s="1" t="s">
        <v>4013</v>
      </c>
      <c r="B58096" s="1" t="s">
        <v>187129</v>
      </c>
      <c r="C58096" s="1" t="s">
        <v>80</v>
      </c>
      <c r="D58096" s="1" t="s">
        <v>124677</v>
      </c>
      <c r="E58096" s="1" t="s">
        <v>195417</v>
      </c>
      <c r="F58096" s="1" t="s">
        <v>195418</v>
      </c>
      <c r="G58096" s="1" t="s">
        <v>195374</v>
      </c>
      <c r="H58096" s="1" t="s">
        <v>195375</v>
      </c>
      <c r="I58096" s="1" t="s">
        <v>187135</v>
      </c>
      <c r="J58096" s="1" t="s">
        <v>195419</v>
      </c>
    </row>
    <row r="58097" spans="1:10" x14ac:dyDescent="0.35">
      <c r="A58097" s="1" t="s">
        <v>4013</v>
      </c>
      <c r="B58097" s="1" t="s">
        <v>187129</v>
      </c>
      <c r="C58097" s="1" t="s">
        <v>85</v>
      </c>
      <c r="D58097" s="1" t="s">
        <v>176688</v>
      </c>
      <c r="E58097" s="1" t="s">
        <v>195420</v>
      </c>
      <c r="F58097" s="1" t="s">
        <v>195421</v>
      </c>
      <c r="G58097" s="1" t="s">
        <v>195374</v>
      </c>
      <c r="H58097" s="1" t="s">
        <v>195375</v>
      </c>
      <c r="I58097" s="1" t="s">
        <v>187135</v>
      </c>
      <c r="J58097" s="1" t="s">
        <v>195422</v>
      </c>
    </row>
    <row r="58098" spans="1:10" x14ac:dyDescent="0.35">
      <c r="A58098" s="1" t="s">
        <v>4013</v>
      </c>
      <c r="B58098" s="1" t="s">
        <v>187129</v>
      </c>
      <c r="C58098" s="1" t="s">
        <v>90</v>
      </c>
      <c r="D58098" s="1" t="s">
        <v>75282</v>
      </c>
      <c r="E58098" s="1" t="s">
        <v>195423</v>
      </c>
      <c r="F58098" s="1" t="s">
        <v>195424</v>
      </c>
      <c r="G58098" s="1" t="s">
        <v>195374</v>
      </c>
      <c r="H58098" s="1" t="s">
        <v>195375</v>
      </c>
      <c r="I58098" s="1" t="s">
        <v>187135</v>
      </c>
      <c r="J58098" s="1" t="s">
        <v>195425</v>
      </c>
    </row>
    <row r="58099" spans="1:10" x14ac:dyDescent="0.35">
      <c r="A58099" s="1" t="s">
        <v>4013</v>
      </c>
      <c r="B58099" s="1" t="s">
        <v>187129</v>
      </c>
      <c r="C58099" s="1" t="s">
        <v>95</v>
      </c>
      <c r="D58099" s="1" t="s">
        <v>194143</v>
      </c>
      <c r="E58099" s="1" t="s">
        <v>195426</v>
      </c>
      <c r="F58099" s="1" t="s">
        <v>195427</v>
      </c>
      <c r="G58099" s="1" t="s">
        <v>195374</v>
      </c>
      <c r="H58099" s="1" t="s">
        <v>195375</v>
      </c>
      <c r="I58099" s="1" t="s">
        <v>187135</v>
      </c>
      <c r="J58099" s="1" t="s">
        <v>195428</v>
      </c>
    </row>
    <row r="58100" spans="1:10" x14ac:dyDescent="0.35">
      <c r="A58100" s="1" t="s">
        <v>4013</v>
      </c>
      <c r="B58100" s="1" t="s">
        <v>187129</v>
      </c>
      <c r="C58100" s="1" t="s">
        <v>100</v>
      </c>
      <c r="D58100" s="1" t="s">
        <v>117591</v>
      </c>
      <c r="E58100" s="1" t="s">
        <v>195429</v>
      </c>
      <c r="F58100" s="1" t="s">
        <v>195430</v>
      </c>
      <c r="G58100" s="1" t="s">
        <v>195374</v>
      </c>
      <c r="H58100" s="1" t="s">
        <v>195375</v>
      </c>
      <c r="I58100" s="1" t="s">
        <v>187135</v>
      </c>
      <c r="J58100" s="1" t="s">
        <v>195431</v>
      </c>
    </row>
    <row r="58101" spans="1:10" x14ac:dyDescent="0.35">
      <c r="A58101" s="1" t="s">
        <v>4013</v>
      </c>
      <c r="B58101" s="1" t="s">
        <v>187129</v>
      </c>
      <c r="C58101" s="1" t="s">
        <v>105</v>
      </c>
      <c r="D58101" s="1" t="s">
        <v>148451</v>
      </c>
      <c r="E58101" s="1" t="s">
        <v>195432</v>
      </c>
      <c r="F58101" s="1" t="s">
        <v>195433</v>
      </c>
      <c r="G58101" s="1" t="s">
        <v>195374</v>
      </c>
      <c r="H58101" s="1" t="s">
        <v>195375</v>
      </c>
      <c r="I58101" s="1" t="s">
        <v>187135</v>
      </c>
      <c r="J58101" s="1" t="s">
        <v>195434</v>
      </c>
    </row>
    <row r="58102" spans="1:10" x14ac:dyDescent="0.35">
      <c r="A58102" s="1" t="s">
        <v>4013</v>
      </c>
      <c r="B58102" s="1" t="s">
        <v>187129</v>
      </c>
      <c r="C58102" s="1" t="s">
        <v>110</v>
      </c>
      <c r="D58102" s="1" t="s">
        <v>18895</v>
      </c>
      <c r="E58102" s="1" t="s">
        <v>195435</v>
      </c>
      <c r="F58102" s="1" t="s">
        <v>195436</v>
      </c>
      <c r="G58102" s="1" t="s">
        <v>195374</v>
      </c>
      <c r="H58102" s="1" t="s">
        <v>195375</v>
      </c>
      <c r="I58102" s="1" t="s">
        <v>187135</v>
      </c>
      <c r="J58102" s="1" t="s">
        <v>195437</v>
      </c>
    </row>
    <row r="58103" spans="1:10" x14ac:dyDescent="0.35">
      <c r="A58103" s="1" t="s">
        <v>4013</v>
      </c>
      <c r="B58103" s="1" t="s">
        <v>187129</v>
      </c>
      <c r="C58103" s="1" t="s">
        <v>115</v>
      </c>
      <c r="D58103" s="1" t="s">
        <v>115033</v>
      </c>
      <c r="E58103" s="1" t="s">
        <v>195438</v>
      </c>
      <c r="F58103" s="1" t="s">
        <v>195439</v>
      </c>
      <c r="G58103" s="1" t="s">
        <v>195374</v>
      </c>
      <c r="H58103" s="1" t="s">
        <v>195375</v>
      </c>
      <c r="I58103" s="1" t="s">
        <v>187135</v>
      </c>
      <c r="J58103" s="1" t="s">
        <v>195440</v>
      </c>
    </row>
    <row r="58104" spans="1:10" x14ac:dyDescent="0.35">
      <c r="A58104" s="1" t="s">
        <v>4013</v>
      </c>
      <c r="B58104" s="1" t="s">
        <v>187129</v>
      </c>
      <c r="C58104" s="1" t="s">
        <v>120</v>
      </c>
      <c r="D58104" s="1" t="s">
        <v>31566</v>
      </c>
      <c r="E58104" s="1" t="s">
        <v>195441</v>
      </c>
      <c r="F58104" s="1" t="s">
        <v>195442</v>
      </c>
      <c r="G58104" s="1" t="s">
        <v>195374</v>
      </c>
      <c r="H58104" s="1" t="s">
        <v>195375</v>
      </c>
      <c r="I58104" s="1" t="s">
        <v>187135</v>
      </c>
      <c r="J58104" s="1" t="s">
        <v>195443</v>
      </c>
    </row>
    <row r="58105" spans="1:10" x14ac:dyDescent="0.35">
      <c r="A58105" s="1" t="s">
        <v>4013</v>
      </c>
      <c r="B58105" s="1" t="s">
        <v>187129</v>
      </c>
      <c r="C58105" s="1" t="s">
        <v>125</v>
      </c>
      <c r="D58105" s="1" t="s">
        <v>195444</v>
      </c>
      <c r="E58105" s="1" t="s">
        <v>195445</v>
      </c>
      <c r="F58105" s="1" t="s">
        <v>195446</v>
      </c>
      <c r="G58105" s="1" t="s">
        <v>195374</v>
      </c>
      <c r="H58105" s="1" t="s">
        <v>195375</v>
      </c>
      <c r="I58105" s="1" t="s">
        <v>187135</v>
      </c>
      <c r="J58105" s="1" t="s">
        <v>195447</v>
      </c>
    </row>
    <row r="58106" spans="1:10" x14ac:dyDescent="0.35">
      <c r="A58106" s="1" t="s">
        <v>4013</v>
      </c>
      <c r="B58106" s="1" t="s">
        <v>187129</v>
      </c>
      <c r="C58106" s="1" t="s">
        <v>130</v>
      </c>
      <c r="D58106" s="1" t="s">
        <v>154675</v>
      </c>
      <c r="E58106" s="1" t="s">
        <v>195448</v>
      </c>
      <c r="F58106" s="1" t="s">
        <v>195449</v>
      </c>
      <c r="G58106" s="1" t="s">
        <v>195374</v>
      </c>
      <c r="H58106" s="1" t="s">
        <v>195375</v>
      </c>
      <c r="I58106" s="1" t="s">
        <v>187135</v>
      </c>
      <c r="J58106" s="1" t="s">
        <v>195450</v>
      </c>
    </row>
    <row r="58107" spans="1:10" x14ac:dyDescent="0.35">
      <c r="A58107" s="1" t="s">
        <v>4013</v>
      </c>
      <c r="B58107" s="1" t="s">
        <v>187129</v>
      </c>
      <c r="C58107" s="1" t="s">
        <v>135</v>
      </c>
      <c r="D58107" s="1" t="s">
        <v>156166</v>
      </c>
      <c r="E58107" s="1" t="s">
        <v>195451</v>
      </c>
      <c r="F58107" s="1" t="s">
        <v>195452</v>
      </c>
      <c r="G58107" s="1" t="s">
        <v>195374</v>
      </c>
      <c r="H58107" s="1" t="s">
        <v>195375</v>
      </c>
      <c r="I58107" s="1" t="s">
        <v>187135</v>
      </c>
      <c r="J58107" s="1" t="s">
        <v>195453</v>
      </c>
    </row>
    <row r="58108" spans="1:10" x14ac:dyDescent="0.35">
      <c r="A58108" s="1" t="s">
        <v>4013</v>
      </c>
      <c r="B58108" s="1" t="s">
        <v>187129</v>
      </c>
      <c r="C58108" s="1" t="s">
        <v>140</v>
      </c>
      <c r="D58108" s="1" t="s">
        <v>13644</v>
      </c>
      <c r="E58108" s="1" t="s">
        <v>195454</v>
      </c>
      <c r="F58108" s="1" t="s">
        <v>195455</v>
      </c>
      <c r="G58108" s="1" t="s">
        <v>195374</v>
      </c>
      <c r="H58108" s="1" t="s">
        <v>195375</v>
      </c>
      <c r="I58108" s="1" t="s">
        <v>187135</v>
      </c>
      <c r="J58108" s="1" t="s">
        <v>195456</v>
      </c>
    </row>
    <row r="58109" spans="1:10" x14ac:dyDescent="0.35">
      <c r="A58109" s="1" t="s">
        <v>4013</v>
      </c>
      <c r="B58109" s="1" t="s">
        <v>187129</v>
      </c>
      <c r="C58109" s="1" t="s">
        <v>145</v>
      </c>
      <c r="D58109" s="1" t="s">
        <v>152920</v>
      </c>
      <c r="E58109" s="1" t="s">
        <v>195457</v>
      </c>
      <c r="F58109" s="1" t="s">
        <v>195458</v>
      </c>
      <c r="G58109" s="1" t="s">
        <v>195374</v>
      </c>
      <c r="H58109" s="1" t="s">
        <v>195375</v>
      </c>
      <c r="I58109" s="1" t="s">
        <v>187135</v>
      </c>
      <c r="J58109" s="1" t="s">
        <v>195459</v>
      </c>
    </row>
    <row r="58110" spans="1:10" x14ac:dyDescent="0.35">
      <c r="A58110" s="1" t="s">
        <v>4013</v>
      </c>
      <c r="B58110" s="1" t="s">
        <v>187129</v>
      </c>
      <c r="C58110" s="1" t="s">
        <v>150</v>
      </c>
      <c r="D58110" s="1" t="s">
        <v>125354</v>
      </c>
      <c r="E58110" s="1" t="s">
        <v>195460</v>
      </c>
      <c r="F58110" s="1" t="s">
        <v>195461</v>
      </c>
      <c r="G58110" s="1" t="s">
        <v>195374</v>
      </c>
      <c r="H58110" s="1" t="s">
        <v>195375</v>
      </c>
      <c r="I58110" s="1" t="s">
        <v>187135</v>
      </c>
      <c r="J58110" s="1" t="s">
        <v>195462</v>
      </c>
    </row>
    <row r="58111" spans="1:10" x14ac:dyDescent="0.35">
      <c r="A58111" s="1" t="s">
        <v>4013</v>
      </c>
      <c r="B58111" s="1" t="s">
        <v>187129</v>
      </c>
      <c r="C58111" s="1" t="s">
        <v>155</v>
      </c>
      <c r="D58111" s="1" t="s">
        <v>33872</v>
      </c>
      <c r="E58111" s="1" t="s">
        <v>195463</v>
      </c>
      <c r="F58111" s="1" t="s">
        <v>195464</v>
      </c>
      <c r="G58111" s="1" t="s">
        <v>195374</v>
      </c>
      <c r="H58111" s="1" t="s">
        <v>195375</v>
      </c>
      <c r="I58111" s="1" t="s">
        <v>187135</v>
      </c>
      <c r="J58111" s="1" t="s">
        <v>195465</v>
      </c>
    </row>
    <row r="58112" spans="1:10" x14ac:dyDescent="0.35">
      <c r="A58112" s="1" t="s">
        <v>4013</v>
      </c>
      <c r="B58112" s="1" t="s">
        <v>187129</v>
      </c>
      <c r="C58112" s="1" t="s">
        <v>160</v>
      </c>
      <c r="D58112" s="1" t="s">
        <v>123163</v>
      </c>
      <c r="E58112" s="1" t="s">
        <v>195466</v>
      </c>
      <c r="F58112" s="1" t="s">
        <v>195467</v>
      </c>
      <c r="G58112" s="1" t="s">
        <v>195374</v>
      </c>
      <c r="H58112" s="1" t="s">
        <v>195375</v>
      </c>
      <c r="I58112" s="1" t="s">
        <v>187135</v>
      </c>
      <c r="J58112" s="1" t="s">
        <v>195468</v>
      </c>
    </row>
    <row r="58113" spans="1:10" x14ac:dyDescent="0.35">
      <c r="A58113" s="1" t="s">
        <v>4013</v>
      </c>
      <c r="B58113" s="1" t="s">
        <v>187129</v>
      </c>
      <c r="C58113" s="1" t="s">
        <v>165</v>
      </c>
      <c r="D58113" s="1" t="s">
        <v>195469</v>
      </c>
      <c r="E58113" s="1" t="s">
        <v>195470</v>
      </c>
      <c r="F58113" s="1" t="s">
        <v>195471</v>
      </c>
      <c r="G58113" s="1" t="s">
        <v>195374</v>
      </c>
      <c r="H58113" s="1" t="s">
        <v>195375</v>
      </c>
      <c r="I58113" s="1" t="s">
        <v>187135</v>
      </c>
      <c r="J58113" s="1" t="s">
        <v>195472</v>
      </c>
    </row>
    <row r="58114" spans="1:10" x14ac:dyDescent="0.35">
      <c r="A58114" s="1" t="s">
        <v>4013</v>
      </c>
      <c r="B58114" s="1" t="s">
        <v>187129</v>
      </c>
      <c r="C58114" s="1" t="s">
        <v>170</v>
      </c>
      <c r="D58114" s="1" t="s">
        <v>195473</v>
      </c>
      <c r="E58114" s="1" t="s">
        <v>195474</v>
      </c>
      <c r="F58114" s="1" t="s">
        <v>195475</v>
      </c>
      <c r="G58114" s="1" t="s">
        <v>195374</v>
      </c>
      <c r="H58114" s="1" t="s">
        <v>195375</v>
      </c>
      <c r="I58114" s="1" t="s">
        <v>187135</v>
      </c>
      <c r="J58114" s="1" t="s">
        <v>195476</v>
      </c>
    </row>
    <row r="58115" spans="1:10" x14ac:dyDescent="0.35">
      <c r="A58115" s="1" t="s">
        <v>111805</v>
      </c>
      <c r="B58115" s="1" t="s">
        <v>187129</v>
      </c>
      <c r="C58115" s="1" t="s">
        <v>8</v>
      </c>
      <c r="D58115" s="1" t="s">
        <v>195477</v>
      </c>
      <c r="E58115" s="1" t="s">
        <v>195478</v>
      </c>
      <c r="F58115" s="1" t="s">
        <v>195479</v>
      </c>
      <c r="G58115" s="1" t="s">
        <v>195480</v>
      </c>
      <c r="H58115" s="1" t="s">
        <v>195481</v>
      </c>
      <c r="I58115" s="1" t="s">
        <v>187135</v>
      </c>
      <c r="J58115" s="1" t="s">
        <v>13</v>
      </c>
    </row>
    <row r="58116" spans="1:10" x14ac:dyDescent="0.35">
      <c r="A58116" s="1" t="s">
        <v>111805</v>
      </c>
      <c r="B58116" s="1" t="s">
        <v>187129</v>
      </c>
      <c r="C58116" s="1" t="s">
        <v>15</v>
      </c>
      <c r="D58116" s="1" t="s">
        <v>860</v>
      </c>
      <c r="E58116" s="1" t="s">
        <v>195482</v>
      </c>
      <c r="F58116" s="1" t="s">
        <v>195483</v>
      </c>
      <c r="G58116" s="1" t="s">
        <v>195480</v>
      </c>
      <c r="H58116" s="1" t="s">
        <v>195481</v>
      </c>
      <c r="I58116" s="1" t="s">
        <v>187135</v>
      </c>
      <c r="J58116" s="1" t="s">
        <v>195484</v>
      </c>
    </row>
    <row r="58117" spans="1:10" x14ac:dyDescent="0.35">
      <c r="A58117" s="1" t="s">
        <v>111805</v>
      </c>
      <c r="B58117" s="1" t="s">
        <v>187129</v>
      </c>
      <c r="C58117" s="1" t="s">
        <v>20</v>
      </c>
      <c r="D58117" s="1" t="s">
        <v>195485</v>
      </c>
      <c r="E58117" s="1" t="s">
        <v>195486</v>
      </c>
      <c r="F58117" s="1" t="s">
        <v>195487</v>
      </c>
      <c r="G58117" s="1" t="s">
        <v>195480</v>
      </c>
      <c r="H58117" s="1" t="s">
        <v>195481</v>
      </c>
      <c r="I58117" s="1" t="s">
        <v>187135</v>
      </c>
      <c r="J58117" s="1" t="s">
        <v>195488</v>
      </c>
    </row>
    <row r="58118" spans="1:10" x14ac:dyDescent="0.35">
      <c r="A58118" s="1" t="s">
        <v>111805</v>
      </c>
      <c r="B58118" s="1" t="s">
        <v>187129</v>
      </c>
      <c r="C58118" s="1" t="s">
        <v>25</v>
      </c>
      <c r="D58118" s="1" t="s">
        <v>110931</v>
      </c>
      <c r="E58118" s="1" t="s">
        <v>195489</v>
      </c>
      <c r="F58118" s="1" t="s">
        <v>195490</v>
      </c>
      <c r="G58118" s="1" t="s">
        <v>195480</v>
      </c>
      <c r="H58118" s="1" t="s">
        <v>195481</v>
      </c>
      <c r="I58118" s="1" t="s">
        <v>187135</v>
      </c>
      <c r="J58118" s="1" t="s">
        <v>195491</v>
      </c>
    </row>
    <row r="58119" spans="1:10" x14ac:dyDescent="0.35">
      <c r="A58119" s="1" t="s">
        <v>111805</v>
      </c>
      <c r="B58119" s="1" t="s">
        <v>187129</v>
      </c>
      <c r="C58119" s="1" t="s">
        <v>30</v>
      </c>
      <c r="D58119" s="1" t="s">
        <v>157764</v>
      </c>
      <c r="E58119" s="1" t="s">
        <v>195492</v>
      </c>
      <c r="F58119" s="1" t="s">
        <v>195493</v>
      </c>
      <c r="G58119" s="1" t="s">
        <v>195480</v>
      </c>
      <c r="H58119" s="1" t="s">
        <v>195481</v>
      </c>
      <c r="I58119" s="1" t="s">
        <v>187135</v>
      </c>
      <c r="J58119" s="1" t="s">
        <v>195494</v>
      </c>
    </row>
    <row r="58120" spans="1:10" x14ac:dyDescent="0.35">
      <c r="A58120" s="1" t="s">
        <v>111805</v>
      </c>
      <c r="B58120" s="1" t="s">
        <v>187129</v>
      </c>
      <c r="C58120" s="1" t="s">
        <v>35</v>
      </c>
      <c r="D58120" s="1" t="s">
        <v>46954</v>
      </c>
      <c r="E58120" s="1" t="s">
        <v>195495</v>
      </c>
      <c r="F58120" s="1" t="s">
        <v>195496</v>
      </c>
      <c r="G58120" s="1" t="s">
        <v>195480</v>
      </c>
      <c r="H58120" s="1" t="s">
        <v>195481</v>
      </c>
      <c r="I58120" s="1" t="s">
        <v>187135</v>
      </c>
      <c r="J58120" s="1" t="s">
        <v>195497</v>
      </c>
    </row>
    <row r="58121" spans="1:10" x14ac:dyDescent="0.35">
      <c r="A58121" s="1" t="s">
        <v>111805</v>
      </c>
      <c r="B58121" s="1" t="s">
        <v>187129</v>
      </c>
      <c r="C58121" s="1" t="s">
        <v>40</v>
      </c>
      <c r="D58121" s="1" t="s">
        <v>158300</v>
      </c>
      <c r="E58121" s="1" t="s">
        <v>195498</v>
      </c>
      <c r="F58121" s="1" t="s">
        <v>195499</v>
      </c>
      <c r="G58121" s="1" t="s">
        <v>195480</v>
      </c>
      <c r="H58121" s="1" t="s">
        <v>195481</v>
      </c>
      <c r="I58121" s="1" t="s">
        <v>187135</v>
      </c>
      <c r="J58121" s="1" t="s">
        <v>195500</v>
      </c>
    </row>
    <row r="58122" spans="1:10" x14ac:dyDescent="0.35">
      <c r="A58122" s="1" t="s">
        <v>111805</v>
      </c>
      <c r="B58122" s="1" t="s">
        <v>187129</v>
      </c>
      <c r="C58122" s="1" t="s">
        <v>45</v>
      </c>
      <c r="D58122" s="1" t="s">
        <v>181917</v>
      </c>
      <c r="E58122" s="1" t="s">
        <v>195501</v>
      </c>
      <c r="F58122" s="1" t="s">
        <v>195502</v>
      </c>
      <c r="G58122" s="1" t="s">
        <v>195480</v>
      </c>
      <c r="H58122" s="1" t="s">
        <v>195481</v>
      </c>
      <c r="I58122" s="1" t="s">
        <v>187135</v>
      </c>
      <c r="J58122" s="1" t="s">
        <v>195503</v>
      </c>
    </row>
    <row r="58123" spans="1:10" x14ac:dyDescent="0.35">
      <c r="A58123" s="1" t="s">
        <v>111805</v>
      </c>
      <c r="B58123" s="1" t="s">
        <v>187129</v>
      </c>
      <c r="C58123" s="1" t="s">
        <v>50</v>
      </c>
      <c r="D58123" s="1" t="s">
        <v>44346</v>
      </c>
      <c r="E58123" s="1" t="s">
        <v>195504</v>
      </c>
      <c r="F58123" s="1" t="s">
        <v>195505</v>
      </c>
      <c r="G58123" s="1" t="s">
        <v>195480</v>
      </c>
      <c r="H58123" s="1" t="s">
        <v>195481</v>
      </c>
      <c r="I58123" s="1" t="s">
        <v>187135</v>
      </c>
      <c r="J58123" s="1" t="s">
        <v>195506</v>
      </c>
    </row>
    <row r="58124" spans="1:10" x14ac:dyDescent="0.35">
      <c r="A58124" s="1" t="s">
        <v>111805</v>
      </c>
      <c r="B58124" s="1" t="s">
        <v>187129</v>
      </c>
      <c r="C58124" s="1" t="s">
        <v>55</v>
      </c>
      <c r="D58124" s="1" t="s">
        <v>189584</v>
      </c>
      <c r="E58124" s="1" t="s">
        <v>195507</v>
      </c>
      <c r="F58124" s="1" t="s">
        <v>195508</v>
      </c>
      <c r="G58124" s="1" t="s">
        <v>195480</v>
      </c>
      <c r="H58124" s="1" t="s">
        <v>195481</v>
      </c>
      <c r="I58124" s="1" t="s">
        <v>187135</v>
      </c>
      <c r="J58124" s="1" t="s">
        <v>195509</v>
      </c>
    </row>
    <row r="58125" spans="1:10" x14ac:dyDescent="0.35">
      <c r="A58125" s="1" t="s">
        <v>111805</v>
      </c>
      <c r="B58125" s="1" t="s">
        <v>187129</v>
      </c>
      <c r="C58125" s="1" t="s">
        <v>60</v>
      </c>
      <c r="D58125" s="1" t="s">
        <v>31979</v>
      </c>
      <c r="E58125" s="1" t="s">
        <v>195510</v>
      </c>
      <c r="F58125" s="1" t="s">
        <v>195511</v>
      </c>
      <c r="G58125" s="1" t="s">
        <v>195480</v>
      </c>
      <c r="H58125" s="1" t="s">
        <v>195481</v>
      </c>
      <c r="I58125" s="1" t="s">
        <v>187135</v>
      </c>
      <c r="J58125" s="1" t="s">
        <v>195512</v>
      </c>
    </row>
    <row r="58126" spans="1:10" x14ac:dyDescent="0.35">
      <c r="A58126" s="1" t="s">
        <v>111805</v>
      </c>
      <c r="B58126" s="1" t="s">
        <v>187129</v>
      </c>
      <c r="C58126" s="1" t="s">
        <v>65</v>
      </c>
      <c r="D58126" s="1" t="s">
        <v>51791</v>
      </c>
      <c r="E58126" s="1" t="s">
        <v>195513</v>
      </c>
      <c r="F58126" s="1" t="s">
        <v>195514</v>
      </c>
      <c r="G58126" s="1" t="s">
        <v>195480</v>
      </c>
      <c r="H58126" s="1" t="s">
        <v>195481</v>
      </c>
      <c r="I58126" s="1" t="s">
        <v>187135</v>
      </c>
      <c r="J58126" s="1" t="s">
        <v>195515</v>
      </c>
    </row>
    <row r="58127" spans="1:10" x14ac:dyDescent="0.35">
      <c r="A58127" s="1" t="s">
        <v>111805</v>
      </c>
      <c r="B58127" s="1" t="s">
        <v>187129</v>
      </c>
      <c r="C58127" s="1" t="s">
        <v>70</v>
      </c>
      <c r="D58127" s="1" t="s">
        <v>150807</v>
      </c>
      <c r="E58127" s="1" t="s">
        <v>195516</v>
      </c>
      <c r="F58127" s="1" t="s">
        <v>195517</v>
      </c>
      <c r="G58127" s="1" t="s">
        <v>195480</v>
      </c>
      <c r="H58127" s="1" t="s">
        <v>195481</v>
      </c>
      <c r="I58127" s="1" t="s">
        <v>187135</v>
      </c>
      <c r="J58127" s="1" t="s">
        <v>195518</v>
      </c>
    </row>
    <row r="58128" spans="1:10" x14ac:dyDescent="0.35">
      <c r="A58128" s="1" t="s">
        <v>111805</v>
      </c>
      <c r="B58128" s="1" t="s">
        <v>187129</v>
      </c>
      <c r="C58128" s="1" t="s">
        <v>75</v>
      </c>
      <c r="D58128" s="1" t="s">
        <v>35354</v>
      </c>
      <c r="E58128" s="1" t="s">
        <v>195519</v>
      </c>
      <c r="F58128" s="1" t="s">
        <v>195520</v>
      </c>
      <c r="G58128" s="1" t="s">
        <v>195480</v>
      </c>
      <c r="H58128" s="1" t="s">
        <v>195481</v>
      </c>
      <c r="I58128" s="1" t="s">
        <v>187135</v>
      </c>
      <c r="J58128" s="1" t="s">
        <v>195521</v>
      </c>
    </row>
    <row r="58129" spans="1:10" x14ac:dyDescent="0.35">
      <c r="A58129" s="1" t="s">
        <v>111805</v>
      </c>
      <c r="B58129" s="1" t="s">
        <v>187129</v>
      </c>
      <c r="C58129" s="1" t="s">
        <v>80</v>
      </c>
      <c r="D58129" s="1" t="s">
        <v>195379</v>
      </c>
      <c r="E58129" s="1" t="s">
        <v>195522</v>
      </c>
      <c r="F58129" s="1" t="s">
        <v>195523</v>
      </c>
      <c r="G58129" s="1" t="s">
        <v>195480</v>
      </c>
      <c r="H58129" s="1" t="s">
        <v>195481</v>
      </c>
      <c r="I58129" s="1" t="s">
        <v>187135</v>
      </c>
      <c r="J58129" s="1" t="s">
        <v>195524</v>
      </c>
    </row>
    <row r="58130" spans="1:10" x14ac:dyDescent="0.35">
      <c r="A58130" s="1" t="s">
        <v>111805</v>
      </c>
      <c r="B58130" s="1" t="s">
        <v>187129</v>
      </c>
      <c r="C58130" s="1" t="s">
        <v>85</v>
      </c>
      <c r="D58130" s="1" t="s">
        <v>195525</v>
      </c>
      <c r="E58130" s="1" t="s">
        <v>195526</v>
      </c>
      <c r="F58130" s="1" t="s">
        <v>195527</v>
      </c>
      <c r="G58130" s="1" t="s">
        <v>195480</v>
      </c>
      <c r="H58130" s="1" t="s">
        <v>195481</v>
      </c>
      <c r="I58130" s="1" t="s">
        <v>187135</v>
      </c>
      <c r="J58130" s="1" t="s">
        <v>195528</v>
      </c>
    </row>
    <row r="58131" spans="1:10" x14ac:dyDescent="0.35">
      <c r="A58131" s="1" t="s">
        <v>111805</v>
      </c>
      <c r="B58131" s="1" t="s">
        <v>187129</v>
      </c>
      <c r="C58131" s="1" t="s">
        <v>90</v>
      </c>
      <c r="D58131" s="1" t="s">
        <v>42800</v>
      </c>
      <c r="E58131" s="1" t="s">
        <v>195529</v>
      </c>
      <c r="F58131" s="1" t="s">
        <v>195530</v>
      </c>
      <c r="G58131" s="1" t="s">
        <v>195480</v>
      </c>
      <c r="H58131" s="1" t="s">
        <v>195481</v>
      </c>
      <c r="I58131" s="1" t="s">
        <v>187135</v>
      </c>
      <c r="J58131" s="1" t="s">
        <v>195531</v>
      </c>
    </row>
    <row r="58132" spans="1:10" x14ac:dyDescent="0.35">
      <c r="A58132" s="1" t="s">
        <v>111805</v>
      </c>
      <c r="B58132" s="1" t="s">
        <v>187129</v>
      </c>
      <c r="C58132" s="1" t="s">
        <v>95</v>
      </c>
      <c r="D58132" s="1" t="s">
        <v>195532</v>
      </c>
      <c r="E58132" s="1" t="s">
        <v>195533</v>
      </c>
      <c r="F58132" s="1" t="s">
        <v>195534</v>
      </c>
      <c r="G58132" s="1" t="s">
        <v>195480</v>
      </c>
      <c r="H58132" s="1" t="s">
        <v>195481</v>
      </c>
      <c r="I58132" s="1" t="s">
        <v>187135</v>
      </c>
      <c r="J58132" s="1" t="s">
        <v>195535</v>
      </c>
    </row>
    <row r="58133" spans="1:10" x14ac:dyDescent="0.35">
      <c r="A58133" s="1" t="s">
        <v>111805</v>
      </c>
      <c r="B58133" s="1" t="s">
        <v>187129</v>
      </c>
      <c r="C58133" s="1" t="s">
        <v>100</v>
      </c>
      <c r="D58133" s="1" t="s">
        <v>30546</v>
      </c>
      <c r="E58133" s="1" t="s">
        <v>195536</v>
      </c>
      <c r="F58133" s="1" t="s">
        <v>195537</v>
      </c>
      <c r="G58133" s="1" t="s">
        <v>195480</v>
      </c>
      <c r="H58133" s="1" t="s">
        <v>195481</v>
      </c>
      <c r="I58133" s="1" t="s">
        <v>187135</v>
      </c>
      <c r="J58133" s="1" t="s">
        <v>195538</v>
      </c>
    </row>
    <row r="58134" spans="1:10" x14ac:dyDescent="0.35">
      <c r="A58134" s="1" t="s">
        <v>111805</v>
      </c>
      <c r="B58134" s="1" t="s">
        <v>187129</v>
      </c>
      <c r="C58134" s="1" t="s">
        <v>105</v>
      </c>
      <c r="D58134" s="1" t="s">
        <v>31786</v>
      </c>
      <c r="E58134" s="1" t="s">
        <v>195539</v>
      </c>
      <c r="F58134" s="1" t="s">
        <v>195540</v>
      </c>
      <c r="G58134" s="1" t="s">
        <v>195480</v>
      </c>
      <c r="H58134" s="1" t="s">
        <v>195481</v>
      </c>
      <c r="I58134" s="1" t="s">
        <v>187135</v>
      </c>
      <c r="J58134" s="1" t="s">
        <v>195541</v>
      </c>
    </row>
    <row r="58135" spans="1:10" x14ac:dyDescent="0.35">
      <c r="A58135" s="1" t="s">
        <v>111805</v>
      </c>
      <c r="B58135" s="1" t="s">
        <v>187129</v>
      </c>
      <c r="C58135" s="1" t="s">
        <v>110</v>
      </c>
      <c r="D58135" s="1" t="s">
        <v>175281</v>
      </c>
      <c r="E58135" s="1" t="s">
        <v>195542</v>
      </c>
      <c r="F58135" s="1" t="s">
        <v>195543</v>
      </c>
      <c r="G58135" s="1" t="s">
        <v>195480</v>
      </c>
      <c r="H58135" s="1" t="s">
        <v>195481</v>
      </c>
      <c r="I58135" s="1" t="s">
        <v>187135</v>
      </c>
      <c r="J58135" s="1" t="s">
        <v>195544</v>
      </c>
    </row>
    <row r="58136" spans="1:10" x14ac:dyDescent="0.35">
      <c r="A58136" s="1" t="s">
        <v>111805</v>
      </c>
      <c r="B58136" s="1" t="s">
        <v>187129</v>
      </c>
      <c r="C58136" s="1" t="s">
        <v>115</v>
      </c>
      <c r="D58136" s="1" t="s">
        <v>195545</v>
      </c>
      <c r="E58136" s="1" t="s">
        <v>195546</v>
      </c>
      <c r="F58136" s="1" t="s">
        <v>195547</v>
      </c>
      <c r="G58136" s="1" t="s">
        <v>195480</v>
      </c>
      <c r="H58136" s="1" t="s">
        <v>195481</v>
      </c>
      <c r="I58136" s="1" t="s">
        <v>187135</v>
      </c>
      <c r="J58136" s="1" t="s">
        <v>195548</v>
      </c>
    </row>
    <row r="58137" spans="1:10" x14ac:dyDescent="0.35">
      <c r="A58137" s="1" t="s">
        <v>111805</v>
      </c>
      <c r="B58137" s="1" t="s">
        <v>187129</v>
      </c>
      <c r="C58137" s="1" t="s">
        <v>120</v>
      </c>
      <c r="D58137" s="1" t="s">
        <v>195549</v>
      </c>
      <c r="E58137" s="1" t="s">
        <v>195550</v>
      </c>
      <c r="F58137" s="1" t="s">
        <v>195551</v>
      </c>
      <c r="G58137" s="1" t="s">
        <v>195480</v>
      </c>
      <c r="H58137" s="1" t="s">
        <v>195481</v>
      </c>
      <c r="I58137" s="1" t="s">
        <v>187135</v>
      </c>
      <c r="J58137" s="1" t="s">
        <v>195552</v>
      </c>
    </row>
    <row r="58138" spans="1:10" x14ac:dyDescent="0.35">
      <c r="A58138" s="1" t="s">
        <v>111805</v>
      </c>
      <c r="B58138" s="1" t="s">
        <v>187129</v>
      </c>
      <c r="C58138" s="1" t="s">
        <v>125</v>
      </c>
      <c r="D58138" s="1" t="s">
        <v>176942</v>
      </c>
      <c r="E58138" s="1" t="s">
        <v>195553</v>
      </c>
      <c r="F58138" s="1" t="s">
        <v>195554</v>
      </c>
      <c r="G58138" s="1" t="s">
        <v>195480</v>
      </c>
      <c r="H58138" s="1" t="s">
        <v>195481</v>
      </c>
      <c r="I58138" s="1" t="s">
        <v>187135</v>
      </c>
      <c r="J58138" s="1" t="s">
        <v>195555</v>
      </c>
    </row>
    <row r="58139" spans="1:10" x14ac:dyDescent="0.35">
      <c r="A58139" s="1" t="s">
        <v>111805</v>
      </c>
      <c r="B58139" s="1" t="s">
        <v>187129</v>
      </c>
      <c r="C58139" s="1" t="s">
        <v>130</v>
      </c>
      <c r="D58139" s="1" t="s">
        <v>195556</v>
      </c>
      <c r="E58139" s="1" t="s">
        <v>195557</v>
      </c>
      <c r="F58139" s="1" t="s">
        <v>195558</v>
      </c>
      <c r="G58139" s="1" t="s">
        <v>195480</v>
      </c>
      <c r="H58139" s="1" t="s">
        <v>195481</v>
      </c>
      <c r="I58139" s="1" t="s">
        <v>187135</v>
      </c>
      <c r="J58139" s="1" t="s">
        <v>195559</v>
      </c>
    </row>
    <row r="58140" spans="1:10" x14ac:dyDescent="0.35">
      <c r="A58140" s="1" t="s">
        <v>111805</v>
      </c>
      <c r="B58140" s="1" t="s">
        <v>187129</v>
      </c>
      <c r="C58140" s="1" t="s">
        <v>135</v>
      </c>
      <c r="D58140" s="1" t="s">
        <v>104271</v>
      </c>
      <c r="E58140" s="1" t="s">
        <v>195560</v>
      </c>
      <c r="F58140" s="1" t="s">
        <v>195561</v>
      </c>
      <c r="G58140" s="1" t="s">
        <v>195480</v>
      </c>
      <c r="H58140" s="1" t="s">
        <v>195481</v>
      </c>
      <c r="I58140" s="1" t="s">
        <v>187135</v>
      </c>
      <c r="J58140" s="1" t="s">
        <v>195562</v>
      </c>
    </row>
    <row r="58141" spans="1:10" x14ac:dyDescent="0.35">
      <c r="A58141" s="1" t="s">
        <v>111805</v>
      </c>
      <c r="B58141" s="1" t="s">
        <v>187129</v>
      </c>
      <c r="C58141" s="1" t="s">
        <v>140</v>
      </c>
      <c r="D58141" s="1" t="s">
        <v>82102</v>
      </c>
      <c r="E58141" s="1" t="s">
        <v>195563</v>
      </c>
      <c r="F58141" s="1" t="s">
        <v>195564</v>
      </c>
      <c r="G58141" s="1" t="s">
        <v>195480</v>
      </c>
      <c r="H58141" s="1" t="s">
        <v>195481</v>
      </c>
      <c r="I58141" s="1" t="s">
        <v>187135</v>
      </c>
      <c r="J58141" s="1" t="s">
        <v>195565</v>
      </c>
    </row>
    <row r="58142" spans="1:10" x14ac:dyDescent="0.35">
      <c r="A58142" s="1" t="s">
        <v>111805</v>
      </c>
      <c r="B58142" s="1" t="s">
        <v>187129</v>
      </c>
      <c r="C58142" s="1" t="s">
        <v>145</v>
      </c>
      <c r="D58142" s="1" t="s">
        <v>46411</v>
      </c>
      <c r="E58142" s="1" t="s">
        <v>195566</v>
      </c>
      <c r="F58142" s="1" t="s">
        <v>195567</v>
      </c>
      <c r="G58142" s="1" t="s">
        <v>195480</v>
      </c>
      <c r="H58142" s="1" t="s">
        <v>195481</v>
      </c>
      <c r="I58142" s="1" t="s">
        <v>187135</v>
      </c>
      <c r="J58142" s="1" t="s">
        <v>195568</v>
      </c>
    </row>
    <row r="58143" spans="1:10" x14ac:dyDescent="0.35">
      <c r="A58143" s="1" t="s">
        <v>111805</v>
      </c>
      <c r="B58143" s="1" t="s">
        <v>187129</v>
      </c>
      <c r="C58143" s="1" t="s">
        <v>150</v>
      </c>
      <c r="D58143" s="1" t="s">
        <v>83153</v>
      </c>
      <c r="E58143" s="1" t="s">
        <v>195569</v>
      </c>
      <c r="F58143" s="1" t="s">
        <v>195570</v>
      </c>
      <c r="G58143" s="1" t="s">
        <v>195480</v>
      </c>
      <c r="H58143" s="1" t="s">
        <v>195481</v>
      </c>
      <c r="I58143" s="1" t="s">
        <v>187135</v>
      </c>
      <c r="J58143" s="1" t="s">
        <v>195571</v>
      </c>
    </row>
    <row r="58144" spans="1:10" x14ac:dyDescent="0.35">
      <c r="A58144" s="1" t="s">
        <v>111805</v>
      </c>
      <c r="B58144" s="1" t="s">
        <v>187129</v>
      </c>
      <c r="C58144" s="1" t="s">
        <v>155</v>
      </c>
      <c r="D58144" s="1" t="s">
        <v>195572</v>
      </c>
      <c r="E58144" s="1" t="s">
        <v>195573</v>
      </c>
      <c r="F58144" s="1" t="s">
        <v>195574</v>
      </c>
      <c r="G58144" s="1" t="s">
        <v>195480</v>
      </c>
      <c r="H58144" s="1" t="s">
        <v>195481</v>
      </c>
      <c r="I58144" s="1" t="s">
        <v>187135</v>
      </c>
      <c r="J58144" s="1" t="s">
        <v>195575</v>
      </c>
    </row>
    <row r="58145" spans="1:10" x14ac:dyDescent="0.35">
      <c r="A58145" s="1" t="s">
        <v>111805</v>
      </c>
      <c r="B58145" s="1" t="s">
        <v>187129</v>
      </c>
      <c r="C58145" s="1" t="s">
        <v>160</v>
      </c>
      <c r="D58145" s="1" t="s">
        <v>195576</v>
      </c>
      <c r="E58145" s="1" t="s">
        <v>195577</v>
      </c>
      <c r="F58145" s="1" t="s">
        <v>195578</v>
      </c>
      <c r="G58145" s="1" t="s">
        <v>195480</v>
      </c>
      <c r="H58145" s="1" t="s">
        <v>195481</v>
      </c>
      <c r="I58145" s="1" t="s">
        <v>187135</v>
      </c>
      <c r="J58145" s="1" t="s">
        <v>195579</v>
      </c>
    </row>
    <row r="58146" spans="1:10" x14ac:dyDescent="0.35">
      <c r="A58146" s="1" t="s">
        <v>111805</v>
      </c>
      <c r="B58146" s="1" t="s">
        <v>187129</v>
      </c>
      <c r="C58146" s="1" t="s">
        <v>165</v>
      </c>
      <c r="D58146" s="1" t="s">
        <v>195580</v>
      </c>
      <c r="E58146" s="1" t="s">
        <v>195581</v>
      </c>
      <c r="F58146" s="1" t="s">
        <v>195582</v>
      </c>
      <c r="G58146" s="1" t="s">
        <v>195480</v>
      </c>
      <c r="H58146" s="1" t="s">
        <v>195481</v>
      </c>
      <c r="I58146" s="1" t="s">
        <v>187135</v>
      </c>
      <c r="J58146" s="1" t="s">
        <v>195583</v>
      </c>
    </row>
    <row r="58147" spans="1:10" x14ac:dyDescent="0.35">
      <c r="A58147" s="1" t="s">
        <v>111805</v>
      </c>
      <c r="B58147" s="1" t="s">
        <v>187129</v>
      </c>
      <c r="C58147" s="1" t="s">
        <v>170</v>
      </c>
      <c r="D58147" s="1" t="s">
        <v>195584</v>
      </c>
      <c r="E58147" s="1" t="s">
        <v>195585</v>
      </c>
      <c r="F58147" s="1" t="s">
        <v>195586</v>
      </c>
      <c r="G58147" s="1" t="s">
        <v>195480</v>
      </c>
      <c r="H58147" s="1" t="s">
        <v>195481</v>
      </c>
      <c r="I58147" s="1" t="s">
        <v>187135</v>
      </c>
      <c r="J58147" s="1" t="s">
        <v>195587</v>
      </c>
    </row>
    <row r="58148" spans="1:10" x14ac:dyDescent="0.35">
      <c r="A58148" s="1" t="s">
        <v>117943</v>
      </c>
      <c r="B58148" s="1" t="s">
        <v>187129</v>
      </c>
      <c r="C58148" s="1" t="s">
        <v>8</v>
      </c>
      <c r="D58148" s="1" t="s">
        <v>74060</v>
      </c>
      <c r="E58148" s="1" t="s">
        <v>195588</v>
      </c>
      <c r="F58148" s="1" t="s">
        <v>195589</v>
      </c>
      <c r="G58148" s="1" t="s">
        <v>195590</v>
      </c>
      <c r="H58148" s="1" t="s">
        <v>195591</v>
      </c>
      <c r="I58148" s="1" t="s">
        <v>187135</v>
      </c>
      <c r="J58148" s="1" t="s">
        <v>13</v>
      </c>
    </row>
    <row r="58149" spans="1:10" x14ac:dyDescent="0.35">
      <c r="A58149" s="1" t="s">
        <v>117943</v>
      </c>
      <c r="B58149" s="1" t="s">
        <v>187129</v>
      </c>
      <c r="C58149" s="1" t="s">
        <v>15</v>
      </c>
      <c r="D58149" s="1" t="s">
        <v>195592</v>
      </c>
      <c r="E58149" s="1" t="s">
        <v>195593</v>
      </c>
      <c r="F58149" s="1" t="s">
        <v>195594</v>
      </c>
      <c r="G58149" s="1" t="s">
        <v>195590</v>
      </c>
      <c r="H58149" s="1" t="s">
        <v>195591</v>
      </c>
      <c r="I58149" s="1" t="s">
        <v>187135</v>
      </c>
      <c r="J58149" s="1" t="s">
        <v>195595</v>
      </c>
    </row>
    <row r="58150" spans="1:10" x14ac:dyDescent="0.35">
      <c r="A58150" s="1" t="s">
        <v>117943</v>
      </c>
      <c r="B58150" s="1" t="s">
        <v>187129</v>
      </c>
      <c r="C58150" s="1" t="s">
        <v>20</v>
      </c>
      <c r="D58150" s="1" t="s">
        <v>856</v>
      </c>
      <c r="E58150" s="1" t="s">
        <v>195596</v>
      </c>
      <c r="F58150" s="1" t="s">
        <v>195597</v>
      </c>
      <c r="G58150" s="1" t="s">
        <v>195590</v>
      </c>
      <c r="H58150" s="1" t="s">
        <v>195591</v>
      </c>
      <c r="I58150" s="1" t="s">
        <v>187135</v>
      </c>
      <c r="J58150" s="1" t="s">
        <v>195598</v>
      </c>
    </row>
    <row r="58151" spans="1:10" x14ac:dyDescent="0.35">
      <c r="A58151" s="1" t="s">
        <v>117943</v>
      </c>
      <c r="B58151" s="1" t="s">
        <v>187129</v>
      </c>
      <c r="C58151" s="1" t="s">
        <v>25</v>
      </c>
      <c r="D58151" s="1" t="s">
        <v>32121</v>
      </c>
      <c r="E58151" s="1" t="s">
        <v>195599</v>
      </c>
      <c r="F58151" s="1" t="s">
        <v>195600</v>
      </c>
      <c r="G58151" s="1" t="s">
        <v>195590</v>
      </c>
      <c r="H58151" s="1" t="s">
        <v>195591</v>
      </c>
      <c r="I58151" s="1" t="s">
        <v>187135</v>
      </c>
      <c r="J58151" s="1" t="s">
        <v>195601</v>
      </c>
    </row>
    <row r="58152" spans="1:10" x14ac:dyDescent="0.35">
      <c r="A58152" s="1" t="s">
        <v>117943</v>
      </c>
      <c r="B58152" s="1" t="s">
        <v>187129</v>
      </c>
      <c r="C58152" s="1" t="s">
        <v>30</v>
      </c>
      <c r="D58152" s="1" t="s">
        <v>119849</v>
      </c>
      <c r="E58152" s="1" t="s">
        <v>195602</v>
      </c>
      <c r="F58152" s="1" t="s">
        <v>195603</v>
      </c>
      <c r="G58152" s="1" t="s">
        <v>195590</v>
      </c>
      <c r="H58152" s="1" t="s">
        <v>195591</v>
      </c>
      <c r="I58152" s="1" t="s">
        <v>187135</v>
      </c>
      <c r="J58152" s="1" t="s">
        <v>195604</v>
      </c>
    </row>
    <row r="58153" spans="1:10" x14ac:dyDescent="0.35">
      <c r="A58153" s="1" t="s">
        <v>117943</v>
      </c>
      <c r="B58153" s="1" t="s">
        <v>187129</v>
      </c>
      <c r="C58153" s="1" t="s">
        <v>35</v>
      </c>
      <c r="D58153" s="1" t="s">
        <v>16372</v>
      </c>
      <c r="E58153" s="1" t="s">
        <v>195605</v>
      </c>
      <c r="F58153" s="1" t="s">
        <v>195606</v>
      </c>
      <c r="G58153" s="1" t="s">
        <v>195590</v>
      </c>
      <c r="H58153" s="1" t="s">
        <v>195591</v>
      </c>
      <c r="I58153" s="1" t="s">
        <v>187135</v>
      </c>
      <c r="J58153" s="1" t="s">
        <v>195607</v>
      </c>
    </row>
    <row r="58154" spans="1:10" x14ac:dyDescent="0.35">
      <c r="A58154" s="1" t="s">
        <v>117943</v>
      </c>
      <c r="B58154" s="1" t="s">
        <v>187129</v>
      </c>
      <c r="C58154" s="1" t="s">
        <v>40</v>
      </c>
      <c r="D58154" s="1" t="s">
        <v>51224</v>
      </c>
      <c r="E58154" s="1" t="s">
        <v>195608</v>
      </c>
      <c r="F58154" s="1" t="s">
        <v>195609</v>
      </c>
      <c r="G58154" s="1" t="s">
        <v>195590</v>
      </c>
      <c r="H58154" s="1" t="s">
        <v>195591</v>
      </c>
      <c r="I58154" s="1" t="s">
        <v>187135</v>
      </c>
      <c r="J58154" s="1" t="s">
        <v>195610</v>
      </c>
    </row>
    <row r="58155" spans="1:10" x14ac:dyDescent="0.35">
      <c r="A58155" s="1" t="s">
        <v>117943</v>
      </c>
      <c r="B58155" s="1" t="s">
        <v>187129</v>
      </c>
      <c r="C58155" s="1" t="s">
        <v>45</v>
      </c>
      <c r="D58155" s="1" t="s">
        <v>3108</v>
      </c>
      <c r="E58155" s="1" t="s">
        <v>195611</v>
      </c>
      <c r="F58155" s="1" t="s">
        <v>195612</v>
      </c>
      <c r="G58155" s="1" t="s">
        <v>195590</v>
      </c>
      <c r="H58155" s="1" t="s">
        <v>195591</v>
      </c>
      <c r="I58155" s="1" t="s">
        <v>187135</v>
      </c>
      <c r="J58155" s="1" t="s">
        <v>195613</v>
      </c>
    </row>
    <row r="58156" spans="1:10" x14ac:dyDescent="0.35">
      <c r="A58156" s="1" t="s">
        <v>117943</v>
      </c>
      <c r="B58156" s="1" t="s">
        <v>187129</v>
      </c>
      <c r="C58156" s="1" t="s">
        <v>50</v>
      </c>
      <c r="D58156" s="1" t="s">
        <v>31124</v>
      </c>
      <c r="E58156" s="1" t="s">
        <v>195614</v>
      </c>
      <c r="F58156" s="1" t="s">
        <v>195615</v>
      </c>
      <c r="G58156" s="1" t="s">
        <v>195590</v>
      </c>
      <c r="H58156" s="1" t="s">
        <v>195591</v>
      </c>
      <c r="I58156" s="1" t="s">
        <v>187135</v>
      </c>
      <c r="J58156" s="1" t="s">
        <v>195616</v>
      </c>
    </row>
    <row r="58157" spans="1:10" x14ac:dyDescent="0.35">
      <c r="A58157" s="1" t="s">
        <v>117943</v>
      </c>
      <c r="B58157" s="1" t="s">
        <v>187129</v>
      </c>
      <c r="C58157" s="1" t="s">
        <v>55</v>
      </c>
      <c r="D58157" s="1" t="s">
        <v>38642</v>
      </c>
      <c r="E58157" s="1" t="s">
        <v>195617</v>
      </c>
      <c r="F58157" s="1" t="s">
        <v>195618</v>
      </c>
      <c r="G58157" s="1" t="s">
        <v>195590</v>
      </c>
      <c r="H58157" s="1" t="s">
        <v>195591</v>
      </c>
      <c r="I58157" s="1" t="s">
        <v>187135</v>
      </c>
      <c r="J58157" s="1" t="s">
        <v>195619</v>
      </c>
    </row>
    <row r="58158" spans="1:10" x14ac:dyDescent="0.35">
      <c r="A58158" s="1" t="s">
        <v>117943</v>
      </c>
      <c r="B58158" s="1" t="s">
        <v>187129</v>
      </c>
      <c r="C58158" s="1" t="s">
        <v>60</v>
      </c>
      <c r="D58158" s="1" t="s">
        <v>30999</v>
      </c>
      <c r="E58158" s="1" t="s">
        <v>195620</v>
      </c>
      <c r="F58158" s="1" t="s">
        <v>195621</v>
      </c>
      <c r="G58158" s="1" t="s">
        <v>195590</v>
      </c>
      <c r="H58158" s="1" t="s">
        <v>195591</v>
      </c>
      <c r="I58158" s="1" t="s">
        <v>187135</v>
      </c>
      <c r="J58158" s="1" t="s">
        <v>195622</v>
      </c>
    </row>
    <row r="58159" spans="1:10" x14ac:dyDescent="0.35">
      <c r="A58159" s="1" t="s">
        <v>117943</v>
      </c>
      <c r="B58159" s="1" t="s">
        <v>187129</v>
      </c>
      <c r="C58159" s="1" t="s">
        <v>65</v>
      </c>
      <c r="D58159" s="1" t="s">
        <v>126414</v>
      </c>
      <c r="E58159" s="1" t="s">
        <v>195623</v>
      </c>
      <c r="F58159" s="1" t="s">
        <v>195624</v>
      </c>
      <c r="G58159" s="1" t="s">
        <v>195590</v>
      </c>
      <c r="H58159" s="1" t="s">
        <v>195591</v>
      </c>
      <c r="I58159" s="1" t="s">
        <v>187135</v>
      </c>
      <c r="J58159" s="1" t="s">
        <v>195625</v>
      </c>
    </row>
    <row r="58160" spans="1:10" x14ac:dyDescent="0.35">
      <c r="A58160" s="1" t="s">
        <v>117943</v>
      </c>
      <c r="B58160" s="1" t="s">
        <v>187129</v>
      </c>
      <c r="C58160" s="1" t="s">
        <v>70</v>
      </c>
      <c r="D58160" s="1" t="s">
        <v>111322</v>
      </c>
      <c r="E58160" s="1" t="s">
        <v>195626</v>
      </c>
      <c r="F58160" s="1" t="s">
        <v>195627</v>
      </c>
      <c r="G58160" s="1" t="s">
        <v>195590</v>
      </c>
      <c r="H58160" s="1" t="s">
        <v>195591</v>
      </c>
      <c r="I58160" s="1" t="s">
        <v>187135</v>
      </c>
      <c r="J58160" s="1" t="s">
        <v>195628</v>
      </c>
    </row>
    <row r="58161" spans="1:10" x14ac:dyDescent="0.35">
      <c r="A58161" s="1" t="s">
        <v>117943</v>
      </c>
      <c r="B58161" s="1" t="s">
        <v>187129</v>
      </c>
      <c r="C58161" s="1" t="s">
        <v>75</v>
      </c>
      <c r="D58161" s="1" t="s">
        <v>31537</v>
      </c>
      <c r="E58161" s="1" t="s">
        <v>195629</v>
      </c>
      <c r="F58161" s="1" t="s">
        <v>195630</v>
      </c>
      <c r="G58161" s="1" t="s">
        <v>195590</v>
      </c>
      <c r="H58161" s="1" t="s">
        <v>195591</v>
      </c>
      <c r="I58161" s="1" t="s">
        <v>187135</v>
      </c>
      <c r="J58161" s="1" t="s">
        <v>195631</v>
      </c>
    </row>
    <row r="58162" spans="1:10" x14ac:dyDescent="0.35">
      <c r="A58162" s="1" t="s">
        <v>117943</v>
      </c>
      <c r="B58162" s="1" t="s">
        <v>187129</v>
      </c>
      <c r="C58162" s="1" t="s">
        <v>80</v>
      </c>
      <c r="D58162" s="1" t="s">
        <v>30534</v>
      </c>
      <c r="E58162" s="1" t="s">
        <v>195632</v>
      </c>
      <c r="F58162" s="1" t="s">
        <v>195633</v>
      </c>
      <c r="G58162" s="1" t="s">
        <v>195590</v>
      </c>
      <c r="H58162" s="1" t="s">
        <v>195591</v>
      </c>
      <c r="I58162" s="1" t="s">
        <v>187135</v>
      </c>
      <c r="J58162" s="1" t="s">
        <v>195634</v>
      </c>
    </row>
    <row r="58163" spans="1:10" x14ac:dyDescent="0.35">
      <c r="A58163" s="1" t="s">
        <v>117943</v>
      </c>
      <c r="B58163" s="1" t="s">
        <v>187129</v>
      </c>
      <c r="C58163" s="1" t="s">
        <v>85</v>
      </c>
      <c r="D58163" s="1" t="s">
        <v>183014</v>
      </c>
      <c r="E58163" s="1" t="s">
        <v>195635</v>
      </c>
      <c r="F58163" s="1" t="s">
        <v>195636</v>
      </c>
      <c r="G58163" s="1" t="s">
        <v>195590</v>
      </c>
      <c r="H58163" s="1" t="s">
        <v>195591</v>
      </c>
      <c r="I58163" s="1" t="s">
        <v>187135</v>
      </c>
      <c r="J58163" s="1" t="s">
        <v>195637</v>
      </c>
    </row>
    <row r="58164" spans="1:10" x14ac:dyDescent="0.35">
      <c r="A58164" s="1" t="s">
        <v>117943</v>
      </c>
      <c r="B58164" s="1" t="s">
        <v>187129</v>
      </c>
      <c r="C58164" s="1" t="s">
        <v>90</v>
      </c>
      <c r="D58164" s="1" t="s">
        <v>179363</v>
      </c>
      <c r="E58164" s="1" t="s">
        <v>195638</v>
      </c>
      <c r="F58164" s="1" t="s">
        <v>195639</v>
      </c>
      <c r="G58164" s="1" t="s">
        <v>195590</v>
      </c>
      <c r="H58164" s="1" t="s">
        <v>195591</v>
      </c>
      <c r="I58164" s="1" t="s">
        <v>187135</v>
      </c>
      <c r="J58164" s="1" t="s">
        <v>195640</v>
      </c>
    </row>
    <row r="58165" spans="1:10" x14ac:dyDescent="0.35">
      <c r="A58165" s="1" t="s">
        <v>117943</v>
      </c>
      <c r="B58165" s="1" t="s">
        <v>187129</v>
      </c>
      <c r="C58165" s="1" t="s">
        <v>95</v>
      </c>
      <c r="D58165" s="1" t="s">
        <v>114344</v>
      </c>
      <c r="E58165" s="1" t="s">
        <v>195641</v>
      </c>
      <c r="F58165" s="1" t="s">
        <v>195642</v>
      </c>
      <c r="G58165" s="1" t="s">
        <v>195590</v>
      </c>
      <c r="H58165" s="1" t="s">
        <v>195591</v>
      </c>
      <c r="I58165" s="1" t="s">
        <v>187135</v>
      </c>
      <c r="J58165" s="1" t="s">
        <v>195643</v>
      </c>
    </row>
    <row r="58166" spans="1:10" x14ac:dyDescent="0.35">
      <c r="A58166" s="1" t="s">
        <v>117943</v>
      </c>
      <c r="B58166" s="1" t="s">
        <v>187129</v>
      </c>
      <c r="C58166" s="1" t="s">
        <v>100</v>
      </c>
      <c r="D58166" s="1" t="s">
        <v>121032</v>
      </c>
      <c r="E58166" s="1" t="s">
        <v>195644</v>
      </c>
      <c r="F58166" s="1" t="s">
        <v>195645</v>
      </c>
      <c r="G58166" s="1" t="s">
        <v>195590</v>
      </c>
      <c r="H58166" s="1" t="s">
        <v>195591</v>
      </c>
      <c r="I58166" s="1" t="s">
        <v>187135</v>
      </c>
      <c r="J58166" s="1" t="s">
        <v>195646</v>
      </c>
    </row>
    <row r="58167" spans="1:10" x14ac:dyDescent="0.35">
      <c r="A58167" s="1" t="s">
        <v>117943</v>
      </c>
      <c r="B58167" s="1" t="s">
        <v>187129</v>
      </c>
      <c r="C58167" s="1" t="s">
        <v>105</v>
      </c>
      <c r="D58167" s="1" t="s">
        <v>46523</v>
      </c>
      <c r="E58167" s="1" t="s">
        <v>195647</v>
      </c>
      <c r="F58167" s="1" t="s">
        <v>195648</v>
      </c>
      <c r="G58167" s="1" t="s">
        <v>195590</v>
      </c>
      <c r="H58167" s="1" t="s">
        <v>195591</v>
      </c>
      <c r="I58167" s="1" t="s">
        <v>187135</v>
      </c>
      <c r="J58167" s="1" t="s">
        <v>195649</v>
      </c>
    </row>
    <row r="58168" spans="1:10" x14ac:dyDescent="0.35">
      <c r="A58168" s="1" t="s">
        <v>117943</v>
      </c>
      <c r="B58168" s="1" t="s">
        <v>187129</v>
      </c>
      <c r="C58168" s="1" t="s">
        <v>110</v>
      </c>
      <c r="D58168" s="1" t="s">
        <v>114321</v>
      </c>
      <c r="E58168" s="1" t="s">
        <v>195650</v>
      </c>
      <c r="F58168" s="1" t="s">
        <v>195651</v>
      </c>
      <c r="G58168" s="1" t="s">
        <v>195590</v>
      </c>
      <c r="H58168" s="1" t="s">
        <v>195591</v>
      </c>
      <c r="I58168" s="1" t="s">
        <v>187135</v>
      </c>
      <c r="J58168" s="1" t="s">
        <v>195652</v>
      </c>
    </row>
    <row r="58169" spans="1:10" x14ac:dyDescent="0.35">
      <c r="A58169" s="1" t="s">
        <v>117943</v>
      </c>
      <c r="B58169" s="1" t="s">
        <v>187129</v>
      </c>
      <c r="C58169" s="1" t="s">
        <v>115</v>
      </c>
      <c r="D58169" s="1" t="s">
        <v>195653</v>
      </c>
      <c r="E58169" s="1" t="s">
        <v>195654</v>
      </c>
      <c r="F58169" s="1" t="s">
        <v>195655</v>
      </c>
      <c r="G58169" s="1" t="s">
        <v>195590</v>
      </c>
      <c r="H58169" s="1" t="s">
        <v>195591</v>
      </c>
      <c r="I58169" s="1" t="s">
        <v>187135</v>
      </c>
      <c r="J58169" s="1" t="s">
        <v>195656</v>
      </c>
    </row>
    <row r="58170" spans="1:10" x14ac:dyDescent="0.35">
      <c r="A58170" s="1" t="s">
        <v>117943</v>
      </c>
      <c r="B58170" s="1" t="s">
        <v>187129</v>
      </c>
      <c r="C58170" s="1" t="s">
        <v>120</v>
      </c>
      <c r="D58170" s="1" t="s">
        <v>195657</v>
      </c>
      <c r="E58170" s="1" t="s">
        <v>195658</v>
      </c>
      <c r="F58170" s="1" t="s">
        <v>195659</v>
      </c>
      <c r="G58170" s="1" t="s">
        <v>195590</v>
      </c>
      <c r="H58170" s="1" t="s">
        <v>195591</v>
      </c>
      <c r="I58170" s="1" t="s">
        <v>187135</v>
      </c>
      <c r="J58170" s="1" t="s">
        <v>195660</v>
      </c>
    </row>
    <row r="58171" spans="1:10" x14ac:dyDescent="0.35">
      <c r="A58171" s="1" t="s">
        <v>117943</v>
      </c>
      <c r="B58171" s="1" t="s">
        <v>187129</v>
      </c>
      <c r="C58171" s="1" t="s">
        <v>125</v>
      </c>
      <c r="D58171" s="1" t="s">
        <v>195661</v>
      </c>
      <c r="E58171" s="1" t="s">
        <v>195662</v>
      </c>
      <c r="F58171" s="1" t="s">
        <v>195663</v>
      </c>
      <c r="G58171" s="1" t="s">
        <v>195590</v>
      </c>
      <c r="H58171" s="1" t="s">
        <v>195591</v>
      </c>
      <c r="I58171" s="1" t="s">
        <v>187135</v>
      </c>
      <c r="J58171" s="1" t="s">
        <v>195664</v>
      </c>
    </row>
    <row r="58172" spans="1:10" x14ac:dyDescent="0.35">
      <c r="A58172" s="1" t="s">
        <v>117943</v>
      </c>
      <c r="B58172" s="1" t="s">
        <v>187129</v>
      </c>
      <c r="C58172" s="1" t="s">
        <v>130</v>
      </c>
      <c r="D58172" s="1" t="s">
        <v>195665</v>
      </c>
      <c r="E58172" s="1" t="s">
        <v>195666</v>
      </c>
      <c r="F58172" s="1" t="s">
        <v>195667</v>
      </c>
      <c r="G58172" s="1" t="s">
        <v>195590</v>
      </c>
      <c r="H58172" s="1" t="s">
        <v>195591</v>
      </c>
      <c r="I58172" s="1" t="s">
        <v>187135</v>
      </c>
      <c r="J58172" s="1" t="s">
        <v>195668</v>
      </c>
    </row>
    <row r="58173" spans="1:10" x14ac:dyDescent="0.35">
      <c r="A58173" s="1" t="s">
        <v>117943</v>
      </c>
      <c r="B58173" s="1" t="s">
        <v>187129</v>
      </c>
      <c r="C58173" s="1" t="s">
        <v>135</v>
      </c>
      <c r="D58173" s="1" t="s">
        <v>141586</v>
      </c>
      <c r="E58173" s="1" t="s">
        <v>195669</v>
      </c>
      <c r="F58173" s="1" t="s">
        <v>195670</v>
      </c>
      <c r="G58173" s="1" t="s">
        <v>195590</v>
      </c>
      <c r="H58173" s="1" t="s">
        <v>195591</v>
      </c>
      <c r="I58173" s="1" t="s">
        <v>187135</v>
      </c>
      <c r="J58173" s="1" t="s">
        <v>195671</v>
      </c>
    </row>
    <row r="58174" spans="1:10" x14ac:dyDescent="0.35">
      <c r="A58174" s="1" t="s">
        <v>117943</v>
      </c>
      <c r="B58174" s="1" t="s">
        <v>187129</v>
      </c>
      <c r="C58174" s="1" t="s">
        <v>140</v>
      </c>
      <c r="D58174" s="1" t="s">
        <v>195672</v>
      </c>
      <c r="E58174" s="1" t="s">
        <v>195673</v>
      </c>
      <c r="F58174" s="1" t="s">
        <v>195674</v>
      </c>
      <c r="G58174" s="1" t="s">
        <v>195590</v>
      </c>
      <c r="H58174" s="1" t="s">
        <v>195591</v>
      </c>
      <c r="I58174" s="1" t="s">
        <v>187135</v>
      </c>
      <c r="J58174" s="1" t="s">
        <v>195675</v>
      </c>
    </row>
    <row r="58175" spans="1:10" x14ac:dyDescent="0.35">
      <c r="A58175" s="1" t="s">
        <v>117943</v>
      </c>
      <c r="B58175" s="1" t="s">
        <v>187129</v>
      </c>
      <c r="C58175" s="1" t="s">
        <v>145</v>
      </c>
      <c r="D58175" s="1" t="s">
        <v>31885</v>
      </c>
      <c r="E58175" s="1" t="s">
        <v>195676</v>
      </c>
      <c r="F58175" s="1" t="s">
        <v>195677</v>
      </c>
      <c r="G58175" s="1" t="s">
        <v>195590</v>
      </c>
      <c r="H58175" s="1" t="s">
        <v>195591</v>
      </c>
      <c r="I58175" s="1" t="s">
        <v>187135</v>
      </c>
      <c r="J58175" s="1" t="s">
        <v>195678</v>
      </c>
    </row>
    <row r="58176" spans="1:10" x14ac:dyDescent="0.35">
      <c r="A58176" s="1" t="s">
        <v>117943</v>
      </c>
      <c r="B58176" s="1" t="s">
        <v>187129</v>
      </c>
      <c r="C58176" s="1" t="s">
        <v>150</v>
      </c>
      <c r="D58176" s="1" t="s">
        <v>152960</v>
      </c>
      <c r="E58176" s="1" t="s">
        <v>195679</v>
      </c>
      <c r="F58176" s="1" t="s">
        <v>195680</v>
      </c>
      <c r="G58176" s="1" t="s">
        <v>195590</v>
      </c>
      <c r="H58176" s="1" t="s">
        <v>195591</v>
      </c>
      <c r="I58176" s="1" t="s">
        <v>187135</v>
      </c>
      <c r="J58176" s="1" t="s">
        <v>32128</v>
      </c>
    </row>
    <row r="58177" spans="1:10" x14ac:dyDescent="0.35">
      <c r="A58177" s="1" t="s">
        <v>117943</v>
      </c>
      <c r="B58177" s="1" t="s">
        <v>187129</v>
      </c>
      <c r="C58177" s="1" t="s">
        <v>155</v>
      </c>
      <c r="D58177" s="1" t="s">
        <v>195681</v>
      </c>
      <c r="E58177" s="1" t="s">
        <v>195682</v>
      </c>
      <c r="F58177" s="1" t="s">
        <v>195683</v>
      </c>
      <c r="G58177" s="1" t="s">
        <v>195590</v>
      </c>
      <c r="H58177" s="1" t="s">
        <v>195591</v>
      </c>
      <c r="I58177" s="1" t="s">
        <v>187135</v>
      </c>
      <c r="J58177" s="1" t="s">
        <v>195684</v>
      </c>
    </row>
    <row r="58178" spans="1:10" x14ac:dyDescent="0.35">
      <c r="A58178" s="1" t="s">
        <v>117943</v>
      </c>
      <c r="B58178" s="1" t="s">
        <v>187129</v>
      </c>
      <c r="C58178" s="1" t="s">
        <v>160</v>
      </c>
      <c r="D58178" s="1" t="s">
        <v>17470</v>
      </c>
      <c r="E58178" s="1" t="s">
        <v>195685</v>
      </c>
      <c r="F58178" s="1" t="s">
        <v>195686</v>
      </c>
      <c r="G58178" s="1" t="s">
        <v>195590</v>
      </c>
      <c r="H58178" s="1" t="s">
        <v>195591</v>
      </c>
      <c r="I58178" s="1" t="s">
        <v>187135</v>
      </c>
      <c r="J58178" s="1" t="s">
        <v>195687</v>
      </c>
    </row>
    <row r="58179" spans="1:10" x14ac:dyDescent="0.35">
      <c r="A58179" s="1" t="s">
        <v>117943</v>
      </c>
      <c r="B58179" s="1" t="s">
        <v>187129</v>
      </c>
      <c r="C58179" s="1" t="s">
        <v>165</v>
      </c>
      <c r="D58179" s="1" t="s">
        <v>175596</v>
      </c>
      <c r="E58179" s="1" t="s">
        <v>195688</v>
      </c>
      <c r="F58179" s="1" t="s">
        <v>195689</v>
      </c>
      <c r="G58179" s="1" t="s">
        <v>195590</v>
      </c>
      <c r="H58179" s="1" t="s">
        <v>195591</v>
      </c>
      <c r="I58179" s="1" t="s">
        <v>187135</v>
      </c>
      <c r="J58179" s="1" t="s">
        <v>195690</v>
      </c>
    </row>
    <row r="58180" spans="1:10" x14ac:dyDescent="0.35">
      <c r="A58180" s="1" t="s">
        <v>117943</v>
      </c>
      <c r="B58180" s="1" t="s">
        <v>187129</v>
      </c>
      <c r="C58180" s="1" t="s">
        <v>170</v>
      </c>
      <c r="D58180" s="1" t="s">
        <v>123764</v>
      </c>
      <c r="E58180" s="1" t="s">
        <v>195691</v>
      </c>
      <c r="F58180" s="1" t="s">
        <v>195692</v>
      </c>
      <c r="G58180" s="1" t="s">
        <v>195590</v>
      </c>
      <c r="H58180" s="1" t="s">
        <v>195591</v>
      </c>
      <c r="I58180" s="1" t="s">
        <v>187135</v>
      </c>
      <c r="J58180" s="1" t="s">
        <v>195693</v>
      </c>
    </row>
    <row r="58181" spans="1:10" x14ac:dyDescent="0.35">
      <c r="A58181" s="1" t="s">
        <v>195694</v>
      </c>
      <c r="B58181" s="1" t="s">
        <v>187129</v>
      </c>
      <c r="C58181" s="1" t="s">
        <v>8</v>
      </c>
      <c r="D58181" s="1" t="s">
        <v>122872</v>
      </c>
      <c r="E58181" s="1" t="s">
        <v>195695</v>
      </c>
      <c r="F58181" s="1" t="s">
        <v>195696</v>
      </c>
      <c r="G58181" s="1" t="s">
        <v>195697</v>
      </c>
      <c r="H58181" s="1" t="s">
        <v>195698</v>
      </c>
      <c r="I58181" s="1" t="s">
        <v>187135</v>
      </c>
      <c r="J58181" s="1" t="s">
        <v>13</v>
      </c>
    </row>
    <row r="58182" spans="1:10" x14ac:dyDescent="0.35">
      <c r="A58182" s="1" t="s">
        <v>195694</v>
      </c>
      <c r="B58182" s="1" t="s">
        <v>187129</v>
      </c>
      <c r="C58182" s="1" t="s">
        <v>15</v>
      </c>
      <c r="D58182" s="1" t="s">
        <v>195699</v>
      </c>
      <c r="E58182" s="1" t="s">
        <v>195700</v>
      </c>
      <c r="F58182" s="1" t="s">
        <v>195701</v>
      </c>
      <c r="G58182" s="1" t="s">
        <v>195697</v>
      </c>
      <c r="H58182" s="1" t="s">
        <v>195698</v>
      </c>
      <c r="I58182" s="1" t="s">
        <v>187135</v>
      </c>
      <c r="J58182" s="1" t="s">
        <v>195702</v>
      </c>
    </row>
    <row r="58183" spans="1:10" x14ac:dyDescent="0.35">
      <c r="A58183" s="1" t="s">
        <v>195694</v>
      </c>
      <c r="B58183" s="1" t="s">
        <v>187129</v>
      </c>
      <c r="C58183" s="1" t="s">
        <v>20</v>
      </c>
      <c r="D58183" s="1" t="s">
        <v>190942</v>
      </c>
      <c r="E58183" s="1" t="s">
        <v>195703</v>
      </c>
      <c r="F58183" s="1" t="s">
        <v>195704</v>
      </c>
      <c r="G58183" s="1" t="s">
        <v>195697</v>
      </c>
      <c r="H58183" s="1" t="s">
        <v>195698</v>
      </c>
      <c r="I58183" s="1" t="s">
        <v>187135</v>
      </c>
      <c r="J58183" s="1" t="s">
        <v>195705</v>
      </c>
    </row>
    <row r="58184" spans="1:10" x14ac:dyDescent="0.35">
      <c r="A58184" s="1" t="s">
        <v>195694</v>
      </c>
      <c r="B58184" s="1" t="s">
        <v>187129</v>
      </c>
      <c r="C58184" s="1" t="s">
        <v>25</v>
      </c>
      <c r="D58184" s="1" t="s">
        <v>68721</v>
      </c>
      <c r="E58184" s="1" t="s">
        <v>195706</v>
      </c>
      <c r="F58184" s="1" t="s">
        <v>195707</v>
      </c>
      <c r="G58184" s="1" t="s">
        <v>195697</v>
      </c>
      <c r="H58184" s="1" t="s">
        <v>195698</v>
      </c>
      <c r="I58184" s="1" t="s">
        <v>187135</v>
      </c>
      <c r="J58184" s="1" t="s">
        <v>195708</v>
      </c>
    </row>
    <row r="58185" spans="1:10" x14ac:dyDescent="0.35">
      <c r="A58185" s="1" t="s">
        <v>195694</v>
      </c>
      <c r="B58185" s="1" t="s">
        <v>187129</v>
      </c>
      <c r="C58185" s="1" t="s">
        <v>30</v>
      </c>
      <c r="D58185" s="1" t="s">
        <v>195709</v>
      </c>
      <c r="E58185" s="1" t="s">
        <v>195710</v>
      </c>
      <c r="F58185" s="1" t="s">
        <v>195711</v>
      </c>
      <c r="G58185" s="1" t="s">
        <v>195697</v>
      </c>
      <c r="H58185" s="1" t="s">
        <v>195698</v>
      </c>
      <c r="I58185" s="1" t="s">
        <v>187135</v>
      </c>
      <c r="J58185" s="1" t="s">
        <v>195712</v>
      </c>
    </row>
    <row r="58186" spans="1:10" x14ac:dyDescent="0.35">
      <c r="A58186" s="1" t="s">
        <v>195694</v>
      </c>
      <c r="B58186" s="1" t="s">
        <v>187129</v>
      </c>
      <c r="C58186" s="1" t="s">
        <v>35</v>
      </c>
      <c r="D58186" s="1" t="s">
        <v>38482</v>
      </c>
      <c r="E58186" s="1" t="s">
        <v>195713</v>
      </c>
      <c r="F58186" s="1" t="s">
        <v>195714</v>
      </c>
      <c r="G58186" s="1" t="s">
        <v>195697</v>
      </c>
      <c r="H58186" s="1" t="s">
        <v>195698</v>
      </c>
      <c r="I58186" s="1" t="s">
        <v>187135</v>
      </c>
      <c r="J58186" s="1" t="s">
        <v>195715</v>
      </c>
    </row>
    <row r="58187" spans="1:10" x14ac:dyDescent="0.35">
      <c r="A58187" s="1" t="s">
        <v>195694</v>
      </c>
      <c r="B58187" s="1" t="s">
        <v>187129</v>
      </c>
      <c r="C58187" s="1" t="s">
        <v>40</v>
      </c>
      <c r="D58187" s="1" t="s">
        <v>176356</v>
      </c>
      <c r="E58187" s="1" t="s">
        <v>195716</v>
      </c>
      <c r="F58187" s="1" t="s">
        <v>195717</v>
      </c>
      <c r="G58187" s="1" t="s">
        <v>195697</v>
      </c>
      <c r="H58187" s="1" t="s">
        <v>195698</v>
      </c>
      <c r="I58187" s="1" t="s">
        <v>187135</v>
      </c>
      <c r="J58187" s="1" t="s">
        <v>195718</v>
      </c>
    </row>
    <row r="58188" spans="1:10" x14ac:dyDescent="0.35">
      <c r="A58188" s="1" t="s">
        <v>195694</v>
      </c>
      <c r="B58188" s="1" t="s">
        <v>187129</v>
      </c>
      <c r="C58188" s="1" t="s">
        <v>45</v>
      </c>
      <c r="D58188" s="1" t="s">
        <v>19035</v>
      </c>
      <c r="E58188" s="1" t="s">
        <v>195719</v>
      </c>
      <c r="F58188" s="1" t="s">
        <v>195720</v>
      </c>
      <c r="G58188" s="1" t="s">
        <v>195697</v>
      </c>
      <c r="H58188" s="1" t="s">
        <v>195698</v>
      </c>
      <c r="I58188" s="1" t="s">
        <v>187135</v>
      </c>
      <c r="J58188" s="1" t="s">
        <v>195721</v>
      </c>
    </row>
    <row r="58189" spans="1:10" x14ac:dyDescent="0.35">
      <c r="A58189" s="1" t="s">
        <v>195694</v>
      </c>
      <c r="B58189" s="1" t="s">
        <v>187129</v>
      </c>
      <c r="C58189" s="1" t="s">
        <v>50</v>
      </c>
      <c r="D58189" s="1" t="s">
        <v>172686</v>
      </c>
      <c r="E58189" s="1" t="s">
        <v>195722</v>
      </c>
      <c r="F58189" s="1" t="s">
        <v>195723</v>
      </c>
      <c r="G58189" s="1" t="s">
        <v>195697</v>
      </c>
      <c r="H58189" s="1" t="s">
        <v>195698</v>
      </c>
      <c r="I58189" s="1" t="s">
        <v>187135</v>
      </c>
      <c r="J58189" s="1" t="s">
        <v>190823</v>
      </c>
    </row>
    <row r="58190" spans="1:10" x14ac:dyDescent="0.35">
      <c r="A58190" s="1" t="s">
        <v>195694</v>
      </c>
      <c r="B58190" s="1" t="s">
        <v>187129</v>
      </c>
      <c r="C58190" s="1" t="s">
        <v>55</v>
      </c>
      <c r="D58190" s="1" t="s">
        <v>195724</v>
      </c>
      <c r="E58190" s="1" t="s">
        <v>195725</v>
      </c>
      <c r="F58190" s="1" t="s">
        <v>195726</v>
      </c>
      <c r="G58190" s="1" t="s">
        <v>195697</v>
      </c>
      <c r="H58190" s="1" t="s">
        <v>195698</v>
      </c>
      <c r="I58190" s="1" t="s">
        <v>187135</v>
      </c>
      <c r="J58190" s="1" t="s">
        <v>195727</v>
      </c>
    </row>
    <row r="58191" spans="1:10" x14ac:dyDescent="0.35">
      <c r="A58191" s="1" t="s">
        <v>195694</v>
      </c>
      <c r="B58191" s="1" t="s">
        <v>187129</v>
      </c>
      <c r="C58191" s="1" t="s">
        <v>60</v>
      </c>
      <c r="D58191" s="1" t="s">
        <v>19147</v>
      </c>
      <c r="E58191" s="1" t="s">
        <v>195728</v>
      </c>
      <c r="F58191" s="1" t="s">
        <v>195729</v>
      </c>
      <c r="G58191" s="1" t="s">
        <v>195697</v>
      </c>
      <c r="H58191" s="1" t="s">
        <v>195698</v>
      </c>
      <c r="I58191" s="1" t="s">
        <v>187135</v>
      </c>
      <c r="J58191" s="1" t="s">
        <v>195730</v>
      </c>
    </row>
    <row r="58192" spans="1:10" x14ac:dyDescent="0.35">
      <c r="A58192" s="1" t="s">
        <v>195694</v>
      </c>
      <c r="B58192" s="1" t="s">
        <v>187129</v>
      </c>
      <c r="C58192" s="1" t="s">
        <v>65</v>
      </c>
      <c r="D58192" s="1" t="s">
        <v>195731</v>
      </c>
      <c r="E58192" s="1" t="s">
        <v>195732</v>
      </c>
      <c r="F58192" s="1" t="s">
        <v>195733</v>
      </c>
      <c r="G58192" s="1" t="s">
        <v>195697</v>
      </c>
      <c r="H58192" s="1" t="s">
        <v>195698</v>
      </c>
      <c r="I58192" s="1" t="s">
        <v>187135</v>
      </c>
      <c r="J58192" s="1" t="s">
        <v>195734</v>
      </c>
    </row>
    <row r="58193" spans="1:10" x14ac:dyDescent="0.35">
      <c r="A58193" s="1" t="s">
        <v>195694</v>
      </c>
      <c r="B58193" s="1" t="s">
        <v>187129</v>
      </c>
      <c r="C58193" s="1" t="s">
        <v>70</v>
      </c>
      <c r="D58193" s="1" t="s">
        <v>173109</v>
      </c>
      <c r="E58193" s="1" t="s">
        <v>195735</v>
      </c>
      <c r="F58193" s="1" t="s">
        <v>195736</v>
      </c>
      <c r="G58193" s="1" t="s">
        <v>195697</v>
      </c>
      <c r="H58193" s="1" t="s">
        <v>195698</v>
      </c>
      <c r="I58193" s="1" t="s">
        <v>187135</v>
      </c>
      <c r="J58193" s="1" t="s">
        <v>195737</v>
      </c>
    </row>
    <row r="58194" spans="1:10" x14ac:dyDescent="0.35">
      <c r="A58194" s="1" t="s">
        <v>195694</v>
      </c>
      <c r="B58194" s="1" t="s">
        <v>187129</v>
      </c>
      <c r="C58194" s="1" t="s">
        <v>75</v>
      </c>
      <c r="D58194" s="1" t="s">
        <v>195738</v>
      </c>
      <c r="E58194" s="1" t="s">
        <v>195739</v>
      </c>
      <c r="F58194" s="1" t="s">
        <v>195740</v>
      </c>
      <c r="G58194" s="1" t="s">
        <v>195697</v>
      </c>
      <c r="H58194" s="1" t="s">
        <v>195698</v>
      </c>
      <c r="I58194" s="1" t="s">
        <v>187135</v>
      </c>
      <c r="J58194" s="1" t="s">
        <v>195741</v>
      </c>
    </row>
    <row r="58195" spans="1:10" x14ac:dyDescent="0.35">
      <c r="A58195" s="1" t="s">
        <v>195694</v>
      </c>
      <c r="B58195" s="1" t="s">
        <v>187129</v>
      </c>
      <c r="C58195" s="1" t="s">
        <v>80</v>
      </c>
      <c r="D58195" s="1" t="s">
        <v>64445</v>
      </c>
      <c r="E58195" s="1" t="s">
        <v>195742</v>
      </c>
      <c r="F58195" s="1" t="s">
        <v>195743</v>
      </c>
      <c r="G58195" s="1" t="s">
        <v>195697</v>
      </c>
      <c r="H58195" s="1" t="s">
        <v>195698</v>
      </c>
      <c r="I58195" s="1" t="s">
        <v>187135</v>
      </c>
      <c r="J58195" s="1" t="s">
        <v>195744</v>
      </c>
    </row>
    <row r="58196" spans="1:10" x14ac:dyDescent="0.35">
      <c r="A58196" s="1" t="s">
        <v>195694</v>
      </c>
      <c r="B58196" s="1" t="s">
        <v>187129</v>
      </c>
      <c r="C58196" s="1" t="s">
        <v>85</v>
      </c>
      <c r="D58196" s="1" t="s">
        <v>195745</v>
      </c>
      <c r="E58196" s="1" t="s">
        <v>195746</v>
      </c>
      <c r="F58196" s="1" t="s">
        <v>195747</v>
      </c>
      <c r="G58196" s="1" t="s">
        <v>195697</v>
      </c>
      <c r="H58196" s="1" t="s">
        <v>195698</v>
      </c>
      <c r="I58196" s="1" t="s">
        <v>187135</v>
      </c>
      <c r="J58196" s="1" t="s">
        <v>195748</v>
      </c>
    </row>
    <row r="58197" spans="1:10" x14ac:dyDescent="0.35">
      <c r="A58197" s="1" t="s">
        <v>195694</v>
      </c>
      <c r="B58197" s="1" t="s">
        <v>187129</v>
      </c>
      <c r="C58197" s="1" t="s">
        <v>90</v>
      </c>
      <c r="D58197" s="1" t="s">
        <v>180532</v>
      </c>
      <c r="E58197" s="1" t="s">
        <v>195749</v>
      </c>
      <c r="F58197" s="1" t="s">
        <v>195750</v>
      </c>
      <c r="G58197" s="1" t="s">
        <v>195697</v>
      </c>
      <c r="H58197" s="1" t="s">
        <v>195698</v>
      </c>
      <c r="I58197" s="1" t="s">
        <v>187135</v>
      </c>
      <c r="J58197" s="1" t="s">
        <v>195751</v>
      </c>
    </row>
    <row r="58198" spans="1:10" x14ac:dyDescent="0.35">
      <c r="A58198" s="1" t="s">
        <v>195694</v>
      </c>
      <c r="B58198" s="1" t="s">
        <v>187129</v>
      </c>
      <c r="C58198" s="1" t="s">
        <v>95</v>
      </c>
      <c r="D58198" s="1" t="s">
        <v>195752</v>
      </c>
      <c r="E58198" s="1" t="s">
        <v>195753</v>
      </c>
      <c r="F58198" s="1" t="s">
        <v>195754</v>
      </c>
      <c r="G58198" s="1" t="s">
        <v>195697</v>
      </c>
      <c r="H58198" s="1" t="s">
        <v>195698</v>
      </c>
      <c r="I58198" s="1" t="s">
        <v>187135</v>
      </c>
      <c r="J58198" s="1" t="s">
        <v>195755</v>
      </c>
    </row>
    <row r="58199" spans="1:10" x14ac:dyDescent="0.35">
      <c r="A58199" s="1" t="s">
        <v>195694</v>
      </c>
      <c r="B58199" s="1" t="s">
        <v>187129</v>
      </c>
      <c r="C58199" s="1" t="s">
        <v>100</v>
      </c>
      <c r="D58199" s="1" t="s">
        <v>195756</v>
      </c>
      <c r="E58199" s="1" t="s">
        <v>195757</v>
      </c>
      <c r="F58199" s="1" t="s">
        <v>195758</v>
      </c>
      <c r="G58199" s="1" t="s">
        <v>195697</v>
      </c>
      <c r="H58199" s="1" t="s">
        <v>195698</v>
      </c>
      <c r="I58199" s="1" t="s">
        <v>187135</v>
      </c>
      <c r="J58199" s="1" t="s">
        <v>195759</v>
      </c>
    </row>
    <row r="58200" spans="1:10" x14ac:dyDescent="0.35">
      <c r="A58200" s="1" t="s">
        <v>195694</v>
      </c>
      <c r="B58200" s="1" t="s">
        <v>187129</v>
      </c>
      <c r="C58200" s="1" t="s">
        <v>105</v>
      </c>
      <c r="D58200" s="1" t="s">
        <v>193169</v>
      </c>
      <c r="E58200" s="1" t="s">
        <v>195760</v>
      </c>
      <c r="F58200" s="1" t="s">
        <v>195761</v>
      </c>
      <c r="G58200" s="1" t="s">
        <v>195697</v>
      </c>
      <c r="H58200" s="1" t="s">
        <v>195698</v>
      </c>
      <c r="I58200" s="1" t="s">
        <v>187135</v>
      </c>
      <c r="J58200" s="1" t="s">
        <v>195762</v>
      </c>
    </row>
    <row r="58201" spans="1:10" x14ac:dyDescent="0.35">
      <c r="A58201" s="1" t="s">
        <v>195694</v>
      </c>
      <c r="B58201" s="1" t="s">
        <v>187129</v>
      </c>
      <c r="C58201" s="1" t="s">
        <v>110</v>
      </c>
      <c r="D58201" s="1" t="s">
        <v>77933</v>
      </c>
      <c r="E58201" s="1" t="s">
        <v>195763</v>
      </c>
      <c r="F58201" s="1" t="s">
        <v>195764</v>
      </c>
      <c r="G58201" s="1" t="s">
        <v>195697</v>
      </c>
      <c r="H58201" s="1" t="s">
        <v>195698</v>
      </c>
      <c r="I58201" s="1" t="s">
        <v>187135</v>
      </c>
      <c r="J58201" s="1" t="s">
        <v>195765</v>
      </c>
    </row>
    <row r="58202" spans="1:10" x14ac:dyDescent="0.35">
      <c r="A58202" s="1" t="s">
        <v>195694</v>
      </c>
      <c r="B58202" s="1" t="s">
        <v>187129</v>
      </c>
      <c r="C58202" s="1" t="s">
        <v>115</v>
      </c>
      <c r="D58202" s="1" t="s">
        <v>195766</v>
      </c>
      <c r="E58202" s="1" t="s">
        <v>195767</v>
      </c>
      <c r="F58202" s="1" t="s">
        <v>195768</v>
      </c>
      <c r="G58202" s="1" t="s">
        <v>195697</v>
      </c>
      <c r="H58202" s="1" t="s">
        <v>195698</v>
      </c>
      <c r="I58202" s="1" t="s">
        <v>187135</v>
      </c>
      <c r="J58202" s="1" t="s">
        <v>195769</v>
      </c>
    </row>
    <row r="58203" spans="1:10" x14ac:dyDescent="0.35">
      <c r="A58203" s="1" t="s">
        <v>195694</v>
      </c>
      <c r="B58203" s="1" t="s">
        <v>187129</v>
      </c>
      <c r="C58203" s="1" t="s">
        <v>120</v>
      </c>
      <c r="D58203" s="1" t="s">
        <v>80753</v>
      </c>
      <c r="E58203" s="1" t="s">
        <v>195770</v>
      </c>
      <c r="F58203" s="1" t="s">
        <v>195771</v>
      </c>
      <c r="G58203" s="1" t="s">
        <v>195697</v>
      </c>
      <c r="H58203" s="1" t="s">
        <v>195698</v>
      </c>
      <c r="I58203" s="1" t="s">
        <v>187135</v>
      </c>
      <c r="J58203" s="1" t="s">
        <v>195772</v>
      </c>
    </row>
    <row r="58204" spans="1:10" x14ac:dyDescent="0.35">
      <c r="A58204" s="1" t="s">
        <v>195694</v>
      </c>
      <c r="B58204" s="1" t="s">
        <v>187129</v>
      </c>
      <c r="C58204" s="1" t="s">
        <v>125</v>
      </c>
      <c r="D58204" s="1" t="s">
        <v>195773</v>
      </c>
      <c r="E58204" s="1" t="s">
        <v>195774</v>
      </c>
      <c r="F58204" s="1" t="s">
        <v>195775</v>
      </c>
      <c r="G58204" s="1" t="s">
        <v>195697</v>
      </c>
      <c r="H58204" s="1" t="s">
        <v>195698</v>
      </c>
      <c r="I58204" s="1" t="s">
        <v>187135</v>
      </c>
      <c r="J58204" s="1" t="s">
        <v>195776</v>
      </c>
    </row>
    <row r="58205" spans="1:10" x14ac:dyDescent="0.35">
      <c r="A58205" s="1" t="s">
        <v>195694</v>
      </c>
      <c r="B58205" s="1" t="s">
        <v>187129</v>
      </c>
      <c r="C58205" s="1" t="s">
        <v>130</v>
      </c>
      <c r="D58205" s="1" t="s">
        <v>195777</v>
      </c>
      <c r="E58205" s="1" t="s">
        <v>195778</v>
      </c>
      <c r="F58205" s="1" t="s">
        <v>195779</v>
      </c>
      <c r="G58205" s="1" t="s">
        <v>195697</v>
      </c>
      <c r="H58205" s="1" t="s">
        <v>195698</v>
      </c>
      <c r="I58205" s="1" t="s">
        <v>187135</v>
      </c>
      <c r="J58205" s="1" t="s">
        <v>195780</v>
      </c>
    </row>
    <row r="58206" spans="1:10" x14ac:dyDescent="0.35">
      <c r="A58206" s="1" t="s">
        <v>195694</v>
      </c>
      <c r="B58206" s="1" t="s">
        <v>187129</v>
      </c>
      <c r="C58206" s="1" t="s">
        <v>135</v>
      </c>
      <c r="D58206" s="1" t="s">
        <v>195781</v>
      </c>
      <c r="E58206" s="1" t="s">
        <v>195782</v>
      </c>
      <c r="F58206" s="1" t="s">
        <v>195783</v>
      </c>
      <c r="G58206" s="1" t="s">
        <v>195697</v>
      </c>
      <c r="H58206" s="1" t="s">
        <v>195698</v>
      </c>
      <c r="I58206" s="1" t="s">
        <v>187135</v>
      </c>
      <c r="J58206" s="1" t="s">
        <v>195784</v>
      </c>
    </row>
    <row r="58207" spans="1:10" x14ac:dyDescent="0.35">
      <c r="A58207" s="1" t="s">
        <v>195694</v>
      </c>
      <c r="B58207" s="1" t="s">
        <v>187129</v>
      </c>
      <c r="C58207" s="1" t="s">
        <v>140</v>
      </c>
      <c r="D58207" s="1" t="s">
        <v>38770</v>
      </c>
      <c r="E58207" s="1" t="s">
        <v>195785</v>
      </c>
      <c r="F58207" s="1" t="s">
        <v>195786</v>
      </c>
      <c r="G58207" s="1" t="s">
        <v>195697</v>
      </c>
      <c r="H58207" s="1" t="s">
        <v>195698</v>
      </c>
      <c r="I58207" s="1" t="s">
        <v>187135</v>
      </c>
      <c r="J58207" s="1" t="s">
        <v>195787</v>
      </c>
    </row>
    <row r="58208" spans="1:10" x14ac:dyDescent="0.35">
      <c r="A58208" s="1" t="s">
        <v>195694</v>
      </c>
      <c r="B58208" s="1" t="s">
        <v>187129</v>
      </c>
      <c r="C58208" s="1" t="s">
        <v>145</v>
      </c>
      <c r="D58208" s="1" t="s">
        <v>195788</v>
      </c>
      <c r="E58208" s="1" t="s">
        <v>195789</v>
      </c>
      <c r="F58208" s="1" t="s">
        <v>195790</v>
      </c>
      <c r="G58208" s="1" t="s">
        <v>195697</v>
      </c>
      <c r="H58208" s="1" t="s">
        <v>195698</v>
      </c>
      <c r="I58208" s="1" t="s">
        <v>187135</v>
      </c>
      <c r="J58208" s="1" t="s">
        <v>195791</v>
      </c>
    </row>
    <row r="58209" spans="1:10" x14ac:dyDescent="0.35">
      <c r="A58209" s="1" t="s">
        <v>195694</v>
      </c>
      <c r="B58209" s="1" t="s">
        <v>187129</v>
      </c>
      <c r="C58209" s="1" t="s">
        <v>150</v>
      </c>
      <c r="D58209" s="1" t="s">
        <v>117890</v>
      </c>
      <c r="E58209" s="1" t="s">
        <v>195792</v>
      </c>
      <c r="F58209" s="1" t="s">
        <v>195793</v>
      </c>
      <c r="G58209" s="1" t="s">
        <v>195697</v>
      </c>
      <c r="H58209" s="1" t="s">
        <v>195698</v>
      </c>
      <c r="I58209" s="1" t="s">
        <v>187135</v>
      </c>
      <c r="J58209" s="1" t="s">
        <v>195794</v>
      </c>
    </row>
    <row r="58210" spans="1:10" x14ac:dyDescent="0.35">
      <c r="A58210" s="1" t="s">
        <v>195694</v>
      </c>
      <c r="B58210" s="1" t="s">
        <v>187129</v>
      </c>
      <c r="C58210" s="1" t="s">
        <v>155</v>
      </c>
      <c r="D58210" s="1" t="s">
        <v>195795</v>
      </c>
      <c r="E58210" s="1" t="s">
        <v>195796</v>
      </c>
      <c r="F58210" s="1" t="s">
        <v>195797</v>
      </c>
      <c r="G58210" s="1" t="s">
        <v>195697</v>
      </c>
      <c r="H58210" s="1" t="s">
        <v>195698</v>
      </c>
      <c r="I58210" s="1" t="s">
        <v>187135</v>
      </c>
      <c r="J58210" s="1" t="s">
        <v>195798</v>
      </c>
    </row>
    <row r="58211" spans="1:10" x14ac:dyDescent="0.35">
      <c r="A58211" s="1" t="s">
        <v>195694</v>
      </c>
      <c r="B58211" s="1" t="s">
        <v>187129</v>
      </c>
      <c r="C58211" s="1" t="s">
        <v>160</v>
      </c>
      <c r="D58211" s="1" t="s">
        <v>109177</v>
      </c>
      <c r="E58211" s="1" t="s">
        <v>195799</v>
      </c>
      <c r="F58211" s="1" t="s">
        <v>195800</v>
      </c>
      <c r="G58211" s="1" t="s">
        <v>195697</v>
      </c>
      <c r="H58211" s="1" t="s">
        <v>195698</v>
      </c>
      <c r="I58211" s="1" t="s">
        <v>187135</v>
      </c>
      <c r="J58211" s="1" t="s">
        <v>195801</v>
      </c>
    </row>
    <row r="58212" spans="1:10" x14ac:dyDescent="0.35">
      <c r="A58212" s="1" t="s">
        <v>195694</v>
      </c>
      <c r="B58212" s="1" t="s">
        <v>187129</v>
      </c>
      <c r="C58212" s="1" t="s">
        <v>165</v>
      </c>
      <c r="D58212" s="1" t="s">
        <v>195802</v>
      </c>
      <c r="E58212" s="1" t="s">
        <v>195803</v>
      </c>
      <c r="F58212" s="1" t="s">
        <v>195804</v>
      </c>
      <c r="G58212" s="1" t="s">
        <v>195697</v>
      </c>
      <c r="H58212" s="1" t="s">
        <v>195698</v>
      </c>
      <c r="I58212" s="1" t="s">
        <v>187135</v>
      </c>
      <c r="J58212" s="1" t="s">
        <v>195805</v>
      </c>
    </row>
    <row r="58213" spans="1:10" x14ac:dyDescent="0.35">
      <c r="A58213" s="1" t="s">
        <v>195694</v>
      </c>
      <c r="B58213" s="1" t="s">
        <v>187129</v>
      </c>
      <c r="C58213" s="1" t="s">
        <v>170</v>
      </c>
      <c r="D58213" s="1" t="s">
        <v>195806</v>
      </c>
      <c r="E58213" s="1" t="s">
        <v>195807</v>
      </c>
      <c r="F58213" s="1" t="s">
        <v>195808</v>
      </c>
      <c r="G58213" s="1" t="s">
        <v>195697</v>
      </c>
      <c r="H58213" s="1" t="s">
        <v>195698</v>
      </c>
      <c r="I58213" s="1" t="s">
        <v>187135</v>
      </c>
      <c r="J58213" s="1" t="s">
        <v>195809</v>
      </c>
    </row>
    <row r="58214" spans="1:10" x14ac:dyDescent="0.35">
      <c r="A58214" s="1" t="s">
        <v>14138</v>
      </c>
      <c r="B58214" s="1" t="s">
        <v>187129</v>
      </c>
      <c r="C58214" s="1" t="s">
        <v>8</v>
      </c>
      <c r="D58214" s="1" t="s">
        <v>4188</v>
      </c>
      <c r="E58214" s="1" t="s">
        <v>195810</v>
      </c>
      <c r="F58214" s="1" t="s">
        <v>195811</v>
      </c>
      <c r="G58214" s="1" t="s">
        <v>195812</v>
      </c>
      <c r="H58214" s="1" t="s">
        <v>195813</v>
      </c>
      <c r="I58214" s="1" t="s">
        <v>187135</v>
      </c>
      <c r="J58214" s="1" t="s">
        <v>13</v>
      </c>
    </row>
    <row r="58215" spans="1:10" x14ac:dyDescent="0.35">
      <c r="A58215" s="1" t="s">
        <v>14138</v>
      </c>
      <c r="B58215" s="1" t="s">
        <v>187129</v>
      </c>
      <c r="C58215" s="1" t="s">
        <v>15</v>
      </c>
      <c r="D58215" s="1" t="s">
        <v>113321</v>
      </c>
      <c r="E58215" s="1" t="s">
        <v>195814</v>
      </c>
      <c r="F58215" s="1" t="s">
        <v>195815</v>
      </c>
      <c r="G58215" s="1" t="s">
        <v>195812</v>
      </c>
      <c r="H58215" s="1" t="s">
        <v>195813</v>
      </c>
      <c r="I58215" s="1" t="s">
        <v>187135</v>
      </c>
      <c r="J58215" s="1" t="s">
        <v>195816</v>
      </c>
    </row>
    <row r="58216" spans="1:10" x14ac:dyDescent="0.35">
      <c r="A58216" s="1" t="s">
        <v>14138</v>
      </c>
      <c r="B58216" s="1" t="s">
        <v>187129</v>
      </c>
      <c r="C58216" s="1" t="s">
        <v>20</v>
      </c>
      <c r="D58216" s="1" t="s">
        <v>31607</v>
      </c>
      <c r="E58216" s="1" t="s">
        <v>195817</v>
      </c>
      <c r="F58216" s="1" t="s">
        <v>195818</v>
      </c>
      <c r="G58216" s="1" t="s">
        <v>195812</v>
      </c>
      <c r="H58216" s="1" t="s">
        <v>195813</v>
      </c>
      <c r="I58216" s="1" t="s">
        <v>187135</v>
      </c>
      <c r="J58216" s="1" t="s">
        <v>195819</v>
      </c>
    </row>
    <row r="58217" spans="1:10" x14ac:dyDescent="0.35">
      <c r="A58217" s="1" t="s">
        <v>14138</v>
      </c>
      <c r="B58217" s="1" t="s">
        <v>187129</v>
      </c>
      <c r="C58217" s="1" t="s">
        <v>25</v>
      </c>
      <c r="D58217" s="1" t="s">
        <v>48077</v>
      </c>
      <c r="E58217" s="1" t="s">
        <v>195820</v>
      </c>
      <c r="F58217" s="1" t="s">
        <v>195821</v>
      </c>
      <c r="G58217" s="1" t="s">
        <v>195812</v>
      </c>
      <c r="H58217" s="1" t="s">
        <v>195813</v>
      </c>
      <c r="I58217" s="1" t="s">
        <v>187135</v>
      </c>
      <c r="J58217" s="1" t="s">
        <v>195822</v>
      </c>
    </row>
    <row r="58218" spans="1:10" x14ac:dyDescent="0.35">
      <c r="A58218" s="1" t="s">
        <v>14138</v>
      </c>
      <c r="B58218" s="1" t="s">
        <v>187129</v>
      </c>
      <c r="C58218" s="1" t="s">
        <v>30</v>
      </c>
      <c r="D58218" s="1" t="s">
        <v>34291</v>
      </c>
      <c r="E58218" s="1" t="s">
        <v>195823</v>
      </c>
      <c r="F58218" s="1" t="s">
        <v>195824</v>
      </c>
      <c r="G58218" s="1" t="s">
        <v>195812</v>
      </c>
      <c r="H58218" s="1" t="s">
        <v>195813</v>
      </c>
      <c r="I58218" s="1" t="s">
        <v>187135</v>
      </c>
      <c r="J58218" s="1" t="s">
        <v>195825</v>
      </c>
    </row>
    <row r="58219" spans="1:10" x14ac:dyDescent="0.35">
      <c r="A58219" s="1" t="s">
        <v>14138</v>
      </c>
      <c r="B58219" s="1" t="s">
        <v>187129</v>
      </c>
      <c r="C58219" s="1" t="s">
        <v>35</v>
      </c>
      <c r="D58219" s="1" t="s">
        <v>5782</v>
      </c>
      <c r="E58219" s="1" t="s">
        <v>195826</v>
      </c>
      <c r="F58219" s="1" t="s">
        <v>195827</v>
      </c>
      <c r="G58219" s="1" t="s">
        <v>195812</v>
      </c>
      <c r="H58219" s="1" t="s">
        <v>195813</v>
      </c>
      <c r="I58219" s="1" t="s">
        <v>187135</v>
      </c>
      <c r="J58219" s="1" t="s">
        <v>195828</v>
      </c>
    </row>
    <row r="58220" spans="1:10" x14ac:dyDescent="0.35">
      <c r="A58220" s="1" t="s">
        <v>14138</v>
      </c>
      <c r="B58220" s="1" t="s">
        <v>187129</v>
      </c>
      <c r="C58220" s="1" t="s">
        <v>40</v>
      </c>
      <c r="D58220" s="1" t="s">
        <v>157356</v>
      </c>
      <c r="E58220" s="1" t="s">
        <v>195829</v>
      </c>
      <c r="F58220" s="1" t="s">
        <v>195830</v>
      </c>
      <c r="G58220" s="1" t="s">
        <v>195812</v>
      </c>
      <c r="H58220" s="1" t="s">
        <v>195813</v>
      </c>
      <c r="I58220" s="1" t="s">
        <v>187135</v>
      </c>
      <c r="J58220" s="1" t="s">
        <v>195831</v>
      </c>
    </row>
    <row r="58221" spans="1:10" x14ac:dyDescent="0.35">
      <c r="A58221" s="1" t="s">
        <v>14138</v>
      </c>
      <c r="B58221" s="1" t="s">
        <v>187129</v>
      </c>
      <c r="C58221" s="1" t="s">
        <v>45</v>
      </c>
      <c r="D58221" s="1" t="s">
        <v>118001</v>
      </c>
      <c r="E58221" s="1" t="s">
        <v>195832</v>
      </c>
      <c r="F58221" s="1" t="s">
        <v>195833</v>
      </c>
      <c r="G58221" s="1" t="s">
        <v>195812</v>
      </c>
      <c r="H58221" s="1" t="s">
        <v>195813</v>
      </c>
      <c r="I58221" s="1" t="s">
        <v>187135</v>
      </c>
      <c r="J58221" s="1" t="s">
        <v>195834</v>
      </c>
    </row>
    <row r="58222" spans="1:10" x14ac:dyDescent="0.35">
      <c r="A58222" s="1" t="s">
        <v>14138</v>
      </c>
      <c r="B58222" s="1" t="s">
        <v>187129</v>
      </c>
      <c r="C58222" s="1" t="s">
        <v>50</v>
      </c>
      <c r="D58222" s="1" t="s">
        <v>104674</v>
      </c>
      <c r="E58222" s="1" t="s">
        <v>195835</v>
      </c>
      <c r="F58222" s="1" t="s">
        <v>195836</v>
      </c>
      <c r="G58222" s="1" t="s">
        <v>195812</v>
      </c>
      <c r="H58222" s="1" t="s">
        <v>195813</v>
      </c>
      <c r="I58222" s="1" t="s">
        <v>187135</v>
      </c>
      <c r="J58222" s="1" t="s">
        <v>195837</v>
      </c>
    </row>
    <row r="58223" spans="1:10" x14ac:dyDescent="0.35">
      <c r="A58223" s="1" t="s">
        <v>14138</v>
      </c>
      <c r="B58223" s="1" t="s">
        <v>187129</v>
      </c>
      <c r="C58223" s="1" t="s">
        <v>55</v>
      </c>
      <c r="D58223" s="1" t="s">
        <v>187130</v>
      </c>
      <c r="E58223" s="1" t="s">
        <v>195838</v>
      </c>
      <c r="F58223" s="1" t="s">
        <v>195839</v>
      </c>
      <c r="G58223" s="1" t="s">
        <v>195812</v>
      </c>
      <c r="H58223" s="1" t="s">
        <v>195813</v>
      </c>
      <c r="I58223" s="1" t="s">
        <v>187135</v>
      </c>
      <c r="J58223" s="1" t="s">
        <v>195840</v>
      </c>
    </row>
    <row r="58224" spans="1:10" x14ac:dyDescent="0.35">
      <c r="A58224" s="1" t="s">
        <v>14138</v>
      </c>
      <c r="B58224" s="1" t="s">
        <v>187129</v>
      </c>
      <c r="C58224" s="1" t="s">
        <v>60</v>
      </c>
      <c r="D58224" s="1" t="s">
        <v>157256</v>
      </c>
      <c r="E58224" s="1" t="s">
        <v>195841</v>
      </c>
      <c r="F58224" s="1" t="s">
        <v>195842</v>
      </c>
      <c r="G58224" s="1" t="s">
        <v>195812</v>
      </c>
      <c r="H58224" s="1" t="s">
        <v>195813</v>
      </c>
      <c r="I58224" s="1" t="s">
        <v>187135</v>
      </c>
      <c r="J58224" s="1" t="s">
        <v>195843</v>
      </c>
    </row>
    <row r="58225" spans="1:10" x14ac:dyDescent="0.35">
      <c r="A58225" s="1" t="s">
        <v>14138</v>
      </c>
      <c r="B58225" s="1" t="s">
        <v>187129</v>
      </c>
      <c r="C58225" s="1" t="s">
        <v>65</v>
      </c>
      <c r="D58225" s="1" t="s">
        <v>42017</v>
      </c>
      <c r="E58225" s="1" t="s">
        <v>195844</v>
      </c>
      <c r="F58225" s="1" t="s">
        <v>195845</v>
      </c>
      <c r="G58225" s="1" t="s">
        <v>195812</v>
      </c>
      <c r="H58225" s="1" t="s">
        <v>195813</v>
      </c>
      <c r="I58225" s="1" t="s">
        <v>187135</v>
      </c>
      <c r="J58225" s="1" t="s">
        <v>195846</v>
      </c>
    </row>
    <row r="58226" spans="1:10" x14ac:dyDescent="0.35">
      <c r="A58226" s="1" t="s">
        <v>14138</v>
      </c>
      <c r="B58226" s="1" t="s">
        <v>187129</v>
      </c>
      <c r="C58226" s="1" t="s">
        <v>70</v>
      </c>
      <c r="D58226" s="1" t="s">
        <v>3639</v>
      </c>
      <c r="E58226" s="1" t="s">
        <v>195847</v>
      </c>
      <c r="F58226" s="1" t="s">
        <v>195848</v>
      </c>
      <c r="G58226" s="1" t="s">
        <v>195812</v>
      </c>
      <c r="H58226" s="1" t="s">
        <v>195813</v>
      </c>
      <c r="I58226" s="1" t="s">
        <v>187135</v>
      </c>
      <c r="J58226" s="1" t="s">
        <v>195849</v>
      </c>
    </row>
    <row r="58227" spans="1:10" x14ac:dyDescent="0.35">
      <c r="A58227" s="1" t="s">
        <v>14138</v>
      </c>
      <c r="B58227" s="1" t="s">
        <v>187129</v>
      </c>
      <c r="C58227" s="1" t="s">
        <v>75</v>
      </c>
      <c r="D58227" s="1" t="s">
        <v>170645</v>
      </c>
      <c r="E58227" s="1" t="s">
        <v>195850</v>
      </c>
      <c r="F58227" s="1" t="s">
        <v>195851</v>
      </c>
      <c r="G58227" s="1" t="s">
        <v>195812</v>
      </c>
      <c r="H58227" s="1" t="s">
        <v>195813</v>
      </c>
      <c r="I58227" s="1" t="s">
        <v>187135</v>
      </c>
      <c r="J58227" s="1" t="s">
        <v>195852</v>
      </c>
    </row>
    <row r="58228" spans="1:10" x14ac:dyDescent="0.35">
      <c r="A58228" s="1" t="s">
        <v>14138</v>
      </c>
      <c r="B58228" s="1" t="s">
        <v>187129</v>
      </c>
      <c r="C58228" s="1" t="s">
        <v>80</v>
      </c>
      <c r="D58228" s="1" t="s">
        <v>195853</v>
      </c>
      <c r="E58228" s="1" t="s">
        <v>195854</v>
      </c>
      <c r="F58228" s="1" t="s">
        <v>195855</v>
      </c>
      <c r="G58228" s="1" t="s">
        <v>195812</v>
      </c>
      <c r="H58228" s="1" t="s">
        <v>195813</v>
      </c>
      <c r="I58228" s="1" t="s">
        <v>187135</v>
      </c>
      <c r="J58228" s="1" t="s">
        <v>195856</v>
      </c>
    </row>
    <row r="58229" spans="1:10" x14ac:dyDescent="0.35">
      <c r="A58229" s="1" t="s">
        <v>14138</v>
      </c>
      <c r="B58229" s="1" t="s">
        <v>187129</v>
      </c>
      <c r="C58229" s="1" t="s">
        <v>85</v>
      </c>
      <c r="D58229" s="1" t="s">
        <v>115967</v>
      </c>
      <c r="E58229" s="1" t="s">
        <v>195857</v>
      </c>
      <c r="F58229" s="1" t="s">
        <v>195858</v>
      </c>
      <c r="G58229" s="1" t="s">
        <v>195812</v>
      </c>
      <c r="H58229" s="1" t="s">
        <v>195813</v>
      </c>
      <c r="I58229" s="1" t="s">
        <v>187135</v>
      </c>
      <c r="J58229" s="1" t="s">
        <v>195859</v>
      </c>
    </row>
    <row r="58230" spans="1:10" x14ac:dyDescent="0.35">
      <c r="A58230" s="1" t="s">
        <v>14138</v>
      </c>
      <c r="B58230" s="1" t="s">
        <v>187129</v>
      </c>
      <c r="C58230" s="1" t="s">
        <v>90</v>
      </c>
      <c r="D58230" s="1" t="s">
        <v>135386</v>
      </c>
      <c r="E58230" s="1" t="s">
        <v>195860</v>
      </c>
      <c r="F58230" s="1" t="s">
        <v>195861</v>
      </c>
      <c r="G58230" s="1" t="s">
        <v>195812</v>
      </c>
      <c r="H58230" s="1" t="s">
        <v>195813</v>
      </c>
      <c r="I58230" s="1" t="s">
        <v>187135</v>
      </c>
      <c r="J58230" s="1" t="s">
        <v>195862</v>
      </c>
    </row>
    <row r="58231" spans="1:10" x14ac:dyDescent="0.35">
      <c r="A58231" s="1" t="s">
        <v>14138</v>
      </c>
      <c r="B58231" s="1" t="s">
        <v>187129</v>
      </c>
      <c r="C58231" s="1" t="s">
        <v>95</v>
      </c>
      <c r="D58231" s="1" t="s">
        <v>195863</v>
      </c>
      <c r="E58231" s="1" t="s">
        <v>195864</v>
      </c>
      <c r="F58231" s="1" t="s">
        <v>195865</v>
      </c>
      <c r="G58231" s="1" t="s">
        <v>195812</v>
      </c>
      <c r="H58231" s="1" t="s">
        <v>195813</v>
      </c>
      <c r="I58231" s="1" t="s">
        <v>187135</v>
      </c>
      <c r="J58231" s="1" t="s">
        <v>195866</v>
      </c>
    </row>
    <row r="58232" spans="1:10" x14ac:dyDescent="0.35">
      <c r="A58232" s="1" t="s">
        <v>14138</v>
      </c>
      <c r="B58232" s="1" t="s">
        <v>187129</v>
      </c>
      <c r="C58232" s="1" t="s">
        <v>100</v>
      </c>
      <c r="D58232" s="1" t="s">
        <v>3723</v>
      </c>
      <c r="E58232" s="1" t="s">
        <v>195867</v>
      </c>
      <c r="F58232" s="1" t="s">
        <v>195868</v>
      </c>
      <c r="G58232" s="1" t="s">
        <v>195812</v>
      </c>
      <c r="H58232" s="1" t="s">
        <v>195813</v>
      </c>
      <c r="I58232" s="1" t="s">
        <v>187135</v>
      </c>
      <c r="J58232" s="1" t="s">
        <v>195869</v>
      </c>
    </row>
    <row r="58233" spans="1:10" x14ac:dyDescent="0.35">
      <c r="A58233" s="1" t="s">
        <v>14138</v>
      </c>
      <c r="B58233" s="1" t="s">
        <v>187129</v>
      </c>
      <c r="C58233" s="1" t="s">
        <v>105</v>
      </c>
      <c r="D58233" s="1" t="s">
        <v>171723</v>
      </c>
      <c r="E58233" s="1" t="s">
        <v>195870</v>
      </c>
      <c r="F58233" s="1" t="s">
        <v>195871</v>
      </c>
      <c r="G58233" s="1" t="s">
        <v>195812</v>
      </c>
      <c r="H58233" s="1" t="s">
        <v>195813</v>
      </c>
      <c r="I58233" s="1" t="s">
        <v>187135</v>
      </c>
      <c r="J58233" s="1" t="s">
        <v>195872</v>
      </c>
    </row>
    <row r="58234" spans="1:10" x14ac:dyDescent="0.35">
      <c r="A58234" s="1" t="s">
        <v>14138</v>
      </c>
      <c r="B58234" s="1" t="s">
        <v>187129</v>
      </c>
      <c r="C58234" s="1" t="s">
        <v>110</v>
      </c>
      <c r="D58234" s="1" t="s">
        <v>195873</v>
      </c>
      <c r="E58234" s="1" t="s">
        <v>195874</v>
      </c>
      <c r="F58234" s="1" t="s">
        <v>195875</v>
      </c>
      <c r="G58234" s="1" t="s">
        <v>195812</v>
      </c>
      <c r="H58234" s="1" t="s">
        <v>195813</v>
      </c>
      <c r="I58234" s="1" t="s">
        <v>187135</v>
      </c>
      <c r="J58234" s="1" t="s">
        <v>195876</v>
      </c>
    </row>
    <row r="58235" spans="1:10" x14ac:dyDescent="0.35">
      <c r="A58235" s="1" t="s">
        <v>14138</v>
      </c>
      <c r="B58235" s="1" t="s">
        <v>187129</v>
      </c>
      <c r="C58235" s="1" t="s">
        <v>115</v>
      </c>
      <c r="D58235" s="1" t="s">
        <v>33988</v>
      </c>
      <c r="E58235" s="1" t="s">
        <v>195877</v>
      </c>
      <c r="F58235" s="1" t="s">
        <v>195878</v>
      </c>
      <c r="G58235" s="1" t="s">
        <v>195812</v>
      </c>
      <c r="H58235" s="1" t="s">
        <v>195813</v>
      </c>
      <c r="I58235" s="1" t="s">
        <v>187135</v>
      </c>
      <c r="J58235" s="1" t="s">
        <v>195879</v>
      </c>
    </row>
    <row r="58236" spans="1:10" x14ac:dyDescent="0.35">
      <c r="A58236" s="1" t="s">
        <v>14138</v>
      </c>
      <c r="B58236" s="1" t="s">
        <v>187129</v>
      </c>
      <c r="C58236" s="1" t="s">
        <v>120</v>
      </c>
      <c r="D58236" s="1" t="s">
        <v>195880</v>
      </c>
      <c r="E58236" s="1" t="s">
        <v>195881</v>
      </c>
      <c r="F58236" s="1" t="s">
        <v>195882</v>
      </c>
      <c r="G58236" s="1" t="s">
        <v>195812</v>
      </c>
      <c r="H58236" s="1" t="s">
        <v>195813</v>
      </c>
      <c r="I58236" s="1" t="s">
        <v>187135</v>
      </c>
      <c r="J58236" s="1" t="s">
        <v>195883</v>
      </c>
    </row>
    <row r="58237" spans="1:10" x14ac:dyDescent="0.35">
      <c r="A58237" s="1" t="s">
        <v>14138</v>
      </c>
      <c r="B58237" s="1" t="s">
        <v>187129</v>
      </c>
      <c r="C58237" s="1" t="s">
        <v>125</v>
      </c>
      <c r="D58237" s="1" t="s">
        <v>195884</v>
      </c>
      <c r="E58237" s="1" t="s">
        <v>195885</v>
      </c>
      <c r="F58237" s="1" t="s">
        <v>195886</v>
      </c>
      <c r="G58237" s="1" t="s">
        <v>195812</v>
      </c>
      <c r="H58237" s="1" t="s">
        <v>195813</v>
      </c>
      <c r="I58237" s="1" t="s">
        <v>187135</v>
      </c>
      <c r="J58237" s="1" t="s">
        <v>195887</v>
      </c>
    </row>
    <row r="58238" spans="1:10" x14ac:dyDescent="0.35">
      <c r="A58238" s="1" t="s">
        <v>14138</v>
      </c>
      <c r="B58238" s="1" t="s">
        <v>187129</v>
      </c>
      <c r="C58238" s="1" t="s">
        <v>130</v>
      </c>
      <c r="D58238" s="1" t="s">
        <v>152794</v>
      </c>
      <c r="E58238" s="1" t="s">
        <v>195888</v>
      </c>
      <c r="F58238" s="1" t="s">
        <v>195889</v>
      </c>
      <c r="G58238" s="1" t="s">
        <v>195812</v>
      </c>
      <c r="H58238" s="1" t="s">
        <v>195813</v>
      </c>
      <c r="I58238" s="1" t="s">
        <v>187135</v>
      </c>
      <c r="J58238" s="1" t="s">
        <v>195890</v>
      </c>
    </row>
    <row r="58239" spans="1:10" x14ac:dyDescent="0.35">
      <c r="A58239" s="1" t="s">
        <v>14138</v>
      </c>
      <c r="B58239" s="1" t="s">
        <v>187129</v>
      </c>
      <c r="C58239" s="1" t="s">
        <v>135</v>
      </c>
      <c r="D58239" s="1" t="s">
        <v>195891</v>
      </c>
      <c r="E58239" s="1" t="s">
        <v>195892</v>
      </c>
      <c r="F58239" s="1" t="s">
        <v>195893</v>
      </c>
      <c r="G58239" s="1" t="s">
        <v>195812</v>
      </c>
      <c r="H58239" s="1" t="s">
        <v>195813</v>
      </c>
      <c r="I58239" s="1" t="s">
        <v>187135</v>
      </c>
      <c r="J58239" s="1" t="s">
        <v>195894</v>
      </c>
    </row>
    <row r="58240" spans="1:10" x14ac:dyDescent="0.35">
      <c r="A58240" s="1" t="s">
        <v>14138</v>
      </c>
      <c r="B58240" s="1" t="s">
        <v>187129</v>
      </c>
      <c r="C58240" s="1" t="s">
        <v>140</v>
      </c>
      <c r="D58240" s="1" t="s">
        <v>177987</v>
      </c>
      <c r="E58240" s="1" t="s">
        <v>195895</v>
      </c>
      <c r="F58240" s="1" t="s">
        <v>195896</v>
      </c>
      <c r="G58240" s="1" t="s">
        <v>195812</v>
      </c>
      <c r="H58240" s="1" t="s">
        <v>195813</v>
      </c>
      <c r="I58240" s="1" t="s">
        <v>187135</v>
      </c>
      <c r="J58240" s="1" t="s">
        <v>195897</v>
      </c>
    </row>
    <row r="58241" spans="1:10" x14ac:dyDescent="0.35">
      <c r="A58241" s="1" t="s">
        <v>14138</v>
      </c>
      <c r="B58241" s="1" t="s">
        <v>187129</v>
      </c>
      <c r="C58241" s="1" t="s">
        <v>145</v>
      </c>
      <c r="D58241" s="1" t="s">
        <v>195898</v>
      </c>
      <c r="E58241" s="1" t="s">
        <v>195899</v>
      </c>
      <c r="F58241" s="1" t="s">
        <v>195900</v>
      </c>
      <c r="G58241" s="1" t="s">
        <v>195812</v>
      </c>
      <c r="H58241" s="1" t="s">
        <v>195813</v>
      </c>
      <c r="I58241" s="1" t="s">
        <v>187135</v>
      </c>
      <c r="J58241" s="1" t="s">
        <v>195901</v>
      </c>
    </row>
    <row r="58242" spans="1:10" x14ac:dyDescent="0.35">
      <c r="A58242" s="1" t="s">
        <v>14138</v>
      </c>
      <c r="B58242" s="1" t="s">
        <v>187129</v>
      </c>
      <c r="C58242" s="1" t="s">
        <v>150</v>
      </c>
      <c r="D58242" s="1" t="s">
        <v>37275</v>
      </c>
      <c r="E58242" s="1" t="s">
        <v>195902</v>
      </c>
      <c r="F58242" s="1" t="s">
        <v>195903</v>
      </c>
      <c r="G58242" s="1" t="s">
        <v>195812</v>
      </c>
      <c r="H58242" s="1" t="s">
        <v>195813</v>
      </c>
      <c r="I58242" s="1" t="s">
        <v>187135</v>
      </c>
      <c r="J58242" s="1" t="s">
        <v>195904</v>
      </c>
    </row>
    <row r="58243" spans="1:10" x14ac:dyDescent="0.35">
      <c r="A58243" s="1" t="s">
        <v>14138</v>
      </c>
      <c r="B58243" s="1" t="s">
        <v>187129</v>
      </c>
      <c r="C58243" s="1" t="s">
        <v>155</v>
      </c>
      <c r="D58243" s="1" t="s">
        <v>150271</v>
      </c>
      <c r="E58243" s="1" t="s">
        <v>195905</v>
      </c>
      <c r="F58243" s="1" t="s">
        <v>195906</v>
      </c>
      <c r="G58243" s="1" t="s">
        <v>195812</v>
      </c>
      <c r="H58243" s="1" t="s">
        <v>195813</v>
      </c>
      <c r="I58243" s="1" t="s">
        <v>187135</v>
      </c>
      <c r="J58243" s="1" t="s">
        <v>195907</v>
      </c>
    </row>
    <row r="58244" spans="1:10" x14ac:dyDescent="0.35">
      <c r="A58244" s="1" t="s">
        <v>14138</v>
      </c>
      <c r="B58244" s="1" t="s">
        <v>187129</v>
      </c>
      <c r="C58244" s="1" t="s">
        <v>160</v>
      </c>
      <c r="D58244" s="1" t="s">
        <v>193142</v>
      </c>
      <c r="E58244" s="1" t="s">
        <v>195908</v>
      </c>
      <c r="F58244" s="1" t="s">
        <v>195909</v>
      </c>
      <c r="G58244" s="1" t="s">
        <v>195812</v>
      </c>
      <c r="H58244" s="1" t="s">
        <v>195813</v>
      </c>
      <c r="I58244" s="1" t="s">
        <v>187135</v>
      </c>
      <c r="J58244" s="1" t="s">
        <v>195910</v>
      </c>
    </row>
    <row r="58245" spans="1:10" x14ac:dyDescent="0.35">
      <c r="A58245" s="1" t="s">
        <v>14138</v>
      </c>
      <c r="B58245" s="1" t="s">
        <v>187129</v>
      </c>
      <c r="C58245" s="1" t="s">
        <v>165</v>
      </c>
      <c r="D58245" s="1" t="s">
        <v>195911</v>
      </c>
      <c r="E58245" s="1" t="s">
        <v>195912</v>
      </c>
      <c r="F58245" s="1" t="s">
        <v>195913</v>
      </c>
      <c r="G58245" s="1" t="s">
        <v>195812</v>
      </c>
      <c r="H58245" s="1" t="s">
        <v>195813</v>
      </c>
      <c r="I58245" s="1" t="s">
        <v>187135</v>
      </c>
      <c r="J58245" s="1" t="s">
        <v>195914</v>
      </c>
    </row>
    <row r="58246" spans="1:10" x14ac:dyDescent="0.35">
      <c r="A58246" s="1" t="s">
        <v>14138</v>
      </c>
      <c r="B58246" s="1" t="s">
        <v>187129</v>
      </c>
      <c r="C58246" s="1" t="s">
        <v>170</v>
      </c>
      <c r="D58246" s="1" t="s">
        <v>195915</v>
      </c>
      <c r="E58246" s="1" t="s">
        <v>195916</v>
      </c>
      <c r="F58246" s="1" t="s">
        <v>195917</v>
      </c>
      <c r="G58246" s="1" t="s">
        <v>195812</v>
      </c>
      <c r="H58246" s="1" t="s">
        <v>195813</v>
      </c>
      <c r="I58246" s="1" t="s">
        <v>187135</v>
      </c>
      <c r="J58246" s="1" t="s">
        <v>195918</v>
      </c>
    </row>
    <row r="58247" spans="1:10" x14ac:dyDescent="0.35">
      <c r="A58247" s="1" t="s">
        <v>47316</v>
      </c>
      <c r="B58247" s="1" t="s">
        <v>187129</v>
      </c>
      <c r="C58247" s="1" t="s">
        <v>8</v>
      </c>
      <c r="D58247" s="1" t="s">
        <v>195919</v>
      </c>
      <c r="E58247" s="1" t="s">
        <v>195920</v>
      </c>
      <c r="F58247" s="1" t="s">
        <v>195921</v>
      </c>
      <c r="G58247" s="1" t="s">
        <v>195922</v>
      </c>
      <c r="H58247" s="1" t="s">
        <v>195923</v>
      </c>
      <c r="I58247" s="1" t="s">
        <v>187135</v>
      </c>
      <c r="J58247" s="1" t="s">
        <v>13</v>
      </c>
    </row>
    <row r="58248" spans="1:10" x14ac:dyDescent="0.35">
      <c r="A58248" s="1" t="s">
        <v>47316</v>
      </c>
      <c r="B58248" s="1" t="s">
        <v>187129</v>
      </c>
      <c r="C58248" s="1" t="s">
        <v>15</v>
      </c>
      <c r="D58248" s="1" t="s">
        <v>195924</v>
      </c>
      <c r="E58248" s="1" t="s">
        <v>195925</v>
      </c>
      <c r="F58248" s="1" t="s">
        <v>195926</v>
      </c>
      <c r="G58248" s="1" t="s">
        <v>195922</v>
      </c>
      <c r="H58248" s="1" t="s">
        <v>195923</v>
      </c>
      <c r="I58248" s="1" t="s">
        <v>187135</v>
      </c>
      <c r="J58248" s="1" t="s">
        <v>195927</v>
      </c>
    </row>
    <row r="58249" spans="1:10" x14ac:dyDescent="0.35">
      <c r="A58249" s="1" t="s">
        <v>47316</v>
      </c>
      <c r="B58249" s="1" t="s">
        <v>187129</v>
      </c>
      <c r="C58249" s="1" t="s">
        <v>20</v>
      </c>
      <c r="D58249" s="1" t="s">
        <v>195928</v>
      </c>
      <c r="E58249" s="1" t="s">
        <v>195929</v>
      </c>
      <c r="F58249" s="1" t="s">
        <v>195930</v>
      </c>
      <c r="G58249" s="1" t="s">
        <v>195922</v>
      </c>
      <c r="H58249" s="1" t="s">
        <v>195923</v>
      </c>
      <c r="I58249" s="1" t="s">
        <v>187135</v>
      </c>
      <c r="J58249" s="1" t="s">
        <v>195931</v>
      </c>
    </row>
    <row r="58250" spans="1:10" x14ac:dyDescent="0.35">
      <c r="A58250" s="1" t="s">
        <v>47316</v>
      </c>
      <c r="B58250" s="1" t="s">
        <v>187129</v>
      </c>
      <c r="C58250" s="1" t="s">
        <v>25</v>
      </c>
      <c r="D58250" s="1" t="s">
        <v>195932</v>
      </c>
      <c r="E58250" s="1" t="s">
        <v>195933</v>
      </c>
      <c r="F58250" s="1" t="s">
        <v>195934</v>
      </c>
      <c r="G58250" s="1" t="s">
        <v>195922</v>
      </c>
      <c r="H58250" s="1" t="s">
        <v>195923</v>
      </c>
      <c r="I58250" s="1" t="s">
        <v>187135</v>
      </c>
      <c r="J58250" s="1" t="s">
        <v>195935</v>
      </c>
    </row>
    <row r="58251" spans="1:10" x14ac:dyDescent="0.35">
      <c r="A58251" s="1" t="s">
        <v>47316</v>
      </c>
      <c r="B58251" s="1" t="s">
        <v>187129</v>
      </c>
      <c r="C58251" s="1" t="s">
        <v>30</v>
      </c>
      <c r="D58251" s="1" t="s">
        <v>195936</v>
      </c>
      <c r="E58251" s="1" t="s">
        <v>195937</v>
      </c>
      <c r="F58251" s="1" t="s">
        <v>195938</v>
      </c>
      <c r="G58251" s="1" t="s">
        <v>195922</v>
      </c>
      <c r="H58251" s="1" t="s">
        <v>195923</v>
      </c>
      <c r="I58251" s="1" t="s">
        <v>187135</v>
      </c>
      <c r="J58251" s="1" t="s">
        <v>195939</v>
      </c>
    </row>
    <row r="58252" spans="1:10" x14ac:dyDescent="0.35">
      <c r="A58252" s="1" t="s">
        <v>47316</v>
      </c>
      <c r="B58252" s="1" t="s">
        <v>187129</v>
      </c>
      <c r="C58252" s="1" t="s">
        <v>35</v>
      </c>
      <c r="D58252" s="1" t="s">
        <v>195940</v>
      </c>
      <c r="E58252" s="1" t="s">
        <v>195941</v>
      </c>
      <c r="F58252" s="1" t="s">
        <v>195942</v>
      </c>
      <c r="G58252" s="1" t="s">
        <v>195922</v>
      </c>
      <c r="H58252" s="1" t="s">
        <v>195923</v>
      </c>
      <c r="I58252" s="1" t="s">
        <v>187135</v>
      </c>
      <c r="J58252" s="1" t="s">
        <v>195943</v>
      </c>
    </row>
    <row r="58253" spans="1:10" x14ac:dyDescent="0.35">
      <c r="A58253" s="1" t="s">
        <v>47316</v>
      </c>
      <c r="B58253" s="1" t="s">
        <v>187129</v>
      </c>
      <c r="C58253" s="1" t="s">
        <v>40</v>
      </c>
      <c r="D58253" s="1" t="s">
        <v>195944</v>
      </c>
      <c r="E58253" s="1" t="s">
        <v>195945</v>
      </c>
      <c r="F58253" s="1" t="s">
        <v>195946</v>
      </c>
      <c r="G58253" s="1" t="s">
        <v>195922</v>
      </c>
      <c r="H58253" s="1" t="s">
        <v>195923</v>
      </c>
      <c r="I58253" s="1" t="s">
        <v>187135</v>
      </c>
      <c r="J58253" s="1" t="s">
        <v>195947</v>
      </c>
    </row>
    <row r="58254" spans="1:10" x14ac:dyDescent="0.35">
      <c r="A58254" s="1" t="s">
        <v>47316</v>
      </c>
      <c r="B58254" s="1" t="s">
        <v>187129</v>
      </c>
      <c r="C58254" s="1" t="s">
        <v>45</v>
      </c>
      <c r="D58254" s="1" t="s">
        <v>195948</v>
      </c>
      <c r="E58254" s="1" t="s">
        <v>195949</v>
      </c>
      <c r="F58254" s="1" t="s">
        <v>195950</v>
      </c>
      <c r="G58254" s="1" t="s">
        <v>195922</v>
      </c>
      <c r="H58254" s="1" t="s">
        <v>195923</v>
      </c>
      <c r="I58254" s="1" t="s">
        <v>187135</v>
      </c>
      <c r="J58254" s="1" t="s">
        <v>195951</v>
      </c>
    </row>
    <row r="58255" spans="1:10" x14ac:dyDescent="0.35">
      <c r="A58255" s="1" t="s">
        <v>47316</v>
      </c>
      <c r="B58255" s="1" t="s">
        <v>187129</v>
      </c>
      <c r="C58255" s="1" t="s">
        <v>50</v>
      </c>
      <c r="D58255" s="1" t="s">
        <v>195952</v>
      </c>
      <c r="E58255" s="1" t="s">
        <v>195953</v>
      </c>
      <c r="F58255" s="1" t="s">
        <v>195954</v>
      </c>
      <c r="G58255" s="1" t="s">
        <v>195922</v>
      </c>
      <c r="H58255" s="1" t="s">
        <v>195923</v>
      </c>
      <c r="I58255" s="1" t="s">
        <v>187135</v>
      </c>
      <c r="J58255" s="1" t="s">
        <v>195955</v>
      </c>
    </row>
    <row r="58256" spans="1:10" x14ac:dyDescent="0.35">
      <c r="A58256" s="1" t="s">
        <v>47316</v>
      </c>
      <c r="B58256" s="1" t="s">
        <v>187129</v>
      </c>
      <c r="C58256" s="1" t="s">
        <v>55</v>
      </c>
      <c r="D58256" s="1" t="s">
        <v>195956</v>
      </c>
      <c r="E58256" s="1" t="s">
        <v>195957</v>
      </c>
      <c r="F58256" s="1" t="s">
        <v>195958</v>
      </c>
      <c r="G58256" s="1" t="s">
        <v>195922</v>
      </c>
      <c r="H58256" s="1" t="s">
        <v>195923</v>
      </c>
      <c r="I58256" s="1" t="s">
        <v>187135</v>
      </c>
      <c r="J58256" s="1" t="s">
        <v>195959</v>
      </c>
    </row>
    <row r="58257" spans="1:10" x14ac:dyDescent="0.35">
      <c r="A58257" s="1" t="s">
        <v>47316</v>
      </c>
      <c r="B58257" s="1" t="s">
        <v>187129</v>
      </c>
      <c r="C58257" s="1" t="s">
        <v>60</v>
      </c>
      <c r="D58257" s="1" t="s">
        <v>195960</v>
      </c>
      <c r="E58257" s="1" t="s">
        <v>195961</v>
      </c>
      <c r="F58257" s="1" t="s">
        <v>195962</v>
      </c>
      <c r="G58257" s="1" t="s">
        <v>195922</v>
      </c>
      <c r="H58257" s="1" t="s">
        <v>195923</v>
      </c>
      <c r="I58257" s="1" t="s">
        <v>187135</v>
      </c>
      <c r="J58257" s="1" t="s">
        <v>195963</v>
      </c>
    </row>
    <row r="58258" spans="1:10" x14ac:dyDescent="0.35">
      <c r="A58258" s="1" t="s">
        <v>47316</v>
      </c>
      <c r="B58258" s="1" t="s">
        <v>187129</v>
      </c>
      <c r="C58258" s="1" t="s">
        <v>65</v>
      </c>
      <c r="D58258" s="1" t="s">
        <v>195964</v>
      </c>
      <c r="E58258" s="1" t="s">
        <v>195965</v>
      </c>
      <c r="F58258" s="1" t="s">
        <v>195966</v>
      </c>
      <c r="G58258" s="1" t="s">
        <v>195922</v>
      </c>
      <c r="H58258" s="1" t="s">
        <v>195923</v>
      </c>
      <c r="I58258" s="1" t="s">
        <v>187135</v>
      </c>
      <c r="J58258" s="1" t="s">
        <v>195967</v>
      </c>
    </row>
    <row r="58259" spans="1:10" x14ac:dyDescent="0.35">
      <c r="A58259" s="1" t="s">
        <v>47316</v>
      </c>
      <c r="B58259" s="1" t="s">
        <v>187129</v>
      </c>
      <c r="C58259" s="1" t="s">
        <v>70</v>
      </c>
      <c r="D58259" s="1" t="s">
        <v>195968</v>
      </c>
      <c r="E58259" s="1" t="s">
        <v>195969</v>
      </c>
      <c r="F58259" s="1" t="s">
        <v>195970</v>
      </c>
      <c r="G58259" s="1" t="s">
        <v>195922</v>
      </c>
      <c r="H58259" s="1" t="s">
        <v>195923</v>
      </c>
      <c r="I58259" s="1" t="s">
        <v>187135</v>
      </c>
      <c r="J58259" s="1" t="s">
        <v>195971</v>
      </c>
    </row>
    <row r="58260" spans="1:10" x14ac:dyDescent="0.35">
      <c r="A58260" s="1" t="s">
        <v>47316</v>
      </c>
      <c r="B58260" s="1" t="s">
        <v>187129</v>
      </c>
      <c r="C58260" s="1" t="s">
        <v>75</v>
      </c>
      <c r="D58260" s="1" t="s">
        <v>195972</v>
      </c>
      <c r="E58260" s="1" t="s">
        <v>195973</v>
      </c>
      <c r="F58260" s="1" t="s">
        <v>195974</v>
      </c>
      <c r="G58260" s="1" t="s">
        <v>195922</v>
      </c>
      <c r="H58260" s="1" t="s">
        <v>195923</v>
      </c>
      <c r="I58260" s="1" t="s">
        <v>187135</v>
      </c>
      <c r="J58260" s="1" t="s">
        <v>195975</v>
      </c>
    </row>
    <row r="58261" spans="1:10" x14ac:dyDescent="0.35">
      <c r="A58261" s="1" t="s">
        <v>47316</v>
      </c>
      <c r="B58261" s="1" t="s">
        <v>187129</v>
      </c>
      <c r="C58261" s="1" t="s">
        <v>80</v>
      </c>
      <c r="D58261" s="1" t="s">
        <v>195976</v>
      </c>
      <c r="E58261" s="1" t="s">
        <v>195977</v>
      </c>
      <c r="F58261" s="1" t="s">
        <v>195978</v>
      </c>
      <c r="G58261" s="1" t="s">
        <v>195922</v>
      </c>
      <c r="H58261" s="1" t="s">
        <v>195923</v>
      </c>
      <c r="I58261" s="1" t="s">
        <v>187135</v>
      </c>
      <c r="J58261" s="1" t="s">
        <v>195979</v>
      </c>
    </row>
    <row r="58262" spans="1:10" x14ac:dyDescent="0.35">
      <c r="A58262" s="1" t="s">
        <v>47316</v>
      </c>
      <c r="B58262" s="1" t="s">
        <v>187129</v>
      </c>
      <c r="C58262" s="1" t="s">
        <v>85</v>
      </c>
      <c r="D58262" s="1" t="s">
        <v>195980</v>
      </c>
      <c r="E58262" s="1" t="s">
        <v>195981</v>
      </c>
      <c r="F58262" s="1" t="s">
        <v>195982</v>
      </c>
      <c r="G58262" s="1" t="s">
        <v>195922</v>
      </c>
      <c r="H58262" s="1" t="s">
        <v>195923</v>
      </c>
      <c r="I58262" s="1" t="s">
        <v>187135</v>
      </c>
      <c r="J58262" s="1" t="s">
        <v>195983</v>
      </c>
    </row>
    <row r="58263" spans="1:10" x14ac:dyDescent="0.35">
      <c r="A58263" s="1" t="s">
        <v>47316</v>
      </c>
      <c r="B58263" s="1" t="s">
        <v>187129</v>
      </c>
      <c r="C58263" s="1" t="s">
        <v>90</v>
      </c>
      <c r="D58263" s="1" t="s">
        <v>195984</v>
      </c>
      <c r="E58263" s="1" t="s">
        <v>195985</v>
      </c>
      <c r="F58263" s="1" t="s">
        <v>195986</v>
      </c>
      <c r="G58263" s="1" t="s">
        <v>195922</v>
      </c>
      <c r="H58263" s="1" t="s">
        <v>195923</v>
      </c>
      <c r="I58263" s="1" t="s">
        <v>187135</v>
      </c>
      <c r="J58263" s="1" t="s">
        <v>195987</v>
      </c>
    </row>
    <row r="58264" spans="1:10" x14ac:dyDescent="0.35">
      <c r="A58264" s="1" t="s">
        <v>47316</v>
      </c>
      <c r="B58264" s="1" t="s">
        <v>187129</v>
      </c>
      <c r="C58264" s="1" t="s">
        <v>95</v>
      </c>
      <c r="D58264" s="1" t="s">
        <v>195988</v>
      </c>
      <c r="E58264" s="1" t="s">
        <v>195989</v>
      </c>
      <c r="F58264" s="1" t="s">
        <v>195990</v>
      </c>
      <c r="G58264" s="1" t="s">
        <v>195922</v>
      </c>
      <c r="H58264" s="1" t="s">
        <v>195923</v>
      </c>
      <c r="I58264" s="1" t="s">
        <v>187135</v>
      </c>
      <c r="J58264" s="1" t="s">
        <v>195991</v>
      </c>
    </row>
    <row r="58265" spans="1:10" x14ac:dyDescent="0.35">
      <c r="A58265" s="1" t="s">
        <v>47316</v>
      </c>
      <c r="B58265" s="1" t="s">
        <v>187129</v>
      </c>
      <c r="C58265" s="1" t="s">
        <v>100</v>
      </c>
      <c r="D58265" s="1" t="s">
        <v>195992</v>
      </c>
      <c r="E58265" s="1" t="s">
        <v>195993</v>
      </c>
      <c r="F58265" s="1" t="s">
        <v>195994</v>
      </c>
      <c r="G58265" s="1" t="s">
        <v>195922</v>
      </c>
      <c r="H58265" s="1" t="s">
        <v>195923</v>
      </c>
      <c r="I58265" s="1" t="s">
        <v>187135</v>
      </c>
      <c r="J58265" s="1" t="s">
        <v>195995</v>
      </c>
    </row>
    <row r="58266" spans="1:10" x14ac:dyDescent="0.35">
      <c r="A58266" s="1" t="s">
        <v>47316</v>
      </c>
      <c r="B58266" s="1" t="s">
        <v>187129</v>
      </c>
      <c r="C58266" s="1" t="s">
        <v>105</v>
      </c>
      <c r="D58266" s="1" t="s">
        <v>195996</v>
      </c>
      <c r="E58266" s="1" t="s">
        <v>195997</v>
      </c>
      <c r="F58266" s="1" t="s">
        <v>195998</v>
      </c>
      <c r="G58266" s="1" t="s">
        <v>195922</v>
      </c>
      <c r="H58266" s="1" t="s">
        <v>195923</v>
      </c>
      <c r="I58266" s="1" t="s">
        <v>187135</v>
      </c>
      <c r="J58266" s="1" t="s">
        <v>195999</v>
      </c>
    </row>
    <row r="58267" spans="1:10" x14ac:dyDescent="0.35">
      <c r="A58267" s="1" t="s">
        <v>47316</v>
      </c>
      <c r="B58267" s="1" t="s">
        <v>187129</v>
      </c>
      <c r="C58267" s="1" t="s">
        <v>110</v>
      </c>
      <c r="D58267" s="1" t="s">
        <v>196000</v>
      </c>
      <c r="E58267" s="1" t="s">
        <v>196001</v>
      </c>
      <c r="F58267" s="1" t="s">
        <v>196002</v>
      </c>
      <c r="G58267" s="1" t="s">
        <v>195922</v>
      </c>
      <c r="H58267" s="1" t="s">
        <v>195923</v>
      </c>
      <c r="I58267" s="1" t="s">
        <v>187135</v>
      </c>
      <c r="J58267" s="1" t="s">
        <v>196003</v>
      </c>
    </row>
    <row r="58268" spans="1:10" x14ac:dyDescent="0.35">
      <c r="A58268" s="1" t="s">
        <v>47316</v>
      </c>
      <c r="B58268" s="1" t="s">
        <v>187129</v>
      </c>
      <c r="C58268" s="1" t="s">
        <v>115</v>
      </c>
      <c r="D58268" s="1" t="s">
        <v>196004</v>
      </c>
      <c r="E58268" s="1" t="s">
        <v>196005</v>
      </c>
      <c r="F58268" s="1" t="s">
        <v>196006</v>
      </c>
      <c r="G58268" s="1" t="s">
        <v>195922</v>
      </c>
      <c r="H58268" s="1" t="s">
        <v>195923</v>
      </c>
      <c r="I58268" s="1" t="s">
        <v>187135</v>
      </c>
      <c r="J58268" s="1" t="s">
        <v>196007</v>
      </c>
    </row>
    <row r="58269" spans="1:10" x14ac:dyDescent="0.35">
      <c r="A58269" s="1" t="s">
        <v>47316</v>
      </c>
      <c r="B58269" s="1" t="s">
        <v>187129</v>
      </c>
      <c r="C58269" s="1" t="s">
        <v>120</v>
      </c>
      <c r="D58269" s="1" t="s">
        <v>196008</v>
      </c>
      <c r="E58269" s="1" t="s">
        <v>196009</v>
      </c>
      <c r="F58269" s="1" t="s">
        <v>196010</v>
      </c>
      <c r="G58269" s="1" t="s">
        <v>195922</v>
      </c>
      <c r="H58269" s="1" t="s">
        <v>195923</v>
      </c>
      <c r="I58269" s="1" t="s">
        <v>187135</v>
      </c>
      <c r="J58269" s="1" t="s">
        <v>196011</v>
      </c>
    </row>
    <row r="58270" spans="1:10" x14ac:dyDescent="0.35">
      <c r="A58270" s="1" t="s">
        <v>47316</v>
      </c>
      <c r="B58270" s="1" t="s">
        <v>187129</v>
      </c>
      <c r="C58270" s="1" t="s">
        <v>125</v>
      </c>
      <c r="D58270" s="1" t="s">
        <v>196012</v>
      </c>
      <c r="E58270" s="1" t="s">
        <v>196013</v>
      </c>
      <c r="F58270" s="1" t="s">
        <v>196014</v>
      </c>
      <c r="G58270" s="1" t="s">
        <v>195922</v>
      </c>
      <c r="H58270" s="1" t="s">
        <v>195923</v>
      </c>
      <c r="I58270" s="1" t="s">
        <v>187135</v>
      </c>
      <c r="J58270" s="1" t="s">
        <v>196015</v>
      </c>
    </row>
    <row r="58271" spans="1:10" x14ac:dyDescent="0.35">
      <c r="A58271" s="1" t="s">
        <v>47316</v>
      </c>
      <c r="B58271" s="1" t="s">
        <v>187129</v>
      </c>
      <c r="C58271" s="1" t="s">
        <v>130</v>
      </c>
      <c r="D58271" s="1" t="s">
        <v>196016</v>
      </c>
      <c r="E58271" s="1" t="s">
        <v>196017</v>
      </c>
      <c r="F58271" s="1" t="s">
        <v>196018</v>
      </c>
      <c r="G58271" s="1" t="s">
        <v>195922</v>
      </c>
      <c r="H58271" s="1" t="s">
        <v>195923</v>
      </c>
      <c r="I58271" s="1" t="s">
        <v>187135</v>
      </c>
      <c r="J58271" s="1" t="s">
        <v>196019</v>
      </c>
    </row>
    <row r="58272" spans="1:10" x14ac:dyDescent="0.35">
      <c r="A58272" s="1" t="s">
        <v>47316</v>
      </c>
      <c r="B58272" s="1" t="s">
        <v>187129</v>
      </c>
      <c r="C58272" s="1" t="s">
        <v>135</v>
      </c>
      <c r="D58272" s="1" t="s">
        <v>196020</v>
      </c>
      <c r="E58272" s="1" t="s">
        <v>196021</v>
      </c>
      <c r="F58272" s="1" t="s">
        <v>196022</v>
      </c>
      <c r="G58272" s="1" t="s">
        <v>195922</v>
      </c>
      <c r="H58272" s="1" t="s">
        <v>195923</v>
      </c>
      <c r="I58272" s="1" t="s">
        <v>187135</v>
      </c>
      <c r="J58272" s="1" t="s">
        <v>196023</v>
      </c>
    </row>
    <row r="58273" spans="1:10" x14ac:dyDescent="0.35">
      <c r="A58273" s="1" t="s">
        <v>47316</v>
      </c>
      <c r="B58273" s="1" t="s">
        <v>187129</v>
      </c>
      <c r="C58273" s="1" t="s">
        <v>140</v>
      </c>
      <c r="D58273" s="1" t="s">
        <v>196024</v>
      </c>
      <c r="E58273" s="1" t="s">
        <v>196025</v>
      </c>
      <c r="F58273" s="1" t="s">
        <v>196026</v>
      </c>
      <c r="G58273" s="1" t="s">
        <v>195922</v>
      </c>
      <c r="H58273" s="1" t="s">
        <v>195923</v>
      </c>
      <c r="I58273" s="1" t="s">
        <v>187135</v>
      </c>
      <c r="J58273" s="1" t="s">
        <v>196027</v>
      </c>
    </row>
    <row r="58274" spans="1:10" x14ac:dyDescent="0.35">
      <c r="A58274" s="1" t="s">
        <v>47316</v>
      </c>
      <c r="B58274" s="1" t="s">
        <v>187129</v>
      </c>
      <c r="C58274" s="1" t="s">
        <v>145</v>
      </c>
      <c r="D58274" s="1" t="s">
        <v>196028</v>
      </c>
      <c r="E58274" s="1" t="s">
        <v>196029</v>
      </c>
      <c r="F58274" s="1" t="s">
        <v>196030</v>
      </c>
      <c r="G58274" s="1" t="s">
        <v>195922</v>
      </c>
      <c r="H58274" s="1" t="s">
        <v>195923</v>
      </c>
      <c r="I58274" s="1" t="s">
        <v>187135</v>
      </c>
      <c r="J58274" s="1" t="s">
        <v>196031</v>
      </c>
    </row>
    <row r="58275" spans="1:10" x14ac:dyDescent="0.35">
      <c r="A58275" s="1" t="s">
        <v>47316</v>
      </c>
      <c r="B58275" s="1" t="s">
        <v>187129</v>
      </c>
      <c r="C58275" s="1" t="s">
        <v>150</v>
      </c>
      <c r="D58275" s="1" t="s">
        <v>196032</v>
      </c>
      <c r="E58275" s="1" t="s">
        <v>196033</v>
      </c>
      <c r="F58275" s="1" t="s">
        <v>196034</v>
      </c>
      <c r="G58275" s="1" t="s">
        <v>195922</v>
      </c>
      <c r="H58275" s="1" t="s">
        <v>195923</v>
      </c>
      <c r="I58275" s="1" t="s">
        <v>187135</v>
      </c>
      <c r="J58275" s="1" t="s">
        <v>196035</v>
      </c>
    </row>
    <row r="58276" spans="1:10" x14ac:dyDescent="0.35">
      <c r="A58276" s="1" t="s">
        <v>47316</v>
      </c>
      <c r="B58276" s="1" t="s">
        <v>187129</v>
      </c>
      <c r="C58276" s="1" t="s">
        <v>155</v>
      </c>
      <c r="D58276" s="1" t="s">
        <v>196036</v>
      </c>
      <c r="E58276" s="1" t="s">
        <v>196037</v>
      </c>
      <c r="F58276" s="1" t="s">
        <v>196038</v>
      </c>
      <c r="G58276" s="1" t="s">
        <v>195922</v>
      </c>
      <c r="H58276" s="1" t="s">
        <v>195923</v>
      </c>
      <c r="I58276" s="1" t="s">
        <v>187135</v>
      </c>
      <c r="J58276" s="1" t="s">
        <v>196039</v>
      </c>
    </row>
    <row r="58277" spans="1:10" x14ac:dyDescent="0.35">
      <c r="A58277" s="1" t="s">
        <v>47316</v>
      </c>
      <c r="B58277" s="1" t="s">
        <v>187129</v>
      </c>
      <c r="C58277" s="1" t="s">
        <v>160</v>
      </c>
      <c r="D58277" s="1" t="s">
        <v>196040</v>
      </c>
      <c r="E58277" s="1" t="s">
        <v>196041</v>
      </c>
      <c r="F58277" s="1" t="s">
        <v>196042</v>
      </c>
      <c r="G58277" s="1" t="s">
        <v>195922</v>
      </c>
      <c r="H58277" s="1" t="s">
        <v>195923</v>
      </c>
      <c r="I58277" s="1" t="s">
        <v>187135</v>
      </c>
      <c r="J58277" s="1" t="s">
        <v>196043</v>
      </c>
    </row>
    <row r="58278" spans="1:10" x14ac:dyDescent="0.35">
      <c r="A58278" s="1" t="s">
        <v>47316</v>
      </c>
      <c r="B58278" s="1" t="s">
        <v>187129</v>
      </c>
      <c r="C58278" s="1" t="s">
        <v>165</v>
      </c>
      <c r="D58278" s="1" t="s">
        <v>196044</v>
      </c>
      <c r="E58278" s="1" t="s">
        <v>196045</v>
      </c>
      <c r="F58278" s="1" t="s">
        <v>196046</v>
      </c>
      <c r="G58278" s="1" t="s">
        <v>195922</v>
      </c>
      <c r="H58278" s="1" t="s">
        <v>195923</v>
      </c>
      <c r="I58278" s="1" t="s">
        <v>187135</v>
      </c>
      <c r="J58278" s="1" t="s">
        <v>196047</v>
      </c>
    </row>
    <row r="58279" spans="1:10" x14ac:dyDescent="0.35">
      <c r="A58279" s="1" t="s">
        <v>47316</v>
      </c>
      <c r="B58279" s="1" t="s">
        <v>187129</v>
      </c>
      <c r="C58279" s="1" t="s">
        <v>170</v>
      </c>
      <c r="D58279" s="1" t="s">
        <v>196048</v>
      </c>
      <c r="E58279" s="1" t="s">
        <v>196049</v>
      </c>
      <c r="F58279" s="1" t="s">
        <v>196050</v>
      </c>
      <c r="G58279" s="1" t="s">
        <v>195922</v>
      </c>
      <c r="H58279" s="1" t="s">
        <v>195923</v>
      </c>
      <c r="I58279" s="1" t="s">
        <v>187135</v>
      </c>
      <c r="J58279" s="1" t="s">
        <v>196051</v>
      </c>
    </row>
    <row r="58280" spans="1:10" x14ac:dyDescent="0.35">
      <c r="A58280" s="1" t="s">
        <v>25724</v>
      </c>
      <c r="B58280" s="1" t="s">
        <v>187129</v>
      </c>
      <c r="C58280" s="1" t="s">
        <v>8</v>
      </c>
      <c r="D58280" s="1" t="s">
        <v>46994</v>
      </c>
      <c r="E58280" s="1" t="s">
        <v>196052</v>
      </c>
      <c r="F58280" s="1" t="s">
        <v>196053</v>
      </c>
      <c r="G58280" s="1" t="s">
        <v>196054</v>
      </c>
      <c r="H58280" s="1" t="s">
        <v>196055</v>
      </c>
      <c r="I58280" s="1" t="s">
        <v>187135</v>
      </c>
      <c r="J58280" s="1" t="s">
        <v>13</v>
      </c>
    </row>
    <row r="58281" spans="1:10" x14ac:dyDescent="0.35">
      <c r="A58281" s="1" t="s">
        <v>25724</v>
      </c>
      <c r="B58281" s="1" t="s">
        <v>187129</v>
      </c>
      <c r="C58281" s="1" t="s">
        <v>15</v>
      </c>
      <c r="D58281" s="1" t="s">
        <v>4256</v>
      </c>
      <c r="E58281" s="1" t="s">
        <v>196056</v>
      </c>
      <c r="F58281" s="1" t="s">
        <v>196057</v>
      </c>
      <c r="G58281" s="1" t="s">
        <v>196054</v>
      </c>
      <c r="H58281" s="1" t="s">
        <v>196055</v>
      </c>
      <c r="I58281" s="1" t="s">
        <v>187135</v>
      </c>
      <c r="J58281" s="1" t="s">
        <v>196058</v>
      </c>
    </row>
    <row r="58282" spans="1:10" x14ac:dyDescent="0.35">
      <c r="A58282" s="1" t="s">
        <v>25724</v>
      </c>
      <c r="B58282" s="1" t="s">
        <v>187129</v>
      </c>
      <c r="C58282" s="1" t="s">
        <v>20</v>
      </c>
      <c r="D58282" s="1" t="s">
        <v>30384</v>
      </c>
      <c r="E58282" s="1" t="s">
        <v>196059</v>
      </c>
      <c r="F58282" s="1" t="s">
        <v>196060</v>
      </c>
      <c r="G58282" s="1" t="s">
        <v>196054</v>
      </c>
      <c r="H58282" s="1" t="s">
        <v>196055</v>
      </c>
      <c r="I58282" s="1" t="s">
        <v>187135</v>
      </c>
      <c r="J58282" s="1" t="s">
        <v>192590</v>
      </c>
    </row>
    <row r="58283" spans="1:10" x14ac:dyDescent="0.35">
      <c r="A58283" s="1" t="s">
        <v>25724</v>
      </c>
      <c r="B58283" s="1" t="s">
        <v>187129</v>
      </c>
      <c r="C58283" s="1" t="s">
        <v>25</v>
      </c>
      <c r="D58283" s="1" t="s">
        <v>196061</v>
      </c>
      <c r="E58283" s="1" t="s">
        <v>196062</v>
      </c>
      <c r="F58283" s="1" t="s">
        <v>196063</v>
      </c>
      <c r="G58283" s="1" t="s">
        <v>196054</v>
      </c>
      <c r="H58283" s="1" t="s">
        <v>196055</v>
      </c>
      <c r="I58283" s="1" t="s">
        <v>187135</v>
      </c>
      <c r="J58283" s="1" t="s">
        <v>196064</v>
      </c>
    </row>
    <row r="58284" spans="1:10" x14ac:dyDescent="0.35">
      <c r="A58284" s="1" t="s">
        <v>25724</v>
      </c>
      <c r="B58284" s="1" t="s">
        <v>187129</v>
      </c>
      <c r="C58284" s="1" t="s">
        <v>30</v>
      </c>
      <c r="D58284" s="1" t="s">
        <v>9620</v>
      </c>
      <c r="E58284" s="1" t="s">
        <v>196065</v>
      </c>
      <c r="F58284" s="1" t="s">
        <v>196066</v>
      </c>
      <c r="G58284" s="1" t="s">
        <v>196054</v>
      </c>
      <c r="H58284" s="1" t="s">
        <v>196055</v>
      </c>
      <c r="I58284" s="1" t="s">
        <v>187135</v>
      </c>
      <c r="J58284" s="1" t="s">
        <v>196067</v>
      </c>
    </row>
    <row r="58285" spans="1:10" x14ac:dyDescent="0.35">
      <c r="A58285" s="1" t="s">
        <v>25724</v>
      </c>
      <c r="B58285" s="1" t="s">
        <v>187129</v>
      </c>
      <c r="C58285" s="1" t="s">
        <v>35</v>
      </c>
      <c r="D58285" s="1" t="s">
        <v>126561</v>
      </c>
      <c r="E58285" s="1" t="s">
        <v>196068</v>
      </c>
      <c r="F58285" s="1" t="s">
        <v>196069</v>
      </c>
      <c r="G58285" s="1" t="s">
        <v>196054</v>
      </c>
      <c r="H58285" s="1" t="s">
        <v>196055</v>
      </c>
      <c r="I58285" s="1" t="s">
        <v>187135</v>
      </c>
      <c r="J58285" s="1" t="s">
        <v>196070</v>
      </c>
    </row>
    <row r="58286" spans="1:10" x14ac:dyDescent="0.35">
      <c r="A58286" s="1" t="s">
        <v>25724</v>
      </c>
      <c r="B58286" s="1" t="s">
        <v>187129</v>
      </c>
      <c r="C58286" s="1" t="s">
        <v>40</v>
      </c>
      <c r="D58286" s="1" t="s">
        <v>19810</v>
      </c>
      <c r="E58286" s="1" t="s">
        <v>196071</v>
      </c>
      <c r="F58286" s="1" t="s">
        <v>196072</v>
      </c>
      <c r="G58286" s="1" t="s">
        <v>196054</v>
      </c>
      <c r="H58286" s="1" t="s">
        <v>196055</v>
      </c>
      <c r="I58286" s="1" t="s">
        <v>187135</v>
      </c>
      <c r="J58286" s="1" t="s">
        <v>196073</v>
      </c>
    </row>
    <row r="58287" spans="1:10" x14ac:dyDescent="0.35">
      <c r="A58287" s="1" t="s">
        <v>25724</v>
      </c>
      <c r="B58287" s="1" t="s">
        <v>187129</v>
      </c>
      <c r="C58287" s="1" t="s">
        <v>45</v>
      </c>
      <c r="D58287" s="1" t="s">
        <v>124527</v>
      </c>
      <c r="E58287" s="1" t="s">
        <v>196074</v>
      </c>
      <c r="F58287" s="1" t="s">
        <v>196075</v>
      </c>
      <c r="G58287" s="1" t="s">
        <v>196054</v>
      </c>
      <c r="H58287" s="1" t="s">
        <v>196055</v>
      </c>
      <c r="I58287" s="1" t="s">
        <v>187135</v>
      </c>
      <c r="J58287" s="1" t="s">
        <v>196076</v>
      </c>
    </row>
    <row r="58288" spans="1:10" x14ac:dyDescent="0.35">
      <c r="A58288" s="1" t="s">
        <v>25724</v>
      </c>
      <c r="B58288" s="1" t="s">
        <v>187129</v>
      </c>
      <c r="C58288" s="1" t="s">
        <v>50</v>
      </c>
      <c r="D58288" s="1" t="s">
        <v>112926</v>
      </c>
      <c r="E58288" s="1" t="s">
        <v>196077</v>
      </c>
      <c r="F58288" s="1" t="s">
        <v>196078</v>
      </c>
      <c r="G58288" s="1" t="s">
        <v>196054</v>
      </c>
      <c r="H58288" s="1" t="s">
        <v>196055</v>
      </c>
      <c r="I58288" s="1" t="s">
        <v>187135</v>
      </c>
      <c r="J58288" s="1" t="s">
        <v>196079</v>
      </c>
    </row>
    <row r="58289" spans="1:10" x14ac:dyDescent="0.35">
      <c r="A58289" s="1" t="s">
        <v>25724</v>
      </c>
      <c r="B58289" s="1" t="s">
        <v>187129</v>
      </c>
      <c r="C58289" s="1" t="s">
        <v>55</v>
      </c>
      <c r="D58289" s="1" t="s">
        <v>124681</v>
      </c>
      <c r="E58289" s="1" t="s">
        <v>196080</v>
      </c>
      <c r="F58289" s="1" t="s">
        <v>196081</v>
      </c>
      <c r="G58289" s="1" t="s">
        <v>196054</v>
      </c>
      <c r="H58289" s="1" t="s">
        <v>196055</v>
      </c>
      <c r="I58289" s="1" t="s">
        <v>187135</v>
      </c>
      <c r="J58289" s="1" t="s">
        <v>196082</v>
      </c>
    </row>
    <row r="58290" spans="1:10" x14ac:dyDescent="0.35">
      <c r="A58290" s="1" t="s">
        <v>25724</v>
      </c>
      <c r="B58290" s="1" t="s">
        <v>187129</v>
      </c>
      <c r="C58290" s="1" t="s">
        <v>60</v>
      </c>
      <c r="D58290" s="1" t="s">
        <v>191742</v>
      </c>
      <c r="E58290" s="1" t="s">
        <v>196083</v>
      </c>
      <c r="F58290" s="1" t="s">
        <v>196084</v>
      </c>
      <c r="G58290" s="1" t="s">
        <v>196054</v>
      </c>
      <c r="H58290" s="1" t="s">
        <v>196055</v>
      </c>
      <c r="I58290" s="1" t="s">
        <v>187135</v>
      </c>
      <c r="J58290" s="1" t="s">
        <v>196085</v>
      </c>
    </row>
    <row r="58291" spans="1:10" x14ac:dyDescent="0.35">
      <c r="A58291" s="1" t="s">
        <v>25724</v>
      </c>
      <c r="B58291" s="1" t="s">
        <v>187129</v>
      </c>
      <c r="C58291" s="1" t="s">
        <v>65</v>
      </c>
      <c r="D58291" s="1" t="s">
        <v>194112</v>
      </c>
      <c r="E58291" s="1" t="s">
        <v>196086</v>
      </c>
      <c r="F58291" s="1" t="s">
        <v>196087</v>
      </c>
      <c r="G58291" s="1" t="s">
        <v>196054</v>
      </c>
      <c r="H58291" s="1" t="s">
        <v>196055</v>
      </c>
      <c r="I58291" s="1" t="s">
        <v>187135</v>
      </c>
      <c r="J58291" s="1" t="s">
        <v>196088</v>
      </c>
    </row>
    <row r="58292" spans="1:10" x14ac:dyDescent="0.35">
      <c r="A58292" s="1" t="s">
        <v>25724</v>
      </c>
      <c r="B58292" s="1" t="s">
        <v>187129</v>
      </c>
      <c r="C58292" s="1" t="s">
        <v>70</v>
      </c>
      <c r="D58292" s="1" t="s">
        <v>187064</v>
      </c>
      <c r="E58292" s="1" t="s">
        <v>196089</v>
      </c>
      <c r="F58292" s="1" t="s">
        <v>196090</v>
      </c>
      <c r="G58292" s="1" t="s">
        <v>196054</v>
      </c>
      <c r="H58292" s="1" t="s">
        <v>196055</v>
      </c>
      <c r="I58292" s="1" t="s">
        <v>187135</v>
      </c>
      <c r="J58292" s="1" t="s">
        <v>196091</v>
      </c>
    </row>
    <row r="58293" spans="1:10" x14ac:dyDescent="0.35">
      <c r="A58293" s="1" t="s">
        <v>25724</v>
      </c>
      <c r="B58293" s="1" t="s">
        <v>187129</v>
      </c>
      <c r="C58293" s="1" t="s">
        <v>75</v>
      </c>
      <c r="D58293" s="1" t="s">
        <v>196092</v>
      </c>
      <c r="E58293" s="1" t="s">
        <v>196093</v>
      </c>
      <c r="F58293" s="1" t="s">
        <v>196094</v>
      </c>
      <c r="G58293" s="1" t="s">
        <v>196054</v>
      </c>
      <c r="H58293" s="1" t="s">
        <v>196055</v>
      </c>
      <c r="I58293" s="1" t="s">
        <v>187135</v>
      </c>
      <c r="J58293" s="1" t="s">
        <v>196095</v>
      </c>
    </row>
    <row r="58294" spans="1:10" x14ac:dyDescent="0.35">
      <c r="A58294" s="1" t="s">
        <v>25724</v>
      </c>
      <c r="B58294" s="1" t="s">
        <v>187129</v>
      </c>
      <c r="C58294" s="1" t="s">
        <v>80</v>
      </c>
      <c r="D58294" s="1" t="s">
        <v>181213</v>
      </c>
      <c r="E58294" s="1" t="s">
        <v>196096</v>
      </c>
      <c r="F58294" s="1" t="s">
        <v>196097</v>
      </c>
      <c r="G58294" s="1" t="s">
        <v>196054</v>
      </c>
      <c r="H58294" s="1" t="s">
        <v>196055</v>
      </c>
      <c r="I58294" s="1" t="s">
        <v>187135</v>
      </c>
      <c r="J58294" s="1" t="s">
        <v>196098</v>
      </c>
    </row>
    <row r="58295" spans="1:10" x14ac:dyDescent="0.35">
      <c r="A58295" s="1" t="s">
        <v>25724</v>
      </c>
      <c r="B58295" s="1" t="s">
        <v>187129</v>
      </c>
      <c r="C58295" s="1" t="s">
        <v>85</v>
      </c>
      <c r="D58295" s="1" t="s">
        <v>82112</v>
      </c>
      <c r="E58295" s="1" t="s">
        <v>196099</v>
      </c>
      <c r="F58295" s="1" t="s">
        <v>196100</v>
      </c>
      <c r="G58295" s="1" t="s">
        <v>196054</v>
      </c>
      <c r="H58295" s="1" t="s">
        <v>196055</v>
      </c>
      <c r="I58295" s="1" t="s">
        <v>187135</v>
      </c>
      <c r="J58295" s="1" t="s">
        <v>196101</v>
      </c>
    </row>
    <row r="58296" spans="1:10" x14ac:dyDescent="0.35">
      <c r="A58296" s="1" t="s">
        <v>25724</v>
      </c>
      <c r="B58296" s="1" t="s">
        <v>187129</v>
      </c>
      <c r="C58296" s="1" t="s">
        <v>90</v>
      </c>
      <c r="D58296" s="1" t="s">
        <v>33992</v>
      </c>
      <c r="E58296" s="1" t="s">
        <v>196102</v>
      </c>
      <c r="F58296" s="1" t="s">
        <v>196103</v>
      </c>
      <c r="G58296" s="1" t="s">
        <v>196054</v>
      </c>
      <c r="H58296" s="1" t="s">
        <v>196055</v>
      </c>
      <c r="I58296" s="1" t="s">
        <v>187135</v>
      </c>
      <c r="J58296" s="1" t="s">
        <v>196104</v>
      </c>
    </row>
    <row r="58297" spans="1:10" x14ac:dyDescent="0.35">
      <c r="A58297" s="1" t="s">
        <v>25724</v>
      </c>
      <c r="B58297" s="1" t="s">
        <v>187129</v>
      </c>
      <c r="C58297" s="1" t="s">
        <v>95</v>
      </c>
      <c r="D58297" s="1" t="s">
        <v>11246</v>
      </c>
      <c r="E58297" s="1" t="s">
        <v>196105</v>
      </c>
      <c r="F58297" s="1" t="s">
        <v>196106</v>
      </c>
      <c r="G58297" s="1" t="s">
        <v>196054</v>
      </c>
      <c r="H58297" s="1" t="s">
        <v>196055</v>
      </c>
      <c r="I58297" s="1" t="s">
        <v>187135</v>
      </c>
      <c r="J58297" s="1" t="s">
        <v>196107</v>
      </c>
    </row>
    <row r="58298" spans="1:10" x14ac:dyDescent="0.35">
      <c r="A58298" s="1" t="s">
        <v>25724</v>
      </c>
      <c r="B58298" s="1" t="s">
        <v>187129</v>
      </c>
      <c r="C58298" s="1" t="s">
        <v>100</v>
      </c>
      <c r="D58298" s="1" t="s">
        <v>109133</v>
      </c>
      <c r="E58298" s="1" t="s">
        <v>196108</v>
      </c>
      <c r="F58298" s="1" t="s">
        <v>196109</v>
      </c>
      <c r="G58298" s="1" t="s">
        <v>196054</v>
      </c>
      <c r="H58298" s="1" t="s">
        <v>196055</v>
      </c>
      <c r="I58298" s="1" t="s">
        <v>187135</v>
      </c>
      <c r="J58298" s="1" t="s">
        <v>196110</v>
      </c>
    </row>
    <row r="58299" spans="1:10" x14ac:dyDescent="0.35">
      <c r="A58299" s="1" t="s">
        <v>25724</v>
      </c>
      <c r="B58299" s="1" t="s">
        <v>187129</v>
      </c>
      <c r="C58299" s="1" t="s">
        <v>105</v>
      </c>
      <c r="D58299" s="1" t="s">
        <v>16877</v>
      </c>
      <c r="E58299" s="1" t="s">
        <v>196111</v>
      </c>
      <c r="F58299" s="1" t="s">
        <v>196112</v>
      </c>
      <c r="G58299" s="1" t="s">
        <v>196054</v>
      </c>
      <c r="H58299" s="1" t="s">
        <v>196055</v>
      </c>
      <c r="I58299" s="1" t="s">
        <v>187135</v>
      </c>
      <c r="J58299" s="1" t="s">
        <v>196113</v>
      </c>
    </row>
    <row r="58300" spans="1:10" x14ac:dyDescent="0.35">
      <c r="A58300" s="1" t="s">
        <v>25724</v>
      </c>
      <c r="B58300" s="1" t="s">
        <v>187129</v>
      </c>
      <c r="C58300" s="1" t="s">
        <v>110</v>
      </c>
      <c r="D58300" s="1" t="s">
        <v>115171</v>
      </c>
      <c r="E58300" s="1" t="s">
        <v>196114</v>
      </c>
      <c r="F58300" s="1" t="s">
        <v>196115</v>
      </c>
      <c r="G58300" s="1" t="s">
        <v>196054</v>
      </c>
      <c r="H58300" s="1" t="s">
        <v>196055</v>
      </c>
      <c r="I58300" s="1" t="s">
        <v>187135</v>
      </c>
      <c r="J58300" s="1" t="s">
        <v>196116</v>
      </c>
    </row>
    <row r="58301" spans="1:10" x14ac:dyDescent="0.35">
      <c r="A58301" s="1" t="s">
        <v>25724</v>
      </c>
      <c r="B58301" s="1" t="s">
        <v>187129</v>
      </c>
      <c r="C58301" s="1" t="s">
        <v>115</v>
      </c>
      <c r="D58301" s="1" t="s">
        <v>175444</v>
      </c>
      <c r="E58301" s="1" t="s">
        <v>196117</v>
      </c>
      <c r="F58301" s="1" t="s">
        <v>196118</v>
      </c>
      <c r="G58301" s="1" t="s">
        <v>196054</v>
      </c>
      <c r="H58301" s="1" t="s">
        <v>196055</v>
      </c>
      <c r="I58301" s="1" t="s">
        <v>187135</v>
      </c>
      <c r="J58301" s="1" t="s">
        <v>196119</v>
      </c>
    </row>
    <row r="58302" spans="1:10" x14ac:dyDescent="0.35">
      <c r="A58302" s="1" t="s">
        <v>25724</v>
      </c>
      <c r="B58302" s="1" t="s">
        <v>187129</v>
      </c>
      <c r="C58302" s="1" t="s">
        <v>120</v>
      </c>
      <c r="D58302" s="1" t="s">
        <v>196120</v>
      </c>
      <c r="E58302" s="1" t="s">
        <v>196121</v>
      </c>
      <c r="F58302" s="1" t="s">
        <v>196122</v>
      </c>
      <c r="G58302" s="1" t="s">
        <v>196054</v>
      </c>
      <c r="H58302" s="1" t="s">
        <v>196055</v>
      </c>
      <c r="I58302" s="1" t="s">
        <v>187135</v>
      </c>
      <c r="J58302" s="1" t="s">
        <v>196123</v>
      </c>
    </row>
    <row r="58303" spans="1:10" x14ac:dyDescent="0.35">
      <c r="A58303" s="1" t="s">
        <v>25724</v>
      </c>
      <c r="B58303" s="1" t="s">
        <v>187129</v>
      </c>
      <c r="C58303" s="1" t="s">
        <v>125</v>
      </c>
      <c r="D58303" s="1" t="s">
        <v>42730</v>
      </c>
      <c r="E58303" s="1" t="s">
        <v>196124</v>
      </c>
      <c r="F58303" s="1" t="s">
        <v>196125</v>
      </c>
      <c r="G58303" s="1" t="s">
        <v>196054</v>
      </c>
      <c r="H58303" s="1" t="s">
        <v>196055</v>
      </c>
      <c r="I58303" s="1" t="s">
        <v>187135</v>
      </c>
      <c r="J58303" s="1" t="s">
        <v>196126</v>
      </c>
    </row>
    <row r="58304" spans="1:10" x14ac:dyDescent="0.35">
      <c r="A58304" s="1" t="s">
        <v>25724</v>
      </c>
      <c r="B58304" s="1" t="s">
        <v>187129</v>
      </c>
      <c r="C58304" s="1" t="s">
        <v>130</v>
      </c>
      <c r="D58304" s="1" t="s">
        <v>82166</v>
      </c>
      <c r="E58304" s="1" t="s">
        <v>196127</v>
      </c>
      <c r="F58304" s="1" t="s">
        <v>196128</v>
      </c>
      <c r="G58304" s="1" t="s">
        <v>196054</v>
      </c>
      <c r="H58304" s="1" t="s">
        <v>196055</v>
      </c>
      <c r="I58304" s="1" t="s">
        <v>187135</v>
      </c>
      <c r="J58304" s="1" t="s">
        <v>196129</v>
      </c>
    </row>
    <row r="58305" spans="1:10" x14ac:dyDescent="0.35">
      <c r="A58305" s="1" t="s">
        <v>25724</v>
      </c>
      <c r="B58305" s="1" t="s">
        <v>187129</v>
      </c>
      <c r="C58305" s="1" t="s">
        <v>135</v>
      </c>
      <c r="D58305" s="1" t="s">
        <v>196130</v>
      </c>
      <c r="E58305" s="1" t="s">
        <v>196131</v>
      </c>
      <c r="F58305" s="1" t="s">
        <v>196132</v>
      </c>
      <c r="G58305" s="1" t="s">
        <v>196054</v>
      </c>
      <c r="H58305" s="1" t="s">
        <v>196055</v>
      </c>
      <c r="I58305" s="1" t="s">
        <v>187135</v>
      </c>
      <c r="J58305" s="1" t="s">
        <v>196133</v>
      </c>
    </row>
    <row r="58306" spans="1:10" x14ac:dyDescent="0.35">
      <c r="A58306" s="1" t="s">
        <v>25724</v>
      </c>
      <c r="B58306" s="1" t="s">
        <v>187129</v>
      </c>
      <c r="C58306" s="1" t="s">
        <v>140</v>
      </c>
      <c r="D58306" s="1" t="s">
        <v>196134</v>
      </c>
      <c r="E58306" s="1" t="s">
        <v>196135</v>
      </c>
      <c r="F58306" s="1" t="s">
        <v>196136</v>
      </c>
      <c r="G58306" s="1" t="s">
        <v>196054</v>
      </c>
      <c r="H58306" s="1" t="s">
        <v>196055</v>
      </c>
      <c r="I58306" s="1" t="s">
        <v>187135</v>
      </c>
      <c r="J58306" s="1" t="s">
        <v>196137</v>
      </c>
    </row>
    <row r="58307" spans="1:10" x14ac:dyDescent="0.35">
      <c r="A58307" s="1" t="s">
        <v>25724</v>
      </c>
      <c r="B58307" s="1" t="s">
        <v>187129</v>
      </c>
      <c r="C58307" s="1" t="s">
        <v>145</v>
      </c>
      <c r="D58307" s="1" t="s">
        <v>177598</v>
      </c>
      <c r="E58307" s="1" t="s">
        <v>196138</v>
      </c>
      <c r="F58307" s="1" t="s">
        <v>196139</v>
      </c>
      <c r="G58307" s="1" t="s">
        <v>196054</v>
      </c>
      <c r="H58307" s="1" t="s">
        <v>196055</v>
      </c>
      <c r="I58307" s="1" t="s">
        <v>187135</v>
      </c>
      <c r="J58307" s="1" t="s">
        <v>196140</v>
      </c>
    </row>
    <row r="58308" spans="1:10" x14ac:dyDescent="0.35">
      <c r="A58308" s="1" t="s">
        <v>25724</v>
      </c>
      <c r="B58308" s="1" t="s">
        <v>187129</v>
      </c>
      <c r="C58308" s="1" t="s">
        <v>150</v>
      </c>
      <c r="D58308" s="1" t="s">
        <v>196141</v>
      </c>
      <c r="E58308" s="1" t="s">
        <v>196142</v>
      </c>
      <c r="F58308" s="1" t="s">
        <v>196143</v>
      </c>
      <c r="G58308" s="1" t="s">
        <v>196054</v>
      </c>
      <c r="H58308" s="1" t="s">
        <v>196055</v>
      </c>
      <c r="I58308" s="1" t="s">
        <v>187135</v>
      </c>
      <c r="J58308" s="1" t="s">
        <v>196144</v>
      </c>
    </row>
    <row r="58309" spans="1:10" x14ac:dyDescent="0.35">
      <c r="A58309" s="1" t="s">
        <v>25724</v>
      </c>
      <c r="B58309" s="1" t="s">
        <v>187129</v>
      </c>
      <c r="C58309" s="1" t="s">
        <v>155</v>
      </c>
      <c r="D58309" s="1" t="s">
        <v>196145</v>
      </c>
      <c r="E58309" s="1" t="s">
        <v>196146</v>
      </c>
      <c r="F58309" s="1" t="s">
        <v>196147</v>
      </c>
      <c r="G58309" s="1" t="s">
        <v>196054</v>
      </c>
      <c r="H58309" s="1" t="s">
        <v>196055</v>
      </c>
      <c r="I58309" s="1" t="s">
        <v>187135</v>
      </c>
      <c r="J58309" s="1" t="s">
        <v>196148</v>
      </c>
    </row>
    <row r="58310" spans="1:10" x14ac:dyDescent="0.35">
      <c r="A58310" s="1" t="s">
        <v>25724</v>
      </c>
      <c r="B58310" s="1" t="s">
        <v>187129</v>
      </c>
      <c r="C58310" s="1" t="s">
        <v>160</v>
      </c>
      <c r="D58310" s="1" t="s">
        <v>196149</v>
      </c>
      <c r="E58310" s="1" t="s">
        <v>196150</v>
      </c>
      <c r="F58310" s="1" t="s">
        <v>196151</v>
      </c>
      <c r="G58310" s="1" t="s">
        <v>196054</v>
      </c>
      <c r="H58310" s="1" t="s">
        <v>196055</v>
      </c>
      <c r="I58310" s="1" t="s">
        <v>187135</v>
      </c>
      <c r="J58310" s="1" t="s">
        <v>196152</v>
      </c>
    </row>
    <row r="58311" spans="1:10" x14ac:dyDescent="0.35">
      <c r="A58311" s="1" t="s">
        <v>25724</v>
      </c>
      <c r="B58311" s="1" t="s">
        <v>187129</v>
      </c>
      <c r="C58311" s="1" t="s">
        <v>165</v>
      </c>
      <c r="D58311" s="1" t="s">
        <v>71600</v>
      </c>
      <c r="E58311" s="1" t="s">
        <v>196153</v>
      </c>
      <c r="F58311" s="1" t="s">
        <v>196154</v>
      </c>
      <c r="G58311" s="1" t="s">
        <v>196054</v>
      </c>
      <c r="H58311" s="1" t="s">
        <v>196055</v>
      </c>
      <c r="I58311" s="1" t="s">
        <v>187135</v>
      </c>
      <c r="J58311" s="1" t="s">
        <v>196155</v>
      </c>
    </row>
    <row r="58312" spans="1:10" x14ac:dyDescent="0.35">
      <c r="A58312" s="1" t="s">
        <v>25724</v>
      </c>
      <c r="B58312" s="1" t="s">
        <v>187129</v>
      </c>
      <c r="C58312" s="1" t="s">
        <v>170</v>
      </c>
      <c r="D58312" s="1" t="s">
        <v>78779</v>
      </c>
      <c r="E58312" s="1" t="s">
        <v>196156</v>
      </c>
      <c r="F58312" s="1" t="s">
        <v>196157</v>
      </c>
      <c r="G58312" s="1" t="s">
        <v>196054</v>
      </c>
      <c r="H58312" s="1" t="s">
        <v>196055</v>
      </c>
      <c r="I58312" s="1" t="s">
        <v>187135</v>
      </c>
      <c r="J58312" s="1" t="s">
        <v>196158</v>
      </c>
    </row>
    <row r="58313" spans="1:10" x14ac:dyDescent="0.35">
      <c r="A58313" s="1" t="s">
        <v>122074</v>
      </c>
      <c r="B58313" s="1" t="s">
        <v>187129</v>
      </c>
      <c r="C58313" s="1" t="s">
        <v>8</v>
      </c>
      <c r="D58313" s="1" t="s">
        <v>46387</v>
      </c>
      <c r="E58313" s="1" t="s">
        <v>196159</v>
      </c>
      <c r="F58313" s="1" t="s">
        <v>196160</v>
      </c>
      <c r="G58313" s="1" t="s">
        <v>196161</v>
      </c>
      <c r="H58313" s="1" t="s">
        <v>196162</v>
      </c>
      <c r="I58313" s="1" t="s">
        <v>187135</v>
      </c>
      <c r="J58313" s="1" t="s">
        <v>13</v>
      </c>
    </row>
    <row r="58314" spans="1:10" x14ac:dyDescent="0.35">
      <c r="A58314" s="1" t="s">
        <v>122074</v>
      </c>
      <c r="B58314" s="1" t="s">
        <v>187129</v>
      </c>
      <c r="C58314" s="1" t="s">
        <v>15</v>
      </c>
      <c r="D58314" s="1" t="s">
        <v>176692</v>
      </c>
      <c r="E58314" s="1" t="s">
        <v>196163</v>
      </c>
      <c r="F58314" s="1" t="s">
        <v>196164</v>
      </c>
      <c r="G58314" s="1" t="s">
        <v>196161</v>
      </c>
      <c r="H58314" s="1" t="s">
        <v>196162</v>
      </c>
      <c r="I58314" s="1" t="s">
        <v>187135</v>
      </c>
      <c r="J58314" s="1" t="s">
        <v>196165</v>
      </c>
    </row>
    <row r="58315" spans="1:10" x14ac:dyDescent="0.35">
      <c r="A58315" s="1" t="s">
        <v>122074</v>
      </c>
      <c r="B58315" s="1" t="s">
        <v>187129</v>
      </c>
      <c r="C58315" s="1" t="s">
        <v>20</v>
      </c>
      <c r="D58315" s="1" t="s">
        <v>56</v>
      </c>
      <c r="E58315" s="1" t="s">
        <v>196166</v>
      </c>
      <c r="F58315" s="1" t="s">
        <v>196167</v>
      </c>
      <c r="G58315" s="1" t="s">
        <v>196161</v>
      </c>
      <c r="H58315" s="1" t="s">
        <v>196162</v>
      </c>
      <c r="I58315" s="1" t="s">
        <v>187135</v>
      </c>
      <c r="J58315" s="1" t="s">
        <v>196168</v>
      </c>
    </row>
    <row r="58316" spans="1:10" x14ac:dyDescent="0.35">
      <c r="A58316" s="1" t="s">
        <v>122074</v>
      </c>
      <c r="B58316" s="1" t="s">
        <v>187129</v>
      </c>
      <c r="C58316" s="1" t="s">
        <v>25</v>
      </c>
      <c r="D58316" s="1" t="s">
        <v>123585</v>
      </c>
      <c r="E58316" s="1" t="s">
        <v>196169</v>
      </c>
      <c r="F58316" s="1" t="s">
        <v>196170</v>
      </c>
      <c r="G58316" s="1" t="s">
        <v>196161</v>
      </c>
      <c r="H58316" s="1" t="s">
        <v>196162</v>
      </c>
      <c r="I58316" s="1" t="s">
        <v>187135</v>
      </c>
      <c r="J58316" s="1" t="s">
        <v>196171</v>
      </c>
    </row>
    <row r="58317" spans="1:10" x14ac:dyDescent="0.35">
      <c r="A58317" s="1" t="s">
        <v>122074</v>
      </c>
      <c r="B58317" s="1" t="s">
        <v>187129</v>
      </c>
      <c r="C58317" s="1" t="s">
        <v>30</v>
      </c>
      <c r="D58317" s="1" t="s">
        <v>196172</v>
      </c>
      <c r="E58317" s="1" t="s">
        <v>196173</v>
      </c>
      <c r="F58317" s="1" t="s">
        <v>196174</v>
      </c>
      <c r="G58317" s="1" t="s">
        <v>196161</v>
      </c>
      <c r="H58317" s="1" t="s">
        <v>196162</v>
      </c>
      <c r="I58317" s="1" t="s">
        <v>187135</v>
      </c>
      <c r="J58317" s="1" t="s">
        <v>196175</v>
      </c>
    </row>
    <row r="58318" spans="1:10" x14ac:dyDescent="0.35">
      <c r="A58318" s="1" t="s">
        <v>122074</v>
      </c>
      <c r="B58318" s="1" t="s">
        <v>187129</v>
      </c>
      <c r="C58318" s="1" t="s">
        <v>35</v>
      </c>
      <c r="D58318" s="1" t="s">
        <v>192402</v>
      </c>
      <c r="E58318" s="1" t="s">
        <v>196176</v>
      </c>
      <c r="F58318" s="1" t="s">
        <v>196177</v>
      </c>
      <c r="G58318" s="1" t="s">
        <v>196161</v>
      </c>
      <c r="H58318" s="1" t="s">
        <v>196162</v>
      </c>
      <c r="I58318" s="1" t="s">
        <v>187135</v>
      </c>
      <c r="J58318" s="1" t="s">
        <v>196178</v>
      </c>
    </row>
    <row r="58319" spans="1:10" x14ac:dyDescent="0.35">
      <c r="A58319" s="1" t="s">
        <v>122074</v>
      </c>
      <c r="B58319" s="1" t="s">
        <v>187129</v>
      </c>
      <c r="C58319" s="1" t="s">
        <v>40</v>
      </c>
      <c r="D58319" s="1" t="s">
        <v>71892</v>
      </c>
      <c r="E58319" s="1" t="s">
        <v>196179</v>
      </c>
      <c r="F58319" s="1" t="s">
        <v>196180</v>
      </c>
      <c r="G58319" s="1" t="s">
        <v>196161</v>
      </c>
      <c r="H58319" s="1" t="s">
        <v>196162</v>
      </c>
      <c r="I58319" s="1" t="s">
        <v>187135</v>
      </c>
      <c r="J58319" s="1" t="s">
        <v>196181</v>
      </c>
    </row>
    <row r="58320" spans="1:10" x14ac:dyDescent="0.35">
      <c r="A58320" s="1" t="s">
        <v>122074</v>
      </c>
      <c r="B58320" s="1" t="s">
        <v>187129</v>
      </c>
      <c r="C58320" s="1" t="s">
        <v>45</v>
      </c>
      <c r="D58320" s="1" t="s">
        <v>33876</v>
      </c>
      <c r="E58320" s="1" t="s">
        <v>196182</v>
      </c>
      <c r="F58320" s="1" t="s">
        <v>196183</v>
      </c>
      <c r="G58320" s="1" t="s">
        <v>196161</v>
      </c>
      <c r="H58320" s="1" t="s">
        <v>196162</v>
      </c>
      <c r="I58320" s="1" t="s">
        <v>187135</v>
      </c>
      <c r="J58320" s="1" t="s">
        <v>196184</v>
      </c>
    </row>
    <row r="58321" spans="1:10" x14ac:dyDescent="0.35">
      <c r="A58321" s="1" t="s">
        <v>122074</v>
      </c>
      <c r="B58321" s="1" t="s">
        <v>187129</v>
      </c>
      <c r="C58321" s="1" t="s">
        <v>50</v>
      </c>
      <c r="D58321" s="1" t="s">
        <v>146862</v>
      </c>
      <c r="E58321" s="1" t="s">
        <v>196185</v>
      </c>
      <c r="F58321" s="1" t="s">
        <v>196186</v>
      </c>
      <c r="G58321" s="1" t="s">
        <v>196161</v>
      </c>
      <c r="H58321" s="1" t="s">
        <v>196162</v>
      </c>
      <c r="I58321" s="1" t="s">
        <v>187135</v>
      </c>
      <c r="J58321" s="1" t="s">
        <v>196187</v>
      </c>
    </row>
    <row r="58322" spans="1:10" x14ac:dyDescent="0.35">
      <c r="A58322" s="1" t="s">
        <v>122074</v>
      </c>
      <c r="B58322" s="1" t="s">
        <v>187129</v>
      </c>
      <c r="C58322" s="1" t="s">
        <v>55</v>
      </c>
      <c r="D58322" s="1" t="s">
        <v>71115</v>
      </c>
      <c r="E58322" s="1" t="s">
        <v>196188</v>
      </c>
      <c r="F58322" s="1" t="s">
        <v>196189</v>
      </c>
      <c r="G58322" s="1" t="s">
        <v>196161</v>
      </c>
      <c r="H58322" s="1" t="s">
        <v>196162</v>
      </c>
      <c r="I58322" s="1" t="s">
        <v>187135</v>
      </c>
      <c r="J58322" s="1" t="s">
        <v>196190</v>
      </c>
    </row>
    <row r="58323" spans="1:10" x14ac:dyDescent="0.35">
      <c r="A58323" s="1" t="s">
        <v>122074</v>
      </c>
      <c r="B58323" s="1" t="s">
        <v>187129</v>
      </c>
      <c r="C58323" s="1" t="s">
        <v>60</v>
      </c>
      <c r="D58323" s="1" t="s">
        <v>46954</v>
      </c>
      <c r="E58323" s="1" t="s">
        <v>196191</v>
      </c>
      <c r="F58323" s="1" t="s">
        <v>196192</v>
      </c>
      <c r="G58323" s="1" t="s">
        <v>196161</v>
      </c>
      <c r="H58323" s="1" t="s">
        <v>196162</v>
      </c>
      <c r="I58323" s="1" t="s">
        <v>187135</v>
      </c>
      <c r="J58323" s="1" t="s">
        <v>196193</v>
      </c>
    </row>
    <row r="58324" spans="1:10" x14ac:dyDescent="0.35">
      <c r="A58324" s="1" t="s">
        <v>122074</v>
      </c>
      <c r="B58324" s="1" t="s">
        <v>187129</v>
      </c>
      <c r="C58324" s="1" t="s">
        <v>65</v>
      </c>
      <c r="D58324" s="1" t="s">
        <v>13067</v>
      </c>
      <c r="E58324" s="1" t="s">
        <v>196194</v>
      </c>
      <c r="F58324" s="1" t="s">
        <v>196195</v>
      </c>
      <c r="G58324" s="1" t="s">
        <v>196161</v>
      </c>
      <c r="H58324" s="1" t="s">
        <v>196162</v>
      </c>
      <c r="I58324" s="1" t="s">
        <v>187135</v>
      </c>
      <c r="J58324" s="1" t="s">
        <v>196196</v>
      </c>
    </row>
    <row r="58325" spans="1:10" x14ac:dyDescent="0.35">
      <c r="A58325" s="1" t="s">
        <v>122074</v>
      </c>
      <c r="B58325" s="1" t="s">
        <v>187129</v>
      </c>
      <c r="C58325" s="1" t="s">
        <v>70</v>
      </c>
      <c r="D58325" s="1" t="s">
        <v>196197</v>
      </c>
      <c r="E58325" s="1" t="s">
        <v>196198</v>
      </c>
      <c r="F58325" s="1" t="s">
        <v>196199</v>
      </c>
      <c r="G58325" s="1" t="s">
        <v>196161</v>
      </c>
      <c r="H58325" s="1" t="s">
        <v>196162</v>
      </c>
      <c r="I58325" s="1" t="s">
        <v>187135</v>
      </c>
      <c r="J58325" s="1" t="s">
        <v>196200</v>
      </c>
    </row>
    <row r="58326" spans="1:10" x14ac:dyDescent="0.35">
      <c r="A58326" s="1" t="s">
        <v>122074</v>
      </c>
      <c r="B58326" s="1" t="s">
        <v>187129</v>
      </c>
      <c r="C58326" s="1" t="s">
        <v>75</v>
      </c>
      <c r="D58326" s="1" t="s">
        <v>196201</v>
      </c>
      <c r="E58326" s="1" t="s">
        <v>196202</v>
      </c>
      <c r="F58326" s="1" t="s">
        <v>196203</v>
      </c>
      <c r="G58326" s="1" t="s">
        <v>196161</v>
      </c>
      <c r="H58326" s="1" t="s">
        <v>196162</v>
      </c>
      <c r="I58326" s="1" t="s">
        <v>187135</v>
      </c>
      <c r="J58326" s="1" t="s">
        <v>196204</v>
      </c>
    </row>
    <row r="58327" spans="1:10" x14ac:dyDescent="0.35">
      <c r="A58327" s="1" t="s">
        <v>122074</v>
      </c>
      <c r="B58327" s="1" t="s">
        <v>187129</v>
      </c>
      <c r="C58327" s="1" t="s">
        <v>80</v>
      </c>
      <c r="D58327" s="1" t="s">
        <v>31181</v>
      </c>
      <c r="E58327" s="1" t="s">
        <v>196205</v>
      </c>
      <c r="F58327" s="1" t="s">
        <v>196206</v>
      </c>
      <c r="G58327" s="1" t="s">
        <v>196161</v>
      </c>
      <c r="H58327" s="1" t="s">
        <v>196162</v>
      </c>
      <c r="I58327" s="1" t="s">
        <v>187135</v>
      </c>
      <c r="J58327" s="1" t="s">
        <v>196207</v>
      </c>
    </row>
    <row r="58328" spans="1:10" x14ac:dyDescent="0.35">
      <c r="A58328" s="1" t="s">
        <v>122074</v>
      </c>
      <c r="B58328" s="1" t="s">
        <v>187129</v>
      </c>
      <c r="C58328" s="1" t="s">
        <v>85</v>
      </c>
      <c r="D58328" s="1" t="s">
        <v>171700</v>
      </c>
      <c r="E58328" s="1" t="s">
        <v>196208</v>
      </c>
      <c r="F58328" s="1" t="s">
        <v>196209</v>
      </c>
      <c r="G58328" s="1" t="s">
        <v>196161</v>
      </c>
      <c r="H58328" s="1" t="s">
        <v>196162</v>
      </c>
      <c r="I58328" s="1" t="s">
        <v>187135</v>
      </c>
      <c r="J58328" s="1" t="s">
        <v>196210</v>
      </c>
    </row>
    <row r="58329" spans="1:10" x14ac:dyDescent="0.35">
      <c r="A58329" s="1" t="s">
        <v>122074</v>
      </c>
      <c r="B58329" s="1" t="s">
        <v>187129</v>
      </c>
      <c r="C58329" s="1" t="s">
        <v>90</v>
      </c>
      <c r="D58329" s="1" t="s">
        <v>71464</v>
      </c>
      <c r="E58329" s="1" t="s">
        <v>196211</v>
      </c>
      <c r="F58329" s="1" t="s">
        <v>196212</v>
      </c>
      <c r="G58329" s="1" t="s">
        <v>196161</v>
      </c>
      <c r="H58329" s="1" t="s">
        <v>196162</v>
      </c>
      <c r="I58329" s="1" t="s">
        <v>187135</v>
      </c>
      <c r="J58329" s="1" t="s">
        <v>196213</v>
      </c>
    </row>
    <row r="58330" spans="1:10" x14ac:dyDescent="0.35">
      <c r="A58330" s="1" t="s">
        <v>122074</v>
      </c>
      <c r="B58330" s="1" t="s">
        <v>187129</v>
      </c>
      <c r="C58330" s="1" t="s">
        <v>95</v>
      </c>
      <c r="D58330" s="1" t="s">
        <v>195681</v>
      </c>
      <c r="E58330" s="1" t="s">
        <v>196214</v>
      </c>
      <c r="F58330" s="1" t="s">
        <v>196215</v>
      </c>
      <c r="G58330" s="1" t="s">
        <v>196161</v>
      </c>
      <c r="H58330" s="1" t="s">
        <v>196162</v>
      </c>
      <c r="I58330" s="1" t="s">
        <v>187135</v>
      </c>
      <c r="J58330" s="1" t="s">
        <v>196216</v>
      </c>
    </row>
    <row r="58331" spans="1:10" x14ac:dyDescent="0.35">
      <c r="A58331" s="1" t="s">
        <v>122074</v>
      </c>
      <c r="B58331" s="1" t="s">
        <v>187129</v>
      </c>
      <c r="C58331" s="1" t="s">
        <v>100</v>
      </c>
      <c r="D58331" s="1" t="s">
        <v>33083</v>
      </c>
      <c r="E58331" s="1" t="s">
        <v>196217</v>
      </c>
      <c r="F58331" s="1" t="s">
        <v>196218</v>
      </c>
      <c r="G58331" s="1" t="s">
        <v>196161</v>
      </c>
      <c r="H58331" s="1" t="s">
        <v>196162</v>
      </c>
      <c r="I58331" s="1" t="s">
        <v>187135</v>
      </c>
      <c r="J58331" s="1" t="s">
        <v>196219</v>
      </c>
    </row>
    <row r="58332" spans="1:10" x14ac:dyDescent="0.35">
      <c r="A58332" s="1" t="s">
        <v>122074</v>
      </c>
      <c r="B58332" s="1" t="s">
        <v>187129</v>
      </c>
      <c r="C58332" s="1" t="s">
        <v>105</v>
      </c>
      <c r="D58332" s="1" t="s">
        <v>196220</v>
      </c>
      <c r="E58332" s="1" t="s">
        <v>196221</v>
      </c>
      <c r="F58332" s="1" t="s">
        <v>196222</v>
      </c>
      <c r="G58332" s="1" t="s">
        <v>196161</v>
      </c>
      <c r="H58332" s="1" t="s">
        <v>196162</v>
      </c>
      <c r="I58332" s="1" t="s">
        <v>187135</v>
      </c>
      <c r="J58332" s="1" t="s">
        <v>196223</v>
      </c>
    </row>
    <row r="58333" spans="1:10" x14ac:dyDescent="0.35">
      <c r="A58333" s="1" t="s">
        <v>122074</v>
      </c>
      <c r="B58333" s="1" t="s">
        <v>187129</v>
      </c>
      <c r="C58333" s="1" t="s">
        <v>110</v>
      </c>
      <c r="D58333" s="1" t="s">
        <v>181740</v>
      </c>
      <c r="E58333" s="1" t="s">
        <v>196224</v>
      </c>
      <c r="F58333" s="1" t="s">
        <v>196225</v>
      </c>
      <c r="G58333" s="1" t="s">
        <v>196161</v>
      </c>
      <c r="H58333" s="1" t="s">
        <v>196162</v>
      </c>
      <c r="I58333" s="1" t="s">
        <v>187135</v>
      </c>
      <c r="J58333" s="1" t="s">
        <v>196226</v>
      </c>
    </row>
    <row r="58334" spans="1:10" x14ac:dyDescent="0.35">
      <c r="A58334" s="1" t="s">
        <v>122074</v>
      </c>
      <c r="B58334" s="1" t="s">
        <v>187129</v>
      </c>
      <c r="C58334" s="1" t="s">
        <v>115</v>
      </c>
      <c r="D58334" s="1" t="s">
        <v>37985</v>
      </c>
      <c r="E58334" s="1" t="s">
        <v>196227</v>
      </c>
      <c r="F58334" s="1" t="s">
        <v>196228</v>
      </c>
      <c r="G58334" s="1" t="s">
        <v>196161</v>
      </c>
      <c r="H58334" s="1" t="s">
        <v>196162</v>
      </c>
      <c r="I58334" s="1" t="s">
        <v>187135</v>
      </c>
      <c r="J58334" s="1" t="s">
        <v>196229</v>
      </c>
    </row>
    <row r="58335" spans="1:10" x14ac:dyDescent="0.35">
      <c r="A58335" s="1" t="s">
        <v>122074</v>
      </c>
      <c r="B58335" s="1" t="s">
        <v>187129</v>
      </c>
      <c r="C58335" s="1" t="s">
        <v>120</v>
      </c>
      <c r="D58335" s="1" t="s">
        <v>18402</v>
      </c>
      <c r="E58335" s="1" t="s">
        <v>196230</v>
      </c>
      <c r="F58335" s="1" t="s">
        <v>196231</v>
      </c>
      <c r="G58335" s="1" t="s">
        <v>196161</v>
      </c>
      <c r="H58335" s="1" t="s">
        <v>196162</v>
      </c>
      <c r="I58335" s="1" t="s">
        <v>187135</v>
      </c>
      <c r="J58335" s="1" t="s">
        <v>196232</v>
      </c>
    </row>
    <row r="58336" spans="1:10" x14ac:dyDescent="0.35">
      <c r="A58336" s="1" t="s">
        <v>122074</v>
      </c>
      <c r="B58336" s="1" t="s">
        <v>187129</v>
      </c>
      <c r="C58336" s="1" t="s">
        <v>125</v>
      </c>
      <c r="D58336" s="1" t="s">
        <v>121029</v>
      </c>
      <c r="E58336" s="1" t="s">
        <v>196233</v>
      </c>
      <c r="F58336" s="1" t="s">
        <v>196234</v>
      </c>
      <c r="G58336" s="1" t="s">
        <v>196161</v>
      </c>
      <c r="H58336" s="1" t="s">
        <v>196162</v>
      </c>
      <c r="I58336" s="1" t="s">
        <v>187135</v>
      </c>
      <c r="J58336" s="1" t="s">
        <v>196235</v>
      </c>
    </row>
    <row r="58337" spans="1:10" x14ac:dyDescent="0.35">
      <c r="A58337" s="1" t="s">
        <v>122074</v>
      </c>
      <c r="B58337" s="1" t="s">
        <v>187129</v>
      </c>
      <c r="C58337" s="1" t="s">
        <v>130</v>
      </c>
      <c r="D58337" s="1" t="s">
        <v>196236</v>
      </c>
      <c r="E58337" s="1" t="s">
        <v>196237</v>
      </c>
      <c r="F58337" s="1" t="s">
        <v>196238</v>
      </c>
      <c r="G58337" s="1" t="s">
        <v>196161</v>
      </c>
      <c r="H58337" s="1" t="s">
        <v>196162</v>
      </c>
      <c r="I58337" s="1" t="s">
        <v>187135</v>
      </c>
      <c r="J58337" s="1" t="s">
        <v>196239</v>
      </c>
    </row>
    <row r="58338" spans="1:10" x14ac:dyDescent="0.35">
      <c r="A58338" s="1" t="s">
        <v>122074</v>
      </c>
      <c r="B58338" s="1" t="s">
        <v>187129</v>
      </c>
      <c r="C58338" s="1" t="s">
        <v>135</v>
      </c>
      <c r="D58338" s="1" t="s">
        <v>196240</v>
      </c>
      <c r="E58338" s="1" t="s">
        <v>196241</v>
      </c>
      <c r="F58338" s="1" t="s">
        <v>196242</v>
      </c>
      <c r="G58338" s="1" t="s">
        <v>196161</v>
      </c>
      <c r="H58338" s="1" t="s">
        <v>196162</v>
      </c>
      <c r="I58338" s="1" t="s">
        <v>187135</v>
      </c>
      <c r="J58338" s="1" t="s">
        <v>196243</v>
      </c>
    </row>
    <row r="58339" spans="1:10" x14ac:dyDescent="0.35">
      <c r="A58339" s="1" t="s">
        <v>122074</v>
      </c>
      <c r="B58339" s="1" t="s">
        <v>187129</v>
      </c>
      <c r="C58339" s="1" t="s">
        <v>140</v>
      </c>
      <c r="D58339" s="1" t="s">
        <v>175777</v>
      </c>
      <c r="E58339" s="1" t="s">
        <v>196244</v>
      </c>
      <c r="F58339" s="1" t="s">
        <v>196245</v>
      </c>
      <c r="G58339" s="1" t="s">
        <v>196161</v>
      </c>
      <c r="H58339" s="1" t="s">
        <v>196162</v>
      </c>
      <c r="I58339" s="1" t="s">
        <v>187135</v>
      </c>
      <c r="J58339" s="1" t="s">
        <v>196246</v>
      </c>
    </row>
    <row r="58340" spans="1:10" x14ac:dyDescent="0.35">
      <c r="A58340" s="1" t="s">
        <v>122074</v>
      </c>
      <c r="B58340" s="1" t="s">
        <v>187129</v>
      </c>
      <c r="C58340" s="1" t="s">
        <v>145</v>
      </c>
      <c r="D58340" s="1" t="s">
        <v>121045</v>
      </c>
      <c r="E58340" s="1" t="s">
        <v>196247</v>
      </c>
      <c r="F58340" s="1" t="s">
        <v>196248</v>
      </c>
      <c r="G58340" s="1" t="s">
        <v>196161</v>
      </c>
      <c r="H58340" s="1" t="s">
        <v>196162</v>
      </c>
      <c r="I58340" s="1" t="s">
        <v>187135</v>
      </c>
      <c r="J58340" s="1" t="s">
        <v>196249</v>
      </c>
    </row>
    <row r="58341" spans="1:10" x14ac:dyDescent="0.35">
      <c r="A58341" s="1" t="s">
        <v>122074</v>
      </c>
      <c r="B58341" s="1" t="s">
        <v>187129</v>
      </c>
      <c r="C58341" s="1" t="s">
        <v>150</v>
      </c>
      <c r="D58341" s="1" t="s">
        <v>43190</v>
      </c>
      <c r="E58341" s="1" t="s">
        <v>196250</v>
      </c>
      <c r="F58341" s="1" t="s">
        <v>196251</v>
      </c>
      <c r="G58341" s="1" t="s">
        <v>196161</v>
      </c>
      <c r="H58341" s="1" t="s">
        <v>196162</v>
      </c>
      <c r="I58341" s="1" t="s">
        <v>187135</v>
      </c>
      <c r="J58341" s="1" t="s">
        <v>196252</v>
      </c>
    </row>
    <row r="58342" spans="1:10" x14ac:dyDescent="0.35">
      <c r="A58342" s="1" t="s">
        <v>122074</v>
      </c>
      <c r="B58342" s="1" t="s">
        <v>187129</v>
      </c>
      <c r="C58342" s="1" t="s">
        <v>155</v>
      </c>
      <c r="D58342" s="1" t="s">
        <v>196253</v>
      </c>
      <c r="E58342" s="1" t="s">
        <v>196254</v>
      </c>
      <c r="F58342" s="1" t="s">
        <v>196255</v>
      </c>
      <c r="G58342" s="1" t="s">
        <v>196161</v>
      </c>
      <c r="H58342" s="1" t="s">
        <v>196162</v>
      </c>
      <c r="I58342" s="1" t="s">
        <v>187135</v>
      </c>
      <c r="J58342" s="1" t="s">
        <v>196256</v>
      </c>
    </row>
    <row r="58343" spans="1:10" x14ac:dyDescent="0.35">
      <c r="A58343" s="1" t="s">
        <v>122074</v>
      </c>
      <c r="B58343" s="1" t="s">
        <v>187129</v>
      </c>
      <c r="C58343" s="1" t="s">
        <v>160</v>
      </c>
      <c r="D58343" s="1" t="s">
        <v>4249</v>
      </c>
      <c r="E58343" s="1" t="s">
        <v>196257</v>
      </c>
      <c r="F58343" s="1" t="s">
        <v>196258</v>
      </c>
      <c r="G58343" s="1" t="s">
        <v>196161</v>
      </c>
      <c r="H58343" s="1" t="s">
        <v>196162</v>
      </c>
      <c r="I58343" s="1" t="s">
        <v>187135</v>
      </c>
      <c r="J58343" s="1" t="s">
        <v>196259</v>
      </c>
    </row>
    <row r="58344" spans="1:10" x14ac:dyDescent="0.35">
      <c r="A58344" s="1" t="s">
        <v>122074</v>
      </c>
      <c r="B58344" s="1" t="s">
        <v>187129</v>
      </c>
      <c r="C58344" s="1" t="s">
        <v>165</v>
      </c>
      <c r="D58344" s="1" t="s">
        <v>175773</v>
      </c>
      <c r="E58344" s="1" t="s">
        <v>196260</v>
      </c>
      <c r="F58344" s="1" t="s">
        <v>196261</v>
      </c>
      <c r="G58344" s="1" t="s">
        <v>196161</v>
      </c>
      <c r="H58344" s="1" t="s">
        <v>196162</v>
      </c>
      <c r="I58344" s="1" t="s">
        <v>187135</v>
      </c>
      <c r="J58344" s="1" t="s">
        <v>196262</v>
      </c>
    </row>
    <row r="58345" spans="1:10" x14ac:dyDescent="0.35">
      <c r="A58345" s="1" t="s">
        <v>122074</v>
      </c>
      <c r="B58345" s="1" t="s">
        <v>187129</v>
      </c>
      <c r="C58345" s="1" t="s">
        <v>170</v>
      </c>
      <c r="D58345" s="1" t="s">
        <v>196263</v>
      </c>
      <c r="E58345" s="1" t="s">
        <v>196264</v>
      </c>
      <c r="F58345" s="1" t="s">
        <v>196265</v>
      </c>
      <c r="G58345" s="1" t="s">
        <v>196161</v>
      </c>
      <c r="H58345" s="1" t="s">
        <v>196162</v>
      </c>
      <c r="I58345" s="1" t="s">
        <v>187135</v>
      </c>
      <c r="J58345" s="1" t="s">
        <v>196266</v>
      </c>
    </row>
    <row r="58346" spans="1:10" x14ac:dyDescent="0.35">
      <c r="A58346" s="1" t="s">
        <v>14161</v>
      </c>
      <c r="B58346" s="1" t="s">
        <v>187129</v>
      </c>
      <c r="C58346" s="1" t="s">
        <v>8</v>
      </c>
      <c r="D58346" s="1" t="s">
        <v>3873</v>
      </c>
      <c r="E58346" s="1" t="s">
        <v>196267</v>
      </c>
      <c r="F58346" s="1" t="s">
        <v>196268</v>
      </c>
      <c r="G58346" s="1" t="s">
        <v>196269</v>
      </c>
      <c r="H58346" s="1" t="s">
        <v>196270</v>
      </c>
      <c r="I58346" s="1" t="s">
        <v>187135</v>
      </c>
      <c r="J58346" s="1" t="s">
        <v>13</v>
      </c>
    </row>
    <row r="58347" spans="1:10" x14ac:dyDescent="0.35">
      <c r="A58347" s="1" t="s">
        <v>14161</v>
      </c>
      <c r="B58347" s="1" t="s">
        <v>187129</v>
      </c>
      <c r="C58347" s="1" t="s">
        <v>15</v>
      </c>
      <c r="D58347" s="1" t="s">
        <v>38436</v>
      </c>
      <c r="E58347" s="1" t="s">
        <v>196271</v>
      </c>
      <c r="F58347" s="1" t="s">
        <v>196272</v>
      </c>
      <c r="G58347" s="1" t="s">
        <v>196269</v>
      </c>
      <c r="H58347" s="1" t="s">
        <v>196270</v>
      </c>
      <c r="I58347" s="1" t="s">
        <v>187135</v>
      </c>
      <c r="J58347" s="1" t="s">
        <v>196273</v>
      </c>
    </row>
    <row r="58348" spans="1:10" x14ac:dyDescent="0.35">
      <c r="A58348" s="1" t="s">
        <v>14161</v>
      </c>
      <c r="B58348" s="1" t="s">
        <v>187129</v>
      </c>
      <c r="C58348" s="1" t="s">
        <v>20</v>
      </c>
      <c r="D58348" s="1" t="s">
        <v>49993</v>
      </c>
      <c r="E58348" s="1" t="s">
        <v>196274</v>
      </c>
      <c r="F58348" s="1" t="s">
        <v>196275</v>
      </c>
      <c r="G58348" s="1" t="s">
        <v>196269</v>
      </c>
      <c r="H58348" s="1" t="s">
        <v>196270</v>
      </c>
      <c r="I58348" s="1" t="s">
        <v>187135</v>
      </c>
      <c r="J58348" s="1" t="s">
        <v>196276</v>
      </c>
    </row>
    <row r="58349" spans="1:10" x14ac:dyDescent="0.35">
      <c r="A58349" s="1" t="s">
        <v>14161</v>
      </c>
      <c r="B58349" s="1" t="s">
        <v>187129</v>
      </c>
      <c r="C58349" s="1" t="s">
        <v>25</v>
      </c>
      <c r="D58349" s="1" t="s">
        <v>74912</v>
      </c>
      <c r="E58349" s="1" t="s">
        <v>196277</v>
      </c>
      <c r="F58349" s="1" t="s">
        <v>196278</v>
      </c>
      <c r="G58349" s="1" t="s">
        <v>196269</v>
      </c>
      <c r="H58349" s="1" t="s">
        <v>196270</v>
      </c>
      <c r="I58349" s="1" t="s">
        <v>187135</v>
      </c>
      <c r="J58349" s="1" t="s">
        <v>196279</v>
      </c>
    </row>
    <row r="58350" spans="1:10" x14ac:dyDescent="0.35">
      <c r="A58350" s="1" t="s">
        <v>14161</v>
      </c>
      <c r="B58350" s="1" t="s">
        <v>187129</v>
      </c>
      <c r="C58350" s="1" t="s">
        <v>30</v>
      </c>
      <c r="D58350" s="1" t="s">
        <v>37614</v>
      </c>
      <c r="E58350" s="1" t="s">
        <v>196280</v>
      </c>
      <c r="F58350" s="1" t="s">
        <v>196281</v>
      </c>
      <c r="G58350" s="1" t="s">
        <v>196269</v>
      </c>
      <c r="H58350" s="1" t="s">
        <v>196270</v>
      </c>
      <c r="I58350" s="1" t="s">
        <v>187135</v>
      </c>
      <c r="J58350" s="1" t="s">
        <v>196282</v>
      </c>
    </row>
    <row r="58351" spans="1:10" x14ac:dyDescent="0.35">
      <c r="A58351" s="1" t="s">
        <v>14161</v>
      </c>
      <c r="B58351" s="1" t="s">
        <v>187129</v>
      </c>
      <c r="C58351" s="1" t="s">
        <v>35</v>
      </c>
      <c r="D58351" s="1" t="s">
        <v>37879</v>
      </c>
      <c r="E58351" s="1" t="s">
        <v>196283</v>
      </c>
      <c r="F58351" s="1" t="s">
        <v>196284</v>
      </c>
      <c r="G58351" s="1" t="s">
        <v>196269</v>
      </c>
      <c r="H58351" s="1" t="s">
        <v>196270</v>
      </c>
      <c r="I58351" s="1" t="s">
        <v>187135</v>
      </c>
      <c r="J58351" s="1" t="s">
        <v>196285</v>
      </c>
    </row>
    <row r="58352" spans="1:10" x14ac:dyDescent="0.35">
      <c r="A58352" s="1" t="s">
        <v>14161</v>
      </c>
      <c r="B58352" s="1" t="s">
        <v>187129</v>
      </c>
      <c r="C58352" s="1" t="s">
        <v>40</v>
      </c>
      <c r="D58352" s="1" t="s">
        <v>43136</v>
      </c>
      <c r="E58352" s="1" t="s">
        <v>196286</v>
      </c>
      <c r="F58352" s="1" t="s">
        <v>196287</v>
      </c>
      <c r="G58352" s="1" t="s">
        <v>196269</v>
      </c>
      <c r="H58352" s="1" t="s">
        <v>196270</v>
      </c>
      <c r="I58352" s="1" t="s">
        <v>187135</v>
      </c>
      <c r="J58352" s="1" t="s">
        <v>196288</v>
      </c>
    </row>
    <row r="58353" spans="1:10" x14ac:dyDescent="0.35">
      <c r="A58353" s="1" t="s">
        <v>14161</v>
      </c>
      <c r="B58353" s="1" t="s">
        <v>187129</v>
      </c>
      <c r="C58353" s="1" t="s">
        <v>45</v>
      </c>
      <c r="D58353" s="1" t="s">
        <v>15511</v>
      </c>
      <c r="E58353" s="1" t="s">
        <v>196289</v>
      </c>
      <c r="F58353" s="1" t="s">
        <v>196290</v>
      </c>
      <c r="G58353" s="1" t="s">
        <v>196269</v>
      </c>
      <c r="H58353" s="1" t="s">
        <v>196270</v>
      </c>
      <c r="I58353" s="1" t="s">
        <v>187135</v>
      </c>
      <c r="J58353" s="1" t="s">
        <v>196291</v>
      </c>
    </row>
    <row r="58354" spans="1:10" x14ac:dyDescent="0.35">
      <c r="A58354" s="1" t="s">
        <v>14161</v>
      </c>
      <c r="B58354" s="1" t="s">
        <v>187129</v>
      </c>
      <c r="C58354" s="1" t="s">
        <v>50</v>
      </c>
      <c r="D58354" s="1" t="s">
        <v>34768</v>
      </c>
      <c r="E58354" s="1" t="s">
        <v>196292</v>
      </c>
      <c r="F58354" s="1" t="s">
        <v>196293</v>
      </c>
      <c r="G58354" s="1" t="s">
        <v>196269</v>
      </c>
      <c r="H58354" s="1" t="s">
        <v>196270</v>
      </c>
      <c r="I58354" s="1" t="s">
        <v>187135</v>
      </c>
      <c r="J58354" s="1" t="s">
        <v>196294</v>
      </c>
    </row>
    <row r="58355" spans="1:10" x14ac:dyDescent="0.35">
      <c r="A58355" s="1" t="s">
        <v>14161</v>
      </c>
      <c r="B58355" s="1" t="s">
        <v>187129</v>
      </c>
      <c r="C58355" s="1" t="s">
        <v>55</v>
      </c>
      <c r="D58355" s="1" t="s">
        <v>196295</v>
      </c>
      <c r="E58355" s="1" t="s">
        <v>196296</v>
      </c>
      <c r="F58355" s="1" t="s">
        <v>196297</v>
      </c>
      <c r="G58355" s="1" t="s">
        <v>196269</v>
      </c>
      <c r="H58355" s="1" t="s">
        <v>196270</v>
      </c>
      <c r="I58355" s="1" t="s">
        <v>187135</v>
      </c>
      <c r="J58355" s="1" t="s">
        <v>196298</v>
      </c>
    </row>
    <row r="58356" spans="1:10" x14ac:dyDescent="0.35">
      <c r="A58356" s="1" t="s">
        <v>14161</v>
      </c>
      <c r="B58356" s="1" t="s">
        <v>187129</v>
      </c>
      <c r="C58356" s="1" t="s">
        <v>60</v>
      </c>
      <c r="D58356" s="1" t="s">
        <v>154130</v>
      </c>
      <c r="E58356" s="1" t="s">
        <v>196299</v>
      </c>
      <c r="F58356" s="1" t="s">
        <v>196300</v>
      </c>
      <c r="G58356" s="1" t="s">
        <v>196269</v>
      </c>
      <c r="H58356" s="1" t="s">
        <v>196270</v>
      </c>
      <c r="I58356" s="1" t="s">
        <v>187135</v>
      </c>
      <c r="J58356" s="1" t="s">
        <v>196301</v>
      </c>
    </row>
    <row r="58357" spans="1:10" x14ac:dyDescent="0.35">
      <c r="A58357" s="1" t="s">
        <v>14161</v>
      </c>
      <c r="B58357" s="1" t="s">
        <v>187129</v>
      </c>
      <c r="C58357" s="1" t="s">
        <v>65</v>
      </c>
      <c r="D58357" s="1" t="s">
        <v>49060</v>
      </c>
      <c r="E58357" s="1" t="s">
        <v>196302</v>
      </c>
      <c r="F58357" s="1" t="s">
        <v>196303</v>
      </c>
      <c r="G58357" s="1" t="s">
        <v>196269</v>
      </c>
      <c r="H58357" s="1" t="s">
        <v>196270</v>
      </c>
      <c r="I58357" s="1" t="s">
        <v>187135</v>
      </c>
      <c r="J58357" s="1" t="s">
        <v>196304</v>
      </c>
    </row>
    <row r="58358" spans="1:10" x14ac:dyDescent="0.35">
      <c r="A58358" s="1" t="s">
        <v>14161</v>
      </c>
      <c r="B58358" s="1" t="s">
        <v>187129</v>
      </c>
      <c r="C58358" s="1" t="s">
        <v>70</v>
      </c>
      <c r="D58358" s="1" t="s">
        <v>196305</v>
      </c>
      <c r="E58358" s="1" t="s">
        <v>196306</v>
      </c>
      <c r="F58358" s="1" t="s">
        <v>196307</v>
      </c>
      <c r="G58358" s="1" t="s">
        <v>196269</v>
      </c>
      <c r="H58358" s="1" t="s">
        <v>196270</v>
      </c>
      <c r="I58358" s="1" t="s">
        <v>187135</v>
      </c>
      <c r="J58358" s="1" t="s">
        <v>196308</v>
      </c>
    </row>
    <row r="58359" spans="1:10" x14ac:dyDescent="0.35">
      <c r="A58359" s="1" t="s">
        <v>14161</v>
      </c>
      <c r="B58359" s="1" t="s">
        <v>187129</v>
      </c>
      <c r="C58359" s="1" t="s">
        <v>75</v>
      </c>
      <c r="D58359" s="1" t="s">
        <v>42532</v>
      </c>
      <c r="E58359" s="1" t="s">
        <v>196309</v>
      </c>
      <c r="F58359" s="1" t="s">
        <v>196310</v>
      </c>
      <c r="G58359" s="1" t="s">
        <v>196269</v>
      </c>
      <c r="H58359" s="1" t="s">
        <v>196270</v>
      </c>
      <c r="I58359" s="1" t="s">
        <v>187135</v>
      </c>
      <c r="J58359" s="1" t="s">
        <v>196311</v>
      </c>
    </row>
    <row r="58360" spans="1:10" x14ac:dyDescent="0.35">
      <c r="A58360" s="1" t="s">
        <v>14161</v>
      </c>
      <c r="B58360" s="1" t="s">
        <v>187129</v>
      </c>
      <c r="C58360" s="1" t="s">
        <v>80</v>
      </c>
      <c r="D58360" s="1" t="s">
        <v>196312</v>
      </c>
      <c r="E58360" s="1" t="s">
        <v>196313</v>
      </c>
      <c r="F58360" s="1" t="s">
        <v>196314</v>
      </c>
      <c r="G58360" s="1" t="s">
        <v>196269</v>
      </c>
      <c r="H58360" s="1" t="s">
        <v>196270</v>
      </c>
      <c r="I58360" s="1" t="s">
        <v>187135</v>
      </c>
      <c r="J58360" s="1" t="s">
        <v>196315</v>
      </c>
    </row>
    <row r="58361" spans="1:10" x14ac:dyDescent="0.35">
      <c r="A58361" s="1" t="s">
        <v>14161</v>
      </c>
      <c r="B58361" s="1" t="s">
        <v>187129</v>
      </c>
      <c r="C58361" s="1" t="s">
        <v>85</v>
      </c>
      <c r="D58361" s="1" t="s">
        <v>2993</v>
      </c>
      <c r="E58361" s="1" t="s">
        <v>196316</v>
      </c>
      <c r="F58361" s="1" t="s">
        <v>196317</v>
      </c>
      <c r="G58361" s="1" t="s">
        <v>196269</v>
      </c>
      <c r="H58361" s="1" t="s">
        <v>196270</v>
      </c>
      <c r="I58361" s="1" t="s">
        <v>187135</v>
      </c>
      <c r="J58361" s="1" t="s">
        <v>196318</v>
      </c>
    </row>
    <row r="58362" spans="1:10" x14ac:dyDescent="0.35">
      <c r="A58362" s="1" t="s">
        <v>14161</v>
      </c>
      <c r="B58362" s="1" t="s">
        <v>187129</v>
      </c>
      <c r="C58362" s="1" t="s">
        <v>90</v>
      </c>
      <c r="D58362" s="1" t="s">
        <v>33834</v>
      </c>
      <c r="E58362" s="1" t="s">
        <v>196319</v>
      </c>
      <c r="F58362" s="1" t="s">
        <v>196320</v>
      </c>
      <c r="G58362" s="1" t="s">
        <v>196269</v>
      </c>
      <c r="H58362" s="1" t="s">
        <v>196270</v>
      </c>
      <c r="I58362" s="1" t="s">
        <v>187135</v>
      </c>
      <c r="J58362" s="1" t="s">
        <v>196321</v>
      </c>
    </row>
    <row r="58363" spans="1:10" x14ac:dyDescent="0.35">
      <c r="A58363" s="1" t="s">
        <v>14161</v>
      </c>
      <c r="B58363" s="1" t="s">
        <v>187129</v>
      </c>
      <c r="C58363" s="1" t="s">
        <v>95</v>
      </c>
      <c r="D58363" s="1" t="s">
        <v>153699</v>
      </c>
      <c r="E58363" s="1" t="s">
        <v>196322</v>
      </c>
      <c r="F58363" s="1" t="s">
        <v>196323</v>
      </c>
      <c r="G58363" s="1" t="s">
        <v>196269</v>
      </c>
      <c r="H58363" s="1" t="s">
        <v>196270</v>
      </c>
      <c r="I58363" s="1" t="s">
        <v>187135</v>
      </c>
      <c r="J58363" s="1" t="s">
        <v>196324</v>
      </c>
    </row>
    <row r="58364" spans="1:10" x14ac:dyDescent="0.35">
      <c r="A58364" s="1" t="s">
        <v>14161</v>
      </c>
      <c r="B58364" s="1" t="s">
        <v>187129</v>
      </c>
      <c r="C58364" s="1" t="s">
        <v>100</v>
      </c>
      <c r="D58364" s="1" t="s">
        <v>125375</v>
      </c>
      <c r="E58364" s="1" t="s">
        <v>196325</v>
      </c>
      <c r="F58364" s="1" t="s">
        <v>196326</v>
      </c>
      <c r="G58364" s="1" t="s">
        <v>196269</v>
      </c>
      <c r="H58364" s="1" t="s">
        <v>196270</v>
      </c>
      <c r="I58364" s="1" t="s">
        <v>187135</v>
      </c>
      <c r="J58364" s="1" t="s">
        <v>196327</v>
      </c>
    </row>
    <row r="58365" spans="1:10" x14ac:dyDescent="0.35">
      <c r="A58365" s="1" t="s">
        <v>14161</v>
      </c>
      <c r="B58365" s="1" t="s">
        <v>187129</v>
      </c>
      <c r="C58365" s="1" t="s">
        <v>105</v>
      </c>
      <c r="D58365" s="1" t="s">
        <v>30336</v>
      </c>
      <c r="E58365" s="1" t="s">
        <v>196328</v>
      </c>
      <c r="F58365" s="1" t="s">
        <v>196329</v>
      </c>
      <c r="G58365" s="1" t="s">
        <v>196269</v>
      </c>
      <c r="H58365" s="1" t="s">
        <v>196270</v>
      </c>
      <c r="I58365" s="1" t="s">
        <v>187135</v>
      </c>
      <c r="J58365" s="1" t="s">
        <v>196330</v>
      </c>
    </row>
    <row r="58366" spans="1:10" x14ac:dyDescent="0.35">
      <c r="A58366" s="1" t="s">
        <v>14161</v>
      </c>
      <c r="B58366" s="1" t="s">
        <v>187129</v>
      </c>
      <c r="C58366" s="1" t="s">
        <v>110</v>
      </c>
      <c r="D58366" s="1" t="s">
        <v>33628</v>
      </c>
      <c r="E58366" s="1" t="s">
        <v>196331</v>
      </c>
      <c r="F58366" s="1" t="s">
        <v>196332</v>
      </c>
      <c r="G58366" s="1" t="s">
        <v>196269</v>
      </c>
      <c r="H58366" s="1" t="s">
        <v>196270</v>
      </c>
      <c r="I58366" s="1" t="s">
        <v>187135</v>
      </c>
      <c r="J58366" s="1" t="s">
        <v>196333</v>
      </c>
    </row>
    <row r="58367" spans="1:10" x14ac:dyDescent="0.35">
      <c r="A58367" s="1" t="s">
        <v>14161</v>
      </c>
      <c r="B58367" s="1" t="s">
        <v>187129</v>
      </c>
      <c r="C58367" s="1" t="s">
        <v>115</v>
      </c>
      <c r="D58367" s="1" t="s">
        <v>196334</v>
      </c>
      <c r="E58367" s="1" t="s">
        <v>196335</v>
      </c>
      <c r="F58367" s="1" t="s">
        <v>196336</v>
      </c>
      <c r="G58367" s="1" t="s">
        <v>196269</v>
      </c>
      <c r="H58367" s="1" t="s">
        <v>196270</v>
      </c>
      <c r="I58367" s="1" t="s">
        <v>187135</v>
      </c>
      <c r="J58367" s="1" t="s">
        <v>196337</v>
      </c>
    </row>
    <row r="58368" spans="1:10" x14ac:dyDescent="0.35">
      <c r="A58368" s="1" t="s">
        <v>14161</v>
      </c>
      <c r="B58368" s="1" t="s">
        <v>187129</v>
      </c>
      <c r="C58368" s="1" t="s">
        <v>120</v>
      </c>
      <c r="D58368" s="1" t="s">
        <v>175908</v>
      </c>
      <c r="E58368" s="1" t="s">
        <v>196338</v>
      </c>
      <c r="F58368" s="1" t="s">
        <v>196339</v>
      </c>
      <c r="G58368" s="1" t="s">
        <v>196269</v>
      </c>
      <c r="H58368" s="1" t="s">
        <v>196270</v>
      </c>
      <c r="I58368" s="1" t="s">
        <v>187135</v>
      </c>
      <c r="J58368" s="1" t="s">
        <v>196340</v>
      </c>
    </row>
    <row r="58369" spans="1:10" x14ac:dyDescent="0.35">
      <c r="A58369" s="1" t="s">
        <v>14161</v>
      </c>
      <c r="B58369" s="1" t="s">
        <v>187129</v>
      </c>
      <c r="C58369" s="1" t="s">
        <v>125</v>
      </c>
      <c r="D58369" s="1" t="s">
        <v>43398</v>
      </c>
      <c r="E58369" s="1" t="s">
        <v>196341</v>
      </c>
      <c r="F58369" s="1" t="s">
        <v>196342</v>
      </c>
      <c r="G58369" s="1" t="s">
        <v>196269</v>
      </c>
      <c r="H58369" s="1" t="s">
        <v>196270</v>
      </c>
      <c r="I58369" s="1" t="s">
        <v>187135</v>
      </c>
      <c r="J58369" s="1" t="s">
        <v>196343</v>
      </c>
    </row>
    <row r="58370" spans="1:10" x14ac:dyDescent="0.35">
      <c r="A58370" s="1" t="s">
        <v>14161</v>
      </c>
      <c r="B58370" s="1" t="s">
        <v>187129</v>
      </c>
      <c r="C58370" s="1" t="s">
        <v>130</v>
      </c>
      <c r="D58370" s="1" t="s">
        <v>74385</v>
      </c>
      <c r="E58370" s="1" t="s">
        <v>196344</v>
      </c>
      <c r="F58370" s="1" t="s">
        <v>196345</v>
      </c>
      <c r="G58370" s="1" t="s">
        <v>196269</v>
      </c>
      <c r="H58370" s="1" t="s">
        <v>196270</v>
      </c>
      <c r="I58370" s="1" t="s">
        <v>187135</v>
      </c>
      <c r="J58370" s="1" t="s">
        <v>196346</v>
      </c>
    </row>
    <row r="58371" spans="1:10" x14ac:dyDescent="0.35">
      <c r="A58371" s="1" t="s">
        <v>14161</v>
      </c>
      <c r="B58371" s="1" t="s">
        <v>187129</v>
      </c>
      <c r="C58371" s="1" t="s">
        <v>135</v>
      </c>
      <c r="D58371" s="1" t="s">
        <v>196347</v>
      </c>
      <c r="E58371" s="1" t="s">
        <v>196348</v>
      </c>
      <c r="F58371" s="1" t="s">
        <v>196349</v>
      </c>
      <c r="G58371" s="1" t="s">
        <v>196269</v>
      </c>
      <c r="H58371" s="1" t="s">
        <v>196270</v>
      </c>
      <c r="I58371" s="1" t="s">
        <v>187135</v>
      </c>
      <c r="J58371" s="1" t="s">
        <v>196350</v>
      </c>
    </row>
    <row r="58372" spans="1:10" x14ac:dyDescent="0.35">
      <c r="A58372" s="1" t="s">
        <v>14161</v>
      </c>
      <c r="B58372" s="1" t="s">
        <v>187129</v>
      </c>
      <c r="C58372" s="1" t="s">
        <v>140</v>
      </c>
      <c r="D58372" s="1" t="s">
        <v>153912</v>
      </c>
      <c r="E58372" s="1" t="s">
        <v>196351</v>
      </c>
      <c r="F58372" s="1" t="s">
        <v>196352</v>
      </c>
      <c r="G58372" s="1" t="s">
        <v>196269</v>
      </c>
      <c r="H58372" s="1" t="s">
        <v>196270</v>
      </c>
      <c r="I58372" s="1" t="s">
        <v>187135</v>
      </c>
      <c r="J58372" s="1" t="s">
        <v>196353</v>
      </c>
    </row>
    <row r="58373" spans="1:10" x14ac:dyDescent="0.35">
      <c r="A58373" s="1" t="s">
        <v>14161</v>
      </c>
      <c r="B58373" s="1" t="s">
        <v>187129</v>
      </c>
      <c r="C58373" s="1" t="s">
        <v>145</v>
      </c>
      <c r="D58373" s="1" t="s">
        <v>82949</v>
      </c>
      <c r="E58373" s="1" t="s">
        <v>196354</v>
      </c>
      <c r="F58373" s="1" t="s">
        <v>196355</v>
      </c>
      <c r="G58373" s="1" t="s">
        <v>196269</v>
      </c>
      <c r="H58373" s="1" t="s">
        <v>196270</v>
      </c>
      <c r="I58373" s="1" t="s">
        <v>187135</v>
      </c>
      <c r="J58373" s="1" t="s">
        <v>196356</v>
      </c>
    </row>
    <row r="58374" spans="1:10" x14ac:dyDescent="0.35">
      <c r="A58374" s="1" t="s">
        <v>14161</v>
      </c>
      <c r="B58374" s="1" t="s">
        <v>187129</v>
      </c>
      <c r="C58374" s="1" t="s">
        <v>150</v>
      </c>
      <c r="D58374" s="1" t="s">
        <v>30340</v>
      </c>
      <c r="E58374" s="1" t="s">
        <v>196357</v>
      </c>
      <c r="F58374" s="1" t="s">
        <v>196358</v>
      </c>
      <c r="G58374" s="1" t="s">
        <v>196269</v>
      </c>
      <c r="H58374" s="1" t="s">
        <v>196270</v>
      </c>
      <c r="I58374" s="1" t="s">
        <v>187135</v>
      </c>
      <c r="J58374" s="1" t="s">
        <v>196359</v>
      </c>
    </row>
    <row r="58375" spans="1:10" x14ac:dyDescent="0.35">
      <c r="A58375" s="1" t="s">
        <v>14161</v>
      </c>
      <c r="B58375" s="1" t="s">
        <v>187129</v>
      </c>
      <c r="C58375" s="1" t="s">
        <v>155</v>
      </c>
      <c r="D58375" s="1" t="s">
        <v>46184</v>
      </c>
      <c r="E58375" s="1" t="s">
        <v>196360</v>
      </c>
      <c r="F58375" s="1" t="s">
        <v>196361</v>
      </c>
      <c r="G58375" s="1" t="s">
        <v>196269</v>
      </c>
      <c r="H58375" s="1" t="s">
        <v>196270</v>
      </c>
      <c r="I58375" s="1" t="s">
        <v>187135</v>
      </c>
      <c r="J58375" s="1" t="s">
        <v>196362</v>
      </c>
    </row>
    <row r="58376" spans="1:10" x14ac:dyDescent="0.35">
      <c r="A58376" s="1" t="s">
        <v>14161</v>
      </c>
      <c r="B58376" s="1" t="s">
        <v>187129</v>
      </c>
      <c r="C58376" s="1" t="s">
        <v>160</v>
      </c>
      <c r="D58376" s="1" t="s">
        <v>185401</v>
      </c>
      <c r="E58376" s="1" t="s">
        <v>196363</v>
      </c>
      <c r="F58376" s="1" t="s">
        <v>196364</v>
      </c>
      <c r="G58376" s="1" t="s">
        <v>196269</v>
      </c>
      <c r="H58376" s="1" t="s">
        <v>196270</v>
      </c>
      <c r="I58376" s="1" t="s">
        <v>187135</v>
      </c>
      <c r="J58376" s="1" t="s">
        <v>196365</v>
      </c>
    </row>
    <row r="58377" spans="1:10" x14ac:dyDescent="0.35">
      <c r="A58377" s="1" t="s">
        <v>14161</v>
      </c>
      <c r="B58377" s="1" t="s">
        <v>187129</v>
      </c>
      <c r="C58377" s="1" t="s">
        <v>165</v>
      </c>
      <c r="D58377" s="1" t="s">
        <v>196366</v>
      </c>
      <c r="E58377" s="1" t="s">
        <v>196367</v>
      </c>
      <c r="F58377" s="1" t="s">
        <v>196368</v>
      </c>
      <c r="G58377" s="1" t="s">
        <v>196269</v>
      </c>
      <c r="H58377" s="1" t="s">
        <v>196270</v>
      </c>
      <c r="I58377" s="1" t="s">
        <v>187135</v>
      </c>
      <c r="J58377" s="1" t="s">
        <v>196369</v>
      </c>
    </row>
    <row r="58378" spans="1:10" x14ac:dyDescent="0.35">
      <c r="A58378" s="1" t="s">
        <v>14161</v>
      </c>
      <c r="B58378" s="1" t="s">
        <v>187129</v>
      </c>
      <c r="C58378" s="1" t="s">
        <v>170</v>
      </c>
      <c r="D58378" s="1" t="s">
        <v>176825</v>
      </c>
      <c r="E58378" s="1" t="s">
        <v>196370</v>
      </c>
      <c r="F58378" s="1" t="s">
        <v>196371</v>
      </c>
      <c r="G58378" s="1" t="s">
        <v>196269</v>
      </c>
      <c r="H58378" s="1" t="s">
        <v>196270</v>
      </c>
      <c r="I58378" s="1" t="s">
        <v>187135</v>
      </c>
      <c r="J58378" s="1" t="s">
        <v>196372</v>
      </c>
    </row>
    <row r="58379" spans="1:10" x14ac:dyDescent="0.35">
      <c r="A58379" s="1" t="s">
        <v>30135</v>
      </c>
      <c r="B58379" s="1" t="s">
        <v>196373</v>
      </c>
      <c r="C58379" s="1" t="s">
        <v>8</v>
      </c>
      <c r="D58379" s="1" t="s">
        <v>196374</v>
      </c>
      <c r="E58379" s="1" t="s">
        <v>196375</v>
      </c>
      <c r="F58379" s="1" t="s">
        <v>11747</v>
      </c>
      <c r="G58379" s="1" t="s">
        <v>196376</v>
      </c>
      <c r="H58379" s="1" t="s">
        <v>196377</v>
      </c>
      <c r="I58379" s="1" t="s">
        <v>196378</v>
      </c>
      <c r="J58379" s="1" t="s">
        <v>13</v>
      </c>
    </row>
    <row r="58380" spans="1:10" x14ac:dyDescent="0.35">
      <c r="A58380" s="1" t="s">
        <v>30135</v>
      </c>
      <c r="B58380" s="1" t="s">
        <v>196373</v>
      </c>
      <c r="C58380" s="1" t="s">
        <v>15</v>
      </c>
      <c r="D58380" s="1" t="s">
        <v>59757</v>
      </c>
      <c r="E58380" s="1" t="s">
        <v>106547</v>
      </c>
      <c r="F58380" s="1" t="s">
        <v>196379</v>
      </c>
      <c r="G58380" s="1" t="s">
        <v>196376</v>
      </c>
      <c r="H58380" s="1" t="s">
        <v>196377</v>
      </c>
      <c r="I58380" s="1" t="s">
        <v>196378</v>
      </c>
      <c r="J58380" s="1" t="s">
        <v>196380</v>
      </c>
    </row>
    <row r="58381" spans="1:10" x14ac:dyDescent="0.35">
      <c r="A58381" s="1" t="s">
        <v>30135</v>
      </c>
      <c r="B58381" s="1" t="s">
        <v>196373</v>
      </c>
      <c r="C58381" s="1" t="s">
        <v>20</v>
      </c>
      <c r="D58381" s="1" t="s">
        <v>196381</v>
      </c>
      <c r="E58381" s="1" t="s">
        <v>107428</v>
      </c>
      <c r="F58381" s="1" t="s">
        <v>196382</v>
      </c>
      <c r="G58381" s="1" t="s">
        <v>196376</v>
      </c>
      <c r="H58381" s="1" t="s">
        <v>196377</v>
      </c>
      <c r="I58381" s="1" t="s">
        <v>196378</v>
      </c>
      <c r="J58381" s="1" t="s">
        <v>196383</v>
      </c>
    </row>
    <row r="58382" spans="1:10" x14ac:dyDescent="0.35">
      <c r="A58382" s="1" t="s">
        <v>30135</v>
      </c>
      <c r="B58382" s="1" t="s">
        <v>196373</v>
      </c>
      <c r="C58382" s="1" t="s">
        <v>25</v>
      </c>
      <c r="D58382" s="1" t="s">
        <v>196384</v>
      </c>
      <c r="E58382" s="1" t="s">
        <v>78863</v>
      </c>
      <c r="F58382" s="1" t="s">
        <v>196385</v>
      </c>
      <c r="G58382" s="1" t="s">
        <v>196376</v>
      </c>
      <c r="H58382" s="1" t="s">
        <v>196377</v>
      </c>
      <c r="I58382" s="1" t="s">
        <v>196378</v>
      </c>
      <c r="J58382" s="1" t="s">
        <v>196386</v>
      </c>
    </row>
    <row r="58383" spans="1:10" x14ac:dyDescent="0.35">
      <c r="A58383" s="1" t="s">
        <v>30135</v>
      </c>
      <c r="B58383" s="1" t="s">
        <v>196373</v>
      </c>
      <c r="C58383" s="1" t="s">
        <v>30</v>
      </c>
      <c r="D58383" s="1" t="s">
        <v>35147</v>
      </c>
      <c r="E58383" s="1" t="s">
        <v>196387</v>
      </c>
      <c r="F58383" s="1" t="s">
        <v>196388</v>
      </c>
      <c r="G58383" s="1" t="s">
        <v>196376</v>
      </c>
      <c r="H58383" s="1" t="s">
        <v>196377</v>
      </c>
      <c r="I58383" s="1" t="s">
        <v>196378</v>
      </c>
      <c r="J58383" s="1" t="s">
        <v>196389</v>
      </c>
    </row>
    <row r="58384" spans="1:10" x14ac:dyDescent="0.35">
      <c r="A58384" s="1" t="s">
        <v>30135</v>
      </c>
      <c r="B58384" s="1" t="s">
        <v>196373</v>
      </c>
      <c r="C58384" s="1" t="s">
        <v>35</v>
      </c>
      <c r="D58384" s="1" t="s">
        <v>13758</v>
      </c>
      <c r="E58384" s="1" t="s">
        <v>179532</v>
      </c>
      <c r="F58384" s="1" t="s">
        <v>196390</v>
      </c>
      <c r="G58384" s="1" t="s">
        <v>196376</v>
      </c>
      <c r="H58384" s="1" t="s">
        <v>196377</v>
      </c>
      <c r="I58384" s="1" t="s">
        <v>196378</v>
      </c>
      <c r="J58384" s="1" t="s">
        <v>196391</v>
      </c>
    </row>
    <row r="58385" spans="1:10" x14ac:dyDescent="0.35">
      <c r="A58385" s="1" t="s">
        <v>30135</v>
      </c>
      <c r="B58385" s="1" t="s">
        <v>196373</v>
      </c>
      <c r="C58385" s="1" t="s">
        <v>40</v>
      </c>
      <c r="D58385" s="1" t="s">
        <v>53053</v>
      </c>
      <c r="E58385" s="1" t="s">
        <v>196392</v>
      </c>
      <c r="F58385" s="1" t="s">
        <v>196393</v>
      </c>
      <c r="G58385" s="1" t="s">
        <v>196376</v>
      </c>
      <c r="H58385" s="1" t="s">
        <v>196377</v>
      </c>
      <c r="I58385" s="1" t="s">
        <v>196378</v>
      </c>
      <c r="J58385" s="1" t="s">
        <v>196394</v>
      </c>
    </row>
    <row r="58386" spans="1:10" x14ac:dyDescent="0.35">
      <c r="A58386" s="1" t="s">
        <v>30135</v>
      </c>
      <c r="B58386" s="1" t="s">
        <v>196373</v>
      </c>
      <c r="C58386" s="1" t="s">
        <v>45</v>
      </c>
      <c r="D58386" s="1" t="s">
        <v>52546</v>
      </c>
      <c r="E58386" s="1" t="s">
        <v>111186</v>
      </c>
      <c r="F58386" s="1" t="s">
        <v>196395</v>
      </c>
      <c r="G58386" s="1" t="s">
        <v>196376</v>
      </c>
      <c r="H58386" s="1" t="s">
        <v>196377</v>
      </c>
      <c r="I58386" s="1" t="s">
        <v>196378</v>
      </c>
      <c r="J58386" s="1" t="s">
        <v>196396</v>
      </c>
    </row>
    <row r="58387" spans="1:10" x14ac:dyDescent="0.35">
      <c r="A58387" s="1" t="s">
        <v>30135</v>
      </c>
      <c r="B58387" s="1" t="s">
        <v>196373</v>
      </c>
      <c r="C58387" s="1" t="s">
        <v>50</v>
      </c>
      <c r="D58387" s="1" t="s">
        <v>196397</v>
      </c>
      <c r="E58387" s="1" t="s">
        <v>145918</v>
      </c>
      <c r="F58387" s="1" t="s">
        <v>196398</v>
      </c>
      <c r="G58387" s="1" t="s">
        <v>196376</v>
      </c>
      <c r="H58387" s="1" t="s">
        <v>196377</v>
      </c>
      <c r="I58387" s="1" t="s">
        <v>196378</v>
      </c>
      <c r="J58387" s="1" t="s">
        <v>196399</v>
      </c>
    </row>
    <row r="58388" spans="1:10" x14ac:dyDescent="0.35">
      <c r="A58388" s="1" t="s">
        <v>30135</v>
      </c>
      <c r="B58388" s="1" t="s">
        <v>196373</v>
      </c>
      <c r="C58388" s="1" t="s">
        <v>55</v>
      </c>
      <c r="D58388" s="1" t="s">
        <v>54723</v>
      </c>
      <c r="E58388" s="1" t="s">
        <v>130201</v>
      </c>
      <c r="F58388" s="1" t="s">
        <v>110502</v>
      </c>
      <c r="G58388" s="1" t="s">
        <v>196376</v>
      </c>
      <c r="H58388" s="1" t="s">
        <v>196377</v>
      </c>
      <c r="I58388" s="1" t="s">
        <v>196378</v>
      </c>
      <c r="J58388" s="1" t="s">
        <v>196400</v>
      </c>
    </row>
    <row r="58389" spans="1:10" x14ac:dyDescent="0.35">
      <c r="A58389" s="1" t="s">
        <v>30135</v>
      </c>
      <c r="B58389" s="1" t="s">
        <v>196373</v>
      </c>
      <c r="C58389" s="1" t="s">
        <v>60</v>
      </c>
      <c r="D58389" s="1" t="s">
        <v>56275</v>
      </c>
      <c r="E58389" s="1" t="s">
        <v>145064</v>
      </c>
      <c r="F58389" s="1" t="s">
        <v>12795</v>
      </c>
      <c r="G58389" s="1" t="s">
        <v>196376</v>
      </c>
      <c r="H58389" s="1" t="s">
        <v>196377</v>
      </c>
      <c r="I58389" s="1" t="s">
        <v>196378</v>
      </c>
      <c r="J58389" s="1" t="s">
        <v>196401</v>
      </c>
    </row>
    <row r="58390" spans="1:10" x14ac:dyDescent="0.35">
      <c r="A58390" s="1" t="s">
        <v>30135</v>
      </c>
      <c r="B58390" s="1" t="s">
        <v>196373</v>
      </c>
      <c r="C58390" s="1" t="s">
        <v>65</v>
      </c>
      <c r="D58390" s="1" t="s">
        <v>57848</v>
      </c>
      <c r="E58390" s="1" t="s">
        <v>196402</v>
      </c>
      <c r="F58390" s="1" t="s">
        <v>196403</v>
      </c>
      <c r="G58390" s="1" t="s">
        <v>196376</v>
      </c>
      <c r="H58390" s="1" t="s">
        <v>196377</v>
      </c>
      <c r="I58390" s="1" t="s">
        <v>196378</v>
      </c>
      <c r="J58390" s="1" t="s">
        <v>196404</v>
      </c>
    </row>
    <row r="58391" spans="1:10" x14ac:dyDescent="0.35">
      <c r="A58391" s="1" t="s">
        <v>30135</v>
      </c>
      <c r="B58391" s="1" t="s">
        <v>196373</v>
      </c>
      <c r="C58391" s="1" t="s">
        <v>70</v>
      </c>
      <c r="D58391" s="1" t="s">
        <v>196405</v>
      </c>
      <c r="E58391" s="1" t="s">
        <v>130029</v>
      </c>
      <c r="F58391" s="1" t="s">
        <v>106224</v>
      </c>
      <c r="G58391" s="1" t="s">
        <v>196376</v>
      </c>
      <c r="H58391" s="1" t="s">
        <v>196377</v>
      </c>
      <c r="I58391" s="1" t="s">
        <v>196378</v>
      </c>
      <c r="J58391" s="1" t="s">
        <v>196406</v>
      </c>
    </row>
    <row r="58392" spans="1:10" x14ac:dyDescent="0.35">
      <c r="A58392" s="1" t="s">
        <v>30135</v>
      </c>
      <c r="B58392" s="1" t="s">
        <v>196373</v>
      </c>
      <c r="C58392" s="1" t="s">
        <v>75</v>
      </c>
      <c r="D58392" s="1" t="s">
        <v>59850</v>
      </c>
      <c r="E58392" s="1" t="s">
        <v>196407</v>
      </c>
      <c r="F58392" s="1" t="s">
        <v>196408</v>
      </c>
      <c r="G58392" s="1" t="s">
        <v>196376</v>
      </c>
      <c r="H58392" s="1" t="s">
        <v>196377</v>
      </c>
      <c r="I58392" s="1" t="s">
        <v>196378</v>
      </c>
      <c r="J58392" s="1" t="s">
        <v>196409</v>
      </c>
    </row>
    <row r="58393" spans="1:10" x14ac:dyDescent="0.35">
      <c r="A58393" s="1" t="s">
        <v>30135</v>
      </c>
      <c r="B58393" s="1" t="s">
        <v>196373</v>
      </c>
      <c r="C58393" s="1" t="s">
        <v>80</v>
      </c>
      <c r="D58393" s="1" t="s">
        <v>60763</v>
      </c>
      <c r="E58393" s="1" t="s">
        <v>108936</v>
      </c>
      <c r="F58393" s="1" t="s">
        <v>60910</v>
      </c>
      <c r="G58393" s="1" t="s">
        <v>196376</v>
      </c>
      <c r="H58393" s="1" t="s">
        <v>196377</v>
      </c>
      <c r="I58393" s="1" t="s">
        <v>196378</v>
      </c>
      <c r="J58393" s="1" t="s">
        <v>196410</v>
      </c>
    </row>
    <row r="58394" spans="1:10" x14ac:dyDescent="0.35">
      <c r="A58394" s="1" t="s">
        <v>30135</v>
      </c>
      <c r="B58394" s="1" t="s">
        <v>196373</v>
      </c>
      <c r="C58394" s="1" t="s">
        <v>85</v>
      </c>
      <c r="D58394" s="1" t="s">
        <v>25324</v>
      </c>
      <c r="E58394" s="1" t="s">
        <v>111245</v>
      </c>
      <c r="F58394" s="1" t="s">
        <v>77723</v>
      </c>
      <c r="G58394" s="1" t="s">
        <v>196376</v>
      </c>
      <c r="H58394" s="1" t="s">
        <v>196377</v>
      </c>
      <c r="I58394" s="1" t="s">
        <v>196378</v>
      </c>
      <c r="J58394" s="1" t="s">
        <v>196411</v>
      </c>
    </row>
    <row r="58395" spans="1:10" x14ac:dyDescent="0.35">
      <c r="A58395" s="1" t="s">
        <v>30135</v>
      </c>
      <c r="B58395" s="1" t="s">
        <v>196373</v>
      </c>
      <c r="C58395" s="1" t="s">
        <v>90</v>
      </c>
      <c r="D58395" s="1" t="s">
        <v>196412</v>
      </c>
      <c r="E58395" s="1" t="s">
        <v>133306</v>
      </c>
      <c r="F58395" s="1" t="s">
        <v>196413</v>
      </c>
      <c r="G58395" s="1" t="s">
        <v>196376</v>
      </c>
      <c r="H58395" s="1" t="s">
        <v>196377</v>
      </c>
      <c r="I58395" s="1" t="s">
        <v>196378</v>
      </c>
      <c r="J58395" s="1" t="s">
        <v>196414</v>
      </c>
    </row>
    <row r="58396" spans="1:10" x14ac:dyDescent="0.35">
      <c r="A58396" s="1" t="s">
        <v>30135</v>
      </c>
      <c r="B58396" s="1" t="s">
        <v>196373</v>
      </c>
      <c r="C58396" s="1" t="s">
        <v>95</v>
      </c>
      <c r="D58396" s="1" t="s">
        <v>65528</v>
      </c>
      <c r="E58396" s="1" t="s">
        <v>111235</v>
      </c>
      <c r="F58396" s="1" t="s">
        <v>196415</v>
      </c>
      <c r="G58396" s="1" t="s">
        <v>196376</v>
      </c>
      <c r="H58396" s="1" t="s">
        <v>196377</v>
      </c>
      <c r="I58396" s="1" t="s">
        <v>196378</v>
      </c>
      <c r="J58396" s="1" t="s">
        <v>196416</v>
      </c>
    </row>
    <row r="58397" spans="1:10" x14ac:dyDescent="0.35">
      <c r="A58397" s="1" t="s">
        <v>30135</v>
      </c>
      <c r="B58397" s="1" t="s">
        <v>196373</v>
      </c>
      <c r="C58397" s="1" t="s">
        <v>100</v>
      </c>
      <c r="D58397" s="1" t="s">
        <v>6998</v>
      </c>
      <c r="E58397" s="1" t="s">
        <v>126643</v>
      </c>
      <c r="F58397" s="1" t="s">
        <v>196417</v>
      </c>
      <c r="G58397" s="1" t="s">
        <v>196376</v>
      </c>
      <c r="H58397" s="1" t="s">
        <v>196377</v>
      </c>
      <c r="I58397" s="1" t="s">
        <v>196378</v>
      </c>
      <c r="J58397" s="1" t="s">
        <v>196418</v>
      </c>
    </row>
    <row r="58398" spans="1:10" x14ac:dyDescent="0.35">
      <c r="A58398" s="1" t="s">
        <v>30135</v>
      </c>
      <c r="B58398" s="1" t="s">
        <v>196373</v>
      </c>
      <c r="C58398" s="1" t="s">
        <v>105</v>
      </c>
      <c r="D58398" s="1" t="s">
        <v>196419</v>
      </c>
      <c r="E58398" s="1" t="s">
        <v>196420</v>
      </c>
      <c r="F58398" s="1" t="s">
        <v>99917</v>
      </c>
      <c r="G58398" s="1" t="s">
        <v>196376</v>
      </c>
      <c r="H58398" s="1" t="s">
        <v>196377</v>
      </c>
      <c r="I58398" s="1" t="s">
        <v>196378</v>
      </c>
      <c r="J58398" s="1" t="s">
        <v>196421</v>
      </c>
    </row>
    <row r="58399" spans="1:10" x14ac:dyDescent="0.35">
      <c r="A58399" s="1" t="s">
        <v>30135</v>
      </c>
      <c r="B58399" s="1" t="s">
        <v>196373</v>
      </c>
      <c r="C58399" s="1" t="s">
        <v>110</v>
      </c>
      <c r="D58399" s="1" t="s">
        <v>9808</v>
      </c>
      <c r="E58399" s="1" t="s">
        <v>196422</v>
      </c>
      <c r="F58399" s="1" t="s">
        <v>196423</v>
      </c>
      <c r="G58399" s="1" t="s">
        <v>196376</v>
      </c>
      <c r="H58399" s="1" t="s">
        <v>196377</v>
      </c>
      <c r="I58399" s="1" t="s">
        <v>196378</v>
      </c>
      <c r="J58399" s="1" t="s">
        <v>196424</v>
      </c>
    </row>
    <row r="58400" spans="1:10" x14ac:dyDescent="0.35">
      <c r="A58400" s="1" t="s">
        <v>30135</v>
      </c>
      <c r="B58400" s="1" t="s">
        <v>196373</v>
      </c>
      <c r="C58400" s="1" t="s">
        <v>115</v>
      </c>
      <c r="D58400" s="1" t="s">
        <v>7256</v>
      </c>
      <c r="E58400" s="1" t="s">
        <v>111213</v>
      </c>
      <c r="F58400" s="1" t="s">
        <v>196425</v>
      </c>
      <c r="G58400" s="1" t="s">
        <v>196376</v>
      </c>
      <c r="H58400" s="1" t="s">
        <v>196377</v>
      </c>
      <c r="I58400" s="1" t="s">
        <v>196378</v>
      </c>
      <c r="J58400" s="1" t="s">
        <v>196426</v>
      </c>
    </row>
    <row r="58401" spans="1:10" x14ac:dyDescent="0.35">
      <c r="A58401" s="1" t="s">
        <v>30135</v>
      </c>
      <c r="B58401" s="1" t="s">
        <v>196373</v>
      </c>
      <c r="C58401" s="1" t="s">
        <v>120</v>
      </c>
      <c r="D58401" s="1" t="s">
        <v>1817</v>
      </c>
      <c r="E58401" s="1" t="s">
        <v>108912</v>
      </c>
      <c r="F58401" s="1" t="s">
        <v>196427</v>
      </c>
      <c r="G58401" s="1" t="s">
        <v>196376</v>
      </c>
      <c r="H58401" s="1" t="s">
        <v>196377</v>
      </c>
      <c r="I58401" s="1" t="s">
        <v>196378</v>
      </c>
      <c r="J58401" s="1" t="s">
        <v>196428</v>
      </c>
    </row>
    <row r="58402" spans="1:10" x14ac:dyDescent="0.35">
      <c r="A58402" s="1" t="s">
        <v>30135</v>
      </c>
      <c r="B58402" s="1" t="s">
        <v>196373</v>
      </c>
      <c r="C58402" s="1" t="s">
        <v>125</v>
      </c>
      <c r="D58402" s="1" t="s">
        <v>83398</v>
      </c>
      <c r="E58402" s="1" t="s">
        <v>109502</v>
      </c>
      <c r="F58402" s="1" t="s">
        <v>196429</v>
      </c>
      <c r="G58402" s="1" t="s">
        <v>196376</v>
      </c>
      <c r="H58402" s="1" t="s">
        <v>196377</v>
      </c>
      <c r="I58402" s="1" t="s">
        <v>196378</v>
      </c>
      <c r="J58402" s="1" t="s">
        <v>34480</v>
      </c>
    </row>
    <row r="58403" spans="1:10" x14ac:dyDescent="0.35">
      <c r="A58403" s="1" t="s">
        <v>30135</v>
      </c>
      <c r="B58403" s="1" t="s">
        <v>196373</v>
      </c>
      <c r="C58403" s="1" t="s">
        <v>130</v>
      </c>
      <c r="D58403" s="1" t="s">
        <v>87473</v>
      </c>
      <c r="E58403" s="1" t="s">
        <v>130194</v>
      </c>
      <c r="F58403" s="1" t="s">
        <v>196430</v>
      </c>
      <c r="G58403" s="1" t="s">
        <v>196376</v>
      </c>
      <c r="H58403" s="1" t="s">
        <v>196377</v>
      </c>
      <c r="I58403" s="1" t="s">
        <v>196378</v>
      </c>
      <c r="J58403" s="1" t="s">
        <v>196431</v>
      </c>
    </row>
    <row r="58404" spans="1:10" x14ac:dyDescent="0.35">
      <c r="A58404" s="1" t="s">
        <v>30135</v>
      </c>
      <c r="B58404" s="1" t="s">
        <v>196373</v>
      </c>
      <c r="C58404" s="1" t="s">
        <v>135</v>
      </c>
      <c r="D58404" s="1" t="s">
        <v>1900</v>
      </c>
      <c r="E58404" s="1" t="s">
        <v>107319</v>
      </c>
      <c r="F58404" s="1" t="s">
        <v>196432</v>
      </c>
      <c r="G58404" s="1" t="s">
        <v>196376</v>
      </c>
      <c r="H58404" s="1" t="s">
        <v>196377</v>
      </c>
      <c r="I58404" s="1" t="s">
        <v>196378</v>
      </c>
      <c r="J58404" s="1" t="s">
        <v>196433</v>
      </c>
    </row>
    <row r="58405" spans="1:10" x14ac:dyDescent="0.35">
      <c r="A58405" s="1" t="s">
        <v>30135</v>
      </c>
      <c r="B58405" s="1" t="s">
        <v>196373</v>
      </c>
      <c r="C58405" s="1" t="s">
        <v>140</v>
      </c>
      <c r="D58405" s="1" t="s">
        <v>44650</v>
      </c>
      <c r="E58405" s="1" t="s">
        <v>131743</v>
      </c>
      <c r="F58405" s="1" t="s">
        <v>196434</v>
      </c>
      <c r="G58405" s="1" t="s">
        <v>196376</v>
      </c>
      <c r="H58405" s="1" t="s">
        <v>196377</v>
      </c>
      <c r="I58405" s="1" t="s">
        <v>196378</v>
      </c>
      <c r="J58405" s="1" t="s">
        <v>196435</v>
      </c>
    </row>
    <row r="58406" spans="1:10" x14ac:dyDescent="0.35">
      <c r="A58406" s="1" t="s">
        <v>30135</v>
      </c>
      <c r="B58406" s="1" t="s">
        <v>196373</v>
      </c>
      <c r="C58406" s="1" t="s">
        <v>145</v>
      </c>
      <c r="D58406" s="1" t="s">
        <v>7335</v>
      </c>
      <c r="E58406" s="1" t="s">
        <v>145980</v>
      </c>
      <c r="F58406" s="1" t="s">
        <v>127155</v>
      </c>
      <c r="G58406" s="1" t="s">
        <v>196376</v>
      </c>
      <c r="H58406" s="1" t="s">
        <v>196377</v>
      </c>
      <c r="I58406" s="1" t="s">
        <v>196378</v>
      </c>
      <c r="J58406" s="1" t="s">
        <v>196436</v>
      </c>
    </row>
    <row r="58407" spans="1:10" x14ac:dyDescent="0.35">
      <c r="A58407" s="1" t="s">
        <v>30135</v>
      </c>
      <c r="B58407" s="1" t="s">
        <v>196373</v>
      </c>
      <c r="C58407" s="1" t="s">
        <v>150</v>
      </c>
      <c r="D58407" s="1" t="s">
        <v>12040</v>
      </c>
      <c r="E58407" s="1" t="s">
        <v>107293</v>
      </c>
      <c r="F58407" s="1" t="s">
        <v>196437</v>
      </c>
      <c r="G58407" s="1" t="s">
        <v>196376</v>
      </c>
      <c r="H58407" s="1" t="s">
        <v>196377</v>
      </c>
      <c r="I58407" s="1" t="s">
        <v>196378</v>
      </c>
      <c r="J58407" s="1" t="s">
        <v>196438</v>
      </c>
    </row>
    <row r="58408" spans="1:10" x14ac:dyDescent="0.35">
      <c r="A58408" s="1" t="s">
        <v>30135</v>
      </c>
      <c r="B58408" s="1" t="s">
        <v>196373</v>
      </c>
      <c r="C58408" s="1" t="s">
        <v>155</v>
      </c>
      <c r="D58408" s="1" t="s">
        <v>27947</v>
      </c>
      <c r="E58408" s="1" t="s">
        <v>179532</v>
      </c>
      <c r="F58408" s="1" t="s">
        <v>196439</v>
      </c>
      <c r="G58408" s="1" t="s">
        <v>196376</v>
      </c>
      <c r="H58408" s="1" t="s">
        <v>196377</v>
      </c>
      <c r="I58408" s="1" t="s">
        <v>196378</v>
      </c>
      <c r="J58408" s="1" t="s">
        <v>196440</v>
      </c>
    </row>
    <row r="58409" spans="1:10" x14ac:dyDescent="0.35">
      <c r="A58409" s="1" t="s">
        <v>30135</v>
      </c>
      <c r="B58409" s="1" t="s">
        <v>196373</v>
      </c>
      <c r="C58409" s="1" t="s">
        <v>160</v>
      </c>
      <c r="D58409" s="1" t="s">
        <v>12040</v>
      </c>
      <c r="E58409" s="1" t="s">
        <v>78874</v>
      </c>
      <c r="F58409" s="1" t="s">
        <v>196441</v>
      </c>
      <c r="G58409" s="1" t="s">
        <v>196376</v>
      </c>
      <c r="H58409" s="1" t="s">
        <v>196377</v>
      </c>
      <c r="I58409" s="1" t="s">
        <v>196378</v>
      </c>
      <c r="J58409" s="1" t="s">
        <v>196442</v>
      </c>
    </row>
    <row r="58410" spans="1:10" x14ac:dyDescent="0.35">
      <c r="A58410" s="1" t="s">
        <v>30135</v>
      </c>
      <c r="B58410" s="1" t="s">
        <v>196373</v>
      </c>
      <c r="C58410" s="1" t="s">
        <v>165</v>
      </c>
      <c r="D58410" s="1" t="s">
        <v>46685</v>
      </c>
      <c r="E58410" s="1" t="s">
        <v>109478</v>
      </c>
      <c r="F58410" s="1" t="s">
        <v>41651</v>
      </c>
      <c r="G58410" s="1" t="s">
        <v>196376</v>
      </c>
      <c r="H58410" s="1" t="s">
        <v>196377</v>
      </c>
      <c r="I58410" s="1" t="s">
        <v>196378</v>
      </c>
      <c r="J58410" s="1" t="s">
        <v>159380</v>
      </c>
    </row>
    <row r="58411" spans="1:10" x14ac:dyDescent="0.35">
      <c r="A58411" s="1" t="s">
        <v>30135</v>
      </c>
      <c r="B58411" s="1" t="s">
        <v>196373</v>
      </c>
      <c r="C58411" s="1" t="s">
        <v>170</v>
      </c>
      <c r="D58411" s="1" t="s">
        <v>110384</v>
      </c>
      <c r="E58411" s="1" t="s">
        <v>127836</v>
      </c>
      <c r="F58411" s="1" t="s">
        <v>196443</v>
      </c>
      <c r="G58411" s="1" t="s">
        <v>196376</v>
      </c>
      <c r="H58411" s="1" t="s">
        <v>196377</v>
      </c>
      <c r="I58411" s="1" t="s">
        <v>196378</v>
      </c>
      <c r="J58411" s="1" t="s">
        <v>196444</v>
      </c>
    </row>
    <row r="58412" spans="1:10" x14ac:dyDescent="0.35">
      <c r="A58412" s="1" t="s">
        <v>27596</v>
      </c>
      <c r="B58412" s="1" t="s">
        <v>196373</v>
      </c>
      <c r="C58412" s="1" t="s">
        <v>8</v>
      </c>
      <c r="D58412" s="1" t="s">
        <v>196445</v>
      </c>
      <c r="E58412" s="1" t="s">
        <v>196446</v>
      </c>
      <c r="F58412" s="1" t="s">
        <v>196447</v>
      </c>
      <c r="G58412" s="1" t="s">
        <v>196448</v>
      </c>
      <c r="H58412" s="1" t="s">
        <v>196449</v>
      </c>
      <c r="I58412" s="1" t="s">
        <v>196378</v>
      </c>
      <c r="J58412" s="1" t="s">
        <v>13</v>
      </c>
    </row>
    <row r="58413" spans="1:10" x14ac:dyDescent="0.35">
      <c r="A58413" s="1" t="s">
        <v>27596</v>
      </c>
      <c r="B58413" s="1" t="s">
        <v>196373</v>
      </c>
      <c r="C58413" s="1" t="s">
        <v>15</v>
      </c>
      <c r="D58413" s="1" t="s">
        <v>65708</v>
      </c>
      <c r="E58413" s="1" t="s">
        <v>196450</v>
      </c>
      <c r="F58413" s="1" t="s">
        <v>196451</v>
      </c>
      <c r="G58413" s="1" t="s">
        <v>196448</v>
      </c>
      <c r="H58413" s="1" t="s">
        <v>196449</v>
      </c>
      <c r="I58413" s="1" t="s">
        <v>196378</v>
      </c>
      <c r="J58413" s="1" t="s">
        <v>196452</v>
      </c>
    </row>
    <row r="58414" spans="1:10" x14ac:dyDescent="0.35">
      <c r="A58414" s="1" t="s">
        <v>27596</v>
      </c>
      <c r="B58414" s="1" t="s">
        <v>196373</v>
      </c>
      <c r="C58414" s="1" t="s">
        <v>20</v>
      </c>
      <c r="D58414" s="1" t="s">
        <v>66159</v>
      </c>
      <c r="E58414" s="1" t="s">
        <v>196453</v>
      </c>
      <c r="F58414" s="1" t="s">
        <v>196454</v>
      </c>
      <c r="G58414" s="1" t="s">
        <v>196448</v>
      </c>
      <c r="H58414" s="1" t="s">
        <v>196449</v>
      </c>
      <c r="I58414" s="1" t="s">
        <v>196378</v>
      </c>
      <c r="J58414" s="1" t="s">
        <v>196455</v>
      </c>
    </row>
    <row r="58415" spans="1:10" x14ac:dyDescent="0.35">
      <c r="A58415" s="1" t="s">
        <v>27596</v>
      </c>
      <c r="B58415" s="1" t="s">
        <v>196373</v>
      </c>
      <c r="C58415" s="1" t="s">
        <v>25</v>
      </c>
      <c r="D58415" s="1" t="s">
        <v>158799</v>
      </c>
      <c r="E58415" s="1" t="s">
        <v>196456</v>
      </c>
      <c r="F58415" s="1" t="s">
        <v>196457</v>
      </c>
      <c r="G58415" s="1" t="s">
        <v>196448</v>
      </c>
      <c r="H58415" s="1" t="s">
        <v>196449</v>
      </c>
      <c r="I58415" s="1" t="s">
        <v>196378</v>
      </c>
      <c r="J58415" s="1" t="s">
        <v>196458</v>
      </c>
    </row>
    <row r="58416" spans="1:10" x14ac:dyDescent="0.35">
      <c r="A58416" s="1" t="s">
        <v>27596</v>
      </c>
      <c r="B58416" s="1" t="s">
        <v>196373</v>
      </c>
      <c r="C58416" s="1" t="s">
        <v>30</v>
      </c>
      <c r="D58416" s="1" t="s">
        <v>42998</v>
      </c>
      <c r="E58416" s="1" t="s">
        <v>196459</v>
      </c>
      <c r="F58416" s="1" t="s">
        <v>196460</v>
      </c>
      <c r="G58416" s="1" t="s">
        <v>196448</v>
      </c>
      <c r="H58416" s="1" t="s">
        <v>196449</v>
      </c>
      <c r="I58416" s="1" t="s">
        <v>196378</v>
      </c>
      <c r="J58416" s="1" t="s">
        <v>196461</v>
      </c>
    </row>
    <row r="58417" spans="1:10" x14ac:dyDescent="0.35">
      <c r="A58417" s="1" t="s">
        <v>27596</v>
      </c>
      <c r="B58417" s="1" t="s">
        <v>196373</v>
      </c>
      <c r="C58417" s="1" t="s">
        <v>35</v>
      </c>
      <c r="D58417" s="1" t="s">
        <v>159311</v>
      </c>
      <c r="E58417" s="1" t="s">
        <v>196462</v>
      </c>
      <c r="F58417" s="1" t="s">
        <v>196463</v>
      </c>
      <c r="G58417" s="1" t="s">
        <v>196448</v>
      </c>
      <c r="H58417" s="1" t="s">
        <v>196449</v>
      </c>
      <c r="I58417" s="1" t="s">
        <v>196378</v>
      </c>
      <c r="J58417" s="1" t="s">
        <v>196464</v>
      </c>
    </row>
    <row r="58418" spans="1:10" x14ac:dyDescent="0.35">
      <c r="A58418" s="1" t="s">
        <v>27596</v>
      </c>
      <c r="B58418" s="1" t="s">
        <v>196373</v>
      </c>
      <c r="C58418" s="1" t="s">
        <v>40</v>
      </c>
      <c r="D58418" s="1" t="s">
        <v>51539</v>
      </c>
      <c r="E58418" s="1" t="s">
        <v>196465</v>
      </c>
      <c r="F58418" s="1" t="s">
        <v>196466</v>
      </c>
      <c r="G58418" s="1" t="s">
        <v>196448</v>
      </c>
      <c r="H58418" s="1" t="s">
        <v>196449</v>
      </c>
      <c r="I58418" s="1" t="s">
        <v>196378</v>
      </c>
      <c r="J58418" s="1" t="s">
        <v>196467</v>
      </c>
    </row>
    <row r="58419" spans="1:10" x14ac:dyDescent="0.35">
      <c r="A58419" s="1" t="s">
        <v>27596</v>
      </c>
      <c r="B58419" s="1" t="s">
        <v>196373</v>
      </c>
      <c r="C58419" s="1" t="s">
        <v>45</v>
      </c>
      <c r="D58419" s="1" t="s">
        <v>58150</v>
      </c>
      <c r="E58419" s="1" t="s">
        <v>196468</v>
      </c>
      <c r="F58419" s="1" t="s">
        <v>196469</v>
      </c>
      <c r="G58419" s="1" t="s">
        <v>196448</v>
      </c>
      <c r="H58419" s="1" t="s">
        <v>196449</v>
      </c>
      <c r="I58419" s="1" t="s">
        <v>196378</v>
      </c>
      <c r="J58419" s="1" t="s">
        <v>4344</v>
      </c>
    </row>
    <row r="58420" spans="1:10" x14ac:dyDescent="0.35">
      <c r="A58420" s="1" t="s">
        <v>27596</v>
      </c>
      <c r="B58420" s="1" t="s">
        <v>196373</v>
      </c>
      <c r="C58420" s="1" t="s">
        <v>50</v>
      </c>
      <c r="D58420" s="1" t="s">
        <v>51837</v>
      </c>
      <c r="E58420" s="1" t="s">
        <v>196470</v>
      </c>
      <c r="F58420" s="1" t="s">
        <v>196471</v>
      </c>
      <c r="G58420" s="1" t="s">
        <v>196448</v>
      </c>
      <c r="H58420" s="1" t="s">
        <v>196449</v>
      </c>
      <c r="I58420" s="1" t="s">
        <v>196378</v>
      </c>
      <c r="J58420" s="1" t="s">
        <v>196472</v>
      </c>
    </row>
    <row r="58421" spans="1:10" x14ac:dyDescent="0.35">
      <c r="A58421" s="1" t="s">
        <v>27596</v>
      </c>
      <c r="B58421" s="1" t="s">
        <v>196373</v>
      </c>
      <c r="C58421" s="1" t="s">
        <v>55</v>
      </c>
      <c r="D58421" s="1" t="s">
        <v>119334</v>
      </c>
      <c r="E58421" s="1" t="s">
        <v>196473</v>
      </c>
      <c r="F58421" s="1" t="s">
        <v>196474</v>
      </c>
      <c r="G58421" s="1" t="s">
        <v>196448</v>
      </c>
      <c r="H58421" s="1" t="s">
        <v>196449</v>
      </c>
      <c r="I58421" s="1" t="s">
        <v>196378</v>
      </c>
      <c r="J58421" s="1" t="s">
        <v>196475</v>
      </c>
    </row>
    <row r="58422" spans="1:10" x14ac:dyDescent="0.35">
      <c r="A58422" s="1" t="s">
        <v>27596</v>
      </c>
      <c r="B58422" s="1" t="s">
        <v>196373</v>
      </c>
      <c r="C58422" s="1" t="s">
        <v>60</v>
      </c>
      <c r="D58422" s="1" t="s">
        <v>61582</v>
      </c>
      <c r="E58422" s="1" t="s">
        <v>196476</v>
      </c>
      <c r="F58422" s="1" t="s">
        <v>196477</v>
      </c>
      <c r="G58422" s="1" t="s">
        <v>196448</v>
      </c>
      <c r="H58422" s="1" t="s">
        <v>196449</v>
      </c>
      <c r="I58422" s="1" t="s">
        <v>196378</v>
      </c>
      <c r="J58422" s="1" t="s">
        <v>196478</v>
      </c>
    </row>
    <row r="58423" spans="1:10" x14ac:dyDescent="0.35">
      <c r="A58423" s="1" t="s">
        <v>27596</v>
      </c>
      <c r="B58423" s="1" t="s">
        <v>196373</v>
      </c>
      <c r="C58423" s="1" t="s">
        <v>65</v>
      </c>
      <c r="D58423" s="1" t="s">
        <v>62972</v>
      </c>
      <c r="E58423" s="1" t="s">
        <v>196479</v>
      </c>
      <c r="F58423" s="1" t="s">
        <v>196480</v>
      </c>
      <c r="G58423" s="1" t="s">
        <v>196448</v>
      </c>
      <c r="H58423" s="1" t="s">
        <v>196449</v>
      </c>
      <c r="I58423" s="1" t="s">
        <v>196378</v>
      </c>
      <c r="J58423" s="1" t="s">
        <v>196481</v>
      </c>
    </row>
    <row r="58424" spans="1:10" x14ac:dyDescent="0.35">
      <c r="A58424" s="1" t="s">
        <v>27596</v>
      </c>
      <c r="B58424" s="1" t="s">
        <v>196373</v>
      </c>
      <c r="C58424" s="1" t="s">
        <v>70</v>
      </c>
      <c r="D58424" s="1" t="s">
        <v>158522</v>
      </c>
      <c r="E58424" s="1" t="s">
        <v>196482</v>
      </c>
      <c r="F58424" s="1" t="s">
        <v>196483</v>
      </c>
      <c r="G58424" s="1" t="s">
        <v>196448</v>
      </c>
      <c r="H58424" s="1" t="s">
        <v>196449</v>
      </c>
      <c r="I58424" s="1" t="s">
        <v>196378</v>
      </c>
      <c r="J58424" s="1" t="s">
        <v>196484</v>
      </c>
    </row>
    <row r="58425" spans="1:10" x14ac:dyDescent="0.35">
      <c r="A58425" s="1" t="s">
        <v>27596</v>
      </c>
      <c r="B58425" s="1" t="s">
        <v>196373</v>
      </c>
      <c r="C58425" s="1" t="s">
        <v>75</v>
      </c>
      <c r="D58425" s="1" t="s">
        <v>65708</v>
      </c>
      <c r="E58425" s="1" t="s">
        <v>196485</v>
      </c>
      <c r="F58425" s="1" t="s">
        <v>196486</v>
      </c>
      <c r="G58425" s="1" t="s">
        <v>196448</v>
      </c>
      <c r="H58425" s="1" t="s">
        <v>196449</v>
      </c>
      <c r="I58425" s="1" t="s">
        <v>196378</v>
      </c>
      <c r="J58425" s="1" t="s">
        <v>196487</v>
      </c>
    </row>
    <row r="58426" spans="1:10" x14ac:dyDescent="0.35">
      <c r="A58426" s="1" t="s">
        <v>27596</v>
      </c>
      <c r="B58426" s="1" t="s">
        <v>196373</v>
      </c>
      <c r="C58426" s="1" t="s">
        <v>80</v>
      </c>
      <c r="D58426" s="1" t="s">
        <v>196488</v>
      </c>
      <c r="E58426" s="1" t="s">
        <v>196489</v>
      </c>
      <c r="F58426" s="1" t="s">
        <v>196490</v>
      </c>
      <c r="G58426" s="1" t="s">
        <v>196448</v>
      </c>
      <c r="H58426" s="1" t="s">
        <v>196449</v>
      </c>
      <c r="I58426" s="1" t="s">
        <v>196378</v>
      </c>
      <c r="J58426" s="1" t="s">
        <v>196491</v>
      </c>
    </row>
    <row r="58427" spans="1:10" x14ac:dyDescent="0.35">
      <c r="A58427" s="1" t="s">
        <v>27596</v>
      </c>
      <c r="B58427" s="1" t="s">
        <v>196373</v>
      </c>
      <c r="C58427" s="1" t="s">
        <v>85</v>
      </c>
      <c r="D58427" s="1" t="s">
        <v>1272</v>
      </c>
      <c r="E58427" s="1" t="s">
        <v>196492</v>
      </c>
      <c r="F58427" s="1" t="s">
        <v>196493</v>
      </c>
      <c r="G58427" s="1" t="s">
        <v>196448</v>
      </c>
      <c r="H58427" s="1" t="s">
        <v>196449</v>
      </c>
      <c r="I58427" s="1" t="s">
        <v>196378</v>
      </c>
      <c r="J58427" s="1" t="s">
        <v>196494</v>
      </c>
    </row>
    <row r="58428" spans="1:10" x14ac:dyDescent="0.35">
      <c r="A58428" s="1" t="s">
        <v>27596</v>
      </c>
      <c r="B58428" s="1" t="s">
        <v>196373</v>
      </c>
      <c r="C58428" s="1" t="s">
        <v>90</v>
      </c>
      <c r="D58428" s="1" t="s">
        <v>72303</v>
      </c>
      <c r="E58428" s="1" t="s">
        <v>196495</v>
      </c>
      <c r="F58428" s="1" t="s">
        <v>196496</v>
      </c>
      <c r="G58428" s="1" t="s">
        <v>196448</v>
      </c>
      <c r="H58428" s="1" t="s">
        <v>196449</v>
      </c>
      <c r="I58428" s="1" t="s">
        <v>196378</v>
      </c>
      <c r="J58428" s="1" t="s">
        <v>196497</v>
      </c>
    </row>
    <row r="58429" spans="1:10" x14ac:dyDescent="0.35">
      <c r="A58429" s="1" t="s">
        <v>27596</v>
      </c>
      <c r="B58429" s="1" t="s">
        <v>196373</v>
      </c>
      <c r="C58429" s="1" t="s">
        <v>95</v>
      </c>
      <c r="D58429" s="1" t="s">
        <v>7279</v>
      </c>
      <c r="E58429" s="1" t="s">
        <v>196498</v>
      </c>
      <c r="F58429" s="1" t="s">
        <v>196499</v>
      </c>
      <c r="G58429" s="1" t="s">
        <v>196448</v>
      </c>
      <c r="H58429" s="1" t="s">
        <v>196449</v>
      </c>
      <c r="I58429" s="1" t="s">
        <v>196378</v>
      </c>
      <c r="J58429" s="1" t="s">
        <v>196500</v>
      </c>
    </row>
    <row r="58430" spans="1:10" x14ac:dyDescent="0.35">
      <c r="A58430" s="1" t="s">
        <v>27596</v>
      </c>
      <c r="B58430" s="1" t="s">
        <v>196373</v>
      </c>
      <c r="C58430" s="1" t="s">
        <v>100</v>
      </c>
      <c r="D58430" s="1" t="s">
        <v>84966</v>
      </c>
      <c r="E58430" s="1" t="s">
        <v>196501</v>
      </c>
      <c r="F58430" s="1" t="s">
        <v>196502</v>
      </c>
      <c r="G58430" s="1" t="s">
        <v>196448</v>
      </c>
      <c r="H58430" s="1" t="s">
        <v>196449</v>
      </c>
      <c r="I58430" s="1" t="s">
        <v>196378</v>
      </c>
      <c r="J58430" s="1" t="s">
        <v>196503</v>
      </c>
    </row>
    <row r="58431" spans="1:10" x14ac:dyDescent="0.35">
      <c r="A58431" s="1" t="s">
        <v>27596</v>
      </c>
      <c r="B58431" s="1" t="s">
        <v>196373</v>
      </c>
      <c r="C58431" s="1" t="s">
        <v>105</v>
      </c>
      <c r="D58431" s="1" t="s">
        <v>44646</v>
      </c>
      <c r="E58431" s="1" t="s">
        <v>196504</v>
      </c>
      <c r="F58431" s="1" t="s">
        <v>196505</v>
      </c>
      <c r="G58431" s="1" t="s">
        <v>196448</v>
      </c>
      <c r="H58431" s="1" t="s">
        <v>196449</v>
      </c>
      <c r="I58431" s="1" t="s">
        <v>196378</v>
      </c>
      <c r="J58431" s="1" t="s">
        <v>196506</v>
      </c>
    </row>
    <row r="58432" spans="1:10" x14ac:dyDescent="0.35">
      <c r="A58432" s="1" t="s">
        <v>27596</v>
      </c>
      <c r="B58432" s="1" t="s">
        <v>196373</v>
      </c>
      <c r="C58432" s="1" t="s">
        <v>110</v>
      </c>
      <c r="D58432" s="1" t="s">
        <v>25092</v>
      </c>
      <c r="E58432" s="1" t="s">
        <v>196507</v>
      </c>
      <c r="F58432" s="1" t="s">
        <v>196508</v>
      </c>
      <c r="G58432" s="1" t="s">
        <v>196448</v>
      </c>
      <c r="H58432" s="1" t="s">
        <v>196449</v>
      </c>
      <c r="I58432" s="1" t="s">
        <v>196378</v>
      </c>
      <c r="J58432" s="1" t="s">
        <v>196509</v>
      </c>
    </row>
    <row r="58433" spans="1:10" x14ac:dyDescent="0.35">
      <c r="A58433" s="1" t="s">
        <v>27596</v>
      </c>
      <c r="B58433" s="1" t="s">
        <v>196373</v>
      </c>
      <c r="C58433" s="1" t="s">
        <v>115</v>
      </c>
      <c r="D58433" s="1" t="s">
        <v>8461</v>
      </c>
      <c r="E58433" s="1" t="s">
        <v>196510</v>
      </c>
      <c r="F58433" s="1" t="s">
        <v>196511</v>
      </c>
      <c r="G58433" s="1" t="s">
        <v>196448</v>
      </c>
      <c r="H58433" s="1" t="s">
        <v>196449</v>
      </c>
      <c r="I58433" s="1" t="s">
        <v>196378</v>
      </c>
      <c r="J58433" s="1" t="s">
        <v>196512</v>
      </c>
    </row>
    <row r="58434" spans="1:10" x14ac:dyDescent="0.35">
      <c r="A58434" s="1" t="s">
        <v>27596</v>
      </c>
      <c r="B58434" s="1" t="s">
        <v>196373</v>
      </c>
      <c r="C58434" s="1" t="s">
        <v>120</v>
      </c>
      <c r="D58434" s="1" t="s">
        <v>100405</v>
      </c>
      <c r="E58434" s="1" t="s">
        <v>196513</v>
      </c>
      <c r="F58434" s="1" t="s">
        <v>196514</v>
      </c>
      <c r="G58434" s="1" t="s">
        <v>196448</v>
      </c>
      <c r="H58434" s="1" t="s">
        <v>196449</v>
      </c>
      <c r="I58434" s="1" t="s">
        <v>196378</v>
      </c>
      <c r="J58434" s="1" t="s">
        <v>196515</v>
      </c>
    </row>
    <row r="58435" spans="1:10" x14ac:dyDescent="0.35">
      <c r="A58435" s="1" t="s">
        <v>27596</v>
      </c>
      <c r="B58435" s="1" t="s">
        <v>196373</v>
      </c>
      <c r="C58435" s="1" t="s">
        <v>125</v>
      </c>
      <c r="D58435" s="1" t="s">
        <v>12020</v>
      </c>
      <c r="E58435" s="1" t="s">
        <v>196516</v>
      </c>
      <c r="F58435" s="1" t="s">
        <v>196517</v>
      </c>
      <c r="G58435" s="1" t="s">
        <v>196448</v>
      </c>
      <c r="H58435" s="1" t="s">
        <v>196449</v>
      </c>
      <c r="I58435" s="1" t="s">
        <v>196378</v>
      </c>
      <c r="J58435" s="1" t="s">
        <v>196518</v>
      </c>
    </row>
    <row r="58436" spans="1:10" x14ac:dyDescent="0.35">
      <c r="A58436" s="1" t="s">
        <v>27596</v>
      </c>
      <c r="B58436" s="1" t="s">
        <v>196373</v>
      </c>
      <c r="C58436" s="1" t="s">
        <v>130</v>
      </c>
      <c r="D58436" s="1" t="s">
        <v>25365</v>
      </c>
      <c r="E58436" s="1" t="s">
        <v>77429</v>
      </c>
      <c r="F58436" s="1" t="s">
        <v>196519</v>
      </c>
      <c r="G58436" s="1" t="s">
        <v>196448</v>
      </c>
      <c r="H58436" s="1" t="s">
        <v>196449</v>
      </c>
      <c r="I58436" s="1" t="s">
        <v>196378</v>
      </c>
      <c r="J58436" s="1" t="s">
        <v>196520</v>
      </c>
    </row>
    <row r="58437" spans="1:10" x14ac:dyDescent="0.35">
      <c r="A58437" s="1" t="s">
        <v>27596</v>
      </c>
      <c r="B58437" s="1" t="s">
        <v>196373</v>
      </c>
      <c r="C58437" s="1" t="s">
        <v>135</v>
      </c>
      <c r="D58437" s="1" t="s">
        <v>12060</v>
      </c>
      <c r="E58437" s="1" t="s">
        <v>196521</v>
      </c>
      <c r="F58437" s="1" t="s">
        <v>196522</v>
      </c>
      <c r="G58437" s="1" t="s">
        <v>196448</v>
      </c>
      <c r="H58437" s="1" t="s">
        <v>196449</v>
      </c>
      <c r="I58437" s="1" t="s">
        <v>196378</v>
      </c>
      <c r="J58437" s="1" t="s">
        <v>196523</v>
      </c>
    </row>
    <row r="58438" spans="1:10" x14ac:dyDescent="0.35">
      <c r="A58438" s="1" t="s">
        <v>27596</v>
      </c>
      <c r="B58438" s="1" t="s">
        <v>196373</v>
      </c>
      <c r="C58438" s="1" t="s">
        <v>140</v>
      </c>
      <c r="D58438" s="1" t="s">
        <v>196524</v>
      </c>
      <c r="E58438" s="1" t="s">
        <v>196525</v>
      </c>
      <c r="F58438" s="1" t="s">
        <v>196526</v>
      </c>
      <c r="G58438" s="1" t="s">
        <v>196448</v>
      </c>
      <c r="H58438" s="1" t="s">
        <v>196449</v>
      </c>
      <c r="I58438" s="1" t="s">
        <v>196378</v>
      </c>
      <c r="J58438" s="1" t="s">
        <v>196527</v>
      </c>
    </row>
    <row r="58439" spans="1:10" x14ac:dyDescent="0.35">
      <c r="A58439" s="1" t="s">
        <v>27596</v>
      </c>
      <c r="B58439" s="1" t="s">
        <v>196373</v>
      </c>
      <c r="C58439" s="1" t="s">
        <v>145</v>
      </c>
      <c r="D58439" s="1" t="s">
        <v>196528</v>
      </c>
      <c r="E58439" s="1" t="s">
        <v>196529</v>
      </c>
      <c r="F58439" s="1" t="s">
        <v>196530</v>
      </c>
      <c r="G58439" s="1" t="s">
        <v>196448</v>
      </c>
      <c r="H58439" s="1" t="s">
        <v>196449</v>
      </c>
      <c r="I58439" s="1" t="s">
        <v>196378</v>
      </c>
      <c r="J58439" s="1" t="s">
        <v>196531</v>
      </c>
    </row>
    <row r="58440" spans="1:10" x14ac:dyDescent="0.35">
      <c r="A58440" s="1" t="s">
        <v>27596</v>
      </c>
      <c r="B58440" s="1" t="s">
        <v>196373</v>
      </c>
      <c r="C58440" s="1" t="s">
        <v>150</v>
      </c>
      <c r="D58440" s="1" t="s">
        <v>29511</v>
      </c>
      <c r="E58440" s="1" t="s">
        <v>196532</v>
      </c>
      <c r="F58440" s="1" t="s">
        <v>196533</v>
      </c>
      <c r="G58440" s="1" t="s">
        <v>196448</v>
      </c>
      <c r="H58440" s="1" t="s">
        <v>196449</v>
      </c>
      <c r="I58440" s="1" t="s">
        <v>196378</v>
      </c>
      <c r="J58440" s="1" t="s">
        <v>196534</v>
      </c>
    </row>
    <row r="58441" spans="1:10" x14ac:dyDescent="0.35">
      <c r="A58441" s="1" t="s">
        <v>27596</v>
      </c>
      <c r="B58441" s="1" t="s">
        <v>196373</v>
      </c>
      <c r="C58441" s="1" t="s">
        <v>155</v>
      </c>
      <c r="D58441" s="1" t="s">
        <v>8514</v>
      </c>
      <c r="E58441" s="1" t="s">
        <v>196535</v>
      </c>
      <c r="F58441" s="1" t="s">
        <v>196536</v>
      </c>
      <c r="G58441" s="1" t="s">
        <v>196448</v>
      </c>
      <c r="H58441" s="1" t="s">
        <v>196449</v>
      </c>
      <c r="I58441" s="1" t="s">
        <v>196378</v>
      </c>
      <c r="J58441" s="1" t="s">
        <v>196537</v>
      </c>
    </row>
    <row r="58442" spans="1:10" x14ac:dyDescent="0.35">
      <c r="A58442" s="1" t="s">
        <v>27596</v>
      </c>
      <c r="B58442" s="1" t="s">
        <v>196373</v>
      </c>
      <c r="C58442" s="1" t="s">
        <v>160</v>
      </c>
      <c r="D58442" s="1" t="s">
        <v>29511</v>
      </c>
      <c r="E58442" s="1" t="s">
        <v>196538</v>
      </c>
      <c r="F58442" s="1" t="s">
        <v>196539</v>
      </c>
      <c r="G58442" s="1" t="s">
        <v>196448</v>
      </c>
      <c r="H58442" s="1" t="s">
        <v>196449</v>
      </c>
      <c r="I58442" s="1" t="s">
        <v>196378</v>
      </c>
      <c r="J58442" s="1" t="s">
        <v>196540</v>
      </c>
    </row>
    <row r="58443" spans="1:10" x14ac:dyDescent="0.35">
      <c r="A58443" s="1" t="s">
        <v>27596</v>
      </c>
      <c r="B58443" s="1" t="s">
        <v>196373</v>
      </c>
      <c r="C58443" s="1" t="s">
        <v>165</v>
      </c>
      <c r="D58443" s="1" t="s">
        <v>6089</v>
      </c>
      <c r="E58443" s="1" t="s">
        <v>196541</v>
      </c>
      <c r="F58443" s="1" t="s">
        <v>196542</v>
      </c>
      <c r="G58443" s="1" t="s">
        <v>196448</v>
      </c>
      <c r="H58443" s="1" t="s">
        <v>196449</v>
      </c>
      <c r="I58443" s="1" t="s">
        <v>196378</v>
      </c>
      <c r="J58443" s="1" t="s">
        <v>196543</v>
      </c>
    </row>
    <row r="58444" spans="1:10" x14ac:dyDescent="0.35">
      <c r="A58444" s="1" t="s">
        <v>27596</v>
      </c>
      <c r="B58444" s="1" t="s">
        <v>196373</v>
      </c>
      <c r="C58444" s="1" t="s">
        <v>170</v>
      </c>
      <c r="D58444" s="1" t="s">
        <v>28728</v>
      </c>
      <c r="E58444" s="1" t="s">
        <v>196544</v>
      </c>
      <c r="F58444" s="1" t="s">
        <v>196545</v>
      </c>
      <c r="G58444" s="1" t="s">
        <v>196448</v>
      </c>
      <c r="H58444" s="1" t="s">
        <v>196449</v>
      </c>
      <c r="I58444" s="1" t="s">
        <v>196378</v>
      </c>
      <c r="J58444" s="1" t="s">
        <v>196546</v>
      </c>
    </row>
    <row r="58445" spans="1:10" x14ac:dyDescent="0.35">
      <c r="A58445" s="1" t="s">
        <v>10254</v>
      </c>
      <c r="B58445" s="1" t="s">
        <v>196373</v>
      </c>
      <c r="C58445" s="1" t="s">
        <v>8</v>
      </c>
      <c r="D58445" s="1" t="s">
        <v>196547</v>
      </c>
      <c r="E58445" s="1" t="s">
        <v>196548</v>
      </c>
      <c r="F58445" s="1" t="s">
        <v>196549</v>
      </c>
      <c r="G58445" s="1" t="s">
        <v>196550</v>
      </c>
      <c r="H58445" s="1" t="s">
        <v>196551</v>
      </c>
      <c r="I58445" s="1" t="s">
        <v>196378</v>
      </c>
      <c r="J58445" s="1" t="s">
        <v>13</v>
      </c>
    </row>
    <row r="58446" spans="1:10" x14ac:dyDescent="0.35">
      <c r="A58446" s="1" t="s">
        <v>10254</v>
      </c>
      <c r="B58446" s="1" t="s">
        <v>196373</v>
      </c>
      <c r="C58446" s="1" t="s">
        <v>15</v>
      </c>
      <c r="D58446" s="1" t="s">
        <v>3504</v>
      </c>
      <c r="E58446" s="1" t="s">
        <v>196552</v>
      </c>
      <c r="F58446" s="1" t="s">
        <v>196553</v>
      </c>
      <c r="G58446" s="1" t="s">
        <v>196550</v>
      </c>
      <c r="H58446" s="1" t="s">
        <v>196551</v>
      </c>
      <c r="I58446" s="1" t="s">
        <v>196378</v>
      </c>
      <c r="J58446" s="1" t="s">
        <v>196554</v>
      </c>
    </row>
    <row r="58447" spans="1:10" x14ac:dyDescent="0.35">
      <c r="A58447" s="1" t="s">
        <v>10254</v>
      </c>
      <c r="B58447" s="1" t="s">
        <v>196373</v>
      </c>
      <c r="C58447" s="1" t="s">
        <v>20</v>
      </c>
      <c r="D58447" s="1" t="s">
        <v>3514</v>
      </c>
      <c r="E58447" s="1" t="s">
        <v>196555</v>
      </c>
      <c r="F58447" s="1" t="s">
        <v>196556</v>
      </c>
      <c r="G58447" s="1" t="s">
        <v>196550</v>
      </c>
      <c r="H58447" s="1" t="s">
        <v>196551</v>
      </c>
      <c r="I58447" s="1" t="s">
        <v>196378</v>
      </c>
      <c r="J58447" s="1" t="s">
        <v>1873</v>
      </c>
    </row>
    <row r="58448" spans="1:10" x14ac:dyDescent="0.35">
      <c r="A58448" s="1" t="s">
        <v>10254</v>
      </c>
      <c r="B58448" s="1" t="s">
        <v>196373</v>
      </c>
      <c r="C58448" s="1" t="s">
        <v>25</v>
      </c>
      <c r="D58448" s="1" t="s">
        <v>3492</v>
      </c>
      <c r="E58448" s="1" t="s">
        <v>196557</v>
      </c>
      <c r="F58448" s="1" t="s">
        <v>196558</v>
      </c>
      <c r="G58448" s="1" t="s">
        <v>196550</v>
      </c>
      <c r="H58448" s="1" t="s">
        <v>196551</v>
      </c>
      <c r="I58448" s="1" t="s">
        <v>196378</v>
      </c>
      <c r="J58448" s="1" t="s">
        <v>196559</v>
      </c>
    </row>
    <row r="58449" spans="1:10" x14ac:dyDescent="0.35">
      <c r="A58449" s="1" t="s">
        <v>10254</v>
      </c>
      <c r="B58449" s="1" t="s">
        <v>196373</v>
      </c>
      <c r="C58449" s="1" t="s">
        <v>30</v>
      </c>
      <c r="D58449" s="1" t="s">
        <v>37283</v>
      </c>
      <c r="E58449" s="1" t="s">
        <v>196560</v>
      </c>
      <c r="F58449" s="1" t="s">
        <v>196561</v>
      </c>
      <c r="G58449" s="1" t="s">
        <v>196550</v>
      </c>
      <c r="H58449" s="1" t="s">
        <v>196551</v>
      </c>
      <c r="I58449" s="1" t="s">
        <v>196378</v>
      </c>
      <c r="J58449" s="1" t="s">
        <v>196562</v>
      </c>
    </row>
    <row r="58450" spans="1:10" x14ac:dyDescent="0.35">
      <c r="A58450" s="1" t="s">
        <v>10254</v>
      </c>
      <c r="B58450" s="1" t="s">
        <v>196373</v>
      </c>
      <c r="C58450" s="1" t="s">
        <v>35</v>
      </c>
      <c r="D58450" s="1" t="s">
        <v>196563</v>
      </c>
      <c r="E58450" s="1" t="s">
        <v>196564</v>
      </c>
      <c r="F58450" s="1" t="s">
        <v>196565</v>
      </c>
      <c r="G58450" s="1" t="s">
        <v>196550</v>
      </c>
      <c r="H58450" s="1" t="s">
        <v>196551</v>
      </c>
      <c r="I58450" s="1" t="s">
        <v>196378</v>
      </c>
      <c r="J58450" s="1" t="s">
        <v>196566</v>
      </c>
    </row>
    <row r="58451" spans="1:10" x14ac:dyDescent="0.35">
      <c r="A58451" s="1" t="s">
        <v>10254</v>
      </c>
      <c r="B58451" s="1" t="s">
        <v>196373</v>
      </c>
      <c r="C58451" s="1" t="s">
        <v>40</v>
      </c>
      <c r="D58451" s="1" t="s">
        <v>196567</v>
      </c>
      <c r="E58451" s="1" t="s">
        <v>196568</v>
      </c>
      <c r="F58451" s="1" t="s">
        <v>196569</v>
      </c>
      <c r="G58451" s="1" t="s">
        <v>196550</v>
      </c>
      <c r="H58451" s="1" t="s">
        <v>196551</v>
      </c>
      <c r="I58451" s="1" t="s">
        <v>196378</v>
      </c>
      <c r="J58451" s="1" t="s">
        <v>196570</v>
      </c>
    </row>
    <row r="58452" spans="1:10" x14ac:dyDescent="0.35">
      <c r="A58452" s="1" t="s">
        <v>10254</v>
      </c>
      <c r="B58452" s="1" t="s">
        <v>196373</v>
      </c>
      <c r="C58452" s="1" t="s">
        <v>45</v>
      </c>
      <c r="D58452" s="1" t="s">
        <v>13938</v>
      </c>
      <c r="E58452" s="1" t="s">
        <v>196571</v>
      </c>
      <c r="F58452" s="1" t="s">
        <v>196572</v>
      </c>
      <c r="G58452" s="1" t="s">
        <v>196550</v>
      </c>
      <c r="H58452" s="1" t="s">
        <v>196551</v>
      </c>
      <c r="I58452" s="1" t="s">
        <v>196378</v>
      </c>
      <c r="J58452" s="1" t="s">
        <v>196573</v>
      </c>
    </row>
    <row r="58453" spans="1:10" x14ac:dyDescent="0.35">
      <c r="A58453" s="1" t="s">
        <v>10254</v>
      </c>
      <c r="B58453" s="1" t="s">
        <v>196373</v>
      </c>
      <c r="C58453" s="1" t="s">
        <v>50</v>
      </c>
      <c r="D58453" s="1" t="s">
        <v>51035</v>
      </c>
      <c r="E58453" s="1" t="s">
        <v>196574</v>
      </c>
      <c r="F58453" s="1" t="s">
        <v>196575</v>
      </c>
      <c r="G58453" s="1" t="s">
        <v>196550</v>
      </c>
      <c r="H58453" s="1" t="s">
        <v>196551</v>
      </c>
      <c r="I58453" s="1" t="s">
        <v>196378</v>
      </c>
      <c r="J58453" s="1" t="s">
        <v>196576</v>
      </c>
    </row>
    <row r="58454" spans="1:10" x14ac:dyDescent="0.35">
      <c r="A58454" s="1" t="s">
        <v>10254</v>
      </c>
      <c r="B58454" s="1" t="s">
        <v>196373</v>
      </c>
      <c r="C58454" s="1" t="s">
        <v>55</v>
      </c>
      <c r="D58454" s="1" t="s">
        <v>51456</v>
      </c>
      <c r="E58454" s="1" t="s">
        <v>196577</v>
      </c>
      <c r="F58454" s="1" t="s">
        <v>196578</v>
      </c>
      <c r="G58454" s="1" t="s">
        <v>196550</v>
      </c>
      <c r="H58454" s="1" t="s">
        <v>196551</v>
      </c>
      <c r="I58454" s="1" t="s">
        <v>196378</v>
      </c>
      <c r="J58454" s="1" t="s">
        <v>6150</v>
      </c>
    </row>
    <row r="58455" spans="1:10" x14ac:dyDescent="0.35">
      <c r="A58455" s="1" t="s">
        <v>10254</v>
      </c>
      <c r="B58455" s="1" t="s">
        <v>196373</v>
      </c>
      <c r="C58455" s="1" t="s">
        <v>60</v>
      </c>
      <c r="D58455" s="1" t="s">
        <v>57721</v>
      </c>
      <c r="E58455" s="1" t="s">
        <v>196579</v>
      </c>
      <c r="F58455" s="1" t="s">
        <v>196580</v>
      </c>
      <c r="G58455" s="1" t="s">
        <v>196550</v>
      </c>
      <c r="H58455" s="1" t="s">
        <v>196551</v>
      </c>
      <c r="I58455" s="1" t="s">
        <v>196378</v>
      </c>
      <c r="J58455" s="1" t="s">
        <v>196478</v>
      </c>
    </row>
    <row r="58456" spans="1:10" x14ac:dyDescent="0.35">
      <c r="A58456" s="1" t="s">
        <v>10254</v>
      </c>
      <c r="B58456" s="1" t="s">
        <v>196373</v>
      </c>
      <c r="C58456" s="1" t="s">
        <v>65</v>
      </c>
      <c r="D58456" s="1" t="s">
        <v>25332</v>
      </c>
      <c r="E58456" s="1" t="s">
        <v>196581</v>
      </c>
      <c r="F58456" s="1" t="s">
        <v>196582</v>
      </c>
      <c r="G58456" s="1" t="s">
        <v>196550</v>
      </c>
      <c r="H58456" s="1" t="s">
        <v>196551</v>
      </c>
      <c r="I58456" s="1" t="s">
        <v>196378</v>
      </c>
      <c r="J58456" s="1" t="s">
        <v>196583</v>
      </c>
    </row>
    <row r="58457" spans="1:10" x14ac:dyDescent="0.35">
      <c r="A58457" s="1" t="s">
        <v>10254</v>
      </c>
      <c r="B58457" s="1" t="s">
        <v>196373</v>
      </c>
      <c r="C58457" s="1" t="s">
        <v>70</v>
      </c>
      <c r="D58457" s="1" t="s">
        <v>61582</v>
      </c>
      <c r="E58457" s="1" t="s">
        <v>196584</v>
      </c>
      <c r="F58457" s="1" t="s">
        <v>196585</v>
      </c>
      <c r="G58457" s="1" t="s">
        <v>196550</v>
      </c>
      <c r="H58457" s="1" t="s">
        <v>196551</v>
      </c>
      <c r="I58457" s="1" t="s">
        <v>196378</v>
      </c>
      <c r="J58457" s="1" t="s">
        <v>196586</v>
      </c>
    </row>
    <row r="58458" spans="1:10" x14ac:dyDescent="0.35">
      <c r="A58458" s="1" t="s">
        <v>10254</v>
      </c>
      <c r="B58458" s="1" t="s">
        <v>196373</v>
      </c>
      <c r="C58458" s="1" t="s">
        <v>75</v>
      </c>
      <c r="D58458" s="1" t="s">
        <v>61148</v>
      </c>
      <c r="E58458" s="1" t="s">
        <v>196587</v>
      </c>
      <c r="F58458" s="1" t="s">
        <v>196588</v>
      </c>
      <c r="G58458" s="1" t="s">
        <v>196550</v>
      </c>
      <c r="H58458" s="1" t="s">
        <v>196551</v>
      </c>
      <c r="I58458" s="1" t="s">
        <v>196378</v>
      </c>
      <c r="J58458" s="1" t="s">
        <v>196589</v>
      </c>
    </row>
    <row r="58459" spans="1:10" x14ac:dyDescent="0.35">
      <c r="A58459" s="1" t="s">
        <v>10254</v>
      </c>
      <c r="B58459" s="1" t="s">
        <v>196373</v>
      </c>
      <c r="C58459" s="1" t="s">
        <v>80</v>
      </c>
      <c r="D58459" s="1" t="s">
        <v>158799</v>
      </c>
      <c r="E58459" s="1" t="s">
        <v>196590</v>
      </c>
      <c r="F58459" s="1" t="s">
        <v>196591</v>
      </c>
      <c r="G58459" s="1" t="s">
        <v>196550</v>
      </c>
      <c r="H58459" s="1" t="s">
        <v>196551</v>
      </c>
      <c r="I58459" s="1" t="s">
        <v>196378</v>
      </c>
      <c r="J58459" s="1" t="s">
        <v>196592</v>
      </c>
    </row>
    <row r="58460" spans="1:10" x14ac:dyDescent="0.35">
      <c r="A58460" s="1" t="s">
        <v>10254</v>
      </c>
      <c r="B58460" s="1" t="s">
        <v>196373</v>
      </c>
      <c r="C58460" s="1" t="s">
        <v>85</v>
      </c>
      <c r="D58460" s="1" t="s">
        <v>63803</v>
      </c>
      <c r="E58460" s="1" t="s">
        <v>196593</v>
      </c>
      <c r="F58460" s="1" t="s">
        <v>196594</v>
      </c>
      <c r="G58460" s="1" t="s">
        <v>196550</v>
      </c>
      <c r="H58460" s="1" t="s">
        <v>196551</v>
      </c>
      <c r="I58460" s="1" t="s">
        <v>196378</v>
      </c>
      <c r="J58460" s="1" t="s">
        <v>196595</v>
      </c>
    </row>
    <row r="58461" spans="1:10" x14ac:dyDescent="0.35">
      <c r="A58461" s="1" t="s">
        <v>10254</v>
      </c>
      <c r="B58461" s="1" t="s">
        <v>196373</v>
      </c>
      <c r="C58461" s="1" t="s">
        <v>90</v>
      </c>
      <c r="D58461" s="1" t="s">
        <v>196596</v>
      </c>
      <c r="E58461" s="1" t="s">
        <v>196597</v>
      </c>
      <c r="F58461" s="1" t="s">
        <v>196598</v>
      </c>
      <c r="G58461" s="1" t="s">
        <v>196550</v>
      </c>
      <c r="H58461" s="1" t="s">
        <v>196551</v>
      </c>
      <c r="I58461" s="1" t="s">
        <v>196378</v>
      </c>
      <c r="J58461" s="1" t="s">
        <v>196599</v>
      </c>
    </row>
    <row r="58462" spans="1:10" x14ac:dyDescent="0.35">
      <c r="A58462" s="1" t="s">
        <v>10254</v>
      </c>
      <c r="B58462" s="1" t="s">
        <v>196373</v>
      </c>
      <c r="C58462" s="1" t="s">
        <v>95</v>
      </c>
      <c r="D58462" s="1" t="s">
        <v>1862</v>
      </c>
      <c r="E58462" s="1" t="s">
        <v>196600</v>
      </c>
      <c r="F58462" s="1" t="s">
        <v>196601</v>
      </c>
      <c r="G58462" s="1" t="s">
        <v>196550</v>
      </c>
      <c r="H58462" s="1" t="s">
        <v>196551</v>
      </c>
      <c r="I58462" s="1" t="s">
        <v>196378</v>
      </c>
      <c r="J58462" s="1" t="s">
        <v>196602</v>
      </c>
    </row>
    <row r="58463" spans="1:10" x14ac:dyDescent="0.35">
      <c r="A58463" s="1" t="s">
        <v>10254</v>
      </c>
      <c r="B58463" s="1" t="s">
        <v>196373</v>
      </c>
      <c r="C58463" s="1" t="s">
        <v>100</v>
      </c>
      <c r="D58463" s="1" t="s">
        <v>69440</v>
      </c>
      <c r="E58463" s="1" t="s">
        <v>196603</v>
      </c>
      <c r="F58463" s="1" t="s">
        <v>196604</v>
      </c>
      <c r="G58463" s="1" t="s">
        <v>196550</v>
      </c>
      <c r="H58463" s="1" t="s">
        <v>196551</v>
      </c>
      <c r="I58463" s="1" t="s">
        <v>196378</v>
      </c>
      <c r="J58463" s="1" t="s">
        <v>196605</v>
      </c>
    </row>
    <row r="58464" spans="1:10" x14ac:dyDescent="0.35">
      <c r="A58464" s="1" t="s">
        <v>10254</v>
      </c>
      <c r="B58464" s="1" t="s">
        <v>196373</v>
      </c>
      <c r="C58464" s="1" t="s">
        <v>105</v>
      </c>
      <c r="D58464" s="1" t="s">
        <v>50597</v>
      </c>
      <c r="E58464" s="1" t="s">
        <v>196606</v>
      </c>
      <c r="F58464" s="1" t="s">
        <v>196607</v>
      </c>
      <c r="G58464" s="1" t="s">
        <v>196550</v>
      </c>
      <c r="H58464" s="1" t="s">
        <v>196551</v>
      </c>
      <c r="I58464" s="1" t="s">
        <v>196378</v>
      </c>
      <c r="J58464" s="1" t="s">
        <v>110543</v>
      </c>
    </row>
    <row r="58465" spans="1:10" x14ac:dyDescent="0.35">
      <c r="A58465" s="1" t="s">
        <v>10254</v>
      </c>
      <c r="B58465" s="1" t="s">
        <v>196373</v>
      </c>
      <c r="C58465" s="1" t="s">
        <v>110</v>
      </c>
      <c r="D58465" s="1" t="s">
        <v>75828</v>
      </c>
      <c r="E58465" s="1" t="s">
        <v>196608</v>
      </c>
      <c r="F58465" s="1" t="s">
        <v>196609</v>
      </c>
      <c r="G58465" s="1" t="s">
        <v>196550</v>
      </c>
      <c r="H58465" s="1" t="s">
        <v>196551</v>
      </c>
      <c r="I58465" s="1" t="s">
        <v>196378</v>
      </c>
      <c r="J58465" s="1" t="s">
        <v>191638</v>
      </c>
    </row>
    <row r="58466" spans="1:10" x14ac:dyDescent="0.35">
      <c r="A58466" s="1" t="s">
        <v>10254</v>
      </c>
      <c r="B58466" s="1" t="s">
        <v>196373</v>
      </c>
      <c r="C58466" s="1" t="s">
        <v>115</v>
      </c>
      <c r="D58466" s="1" t="s">
        <v>80856</v>
      </c>
      <c r="E58466" s="1" t="s">
        <v>196610</v>
      </c>
      <c r="F58466" s="1" t="s">
        <v>196611</v>
      </c>
      <c r="G58466" s="1" t="s">
        <v>196550</v>
      </c>
      <c r="H58466" s="1" t="s">
        <v>196551</v>
      </c>
      <c r="I58466" s="1" t="s">
        <v>196378</v>
      </c>
      <c r="J58466" s="1" t="s">
        <v>196612</v>
      </c>
    </row>
    <row r="58467" spans="1:10" x14ac:dyDescent="0.35">
      <c r="A58467" s="1" t="s">
        <v>10254</v>
      </c>
      <c r="B58467" s="1" t="s">
        <v>196373</v>
      </c>
      <c r="C58467" s="1" t="s">
        <v>120</v>
      </c>
      <c r="D58467" s="1" t="s">
        <v>45338</v>
      </c>
      <c r="E58467" s="1" t="s">
        <v>196613</v>
      </c>
      <c r="F58467" s="1" t="s">
        <v>196614</v>
      </c>
      <c r="G58467" s="1" t="s">
        <v>196550</v>
      </c>
      <c r="H58467" s="1" t="s">
        <v>196551</v>
      </c>
      <c r="I58467" s="1" t="s">
        <v>196378</v>
      </c>
      <c r="J58467" s="1" t="s">
        <v>196615</v>
      </c>
    </row>
    <row r="58468" spans="1:10" x14ac:dyDescent="0.35">
      <c r="A58468" s="1" t="s">
        <v>10254</v>
      </c>
      <c r="B58468" s="1" t="s">
        <v>196373</v>
      </c>
      <c r="C58468" s="1" t="s">
        <v>125</v>
      </c>
      <c r="D58468" s="1" t="s">
        <v>110995</v>
      </c>
      <c r="E58468" s="1" t="s">
        <v>196616</v>
      </c>
      <c r="F58468" s="1" t="s">
        <v>196617</v>
      </c>
      <c r="G58468" s="1" t="s">
        <v>196550</v>
      </c>
      <c r="H58468" s="1" t="s">
        <v>196551</v>
      </c>
      <c r="I58468" s="1" t="s">
        <v>196378</v>
      </c>
      <c r="J58468" s="1" t="s">
        <v>41902</v>
      </c>
    </row>
    <row r="58469" spans="1:10" x14ac:dyDescent="0.35">
      <c r="A58469" s="1" t="s">
        <v>10254</v>
      </c>
      <c r="B58469" s="1" t="s">
        <v>196373</v>
      </c>
      <c r="C58469" s="1" t="s">
        <v>130</v>
      </c>
      <c r="D58469" s="1" t="s">
        <v>93733</v>
      </c>
      <c r="E58469" s="1" t="s">
        <v>196618</v>
      </c>
      <c r="F58469" s="1" t="s">
        <v>196619</v>
      </c>
      <c r="G58469" s="1" t="s">
        <v>196550</v>
      </c>
      <c r="H58469" s="1" t="s">
        <v>196551</v>
      </c>
      <c r="I58469" s="1" t="s">
        <v>196378</v>
      </c>
      <c r="J58469" s="1" t="s">
        <v>196620</v>
      </c>
    </row>
    <row r="58470" spans="1:10" x14ac:dyDescent="0.35">
      <c r="A58470" s="1" t="s">
        <v>10254</v>
      </c>
      <c r="B58470" s="1" t="s">
        <v>196373</v>
      </c>
      <c r="C58470" s="1" t="s">
        <v>135</v>
      </c>
      <c r="D58470" s="1" t="s">
        <v>97898</v>
      </c>
      <c r="E58470" s="1" t="s">
        <v>196621</v>
      </c>
      <c r="F58470" s="1" t="s">
        <v>196622</v>
      </c>
      <c r="G58470" s="1" t="s">
        <v>196550</v>
      </c>
      <c r="H58470" s="1" t="s">
        <v>196551</v>
      </c>
      <c r="I58470" s="1" t="s">
        <v>196378</v>
      </c>
      <c r="J58470" s="1" t="s">
        <v>196623</v>
      </c>
    </row>
    <row r="58471" spans="1:10" x14ac:dyDescent="0.35">
      <c r="A58471" s="1" t="s">
        <v>10254</v>
      </c>
      <c r="B58471" s="1" t="s">
        <v>196373</v>
      </c>
      <c r="C58471" s="1" t="s">
        <v>140</v>
      </c>
      <c r="D58471" s="1" t="s">
        <v>44654</v>
      </c>
      <c r="E58471" s="1" t="s">
        <v>196624</v>
      </c>
      <c r="F58471" s="1" t="s">
        <v>196625</v>
      </c>
      <c r="G58471" s="1" t="s">
        <v>196550</v>
      </c>
      <c r="H58471" s="1" t="s">
        <v>196551</v>
      </c>
      <c r="I58471" s="1" t="s">
        <v>196378</v>
      </c>
      <c r="J58471" s="1" t="s">
        <v>196626</v>
      </c>
    </row>
    <row r="58472" spans="1:10" x14ac:dyDescent="0.35">
      <c r="A58472" s="1" t="s">
        <v>10254</v>
      </c>
      <c r="B58472" s="1" t="s">
        <v>196373</v>
      </c>
      <c r="C58472" s="1" t="s">
        <v>145</v>
      </c>
      <c r="D58472" s="1" t="s">
        <v>100203</v>
      </c>
      <c r="E58472" s="1" t="s">
        <v>196627</v>
      </c>
      <c r="F58472" s="1" t="s">
        <v>196628</v>
      </c>
      <c r="G58472" s="1" t="s">
        <v>196550</v>
      </c>
      <c r="H58472" s="1" t="s">
        <v>196551</v>
      </c>
      <c r="I58472" s="1" t="s">
        <v>196378</v>
      </c>
      <c r="J58472" s="1" t="s">
        <v>196629</v>
      </c>
    </row>
    <row r="58473" spans="1:10" x14ac:dyDescent="0.35">
      <c r="A58473" s="1" t="s">
        <v>10254</v>
      </c>
      <c r="B58473" s="1" t="s">
        <v>196373</v>
      </c>
      <c r="C58473" s="1" t="s">
        <v>150</v>
      </c>
      <c r="D58473" s="1" t="s">
        <v>103209</v>
      </c>
      <c r="E58473" s="1" t="s">
        <v>196630</v>
      </c>
      <c r="F58473" s="1" t="s">
        <v>196631</v>
      </c>
      <c r="G58473" s="1" t="s">
        <v>196550</v>
      </c>
      <c r="H58473" s="1" t="s">
        <v>196551</v>
      </c>
      <c r="I58473" s="1" t="s">
        <v>196378</v>
      </c>
      <c r="J58473" s="1" t="s">
        <v>196632</v>
      </c>
    </row>
    <row r="58474" spans="1:10" x14ac:dyDescent="0.35">
      <c r="A58474" s="1" t="s">
        <v>10254</v>
      </c>
      <c r="B58474" s="1" t="s">
        <v>196373</v>
      </c>
      <c r="C58474" s="1" t="s">
        <v>155</v>
      </c>
      <c r="D58474" s="1" t="s">
        <v>10440</v>
      </c>
      <c r="E58474" s="1" t="s">
        <v>196633</v>
      </c>
      <c r="F58474" s="1" t="s">
        <v>196634</v>
      </c>
      <c r="G58474" s="1" t="s">
        <v>196550</v>
      </c>
      <c r="H58474" s="1" t="s">
        <v>196551</v>
      </c>
      <c r="I58474" s="1" t="s">
        <v>196378</v>
      </c>
      <c r="J58474" s="1" t="s">
        <v>196635</v>
      </c>
    </row>
    <row r="58475" spans="1:10" x14ac:dyDescent="0.35">
      <c r="A58475" s="1" t="s">
        <v>10254</v>
      </c>
      <c r="B58475" s="1" t="s">
        <v>196373</v>
      </c>
      <c r="C58475" s="1" t="s">
        <v>160</v>
      </c>
      <c r="D58475" s="1" t="s">
        <v>103209</v>
      </c>
      <c r="E58475" s="1" t="s">
        <v>196636</v>
      </c>
      <c r="F58475" s="1" t="s">
        <v>196637</v>
      </c>
      <c r="G58475" s="1" t="s">
        <v>196550</v>
      </c>
      <c r="H58475" s="1" t="s">
        <v>196551</v>
      </c>
      <c r="I58475" s="1" t="s">
        <v>196378</v>
      </c>
      <c r="J58475" s="1" t="s">
        <v>196638</v>
      </c>
    </row>
    <row r="58476" spans="1:10" x14ac:dyDescent="0.35">
      <c r="A58476" s="1" t="s">
        <v>10254</v>
      </c>
      <c r="B58476" s="1" t="s">
        <v>196373</v>
      </c>
      <c r="C58476" s="1" t="s">
        <v>165</v>
      </c>
      <c r="D58476" s="1" t="s">
        <v>110384</v>
      </c>
      <c r="E58476" s="1" t="s">
        <v>196639</v>
      </c>
      <c r="F58476" s="1" t="s">
        <v>196640</v>
      </c>
      <c r="G58476" s="1" t="s">
        <v>196550</v>
      </c>
      <c r="H58476" s="1" t="s">
        <v>196551</v>
      </c>
      <c r="I58476" s="1" t="s">
        <v>196378</v>
      </c>
      <c r="J58476" s="1" t="s">
        <v>196641</v>
      </c>
    </row>
    <row r="58477" spans="1:10" x14ac:dyDescent="0.35">
      <c r="A58477" s="1" t="s">
        <v>10254</v>
      </c>
      <c r="B58477" s="1" t="s">
        <v>196373</v>
      </c>
      <c r="C58477" s="1" t="s">
        <v>170</v>
      </c>
      <c r="D58477" s="1" t="s">
        <v>6312</v>
      </c>
      <c r="E58477" s="1" t="s">
        <v>196642</v>
      </c>
      <c r="F58477" s="1" t="s">
        <v>196643</v>
      </c>
      <c r="G58477" s="1" t="s">
        <v>196550</v>
      </c>
      <c r="H58477" s="1" t="s">
        <v>196551</v>
      </c>
      <c r="I58477" s="1" t="s">
        <v>196378</v>
      </c>
      <c r="J58477" s="1" t="s">
        <v>196644</v>
      </c>
    </row>
    <row r="58478" spans="1:10" x14ac:dyDescent="0.35">
      <c r="A58478" s="1" t="s">
        <v>30020</v>
      </c>
      <c r="B58478" s="1" t="s">
        <v>196373</v>
      </c>
      <c r="C58478" s="1" t="s">
        <v>8</v>
      </c>
      <c r="D58478" s="1" t="s">
        <v>196645</v>
      </c>
      <c r="E58478" s="1" t="s">
        <v>126673</v>
      </c>
      <c r="F58478" s="1" t="s">
        <v>196646</v>
      </c>
      <c r="G58478" s="1" t="s">
        <v>196647</v>
      </c>
      <c r="H58478" s="1" t="s">
        <v>196648</v>
      </c>
      <c r="I58478" s="1" t="s">
        <v>196378</v>
      </c>
      <c r="J58478" s="1" t="s">
        <v>13</v>
      </c>
    </row>
    <row r="58479" spans="1:10" x14ac:dyDescent="0.35">
      <c r="A58479" s="1" t="s">
        <v>30020</v>
      </c>
      <c r="B58479" s="1" t="s">
        <v>196373</v>
      </c>
      <c r="C58479" s="1" t="s">
        <v>15</v>
      </c>
      <c r="D58479" s="1" t="s">
        <v>196649</v>
      </c>
      <c r="E58479" s="1" t="s">
        <v>196650</v>
      </c>
      <c r="F58479" s="1" t="s">
        <v>15900</v>
      </c>
      <c r="G58479" s="1" t="s">
        <v>196647</v>
      </c>
      <c r="H58479" s="1" t="s">
        <v>196648</v>
      </c>
      <c r="I58479" s="1" t="s">
        <v>196378</v>
      </c>
      <c r="J58479" s="1" t="s">
        <v>196651</v>
      </c>
    </row>
    <row r="58480" spans="1:10" x14ac:dyDescent="0.35">
      <c r="A58480" s="1" t="s">
        <v>30020</v>
      </c>
      <c r="B58480" s="1" t="s">
        <v>196373</v>
      </c>
      <c r="C58480" s="1" t="s">
        <v>20</v>
      </c>
      <c r="D58480" s="1" t="s">
        <v>1344</v>
      </c>
      <c r="E58480" s="1" t="s">
        <v>107435</v>
      </c>
      <c r="F58480" s="1" t="s">
        <v>131631</v>
      </c>
      <c r="G58480" s="1" t="s">
        <v>196647</v>
      </c>
      <c r="H58480" s="1" t="s">
        <v>196648</v>
      </c>
      <c r="I58480" s="1" t="s">
        <v>196378</v>
      </c>
      <c r="J58480" s="1" t="s">
        <v>196652</v>
      </c>
    </row>
    <row r="58481" spans="1:10" x14ac:dyDescent="0.35">
      <c r="A58481" s="1" t="s">
        <v>30020</v>
      </c>
      <c r="B58481" s="1" t="s">
        <v>196373</v>
      </c>
      <c r="C58481" s="1" t="s">
        <v>25</v>
      </c>
      <c r="D58481" s="1" t="s">
        <v>13770</v>
      </c>
      <c r="E58481" s="1" t="s">
        <v>133302</v>
      </c>
      <c r="F58481" s="1" t="s">
        <v>196653</v>
      </c>
      <c r="G58481" s="1" t="s">
        <v>196647</v>
      </c>
      <c r="H58481" s="1" t="s">
        <v>196648</v>
      </c>
      <c r="I58481" s="1" t="s">
        <v>196378</v>
      </c>
      <c r="J58481" s="1" t="s">
        <v>196654</v>
      </c>
    </row>
    <row r="58482" spans="1:10" x14ac:dyDescent="0.35">
      <c r="A58482" s="1" t="s">
        <v>30020</v>
      </c>
      <c r="B58482" s="1" t="s">
        <v>196373</v>
      </c>
      <c r="C58482" s="1" t="s">
        <v>30</v>
      </c>
      <c r="D58482" s="1" t="s">
        <v>41138</v>
      </c>
      <c r="E58482" s="1" t="s">
        <v>196422</v>
      </c>
      <c r="F58482" s="1" t="s">
        <v>196655</v>
      </c>
      <c r="G58482" s="1" t="s">
        <v>196647</v>
      </c>
      <c r="H58482" s="1" t="s">
        <v>196648</v>
      </c>
      <c r="I58482" s="1" t="s">
        <v>196378</v>
      </c>
      <c r="J58482" s="1" t="s">
        <v>196656</v>
      </c>
    </row>
    <row r="58483" spans="1:10" x14ac:dyDescent="0.35">
      <c r="A58483" s="1" t="s">
        <v>30020</v>
      </c>
      <c r="B58483" s="1" t="s">
        <v>196373</v>
      </c>
      <c r="C58483" s="1" t="s">
        <v>35</v>
      </c>
      <c r="D58483" s="1" t="s">
        <v>58150</v>
      </c>
      <c r="E58483" s="1" t="s">
        <v>107333</v>
      </c>
      <c r="F58483" s="1" t="s">
        <v>196657</v>
      </c>
      <c r="G58483" s="1" t="s">
        <v>196647</v>
      </c>
      <c r="H58483" s="1" t="s">
        <v>196648</v>
      </c>
      <c r="I58483" s="1" t="s">
        <v>196378</v>
      </c>
      <c r="J58483" s="1" t="s">
        <v>196658</v>
      </c>
    </row>
    <row r="58484" spans="1:10" x14ac:dyDescent="0.35">
      <c r="A58484" s="1" t="s">
        <v>30020</v>
      </c>
      <c r="B58484" s="1" t="s">
        <v>196373</v>
      </c>
      <c r="C58484" s="1" t="s">
        <v>40</v>
      </c>
      <c r="D58484" s="1" t="s">
        <v>158994</v>
      </c>
      <c r="E58484" s="1" t="s">
        <v>196659</v>
      </c>
      <c r="F58484" s="1" t="s">
        <v>196660</v>
      </c>
      <c r="G58484" s="1" t="s">
        <v>196647</v>
      </c>
      <c r="H58484" s="1" t="s">
        <v>196648</v>
      </c>
      <c r="I58484" s="1" t="s">
        <v>196378</v>
      </c>
      <c r="J58484" s="1" t="s">
        <v>196661</v>
      </c>
    </row>
    <row r="58485" spans="1:10" x14ac:dyDescent="0.35">
      <c r="A58485" s="1" t="s">
        <v>30020</v>
      </c>
      <c r="B58485" s="1" t="s">
        <v>196373</v>
      </c>
      <c r="C58485" s="1" t="s">
        <v>45</v>
      </c>
      <c r="D58485" s="1" t="s">
        <v>56482</v>
      </c>
      <c r="E58485" s="1" t="s">
        <v>196662</v>
      </c>
      <c r="F58485" s="1" t="s">
        <v>196663</v>
      </c>
      <c r="G58485" s="1" t="s">
        <v>196647</v>
      </c>
      <c r="H58485" s="1" t="s">
        <v>196648</v>
      </c>
      <c r="I58485" s="1" t="s">
        <v>196378</v>
      </c>
      <c r="J58485" s="1" t="s">
        <v>196664</v>
      </c>
    </row>
    <row r="58486" spans="1:10" x14ac:dyDescent="0.35">
      <c r="A58486" s="1" t="s">
        <v>30020</v>
      </c>
      <c r="B58486" s="1" t="s">
        <v>196373</v>
      </c>
      <c r="C58486" s="1" t="s">
        <v>50</v>
      </c>
      <c r="D58486" s="1" t="s">
        <v>158486</v>
      </c>
      <c r="E58486" s="1" t="s">
        <v>107326</v>
      </c>
      <c r="F58486" s="1" t="s">
        <v>196665</v>
      </c>
      <c r="G58486" s="1" t="s">
        <v>196647</v>
      </c>
      <c r="H58486" s="1" t="s">
        <v>196648</v>
      </c>
      <c r="I58486" s="1" t="s">
        <v>196378</v>
      </c>
      <c r="J58486" s="1" t="s">
        <v>196666</v>
      </c>
    </row>
    <row r="58487" spans="1:10" x14ac:dyDescent="0.35">
      <c r="A58487" s="1" t="s">
        <v>30020</v>
      </c>
      <c r="B58487" s="1" t="s">
        <v>196373</v>
      </c>
      <c r="C58487" s="1" t="s">
        <v>55</v>
      </c>
      <c r="D58487" s="1" t="s">
        <v>3492</v>
      </c>
      <c r="E58487" s="1" t="s">
        <v>133113</v>
      </c>
      <c r="F58487" s="1" t="s">
        <v>55031</v>
      </c>
      <c r="G58487" s="1" t="s">
        <v>196647</v>
      </c>
      <c r="H58487" s="1" t="s">
        <v>196648</v>
      </c>
      <c r="I58487" s="1" t="s">
        <v>196378</v>
      </c>
      <c r="J58487" s="1" t="s">
        <v>196667</v>
      </c>
    </row>
    <row r="58488" spans="1:10" x14ac:dyDescent="0.35">
      <c r="A58488" s="1" t="s">
        <v>30020</v>
      </c>
      <c r="B58488" s="1" t="s">
        <v>196373</v>
      </c>
      <c r="C58488" s="1" t="s">
        <v>60</v>
      </c>
      <c r="D58488" s="1" t="s">
        <v>59757</v>
      </c>
      <c r="E58488" s="1" t="s">
        <v>196668</v>
      </c>
      <c r="F58488" s="1" t="s">
        <v>196669</v>
      </c>
      <c r="G58488" s="1" t="s">
        <v>196647</v>
      </c>
      <c r="H58488" s="1" t="s">
        <v>196648</v>
      </c>
      <c r="I58488" s="1" t="s">
        <v>196378</v>
      </c>
      <c r="J58488" s="1" t="s">
        <v>196670</v>
      </c>
    </row>
    <row r="58489" spans="1:10" x14ac:dyDescent="0.35">
      <c r="A58489" s="1" t="s">
        <v>30020</v>
      </c>
      <c r="B58489" s="1" t="s">
        <v>196373</v>
      </c>
      <c r="C58489" s="1" t="s">
        <v>65</v>
      </c>
      <c r="D58489" s="1" t="s">
        <v>61366</v>
      </c>
      <c r="E58489" s="1" t="s">
        <v>109534</v>
      </c>
      <c r="F58489" s="1" t="s">
        <v>196671</v>
      </c>
      <c r="G58489" s="1" t="s">
        <v>196647</v>
      </c>
      <c r="H58489" s="1" t="s">
        <v>196648</v>
      </c>
      <c r="I58489" s="1" t="s">
        <v>196378</v>
      </c>
      <c r="J58489" s="1" t="s">
        <v>196672</v>
      </c>
    </row>
    <row r="58490" spans="1:10" x14ac:dyDescent="0.35">
      <c r="A58490" s="1" t="s">
        <v>30020</v>
      </c>
      <c r="B58490" s="1" t="s">
        <v>196373</v>
      </c>
      <c r="C58490" s="1" t="s">
        <v>70</v>
      </c>
      <c r="D58490" s="1" t="s">
        <v>3530</v>
      </c>
      <c r="E58490" s="1" t="s">
        <v>196673</v>
      </c>
      <c r="F58490" s="1" t="s">
        <v>112269</v>
      </c>
      <c r="G58490" s="1" t="s">
        <v>196647</v>
      </c>
      <c r="H58490" s="1" t="s">
        <v>196648</v>
      </c>
      <c r="I58490" s="1" t="s">
        <v>196378</v>
      </c>
      <c r="J58490" s="1" t="s">
        <v>196674</v>
      </c>
    </row>
    <row r="58491" spans="1:10" x14ac:dyDescent="0.35">
      <c r="A58491" s="1" t="s">
        <v>30020</v>
      </c>
      <c r="B58491" s="1" t="s">
        <v>196373</v>
      </c>
      <c r="C58491" s="1" t="s">
        <v>75</v>
      </c>
      <c r="D58491" s="1" t="s">
        <v>63803</v>
      </c>
      <c r="E58491" s="1" t="s">
        <v>144842</v>
      </c>
      <c r="F58491" s="1" t="s">
        <v>97830</v>
      </c>
      <c r="G58491" s="1" t="s">
        <v>196647</v>
      </c>
      <c r="H58491" s="1" t="s">
        <v>196648</v>
      </c>
      <c r="I58491" s="1" t="s">
        <v>196378</v>
      </c>
      <c r="J58491" s="1" t="s">
        <v>196675</v>
      </c>
    </row>
    <row r="58492" spans="1:10" x14ac:dyDescent="0.35">
      <c r="A58492" s="1" t="s">
        <v>30020</v>
      </c>
      <c r="B58492" s="1" t="s">
        <v>196373</v>
      </c>
      <c r="C58492" s="1" t="s">
        <v>80</v>
      </c>
      <c r="D58492" s="1" t="s">
        <v>3483</v>
      </c>
      <c r="E58492" s="1" t="s">
        <v>135761</v>
      </c>
      <c r="F58492" s="1" t="s">
        <v>196676</v>
      </c>
      <c r="G58492" s="1" t="s">
        <v>196647</v>
      </c>
      <c r="H58492" s="1" t="s">
        <v>196648</v>
      </c>
      <c r="I58492" s="1" t="s">
        <v>196378</v>
      </c>
      <c r="J58492" s="1" t="s">
        <v>196677</v>
      </c>
    </row>
    <row r="58493" spans="1:10" x14ac:dyDescent="0.35">
      <c r="A58493" s="1" t="s">
        <v>30020</v>
      </c>
      <c r="B58493" s="1" t="s">
        <v>196373</v>
      </c>
      <c r="C58493" s="1" t="s">
        <v>85</v>
      </c>
      <c r="D58493" s="1" t="s">
        <v>1288</v>
      </c>
      <c r="E58493" s="1" t="s">
        <v>109534</v>
      </c>
      <c r="F58493" s="1" t="s">
        <v>196678</v>
      </c>
      <c r="G58493" s="1" t="s">
        <v>196647</v>
      </c>
      <c r="H58493" s="1" t="s">
        <v>196648</v>
      </c>
      <c r="I58493" s="1" t="s">
        <v>196378</v>
      </c>
      <c r="J58493" s="1" t="s">
        <v>196679</v>
      </c>
    </row>
    <row r="58494" spans="1:10" x14ac:dyDescent="0.35">
      <c r="A58494" s="1" t="s">
        <v>30020</v>
      </c>
      <c r="B58494" s="1" t="s">
        <v>196373</v>
      </c>
      <c r="C58494" s="1" t="s">
        <v>90</v>
      </c>
      <c r="D58494" s="1" t="s">
        <v>68838</v>
      </c>
      <c r="E58494" s="1" t="s">
        <v>109820</v>
      </c>
      <c r="F58494" s="1" t="s">
        <v>196680</v>
      </c>
      <c r="G58494" s="1" t="s">
        <v>196647</v>
      </c>
      <c r="H58494" s="1" t="s">
        <v>196648</v>
      </c>
      <c r="I58494" s="1" t="s">
        <v>196378</v>
      </c>
      <c r="J58494" s="1" t="s">
        <v>196681</v>
      </c>
    </row>
    <row r="58495" spans="1:10" x14ac:dyDescent="0.35">
      <c r="A58495" s="1" t="s">
        <v>30020</v>
      </c>
      <c r="B58495" s="1" t="s">
        <v>196373</v>
      </c>
      <c r="C58495" s="1" t="s">
        <v>95</v>
      </c>
      <c r="D58495" s="1" t="s">
        <v>70504</v>
      </c>
      <c r="E58495" s="1" t="s">
        <v>196682</v>
      </c>
      <c r="F58495" s="1" t="s">
        <v>196683</v>
      </c>
      <c r="G58495" s="1" t="s">
        <v>196647</v>
      </c>
      <c r="H58495" s="1" t="s">
        <v>196648</v>
      </c>
      <c r="I58495" s="1" t="s">
        <v>196378</v>
      </c>
      <c r="J58495" s="1" t="s">
        <v>196684</v>
      </c>
    </row>
    <row r="58496" spans="1:10" x14ac:dyDescent="0.35">
      <c r="A58496" s="1" t="s">
        <v>30020</v>
      </c>
      <c r="B58496" s="1" t="s">
        <v>196373</v>
      </c>
      <c r="C58496" s="1" t="s">
        <v>100</v>
      </c>
      <c r="D58496" s="1" t="s">
        <v>45590</v>
      </c>
      <c r="E58496" s="1" t="s">
        <v>131799</v>
      </c>
      <c r="F58496" s="1" t="s">
        <v>28201</v>
      </c>
      <c r="G58496" s="1" t="s">
        <v>196647</v>
      </c>
      <c r="H58496" s="1" t="s">
        <v>196648</v>
      </c>
      <c r="I58496" s="1" t="s">
        <v>196378</v>
      </c>
      <c r="J58496" s="1" t="s">
        <v>196685</v>
      </c>
    </row>
    <row r="58497" spans="1:10" x14ac:dyDescent="0.35">
      <c r="A58497" s="1" t="s">
        <v>30020</v>
      </c>
      <c r="B58497" s="1" t="s">
        <v>196373</v>
      </c>
      <c r="C58497" s="1" t="s">
        <v>105</v>
      </c>
      <c r="D58497" s="1" t="s">
        <v>1817</v>
      </c>
      <c r="E58497" s="1" t="s">
        <v>196686</v>
      </c>
      <c r="F58497" s="1" t="s">
        <v>23844</v>
      </c>
      <c r="G58497" s="1" t="s">
        <v>196647</v>
      </c>
      <c r="H58497" s="1" t="s">
        <v>196648</v>
      </c>
      <c r="I58497" s="1" t="s">
        <v>196378</v>
      </c>
      <c r="J58497" s="1" t="s">
        <v>196687</v>
      </c>
    </row>
    <row r="58498" spans="1:10" x14ac:dyDescent="0.35">
      <c r="A58498" s="1" t="s">
        <v>30020</v>
      </c>
      <c r="B58498" s="1" t="s">
        <v>196373</v>
      </c>
      <c r="C58498" s="1" t="s">
        <v>110</v>
      </c>
      <c r="D58498" s="1" t="s">
        <v>86410</v>
      </c>
      <c r="E58498" s="1" t="s">
        <v>144872</v>
      </c>
      <c r="F58498" s="1" t="s">
        <v>196688</v>
      </c>
      <c r="G58498" s="1" t="s">
        <v>196647</v>
      </c>
      <c r="H58498" s="1" t="s">
        <v>196648</v>
      </c>
      <c r="I58498" s="1" t="s">
        <v>196378</v>
      </c>
      <c r="J58498" s="1" t="s">
        <v>196689</v>
      </c>
    </row>
    <row r="58499" spans="1:10" x14ac:dyDescent="0.35">
      <c r="A58499" s="1" t="s">
        <v>30020</v>
      </c>
      <c r="B58499" s="1" t="s">
        <v>196373</v>
      </c>
      <c r="C58499" s="1" t="s">
        <v>115</v>
      </c>
      <c r="D58499" s="1" t="s">
        <v>92049</v>
      </c>
      <c r="E58499" s="1" t="s">
        <v>145074</v>
      </c>
      <c r="F58499" s="1" t="s">
        <v>196690</v>
      </c>
      <c r="G58499" s="1" t="s">
        <v>196647</v>
      </c>
      <c r="H58499" s="1" t="s">
        <v>196648</v>
      </c>
      <c r="I58499" s="1" t="s">
        <v>196378</v>
      </c>
      <c r="J58499" s="1" t="s">
        <v>196691</v>
      </c>
    </row>
    <row r="58500" spans="1:10" x14ac:dyDescent="0.35">
      <c r="A58500" s="1" t="s">
        <v>30020</v>
      </c>
      <c r="B58500" s="1" t="s">
        <v>196373</v>
      </c>
      <c r="C58500" s="1" t="s">
        <v>120</v>
      </c>
      <c r="D58500" s="1" t="s">
        <v>196692</v>
      </c>
      <c r="E58500" s="1" t="s">
        <v>135754</v>
      </c>
      <c r="F58500" s="1" t="s">
        <v>196693</v>
      </c>
      <c r="G58500" s="1" t="s">
        <v>196647</v>
      </c>
      <c r="H58500" s="1" t="s">
        <v>196648</v>
      </c>
      <c r="I58500" s="1" t="s">
        <v>196378</v>
      </c>
      <c r="J58500" s="1" t="s">
        <v>196694</v>
      </c>
    </row>
    <row r="58501" spans="1:10" x14ac:dyDescent="0.35">
      <c r="A58501" s="1" t="s">
        <v>30020</v>
      </c>
      <c r="B58501" s="1" t="s">
        <v>196373</v>
      </c>
      <c r="C58501" s="1" t="s">
        <v>125</v>
      </c>
      <c r="D58501" s="1" t="s">
        <v>1235</v>
      </c>
      <c r="E58501" s="1" t="s">
        <v>109772</v>
      </c>
      <c r="F58501" s="1" t="s">
        <v>196695</v>
      </c>
      <c r="G58501" s="1" t="s">
        <v>196647</v>
      </c>
      <c r="H58501" s="1" t="s">
        <v>196648</v>
      </c>
      <c r="I58501" s="1" t="s">
        <v>196378</v>
      </c>
      <c r="J58501" s="1" t="s">
        <v>42792</v>
      </c>
    </row>
    <row r="58502" spans="1:10" x14ac:dyDescent="0.35">
      <c r="A58502" s="1" t="s">
        <v>30020</v>
      </c>
      <c r="B58502" s="1" t="s">
        <v>196373</v>
      </c>
      <c r="C58502" s="1" t="s">
        <v>130</v>
      </c>
      <c r="D58502" s="1" t="s">
        <v>1520</v>
      </c>
      <c r="E58502" s="1" t="s">
        <v>196422</v>
      </c>
      <c r="F58502" s="1" t="s">
        <v>196696</v>
      </c>
      <c r="G58502" s="1" t="s">
        <v>196647</v>
      </c>
      <c r="H58502" s="1" t="s">
        <v>196648</v>
      </c>
      <c r="I58502" s="1" t="s">
        <v>196378</v>
      </c>
      <c r="J58502" s="1" t="s">
        <v>196697</v>
      </c>
    </row>
    <row r="58503" spans="1:10" x14ac:dyDescent="0.35">
      <c r="A58503" s="1" t="s">
        <v>30020</v>
      </c>
      <c r="B58503" s="1" t="s">
        <v>196373</v>
      </c>
      <c r="C58503" s="1" t="s">
        <v>135</v>
      </c>
      <c r="D58503" s="1" t="s">
        <v>196698</v>
      </c>
      <c r="E58503" s="1" t="s">
        <v>109772</v>
      </c>
      <c r="F58503" s="1" t="s">
        <v>196699</v>
      </c>
      <c r="G58503" s="1" t="s">
        <v>196647</v>
      </c>
      <c r="H58503" s="1" t="s">
        <v>196648</v>
      </c>
      <c r="I58503" s="1" t="s">
        <v>196378</v>
      </c>
      <c r="J58503" s="1" t="s">
        <v>196700</v>
      </c>
    </row>
    <row r="58504" spans="1:10" x14ac:dyDescent="0.35">
      <c r="A58504" s="1" t="s">
        <v>30020</v>
      </c>
      <c r="B58504" s="1" t="s">
        <v>196373</v>
      </c>
      <c r="C58504" s="1" t="s">
        <v>140</v>
      </c>
      <c r="D58504" s="1" t="s">
        <v>7017</v>
      </c>
      <c r="E58504" s="1" t="s">
        <v>196682</v>
      </c>
      <c r="F58504" s="1" t="s">
        <v>196701</v>
      </c>
      <c r="G58504" s="1" t="s">
        <v>196647</v>
      </c>
      <c r="H58504" s="1" t="s">
        <v>196648</v>
      </c>
      <c r="I58504" s="1" t="s">
        <v>196378</v>
      </c>
      <c r="J58504" s="1" t="s">
        <v>196702</v>
      </c>
    </row>
    <row r="58505" spans="1:10" x14ac:dyDescent="0.35">
      <c r="A58505" s="1" t="s">
        <v>30020</v>
      </c>
      <c r="B58505" s="1" t="s">
        <v>196373</v>
      </c>
      <c r="C58505" s="1" t="s">
        <v>145</v>
      </c>
      <c r="D58505" s="1" t="s">
        <v>9850</v>
      </c>
      <c r="E58505" s="1" t="s">
        <v>109863</v>
      </c>
      <c r="F58505" s="1" t="s">
        <v>196703</v>
      </c>
      <c r="G58505" s="1" t="s">
        <v>196647</v>
      </c>
      <c r="H58505" s="1" t="s">
        <v>196648</v>
      </c>
      <c r="I58505" s="1" t="s">
        <v>196378</v>
      </c>
      <c r="J58505" s="1" t="s">
        <v>196704</v>
      </c>
    </row>
    <row r="58506" spans="1:10" x14ac:dyDescent="0.35">
      <c r="A58506" s="1" t="s">
        <v>30020</v>
      </c>
      <c r="B58506" s="1" t="s">
        <v>196373</v>
      </c>
      <c r="C58506" s="1" t="s">
        <v>150</v>
      </c>
      <c r="D58506" s="1" t="s">
        <v>25218</v>
      </c>
      <c r="E58506" s="1" t="s">
        <v>135751</v>
      </c>
      <c r="F58506" s="1" t="s">
        <v>196705</v>
      </c>
      <c r="G58506" s="1" t="s">
        <v>196647</v>
      </c>
      <c r="H58506" s="1" t="s">
        <v>196648</v>
      </c>
      <c r="I58506" s="1" t="s">
        <v>196378</v>
      </c>
      <c r="J58506" s="1" t="s">
        <v>196706</v>
      </c>
    </row>
    <row r="58507" spans="1:10" x14ac:dyDescent="0.35">
      <c r="A58507" s="1" t="s">
        <v>30020</v>
      </c>
      <c r="B58507" s="1" t="s">
        <v>196373</v>
      </c>
      <c r="C58507" s="1" t="s">
        <v>155</v>
      </c>
      <c r="D58507" s="1" t="s">
        <v>121267</v>
      </c>
      <c r="E58507" s="1" t="s">
        <v>196707</v>
      </c>
      <c r="F58507" s="1" t="s">
        <v>196708</v>
      </c>
      <c r="G58507" s="1" t="s">
        <v>196647</v>
      </c>
      <c r="H58507" s="1" t="s">
        <v>196648</v>
      </c>
      <c r="I58507" s="1" t="s">
        <v>196378</v>
      </c>
      <c r="J58507" s="1" t="s">
        <v>196709</v>
      </c>
    </row>
    <row r="58508" spans="1:10" x14ac:dyDescent="0.35">
      <c r="A58508" s="1" t="s">
        <v>30020</v>
      </c>
      <c r="B58508" s="1" t="s">
        <v>196373</v>
      </c>
      <c r="C58508" s="1" t="s">
        <v>160</v>
      </c>
      <c r="D58508" s="1" t="s">
        <v>25218</v>
      </c>
      <c r="E58508" s="1" t="s">
        <v>135751</v>
      </c>
      <c r="F58508" s="1" t="s">
        <v>196710</v>
      </c>
      <c r="G58508" s="1" t="s">
        <v>196647</v>
      </c>
      <c r="H58508" s="1" t="s">
        <v>196648</v>
      </c>
      <c r="I58508" s="1" t="s">
        <v>196378</v>
      </c>
      <c r="J58508" s="1" t="s">
        <v>196711</v>
      </c>
    </row>
    <row r="58509" spans="1:10" x14ac:dyDescent="0.35">
      <c r="A58509" s="1" t="s">
        <v>30020</v>
      </c>
      <c r="B58509" s="1" t="s">
        <v>196373</v>
      </c>
      <c r="C58509" s="1" t="s">
        <v>165</v>
      </c>
      <c r="D58509" s="1" t="s">
        <v>3573</v>
      </c>
      <c r="E58509" s="1" t="s">
        <v>77789</v>
      </c>
      <c r="F58509" s="1" t="s">
        <v>129818</v>
      </c>
      <c r="G58509" s="1" t="s">
        <v>196647</v>
      </c>
      <c r="H58509" s="1" t="s">
        <v>196648</v>
      </c>
      <c r="I58509" s="1" t="s">
        <v>196378</v>
      </c>
      <c r="J58509" s="1" t="s">
        <v>196712</v>
      </c>
    </row>
    <row r="58510" spans="1:10" x14ac:dyDescent="0.35">
      <c r="A58510" s="1" t="s">
        <v>30020</v>
      </c>
      <c r="B58510" s="1" t="s">
        <v>196373</v>
      </c>
      <c r="C58510" s="1" t="s">
        <v>170</v>
      </c>
      <c r="D58510" s="1" t="s">
        <v>51472</v>
      </c>
      <c r="E58510" s="1" t="s">
        <v>126698</v>
      </c>
      <c r="F58510" s="1" t="s">
        <v>196713</v>
      </c>
      <c r="G58510" s="1" t="s">
        <v>196647</v>
      </c>
      <c r="H58510" s="1" t="s">
        <v>196648</v>
      </c>
      <c r="I58510" s="1" t="s">
        <v>196378</v>
      </c>
      <c r="J58510" s="1" t="s">
        <v>51475</v>
      </c>
    </row>
    <row r="58511" spans="1:10" x14ac:dyDescent="0.35">
      <c r="A58511" s="1" t="s">
        <v>29320</v>
      </c>
      <c r="B58511" s="1" t="s">
        <v>196714</v>
      </c>
      <c r="C58511" s="1" t="s">
        <v>8</v>
      </c>
      <c r="D58511" s="1" t="s">
        <v>28432</v>
      </c>
      <c r="E58511" s="1" t="s">
        <v>73385</v>
      </c>
      <c r="F58511" s="1" t="s">
        <v>196715</v>
      </c>
      <c r="G58511" s="1" t="s">
        <v>196716</v>
      </c>
      <c r="H58511" s="1" t="s">
        <v>196717</v>
      </c>
      <c r="I58511" s="1" t="s">
        <v>196718</v>
      </c>
      <c r="J58511" s="1" t="s">
        <v>13</v>
      </c>
    </row>
    <row r="58512" spans="1:10" x14ac:dyDescent="0.35">
      <c r="A58512" s="1" t="s">
        <v>29320</v>
      </c>
      <c r="B58512" s="1" t="s">
        <v>196714</v>
      </c>
      <c r="C58512" s="1" t="s">
        <v>15</v>
      </c>
      <c r="D58512" s="1" t="s">
        <v>29668</v>
      </c>
      <c r="E58512" s="1" t="s">
        <v>110630</v>
      </c>
      <c r="F58512" s="1" t="s">
        <v>196719</v>
      </c>
      <c r="G58512" s="1" t="s">
        <v>196716</v>
      </c>
      <c r="H58512" s="1" t="s">
        <v>196717</v>
      </c>
      <c r="I58512" s="1" t="s">
        <v>196718</v>
      </c>
      <c r="J58512" s="1" t="s">
        <v>196720</v>
      </c>
    </row>
    <row r="58513" spans="1:10" x14ac:dyDescent="0.35">
      <c r="A58513" s="1" t="s">
        <v>29320</v>
      </c>
      <c r="B58513" s="1" t="s">
        <v>196714</v>
      </c>
      <c r="C58513" s="1" t="s">
        <v>20</v>
      </c>
      <c r="D58513" s="1" t="s">
        <v>25506</v>
      </c>
      <c r="E58513" s="1" t="s">
        <v>196721</v>
      </c>
      <c r="F58513" s="1" t="s">
        <v>196722</v>
      </c>
      <c r="G58513" s="1" t="s">
        <v>196716</v>
      </c>
      <c r="H58513" s="1" t="s">
        <v>196717</v>
      </c>
      <c r="I58513" s="1" t="s">
        <v>196718</v>
      </c>
      <c r="J58513" s="1" t="s">
        <v>196723</v>
      </c>
    </row>
    <row r="58514" spans="1:10" x14ac:dyDescent="0.35">
      <c r="A58514" s="1" t="s">
        <v>29320</v>
      </c>
      <c r="B58514" s="1" t="s">
        <v>196714</v>
      </c>
      <c r="C58514" s="1" t="s">
        <v>25</v>
      </c>
      <c r="D58514" s="1" t="s">
        <v>2865</v>
      </c>
      <c r="E58514" s="1" t="s">
        <v>110507</v>
      </c>
      <c r="F58514" s="1" t="s">
        <v>196724</v>
      </c>
      <c r="G58514" s="1" t="s">
        <v>196716</v>
      </c>
      <c r="H58514" s="1" t="s">
        <v>196717</v>
      </c>
      <c r="I58514" s="1" t="s">
        <v>196718</v>
      </c>
      <c r="J58514" s="1" t="s">
        <v>196725</v>
      </c>
    </row>
    <row r="58515" spans="1:10" x14ac:dyDescent="0.35">
      <c r="A58515" s="1" t="s">
        <v>29320</v>
      </c>
      <c r="B58515" s="1" t="s">
        <v>196714</v>
      </c>
      <c r="C58515" s="1" t="s">
        <v>30</v>
      </c>
      <c r="D58515" s="1" t="s">
        <v>119150</v>
      </c>
      <c r="E58515" s="1" t="s">
        <v>4875</v>
      </c>
      <c r="F58515" s="1" t="s">
        <v>196726</v>
      </c>
      <c r="G58515" s="1" t="s">
        <v>196716</v>
      </c>
      <c r="H58515" s="1" t="s">
        <v>196717</v>
      </c>
      <c r="I58515" s="1" t="s">
        <v>196718</v>
      </c>
      <c r="J58515" s="1" t="s">
        <v>196727</v>
      </c>
    </row>
    <row r="58516" spans="1:10" x14ac:dyDescent="0.35">
      <c r="A58516" s="1" t="s">
        <v>29320</v>
      </c>
      <c r="B58516" s="1" t="s">
        <v>196714</v>
      </c>
      <c r="C58516" s="1" t="s">
        <v>35</v>
      </c>
      <c r="D58516" s="1" t="s">
        <v>161997</v>
      </c>
      <c r="E58516" s="1" t="s">
        <v>110588</v>
      </c>
      <c r="F58516" s="1" t="s">
        <v>131607</v>
      </c>
      <c r="G58516" s="1" t="s">
        <v>196716</v>
      </c>
      <c r="H58516" s="1" t="s">
        <v>196717</v>
      </c>
      <c r="I58516" s="1" t="s">
        <v>196718</v>
      </c>
      <c r="J58516" s="1" t="s">
        <v>196728</v>
      </c>
    </row>
    <row r="58517" spans="1:10" x14ac:dyDescent="0.35">
      <c r="A58517" s="1" t="s">
        <v>29320</v>
      </c>
      <c r="B58517" s="1" t="s">
        <v>196714</v>
      </c>
      <c r="C58517" s="1" t="s">
        <v>40</v>
      </c>
      <c r="D58517" s="1" t="s">
        <v>196729</v>
      </c>
      <c r="E58517" s="1" t="s">
        <v>196730</v>
      </c>
      <c r="F58517" s="1" t="s">
        <v>196731</v>
      </c>
      <c r="G58517" s="1" t="s">
        <v>196716</v>
      </c>
      <c r="H58517" s="1" t="s">
        <v>196717</v>
      </c>
      <c r="I58517" s="1" t="s">
        <v>196718</v>
      </c>
      <c r="J58517" s="1" t="s">
        <v>196732</v>
      </c>
    </row>
    <row r="58518" spans="1:10" x14ac:dyDescent="0.35">
      <c r="A58518" s="1" t="s">
        <v>29320</v>
      </c>
      <c r="B58518" s="1" t="s">
        <v>196714</v>
      </c>
      <c r="C58518" s="1" t="s">
        <v>45</v>
      </c>
      <c r="D58518" s="1" t="s">
        <v>35197</v>
      </c>
      <c r="E58518" s="1" t="s">
        <v>196733</v>
      </c>
      <c r="F58518" s="1" t="s">
        <v>196734</v>
      </c>
      <c r="G58518" s="1" t="s">
        <v>196716</v>
      </c>
      <c r="H58518" s="1" t="s">
        <v>196717</v>
      </c>
      <c r="I58518" s="1" t="s">
        <v>196718</v>
      </c>
      <c r="J58518" s="1" t="s">
        <v>196735</v>
      </c>
    </row>
    <row r="58519" spans="1:10" x14ac:dyDescent="0.35">
      <c r="A58519" s="1" t="s">
        <v>29320</v>
      </c>
      <c r="B58519" s="1" t="s">
        <v>196714</v>
      </c>
      <c r="C58519" s="1" t="s">
        <v>50</v>
      </c>
      <c r="D58519" s="1" t="s">
        <v>7519</v>
      </c>
      <c r="E58519" s="1" t="s">
        <v>196736</v>
      </c>
      <c r="F58519" s="1" t="s">
        <v>196737</v>
      </c>
      <c r="G58519" s="1" t="s">
        <v>196716</v>
      </c>
      <c r="H58519" s="1" t="s">
        <v>196717</v>
      </c>
      <c r="I58519" s="1" t="s">
        <v>196718</v>
      </c>
      <c r="J58519" s="1" t="s">
        <v>109808</v>
      </c>
    </row>
    <row r="58520" spans="1:10" x14ac:dyDescent="0.35">
      <c r="A58520" s="1" t="s">
        <v>29320</v>
      </c>
      <c r="B58520" s="1" t="s">
        <v>196714</v>
      </c>
      <c r="C58520" s="1" t="s">
        <v>55</v>
      </c>
      <c r="D58520" s="1" t="s">
        <v>15449</v>
      </c>
      <c r="E58520" s="1" t="s">
        <v>109910</v>
      </c>
      <c r="F58520" s="1" t="s">
        <v>196738</v>
      </c>
      <c r="G58520" s="1" t="s">
        <v>196716</v>
      </c>
      <c r="H58520" s="1" t="s">
        <v>196717</v>
      </c>
      <c r="I58520" s="1" t="s">
        <v>196718</v>
      </c>
      <c r="J58520" s="1" t="s">
        <v>196739</v>
      </c>
    </row>
    <row r="58521" spans="1:10" x14ac:dyDescent="0.35">
      <c r="A58521" s="1" t="s">
        <v>29320</v>
      </c>
      <c r="B58521" s="1" t="s">
        <v>196714</v>
      </c>
      <c r="C58521" s="1" t="s">
        <v>60</v>
      </c>
      <c r="D58521" s="1" t="s">
        <v>121106</v>
      </c>
      <c r="E58521" s="1" t="s">
        <v>4812</v>
      </c>
      <c r="F58521" s="1" t="s">
        <v>196740</v>
      </c>
      <c r="G58521" s="1" t="s">
        <v>196716</v>
      </c>
      <c r="H58521" s="1" t="s">
        <v>196717</v>
      </c>
      <c r="I58521" s="1" t="s">
        <v>196718</v>
      </c>
      <c r="J58521" s="1" t="s">
        <v>196741</v>
      </c>
    </row>
    <row r="58522" spans="1:10" x14ac:dyDescent="0.35">
      <c r="A58522" s="1" t="s">
        <v>29320</v>
      </c>
      <c r="B58522" s="1" t="s">
        <v>196714</v>
      </c>
      <c r="C58522" s="1" t="s">
        <v>65</v>
      </c>
      <c r="D58522" s="1" t="s">
        <v>3350</v>
      </c>
      <c r="E58522" s="1" t="s">
        <v>110535</v>
      </c>
      <c r="F58522" s="1" t="s">
        <v>139203</v>
      </c>
      <c r="G58522" s="1" t="s">
        <v>196716</v>
      </c>
      <c r="H58522" s="1" t="s">
        <v>196717</v>
      </c>
      <c r="I58522" s="1" t="s">
        <v>196718</v>
      </c>
      <c r="J58522" s="1" t="s">
        <v>196742</v>
      </c>
    </row>
    <row r="58523" spans="1:10" x14ac:dyDescent="0.35">
      <c r="A58523" s="1" t="s">
        <v>29320</v>
      </c>
      <c r="B58523" s="1" t="s">
        <v>196714</v>
      </c>
      <c r="C58523" s="1" t="s">
        <v>70</v>
      </c>
      <c r="D58523" s="1" t="s">
        <v>52023</v>
      </c>
      <c r="E58523" s="1" t="s">
        <v>142953</v>
      </c>
      <c r="F58523" s="1" t="s">
        <v>196743</v>
      </c>
      <c r="G58523" s="1" t="s">
        <v>196716</v>
      </c>
      <c r="H58523" s="1" t="s">
        <v>196717</v>
      </c>
      <c r="I58523" s="1" t="s">
        <v>196718</v>
      </c>
      <c r="J58523" s="1" t="s">
        <v>196744</v>
      </c>
    </row>
    <row r="58524" spans="1:10" x14ac:dyDescent="0.35">
      <c r="A58524" s="1" t="s">
        <v>29320</v>
      </c>
      <c r="B58524" s="1" t="s">
        <v>196714</v>
      </c>
      <c r="C58524" s="1" t="s">
        <v>75</v>
      </c>
      <c r="D58524" s="1" t="s">
        <v>38792</v>
      </c>
      <c r="E58524" s="1" t="s">
        <v>196745</v>
      </c>
      <c r="F58524" s="1" t="s">
        <v>196746</v>
      </c>
      <c r="G58524" s="1" t="s">
        <v>196716</v>
      </c>
      <c r="H58524" s="1" t="s">
        <v>196717</v>
      </c>
      <c r="I58524" s="1" t="s">
        <v>196718</v>
      </c>
      <c r="J58524" s="1" t="s">
        <v>196747</v>
      </c>
    </row>
    <row r="58525" spans="1:10" x14ac:dyDescent="0.35">
      <c r="A58525" s="1" t="s">
        <v>29320</v>
      </c>
      <c r="B58525" s="1" t="s">
        <v>196714</v>
      </c>
      <c r="C58525" s="1" t="s">
        <v>80</v>
      </c>
      <c r="D58525" s="1" t="s">
        <v>72249</v>
      </c>
      <c r="E58525" s="1" t="s">
        <v>4859</v>
      </c>
      <c r="F58525" s="1" t="s">
        <v>196748</v>
      </c>
      <c r="G58525" s="1" t="s">
        <v>196716</v>
      </c>
      <c r="H58525" s="1" t="s">
        <v>196717</v>
      </c>
      <c r="I58525" s="1" t="s">
        <v>196718</v>
      </c>
      <c r="J58525" s="1" t="s">
        <v>196749</v>
      </c>
    </row>
    <row r="58526" spans="1:10" x14ac:dyDescent="0.35">
      <c r="A58526" s="1" t="s">
        <v>29320</v>
      </c>
      <c r="B58526" s="1" t="s">
        <v>196714</v>
      </c>
      <c r="C58526" s="1" t="s">
        <v>85</v>
      </c>
      <c r="D58526" s="1" t="s">
        <v>118508</v>
      </c>
      <c r="E58526" s="1" t="s">
        <v>196750</v>
      </c>
      <c r="F58526" s="1" t="s">
        <v>196751</v>
      </c>
      <c r="G58526" s="1" t="s">
        <v>196716</v>
      </c>
      <c r="H58526" s="1" t="s">
        <v>196717</v>
      </c>
      <c r="I58526" s="1" t="s">
        <v>196718</v>
      </c>
      <c r="J58526" s="1" t="s">
        <v>196752</v>
      </c>
    </row>
    <row r="58527" spans="1:10" x14ac:dyDescent="0.35">
      <c r="A58527" s="1" t="s">
        <v>29320</v>
      </c>
      <c r="B58527" s="1" t="s">
        <v>196714</v>
      </c>
      <c r="C58527" s="1" t="s">
        <v>90</v>
      </c>
      <c r="D58527" s="1" t="s">
        <v>196753</v>
      </c>
      <c r="E58527" s="1" t="s">
        <v>196733</v>
      </c>
      <c r="F58527" s="1" t="s">
        <v>196754</v>
      </c>
      <c r="G58527" s="1" t="s">
        <v>196716</v>
      </c>
      <c r="H58527" s="1" t="s">
        <v>196717</v>
      </c>
      <c r="I58527" s="1" t="s">
        <v>196718</v>
      </c>
      <c r="J58527" s="1" t="s">
        <v>196755</v>
      </c>
    </row>
    <row r="58528" spans="1:10" x14ac:dyDescent="0.35">
      <c r="A58528" s="1" t="s">
        <v>29320</v>
      </c>
      <c r="B58528" s="1" t="s">
        <v>196714</v>
      </c>
      <c r="C58528" s="1" t="s">
        <v>95</v>
      </c>
      <c r="D58528" s="1" t="s">
        <v>70784</v>
      </c>
      <c r="E58528" s="1" t="s">
        <v>110674</v>
      </c>
      <c r="F58528" s="1" t="s">
        <v>196756</v>
      </c>
      <c r="G58528" s="1" t="s">
        <v>196716</v>
      </c>
      <c r="H58528" s="1" t="s">
        <v>196717</v>
      </c>
      <c r="I58528" s="1" t="s">
        <v>196718</v>
      </c>
      <c r="J58528" s="1" t="s">
        <v>196757</v>
      </c>
    </row>
    <row r="58529" spans="1:10" x14ac:dyDescent="0.35">
      <c r="A58529" s="1" t="s">
        <v>29320</v>
      </c>
      <c r="B58529" s="1" t="s">
        <v>196714</v>
      </c>
      <c r="C58529" s="1" t="s">
        <v>100</v>
      </c>
      <c r="D58529" s="1" t="s">
        <v>49509</v>
      </c>
      <c r="E58529" s="1" t="s">
        <v>6756</v>
      </c>
      <c r="F58529" s="1" t="s">
        <v>196758</v>
      </c>
      <c r="G58529" s="1" t="s">
        <v>196716</v>
      </c>
      <c r="H58529" s="1" t="s">
        <v>196717</v>
      </c>
      <c r="I58529" s="1" t="s">
        <v>196718</v>
      </c>
      <c r="J58529" s="1" t="s">
        <v>196759</v>
      </c>
    </row>
    <row r="58530" spans="1:10" x14ac:dyDescent="0.35">
      <c r="A58530" s="1" t="s">
        <v>29320</v>
      </c>
      <c r="B58530" s="1" t="s">
        <v>196714</v>
      </c>
      <c r="C58530" s="1" t="s">
        <v>105</v>
      </c>
      <c r="D58530" s="1" t="s">
        <v>123482</v>
      </c>
      <c r="E58530" s="1" t="s">
        <v>196736</v>
      </c>
      <c r="F58530" s="1" t="s">
        <v>196760</v>
      </c>
      <c r="G58530" s="1" t="s">
        <v>196716</v>
      </c>
      <c r="H58530" s="1" t="s">
        <v>196717</v>
      </c>
      <c r="I58530" s="1" t="s">
        <v>196718</v>
      </c>
      <c r="J58530" s="1" t="s">
        <v>196761</v>
      </c>
    </row>
    <row r="58531" spans="1:10" x14ac:dyDescent="0.35">
      <c r="A58531" s="1" t="s">
        <v>29320</v>
      </c>
      <c r="B58531" s="1" t="s">
        <v>196714</v>
      </c>
      <c r="C58531" s="1" t="s">
        <v>110</v>
      </c>
      <c r="D58531" s="1" t="s">
        <v>7965</v>
      </c>
      <c r="E58531" s="1" t="s">
        <v>196762</v>
      </c>
      <c r="F58531" s="1" t="s">
        <v>196763</v>
      </c>
      <c r="G58531" s="1" t="s">
        <v>196716</v>
      </c>
      <c r="H58531" s="1" t="s">
        <v>196717</v>
      </c>
      <c r="I58531" s="1" t="s">
        <v>196718</v>
      </c>
      <c r="J58531" s="1" t="s">
        <v>196764</v>
      </c>
    </row>
    <row r="58532" spans="1:10" x14ac:dyDescent="0.35">
      <c r="A58532" s="1" t="s">
        <v>29320</v>
      </c>
      <c r="B58532" s="1" t="s">
        <v>196714</v>
      </c>
      <c r="C58532" s="1" t="s">
        <v>115</v>
      </c>
      <c r="D58532" s="1" t="s">
        <v>112059</v>
      </c>
      <c r="E58532" s="1" t="s">
        <v>142947</v>
      </c>
      <c r="F58532" s="1" t="s">
        <v>196765</v>
      </c>
      <c r="G58532" s="1" t="s">
        <v>196716</v>
      </c>
      <c r="H58532" s="1" t="s">
        <v>196717</v>
      </c>
      <c r="I58532" s="1" t="s">
        <v>196718</v>
      </c>
      <c r="J58532" s="1" t="s">
        <v>196766</v>
      </c>
    </row>
    <row r="58533" spans="1:10" x14ac:dyDescent="0.35">
      <c r="A58533" s="1" t="s">
        <v>29320</v>
      </c>
      <c r="B58533" s="1" t="s">
        <v>196714</v>
      </c>
      <c r="C58533" s="1" t="s">
        <v>120</v>
      </c>
      <c r="D58533" s="1" t="s">
        <v>110915</v>
      </c>
      <c r="E58533" s="1" t="s">
        <v>110620</v>
      </c>
      <c r="F58533" s="1" t="s">
        <v>196767</v>
      </c>
      <c r="G58533" s="1" t="s">
        <v>196716</v>
      </c>
      <c r="H58533" s="1" t="s">
        <v>196717</v>
      </c>
      <c r="I58533" s="1" t="s">
        <v>196718</v>
      </c>
      <c r="J58533" s="1" t="s">
        <v>196768</v>
      </c>
    </row>
    <row r="58534" spans="1:10" x14ac:dyDescent="0.35">
      <c r="A58534" s="1" t="s">
        <v>29320</v>
      </c>
      <c r="B58534" s="1" t="s">
        <v>196714</v>
      </c>
      <c r="C58534" s="1" t="s">
        <v>125</v>
      </c>
      <c r="D58534" s="1" t="s">
        <v>25615</v>
      </c>
      <c r="E58534" s="1" t="s">
        <v>110643</v>
      </c>
      <c r="F58534" s="1" t="s">
        <v>196769</v>
      </c>
      <c r="G58534" s="1" t="s">
        <v>196716</v>
      </c>
      <c r="H58534" s="1" t="s">
        <v>196717</v>
      </c>
      <c r="I58534" s="1" t="s">
        <v>196718</v>
      </c>
      <c r="J58534" s="1" t="s">
        <v>196770</v>
      </c>
    </row>
    <row r="58535" spans="1:10" x14ac:dyDescent="0.35">
      <c r="A58535" s="1" t="s">
        <v>29320</v>
      </c>
      <c r="B58535" s="1" t="s">
        <v>196714</v>
      </c>
      <c r="C58535" s="1" t="s">
        <v>130</v>
      </c>
      <c r="D58535" s="1" t="s">
        <v>151302</v>
      </c>
      <c r="E58535" s="1" t="s">
        <v>196736</v>
      </c>
      <c r="F58535" s="1" t="s">
        <v>196771</v>
      </c>
      <c r="G58535" s="1" t="s">
        <v>196716</v>
      </c>
      <c r="H58535" s="1" t="s">
        <v>196717</v>
      </c>
      <c r="I58535" s="1" t="s">
        <v>196718</v>
      </c>
      <c r="J58535" s="1" t="s">
        <v>196772</v>
      </c>
    </row>
    <row r="58536" spans="1:10" x14ac:dyDescent="0.35">
      <c r="A58536" s="1" t="s">
        <v>29320</v>
      </c>
      <c r="B58536" s="1" t="s">
        <v>196714</v>
      </c>
      <c r="C58536" s="1" t="s">
        <v>135</v>
      </c>
      <c r="D58536" s="1" t="s">
        <v>37481</v>
      </c>
      <c r="E58536" s="1" t="s">
        <v>142975</v>
      </c>
      <c r="F58536" s="1" t="s">
        <v>88221</v>
      </c>
      <c r="G58536" s="1" t="s">
        <v>196716</v>
      </c>
      <c r="H58536" s="1" t="s">
        <v>196717</v>
      </c>
      <c r="I58536" s="1" t="s">
        <v>196718</v>
      </c>
      <c r="J58536" s="1" t="s">
        <v>196773</v>
      </c>
    </row>
    <row r="58537" spans="1:10" x14ac:dyDescent="0.35">
      <c r="A58537" s="1" t="s">
        <v>29320</v>
      </c>
      <c r="B58537" s="1" t="s">
        <v>196714</v>
      </c>
      <c r="C58537" s="1" t="s">
        <v>140</v>
      </c>
      <c r="D58537" s="1" t="s">
        <v>44921</v>
      </c>
      <c r="E58537" s="1" t="s">
        <v>196774</v>
      </c>
      <c r="F58537" s="1" t="s">
        <v>196775</v>
      </c>
      <c r="G58537" s="1" t="s">
        <v>196716</v>
      </c>
      <c r="H58537" s="1" t="s">
        <v>196717</v>
      </c>
      <c r="I58537" s="1" t="s">
        <v>196718</v>
      </c>
      <c r="J58537" s="1" t="s">
        <v>196776</v>
      </c>
    </row>
    <row r="58538" spans="1:10" x14ac:dyDescent="0.35">
      <c r="A58538" s="1" t="s">
        <v>29320</v>
      </c>
      <c r="B58538" s="1" t="s">
        <v>196714</v>
      </c>
      <c r="C58538" s="1" t="s">
        <v>145</v>
      </c>
      <c r="D58538" s="1" t="s">
        <v>9570</v>
      </c>
      <c r="E58538" s="1" t="s">
        <v>110664</v>
      </c>
      <c r="F58538" s="1" t="s">
        <v>196777</v>
      </c>
      <c r="G58538" s="1" t="s">
        <v>196716</v>
      </c>
      <c r="H58538" s="1" t="s">
        <v>196717</v>
      </c>
      <c r="I58538" s="1" t="s">
        <v>196718</v>
      </c>
      <c r="J58538" s="1" t="s">
        <v>196778</v>
      </c>
    </row>
    <row r="58539" spans="1:10" x14ac:dyDescent="0.35">
      <c r="A58539" s="1" t="s">
        <v>29320</v>
      </c>
      <c r="B58539" s="1" t="s">
        <v>196714</v>
      </c>
      <c r="C58539" s="1" t="s">
        <v>150</v>
      </c>
      <c r="D58539" s="1" t="s">
        <v>109918</v>
      </c>
      <c r="E58539" s="1" t="s">
        <v>110643</v>
      </c>
      <c r="F58539" s="1" t="s">
        <v>196779</v>
      </c>
      <c r="G58539" s="1" t="s">
        <v>196716</v>
      </c>
      <c r="H58539" s="1" t="s">
        <v>196717</v>
      </c>
      <c r="I58539" s="1" t="s">
        <v>196718</v>
      </c>
      <c r="J58539" s="1" t="s">
        <v>196780</v>
      </c>
    </row>
    <row r="58540" spans="1:10" x14ac:dyDescent="0.35">
      <c r="A58540" s="1" t="s">
        <v>29320</v>
      </c>
      <c r="B58540" s="1" t="s">
        <v>196714</v>
      </c>
      <c r="C58540" s="1" t="s">
        <v>155</v>
      </c>
      <c r="D58540" s="1" t="s">
        <v>175856</v>
      </c>
      <c r="E58540" s="1" t="s">
        <v>8029</v>
      </c>
      <c r="F58540" s="1" t="s">
        <v>196781</v>
      </c>
      <c r="G58540" s="1" t="s">
        <v>196716</v>
      </c>
      <c r="H58540" s="1" t="s">
        <v>196717</v>
      </c>
      <c r="I58540" s="1" t="s">
        <v>196718</v>
      </c>
      <c r="J58540" s="1" t="s">
        <v>196782</v>
      </c>
    </row>
    <row r="58541" spans="1:10" x14ac:dyDescent="0.35">
      <c r="A58541" s="1" t="s">
        <v>29320</v>
      </c>
      <c r="B58541" s="1" t="s">
        <v>196714</v>
      </c>
      <c r="C58541" s="1" t="s">
        <v>160</v>
      </c>
      <c r="D58541" s="1" t="s">
        <v>117714</v>
      </c>
      <c r="E58541" s="1" t="s">
        <v>196774</v>
      </c>
      <c r="F58541" s="1" t="s">
        <v>102742</v>
      </c>
      <c r="G58541" s="1" t="s">
        <v>196716</v>
      </c>
      <c r="H58541" s="1" t="s">
        <v>196717</v>
      </c>
      <c r="I58541" s="1" t="s">
        <v>196718</v>
      </c>
      <c r="J58541" s="1" t="s">
        <v>196783</v>
      </c>
    </row>
    <row r="58542" spans="1:10" x14ac:dyDescent="0.35">
      <c r="A58542" s="1" t="s">
        <v>29320</v>
      </c>
      <c r="B58542" s="1" t="s">
        <v>196714</v>
      </c>
      <c r="C58542" s="1" t="s">
        <v>165</v>
      </c>
      <c r="D58542" s="1" t="s">
        <v>72858</v>
      </c>
      <c r="E58542" s="1" t="s">
        <v>196784</v>
      </c>
      <c r="F58542" s="1" t="s">
        <v>196785</v>
      </c>
      <c r="G58542" s="1" t="s">
        <v>196716</v>
      </c>
      <c r="H58542" s="1" t="s">
        <v>196717</v>
      </c>
      <c r="I58542" s="1" t="s">
        <v>196718</v>
      </c>
      <c r="J58542" s="1" t="s">
        <v>196786</v>
      </c>
    </row>
    <row r="58543" spans="1:10" x14ac:dyDescent="0.35">
      <c r="A58543" s="1" t="s">
        <v>29320</v>
      </c>
      <c r="B58543" s="1" t="s">
        <v>196714</v>
      </c>
      <c r="C58543" s="1" t="s">
        <v>170</v>
      </c>
      <c r="D58543" s="1" t="s">
        <v>5123</v>
      </c>
      <c r="E58543" s="1" t="s">
        <v>196787</v>
      </c>
      <c r="F58543" s="1" t="s">
        <v>196788</v>
      </c>
      <c r="G58543" s="1" t="s">
        <v>196716</v>
      </c>
      <c r="H58543" s="1" t="s">
        <v>196717</v>
      </c>
      <c r="I58543" s="1" t="s">
        <v>196718</v>
      </c>
      <c r="J58543" s="1" t="s">
        <v>196789</v>
      </c>
    </row>
    <row r="58544" spans="1:10" x14ac:dyDescent="0.35">
      <c r="A58544" s="1" t="s">
        <v>143065</v>
      </c>
      <c r="B58544" s="1" t="s">
        <v>196714</v>
      </c>
      <c r="C58544" s="1" t="s">
        <v>8</v>
      </c>
      <c r="D58544" s="1" t="s">
        <v>196790</v>
      </c>
      <c r="E58544" s="1" t="s">
        <v>28978</v>
      </c>
      <c r="F58544" s="1" t="s">
        <v>134118</v>
      </c>
      <c r="G58544" s="1" t="s">
        <v>196791</v>
      </c>
      <c r="H58544" s="1" t="s">
        <v>196792</v>
      </c>
      <c r="I58544" s="1" t="s">
        <v>196718</v>
      </c>
      <c r="J58544" s="1" t="s">
        <v>13</v>
      </c>
    </row>
    <row r="58545" spans="1:10" x14ac:dyDescent="0.35">
      <c r="A58545" s="1" t="s">
        <v>143065</v>
      </c>
      <c r="B58545" s="1" t="s">
        <v>196714</v>
      </c>
      <c r="C58545" s="1" t="s">
        <v>15</v>
      </c>
      <c r="D58545" s="1" t="s">
        <v>196793</v>
      </c>
      <c r="E58545" s="1" t="s">
        <v>28225</v>
      </c>
      <c r="F58545" s="1" t="s">
        <v>196794</v>
      </c>
      <c r="G58545" s="1" t="s">
        <v>196791</v>
      </c>
      <c r="H58545" s="1" t="s">
        <v>196792</v>
      </c>
      <c r="I58545" s="1" t="s">
        <v>196718</v>
      </c>
      <c r="J58545" s="1" t="s">
        <v>196795</v>
      </c>
    </row>
    <row r="58546" spans="1:10" x14ac:dyDescent="0.35">
      <c r="A58546" s="1" t="s">
        <v>143065</v>
      </c>
      <c r="B58546" s="1" t="s">
        <v>196714</v>
      </c>
      <c r="C58546" s="1" t="s">
        <v>20</v>
      </c>
      <c r="D58546" s="1" t="s">
        <v>196796</v>
      </c>
      <c r="E58546" s="1" t="s">
        <v>196797</v>
      </c>
      <c r="F58546" s="1" t="s">
        <v>196798</v>
      </c>
      <c r="G58546" s="1" t="s">
        <v>196791</v>
      </c>
      <c r="H58546" s="1" t="s">
        <v>196792</v>
      </c>
      <c r="I58546" s="1" t="s">
        <v>196718</v>
      </c>
      <c r="J58546" s="1" t="s">
        <v>196799</v>
      </c>
    </row>
    <row r="58547" spans="1:10" x14ac:dyDescent="0.35">
      <c r="A58547" s="1" t="s">
        <v>143065</v>
      </c>
      <c r="B58547" s="1" t="s">
        <v>196714</v>
      </c>
      <c r="C58547" s="1" t="s">
        <v>25</v>
      </c>
      <c r="D58547" s="1" t="s">
        <v>73292</v>
      </c>
      <c r="E58547" s="1" t="s">
        <v>196800</v>
      </c>
      <c r="F58547" s="1" t="s">
        <v>196801</v>
      </c>
      <c r="G58547" s="1" t="s">
        <v>196791</v>
      </c>
      <c r="H58547" s="1" t="s">
        <v>196792</v>
      </c>
      <c r="I58547" s="1" t="s">
        <v>196718</v>
      </c>
      <c r="J58547" s="1" t="s">
        <v>14060</v>
      </c>
    </row>
    <row r="58548" spans="1:10" x14ac:dyDescent="0.35">
      <c r="A58548" s="1" t="s">
        <v>143065</v>
      </c>
      <c r="B58548" s="1" t="s">
        <v>196714</v>
      </c>
      <c r="C58548" s="1" t="s">
        <v>30</v>
      </c>
      <c r="D58548" s="1" t="s">
        <v>33921</v>
      </c>
      <c r="E58548" s="1" t="s">
        <v>28023</v>
      </c>
      <c r="F58548" s="1" t="s">
        <v>196802</v>
      </c>
      <c r="G58548" s="1" t="s">
        <v>196791</v>
      </c>
      <c r="H58548" s="1" t="s">
        <v>196792</v>
      </c>
      <c r="I58548" s="1" t="s">
        <v>196718</v>
      </c>
      <c r="J58548" s="1" t="s">
        <v>196803</v>
      </c>
    </row>
    <row r="58549" spans="1:10" x14ac:dyDescent="0.35">
      <c r="A58549" s="1" t="s">
        <v>143065</v>
      </c>
      <c r="B58549" s="1" t="s">
        <v>196714</v>
      </c>
      <c r="C58549" s="1" t="s">
        <v>35</v>
      </c>
      <c r="D58549" s="1" t="s">
        <v>116591</v>
      </c>
      <c r="E58549" s="1" t="s">
        <v>28311</v>
      </c>
      <c r="F58549" s="1" t="s">
        <v>196804</v>
      </c>
      <c r="G58549" s="1" t="s">
        <v>196791</v>
      </c>
      <c r="H58549" s="1" t="s">
        <v>196792</v>
      </c>
      <c r="I58549" s="1" t="s">
        <v>196718</v>
      </c>
      <c r="J58549" s="1" t="s">
        <v>196805</v>
      </c>
    </row>
    <row r="58550" spans="1:10" x14ac:dyDescent="0.35">
      <c r="A58550" s="1" t="s">
        <v>143065</v>
      </c>
      <c r="B58550" s="1" t="s">
        <v>196714</v>
      </c>
      <c r="C58550" s="1" t="s">
        <v>40</v>
      </c>
      <c r="D58550" s="1" t="s">
        <v>116591</v>
      </c>
      <c r="E58550" s="1" t="s">
        <v>196806</v>
      </c>
      <c r="F58550" s="1" t="s">
        <v>196807</v>
      </c>
      <c r="G58550" s="1" t="s">
        <v>196791</v>
      </c>
      <c r="H58550" s="1" t="s">
        <v>196792</v>
      </c>
      <c r="I58550" s="1" t="s">
        <v>196718</v>
      </c>
      <c r="J58550" s="1" t="s">
        <v>1180</v>
      </c>
    </row>
    <row r="58551" spans="1:10" x14ac:dyDescent="0.35">
      <c r="A58551" s="1" t="s">
        <v>143065</v>
      </c>
      <c r="B58551" s="1" t="s">
        <v>196714</v>
      </c>
      <c r="C58551" s="1" t="s">
        <v>45</v>
      </c>
      <c r="D58551" s="1" t="s">
        <v>196808</v>
      </c>
      <c r="E58551" s="1" t="s">
        <v>15153</v>
      </c>
      <c r="F58551" s="1" t="s">
        <v>196809</v>
      </c>
      <c r="G58551" s="1" t="s">
        <v>196791</v>
      </c>
      <c r="H58551" s="1" t="s">
        <v>196792</v>
      </c>
      <c r="I58551" s="1" t="s">
        <v>196718</v>
      </c>
      <c r="J58551" s="1" t="s">
        <v>196810</v>
      </c>
    </row>
    <row r="58552" spans="1:10" x14ac:dyDescent="0.35">
      <c r="A58552" s="1" t="s">
        <v>143065</v>
      </c>
      <c r="B58552" s="1" t="s">
        <v>196714</v>
      </c>
      <c r="C58552" s="1" t="s">
        <v>50</v>
      </c>
      <c r="D58552" s="1" t="s">
        <v>72686</v>
      </c>
      <c r="E58552" s="1" t="s">
        <v>196811</v>
      </c>
      <c r="F58552" s="1" t="s">
        <v>196812</v>
      </c>
      <c r="G58552" s="1" t="s">
        <v>196791</v>
      </c>
      <c r="H58552" s="1" t="s">
        <v>196792</v>
      </c>
      <c r="I58552" s="1" t="s">
        <v>196718</v>
      </c>
      <c r="J58552" s="1" t="s">
        <v>196813</v>
      </c>
    </row>
    <row r="58553" spans="1:10" x14ac:dyDescent="0.35">
      <c r="A58553" s="1" t="s">
        <v>143065</v>
      </c>
      <c r="B58553" s="1" t="s">
        <v>196714</v>
      </c>
      <c r="C58553" s="1" t="s">
        <v>55</v>
      </c>
      <c r="D58553" s="1" t="s">
        <v>196814</v>
      </c>
      <c r="E58553" s="1" t="s">
        <v>110086</v>
      </c>
      <c r="F58553" s="1" t="s">
        <v>196815</v>
      </c>
      <c r="G58553" s="1" t="s">
        <v>196791</v>
      </c>
      <c r="H58553" s="1" t="s">
        <v>196792</v>
      </c>
      <c r="I58553" s="1" t="s">
        <v>196718</v>
      </c>
      <c r="J58553" s="1" t="s">
        <v>196816</v>
      </c>
    </row>
    <row r="58554" spans="1:10" x14ac:dyDescent="0.35">
      <c r="A58554" s="1" t="s">
        <v>143065</v>
      </c>
      <c r="B58554" s="1" t="s">
        <v>196714</v>
      </c>
      <c r="C58554" s="1" t="s">
        <v>60</v>
      </c>
      <c r="D58554" s="1" t="s">
        <v>8797</v>
      </c>
      <c r="E58554" s="1" t="s">
        <v>51379</v>
      </c>
      <c r="F58554" s="1" t="s">
        <v>100121</v>
      </c>
      <c r="G58554" s="1" t="s">
        <v>196791</v>
      </c>
      <c r="H58554" s="1" t="s">
        <v>196792</v>
      </c>
      <c r="I58554" s="1" t="s">
        <v>196718</v>
      </c>
      <c r="J58554" s="1" t="s">
        <v>196817</v>
      </c>
    </row>
    <row r="58555" spans="1:10" x14ac:dyDescent="0.35">
      <c r="A58555" s="1" t="s">
        <v>143065</v>
      </c>
      <c r="B58555" s="1" t="s">
        <v>196714</v>
      </c>
      <c r="C58555" s="1" t="s">
        <v>65</v>
      </c>
      <c r="D58555" s="1" t="s">
        <v>10684</v>
      </c>
      <c r="E58555" s="1" t="s">
        <v>196818</v>
      </c>
      <c r="F58555" s="1" t="s">
        <v>196819</v>
      </c>
      <c r="G58555" s="1" t="s">
        <v>196791</v>
      </c>
      <c r="H58555" s="1" t="s">
        <v>196792</v>
      </c>
      <c r="I58555" s="1" t="s">
        <v>196718</v>
      </c>
      <c r="J58555" s="1" t="s">
        <v>196820</v>
      </c>
    </row>
    <row r="58556" spans="1:10" x14ac:dyDescent="0.35">
      <c r="A58556" s="1" t="s">
        <v>143065</v>
      </c>
      <c r="B58556" s="1" t="s">
        <v>196714</v>
      </c>
      <c r="C58556" s="1" t="s">
        <v>70</v>
      </c>
      <c r="D58556" s="1" t="s">
        <v>48979</v>
      </c>
      <c r="E58556" s="1" t="s">
        <v>196821</v>
      </c>
      <c r="F58556" s="1" t="s">
        <v>196822</v>
      </c>
      <c r="G58556" s="1" t="s">
        <v>196791</v>
      </c>
      <c r="H58556" s="1" t="s">
        <v>196792</v>
      </c>
      <c r="I58556" s="1" t="s">
        <v>196718</v>
      </c>
      <c r="J58556" s="1" t="s">
        <v>196823</v>
      </c>
    </row>
    <row r="58557" spans="1:10" x14ac:dyDescent="0.35">
      <c r="A58557" s="1" t="s">
        <v>143065</v>
      </c>
      <c r="B58557" s="1" t="s">
        <v>196714</v>
      </c>
      <c r="C58557" s="1" t="s">
        <v>75</v>
      </c>
      <c r="D58557" s="1" t="s">
        <v>185018</v>
      </c>
      <c r="E58557" s="1" t="s">
        <v>196824</v>
      </c>
      <c r="F58557" s="1" t="s">
        <v>196825</v>
      </c>
      <c r="G58557" s="1" t="s">
        <v>196791</v>
      </c>
      <c r="H58557" s="1" t="s">
        <v>196792</v>
      </c>
      <c r="I58557" s="1" t="s">
        <v>196718</v>
      </c>
      <c r="J58557" s="1" t="s">
        <v>196826</v>
      </c>
    </row>
    <row r="58558" spans="1:10" x14ac:dyDescent="0.35">
      <c r="A58558" s="1" t="s">
        <v>143065</v>
      </c>
      <c r="B58558" s="1" t="s">
        <v>196714</v>
      </c>
      <c r="C58558" s="1" t="s">
        <v>80</v>
      </c>
      <c r="D58558" s="1" t="s">
        <v>126568</v>
      </c>
      <c r="E58558" s="1" t="s">
        <v>196827</v>
      </c>
      <c r="F58558" s="1" t="s">
        <v>147819</v>
      </c>
      <c r="G58558" s="1" t="s">
        <v>196791</v>
      </c>
      <c r="H58558" s="1" t="s">
        <v>196792</v>
      </c>
      <c r="I58558" s="1" t="s">
        <v>196718</v>
      </c>
      <c r="J58558" s="1" t="s">
        <v>196828</v>
      </c>
    </row>
    <row r="58559" spans="1:10" x14ac:dyDescent="0.35">
      <c r="A58559" s="1" t="s">
        <v>143065</v>
      </c>
      <c r="B58559" s="1" t="s">
        <v>196714</v>
      </c>
      <c r="C58559" s="1" t="s">
        <v>85</v>
      </c>
      <c r="D58559" s="1" t="s">
        <v>183343</v>
      </c>
      <c r="E58559" s="1" t="s">
        <v>28278</v>
      </c>
      <c r="F58559" s="1" t="s">
        <v>196829</v>
      </c>
      <c r="G58559" s="1" t="s">
        <v>196791</v>
      </c>
      <c r="H58559" s="1" t="s">
        <v>196792</v>
      </c>
      <c r="I58559" s="1" t="s">
        <v>196718</v>
      </c>
      <c r="J58559" s="1" t="s">
        <v>196830</v>
      </c>
    </row>
    <row r="58560" spans="1:10" x14ac:dyDescent="0.35">
      <c r="A58560" s="1" t="s">
        <v>143065</v>
      </c>
      <c r="B58560" s="1" t="s">
        <v>196714</v>
      </c>
      <c r="C58560" s="1" t="s">
        <v>90</v>
      </c>
      <c r="D58560" s="1" t="s">
        <v>104380</v>
      </c>
      <c r="E58560" s="1" t="s">
        <v>196818</v>
      </c>
      <c r="F58560" s="1" t="s">
        <v>143584</v>
      </c>
      <c r="G58560" s="1" t="s">
        <v>196791</v>
      </c>
      <c r="H58560" s="1" t="s">
        <v>196792</v>
      </c>
      <c r="I58560" s="1" t="s">
        <v>196718</v>
      </c>
      <c r="J58560" s="1" t="s">
        <v>196831</v>
      </c>
    </row>
    <row r="58561" spans="1:10" x14ac:dyDescent="0.35">
      <c r="A58561" s="1" t="s">
        <v>143065</v>
      </c>
      <c r="B58561" s="1" t="s">
        <v>196714</v>
      </c>
      <c r="C58561" s="1" t="s">
        <v>95</v>
      </c>
      <c r="D58561" s="1" t="s">
        <v>196832</v>
      </c>
      <c r="E58561" s="1" t="s">
        <v>15085</v>
      </c>
      <c r="F58561" s="1" t="s">
        <v>196833</v>
      </c>
      <c r="G58561" s="1" t="s">
        <v>196791</v>
      </c>
      <c r="H58561" s="1" t="s">
        <v>196792</v>
      </c>
      <c r="I58561" s="1" t="s">
        <v>196718</v>
      </c>
      <c r="J58561" s="1" t="s">
        <v>196834</v>
      </c>
    </row>
    <row r="58562" spans="1:10" x14ac:dyDescent="0.35">
      <c r="A58562" s="1" t="s">
        <v>143065</v>
      </c>
      <c r="B58562" s="1" t="s">
        <v>196714</v>
      </c>
      <c r="C58562" s="1" t="s">
        <v>100</v>
      </c>
      <c r="D58562" s="1" t="s">
        <v>125138</v>
      </c>
      <c r="E58562" s="1" t="s">
        <v>28988</v>
      </c>
      <c r="F58562" s="1" t="s">
        <v>196835</v>
      </c>
      <c r="G58562" s="1" t="s">
        <v>196791</v>
      </c>
      <c r="H58562" s="1" t="s">
        <v>196792</v>
      </c>
      <c r="I58562" s="1" t="s">
        <v>196718</v>
      </c>
      <c r="J58562" s="1" t="s">
        <v>196836</v>
      </c>
    </row>
    <row r="58563" spans="1:10" x14ac:dyDescent="0.35">
      <c r="A58563" s="1" t="s">
        <v>143065</v>
      </c>
      <c r="B58563" s="1" t="s">
        <v>196714</v>
      </c>
      <c r="C58563" s="1" t="s">
        <v>105</v>
      </c>
      <c r="D58563" s="1" t="s">
        <v>609</v>
      </c>
      <c r="E58563" s="1" t="s">
        <v>8778</v>
      </c>
      <c r="F58563" s="1" t="s">
        <v>196837</v>
      </c>
      <c r="G58563" s="1" t="s">
        <v>196791</v>
      </c>
      <c r="H58563" s="1" t="s">
        <v>196792</v>
      </c>
      <c r="I58563" s="1" t="s">
        <v>196718</v>
      </c>
      <c r="J58563" s="1" t="s">
        <v>196838</v>
      </c>
    </row>
    <row r="58564" spans="1:10" x14ac:dyDescent="0.35">
      <c r="A58564" s="1" t="s">
        <v>143065</v>
      </c>
      <c r="B58564" s="1" t="s">
        <v>196714</v>
      </c>
      <c r="C58564" s="1" t="s">
        <v>110</v>
      </c>
      <c r="D58564" s="1" t="s">
        <v>72362</v>
      </c>
      <c r="E58564" s="1" t="s">
        <v>110132</v>
      </c>
      <c r="F58564" s="1" t="s">
        <v>196839</v>
      </c>
      <c r="G58564" s="1" t="s">
        <v>196791</v>
      </c>
      <c r="H58564" s="1" t="s">
        <v>196792</v>
      </c>
      <c r="I58564" s="1" t="s">
        <v>196718</v>
      </c>
      <c r="J58564" s="1" t="s">
        <v>196840</v>
      </c>
    </row>
    <row r="58565" spans="1:10" x14ac:dyDescent="0.35">
      <c r="A58565" s="1" t="s">
        <v>143065</v>
      </c>
      <c r="B58565" s="1" t="s">
        <v>196714</v>
      </c>
      <c r="C58565" s="1" t="s">
        <v>115</v>
      </c>
      <c r="D58565" s="1" t="s">
        <v>9673</v>
      </c>
      <c r="E58565" s="1" t="s">
        <v>28260</v>
      </c>
      <c r="F58565" s="1" t="s">
        <v>196841</v>
      </c>
      <c r="G58565" s="1" t="s">
        <v>196791</v>
      </c>
      <c r="H58565" s="1" t="s">
        <v>196792</v>
      </c>
      <c r="I58565" s="1" t="s">
        <v>196718</v>
      </c>
      <c r="J58565" s="1" t="s">
        <v>196842</v>
      </c>
    </row>
    <row r="58566" spans="1:10" x14ac:dyDescent="0.35">
      <c r="A58566" s="1" t="s">
        <v>143065</v>
      </c>
      <c r="B58566" s="1" t="s">
        <v>196714</v>
      </c>
      <c r="C58566" s="1" t="s">
        <v>120</v>
      </c>
      <c r="D58566" s="1" t="s">
        <v>3104</v>
      </c>
      <c r="E58566" s="1" t="s">
        <v>28236</v>
      </c>
      <c r="F58566" s="1" t="s">
        <v>196843</v>
      </c>
      <c r="G58566" s="1" t="s">
        <v>196791</v>
      </c>
      <c r="H58566" s="1" t="s">
        <v>196792</v>
      </c>
      <c r="I58566" s="1" t="s">
        <v>196718</v>
      </c>
      <c r="J58566" s="1" t="s">
        <v>196844</v>
      </c>
    </row>
    <row r="58567" spans="1:10" x14ac:dyDescent="0.35">
      <c r="A58567" s="1" t="s">
        <v>143065</v>
      </c>
      <c r="B58567" s="1" t="s">
        <v>196714</v>
      </c>
      <c r="C58567" s="1" t="s">
        <v>125</v>
      </c>
      <c r="D58567" s="1" t="s">
        <v>15926</v>
      </c>
      <c r="E58567" s="1" t="s">
        <v>8794</v>
      </c>
      <c r="F58567" s="1" t="s">
        <v>196845</v>
      </c>
      <c r="G58567" s="1" t="s">
        <v>196791</v>
      </c>
      <c r="H58567" s="1" t="s">
        <v>196792</v>
      </c>
      <c r="I58567" s="1" t="s">
        <v>196718</v>
      </c>
      <c r="J58567" s="1" t="s">
        <v>196846</v>
      </c>
    </row>
    <row r="58568" spans="1:10" x14ac:dyDescent="0.35">
      <c r="A58568" s="1" t="s">
        <v>143065</v>
      </c>
      <c r="B58568" s="1" t="s">
        <v>196714</v>
      </c>
      <c r="C58568" s="1" t="s">
        <v>130</v>
      </c>
      <c r="D58568" s="1" t="s">
        <v>156013</v>
      </c>
      <c r="E58568" s="1" t="s">
        <v>28149</v>
      </c>
      <c r="F58568" s="1" t="s">
        <v>196847</v>
      </c>
      <c r="G58568" s="1" t="s">
        <v>196791</v>
      </c>
      <c r="H58568" s="1" t="s">
        <v>196792</v>
      </c>
      <c r="I58568" s="1" t="s">
        <v>196718</v>
      </c>
      <c r="J58568" s="1" t="s">
        <v>196848</v>
      </c>
    </row>
    <row r="58569" spans="1:10" x14ac:dyDescent="0.35">
      <c r="A58569" s="1" t="s">
        <v>143065</v>
      </c>
      <c r="B58569" s="1" t="s">
        <v>196714</v>
      </c>
      <c r="C58569" s="1" t="s">
        <v>135</v>
      </c>
      <c r="D58569" s="1" t="s">
        <v>196849</v>
      </c>
      <c r="E58569" s="1" t="s">
        <v>8832</v>
      </c>
      <c r="F58569" s="1" t="s">
        <v>196850</v>
      </c>
      <c r="G58569" s="1" t="s">
        <v>196791</v>
      </c>
      <c r="H58569" s="1" t="s">
        <v>196792</v>
      </c>
      <c r="I58569" s="1" t="s">
        <v>196718</v>
      </c>
      <c r="J58569" s="1" t="s">
        <v>196851</v>
      </c>
    </row>
    <row r="58570" spans="1:10" x14ac:dyDescent="0.35">
      <c r="A58570" s="1" t="s">
        <v>143065</v>
      </c>
      <c r="B58570" s="1" t="s">
        <v>196714</v>
      </c>
      <c r="C58570" s="1" t="s">
        <v>140</v>
      </c>
      <c r="D58570" s="1" t="s">
        <v>160249</v>
      </c>
      <c r="E58570" s="1" t="s">
        <v>50894</v>
      </c>
      <c r="F58570" s="1" t="s">
        <v>196852</v>
      </c>
      <c r="G58570" s="1" t="s">
        <v>196791</v>
      </c>
      <c r="H58570" s="1" t="s">
        <v>196792</v>
      </c>
      <c r="I58570" s="1" t="s">
        <v>196718</v>
      </c>
      <c r="J58570" s="1" t="s">
        <v>196853</v>
      </c>
    </row>
    <row r="58571" spans="1:10" x14ac:dyDescent="0.35">
      <c r="A58571" s="1" t="s">
        <v>143065</v>
      </c>
      <c r="B58571" s="1" t="s">
        <v>196714</v>
      </c>
      <c r="C58571" s="1" t="s">
        <v>145</v>
      </c>
      <c r="D58571" s="1" t="s">
        <v>135286</v>
      </c>
      <c r="E58571" s="1" t="s">
        <v>28096</v>
      </c>
      <c r="F58571" s="1" t="s">
        <v>196854</v>
      </c>
      <c r="G58571" s="1" t="s">
        <v>196791</v>
      </c>
      <c r="H58571" s="1" t="s">
        <v>196792</v>
      </c>
      <c r="I58571" s="1" t="s">
        <v>196718</v>
      </c>
      <c r="J58571" s="1" t="s">
        <v>196855</v>
      </c>
    </row>
    <row r="58572" spans="1:10" x14ac:dyDescent="0.35">
      <c r="A58572" s="1" t="s">
        <v>143065</v>
      </c>
      <c r="B58572" s="1" t="s">
        <v>196714</v>
      </c>
      <c r="C58572" s="1" t="s">
        <v>150</v>
      </c>
      <c r="D58572" s="1" t="s">
        <v>35817</v>
      </c>
      <c r="E58572" s="1" t="s">
        <v>29039</v>
      </c>
      <c r="F58572" s="1" t="s">
        <v>196856</v>
      </c>
      <c r="G58572" s="1" t="s">
        <v>196791</v>
      </c>
      <c r="H58572" s="1" t="s">
        <v>196792</v>
      </c>
      <c r="I58572" s="1" t="s">
        <v>196718</v>
      </c>
      <c r="J58572" s="1" t="s">
        <v>196857</v>
      </c>
    </row>
    <row r="58573" spans="1:10" x14ac:dyDescent="0.35">
      <c r="A58573" s="1" t="s">
        <v>143065</v>
      </c>
      <c r="B58573" s="1" t="s">
        <v>196714</v>
      </c>
      <c r="C58573" s="1" t="s">
        <v>155</v>
      </c>
      <c r="D58573" s="1" t="s">
        <v>5344</v>
      </c>
      <c r="E58573" s="1" t="s">
        <v>29079</v>
      </c>
      <c r="F58573" s="1" t="s">
        <v>196858</v>
      </c>
      <c r="G58573" s="1" t="s">
        <v>196791</v>
      </c>
      <c r="H58573" s="1" t="s">
        <v>196792</v>
      </c>
      <c r="I58573" s="1" t="s">
        <v>196718</v>
      </c>
      <c r="J58573" s="1" t="s">
        <v>196859</v>
      </c>
    </row>
    <row r="58574" spans="1:10" x14ac:dyDescent="0.35">
      <c r="A58574" s="1" t="s">
        <v>143065</v>
      </c>
      <c r="B58574" s="1" t="s">
        <v>196714</v>
      </c>
      <c r="C58574" s="1" t="s">
        <v>160</v>
      </c>
      <c r="D58574" s="1" t="s">
        <v>196860</v>
      </c>
      <c r="E58574" s="1" t="s">
        <v>196861</v>
      </c>
      <c r="F58574" s="1" t="s">
        <v>196862</v>
      </c>
      <c r="G58574" s="1" t="s">
        <v>196791</v>
      </c>
      <c r="H58574" s="1" t="s">
        <v>196792</v>
      </c>
      <c r="I58574" s="1" t="s">
        <v>196718</v>
      </c>
      <c r="J58574" s="1" t="s">
        <v>196863</v>
      </c>
    </row>
    <row r="58575" spans="1:10" x14ac:dyDescent="0.35">
      <c r="A58575" s="1" t="s">
        <v>143065</v>
      </c>
      <c r="B58575" s="1" t="s">
        <v>196714</v>
      </c>
      <c r="C58575" s="1" t="s">
        <v>165</v>
      </c>
      <c r="D58575" s="1" t="s">
        <v>73405</v>
      </c>
      <c r="E58575" s="1" t="s">
        <v>196864</v>
      </c>
      <c r="F58575" s="1" t="s">
        <v>196865</v>
      </c>
      <c r="G58575" s="1" t="s">
        <v>196791</v>
      </c>
      <c r="H58575" s="1" t="s">
        <v>196792</v>
      </c>
      <c r="I58575" s="1" t="s">
        <v>196718</v>
      </c>
      <c r="J58575" s="1" t="s">
        <v>196866</v>
      </c>
    </row>
    <row r="58576" spans="1:10" x14ac:dyDescent="0.35">
      <c r="A58576" s="1" t="s">
        <v>143065</v>
      </c>
      <c r="B58576" s="1" t="s">
        <v>196714</v>
      </c>
      <c r="C58576" s="1" t="s">
        <v>170</v>
      </c>
      <c r="D58576" s="1" t="s">
        <v>73781</v>
      </c>
      <c r="E58576" s="1" t="s">
        <v>28200</v>
      </c>
      <c r="F58576" s="1" t="s">
        <v>196867</v>
      </c>
      <c r="G58576" s="1" t="s">
        <v>196791</v>
      </c>
      <c r="H58576" s="1" t="s">
        <v>196792</v>
      </c>
      <c r="I58576" s="1" t="s">
        <v>196718</v>
      </c>
      <c r="J58576" s="1" t="s">
        <v>196868</v>
      </c>
    </row>
    <row r="58577" spans="1:10" x14ac:dyDescent="0.35">
      <c r="A58577" s="1" t="s">
        <v>111072</v>
      </c>
      <c r="B58577" s="1" t="s">
        <v>196714</v>
      </c>
      <c r="C58577" s="1" t="s">
        <v>8</v>
      </c>
      <c r="D58577" s="1" t="s">
        <v>152458</v>
      </c>
      <c r="E58577" s="1" t="s">
        <v>196869</v>
      </c>
      <c r="F58577" s="1" t="s">
        <v>112645</v>
      </c>
      <c r="G58577" s="1" t="s">
        <v>196870</v>
      </c>
      <c r="H58577" s="1" t="s">
        <v>196871</v>
      </c>
      <c r="I58577" s="1" t="s">
        <v>196718</v>
      </c>
      <c r="J58577" s="1" t="s">
        <v>13</v>
      </c>
    </row>
    <row r="58578" spans="1:10" x14ac:dyDescent="0.35">
      <c r="A58578" s="1" t="s">
        <v>111072</v>
      </c>
      <c r="B58578" s="1" t="s">
        <v>196714</v>
      </c>
      <c r="C58578" s="1" t="s">
        <v>15</v>
      </c>
      <c r="D58578" s="1" t="s">
        <v>196872</v>
      </c>
      <c r="E58578" s="1" t="s">
        <v>196873</v>
      </c>
      <c r="F58578" s="1" t="s">
        <v>196874</v>
      </c>
      <c r="G58578" s="1" t="s">
        <v>196870</v>
      </c>
      <c r="H58578" s="1" t="s">
        <v>196871</v>
      </c>
      <c r="I58578" s="1" t="s">
        <v>196718</v>
      </c>
      <c r="J58578" s="1" t="s">
        <v>196875</v>
      </c>
    </row>
    <row r="58579" spans="1:10" x14ac:dyDescent="0.35">
      <c r="A58579" s="1" t="s">
        <v>111072</v>
      </c>
      <c r="B58579" s="1" t="s">
        <v>196714</v>
      </c>
      <c r="C58579" s="1" t="s">
        <v>20</v>
      </c>
      <c r="D58579" s="1" t="s">
        <v>28690</v>
      </c>
      <c r="E58579" s="1" t="s">
        <v>196876</v>
      </c>
      <c r="F58579" s="1" t="s">
        <v>196877</v>
      </c>
      <c r="G58579" s="1" t="s">
        <v>196870</v>
      </c>
      <c r="H58579" s="1" t="s">
        <v>196871</v>
      </c>
      <c r="I58579" s="1" t="s">
        <v>196718</v>
      </c>
      <c r="J58579" s="1" t="s">
        <v>196878</v>
      </c>
    </row>
    <row r="58580" spans="1:10" x14ac:dyDescent="0.35">
      <c r="A58580" s="1" t="s">
        <v>111072</v>
      </c>
      <c r="B58580" s="1" t="s">
        <v>196714</v>
      </c>
      <c r="C58580" s="1" t="s">
        <v>25</v>
      </c>
      <c r="D58580" s="1" t="s">
        <v>3252</v>
      </c>
      <c r="E58580" s="1" t="s">
        <v>196879</v>
      </c>
      <c r="F58580" s="1" t="s">
        <v>196880</v>
      </c>
      <c r="G58580" s="1" t="s">
        <v>196870</v>
      </c>
      <c r="H58580" s="1" t="s">
        <v>196871</v>
      </c>
      <c r="I58580" s="1" t="s">
        <v>196718</v>
      </c>
      <c r="J58580" s="1" t="s">
        <v>196881</v>
      </c>
    </row>
    <row r="58581" spans="1:10" x14ac:dyDescent="0.35">
      <c r="A58581" s="1" t="s">
        <v>111072</v>
      </c>
      <c r="B58581" s="1" t="s">
        <v>196714</v>
      </c>
      <c r="C58581" s="1" t="s">
        <v>30</v>
      </c>
      <c r="D58581" s="1" t="s">
        <v>83220</v>
      </c>
      <c r="E58581" s="1" t="s">
        <v>196882</v>
      </c>
      <c r="F58581" s="1" t="s">
        <v>196883</v>
      </c>
      <c r="G58581" s="1" t="s">
        <v>196870</v>
      </c>
      <c r="H58581" s="1" t="s">
        <v>196871</v>
      </c>
      <c r="I58581" s="1" t="s">
        <v>196718</v>
      </c>
      <c r="J58581" s="1" t="s">
        <v>196884</v>
      </c>
    </row>
    <row r="58582" spans="1:10" x14ac:dyDescent="0.35">
      <c r="A58582" s="1" t="s">
        <v>111072</v>
      </c>
      <c r="B58582" s="1" t="s">
        <v>196714</v>
      </c>
      <c r="C58582" s="1" t="s">
        <v>35</v>
      </c>
      <c r="D58582" s="1" t="s">
        <v>125845</v>
      </c>
      <c r="E58582" s="1" t="s">
        <v>196885</v>
      </c>
      <c r="F58582" s="1" t="s">
        <v>196886</v>
      </c>
      <c r="G58582" s="1" t="s">
        <v>196870</v>
      </c>
      <c r="H58582" s="1" t="s">
        <v>196871</v>
      </c>
      <c r="I58582" s="1" t="s">
        <v>196718</v>
      </c>
      <c r="J58582" s="1" t="s">
        <v>196887</v>
      </c>
    </row>
    <row r="58583" spans="1:10" x14ac:dyDescent="0.35">
      <c r="A58583" s="1" t="s">
        <v>111072</v>
      </c>
      <c r="B58583" s="1" t="s">
        <v>196714</v>
      </c>
      <c r="C58583" s="1" t="s">
        <v>40</v>
      </c>
      <c r="D58583" s="1" t="s">
        <v>4614</v>
      </c>
      <c r="E58583" s="1" t="s">
        <v>8021</v>
      </c>
      <c r="F58583" s="1" t="s">
        <v>28070</v>
      </c>
      <c r="G58583" s="1" t="s">
        <v>196870</v>
      </c>
      <c r="H58583" s="1" t="s">
        <v>196871</v>
      </c>
      <c r="I58583" s="1" t="s">
        <v>196718</v>
      </c>
      <c r="J58583" s="1" t="s">
        <v>196888</v>
      </c>
    </row>
    <row r="58584" spans="1:10" x14ac:dyDescent="0.35">
      <c r="A58584" s="1" t="s">
        <v>111072</v>
      </c>
      <c r="B58584" s="1" t="s">
        <v>196714</v>
      </c>
      <c r="C58584" s="1" t="s">
        <v>45</v>
      </c>
      <c r="D58584" s="1" t="s">
        <v>105128</v>
      </c>
      <c r="E58584" s="1" t="s">
        <v>8139</v>
      </c>
      <c r="F58584" s="1" t="s">
        <v>196889</v>
      </c>
      <c r="G58584" s="1" t="s">
        <v>196870</v>
      </c>
      <c r="H58584" s="1" t="s">
        <v>196871</v>
      </c>
      <c r="I58584" s="1" t="s">
        <v>196718</v>
      </c>
      <c r="J58584" s="1" t="s">
        <v>196890</v>
      </c>
    </row>
    <row r="58585" spans="1:10" x14ac:dyDescent="0.35">
      <c r="A58585" s="1" t="s">
        <v>111072</v>
      </c>
      <c r="B58585" s="1" t="s">
        <v>196714</v>
      </c>
      <c r="C58585" s="1" t="s">
        <v>50</v>
      </c>
      <c r="D58585" s="1" t="s">
        <v>46156</v>
      </c>
      <c r="E58585" s="1" t="s">
        <v>196891</v>
      </c>
      <c r="F58585" s="1" t="s">
        <v>196892</v>
      </c>
      <c r="G58585" s="1" t="s">
        <v>196870</v>
      </c>
      <c r="H58585" s="1" t="s">
        <v>196871</v>
      </c>
      <c r="I58585" s="1" t="s">
        <v>196718</v>
      </c>
      <c r="J58585" s="1" t="s">
        <v>196893</v>
      </c>
    </row>
    <row r="58586" spans="1:10" x14ac:dyDescent="0.35">
      <c r="A58586" s="1" t="s">
        <v>111072</v>
      </c>
      <c r="B58586" s="1" t="s">
        <v>196714</v>
      </c>
      <c r="C58586" s="1" t="s">
        <v>55</v>
      </c>
      <c r="D58586" s="1" t="s">
        <v>396</v>
      </c>
      <c r="E58586" s="1" t="s">
        <v>196894</v>
      </c>
      <c r="F58586" s="1" t="s">
        <v>196895</v>
      </c>
      <c r="G58586" s="1" t="s">
        <v>196870</v>
      </c>
      <c r="H58586" s="1" t="s">
        <v>196871</v>
      </c>
      <c r="I58586" s="1" t="s">
        <v>196718</v>
      </c>
      <c r="J58586" s="1" t="s">
        <v>196896</v>
      </c>
    </row>
    <row r="58587" spans="1:10" x14ac:dyDescent="0.35">
      <c r="A58587" s="1" t="s">
        <v>111072</v>
      </c>
      <c r="B58587" s="1" t="s">
        <v>196714</v>
      </c>
      <c r="C58587" s="1" t="s">
        <v>60</v>
      </c>
      <c r="D58587" s="1" t="s">
        <v>47949</v>
      </c>
      <c r="E58587" s="1" t="s">
        <v>148237</v>
      </c>
      <c r="F58587" s="1" t="s">
        <v>196897</v>
      </c>
      <c r="G58587" s="1" t="s">
        <v>196870</v>
      </c>
      <c r="H58587" s="1" t="s">
        <v>196871</v>
      </c>
      <c r="I58587" s="1" t="s">
        <v>196718</v>
      </c>
      <c r="J58587" s="1" t="s">
        <v>196898</v>
      </c>
    </row>
    <row r="58588" spans="1:10" x14ac:dyDescent="0.35">
      <c r="A58588" s="1" t="s">
        <v>111072</v>
      </c>
      <c r="B58588" s="1" t="s">
        <v>196714</v>
      </c>
      <c r="C58588" s="1" t="s">
        <v>65</v>
      </c>
      <c r="D58588" s="1" t="s">
        <v>16128</v>
      </c>
      <c r="E58588" s="1" t="s">
        <v>196899</v>
      </c>
      <c r="F58588" s="1" t="s">
        <v>196900</v>
      </c>
      <c r="G58588" s="1" t="s">
        <v>196870</v>
      </c>
      <c r="H58588" s="1" t="s">
        <v>196871</v>
      </c>
      <c r="I58588" s="1" t="s">
        <v>196718</v>
      </c>
      <c r="J58588" s="1" t="s">
        <v>196901</v>
      </c>
    </row>
    <row r="58589" spans="1:10" x14ac:dyDescent="0.35">
      <c r="A58589" s="1" t="s">
        <v>111072</v>
      </c>
      <c r="B58589" s="1" t="s">
        <v>196714</v>
      </c>
      <c r="C58589" s="1" t="s">
        <v>70</v>
      </c>
      <c r="D58589" s="1" t="s">
        <v>112588</v>
      </c>
      <c r="E58589" s="1" t="s">
        <v>196902</v>
      </c>
      <c r="F58589" s="1" t="s">
        <v>196903</v>
      </c>
      <c r="G58589" s="1" t="s">
        <v>196870</v>
      </c>
      <c r="H58589" s="1" t="s">
        <v>196871</v>
      </c>
      <c r="I58589" s="1" t="s">
        <v>196718</v>
      </c>
      <c r="J58589" s="1" t="s">
        <v>196904</v>
      </c>
    </row>
    <row r="58590" spans="1:10" x14ac:dyDescent="0.35">
      <c r="A58590" s="1" t="s">
        <v>111072</v>
      </c>
      <c r="B58590" s="1" t="s">
        <v>196714</v>
      </c>
      <c r="C58590" s="1" t="s">
        <v>75</v>
      </c>
      <c r="D58590" s="1" t="s">
        <v>74428</v>
      </c>
      <c r="E58590" s="1" t="s">
        <v>196905</v>
      </c>
      <c r="F58590" s="1" t="s">
        <v>196906</v>
      </c>
      <c r="G58590" s="1" t="s">
        <v>196870</v>
      </c>
      <c r="H58590" s="1" t="s">
        <v>196871</v>
      </c>
      <c r="I58590" s="1" t="s">
        <v>196718</v>
      </c>
      <c r="J58590" s="1" t="s">
        <v>196907</v>
      </c>
    </row>
    <row r="58591" spans="1:10" x14ac:dyDescent="0.35">
      <c r="A58591" s="1" t="s">
        <v>111072</v>
      </c>
      <c r="B58591" s="1" t="s">
        <v>196714</v>
      </c>
      <c r="C58591" s="1" t="s">
        <v>80</v>
      </c>
      <c r="D58591" s="1" t="s">
        <v>29134</v>
      </c>
      <c r="E58591" s="1" t="s">
        <v>28949</v>
      </c>
      <c r="F58591" s="1" t="s">
        <v>196908</v>
      </c>
      <c r="G58591" s="1" t="s">
        <v>196870</v>
      </c>
      <c r="H58591" s="1" t="s">
        <v>196871</v>
      </c>
      <c r="I58591" s="1" t="s">
        <v>196718</v>
      </c>
      <c r="J58591" s="1" t="s">
        <v>196909</v>
      </c>
    </row>
    <row r="58592" spans="1:10" x14ac:dyDescent="0.35">
      <c r="A58592" s="1" t="s">
        <v>111072</v>
      </c>
      <c r="B58592" s="1" t="s">
        <v>196714</v>
      </c>
      <c r="C58592" s="1" t="s">
        <v>85</v>
      </c>
      <c r="D58592" s="1" t="s">
        <v>193378</v>
      </c>
      <c r="E58592" s="1" t="s">
        <v>8080</v>
      </c>
      <c r="F58592" s="1" t="s">
        <v>196910</v>
      </c>
      <c r="G58592" s="1" t="s">
        <v>196870</v>
      </c>
      <c r="H58592" s="1" t="s">
        <v>196871</v>
      </c>
      <c r="I58592" s="1" t="s">
        <v>196718</v>
      </c>
      <c r="J58592" s="1" t="s">
        <v>196911</v>
      </c>
    </row>
    <row r="58593" spans="1:10" x14ac:dyDescent="0.35">
      <c r="A58593" s="1" t="s">
        <v>111072</v>
      </c>
      <c r="B58593" s="1" t="s">
        <v>196714</v>
      </c>
      <c r="C58593" s="1" t="s">
        <v>90</v>
      </c>
      <c r="D58593" s="1" t="s">
        <v>51296</v>
      </c>
      <c r="E58593" s="1" t="s">
        <v>111847</v>
      </c>
      <c r="F58593" s="1" t="s">
        <v>139689</v>
      </c>
      <c r="G58593" s="1" t="s">
        <v>196870</v>
      </c>
      <c r="H58593" s="1" t="s">
        <v>196871</v>
      </c>
      <c r="I58593" s="1" t="s">
        <v>196718</v>
      </c>
      <c r="J58593" s="1" t="s">
        <v>196912</v>
      </c>
    </row>
    <row r="58594" spans="1:10" x14ac:dyDescent="0.35">
      <c r="A58594" s="1" t="s">
        <v>111072</v>
      </c>
      <c r="B58594" s="1" t="s">
        <v>196714</v>
      </c>
      <c r="C58594" s="1" t="s">
        <v>95</v>
      </c>
      <c r="D58594" s="1" t="s">
        <v>189196</v>
      </c>
      <c r="E58594" s="1" t="s">
        <v>196913</v>
      </c>
      <c r="F58594" s="1" t="s">
        <v>196914</v>
      </c>
      <c r="G58594" s="1" t="s">
        <v>196870</v>
      </c>
      <c r="H58594" s="1" t="s">
        <v>196871</v>
      </c>
      <c r="I58594" s="1" t="s">
        <v>196718</v>
      </c>
      <c r="J58594" s="1" t="s">
        <v>196915</v>
      </c>
    </row>
    <row r="58595" spans="1:10" x14ac:dyDescent="0.35">
      <c r="A58595" s="1" t="s">
        <v>111072</v>
      </c>
      <c r="B58595" s="1" t="s">
        <v>196714</v>
      </c>
      <c r="C58595" s="1" t="s">
        <v>100</v>
      </c>
      <c r="D58595" s="1" t="s">
        <v>187923</v>
      </c>
      <c r="E58595" s="1" t="s">
        <v>8128</v>
      </c>
      <c r="F58595" s="1" t="s">
        <v>196916</v>
      </c>
      <c r="G58595" s="1" t="s">
        <v>196870</v>
      </c>
      <c r="H58595" s="1" t="s">
        <v>196871</v>
      </c>
      <c r="I58595" s="1" t="s">
        <v>196718</v>
      </c>
      <c r="J58595" s="1" t="s">
        <v>196917</v>
      </c>
    </row>
    <row r="58596" spans="1:10" x14ac:dyDescent="0.35">
      <c r="A58596" s="1" t="s">
        <v>111072</v>
      </c>
      <c r="B58596" s="1" t="s">
        <v>196714</v>
      </c>
      <c r="C58596" s="1" t="s">
        <v>105</v>
      </c>
      <c r="D58596" s="1" t="s">
        <v>15427</v>
      </c>
      <c r="E58596" s="1" t="s">
        <v>196918</v>
      </c>
      <c r="F58596" s="1" t="s">
        <v>196919</v>
      </c>
      <c r="G58596" s="1" t="s">
        <v>196870</v>
      </c>
      <c r="H58596" s="1" t="s">
        <v>196871</v>
      </c>
      <c r="I58596" s="1" t="s">
        <v>196718</v>
      </c>
      <c r="J58596" s="1" t="s">
        <v>196920</v>
      </c>
    </row>
    <row r="58597" spans="1:10" x14ac:dyDescent="0.35">
      <c r="A58597" s="1" t="s">
        <v>111072</v>
      </c>
      <c r="B58597" s="1" t="s">
        <v>196714</v>
      </c>
      <c r="C58597" s="1" t="s">
        <v>110</v>
      </c>
      <c r="D58597" s="1" t="s">
        <v>146918</v>
      </c>
      <c r="E58597" s="1" t="s">
        <v>196921</v>
      </c>
      <c r="F58597" s="1" t="s">
        <v>196922</v>
      </c>
      <c r="G58597" s="1" t="s">
        <v>196870</v>
      </c>
      <c r="H58597" s="1" t="s">
        <v>196871</v>
      </c>
      <c r="I58597" s="1" t="s">
        <v>196718</v>
      </c>
      <c r="J58597" s="1" t="s">
        <v>196923</v>
      </c>
    </row>
    <row r="58598" spans="1:10" x14ac:dyDescent="0.35">
      <c r="A58598" s="1" t="s">
        <v>111072</v>
      </c>
      <c r="B58598" s="1" t="s">
        <v>196714</v>
      </c>
      <c r="C58598" s="1" t="s">
        <v>115</v>
      </c>
      <c r="D58598" s="1" t="s">
        <v>35946</v>
      </c>
      <c r="E58598" s="1" t="s">
        <v>111847</v>
      </c>
      <c r="F58598" s="1" t="s">
        <v>196924</v>
      </c>
      <c r="G58598" s="1" t="s">
        <v>196870</v>
      </c>
      <c r="H58598" s="1" t="s">
        <v>196871</v>
      </c>
      <c r="I58598" s="1" t="s">
        <v>196718</v>
      </c>
      <c r="J58598" s="1" t="s">
        <v>196925</v>
      </c>
    </row>
    <row r="58599" spans="1:10" x14ac:dyDescent="0.35">
      <c r="A58599" s="1" t="s">
        <v>111072</v>
      </c>
      <c r="B58599" s="1" t="s">
        <v>196714</v>
      </c>
      <c r="C58599" s="1" t="s">
        <v>120</v>
      </c>
      <c r="D58599" s="1" t="s">
        <v>196926</v>
      </c>
      <c r="E58599" s="1" t="s">
        <v>28949</v>
      </c>
      <c r="F58599" s="1" t="s">
        <v>196927</v>
      </c>
      <c r="G58599" s="1" t="s">
        <v>196870</v>
      </c>
      <c r="H58599" s="1" t="s">
        <v>196871</v>
      </c>
      <c r="I58599" s="1" t="s">
        <v>196718</v>
      </c>
      <c r="J58599" s="1" t="s">
        <v>196928</v>
      </c>
    </row>
    <row r="58600" spans="1:10" x14ac:dyDescent="0.35">
      <c r="A58600" s="1" t="s">
        <v>111072</v>
      </c>
      <c r="B58600" s="1" t="s">
        <v>196714</v>
      </c>
      <c r="C58600" s="1" t="s">
        <v>125</v>
      </c>
      <c r="D58600" s="1" t="s">
        <v>176583</v>
      </c>
      <c r="E58600" s="1" t="s">
        <v>4930</v>
      </c>
      <c r="F58600" s="1" t="s">
        <v>196929</v>
      </c>
      <c r="G58600" s="1" t="s">
        <v>196870</v>
      </c>
      <c r="H58600" s="1" t="s">
        <v>196871</v>
      </c>
      <c r="I58600" s="1" t="s">
        <v>196718</v>
      </c>
      <c r="J58600" s="1" t="s">
        <v>196930</v>
      </c>
    </row>
    <row r="58601" spans="1:10" x14ac:dyDescent="0.35">
      <c r="A58601" s="1" t="s">
        <v>111072</v>
      </c>
      <c r="B58601" s="1" t="s">
        <v>196714</v>
      </c>
      <c r="C58601" s="1" t="s">
        <v>130</v>
      </c>
      <c r="D58601" s="1" t="s">
        <v>50366</v>
      </c>
      <c r="E58601" s="1" t="s">
        <v>8124</v>
      </c>
      <c r="F58601" s="1" t="s">
        <v>196931</v>
      </c>
      <c r="G58601" s="1" t="s">
        <v>196870</v>
      </c>
      <c r="H58601" s="1" t="s">
        <v>196871</v>
      </c>
      <c r="I58601" s="1" t="s">
        <v>196718</v>
      </c>
      <c r="J58601" s="1" t="s">
        <v>196932</v>
      </c>
    </row>
    <row r="58602" spans="1:10" x14ac:dyDescent="0.35">
      <c r="A58602" s="1" t="s">
        <v>111072</v>
      </c>
      <c r="B58602" s="1" t="s">
        <v>196714</v>
      </c>
      <c r="C58602" s="1" t="s">
        <v>135</v>
      </c>
      <c r="D58602" s="1" t="s">
        <v>126572</v>
      </c>
      <c r="E58602" s="1" t="s">
        <v>196933</v>
      </c>
      <c r="F58602" s="1" t="s">
        <v>196934</v>
      </c>
      <c r="G58602" s="1" t="s">
        <v>196870</v>
      </c>
      <c r="H58602" s="1" t="s">
        <v>196871</v>
      </c>
      <c r="I58602" s="1" t="s">
        <v>196718</v>
      </c>
      <c r="J58602" s="1" t="s">
        <v>196935</v>
      </c>
    </row>
    <row r="58603" spans="1:10" x14ac:dyDescent="0.35">
      <c r="A58603" s="1" t="s">
        <v>111072</v>
      </c>
      <c r="B58603" s="1" t="s">
        <v>196714</v>
      </c>
      <c r="C58603" s="1" t="s">
        <v>140</v>
      </c>
      <c r="D58603" s="1" t="s">
        <v>19778</v>
      </c>
      <c r="E58603" s="1" t="s">
        <v>196936</v>
      </c>
      <c r="F58603" s="1" t="s">
        <v>196937</v>
      </c>
      <c r="G58603" s="1" t="s">
        <v>196870</v>
      </c>
      <c r="H58603" s="1" t="s">
        <v>196871</v>
      </c>
      <c r="I58603" s="1" t="s">
        <v>196718</v>
      </c>
      <c r="J58603" s="1" t="s">
        <v>196938</v>
      </c>
    </row>
    <row r="58604" spans="1:10" x14ac:dyDescent="0.35">
      <c r="A58604" s="1" t="s">
        <v>111072</v>
      </c>
      <c r="B58604" s="1" t="s">
        <v>196714</v>
      </c>
      <c r="C58604" s="1" t="s">
        <v>145</v>
      </c>
      <c r="D58604" s="1" t="s">
        <v>196939</v>
      </c>
      <c r="E58604" s="1" t="s">
        <v>196940</v>
      </c>
      <c r="F58604" s="1" t="s">
        <v>196941</v>
      </c>
      <c r="G58604" s="1" t="s">
        <v>196870</v>
      </c>
      <c r="H58604" s="1" t="s">
        <v>196871</v>
      </c>
      <c r="I58604" s="1" t="s">
        <v>196718</v>
      </c>
      <c r="J58604" s="1" t="s">
        <v>196942</v>
      </c>
    </row>
    <row r="58605" spans="1:10" x14ac:dyDescent="0.35">
      <c r="A58605" s="1" t="s">
        <v>111072</v>
      </c>
      <c r="B58605" s="1" t="s">
        <v>196714</v>
      </c>
      <c r="C58605" s="1" t="s">
        <v>150</v>
      </c>
      <c r="D58605" s="1" t="s">
        <v>121815</v>
      </c>
      <c r="E58605" s="1" t="s">
        <v>196943</v>
      </c>
      <c r="F58605" s="1" t="s">
        <v>196944</v>
      </c>
      <c r="G58605" s="1" t="s">
        <v>196870</v>
      </c>
      <c r="H58605" s="1" t="s">
        <v>196871</v>
      </c>
      <c r="I58605" s="1" t="s">
        <v>196718</v>
      </c>
      <c r="J58605" s="1" t="s">
        <v>196945</v>
      </c>
    </row>
    <row r="58606" spans="1:10" x14ac:dyDescent="0.35">
      <c r="A58606" s="1" t="s">
        <v>111072</v>
      </c>
      <c r="B58606" s="1" t="s">
        <v>196714</v>
      </c>
      <c r="C58606" s="1" t="s">
        <v>155</v>
      </c>
      <c r="D58606" s="1" t="s">
        <v>18514</v>
      </c>
      <c r="E58606" s="1" t="s">
        <v>29008</v>
      </c>
      <c r="F58606" s="1" t="s">
        <v>196946</v>
      </c>
      <c r="G58606" s="1" t="s">
        <v>196870</v>
      </c>
      <c r="H58606" s="1" t="s">
        <v>196871</v>
      </c>
      <c r="I58606" s="1" t="s">
        <v>196718</v>
      </c>
      <c r="J58606" s="1" t="s">
        <v>196947</v>
      </c>
    </row>
    <row r="58607" spans="1:10" x14ac:dyDescent="0.35">
      <c r="A58607" s="1" t="s">
        <v>111072</v>
      </c>
      <c r="B58607" s="1" t="s">
        <v>196714</v>
      </c>
      <c r="C58607" s="1" t="s">
        <v>160</v>
      </c>
      <c r="D58607" s="1" t="s">
        <v>31995</v>
      </c>
      <c r="E58607" s="1" t="s">
        <v>11804</v>
      </c>
      <c r="F58607" s="1" t="s">
        <v>196948</v>
      </c>
      <c r="G58607" s="1" t="s">
        <v>196870</v>
      </c>
      <c r="H58607" s="1" t="s">
        <v>196871</v>
      </c>
      <c r="I58607" s="1" t="s">
        <v>196718</v>
      </c>
      <c r="J58607" s="1" t="s">
        <v>196949</v>
      </c>
    </row>
    <row r="58608" spans="1:10" x14ac:dyDescent="0.35">
      <c r="A58608" s="1" t="s">
        <v>111072</v>
      </c>
      <c r="B58608" s="1" t="s">
        <v>196714</v>
      </c>
      <c r="C58608" s="1" t="s">
        <v>165</v>
      </c>
      <c r="D58608" s="1" t="s">
        <v>196950</v>
      </c>
      <c r="E58608" s="1" t="s">
        <v>196951</v>
      </c>
      <c r="F58608" s="1" t="s">
        <v>41690</v>
      </c>
      <c r="G58608" s="1" t="s">
        <v>196870</v>
      </c>
      <c r="H58608" s="1" t="s">
        <v>196871</v>
      </c>
      <c r="I58608" s="1" t="s">
        <v>196718</v>
      </c>
      <c r="J58608" s="1" t="s">
        <v>196952</v>
      </c>
    </row>
    <row r="58609" spans="1:10" x14ac:dyDescent="0.35">
      <c r="A58609" s="1" t="s">
        <v>111072</v>
      </c>
      <c r="B58609" s="1" t="s">
        <v>196714</v>
      </c>
      <c r="C58609" s="1" t="s">
        <v>170</v>
      </c>
      <c r="D58609" s="1" t="s">
        <v>177551</v>
      </c>
      <c r="E58609" s="1" t="s">
        <v>196953</v>
      </c>
      <c r="F58609" s="1" t="s">
        <v>196954</v>
      </c>
      <c r="G58609" s="1" t="s">
        <v>196870</v>
      </c>
      <c r="H58609" s="1" t="s">
        <v>196871</v>
      </c>
      <c r="I58609" s="1" t="s">
        <v>196718</v>
      </c>
      <c r="J58609" s="1" t="s">
        <v>196955</v>
      </c>
    </row>
    <row r="58610" spans="1:10" x14ac:dyDescent="0.35">
      <c r="A58610" s="1" t="s">
        <v>27756</v>
      </c>
      <c r="B58610" s="1" t="s">
        <v>196714</v>
      </c>
      <c r="C58610" s="1" t="s">
        <v>8</v>
      </c>
      <c r="D58610" s="1" t="s">
        <v>104445</v>
      </c>
      <c r="E58610" s="1" t="s">
        <v>196956</v>
      </c>
      <c r="F58610" s="1" t="s">
        <v>196957</v>
      </c>
      <c r="G58610" s="1" t="s">
        <v>196958</v>
      </c>
      <c r="H58610" s="1" t="s">
        <v>196959</v>
      </c>
      <c r="I58610" s="1" t="s">
        <v>196718</v>
      </c>
      <c r="J58610" s="1" t="s">
        <v>13</v>
      </c>
    </row>
    <row r="58611" spans="1:10" x14ac:dyDescent="0.35">
      <c r="A58611" s="1" t="s">
        <v>27756</v>
      </c>
      <c r="B58611" s="1" t="s">
        <v>196714</v>
      </c>
      <c r="C58611" s="1" t="s">
        <v>15</v>
      </c>
      <c r="D58611" s="1" t="s">
        <v>148800</v>
      </c>
      <c r="E58611" s="1" t="s">
        <v>50843</v>
      </c>
      <c r="F58611" s="1" t="s">
        <v>196960</v>
      </c>
      <c r="G58611" s="1" t="s">
        <v>196958</v>
      </c>
      <c r="H58611" s="1" t="s">
        <v>196959</v>
      </c>
      <c r="I58611" s="1" t="s">
        <v>196718</v>
      </c>
      <c r="J58611" s="1" t="s">
        <v>196961</v>
      </c>
    </row>
    <row r="58612" spans="1:10" x14ac:dyDescent="0.35">
      <c r="A58612" s="1" t="s">
        <v>27756</v>
      </c>
      <c r="B58612" s="1" t="s">
        <v>196714</v>
      </c>
      <c r="C58612" s="1" t="s">
        <v>20</v>
      </c>
      <c r="D58612" s="1" t="s">
        <v>2133</v>
      </c>
      <c r="E58612" s="1" t="s">
        <v>11845</v>
      </c>
      <c r="F58612" s="1" t="s">
        <v>196962</v>
      </c>
      <c r="G58612" s="1" t="s">
        <v>196958</v>
      </c>
      <c r="H58612" s="1" t="s">
        <v>196959</v>
      </c>
      <c r="I58612" s="1" t="s">
        <v>196718</v>
      </c>
      <c r="J58612" s="1" t="s">
        <v>196963</v>
      </c>
    </row>
    <row r="58613" spans="1:10" x14ac:dyDescent="0.35">
      <c r="A58613" s="1" t="s">
        <v>27756</v>
      </c>
      <c r="B58613" s="1" t="s">
        <v>196714</v>
      </c>
      <c r="C58613" s="1" t="s">
        <v>25</v>
      </c>
      <c r="D58613" s="1" t="s">
        <v>196964</v>
      </c>
      <c r="E58613" s="1" t="s">
        <v>196965</v>
      </c>
      <c r="F58613" s="1" t="s">
        <v>196966</v>
      </c>
      <c r="G58613" s="1" t="s">
        <v>196958</v>
      </c>
      <c r="H58613" s="1" t="s">
        <v>196959</v>
      </c>
      <c r="I58613" s="1" t="s">
        <v>196718</v>
      </c>
      <c r="J58613" s="1" t="s">
        <v>196967</v>
      </c>
    </row>
    <row r="58614" spans="1:10" x14ac:dyDescent="0.35">
      <c r="A58614" s="1" t="s">
        <v>27756</v>
      </c>
      <c r="B58614" s="1" t="s">
        <v>196714</v>
      </c>
      <c r="C58614" s="1" t="s">
        <v>30</v>
      </c>
      <c r="D58614" s="1" t="s">
        <v>7898</v>
      </c>
      <c r="E58614" s="1" t="s">
        <v>28263</v>
      </c>
      <c r="F58614" s="1" t="s">
        <v>196968</v>
      </c>
      <c r="G58614" s="1" t="s">
        <v>196958</v>
      </c>
      <c r="H58614" s="1" t="s">
        <v>196959</v>
      </c>
      <c r="I58614" s="1" t="s">
        <v>196718</v>
      </c>
      <c r="J58614" s="1" t="s">
        <v>196969</v>
      </c>
    </row>
    <row r="58615" spans="1:10" x14ac:dyDescent="0.35">
      <c r="A58615" s="1" t="s">
        <v>27756</v>
      </c>
      <c r="B58615" s="1" t="s">
        <v>196714</v>
      </c>
      <c r="C58615" s="1" t="s">
        <v>35</v>
      </c>
      <c r="D58615" s="1" t="s">
        <v>11028</v>
      </c>
      <c r="E58615" s="1" t="s">
        <v>196970</v>
      </c>
      <c r="F58615" s="1" t="s">
        <v>196971</v>
      </c>
      <c r="G58615" s="1" t="s">
        <v>196958</v>
      </c>
      <c r="H58615" s="1" t="s">
        <v>196959</v>
      </c>
      <c r="I58615" s="1" t="s">
        <v>196718</v>
      </c>
      <c r="J58615" s="1" t="s">
        <v>196972</v>
      </c>
    </row>
    <row r="58616" spans="1:10" x14ac:dyDescent="0.35">
      <c r="A58616" s="1" t="s">
        <v>27756</v>
      </c>
      <c r="B58616" s="1" t="s">
        <v>196714</v>
      </c>
      <c r="C58616" s="1" t="s">
        <v>40</v>
      </c>
      <c r="D58616" s="1" t="s">
        <v>196973</v>
      </c>
      <c r="E58616" s="1" t="s">
        <v>28952</v>
      </c>
      <c r="F58616" s="1" t="s">
        <v>137959</v>
      </c>
      <c r="G58616" s="1" t="s">
        <v>196958</v>
      </c>
      <c r="H58616" s="1" t="s">
        <v>196959</v>
      </c>
      <c r="I58616" s="1" t="s">
        <v>196718</v>
      </c>
      <c r="J58616" s="1" t="s">
        <v>196974</v>
      </c>
    </row>
    <row r="58617" spans="1:10" x14ac:dyDescent="0.35">
      <c r="A58617" s="1" t="s">
        <v>27756</v>
      </c>
      <c r="B58617" s="1" t="s">
        <v>196714</v>
      </c>
      <c r="C58617" s="1" t="s">
        <v>45</v>
      </c>
      <c r="D58617" s="1" t="s">
        <v>196975</v>
      </c>
      <c r="E58617" s="1" t="s">
        <v>50840</v>
      </c>
      <c r="F58617" s="1" t="s">
        <v>196976</v>
      </c>
      <c r="G58617" s="1" t="s">
        <v>196958</v>
      </c>
      <c r="H58617" s="1" t="s">
        <v>196959</v>
      </c>
      <c r="I58617" s="1" t="s">
        <v>196718</v>
      </c>
      <c r="J58617" s="1" t="s">
        <v>196977</v>
      </c>
    </row>
    <row r="58618" spans="1:10" x14ac:dyDescent="0.35">
      <c r="A58618" s="1" t="s">
        <v>27756</v>
      </c>
      <c r="B58618" s="1" t="s">
        <v>196714</v>
      </c>
      <c r="C58618" s="1" t="s">
        <v>50</v>
      </c>
      <c r="D58618" s="1" t="s">
        <v>15339</v>
      </c>
      <c r="E58618" s="1" t="s">
        <v>196978</v>
      </c>
      <c r="F58618" s="1" t="s">
        <v>196979</v>
      </c>
      <c r="G58618" s="1" t="s">
        <v>196958</v>
      </c>
      <c r="H58618" s="1" t="s">
        <v>196959</v>
      </c>
      <c r="I58618" s="1" t="s">
        <v>196718</v>
      </c>
      <c r="J58618" s="1" t="s">
        <v>196980</v>
      </c>
    </row>
    <row r="58619" spans="1:10" x14ac:dyDescent="0.35">
      <c r="A58619" s="1" t="s">
        <v>27756</v>
      </c>
      <c r="B58619" s="1" t="s">
        <v>196714</v>
      </c>
      <c r="C58619" s="1" t="s">
        <v>55</v>
      </c>
      <c r="D58619" s="1" t="s">
        <v>196981</v>
      </c>
      <c r="E58619" s="1" t="s">
        <v>196982</v>
      </c>
      <c r="F58619" s="1" t="s">
        <v>196983</v>
      </c>
      <c r="G58619" s="1" t="s">
        <v>196958</v>
      </c>
      <c r="H58619" s="1" t="s">
        <v>196959</v>
      </c>
      <c r="I58619" s="1" t="s">
        <v>196718</v>
      </c>
      <c r="J58619" s="1" t="s">
        <v>196984</v>
      </c>
    </row>
    <row r="58620" spans="1:10" x14ac:dyDescent="0.35">
      <c r="A58620" s="1" t="s">
        <v>27756</v>
      </c>
      <c r="B58620" s="1" t="s">
        <v>196714</v>
      </c>
      <c r="C58620" s="1" t="s">
        <v>60</v>
      </c>
      <c r="D58620" s="1" t="s">
        <v>117414</v>
      </c>
      <c r="E58620" s="1" t="s">
        <v>196985</v>
      </c>
      <c r="F58620" s="1" t="s">
        <v>196986</v>
      </c>
      <c r="G58620" s="1" t="s">
        <v>196958</v>
      </c>
      <c r="H58620" s="1" t="s">
        <v>196959</v>
      </c>
      <c r="I58620" s="1" t="s">
        <v>196718</v>
      </c>
      <c r="J58620" s="1" t="s">
        <v>196987</v>
      </c>
    </row>
    <row r="58621" spans="1:10" x14ac:dyDescent="0.35">
      <c r="A58621" s="1" t="s">
        <v>27756</v>
      </c>
      <c r="B58621" s="1" t="s">
        <v>196714</v>
      </c>
      <c r="C58621" s="1" t="s">
        <v>65</v>
      </c>
      <c r="D58621" s="1" t="s">
        <v>75011</v>
      </c>
      <c r="E58621" s="1" t="s">
        <v>110112</v>
      </c>
      <c r="F58621" s="1" t="s">
        <v>196988</v>
      </c>
      <c r="G58621" s="1" t="s">
        <v>196958</v>
      </c>
      <c r="H58621" s="1" t="s">
        <v>196959</v>
      </c>
      <c r="I58621" s="1" t="s">
        <v>196718</v>
      </c>
      <c r="J58621" s="1" t="s">
        <v>196989</v>
      </c>
    </row>
    <row r="58622" spans="1:10" x14ac:dyDescent="0.35">
      <c r="A58622" s="1" t="s">
        <v>27756</v>
      </c>
      <c r="B58622" s="1" t="s">
        <v>196714</v>
      </c>
      <c r="C58622" s="1" t="s">
        <v>70</v>
      </c>
      <c r="D58622" s="1" t="s">
        <v>196990</v>
      </c>
      <c r="E58622" s="1" t="s">
        <v>28959</v>
      </c>
      <c r="F58622" s="1" t="s">
        <v>196991</v>
      </c>
      <c r="G58622" s="1" t="s">
        <v>196958</v>
      </c>
      <c r="H58622" s="1" t="s">
        <v>196959</v>
      </c>
      <c r="I58622" s="1" t="s">
        <v>196718</v>
      </c>
      <c r="J58622" s="1" t="s">
        <v>196992</v>
      </c>
    </row>
    <row r="58623" spans="1:10" x14ac:dyDescent="0.35">
      <c r="A58623" s="1" t="s">
        <v>27756</v>
      </c>
      <c r="B58623" s="1" t="s">
        <v>196714</v>
      </c>
      <c r="C58623" s="1" t="s">
        <v>75</v>
      </c>
      <c r="D58623" s="1" t="s">
        <v>196993</v>
      </c>
      <c r="E58623" s="1" t="s">
        <v>121008</v>
      </c>
      <c r="F58623" s="1" t="s">
        <v>196994</v>
      </c>
      <c r="G58623" s="1" t="s">
        <v>196958</v>
      </c>
      <c r="H58623" s="1" t="s">
        <v>196959</v>
      </c>
      <c r="I58623" s="1" t="s">
        <v>196718</v>
      </c>
      <c r="J58623" s="1" t="s">
        <v>196995</v>
      </c>
    </row>
    <row r="58624" spans="1:10" x14ac:dyDescent="0.35">
      <c r="A58624" s="1" t="s">
        <v>27756</v>
      </c>
      <c r="B58624" s="1" t="s">
        <v>196714</v>
      </c>
      <c r="C58624" s="1" t="s">
        <v>80</v>
      </c>
      <c r="D58624" s="1" t="s">
        <v>171513</v>
      </c>
      <c r="E58624" s="1" t="s">
        <v>51372</v>
      </c>
      <c r="F58624" s="1" t="s">
        <v>139233</v>
      </c>
      <c r="G58624" s="1" t="s">
        <v>196958</v>
      </c>
      <c r="H58624" s="1" t="s">
        <v>196959</v>
      </c>
      <c r="I58624" s="1" t="s">
        <v>196718</v>
      </c>
      <c r="J58624" s="1" t="s">
        <v>196996</v>
      </c>
    </row>
    <row r="58625" spans="1:10" x14ac:dyDescent="0.35">
      <c r="A58625" s="1" t="s">
        <v>27756</v>
      </c>
      <c r="B58625" s="1" t="s">
        <v>196714</v>
      </c>
      <c r="C58625" s="1" t="s">
        <v>85</v>
      </c>
      <c r="D58625" s="1" t="s">
        <v>38830</v>
      </c>
      <c r="E58625" s="1" t="s">
        <v>110112</v>
      </c>
      <c r="F58625" s="1" t="s">
        <v>196997</v>
      </c>
      <c r="G58625" s="1" t="s">
        <v>196958</v>
      </c>
      <c r="H58625" s="1" t="s">
        <v>196959</v>
      </c>
      <c r="I58625" s="1" t="s">
        <v>196718</v>
      </c>
      <c r="J58625" s="1" t="s">
        <v>196998</v>
      </c>
    </row>
    <row r="58626" spans="1:10" x14ac:dyDescent="0.35">
      <c r="A58626" s="1" t="s">
        <v>27756</v>
      </c>
      <c r="B58626" s="1" t="s">
        <v>196714</v>
      </c>
      <c r="C58626" s="1" t="s">
        <v>90</v>
      </c>
      <c r="D58626" s="1" t="s">
        <v>72299</v>
      </c>
      <c r="E58626" s="1" t="s">
        <v>51379</v>
      </c>
      <c r="F58626" s="1" t="s">
        <v>196999</v>
      </c>
      <c r="G58626" s="1" t="s">
        <v>196958</v>
      </c>
      <c r="H58626" s="1" t="s">
        <v>196959</v>
      </c>
      <c r="I58626" s="1" t="s">
        <v>196718</v>
      </c>
      <c r="J58626" s="1" t="s">
        <v>197000</v>
      </c>
    </row>
    <row r="58627" spans="1:10" x14ac:dyDescent="0.35">
      <c r="A58627" s="1" t="s">
        <v>27756</v>
      </c>
      <c r="B58627" s="1" t="s">
        <v>196714</v>
      </c>
      <c r="C58627" s="1" t="s">
        <v>95</v>
      </c>
      <c r="D58627" s="1" t="s">
        <v>112034</v>
      </c>
      <c r="E58627" s="1" t="s">
        <v>197001</v>
      </c>
      <c r="F58627" s="1" t="s">
        <v>197002</v>
      </c>
      <c r="G58627" s="1" t="s">
        <v>196958</v>
      </c>
      <c r="H58627" s="1" t="s">
        <v>196959</v>
      </c>
      <c r="I58627" s="1" t="s">
        <v>196718</v>
      </c>
      <c r="J58627" s="1" t="s">
        <v>197003</v>
      </c>
    </row>
    <row r="58628" spans="1:10" x14ac:dyDescent="0.35">
      <c r="A58628" s="1" t="s">
        <v>27756</v>
      </c>
      <c r="B58628" s="1" t="s">
        <v>196714</v>
      </c>
      <c r="C58628" s="1" t="s">
        <v>100</v>
      </c>
      <c r="D58628" s="1" t="s">
        <v>189823</v>
      </c>
      <c r="E58628" s="1" t="s">
        <v>51383</v>
      </c>
      <c r="F58628" s="1" t="s">
        <v>197004</v>
      </c>
      <c r="G58628" s="1" t="s">
        <v>196958</v>
      </c>
      <c r="H58628" s="1" t="s">
        <v>196959</v>
      </c>
      <c r="I58628" s="1" t="s">
        <v>196718</v>
      </c>
      <c r="J58628" s="1" t="s">
        <v>197005</v>
      </c>
    </row>
    <row r="58629" spans="1:10" x14ac:dyDescent="0.35">
      <c r="A58629" s="1" t="s">
        <v>27756</v>
      </c>
      <c r="B58629" s="1" t="s">
        <v>196714</v>
      </c>
      <c r="C58629" s="1" t="s">
        <v>105</v>
      </c>
      <c r="D58629" s="1" t="s">
        <v>71024</v>
      </c>
      <c r="E58629" s="1" t="s">
        <v>15142</v>
      </c>
      <c r="F58629" s="1" t="s">
        <v>197006</v>
      </c>
      <c r="G58629" s="1" t="s">
        <v>196958</v>
      </c>
      <c r="H58629" s="1" t="s">
        <v>196959</v>
      </c>
      <c r="I58629" s="1" t="s">
        <v>196718</v>
      </c>
      <c r="J58629" s="1" t="s">
        <v>197007</v>
      </c>
    </row>
    <row r="58630" spans="1:10" x14ac:dyDescent="0.35">
      <c r="A58630" s="1" t="s">
        <v>27756</v>
      </c>
      <c r="B58630" s="1" t="s">
        <v>196714</v>
      </c>
      <c r="C58630" s="1" t="s">
        <v>110</v>
      </c>
      <c r="D58630" s="1" t="s">
        <v>48697</v>
      </c>
      <c r="E58630" s="1" t="s">
        <v>197008</v>
      </c>
      <c r="F58630" s="1" t="s">
        <v>197009</v>
      </c>
      <c r="G58630" s="1" t="s">
        <v>196958</v>
      </c>
      <c r="H58630" s="1" t="s">
        <v>196959</v>
      </c>
      <c r="I58630" s="1" t="s">
        <v>196718</v>
      </c>
      <c r="J58630" s="1" t="s">
        <v>197010</v>
      </c>
    </row>
    <row r="58631" spans="1:10" x14ac:dyDescent="0.35">
      <c r="A58631" s="1" t="s">
        <v>27756</v>
      </c>
      <c r="B58631" s="1" t="s">
        <v>196714</v>
      </c>
      <c r="C58631" s="1" t="s">
        <v>115</v>
      </c>
      <c r="D58631" s="1" t="s">
        <v>135582</v>
      </c>
      <c r="E58631" s="1" t="s">
        <v>197011</v>
      </c>
      <c r="F58631" s="1" t="s">
        <v>197012</v>
      </c>
      <c r="G58631" s="1" t="s">
        <v>196958</v>
      </c>
      <c r="H58631" s="1" t="s">
        <v>196959</v>
      </c>
      <c r="I58631" s="1" t="s">
        <v>196718</v>
      </c>
      <c r="J58631" s="1" t="s">
        <v>197013</v>
      </c>
    </row>
    <row r="58632" spans="1:10" x14ac:dyDescent="0.35">
      <c r="A58632" s="1" t="s">
        <v>27756</v>
      </c>
      <c r="B58632" s="1" t="s">
        <v>196714</v>
      </c>
      <c r="C58632" s="1" t="s">
        <v>120</v>
      </c>
      <c r="D58632" s="1" t="s">
        <v>36061</v>
      </c>
      <c r="E58632" s="1" t="s">
        <v>197014</v>
      </c>
      <c r="F58632" s="1" t="s">
        <v>197015</v>
      </c>
      <c r="G58632" s="1" t="s">
        <v>196958</v>
      </c>
      <c r="H58632" s="1" t="s">
        <v>196959</v>
      </c>
      <c r="I58632" s="1" t="s">
        <v>196718</v>
      </c>
      <c r="J58632" s="1" t="s">
        <v>197016</v>
      </c>
    </row>
    <row r="58633" spans="1:10" x14ac:dyDescent="0.35">
      <c r="A58633" s="1" t="s">
        <v>27756</v>
      </c>
      <c r="B58633" s="1" t="s">
        <v>196714</v>
      </c>
      <c r="C58633" s="1" t="s">
        <v>125</v>
      </c>
      <c r="D58633" s="1" t="s">
        <v>115624</v>
      </c>
      <c r="E58633" s="1" t="s">
        <v>121046</v>
      </c>
      <c r="F58633" s="1" t="s">
        <v>197017</v>
      </c>
      <c r="G58633" s="1" t="s">
        <v>196958</v>
      </c>
      <c r="H58633" s="1" t="s">
        <v>196959</v>
      </c>
      <c r="I58633" s="1" t="s">
        <v>196718</v>
      </c>
      <c r="J58633" s="1" t="s">
        <v>197018</v>
      </c>
    </row>
    <row r="58634" spans="1:10" x14ac:dyDescent="0.35">
      <c r="A58634" s="1" t="s">
        <v>27756</v>
      </c>
      <c r="B58634" s="1" t="s">
        <v>196714</v>
      </c>
      <c r="C58634" s="1" t="s">
        <v>130</v>
      </c>
      <c r="D58634" s="1" t="s">
        <v>112066</v>
      </c>
      <c r="E58634" s="1" t="s">
        <v>196978</v>
      </c>
      <c r="F58634" s="1" t="s">
        <v>197019</v>
      </c>
      <c r="G58634" s="1" t="s">
        <v>196958</v>
      </c>
      <c r="H58634" s="1" t="s">
        <v>196959</v>
      </c>
      <c r="I58634" s="1" t="s">
        <v>196718</v>
      </c>
      <c r="J58634" s="1" t="s">
        <v>197020</v>
      </c>
    </row>
    <row r="58635" spans="1:10" x14ac:dyDescent="0.35">
      <c r="A58635" s="1" t="s">
        <v>27756</v>
      </c>
      <c r="B58635" s="1" t="s">
        <v>196714</v>
      </c>
      <c r="C58635" s="1" t="s">
        <v>135</v>
      </c>
      <c r="D58635" s="1" t="s">
        <v>116081</v>
      </c>
      <c r="E58635" s="1" t="s">
        <v>197021</v>
      </c>
      <c r="F58635" s="1" t="s">
        <v>197022</v>
      </c>
      <c r="G58635" s="1" t="s">
        <v>196958</v>
      </c>
      <c r="H58635" s="1" t="s">
        <v>196959</v>
      </c>
      <c r="I58635" s="1" t="s">
        <v>196718</v>
      </c>
      <c r="J58635" s="1" t="s">
        <v>197023</v>
      </c>
    </row>
    <row r="58636" spans="1:10" x14ac:dyDescent="0.35">
      <c r="A58636" s="1" t="s">
        <v>27756</v>
      </c>
      <c r="B58636" s="1" t="s">
        <v>196714</v>
      </c>
      <c r="C58636" s="1" t="s">
        <v>140</v>
      </c>
      <c r="D58636" s="1" t="s">
        <v>72348</v>
      </c>
      <c r="E58636" s="1" t="s">
        <v>110153</v>
      </c>
      <c r="F58636" s="1" t="s">
        <v>197024</v>
      </c>
      <c r="G58636" s="1" t="s">
        <v>196958</v>
      </c>
      <c r="H58636" s="1" t="s">
        <v>196959</v>
      </c>
      <c r="I58636" s="1" t="s">
        <v>196718</v>
      </c>
      <c r="J58636" s="1" t="s">
        <v>197025</v>
      </c>
    </row>
    <row r="58637" spans="1:10" x14ac:dyDescent="0.35">
      <c r="A58637" s="1" t="s">
        <v>27756</v>
      </c>
      <c r="B58637" s="1" t="s">
        <v>196714</v>
      </c>
      <c r="C58637" s="1" t="s">
        <v>145</v>
      </c>
      <c r="D58637" s="1" t="s">
        <v>197026</v>
      </c>
      <c r="E58637" s="1" t="s">
        <v>121011</v>
      </c>
      <c r="F58637" s="1" t="s">
        <v>197027</v>
      </c>
      <c r="G58637" s="1" t="s">
        <v>196958</v>
      </c>
      <c r="H58637" s="1" t="s">
        <v>196959</v>
      </c>
      <c r="I58637" s="1" t="s">
        <v>196718</v>
      </c>
      <c r="J58637" s="1" t="s">
        <v>197028</v>
      </c>
    </row>
    <row r="58638" spans="1:10" x14ac:dyDescent="0.35">
      <c r="A58638" s="1" t="s">
        <v>27756</v>
      </c>
      <c r="B58638" s="1" t="s">
        <v>196714</v>
      </c>
      <c r="C58638" s="1" t="s">
        <v>150</v>
      </c>
      <c r="D58638" s="1" t="s">
        <v>151773</v>
      </c>
      <c r="E58638" s="1" t="s">
        <v>29033</v>
      </c>
      <c r="F58638" s="1" t="s">
        <v>197029</v>
      </c>
      <c r="G58638" s="1" t="s">
        <v>196958</v>
      </c>
      <c r="H58638" s="1" t="s">
        <v>196959</v>
      </c>
      <c r="I58638" s="1" t="s">
        <v>196718</v>
      </c>
      <c r="J58638" s="1" t="s">
        <v>197030</v>
      </c>
    </row>
    <row r="58639" spans="1:10" x14ac:dyDescent="0.35">
      <c r="A58639" s="1" t="s">
        <v>27756</v>
      </c>
      <c r="B58639" s="1" t="s">
        <v>196714</v>
      </c>
      <c r="C58639" s="1" t="s">
        <v>155</v>
      </c>
      <c r="D58639" s="1" t="s">
        <v>71005</v>
      </c>
      <c r="E58639" s="1" t="s">
        <v>197031</v>
      </c>
      <c r="F58639" s="1" t="s">
        <v>197032</v>
      </c>
      <c r="G58639" s="1" t="s">
        <v>196958</v>
      </c>
      <c r="H58639" s="1" t="s">
        <v>196959</v>
      </c>
      <c r="I58639" s="1" t="s">
        <v>196718</v>
      </c>
      <c r="J58639" s="1" t="s">
        <v>197033</v>
      </c>
    </row>
    <row r="58640" spans="1:10" x14ac:dyDescent="0.35">
      <c r="A58640" s="1" t="s">
        <v>27756</v>
      </c>
      <c r="B58640" s="1" t="s">
        <v>196714</v>
      </c>
      <c r="C58640" s="1" t="s">
        <v>160</v>
      </c>
      <c r="D58640" s="1" t="s">
        <v>104404</v>
      </c>
      <c r="E58640" s="1" t="s">
        <v>28106</v>
      </c>
      <c r="F58640" s="1" t="s">
        <v>197034</v>
      </c>
      <c r="G58640" s="1" t="s">
        <v>196958</v>
      </c>
      <c r="H58640" s="1" t="s">
        <v>196959</v>
      </c>
      <c r="I58640" s="1" t="s">
        <v>196718</v>
      </c>
      <c r="J58640" s="1" t="s">
        <v>197035</v>
      </c>
    </row>
    <row r="58641" spans="1:10" x14ac:dyDescent="0.35">
      <c r="A58641" s="1" t="s">
        <v>27756</v>
      </c>
      <c r="B58641" s="1" t="s">
        <v>196714</v>
      </c>
      <c r="C58641" s="1" t="s">
        <v>165</v>
      </c>
      <c r="D58641" s="1" t="s">
        <v>3429</v>
      </c>
      <c r="E58641" s="1" t="s">
        <v>28033</v>
      </c>
      <c r="F58641" s="1" t="s">
        <v>197036</v>
      </c>
      <c r="G58641" s="1" t="s">
        <v>196958</v>
      </c>
      <c r="H58641" s="1" t="s">
        <v>196959</v>
      </c>
      <c r="I58641" s="1" t="s">
        <v>196718</v>
      </c>
      <c r="J58641" s="1" t="s">
        <v>197037</v>
      </c>
    </row>
    <row r="58642" spans="1:10" x14ac:dyDescent="0.35">
      <c r="A58642" s="1" t="s">
        <v>27756</v>
      </c>
      <c r="B58642" s="1" t="s">
        <v>196714</v>
      </c>
      <c r="C58642" s="1" t="s">
        <v>170</v>
      </c>
      <c r="D58642" s="1" t="s">
        <v>49890</v>
      </c>
      <c r="E58642" s="1" t="s">
        <v>28229</v>
      </c>
      <c r="F58642" s="1" t="s">
        <v>197038</v>
      </c>
      <c r="G58642" s="1" t="s">
        <v>196958</v>
      </c>
      <c r="H58642" s="1" t="s">
        <v>196959</v>
      </c>
      <c r="I58642" s="1" t="s">
        <v>196718</v>
      </c>
      <c r="J58642" s="1" t="s">
        <v>197039</v>
      </c>
    </row>
    <row r="58643" spans="1:10" x14ac:dyDescent="0.35">
      <c r="A58643" s="1" t="s">
        <v>197040</v>
      </c>
      <c r="B58643" s="1" t="s">
        <v>196714</v>
      </c>
      <c r="C58643" s="1" t="s">
        <v>8</v>
      </c>
      <c r="D58643" s="1" t="s">
        <v>50974</v>
      </c>
      <c r="E58643" s="1" t="s">
        <v>197041</v>
      </c>
      <c r="F58643" s="1" t="s">
        <v>134028</v>
      </c>
      <c r="G58643" s="1" t="s">
        <v>197042</v>
      </c>
      <c r="H58643" s="1" t="s">
        <v>197043</v>
      </c>
      <c r="I58643" s="1" t="s">
        <v>196718</v>
      </c>
      <c r="J58643" s="1" t="s">
        <v>13</v>
      </c>
    </row>
    <row r="58644" spans="1:10" x14ac:dyDescent="0.35">
      <c r="A58644" s="1" t="s">
        <v>197040</v>
      </c>
      <c r="B58644" s="1" t="s">
        <v>196714</v>
      </c>
      <c r="C58644" s="1" t="s">
        <v>15</v>
      </c>
      <c r="D58644" s="1" t="s">
        <v>141798</v>
      </c>
      <c r="E58644" s="1" t="s">
        <v>111795</v>
      </c>
      <c r="F58644" s="1" t="s">
        <v>197044</v>
      </c>
      <c r="G58644" s="1" t="s">
        <v>197042</v>
      </c>
      <c r="H58644" s="1" t="s">
        <v>197043</v>
      </c>
      <c r="I58644" s="1" t="s">
        <v>196718</v>
      </c>
      <c r="J58644" s="1" t="s">
        <v>197045</v>
      </c>
    </row>
    <row r="58645" spans="1:10" x14ac:dyDescent="0.35">
      <c r="A58645" s="1" t="s">
        <v>197040</v>
      </c>
      <c r="B58645" s="1" t="s">
        <v>196714</v>
      </c>
      <c r="C58645" s="1" t="s">
        <v>20</v>
      </c>
      <c r="D58645" s="1" t="s">
        <v>181391</v>
      </c>
      <c r="E58645" s="1" t="s">
        <v>196885</v>
      </c>
      <c r="F58645" s="1" t="s">
        <v>197046</v>
      </c>
      <c r="G58645" s="1" t="s">
        <v>197042</v>
      </c>
      <c r="H58645" s="1" t="s">
        <v>197043</v>
      </c>
      <c r="I58645" s="1" t="s">
        <v>196718</v>
      </c>
      <c r="J58645" s="1" t="s">
        <v>197047</v>
      </c>
    </row>
    <row r="58646" spans="1:10" x14ac:dyDescent="0.35">
      <c r="A58646" s="1" t="s">
        <v>197040</v>
      </c>
      <c r="B58646" s="1" t="s">
        <v>196714</v>
      </c>
      <c r="C58646" s="1" t="s">
        <v>25</v>
      </c>
      <c r="D58646" s="1" t="s">
        <v>30189</v>
      </c>
      <c r="E58646" s="1" t="s">
        <v>197048</v>
      </c>
      <c r="F58646" s="1" t="s">
        <v>197049</v>
      </c>
      <c r="G58646" s="1" t="s">
        <v>197042</v>
      </c>
      <c r="H58646" s="1" t="s">
        <v>197043</v>
      </c>
      <c r="I58646" s="1" t="s">
        <v>196718</v>
      </c>
      <c r="J58646" s="1" t="s">
        <v>197050</v>
      </c>
    </row>
    <row r="58647" spans="1:10" x14ac:dyDescent="0.35">
      <c r="A58647" s="1" t="s">
        <v>197040</v>
      </c>
      <c r="B58647" s="1" t="s">
        <v>196714</v>
      </c>
      <c r="C58647" s="1" t="s">
        <v>30</v>
      </c>
      <c r="D58647" s="1" t="s">
        <v>197051</v>
      </c>
      <c r="E58647" s="1" t="s">
        <v>197052</v>
      </c>
      <c r="F58647" s="1" t="s">
        <v>16285</v>
      </c>
      <c r="G58647" s="1" t="s">
        <v>197042</v>
      </c>
      <c r="H58647" s="1" t="s">
        <v>197043</v>
      </c>
      <c r="I58647" s="1" t="s">
        <v>196718</v>
      </c>
      <c r="J58647" s="1" t="s">
        <v>197053</v>
      </c>
    </row>
    <row r="58648" spans="1:10" x14ac:dyDescent="0.35">
      <c r="A58648" s="1" t="s">
        <v>197040</v>
      </c>
      <c r="B58648" s="1" t="s">
        <v>196714</v>
      </c>
      <c r="C58648" s="1" t="s">
        <v>35</v>
      </c>
      <c r="D58648" s="1" t="s">
        <v>117421</v>
      </c>
      <c r="E58648" s="1" t="s">
        <v>197054</v>
      </c>
      <c r="F58648" s="1" t="s">
        <v>197055</v>
      </c>
      <c r="G58648" s="1" t="s">
        <v>197042</v>
      </c>
      <c r="H58648" s="1" t="s">
        <v>197043</v>
      </c>
      <c r="I58648" s="1" t="s">
        <v>196718</v>
      </c>
      <c r="J58648" s="1" t="s">
        <v>197056</v>
      </c>
    </row>
    <row r="58649" spans="1:10" x14ac:dyDescent="0.35">
      <c r="A58649" s="1" t="s">
        <v>197040</v>
      </c>
      <c r="B58649" s="1" t="s">
        <v>196714</v>
      </c>
      <c r="C58649" s="1" t="s">
        <v>40</v>
      </c>
      <c r="D58649" s="1" t="s">
        <v>170926</v>
      </c>
      <c r="E58649" s="1" t="s">
        <v>8047</v>
      </c>
      <c r="F58649" s="1" t="s">
        <v>197057</v>
      </c>
      <c r="G58649" s="1" t="s">
        <v>197042</v>
      </c>
      <c r="H58649" s="1" t="s">
        <v>197043</v>
      </c>
      <c r="I58649" s="1" t="s">
        <v>196718</v>
      </c>
      <c r="J58649" s="1" t="s">
        <v>197058</v>
      </c>
    </row>
    <row r="58650" spans="1:10" x14ac:dyDescent="0.35">
      <c r="A58650" s="1" t="s">
        <v>197040</v>
      </c>
      <c r="B58650" s="1" t="s">
        <v>196714</v>
      </c>
      <c r="C58650" s="1" t="s">
        <v>45</v>
      </c>
      <c r="D58650" s="1" t="s">
        <v>119537</v>
      </c>
      <c r="E58650" s="1" t="s">
        <v>197059</v>
      </c>
      <c r="F58650" s="1" t="s">
        <v>197060</v>
      </c>
      <c r="G58650" s="1" t="s">
        <v>197042</v>
      </c>
      <c r="H58650" s="1" t="s">
        <v>197043</v>
      </c>
      <c r="I58650" s="1" t="s">
        <v>196718</v>
      </c>
      <c r="J58650" s="1" t="s">
        <v>197061</v>
      </c>
    </row>
    <row r="58651" spans="1:10" x14ac:dyDescent="0.35">
      <c r="A58651" s="1" t="s">
        <v>197040</v>
      </c>
      <c r="B58651" s="1" t="s">
        <v>196714</v>
      </c>
      <c r="C58651" s="1" t="s">
        <v>50</v>
      </c>
      <c r="D58651" s="1" t="s">
        <v>10346</v>
      </c>
      <c r="E58651" s="1" t="s">
        <v>8080</v>
      </c>
      <c r="F58651" s="1" t="s">
        <v>197062</v>
      </c>
      <c r="G58651" s="1" t="s">
        <v>197042</v>
      </c>
      <c r="H58651" s="1" t="s">
        <v>197043</v>
      </c>
      <c r="I58651" s="1" t="s">
        <v>196718</v>
      </c>
      <c r="J58651" s="1" t="s">
        <v>197063</v>
      </c>
    </row>
    <row r="58652" spans="1:10" x14ac:dyDescent="0.35">
      <c r="A58652" s="1" t="s">
        <v>197040</v>
      </c>
      <c r="B58652" s="1" t="s">
        <v>196714</v>
      </c>
      <c r="C58652" s="1" t="s">
        <v>55</v>
      </c>
      <c r="D58652" s="1" t="s">
        <v>135693</v>
      </c>
      <c r="E58652" s="1" t="s">
        <v>6845</v>
      </c>
      <c r="F58652" s="1" t="s">
        <v>197064</v>
      </c>
      <c r="G58652" s="1" t="s">
        <v>197042</v>
      </c>
      <c r="H58652" s="1" t="s">
        <v>197043</v>
      </c>
      <c r="I58652" s="1" t="s">
        <v>196718</v>
      </c>
      <c r="J58652" s="1" t="s">
        <v>197065</v>
      </c>
    </row>
    <row r="58653" spans="1:10" x14ac:dyDescent="0.35">
      <c r="A58653" s="1" t="s">
        <v>197040</v>
      </c>
      <c r="B58653" s="1" t="s">
        <v>196714</v>
      </c>
      <c r="C58653" s="1" t="s">
        <v>60</v>
      </c>
      <c r="D58653" s="1" t="s">
        <v>197066</v>
      </c>
      <c r="E58653" s="1" t="s">
        <v>197067</v>
      </c>
      <c r="F58653" s="1" t="s">
        <v>197068</v>
      </c>
      <c r="G58653" s="1" t="s">
        <v>197042</v>
      </c>
      <c r="H58653" s="1" t="s">
        <v>197043</v>
      </c>
      <c r="I58653" s="1" t="s">
        <v>196718</v>
      </c>
      <c r="J58653" s="1" t="s">
        <v>197069</v>
      </c>
    </row>
    <row r="58654" spans="1:10" x14ac:dyDescent="0.35">
      <c r="A58654" s="1" t="s">
        <v>197040</v>
      </c>
      <c r="B58654" s="1" t="s">
        <v>196714</v>
      </c>
      <c r="C58654" s="1" t="s">
        <v>65</v>
      </c>
      <c r="D58654" s="1" t="s">
        <v>197070</v>
      </c>
      <c r="E58654" s="1" t="s">
        <v>8062</v>
      </c>
      <c r="F58654" s="1" t="s">
        <v>50857</v>
      </c>
      <c r="G58654" s="1" t="s">
        <v>197042</v>
      </c>
      <c r="H58654" s="1" t="s">
        <v>197043</v>
      </c>
      <c r="I58654" s="1" t="s">
        <v>196718</v>
      </c>
      <c r="J58654" s="1" t="s">
        <v>197071</v>
      </c>
    </row>
    <row r="58655" spans="1:10" x14ac:dyDescent="0.35">
      <c r="A58655" s="1" t="s">
        <v>197040</v>
      </c>
      <c r="B58655" s="1" t="s">
        <v>196714</v>
      </c>
      <c r="C58655" s="1" t="s">
        <v>70</v>
      </c>
      <c r="D58655" s="1" t="s">
        <v>189139</v>
      </c>
      <c r="E58655" s="1" t="s">
        <v>197052</v>
      </c>
      <c r="F58655" s="1" t="s">
        <v>197072</v>
      </c>
      <c r="G58655" s="1" t="s">
        <v>197042</v>
      </c>
      <c r="H58655" s="1" t="s">
        <v>197043</v>
      </c>
      <c r="I58655" s="1" t="s">
        <v>196718</v>
      </c>
      <c r="J58655" s="1" t="s">
        <v>197073</v>
      </c>
    </row>
    <row r="58656" spans="1:10" x14ac:dyDescent="0.35">
      <c r="A58656" s="1" t="s">
        <v>197040</v>
      </c>
      <c r="B58656" s="1" t="s">
        <v>196714</v>
      </c>
      <c r="C58656" s="1" t="s">
        <v>75</v>
      </c>
      <c r="D58656" s="1" t="s">
        <v>47354</v>
      </c>
      <c r="E58656" s="1" t="s">
        <v>111844</v>
      </c>
      <c r="F58656" s="1" t="s">
        <v>197074</v>
      </c>
      <c r="G58656" s="1" t="s">
        <v>197042</v>
      </c>
      <c r="H58656" s="1" t="s">
        <v>197043</v>
      </c>
      <c r="I58656" s="1" t="s">
        <v>196718</v>
      </c>
      <c r="J58656" s="1" t="s">
        <v>197075</v>
      </c>
    </row>
    <row r="58657" spans="1:10" x14ac:dyDescent="0.35">
      <c r="A58657" s="1" t="s">
        <v>197040</v>
      </c>
      <c r="B58657" s="1" t="s">
        <v>196714</v>
      </c>
      <c r="C58657" s="1" t="s">
        <v>80</v>
      </c>
      <c r="D58657" s="1" t="s">
        <v>72778</v>
      </c>
      <c r="E58657" s="1" t="s">
        <v>8062</v>
      </c>
      <c r="F58657" s="1" t="s">
        <v>197076</v>
      </c>
      <c r="G58657" s="1" t="s">
        <v>197042</v>
      </c>
      <c r="H58657" s="1" t="s">
        <v>197043</v>
      </c>
      <c r="I58657" s="1" t="s">
        <v>196718</v>
      </c>
      <c r="J58657" s="1" t="s">
        <v>197077</v>
      </c>
    </row>
    <row r="58658" spans="1:10" x14ac:dyDescent="0.35">
      <c r="A58658" s="1" t="s">
        <v>197040</v>
      </c>
      <c r="B58658" s="1" t="s">
        <v>196714</v>
      </c>
      <c r="C58658" s="1" t="s">
        <v>85</v>
      </c>
      <c r="D58658" s="1" t="s">
        <v>118194</v>
      </c>
      <c r="E58658" s="1" t="s">
        <v>148234</v>
      </c>
      <c r="F58658" s="1" t="s">
        <v>197078</v>
      </c>
      <c r="G58658" s="1" t="s">
        <v>197042</v>
      </c>
      <c r="H58658" s="1" t="s">
        <v>197043</v>
      </c>
      <c r="I58658" s="1" t="s">
        <v>196718</v>
      </c>
      <c r="J58658" s="1" t="s">
        <v>197079</v>
      </c>
    </row>
    <row r="58659" spans="1:10" x14ac:dyDescent="0.35">
      <c r="A58659" s="1" t="s">
        <v>197040</v>
      </c>
      <c r="B58659" s="1" t="s">
        <v>196714</v>
      </c>
      <c r="C58659" s="1" t="s">
        <v>90</v>
      </c>
      <c r="D58659" s="1" t="s">
        <v>34957</v>
      </c>
      <c r="E58659" s="1" t="s">
        <v>196921</v>
      </c>
      <c r="F58659" s="1" t="s">
        <v>197080</v>
      </c>
      <c r="G58659" s="1" t="s">
        <v>197042</v>
      </c>
      <c r="H58659" s="1" t="s">
        <v>197043</v>
      </c>
      <c r="I58659" s="1" t="s">
        <v>196718</v>
      </c>
      <c r="J58659" s="1" t="s">
        <v>155807</v>
      </c>
    </row>
    <row r="58660" spans="1:10" x14ac:dyDescent="0.35">
      <c r="A58660" s="1" t="s">
        <v>197040</v>
      </c>
      <c r="B58660" s="1" t="s">
        <v>196714</v>
      </c>
      <c r="C58660" s="1" t="s">
        <v>95</v>
      </c>
      <c r="D58660" s="1" t="s">
        <v>73767</v>
      </c>
      <c r="E58660" s="1" t="s">
        <v>197081</v>
      </c>
      <c r="F58660" s="1" t="s">
        <v>197082</v>
      </c>
      <c r="G58660" s="1" t="s">
        <v>197042</v>
      </c>
      <c r="H58660" s="1" t="s">
        <v>197043</v>
      </c>
      <c r="I58660" s="1" t="s">
        <v>196718</v>
      </c>
      <c r="J58660" s="1" t="s">
        <v>197083</v>
      </c>
    </row>
    <row r="58661" spans="1:10" x14ac:dyDescent="0.35">
      <c r="A58661" s="1" t="s">
        <v>197040</v>
      </c>
      <c r="B58661" s="1" t="s">
        <v>196714</v>
      </c>
      <c r="C58661" s="1" t="s">
        <v>100</v>
      </c>
      <c r="D58661" s="1" t="s">
        <v>35434</v>
      </c>
      <c r="E58661" s="1" t="s">
        <v>148234</v>
      </c>
      <c r="F58661" s="1" t="s">
        <v>197084</v>
      </c>
      <c r="G58661" s="1" t="s">
        <v>197042</v>
      </c>
      <c r="H58661" s="1" t="s">
        <v>197043</v>
      </c>
      <c r="I58661" s="1" t="s">
        <v>196718</v>
      </c>
      <c r="J58661" s="1" t="s">
        <v>197085</v>
      </c>
    </row>
    <row r="58662" spans="1:10" x14ac:dyDescent="0.35">
      <c r="A58662" s="1" t="s">
        <v>197040</v>
      </c>
      <c r="B58662" s="1" t="s">
        <v>196714</v>
      </c>
      <c r="C58662" s="1" t="s">
        <v>105</v>
      </c>
      <c r="D58662" s="1" t="s">
        <v>74794</v>
      </c>
      <c r="E58662" s="1" t="s">
        <v>8066</v>
      </c>
      <c r="F58662" s="1" t="s">
        <v>196812</v>
      </c>
      <c r="G58662" s="1" t="s">
        <v>197042</v>
      </c>
      <c r="H58662" s="1" t="s">
        <v>197043</v>
      </c>
      <c r="I58662" s="1" t="s">
        <v>196718</v>
      </c>
      <c r="J58662" s="1" t="s">
        <v>197086</v>
      </c>
    </row>
    <row r="58663" spans="1:10" x14ac:dyDescent="0.35">
      <c r="A58663" s="1" t="s">
        <v>197040</v>
      </c>
      <c r="B58663" s="1" t="s">
        <v>196714</v>
      </c>
      <c r="C58663" s="1" t="s">
        <v>110</v>
      </c>
      <c r="D58663" s="1" t="s">
        <v>44574</v>
      </c>
      <c r="E58663" s="1" t="s">
        <v>197087</v>
      </c>
      <c r="F58663" s="1" t="s">
        <v>197088</v>
      </c>
      <c r="G58663" s="1" t="s">
        <v>197042</v>
      </c>
      <c r="H58663" s="1" t="s">
        <v>197043</v>
      </c>
      <c r="I58663" s="1" t="s">
        <v>196718</v>
      </c>
      <c r="J58663" s="1" t="s">
        <v>197089</v>
      </c>
    </row>
    <row r="58664" spans="1:10" x14ac:dyDescent="0.35">
      <c r="A58664" s="1" t="s">
        <v>197040</v>
      </c>
      <c r="B58664" s="1" t="s">
        <v>196714</v>
      </c>
      <c r="C58664" s="1" t="s">
        <v>115</v>
      </c>
      <c r="D58664" s="1" t="s">
        <v>34040</v>
      </c>
      <c r="E58664" s="1" t="s">
        <v>197090</v>
      </c>
      <c r="F58664" s="1" t="s">
        <v>169056</v>
      </c>
      <c r="G58664" s="1" t="s">
        <v>197042</v>
      </c>
      <c r="H58664" s="1" t="s">
        <v>197043</v>
      </c>
      <c r="I58664" s="1" t="s">
        <v>196718</v>
      </c>
      <c r="J58664" s="1" t="s">
        <v>197091</v>
      </c>
    </row>
    <row r="58665" spans="1:10" x14ac:dyDescent="0.35">
      <c r="A58665" s="1" t="s">
        <v>197040</v>
      </c>
      <c r="B58665" s="1" t="s">
        <v>196714</v>
      </c>
      <c r="C58665" s="1" t="s">
        <v>120</v>
      </c>
      <c r="D58665" s="1" t="s">
        <v>72119</v>
      </c>
      <c r="E58665" s="1" t="s">
        <v>8088</v>
      </c>
      <c r="F58665" s="1" t="s">
        <v>197092</v>
      </c>
      <c r="G58665" s="1" t="s">
        <v>197042</v>
      </c>
      <c r="H58665" s="1" t="s">
        <v>197043</v>
      </c>
      <c r="I58665" s="1" t="s">
        <v>196718</v>
      </c>
      <c r="J58665" s="1" t="s">
        <v>197093</v>
      </c>
    </row>
    <row r="58666" spans="1:10" x14ac:dyDescent="0.35">
      <c r="A58666" s="1" t="s">
        <v>197040</v>
      </c>
      <c r="B58666" s="1" t="s">
        <v>196714</v>
      </c>
      <c r="C58666" s="1" t="s">
        <v>125</v>
      </c>
      <c r="D58666" s="1" t="s">
        <v>37821</v>
      </c>
      <c r="E58666" s="1" t="s">
        <v>197094</v>
      </c>
      <c r="F58666" s="1" t="s">
        <v>197095</v>
      </c>
      <c r="G58666" s="1" t="s">
        <v>197042</v>
      </c>
      <c r="H58666" s="1" t="s">
        <v>197043</v>
      </c>
      <c r="I58666" s="1" t="s">
        <v>196718</v>
      </c>
      <c r="J58666" s="1" t="s">
        <v>197096</v>
      </c>
    </row>
    <row r="58667" spans="1:10" x14ac:dyDescent="0.35">
      <c r="A58667" s="1" t="s">
        <v>197040</v>
      </c>
      <c r="B58667" s="1" t="s">
        <v>196714</v>
      </c>
      <c r="C58667" s="1" t="s">
        <v>130</v>
      </c>
      <c r="D58667" s="1" t="s">
        <v>116293</v>
      </c>
      <c r="E58667" s="1" t="s">
        <v>8104</v>
      </c>
      <c r="F58667" s="1" t="s">
        <v>197097</v>
      </c>
      <c r="G58667" s="1" t="s">
        <v>197042</v>
      </c>
      <c r="H58667" s="1" t="s">
        <v>197043</v>
      </c>
      <c r="I58667" s="1" t="s">
        <v>196718</v>
      </c>
      <c r="J58667" s="1" t="s">
        <v>197098</v>
      </c>
    </row>
    <row r="58668" spans="1:10" x14ac:dyDescent="0.35">
      <c r="A58668" s="1" t="s">
        <v>197040</v>
      </c>
      <c r="B58668" s="1" t="s">
        <v>196714</v>
      </c>
      <c r="C58668" s="1" t="s">
        <v>135</v>
      </c>
      <c r="D58668" s="1" t="s">
        <v>34177</v>
      </c>
      <c r="E58668" s="1" t="s">
        <v>197099</v>
      </c>
      <c r="F58668" s="1" t="s">
        <v>197100</v>
      </c>
      <c r="G58668" s="1" t="s">
        <v>197042</v>
      </c>
      <c r="H58668" s="1" t="s">
        <v>197043</v>
      </c>
      <c r="I58668" s="1" t="s">
        <v>196718</v>
      </c>
      <c r="J58668" s="1" t="s">
        <v>197101</v>
      </c>
    </row>
    <row r="58669" spans="1:10" x14ac:dyDescent="0.35">
      <c r="A58669" s="1" t="s">
        <v>197040</v>
      </c>
      <c r="B58669" s="1" t="s">
        <v>196714</v>
      </c>
      <c r="C58669" s="1" t="s">
        <v>140</v>
      </c>
      <c r="D58669" s="1" t="s">
        <v>72137</v>
      </c>
      <c r="E58669" s="1" t="s">
        <v>197102</v>
      </c>
      <c r="F58669" s="1" t="s">
        <v>197103</v>
      </c>
      <c r="G58669" s="1" t="s">
        <v>197042</v>
      </c>
      <c r="H58669" s="1" t="s">
        <v>197043</v>
      </c>
      <c r="I58669" s="1" t="s">
        <v>196718</v>
      </c>
      <c r="J58669" s="1" t="s">
        <v>197104</v>
      </c>
    </row>
    <row r="58670" spans="1:10" x14ac:dyDescent="0.35">
      <c r="A58670" s="1" t="s">
        <v>197040</v>
      </c>
      <c r="B58670" s="1" t="s">
        <v>196714</v>
      </c>
      <c r="C58670" s="1" t="s">
        <v>145</v>
      </c>
      <c r="D58670" s="1" t="s">
        <v>150818</v>
      </c>
      <c r="E58670" s="1" t="s">
        <v>11760</v>
      </c>
      <c r="F58670" s="1" t="s">
        <v>197105</v>
      </c>
      <c r="G58670" s="1" t="s">
        <v>197042</v>
      </c>
      <c r="H58670" s="1" t="s">
        <v>197043</v>
      </c>
      <c r="I58670" s="1" t="s">
        <v>196718</v>
      </c>
      <c r="J58670" s="1" t="s">
        <v>8119</v>
      </c>
    </row>
    <row r="58671" spans="1:10" x14ac:dyDescent="0.35">
      <c r="A58671" s="1" t="s">
        <v>197040</v>
      </c>
      <c r="B58671" s="1" t="s">
        <v>196714</v>
      </c>
      <c r="C58671" s="1" t="s">
        <v>150</v>
      </c>
      <c r="D58671" s="1" t="s">
        <v>197106</v>
      </c>
      <c r="E58671" s="1" t="s">
        <v>197107</v>
      </c>
      <c r="F58671" s="1" t="s">
        <v>179327</v>
      </c>
      <c r="G58671" s="1" t="s">
        <v>197042</v>
      </c>
      <c r="H58671" s="1" t="s">
        <v>197043</v>
      </c>
      <c r="I58671" s="1" t="s">
        <v>196718</v>
      </c>
      <c r="J58671" s="1" t="s">
        <v>197108</v>
      </c>
    </row>
    <row r="58672" spans="1:10" x14ac:dyDescent="0.35">
      <c r="A58672" s="1" t="s">
        <v>197040</v>
      </c>
      <c r="B58672" s="1" t="s">
        <v>196714</v>
      </c>
      <c r="C58672" s="1" t="s">
        <v>155</v>
      </c>
      <c r="D58672" s="1" t="s">
        <v>159626</v>
      </c>
      <c r="E58672" s="1" t="s">
        <v>197109</v>
      </c>
      <c r="F58672" s="1" t="s">
        <v>12178</v>
      </c>
      <c r="G58672" s="1" t="s">
        <v>197042</v>
      </c>
      <c r="H58672" s="1" t="s">
        <v>197043</v>
      </c>
      <c r="I58672" s="1" t="s">
        <v>196718</v>
      </c>
      <c r="J58672" s="1" t="s">
        <v>197110</v>
      </c>
    </row>
    <row r="58673" spans="1:10" x14ac:dyDescent="0.35">
      <c r="A58673" s="1" t="s">
        <v>197040</v>
      </c>
      <c r="B58673" s="1" t="s">
        <v>196714</v>
      </c>
      <c r="C58673" s="1" t="s">
        <v>160</v>
      </c>
      <c r="D58673" s="1" t="s">
        <v>35143</v>
      </c>
      <c r="E58673" s="1" t="s">
        <v>11764</v>
      </c>
      <c r="F58673" s="1" t="s">
        <v>197111</v>
      </c>
      <c r="G58673" s="1" t="s">
        <v>197042</v>
      </c>
      <c r="H58673" s="1" t="s">
        <v>197043</v>
      </c>
      <c r="I58673" s="1" t="s">
        <v>196718</v>
      </c>
      <c r="J58673" s="1" t="s">
        <v>197112</v>
      </c>
    </row>
    <row r="58674" spans="1:10" x14ac:dyDescent="0.35">
      <c r="A58674" s="1" t="s">
        <v>197040</v>
      </c>
      <c r="B58674" s="1" t="s">
        <v>196714</v>
      </c>
      <c r="C58674" s="1" t="s">
        <v>165</v>
      </c>
      <c r="D58674" s="1" t="s">
        <v>47715</v>
      </c>
      <c r="E58674" s="1" t="s">
        <v>197113</v>
      </c>
      <c r="F58674" s="1" t="s">
        <v>197114</v>
      </c>
      <c r="G58674" s="1" t="s">
        <v>197042</v>
      </c>
      <c r="H58674" s="1" t="s">
        <v>197043</v>
      </c>
      <c r="I58674" s="1" t="s">
        <v>196718</v>
      </c>
      <c r="J58674" s="1" t="s">
        <v>197115</v>
      </c>
    </row>
    <row r="58675" spans="1:10" x14ac:dyDescent="0.35">
      <c r="A58675" s="1" t="s">
        <v>197040</v>
      </c>
      <c r="B58675" s="1" t="s">
        <v>196714</v>
      </c>
      <c r="C58675" s="1" t="s">
        <v>170</v>
      </c>
      <c r="D58675" s="1" t="s">
        <v>51340</v>
      </c>
      <c r="E58675" s="1" t="s">
        <v>197116</v>
      </c>
      <c r="F58675" s="1" t="s">
        <v>197117</v>
      </c>
      <c r="G58675" s="1" t="s">
        <v>197042</v>
      </c>
      <c r="H58675" s="1" t="s">
        <v>197043</v>
      </c>
      <c r="I58675" s="1" t="s">
        <v>196718</v>
      </c>
      <c r="J58675" s="1" t="s">
        <v>197118</v>
      </c>
    </row>
    <row r="58676" spans="1:10" x14ac:dyDescent="0.35">
      <c r="A58676" s="1" t="s">
        <v>25492</v>
      </c>
      <c r="B58676" s="1" t="s">
        <v>196714</v>
      </c>
      <c r="C58676" s="1" t="s">
        <v>8</v>
      </c>
      <c r="D58676" s="1" t="s">
        <v>172242</v>
      </c>
      <c r="E58676" s="1" t="s">
        <v>197119</v>
      </c>
      <c r="F58676" s="1" t="s">
        <v>197120</v>
      </c>
      <c r="G58676" s="1" t="s">
        <v>197121</v>
      </c>
      <c r="H58676" s="1" t="s">
        <v>197122</v>
      </c>
      <c r="I58676" s="1" t="s">
        <v>196718</v>
      </c>
      <c r="J58676" s="1" t="s">
        <v>13</v>
      </c>
    </row>
    <row r="58677" spans="1:10" x14ac:dyDescent="0.35">
      <c r="A58677" s="1" t="s">
        <v>25492</v>
      </c>
      <c r="B58677" s="1" t="s">
        <v>196714</v>
      </c>
      <c r="C58677" s="1" t="s">
        <v>15</v>
      </c>
      <c r="D58677" s="1" t="s">
        <v>33544</v>
      </c>
      <c r="E58677" s="1" t="s">
        <v>197123</v>
      </c>
      <c r="F58677" s="1" t="s">
        <v>197124</v>
      </c>
      <c r="G58677" s="1" t="s">
        <v>197121</v>
      </c>
      <c r="H58677" s="1" t="s">
        <v>197122</v>
      </c>
      <c r="I58677" s="1" t="s">
        <v>196718</v>
      </c>
      <c r="J58677" s="1" t="s">
        <v>197125</v>
      </c>
    </row>
    <row r="58678" spans="1:10" x14ac:dyDescent="0.35">
      <c r="A58678" s="1" t="s">
        <v>25492</v>
      </c>
      <c r="B58678" s="1" t="s">
        <v>196714</v>
      </c>
      <c r="C58678" s="1" t="s">
        <v>20</v>
      </c>
      <c r="D58678" s="1" t="s">
        <v>28570</v>
      </c>
      <c r="E58678" s="1" t="s">
        <v>197126</v>
      </c>
      <c r="F58678" s="1" t="s">
        <v>197127</v>
      </c>
      <c r="G58678" s="1" t="s">
        <v>197121</v>
      </c>
      <c r="H58678" s="1" t="s">
        <v>197122</v>
      </c>
      <c r="I58678" s="1" t="s">
        <v>196718</v>
      </c>
      <c r="J58678" s="1" t="s">
        <v>197128</v>
      </c>
    </row>
    <row r="58679" spans="1:10" x14ac:dyDescent="0.35">
      <c r="A58679" s="1" t="s">
        <v>25492</v>
      </c>
      <c r="B58679" s="1" t="s">
        <v>196714</v>
      </c>
      <c r="C58679" s="1" t="s">
        <v>25</v>
      </c>
      <c r="D58679" s="1" t="s">
        <v>14506</v>
      </c>
      <c r="E58679" s="1" t="s">
        <v>197129</v>
      </c>
      <c r="F58679" s="1" t="s">
        <v>197130</v>
      </c>
      <c r="G58679" s="1" t="s">
        <v>197121</v>
      </c>
      <c r="H58679" s="1" t="s">
        <v>197122</v>
      </c>
      <c r="I58679" s="1" t="s">
        <v>196718</v>
      </c>
      <c r="J58679" s="1" t="s">
        <v>197131</v>
      </c>
    </row>
    <row r="58680" spans="1:10" x14ac:dyDescent="0.35">
      <c r="A58680" s="1" t="s">
        <v>25492</v>
      </c>
      <c r="B58680" s="1" t="s">
        <v>196714</v>
      </c>
      <c r="C58680" s="1" t="s">
        <v>30</v>
      </c>
      <c r="D58680" s="1" t="s">
        <v>197132</v>
      </c>
      <c r="E58680" s="1" t="s">
        <v>197133</v>
      </c>
      <c r="F58680" s="1" t="s">
        <v>197134</v>
      </c>
      <c r="G58680" s="1" t="s">
        <v>197121</v>
      </c>
      <c r="H58680" s="1" t="s">
        <v>197122</v>
      </c>
      <c r="I58680" s="1" t="s">
        <v>196718</v>
      </c>
      <c r="J58680" s="1" t="s">
        <v>197135</v>
      </c>
    </row>
    <row r="58681" spans="1:10" x14ac:dyDescent="0.35">
      <c r="A58681" s="1" t="s">
        <v>25492</v>
      </c>
      <c r="B58681" s="1" t="s">
        <v>196714</v>
      </c>
      <c r="C58681" s="1" t="s">
        <v>35</v>
      </c>
      <c r="D58681" s="1" t="s">
        <v>197136</v>
      </c>
      <c r="E58681" s="1" t="s">
        <v>197137</v>
      </c>
      <c r="F58681" s="1" t="s">
        <v>197138</v>
      </c>
      <c r="G58681" s="1" t="s">
        <v>197121</v>
      </c>
      <c r="H58681" s="1" t="s">
        <v>197122</v>
      </c>
      <c r="I58681" s="1" t="s">
        <v>196718</v>
      </c>
      <c r="J58681" s="1" t="s">
        <v>197139</v>
      </c>
    </row>
    <row r="58682" spans="1:10" x14ac:dyDescent="0.35">
      <c r="A58682" s="1" t="s">
        <v>25492</v>
      </c>
      <c r="B58682" s="1" t="s">
        <v>196714</v>
      </c>
      <c r="C58682" s="1" t="s">
        <v>40</v>
      </c>
      <c r="D58682" s="1" t="s">
        <v>197136</v>
      </c>
      <c r="E58682" s="1" t="s">
        <v>197140</v>
      </c>
      <c r="F58682" s="1" t="s">
        <v>197141</v>
      </c>
      <c r="G58682" s="1" t="s">
        <v>197121</v>
      </c>
      <c r="H58682" s="1" t="s">
        <v>197122</v>
      </c>
      <c r="I58682" s="1" t="s">
        <v>196718</v>
      </c>
      <c r="J58682" s="1" t="s">
        <v>1180</v>
      </c>
    </row>
    <row r="58683" spans="1:10" x14ac:dyDescent="0.35">
      <c r="A58683" s="1" t="s">
        <v>25492</v>
      </c>
      <c r="B58683" s="1" t="s">
        <v>196714</v>
      </c>
      <c r="C58683" s="1" t="s">
        <v>45</v>
      </c>
      <c r="D58683" s="1" t="s">
        <v>197142</v>
      </c>
      <c r="E58683" s="1" t="s">
        <v>197143</v>
      </c>
      <c r="F58683" s="1" t="s">
        <v>197144</v>
      </c>
      <c r="G58683" s="1" t="s">
        <v>197121</v>
      </c>
      <c r="H58683" s="1" t="s">
        <v>197122</v>
      </c>
      <c r="I58683" s="1" t="s">
        <v>196718</v>
      </c>
      <c r="J58683" s="1" t="s">
        <v>197145</v>
      </c>
    </row>
    <row r="58684" spans="1:10" x14ac:dyDescent="0.35">
      <c r="A58684" s="1" t="s">
        <v>25492</v>
      </c>
      <c r="B58684" s="1" t="s">
        <v>196714</v>
      </c>
      <c r="C58684" s="1" t="s">
        <v>50</v>
      </c>
      <c r="D58684" s="1" t="s">
        <v>111644</v>
      </c>
      <c r="E58684" s="1" t="s">
        <v>197146</v>
      </c>
      <c r="F58684" s="1" t="s">
        <v>197147</v>
      </c>
      <c r="G58684" s="1" t="s">
        <v>197121</v>
      </c>
      <c r="H58684" s="1" t="s">
        <v>197122</v>
      </c>
      <c r="I58684" s="1" t="s">
        <v>196718</v>
      </c>
      <c r="J58684" s="1" t="s">
        <v>197148</v>
      </c>
    </row>
    <row r="58685" spans="1:10" x14ac:dyDescent="0.35">
      <c r="A58685" s="1" t="s">
        <v>25492</v>
      </c>
      <c r="B58685" s="1" t="s">
        <v>196714</v>
      </c>
      <c r="C58685" s="1" t="s">
        <v>55</v>
      </c>
      <c r="D58685" s="1" t="s">
        <v>316</v>
      </c>
      <c r="E58685" s="1" t="s">
        <v>197149</v>
      </c>
      <c r="F58685" s="1" t="s">
        <v>197150</v>
      </c>
      <c r="G58685" s="1" t="s">
        <v>197121</v>
      </c>
      <c r="H58685" s="1" t="s">
        <v>197122</v>
      </c>
      <c r="I58685" s="1" t="s">
        <v>196718</v>
      </c>
      <c r="J58685" s="1" t="s">
        <v>197151</v>
      </c>
    </row>
    <row r="58686" spans="1:10" x14ac:dyDescent="0.35">
      <c r="A58686" s="1" t="s">
        <v>25492</v>
      </c>
      <c r="B58686" s="1" t="s">
        <v>196714</v>
      </c>
      <c r="C58686" s="1" t="s">
        <v>60</v>
      </c>
      <c r="D58686" s="1" t="s">
        <v>197152</v>
      </c>
      <c r="E58686" s="1" t="s">
        <v>197153</v>
      </c>
      <c r="F58686" s="1" t="s">
        <v>197154</v>
      </c>
      <c r="G58686" s="1" t="s">
        <v>197121</v>
      </c>
      <c r="H58686" s="1" t="s">
        <v>197122</v>
      </c>
      <c r="I58686" s="1" t="s">
        <v>196718</v>
      </c>
      <c r="J58686" s="1" t="s">
        <v>197155</v>
      </c>
    </row>
    <row r="58687" spans="1:10" x14ac:dyDescent="0.35">
      <c r="A58687" s="1" t="s">
        <v>25492</v>
      </c>
      <c r="B58687" s="1" t="s">
        <v>196714</v>
      </c>
      <c r="C58687" s="1" t="s">
        <v>65</v>
      </c>
      <c r="D58687" s="1" t="s">
        <v>170013</v>
      </c>
      <c r="E58687" s="1" t="s">
        <v>197156</v>
      </c>
      <c r="F58687" s="1" t="s">
        <v>197157</v>
      </c>
      <c r="G58687" s="1" t="s">
        <v>197121</v>
      </c>
      <c r="H58687" s="1" t="s">
        <v>197122</v>
      </c>
      <c r="I58687" s="1" t="s">
        <v>196718</v>
      </c>
      <c r="J58687" s="1" t="s">
        <v>197158</v>
      </c>
    </row>
    <row r="58688" spans="1:10" x14ac:dyDescent="0.35">
      <c r="A58688" s="1" t="s">
        <v>25492</v>
      </c>
      <c r="B58688" s="1" t="s">
        <v>196714</v>
      </c>
      <c r="C58688" s="1" t="s">
        <v>70</v>
      </c>
      <c r="D58688" s="1" t="s">
        <v>197159</v>
      </c>
      <c r="E58688" s="1" t="s">
        <v>197160</v>
      </c>
      <c r="F58688" s="1" t="s">
        <v>197161</v>
      </c>
      <c r="G58688" s="1" t="s">
        <v>197121</v>
      </c>
      <c r="H58688" s="1" t="s">
        <v>197122</v>
      </c>
      <c r="I58688" s="1" t="s">
        <v>196718</v>
      </c>
      <c r="J58688" s="1" t="s">
        <v>197162</v>
      </c>
    </row>
    <row r="58689" spans="1:10" x14ac:dyDescent="0.35">
      <c r="A58689" s="1" t="s">
        <v>25492</v>
      </c>
      <c r="B58689" s="1" t="s">
        <v>196714</v>
      </c>
      <c r="C58689" s="1" t="s">
        <v>75</v>
      </c>
      <c r="D58689" s="1" t="s">
        <v>25742</v>
      </c>
      <c r="E58689" s="1" t="s">
        <v>197163</v>
      </c>
      <c r="F58689" s="1" t="s">
        <v>197164</v>
      </c>
      <c r="G58689" s="1" t="s">
        <v>197121</v>
      </c>
      <c r="H58689" s="1" t="s">
        <v>197122</v>
      </c>
      <c r="I58689" s="1" t="s">
        <v>196718</v>
      </c>
      <c r="J58689" s="1" t="s">
        <v>197165</v>
      </c>
    </row>
    <row r="58690" spans="1:10" x14ac:dyDescent="0.35">
      <c r="A58690" s="1" t="s">
        <v>25492</v>
      </c>
      <c r="B58690" s="1" t="s">
        <v>196714</v>
      </c>
      <c r="C58690" s="1" t="s">
        <v>80</v>
      </c>
      <c r="D58690" s="1" t="s">
        <v>197166</v>
      </c>
      <c r="E58690" s="1" t="s">
        <v>197167</v>
      </c>
      <c r="F58690" s="1" t="s">
        <v>197168</v>
      </c>
      <c r="G58690" s="1" t="s">
        <v>197121</v>
      </c>
      <c r="H58690" s="1" t="s">
        <v>197122</v>
      </c>
      <c r="I58690" s="1" t="s">
        <v>196718</v>
      </c>
      <c r="J58690" s="1" t="s">
        <v>197169</v>
      </c>
    </row>
    <row r="58691" spans="1:10" x14ac:dyDescent="0.35">
      <c r="A58691" s="1" t="s">
        <v>25492</v>
      </c>
      <c r="B58691" s="1" t="s">
        <v>196714</v>
      </c>
      <c r="C58691" s="1" t="s">
        <v>85</v>
      </c>
      <c r="D58691" s="1" t="s">
        <v>115231</v>
      </c>
      <c r="E58691" s="1" t="s">
        <v>8468</v>
      </c>
      <c r="F58691" s="1" t="s">
        <v>197170</v>
      </c>
      <c r="G58691" s="1" t="s">
        <v>197121</v>
      </c>
      <c r="H58691" s="1" t="s">
        <v>197122</v>
      </c>
      <c r="I58691" s="1" t="s">
        <v>196718</v>
      </c>
      <c r="J58691" s="1" t="s">
        <v>197171</v>
      </c>
    </row>
    <row r="58692" spans="1:10" x14ac:dyDescent="0.35">
      <c r="A58692" s="1" t="s">
        <v>25492</v>
      </c>
      <c r="B58692" s="1" t="s">
        <v>196714</v>
      </c>
      <c r="C58692" s="1" t="s">
        <v>90</v>
      </c>
      <c r="D58692" s="1" t="s">
        <v>197172</v>
      </c>
      <c r="E58692" s="1" t="s">
        <v>197173</v>
      </c>
      <c r="F58692" s="1" t="s">
        <v>197174</v>
      </c>
      <c r="G58692" s="1" t="s">
        <v>197121</v>
      </c>
      <c r="H58692" s="1" t="s">
        <v>197122</v>
      </c>
      <c r="I58692" s="1" t="s">
        <v>196718</v>
      </c>
      <c r="J58692" s="1" t="s">
        <v>197175</v>
      </c>
    </row>
    <row r="58693" spans="1:10" x14ac:dyDescent="0.35">
      <c r="A58693" s="1" t="s">
        <v>25492</v>
      </c>
      <c r="B58693" s="1" t="s">
        <v>196714</v>
      </c>
      <c r="C58693" s="1" t="s">
        <v>95</v>
      </c>
      <c r="D58693" s="1" t="s">
        <v>197176</v>
      </c>
      <c r="E58693" s="1" t="s">
        <v>197177</v>
      </c>
      <c r="F58693" s="1" t="s">
        <v>197178</v>
      </c>
      <c r="G58693" s="1" t="s">
        <v>197121</v>
      </c>
      <c r="H58693" s="1" t="s">
        <v>197122</v>
      </c>
      <c r="I58693" s="1" t="s">
        <v>196718</v>
      </c>
      <c r="J58693" s="1" t="s">
        <v>197179</v>
      </c>
    </row>
    <row r="58694" spans="1:10" x14ac:dyDescent="0.35">
      <c r="A58694" s="1" t="s">
        <v>25492</v>
      </c>
      <c r="B58694" s="1" t="s">
        <v>196714</v>
      </c>
      <c r="C58694" s="1" t="s">
        <v>100</v>
      </c>
      <c r="D58694" s="1" t="s">
        <v>14263</v>
      </c>
      <c r="E58694" s="1" t="s">
        <v>197180</v>
      </c>
      <c r="F58694" s="1" t="s">
        <v>197181</v>
      </c>
      <c r="G58694" s="1" t="s">
        <v>197121</v>
      </c>
      <c r="H58694" s="1" t="s">
        <v>197122</v>
      </c>
      <c r="I58694" s="1" t="s">
        <v>196718</v>
      </c>
      <c r="J58694" s="1" t="s">
        <v>197182</v>
      </c>
    </row>
    <row r="58695" spans="1:10" x14ac:dyDescent="0.35">
      <c r="A58695" s="1" t="s">
        <v>25492</v>
      </c>
      <c r="B58695" s="1" t="s">
        <v>196714</v>
      </c>
      <c r="C58695" s="1" t="s">
        <v>105</v>
      </c>
      <c r="D58695" s="1" t="s">
        <v>72487</v>
      </c>
      <c r="E58695" s="1" t="s">
        <v>197183</v>
      </c>
      <c r="F58695" s="1" t="s">
        <v>197184</v>
      </c>
      <c r="G58695" s="1" t="s">
        <v>197121</v>
      </c>
      <c r="H58695" s="1" t="s">
        <v>197122</v>
      </c>
      <c r="I58695" s="1" t="s">
        <v>196718</v>
      </c>
      <c r="J58695" s="1" t="s">
        <v>197185</v>
      </c>
    </row>
    <row r="58696" spans="1:10" x14ac:dyDescent="0.35">
      <c r="A58696" s="1" t="s">
        <v>25492</v>
      </c>
      <c r="B58696" s="1" t="s">
        <v>196714</v>
      </c>
      <c r="C58696" s="1" t="s">
        <v>110</v>
      </c>
      <c r="D58696" s="1" t="s">
        <v>197186</v>
      </c>
      <c r="E58696" s="1" t="s">
        <v>197187</v>
      </c>
      <c r="F58696" s="1" t="s">
        <v>197188</v>
      </c>
      <c r="G58696" s="1" t="s">
        <v>197121</v>
      </c>
      <c r="H58696" s="1" t="s">
        <v>197122</v>
      </c>
      <c r="I58696" s="1" t="s">
        <v>196718</v>
      </c>
      <c r="J58696" s="1" t="s">
        <v>197189</v>
      </c>
    </row>
    <row r="58697" spans="1:10" x14ac:dyDescent="0.35">
      <c r="A58697" s="1" t="s">
        <v>25492</v>
      </c>
      <c r="B58697" s="1" t="s">
        <v>196714</v>
      </c>
      <c r="C58697" s="1" t="s">
        <v>115</v>
      </c>
      <c r="D58697" s="1" t="s">
        <v>197190</v>
      </c>
      <c r="E58697" s="1" t="s">
        <v>197191</v>
      </c>
      <c r="F58697" s="1" t="s">
        <v>197192</v>
      </c>
      <c r="G58697" s="1" t="s">
        <v>197121</v>
      </c>
      <c r="H58697" s="1" t="s">
        <v>197122</v>
      </c>
      <c r="I58697" s="1" t="s">
        <v>196718</v>
      </c>
      <c r="J58697" s="1" t="s">
        <v>197193</v>
      </c>
    </row>
    <row r="58698" spans="1:10" x14ac:dyDescent="0.35">
      <c r="A58698" s="1" t="s">
        <v>25492</v>
      </c>
      <c r="B58698" s="1" t="s">
        <v>196714</v>
      </c>
      <c r="C58698" s="1" t="s">
        <v>120</v>
      </c>
      <c r="D58698" s="1" t="s">
        <v>10933</v>
      </c>
      <c r="E58698" s="1" t="s">
        <v>197194</v>
      </c>
      <c r="F58698" s="1" t="s">
        <v>197195</v>
      </c>
      <c r="G58698" s="1" t="s">
        <v>197121</v>
      </c>
      <c r="H58698" s="1" t="s">
        <v>197122</v>
      </c>
      <c r="I58698" s="1" t="s">
        <v>196718</v>
      </c>
      <c r="J58698" s="1" t="s">
        <v>197196</v>
      </c>
    </row>
    <row r="58699" spans="1:10" x14ac:dyDescent="0.35">
      <c r="A58699" s="1" t="s">
        <v>25492</v>
      </c>
      <c r="B58699" s="1" t="s">
        <v>196714</v>
      </c>
      <c r="C58699" s="1" t="s">
        <v>125</v>
      </c>
      <c r="D58699" s="1" t="s">
        <v>197197</v>
      </c>
      <c r="E58699" s="1" t="s">
        <v>197198</v>
      </c>
      <c r="F58699" s="1" t="s">
        <v>197199</v>
      </c>
      <c r="G58699" s="1" t="s">
        <v>197121</v>
      </c>
      <c r="H58699" s="1" t="s">
        <v>197122</v>
      </c>
      <c r="I58699" s="1" t="s">
        <v>196718</v>
      </c>
      <c r="J58699" s="1" t="s">
        <v>197200</v>
      </c>
    </row>
    <row r="58700" spans="1:10" x14ac:dyDescent="0.35">
      <c r="A58700" s="1" t="s">
        <v>25492</v>
      </c>
      <c r="B58700" s="1" t="s">
        <v>196714</v>
      </c>
      <c r="C58700" s="1" t="s">
        <v>130</v>
      </c>
      <c r="D58700" s="1" t="s">
        <v>135566</v>
      </c>
      <c r="E58700" s="1" t="s">
        <v>197201</v>
      </c>
      <c r="F58700" s="1" t="s">
        <v>197202</v>
      </c>
      <c r="G58700" s="1" t="s">
        <v>197121</v>
      </c>
      <c r="H58700" s="1" t="s">
        <v>197122</v>
      </c>
      <c r="I58700" s="1" t="s">
        <v>196718</v>
      </c>
      <c r="J58700" s="1" t="s">
        <v>197203</v>
      </c>
    </row>
    <row r="58701" spans="1:10" x14ac:dyDescent="0.35">
      <c r="A58701" s="1" t="s">
        <v>25492</v>
      </c>
      <c r="B58701" s="1" t="s">
        <v>196714</v>
      </c>
      <c r="C58701" s="1" t="s">
        <v>135</v>
      </c>
      <c r="D58701" s="1" t="s">
        <v>196172</v>
      </c>
      <c r="E58701" s="1" t="s">
        <v>197204</v>
      </c>
      <c r="F58701" s="1" t="s">
        <v>197205</v>
      </c>
      <c r="G58701" s="1" t="s">
        <v>197121</v>
      </c>
      <c r="H58701" s="1" t="s">
        <v>197122</v>
      </c>
      <c r="I58701" s="1" t="s">
        <v>196718</v>
      </c>
      <c r="J58701" s="1" t="s">
        <v>197206</v>
      </c>
    </row>
    <row r="58702" spans="1:10" x14ac:dyDescent="0.35">
      <c r="A58702" s="1" t="s">
        <v>25492</v>
      </c>
      <c r="B58702" s="1" t="s">
        <v>196714</v>
      </c>
      <c r="C58702" s="1" t="s">
        <v>140</v>
      </c>
      <c r="D58702" s="1" t="s">
        <v>197207</v>
      </c>
      <c r="E58702" s="1" t="s">
        <v>197208</v>
      </c>
      <c r="F58702" s="1" t="s">
        <v>197209</v>
      </c>
      <c r="G58702" s="1" t="s">
        <v>197121</v>
      </c>
      <c r="H58702" s="1" t="s">
        <v>197122</v>
      </c>
      <c r="I58702" s="1" t="s">
        <v>196718</v>
      </c>
      <c r="J58702" s="1" t="s">
        <v>197210</v>
      </c>
    </row>
    <row r="58703" spans="1:10" x14ac:dyDescent="0.35">
      <c r="A58703" s="1" t="s">
        <v>25492</v>
      </c>
      <c r="B58703" s="1" t="s">
        <v>196714</v>
      </c>
      <c r="C58703" s="1" t="s">
        <v>145</v>
      </c>
      <c r="D58703" s="1" t="s">
        <v>197211</v>
      </c>
      <c r="E58703" s="1" t="s">
        <v>197212</v>
      </c>
      <c r="F58703" s="1" t="s">
        <v>197213</v>
      </c>
      <c r="G58703" s="1" t="s">
        <v>197121</v>
      </c>
      <c r="H58703" s="1" t="s">
        <v>197122</v>
      </c>
      <c r="I58703" s="1" t="s">
        <v>196718</v>
      </c>
      <c r="J58703" s="1" t="s">
        <v>197214</v>
      </c>
    </row>
    <row r="58704" spans="1:10" x14ac:dyDescent="0.35">
      <c r="A58704" s="1" t="s">
        <v>25492</v>
      </c>
      <c r="B58704" s="1" t="s">
        <v>196714</v>
      </c>
      <c r="C58704" s="1" t="s">
        <v>150</v>
      </c>
      <c r="D58704" s="1" t="s">
        <v>4567</v>
      </c>
      <c r="E58704" s="1" t="s">
        <v>197215</v>
      </c>
      <c r="F58704" s="1" t="s">
        <v>197216</v>
      </c>
      <c r="G58704" s="1" t="s">
        <v>197121</v>
      </c>
      <c r="H58704" s="1" t="s">
        <v>197122</v>
      </c>
      <c r="I58704" s="1" t="s">
        <v>196718</v>
      </c>
      <c r="J58704" s="1" t="s">
        <v>197217</v>
      </c>
    </row>
    <row r="58705" spans="1:10" x14ac:dyDescent="0.35">
      <c r="A58705" s="1" t="s">
        <v>25492</v>
      </c>
      <c r="B58705" s="1" t="s">
        <v>196714</v>
      </c>
      <c r="C58705" s="1" t="s">
        <v>155</v>
      </c>
      <c r="D58705" s="1" t="s">
        <v>15643</v>
      </c>
      <c r="E58705" s="1" t="s">
        <v>197218</v>
      </c>
      <c r="F58705" s="1" t="s">
        <v>197219</v>
      </c>
      <c r="G58705" s="1" t="s">
        <v>197121</v>
      </c>
      <c r="H58705" s="1" t="s">
        <v>197122</v>
      </c>
      <c r="I58705" s="1" t="s">
        <v>196718</v>
      </c>
      <c r="J58705" s="1" t="s">
        <v>197220</v>
      </c>
    </row>
    <row r="58706" spans="1:10" x14ac:dyDescent="0.35">
      <c r="A58706" s="1" t="s">
        <v>25492</v>
      </c>
      <c r="B58706" s="1" t="s">
        <v>196714</v>
      </c>
      <c r="C58706" s="1" t="s">
        <v>160</v>
      </c>
      <c r="D58706" s="1" t="s">
        <v>49780</v>
      </c>
      <c r="E58706" s="1" t="s">
        <v>197221</v>
      </c>
      <c r="F58706" s="1" t="s">
        <v>197222</v>
      </c>
      <c r="G58706" s="1" t="s">
        <v>197121</v>
      </c>
      <c r="H58706" s="1" t="s">
        <v>197122</v>
      </c>
      <c r="I58706" s="1" t="s">
        <v>196718</v>
      </c>
      <c r="J58706" s="1" t="s">
        <v>197223</v>
      </c>
    </row>
    <row r="58707" spans="1:10" x14ac:dyDescent="0.35">
      <c r="A58707" s="1" t="s">
        <v>25492</v>
      </c>
      <c r="B58707" s="1" t="s">
        <v>196714</v>
      </c>
      <c r="C58707" s="1" t="s">
        <v>165</v>
      </c>
      <c r="D58707" s="1" t="s">
        <v>4157</v>
      </c>
      <c r="E58707" s="1" t="s">
        <v>197224</v>
      </c>
      <c r="F58707" s="1" t="s">
        <v>197225</v>
      </c>
      <c r="G58707" s="1" t="s">
        <v>197121</v>
      </c>
      <c r="H58707" s="1" t="s">
        <v>197122</v>
      </c>
      <c r="I58707" s="1" t="s">
        <v>196718</v>
      </c>
      <c r="J58707" s="1" t="s">
        <v>197226</v>
      </c>
    </row>
    <row r="58708" spans="1:10" x14ac:dyDescent="0.35">
      <c r="A58708" s="1" t="s">
        <v>25492</v>
      </c>
      <c r="B58708" s="1" t="s">
        <v>196714</v>
      </c>
      <c r="C58708" s="1" t="s">
        <v>170</v>
      </c>
      <c r="D58708" s="1" t="s">
        <v>31855</v>
      </c>
      <c r="E58708" s="1" t="s">
        <v>197227</v>
      </c>
      <c r="F58708" s="1" t="s">
        <v>197228</v>
      </c>
      <c r="G58708" s="1" t="s">
        <v>197121</v>
      </c>
      <c r="H58708" s="1" t="s">
        <v>197122</v>
      </c>
      <c r="I58708" s="1" t="s">
        <v>196718</v>
      </c>
      <c r="J58708" s="1" t="s">
        <v>197229</v>
      </c>
    </row>
    <row r="58709" spans="1:10" x14ac:dyDescent="0.35">
      <c r="A58709" s="1" t="s">
        <v>171982</v>
      </c>
      <c r="B58709" s="1" t="s">
        <v>197230</v>
      </c>
      <c r="C58709" s="1" t="s">
        <v>8</v>
      </c>
      <c r="D58709" s="1" t="s">
        <v>197231</v>
      </c>
      <c r="E58709" s="1" t="s">
        <v>197232</v>
      </c>
      <c r="F58709" s="1" t="s">
        <v>197233</v>
      </c>
      <c r="G58709" s="1" t="s">
        <v>197234</v>
      </c>
      <c r="H58709" s="1" t="s">
        <v>197235</v>
      </c>
      <c r="I58709" s="1" t="s">
        <v>197236</v>
      </c>
      <c r="J58709" s="1" t="s">
        <v>13</v>
      </c>
    </row>
    <row r="58710" spans="1:10" x14ac:dyDescent="0.35">
      <c r="A58710" s="1" t="s">
        <v>171982</v>
      </c>
      <c r="B58710" s="1" t="s">
        <v>197230</v>
      </c>
      <c r="C58710" s="1" t="s">
        <v>15</v>
      </c>
      <c r="D58710" s="1" t="s">
        <v>17809</v>
      </c>
      <c r="E58710" s="1" t="s">
        <v>197237</v>
      </c>
      <c r="F58710" s="1" t="s">
        <v>197238</v>
      </c>
      <c r="G58710" s="1" t="s">
        <v>197234</v>
      </c>
      <c r="H58710" s="1" t="s">
        <v>197235</v>
      </c>
      <c r="I58710" s="1" t="s">
        <v>197236</v>
      </c>
      <c r="J58710" s="1" t="s">
        <v>197239</v>
      </c>
    </row>
    <row r="58711" spans="1:10" x14ac:dyDescent="0.35">
      <c r="A58711" s="1" t="s">
        <v>171982</v>
      </c>
      <c r="B58711" s="1" t="s">
        <v>197230</v>
      </c>
      <c r="C58711" s="1" t="s">
        <v>20</v>
      </c>
      <c r="D58711" s="1" t="s">
        <v>116228</v>
      </c>
      <c r="E58711" s="1" t="s">
        <v>197240</v>
      </c>
      <c r="F58711" s="1" t="s">
        <v>197241</v>
      </c>
      <c r="G58711" s="1" t="s">
        <v>197234</v>
      </c>
      <c r="H58711" s="1" t="s">
        <v>197235</v>
      </c>
      <c r="I58711" s="1" t="s">
        <v>197236</v>
      </c>
      <c r="J58711" s="1" t="s">
        <v>197242</v>
      </c>
    </row>
    <row r="58712" spans="1:10" x14ac:dyDescent="0.35">
      <c r="A58712" s="1" t="s">
        <v>171982</v>
      </c>
      <c r="B58712" s="1" t="s">
        <v>197230</v>
      </c>
      <c r="C58712" s="1" t="s">
        <v>25</v>
      </c>
      <c r="D58712" s="1" t="s">
        <v>197243</v>
      </c>
      <c r="E58712" s="1" t="s">
        <v>197244</v>
      </c>
      <c r="F58712" s="1" t="s">
        <v>197245</v>
      </c>
      <c r="G58712" s="1" t="s">
        <v>197234</v>
      </c>
      <c r="H58712" s="1" t="s">
        <v>197235</v>
      </c>
      <c r="I58712" s="1" t="s">
        <v>197236</v>
      </c>
      <c r="J58712" s="1" t="s">
        <v>197246</v>
      </c>
    </row>
    <row r="58713" spans="1:10" x14ac:dyDescent="0.35">
      <c r="A58713" s="1" t="s">
        <v>171982</v>
      </c>
      <c r="B58713" s="1" t="s">
        <v>197230</v>
      </c>
      <c r="C58713" s="1" t="s">
        <v>30</v>
      </c>
      <c r="D58713" s="1" t="s">
        <v>48056</v>
      </c>
      <c r="E58713" s="1" t="s">
        <v>197247</v>
      </c>
      <c r="F58713" s="1" t="s">
        <v>197248</v>
      </c>
      <c r="G58713" s="1" t="s">
        <v>197234</v>
      </c>
      <c r="H58713" s="1" t="s">
        <v>197235</v>
      </c>
      <c r="I58713" s="1" t="s">
        <v>197236</v>
      </c>
      <c r="J58713" s="1" t="s">
        <v>197249</v>
      </c>
    </row>
    <row r="58714" spans="1:10" x14ac:dyDescent="0.35">
      <c r="A58714" s="1" t="s">
        <v>171982</v>
      </c>
      <c r="B58714" s="1" t="s">
        <v>197230</v>
      </c>
      <c r="C58714" s="1" t="s">
        <v>35</v>
      </c>
      <c r="D58714" s="1" t="s">
        <v>197250</v>
      </c>
      <c r="E58714" s="1" t="s">
        <v>197251</v>
      </c>
      <c r="F58714" s="1" t="s">
        <v>197252</v>
      </c>
      <c r="G58714" s="1" t="s">
        <v>197234</v>
      </c>
      <c r="H58714" s="1" t="s">
        <v>197235</v>
      </c>
      <c r="I58714" s="1" t="s">
        <v>197236</v>
      </c>
      <c r="J58714" s="1" t="s">
        <v>197253</v>
      </c>
    </row>
    <row r="58715" spans="1:10" x14ac:dyDescent="0.35">
      <c r="A58715" s="1" t="s">
        <v>171982</v>
      </c>
      <c r="B58715" s="1" t="s">
        <v>197230</v>
      </c>
      <c r="C58715" s="1" t="s">
        <v>40</v>
      </c>
      <c r="D58715" s="1" t="s">
        <v>150807</v>
      </c>
      <c r="E58715" s="1" t="s">
        <v>197254</v>
      </c>
      <c r="F58715" s="1" t="s">
        <v>197255</v>
      </c>
      <c r="G58715" s="1" t="s">
        <v>197234</v>
      </c>
      <c r="H58715" s="1" t="s">
        <v>197235</v>
      </c>
      <c r="I58715" s="1" t="s">
        <v>197236</v>
      </c>
      <c r="J58715" s="1" t="s">
        <v>197256</v>
      </c>
    </row>
    <row r="58716" spans="1:10" x14ac:dyDescent="0.35">
      <c r="A58716" s="1" t="s">
        <v>171982</v>
      </c>
      <c r="B58716" s="1" t="s">
        <v>197230</v>
      </c>
      <c r="C58716" s="1" t="s">
        <v>45</v>
      </c>
      <c r="D58716" s="1" t="s">
        <v>197257</v>
      </c>
      <c r="E58716" s="1" t="s">
        <v>197258</v>
      </c>
      <c r="F58716" s="1" t="s">
        <v>197259</v>
      </c>
      <c r="G58716" s="1" t="s">
        <v>197234</v>
      </c>
      <c r="H58716" s="1" t="s">
        <v>197235</v>
      </c>
      <c r="I58716" s="1" t="s">
        <v>197236</v>
      </c>
      <c r="J58716" s="1" t="s">
        <v>197260</v>
      </c>
    </row>
    <row r="58717" spans="1:10" x14ac:dyDescent="0.35">
      <c r="A58717" s="1" t="s">
        <v>171982</v>
      </c>
      <c r="B58717" s="1" t="s">
        <v>197230</v>
      </c>
      <c r="C58717" s="1" t="s">
        <v>50</v>
      </c>
      <c r="D58717" s="1" t="s">
        <v>105112</v>
      </c>
      <c r="E58717" s="1" t="s">
        <v>197261</v>
      </c>
      <c r="F58717" s="1" t="s">
        <v>197262</v>
      </c>
      <c r="G58717" s="1" t="s">
        <v>197234</v>
      </c>
      <c r="H58717" s="1" t="s">
        <v>197235</v>
      </c>
      <c r="I58717" s="1" t="s">
        <v>197236</v>
      </c>
      <c r="J58717" s="1" t="s">
        <v>197263</v>
      </c>
    </row>
    <row r="58718" spans="1:10" x14ac:dyDescent="0.35">
      <c r="A58718" s="1" t="s">
        <v>171982</v>
      </c>
      <c r="B58718" s="1" t="s">
        <v>197230</v>
      </c>
      <c r="C58718" s="1" t="s">
        <v>55</v>
      </c>
      <c r="D58718" s="1" t="s">
        <v>197264</v>
      </c>
      <c r="E58718" s="1" t="s">
        <v>197265</v>
      </c>
      <c r="F58718" s="1" t="s">
        <v>197266</v>
      </c>
      <c r="G58718" s="1" t="s">
        <v>197234</v>
      </c>
      <c r="H58718" s="1" t="s">
        <v>197235</v>
      </c>
      <c r="I58718" s="1" t="s">
        <v>197236</v>
      </c>
      <c r="J58718" s="1" t="s">
        <v>197267</v>
      </c>
    </row>
    <row r="58719" spans="1:10" x14ac:dyDescent="0.35">
      <c r="A58719" s="1" t="s">
        <v>171982</v>
      </c>
      <c r="B58719" s="1" t="s">
        <v>197230</v>
      </c>
      <c r="C58719" s="1" t="s">
        <v>60</v>
      </c>
      <c r="D58719" s="1" t="s">
        <v>197268</v>
      </c>
      <c r="E58719" s="1" t="s">
        <v>197269</v>
      </c>
      <c r="F58719" s="1" t="s">
        <v>197270</v>
      </c>
      <c r="G58719" s="1" t="s">
        <v>197234</v>
      </c>
      <c r="H58719" s="1" t="s">
        <v>197235</v>
      </c>
      <c r="I58719" s="1" t="s">
        <v>197236</v>
      </c>
      <c r="J58719" s="1" t="s">
        <v>197271</v>
      </c>
    </row>
    <row r="58720" spans="1:10" x14ac:dyDescent="0.35">
      <c r="A58720" s="1" t="s">
        <v>171982</v>
      </c>
      <c r="B58720" s="1" t="s">
        <v>197230</v>
      </c>
      <c r="C58720" s="1" t="s">
        <v>65</v>
      </c>
      <c r="D58720" s="1" t="s">
        <v>174397</v>
      </c>
      <c r="E58720" s="1" t="s">
        <v>197272</v>
      </c>
      <c r="F58720" s="1" t="s">
        <v>197273</v>
      </c>
      <c r="G58720" s="1" t="s">
        <v>197234</v>
      </c>
      <c r="H58720" s="1" t="s">
        <v>197235</v>
      </c>
      <c r="I58720" s="1" t="s">
        <v>197236</v>
      </c>
      <c r="J58720" s="1" t="s">
        <v>197274</v>
      </c>
    </row>
    <row r="58721" spans="1:10" x14ac:dyDescent="0.35">
      <c r="A58721" s="1" t="s">
        <v>171982</v>
      </c>
      <c r="B58721" s="1" t="s">
        <v>197230</v>
      </c>
      <c r="C58721" s="1" t="s">
        <v>70</v>
      </c>
      <c r="D58721" s="1" t="s">
        <v>135215</v>
      </c>
      <c r="E58721" s="1" t="s">
        <v>197275</v>
      </c>
      <c r="F58721" s="1" t="s">
        <v>197276</v>
      </c>
      <c r="G58721" s="1" t="s">
        <v>197234</v>
      </c>
      <c r="H58721" s="1" t="s">
        <v>197235</v>
      </c>
      <c r="I58721" s="1" t="s">
        <v>197236</v>
      </c>
      <c r="J58721" s="1" t="s">
        <v>197277</v>
      </c>
    </row>
    <row r="58722" spans="1:10" x14ac:dyDescent="0.35">
      <c r="A58722" s="1" t="s">
        <v>171982</v>
      </c>
      <c r="B58722" s="1" t="s">
        <v>197230</v>
      </c>
      <c r="C58722" s="1" t="s">
        <v>75</v>
      </c>
      <c r="D58722" s="1" t="s">
        <v>144892</v>
      </c>
      <c r="E58722" s="1" t="s">
        <v>197278</v>
      </c>
      <c r="F58722" s="1" t="s">
        <v>197279</v>
      </c>
      <c r="G58722" s="1" t="s">
        <v>197234</v>
      </c>
      <c r="H58722" s="1" t="s">
        <v>197235</v>
      </c>
      <c r="I58722" s="1" t="s">
        <v>197236</v>
      </c>
      <c r="J58722" s="1" t="s">
        <v>197280</v>
      </c>
    </row>
    <row r="58723" spans="1:10" x14ac:dyDescent="0.35">
      <c r="A58723" s="1" t="s">
        <v>171982</v>
      </c>
      <c r="B58723" s="1" t="s">
        <v>197230</v>
      </c>
      <c r="C58723" s="1" t="s">
        <v>80</v>
      </c>
      <c r="D58723" s="1" t="s">
        <v>13279</v>
      </c>
      <c r="E58723" s="1" t="s">
        <v>197281</v>
      </c>
      <c r="F58723" s="1" t="s">
        <v>197282</v>
      </c>
      <c r="G58723" s="1" t="s">
        <v>197234</v>
      </c>
      <c r="H58723" s="1" t="s">
        <v>197235</v>
      </c>
      <c r="I58723" s="1" t="s">
        <v>197236</v>
      </c>
      <c r="J58723" s="1" t="s">
        <v>197283</v>
      </c>
    </row>
    <row r="58724" spans="1:10" x14ac:dyDescent="0.35">
      <c r="A58724" s="1" t="s">
        <v>171982</v>
      </c>
      <c r="B58724" s="1" t="s">
        <v>197230</v>
      </c>
      <c r="C58724" s="1" t="s">
        <v>85</v>
      </c>
      <c r="D58724" s="1" t="s">
        <v>43670</v>
      </c>
      <c r="E58724" s="1" t="s">
        <v>197284</v>
      </c>
      <c r="F58724" s="1" t="s">
        <v>197285</v>
      </c>
      <c r="G58724" s="1" t="s">
        <v>197234</v>
      </c>
      <c r="H58724" s="1" t="s">
        <v>197235</v>
      </c>
      <c r="I58724" s="1" t="s">
        <v>197236</v>
      </c>
      <c r="J58724" s="1" t="s">
        <v>197286</v>
      </c>
    </row>
    <row r="58725" spans="1:10" x14ac:dyDescent="0.35">
      <c r="A58725" s="1" t="s">
        <v>171982</v>
      </c>
      <c r="B58725" s="1" t="s">
        <v>197230</v>
      </c>
      <c r="C58725" s="1" t="s">
        <v>90</v>
      </c>
      <c r="D58725" s="1" t="s">
        <v>197287</v>
      </c>
      <c r="E58725" s="1" t="s">
        <v>197288</v>
      </c>
      <c r="F58725" s="1" t="s">
        <v>197289</v>
      </c>
      <c r="G58725" s="1" t="s">
        <v>197234</v>
      </c>
      <c r="H58725" s="1" t="s">
        <v>197235</v>
      </c>
      <c r="I58725" s="1" t="s">
        <v>197236</v>
      </c>
      <c r="J58725" s="1" t="s">
        <v>197290</v>
      </c>
    </row>
    <row r="58726" spans="1:10" x14ac:dyDescent="0.35">
      <c r="A58726" s="1" t="s">
        <v>171982</v>
      </c>
      <c r="B58726" s="1" t="s">
        <v>197230</v>
      </c>
      <c r="C58726" s="1" t="s">
        <v>95</v>
      </c>
      <c r="D58726" s="1" t="s">
        <v>186425</v>
      </c>
      <c r="E58726" s="1" t="s">
        <v>197291</v>
      </c>
      <c r="F58726" s="1" t="s">
        <v>197292</v>
      </c>
      <c r="G58726" s="1" t="s">
        <v>197234</v>
      </c>
      <c r="H58726" s="1" t="s">
        <v>197235</v>
      </c>
      <c r="I58726" s="1" t="s">
        <v>197236</v>
      </c>
      <c r="J58726" s="1" t="s">
        <v>197293</v>
      </c>
    </row>
    <row r="58727" spans="1:10" x14ac:dyDescent="0.35">
      <c r="A58727" s="1" t="s">
        <v>171982</v>
      </c>
      <c r="B58727" s="1" t="s">
        <v>197230</v>
      </c>
      <c r="C58727" s="1" t="s">
        <v>100</v>
      </c>
      <c r="D58727" s="1" t="s">
        <v>146940</v>
      </c>
      <c r="E58727" s="1" t="s">
        <v>197294</v>
      </c>
      <c r="F58727" s="1" t="s">
        <v>197295</v>
      </c>
      <c r="G58727" s="1" t="s">
        <v>197234</v>
      </c>
      <c r="H58727" s="1" t="s">
        <v>197235</v>
      </c>
      <c r="I58727" s="1" t="s">
        <v>197236</v>
      </c>
      <c r="J58727" s="1" t="s">
        <v>197296</v>
      </c>
    </row>
    <row r="58728" spans="1:10" x14ac:dyDescent="0.35">
      <c r="A58728" s="1" t="s">
        <v>171982</v>
      </c>
      <c r="B58728" s="1" t="s">
        <v>197230</v>
      </c>
      <c r="C58728" s="1" t="s">
        <v>105</v>
      </c>
      <c r="D58728" s="1" t="s">
        <v>197297</v>
      </c>
      <c r="E58728" s="1" t="s">
        <v>197298</v>
      </c>
      <c r="F58728" s="1" t="s">
        <v>197299</v>
      </c>
      <c r="G58728" s="1" t="s">
        <v>197234</v>
      </c>
      <c r="H58728" s="1" t="s">
        <v>197235</v>
      </c>
      <c r="I58728" s="1" t="s">
        <v>197236</v>
      </c>
      <c r="J58728" s="1" t="s">
        <v>197300</v>
      </c>
    </row>
    <row r="58729" spans="1:10" x14ac:dyDescent="0.35">
      <c r="A58729" s="1" t="s">
        <v>171982</v>
      </c>
      <c r="B58729" s="1" t="s">
        <v>197230</v>
      </c>
      <c r="C58729" s="1" t="s">
        <v>110</v>
      </c>
      <c r="D58729" s="1" t="s">
        <v>170828</v>
      </c>
      <c r="E58729" s="1" t="s">
        <v>197301</v>
      </c>
      <c r="F58729" s="1" t="s">
        <v>197302</v>
      </c>
      <c r="G58729" s="1" t="s">
        <v>197234</v>
      </c>
      <c r="H58729" s="1" t="s">
        <v>197235</v>
      </c>
      <c r="I58729" s="1" t="s">
        <v>197236</v>
      </c>
      <c r="J58729" s="1" t="s">
        <v>197303</v>
      </c>
    </row>
    <row r="58730" spans="1:10" x14ac:dyDescent="0.35">
      <c r="A58730" s="1" t="s">
        <v>171982</v>
      </c>
      <c r="B58730" s="1" t="s">
        <v>197230</v>
      </c>
      <c r="C58730" s="1" t="s">
        <v>115</v>
      </c>
      <c r="D58730" s="1" t="s">
        <v>179377</v>
      </c>
      <c r="E58730" s="1" t="s">
        <v>197304</v>
      </c>
      <c r="F58730" s="1" t="s">
        <v>197305</v>
      </c>
      <c r="G58730" s="1" t="s">
        <v>197234</v>
      </c>
      <c r="H58730" s="1" t="s">
        <v>197235</v>
      </c>
      <c r="I58730" s="1" t="s">
        <v>197236</v>
      </c>
      <c r="J58730" s="1" t="s">
        <v>197306</v>
      </c>
    </row>
    <row r="58731" spans="1:10" x14ac:dyDescent="0.35">
      <c r="A58731" s="1" t="s">
        <v>171982</v>
      </c>
      <c r="B58731" s="1" t="s">
        <v>197230</v>
      </c>
      <c r="C58731" s="1" t="s">
        <v>120</v>
      </c>
      <c r="D58731" s="1" t="s">
        <v>153357</v>
      </c>
      <c r="E58731" s="1" t="s">
        <v>197307</v>
      </c>
      <c r="F58731" s="1" t="s">
        <v>197308</v>
      </c>
      <c r="G58731" s="1" t="s">
        <v>197234</v>
      </c>
      <c r="H58731" s="1" t="s">
        <v>197235</v>
      </c>
      <c r="I58731" s="1" t="s">
        <v>197236</v>
      </c>
      <c r="J58731" s="1" t="s">
        <v>197309</v>
      </c>
    </row>
    <row r="58732" spans="1:10" x14ac:dyDescent="0.35">
      <c r="A58732" s="1" t="s">
        <v>171982</v>
      </c>
      <c r="B58732" s="1" t="s">
        <v>197230</v>
      </c>
      <c r="C58732" s="1" t="s">
        <v>125</v>
      </c>
      <c r="D58732" s="1" t="s">
        <v>179381</v>
      </c>
      <c r="E58732" s="1" t="s">
        <v>197310</v>
      </c>
      <c r="F58732" s="1" t="s">
        <v>197311</v>
      </c>
      <c r="G58732" s="1" t="s">
        <v>197234</v>
      </c>
      <c r="H58732" s="1" t="s">
        <v>197235</v>
      </c>
      <c r="I58732" s="1" t="s">
        <v>197236</v>
      </c>
      <c r="J58732" s="1" t="s">
        <v>197312</v>
      </c>
    </row>
    <row r="58733" spans="1:10" x14ac:dyDescent="0.35">
      <c r="A58733" s="1" t="s">
        <v>171982</v>
      </c>
      <c r="B58733" s="1" t="s">
        <v>197230</v>
      </c>
      <c r="C58733" s="1" t="s">
        <v>130</v>
      </c>
      <c r="D58733" s="1" t="s">
        <v>197313</v>
      </c>
      <c r="E58733" s="1" t="s">
        <v>197314</v>
      </c>
      <c r="F58733" s="1" t="s">
        <v>197315</v>
      </c>
      <c r="G58733" s="1" t="s">
        <v>197234</v>
      </c>
      <c r="H58733" s="1" t="s">
        <v>197235</v>
      </c>
      <c r="I58733" s="1" t="s">
        <v>197236</v>
      </c>
      <c r="J58733" s="1" t="s">
        <v>197316</v>
      </c>
    </row>
    <row r="58734" spans="1:10" x14ac:dyDescent="0.35">
      <c r="A58734" s="1" t="s">
        <v>171982</v>
      </c>
      <c r="B58734" s="1" t="s">
        <v>197230</v>
      </c>
      <c r="C58734" s="1" t="s">
        <v>135</v>
      </c>
      <c r="D58734" s="1" t="s">
        <v>176349</v>
      </c>
      <c r="E58734" s="1" t="s">
        <v>197317</v>
      </c>
      <c r="F58734" s="1" t="s">
        <v>197318</v>
      </c>
      <c r="G58734" s="1" t="s">
        <v>197234</v>
      </c>
      <c r="H58734" s="1" t="s">
        <v>197235</v>
      </c>
      <c r="I58734" s="1" t="s">
        <v>197236</v>
      </c>
      <c r="J58734" s="1" t="s">
        <v>197319</v>
      </c>
    </row>
    <row r="58735" spans="1:10" x14ac:dyDescent="0.35">
      <c r="A58735" s="1" t="s">
        <v>171982</v>
      </c>
      <c r="B58735" s="1" t="s">
        <v>197230</v>
      </c>
      <c r="C58735" s="1" t="s">
        <v>140</v>
      </c>
      <c r="D58735" s="1" t="s">
        <v>197320</v>
      </c>
      <c r="E58735" s="1" t="s">
        <v>197321</v>
      </c>
      <c r="F58735" s="1" t="s">
        <v>197322</v>
      </c>
      <c r="G58735" s="1" t="s">
        <v>197234</v>
      </c>
      <c r="H58735" s="1" t="s">
        <v>197235</v>
      </c>
      <c r="I58735" s="1" t="s">
        <v>197236</v>
      </c>
      <c r="J58735" s="1" t="s">
        <v>197323</v>
      </c>
    </row>
    <row r="58736" spans="1:10" x14ac:dyDescent="0.35">
      <c r="A58736" s="1" t="s">
        <v>171982</v>
      </c>
      <c r="B58736" s="1" t="s">
        <v>197230</v>
      </c>
      <c r="C58736" s="1" t="s">
        <v>145</v>
      </c>
      <c r="D58736" s="1" t="s">
        <v>197324</v>
      </c>
      <c r="E58736" s="1" t="s">
        <v>197325</v>
      </c>
      <c r="F58736" s="1" t="s">
        <v>197326</v>
      </c>
      <c r="G58736" s="1" t="s">
        <v>197234</v>
      </c>
      <c r="H58736" s="1" t="s">
        <v>197235</v>
      </c>
      <c r="I58736" s="1" t="s">
        <v>197236</v>
      </c>
      <c r="J58736" s="1" t="s">
        <v>197327</v>
      </c>
    </row>
    <row r="58737" spans="1:10" x14ac:dyDescent="0.35">
      <c r="A58737" s="1" t="s">
        <v>171982</v>
      </c>
      <c r="B58737" s="1" t="s">
        <v>197230</v>
      </c>
      <c r="C58737" s="1" t="s">
        <v>150</v>
      </c>
      <c r="D58737" s="1" t="s">
        <v>50041</v>
      </c>
      <c r="E58737" s="1" t="s">
        <v>197328</v>
      </c>
      <c r="F58737" s="1" t="s">
        <v>197329</v>
      </c>
      <c r="G58737" s="1" t="s">
        <v>197234</v>
      </c>
      <c r="H58737" s="1" t="s">
        <v>197235</v>
      </c>
      <c r="I58737" s="1" t="s">
        <v>197236</v>
      </c>
      <c r="J58737" s="1" t="s">
        <v>197330</v>
      </c>
    </row>
    <row r="58738" spans="1:10" x14ac:dyDescent="0.35">
      <c r="A58738" s="1" t="s">
        <v>171982</v>
      </c>
      <c r="B58738" s="1" t="s">
        <v>197230</v>
      </c>
      <c r="C58738" s="1" t="s">
        <v>155</v>
      </c>
      <c r="D58738" s="1" t="s">
        <v>197331</v>
      </c>
      <c r="E58738" s="1" t="s">
        <v>197332</v>
      </c>
      <c r="F58738" s="1" t="s">
        <v>197333</v>
      </c>
      <c r="G58738" s="1" t="s">
        <v>197234</v>
      </c>
      <c r="H58738" s="1" t="s">
        <v>197235</v>
      </c>
      <c r="I58738" s="1" t="s">
        <v>197236</v>
      </c>
      <c r="J58738" s="1" t="s">
        <v>197334</v>
      </c>
    </row>
    <row r="58739" spans="1:10" x14ac:dyDescent="0.35">
      <c r="A58739" s="1" t="s">
        <v>171982</v>
      </c>
      <c r="B58739" s="1" t="s">
        <v>197230</v>
      </c>
      <c r="C58739" s="1" t="s">
        <v>160</v>
      </c>
      <c r="D58739" s="1" t="s">
        <v>197335</v>
      </c>
      <c r="E58739" s="1" t="s">
        <v>197336</v>
      </c>
      <c r="F58739" s="1" t="s">
        <v>197337</v>
      </c>
      <c r="G58739" s="1" t="s">
        <v>197234</v>
      </c>
      <c r="H58739" s="1" t="s">
        <v>197235</v>
      </c>
      <c r="I58739" s="1" t="s">
        <v>197236</v>
      </c>
      <c r="J58739" s="1" t="s">
        <v>197338</v>
      </c>
    </row>
    <row r="58740" spans="1:10" x14ac:dyDescent="0.35">
      <c r="A58740" s="1" t="s">
        <v>171982</v>
      </c>
      <c r="B58740" s="1" t="s">
        <v>197230</v>
      </c>
      <c r="C58740" s="1" t="s">
        <v>165</v>
      </c>
      <c r="D58740" s="1" t="s">
        <v>43048</v>
      </c>
      <c r="E58740" s="1" t="s">
        <v>197339</v>
      </c>
      <c r="F58740" s="1" t="s">
        <v>197340</v>
      </c>
      <c r="G58740" s="1" t="s">
        <v>197234</v>
      </c>
      <c r="H58740" s="1" t="s">
        <v>197235</v>
      </c>
      <c r="I58740" s="1" t="s">
        <v>197236</v>
      </c>
      <c r="J58740" s="1" t="s">
        <v>197341</v>
      </c>
    </row>
    <row r="58741" spans="1:10" x14ac:dyDescent="0.35">
      <c r="A58741" s="1" t="s">
        <v>171982</v>
      </c>
      <c r="B58741" s="1" t="s">
        <v>197230</v>
      </c>
      <c r="C58741" s="1" t="s">
        <v>170</v>
      </c>
      <c r="D58741" s="1" t="s">
        <v>197342</v>
      </c>
      <c r="E58741" s="1" t="s">
        <v>197343</v>
      </c>
      <c r="F58741" s="1" t="s">
        <v>197344</v>
      </c>
      <c r="G58741" s="1" t="s">
        <v>197234</v>
      </c>
      <c r="H58741" s="1" t="s">
        <v>197235</v>
      </c>
      <c r="I58741" s="1" t="s">
        <v>197236</v>
      </c>
      <c r="J58741" s="1" t="s">
        <v>197345</v>
      </c>
    </row>
    <row r="58742" spans="1:10" x14ac:dyDescent="0.35">
      <c r="A58742" s="1" t="s">
        <v>14979</v>
      </c>
      <c r="B58742" s="1" t="s">
        <v>197230</v>
      </c>
      <c r="C58742" s="1" t="s">
        <v>8</v>
      </c>
      <c r="D58742" s="1" t="s">
        <v>197346</v>
      </c>
      <c r="E58742" s="1" t="s">
        <v>197347</v>
      </c>
      <c r="F58742" s="1" t="s">
        <v>197348</v>
      </c>
      <c r="G58742" s="1" t="s">
        <v>197349</v>
      </c>
      <c r="H58742" s="1" t="s">
        <v>197350</v>
      </c>
      <c r="I58742" s="1" t="s">
        <v>197236</v>
      </c>
      <c r="J58742" s="1" t="s">
        <v>13</v>
      </c>
    </row>
    <row r="58743" spans="1:10" x14ac:dyDescent="0.35">
      <c r="A58743" s="1" t="s">
        <v>14979</v>
      </c>
      <c r="B58743" s="1" t="s">
        <v>197230</v>
      </c>
      <c r="C58743" s="1" t="s">
        <v>15</v>
      </c>
      <c r="D58743" s="1" t="s">
        <v>75172</v>
      </c>
      <c r="E58743" s="1" t="s">
        <v>197351</v>
      </c>
      <c r="F58743" s="1" t="s">
        <v>197352</v>
      </c>
      <c r="G58743" s="1" t="s">
        <v>197349</v>
      </c>
      <c r="H58743" s="1" t="s">
        <v>197350</v>
      </c>
      <c r="I58743" s="1" t="s">
        <v>197236</v>
      </c>
      <c r="J58743" s="1" t="s">
        <v>197353</v>
      </c>
    </row>
    <row r="58744" spans="1:10" x14ac:dyDescent="0.35">
      <c r="A58744" s="1" t="s">
        <v>14979</v>
      </c>
      <c r="B58744" s="1" t="s">
        <v>197230</v>
      </c>
      <c r="C58744" s="1" t="s">
        <v>20</v>
      </c>
      <c r="D58744" s="1" t="s">
        <v>31789</v>
      </c>
      <c r="E58744" s="1" t="s">
        <v>197354</v>
      </c>
      <c r="F58744" s="1" t="s">
        <v>197355</v>
      </c>
      <c r="G58744" s="1" t="s">
        <v>197349</v>
      </c>
      <c r="H58744" s="1" t="s">
        <v>197350</v>
      </c>
      <c r="I58744" s="1" t="s">
        <v>197236</v>
      </c>
      <c r="J58744" s="1" t="s">
        <v>197356</v>
      </c>
    </row>
    <row r="58745" spans="1:10" x14ac:dyDescent="0.35">
      <c r="A58745" s="1" t="s">
        <v>14979</v>
      </c>
      <c r="B58745" s="1" t="s">
        <v>197230</v>
      </c>
      <c r="C58745" s="1" t="s">
        <v>25</v>
      </c>
      <c r="D58745" s="1" t="s">
        <v>197357</v>
      </c>
      <c r="E58745" s="1" t="s">
        <v>197358</v>
      </c>
      <c r="F58745" s="1" t="s">
        <v>197359</v>
      </c>
      <c r="G58745" s="1" t="s">
        <v>197349</v>
      </c>
      <c r="H58745" s="1" t="s">
        <v>197350</v>
      </c>
      <c r="I58745" s="1" t="s">
        <v>197236</v>
      </c>
      <c r="J58745" s="1" t="s">
        <v>197360</v>
      </c>
    </row>
    <row r="58746" spans="1:10" x14ac:dyDescent="0.35">
      <c r="A58746" s="1" t="s">
        <v>14979</v>
      </c>
      <c r="B58746" s="1" t="s">
        <v>197230</v>
      </c>
      <c r="C58746" s="1" t="s">
        <v>30</v>
      </c>
      <c r="D58746" s="1" t="s">
        <v>33845</v>
      </c>
      <c r="E58746" s="1" t="s">
        <v>197361</v>
      </c>
      <c r="F58746" s="1" t="s">
        <v>197362</v>
      </c>
      <c r="G58746" s="1" t="s">
        <v>197349</v>
      </c>
      <c r="H58746" s="1" t="s">
        <v>197350</v>
      </c>
      <c r="I58746" s="1" t="s">
        <v>197236</v>
      </c>
      <c r="J58746" s="1" t="s">
        <v>197363</v>
      </c>
    </row>
    <row r="58747" spans="1:10" x14ac:dyDescent="0.35">
      <c r="A58747" s="1" t="s">
        <v>14979</v>
      </c>
      <c r="B58747" s="1" t="s">
        <v>197230</v>
      </c>
      <c r="C58747" s="1" t="s">
        <v>35</v>
      </c>
      <c r="D58747" s="1" t="s">
        <v>48984</v>
      </c>
      <c r="E58747" s="1" t="s">
        <v>197364</v>
      </c>
      <c r="F58747" s="1" t="s">
        <v>197365</v>
      </c>
      <c r="G58747" s="1" t="s">
        <v>197349</v>
      </c>
      <c r="H58747" s="1" t="s">
        <v>197350</v>
      </c>
      <c r="I58747" s="1" t="s">
        <v>197236</v>
      </c>
      <c r="J58747" s="1" t="s">
        <v>197366</v>
      </c>
    </row>
    <row r="58748" spans="1:10" x14ac:dyDescent="0.35">
      <c r="A58748" s="1" t="s">
        <v>14979</v>
      </c>
      <c r="B58748" s="1" t="s">
        <v>197230</v>
      </c>
      <c r="C58748" s="1" t="s">
        <v>40</v>
      </c>
      <c r="D58748" s="1" t="s">
        <v>197367</v>
      </c>
      <c r="E58748" s="1" t="s">
        <v>197368</v>
      </c>
      <c r="F58748" s="1" t="s">
        <v>197369</v>
      </c>
      <c r="G58748" s="1" t="s">
        <v>197349</v>
      </c>
      <c r="H58748" s="1" t="s">
        <v>197350</v>
      </c>
      <c r="I58748" s="1" t="s">
        <v>197236</v>
      </c>
      <c r="J58748" s="1" t="s">
        <v>197370</v>
      </c>
    </row>
    <row r="58749" spans="1:10" x14ac:dyDescent="0.35">
      <c r="A58749" s="1" t="s">
        <v>14979</v>
      </c>
      <c r="B58749" s="1" t="s">
        <v>197230</v>
      </c>
      <c r="C58749" s="1" t="s">
        <v>45</v>
      </c>
      <c r="D58749" s="1" t="s">
        <v>152946</v>
      </c>
      <c r="E58749" s="1" t="s">
        <v>197371</v>
      </c>
      <c r="F58749" s="1" t="s">
        <v>197372</v>
      </c>
      <c r="G58749" s="1" t="s">
        <v>197349</v>
      </c>
      <c r="H58749" s="1" t="s">
        <v>197350</v>
      </c>
      <c r="I58749" s="1" t="s">
        <v>197236</v>
      </c>
      <c r="J58749" s="1" t="s">
        <v>197373</v>
      </c>
    </row>
    <row r="58750" spans="1:10" x14ac:dyDescent="0.35">
      <c r="A58750" s="1" t="s">
        <v>14979</v>
      </c>
      <c r="B58750" s="1" t="s">
        <v>197230</v>
      </c>
      <c r="C58750" s="1" t="s">
        <v>50</v>
      </c>
      <c r="D58750" s="1" t="s">
        <v>176633</v>
      </c>
      <c r="E58750" s="1" t="s">
        <v>197374</v>
      </c>
      <c r="F58750" s="1" t="s">
        <v>197375</v>
      </c>
      <c r="G58750" s="1" t="s">
        <v>197349</v>
      </c>
      <c r="H58750" s="1" t="s">
        <v>197350</v>
      </c>
      <c r="I58750" s="1" t="s">
        <v>197236</v>
      </c>
      <c r="J58750" s="1" t="s">
        <v>197376</v>
      </c>
    </row>
    <row r="58751" spans="1:10" x14ac:dyDescent="0.35">
      <c r="A58751" s="1" t="s">
        <v>14979</v>
      </c>
      <c r="B58751" s="1" t="s">
        <v>197230</v>
      </c>
      <c r="C58751" s="1" t="s">
        <v>55</v>
      </c>
      <c r="D58751" s="1" t="s">
        <v>197377</v>
      </c>
      <c r="E58751" s="1" t="s">
        <v>197378</v>
      </c>
      <c r="F58751" s="1" t="s">
        <v>197379</v>
      </c>
      <c r="G58751" s="1" t="s">
        <v>197349</v>
      </c>
      <c r="H58751" s="1" t="s">
        <v>197350</v>
      </c>
      <c r="I58751" s="1" t="s">
        <v>197236</v>
      </c>
      <c r="J58751" s="1" t="s">
        <v>197380</v>
      </c>
    </row>
    <row r="58752" spans="1:10" x14ac:dyDescent="0.35">
      <c r="A58752" s="1" t="s">
        <v>14979</v>
      </c>
      <c r="B58752" s="1" t="s">
        <v>197230</v>
      </c>
      <c r="C58752" s="1" t="s">
        <v>60</v>
      </c>
      <c r="D58752" s="1" t="s">
        <v>196092</v>
      </c>
      <c r="E58752" s="1" t="s">
        <v>197381</v>
      </c>
      <c r="F58752" s="1" t="s">
        <v>197382</v>
      </c>
      <c r="G58752" s="1" t="s">
        <v>197349</v>
      </c>
      <c r="H58752" s="1" t="s">
        <v>197350</v>
      </c>
      <c r="I58752" s="1" t="s">
        <v>197236</v>
      </c>
      <c r="J58752" s="1" t="s">
        <v>197383</v>
      </c>
    </row>
    <row r="58753" spans="1:10" x14ac:dyDescent="0.35">
      <c r="A58753" s="1" t="s">
        <v>14979</v>
      </c>
      <c r="B58753" s="1" t="s">
        <v>197230</v>
      </c>
      <c r="C58753" s="1" t="s">
        <v>65</v>
      </c>
      <c r="D58753" s="1" t="s">
        <v>42214</v>
      </c>
      <c r="E58753" s="1" t="s">
        <v>197384</v>
      </c>
      <c r="F58753" s="1" t="s">
        <v>197385</v>
      </c>
      <c r="G58753" s="1" t="s">
        <v>197349</v>
      </c>
      <c r="H58753" s="1" t="s">
        <v>197350</v>
      </c>
      <c r="I58753" s="1" t="s">
        <v>197236</v>
      </c>
      <c r="J58753" s="1" t="s">
        <v>197386</v>
      </c>
    </row>
    <row r="58754" spans="1:10" x14ac:dyDescent="0.35">
      <c r="A58754" s="1" t="s">
        <v>14979</v>
      </c>
      <c r="B58754" s="1" t="s">
        <v>197230</v>
      </c>
      <c r="C58754" s="1" t="s">
        <v>70</v>
      </c>
      <c r="D58754" s="1" t="s">
        <v>10658</v>
      </c>
      <c r="E58754" s="1" t="s">
        <v>197387</v>
      </c>
      <c r="F58754" s="1" t="s">
        <v>197388</v>
      </c>
      <c r="G58754" s="1" t="s">
        <v>197349</v>
      </c>
      <c r="H58754" s="1" t="s">
        <v>197350</v>
      </c>
      <c r="I58754" s="1" t="s">
        <v>197236</v>
      </c>
      <c r="J58754" s="1" t="s">
        <v>197389</v>
      </c>
    </row>
    <row r="58755" spans="1:10" x14ac:dyDescent="0.35">
      <c r="A58755" s="1" t="s">
        <v>14979</v>
      </c>
      <c r="B58755" s="1" t="s">
        <v>197230</v>
      </c>
      <c r="C58755" s="1" t="s">
        <v>75</v>
      </c>
      <c r="D58755" s="1" t="s">
        <v>197390</v>
      </c>
      <c r="E58755" s="1" t="s">
        <v>197391</v>
      </c>
      <c r="F58755" s="1" t="s">
        <v>197392</v>
      </c>
      <c r="G58755" s="1" t="s">
        <v>197349</v>
      </c>
      <c r="H58755" s="1" t="s">
        <v>197350</v>
      </c>
      <c r="I58755" s="1" t="s">
        <v>197236</v>
      </c>
      <c r="J58755" s="1" t="s">
        <v>197393</v>
      </c>
    </row>
    <row r="58756" spans="1:10" x14ac:dyDescent="0.35">
      <c r="A58756" s="1" t="s">
        <v>14979</v>
      </c>
      <c r="B58756" s="1" t="s">
        <v>197230</v>
      </c>
      <c r="C58756" s="1" t="s">
        <v>80</v>
      </c>
      <c r="D58756" s="1" t="s">
        <v>36484</v>
      </c>
      <c r="E58756" s="1" t="s">
        <v>197394</v>
      </c>
      <c r="F58756" s="1" t="s">
        <v>197395</v>
      </c>
      <c r="G58756" s="1" t="s">
        <v>197349</v>
      </c>
      <c r="H58756" s="1" t="s">
        <v>197350</v>
      </c>
      <c r="I58756" s="1" t="s">
        <v>197236</v>
      </c>
      <c r="J58756" s="1" t="s">
        <v>197396</v>
      </c>
    </row>
    <row r="58757" spans="1:10" x14ac:dyDescent="0.35">
      <c r="A58757" s="1" t="s">
        <v>14979</v>
      </c>
      <c r="B58757" s="1" t="s">
        <v>197230</v>
      </c>
      <c r="C58757" s="1" t="s">
        <v>85</v>
      </c>
      <c r="D58757" s="1" t="s">
        <v>53910</v>
      </c>
      <c r="E58757" s="1" t="s">
        <v>197397</v>
      </c>
      <c r="F58757" s="1" t="s">
        <v>197398</v>
      </c>
      <c r="G58757" s="1" t="s">
        <v>197349</v>
      </c>
      <c r="H58757" s="1" t="s">
        <v>197350</v>
      </c>
      <c r="I58757" s="1" t="s">
        <v>197236</v>
      </c>
      <c r="J58757" s="1" t="s">
        <v>197399</v>
      </c>
    </row>
    <row r="58758" spans="1:10" x14ac:dyDescent="0.35">
      <c r="A58758" s="1" t="s">
        <v>14979</v>
      </c>
      <c r="B58758" s="1" t="s">
        <v>197230</v>
      </c>
      <c r="C58758" s="1" t="s">
        <v>90</v>
      </c>
      <c r="D58758" s="1" t="s">
        <v>98830</v>
      </c>
      <c r="E58758" s="1" t="s">
        <v>197400</v>
      </c>
      <c r="F58758" s="1" t="s">
        <v>197401</v>
      </c>
      <c r="G58758" s="1" t="s">
        <v>197349</v>
      </c>
      <c r="H58758" s="1" t="s">
        <v>197350</v>
      </c>
      <c r="I58758" s="1" t="s">
        <v>197236</v>
      </c>
      <c r="J58758" s="1" t="s">
        <v>197402</v>
      </c>
    </row>
    <row r="58759" spans="1:10" x14ac:dyDescent="0.35">
      <c r="A58759" s="1" t="s">
        <v>14979</v>
      </c>
      <c r="B58759" s="1" t="s">
        <v>197230</v>
      </c>
      <c r="C58759" s="1" t="s">
        <v>95</v>
      </c>
      <c r="D58759" s="1" t="s">
        <v>26301</v>
      </c>
      <c r="E58759" s="1" t="s">
        <v>197403</v>
      </c>
      <c r="F58759" s="1" t="s">
        <v>197404</v>
      </c>
      <c r="G58759" s="1" t="s">
        <v>197349</v>
      </c>
      <c r="H58759" s="1" t="s">
        <v>197350</v>
      </c>
      <c r="I58759" s="1" t="s">
        <v>197236</v>
      </c>
      <c r="J58759" s="1" t="s">
        <v>197405</v>
      </c>
    </row>
    <row r="58760" spans="1:10" x14ac:dyDescent="0.35">
      <c r="A58760" s="1" t="s">
        <v>14979</v>
      </c>
      <c r="B58760" s="1" t="s">
        <v>197230</v>
      </c>
      <c r="C58760" s="1" t="s">
        <v>100</v>
      </c>
      <c r="D58760" s="1" t="s">
        <v>129987</v>
      </c>
      <c r="E58760" s="1" t="s">
        <v>197406</v>
      </c>
      <c r="F58760" s="1" t="s">
        <v>197407</v>
      </c>
      <c r="G58760" s="1" t="s">
        <v>197349</v>
      </c>
      <c r="H58760" s="1" t="s">
        <v>197350</v>
      </c>
      <c r="I58760" s="1" t="s">
        <v>197236</v>
      </c>
      <c r="J58760" s="1" t="s">
        <v>197408</v>
      </c>
    </row>
    <row r="58761" spans="1:10" x14ac:dyDescent="0.35">
      <c r="A58761" s="1" t="s">
        <v>14979</v>
      </c>
      <c r="B58761" s="1" t="s">
        <v>197230</v>
      </c>
      <c r="C58761" s="1" t="s">
        <v>105</v>
      </c>
      <c r="D58761" s="1" t="s">
        <v>128369</v>
      </c>
      <c r="E58761" s="1" t="s">
        <v>197409</v>
      </c>
      <c r="F58761" s="1" t="s">
        <v>197410</v>
      </c>
      <c r="G58761" s="1" t="s">
        <v>197349</v>
      </c>
      <c r="H58761" s="1" t="s">
        <v>197350</v>
      </c>
      <c r="I58761" s="1" t="s">
        <v>197236</v>
      </c>
      <c r="J58761" s="1" t="s">
        <v>197411</v>
      </c>
    </row>
    <row r="58762" spans="1:10" x14ac:dyDescent="0.35">
      <c r="A58762" s="1" t="s">
        <v>14979</v>
      </c>
      <c r="B58762" s="1" t="s">
        <v>197230</v>
      </c>
      <c r="C58762" s="1" t="s">
        <v>110</v>
      </c>
      <c r="D58762" s="1" t="s">
        <v>175953</v>
      </c>
      <c r="E58762" s="1" t="s">
        <v>197412</v>
      </c>
      <c r="F58762" s="1" t="s">
        <v>197413</v>
      </c>
      <c r="G58762" s="1" t="s">
        <v>197349</v>
      </c>
      <c r="H58762" s="1" t="s">
        <v>197350</v>
      </c>
      <c r="I58762" s="1" t="s">
        <v>197236</v>
      </c>
      <c r="J58762" s="1" t="s">
        <v>197414</v>
      </c>
    </row>
    <row r="58763" spans="1:10" x14ac:dyDescent="0.35">
      <c r="A58763" s="1" t="s">
        <v>14979</v>
      </c>
      <c r="B58763" s="1" t="s">
        <v>197230</v>
      </c>
      <c r="C58763" s="1" t="s">
        <v>115</v>
      </c>
      <c r="D58763" s="1" t="s">
        <v>89865</v>
      </c>
      <c r="E58763" s="1" t="s">
        <v>197415</v>
      </c>
      <c r="F58763" s="1" t="s">
        <v>197416</v>
      </c>
      <c r="G58763" s="1" t="s">
        <v>197349</v>
      </c>
      <c r="H58763" s="1" t="s">
        <v>197350</v>
      </c>
      <c r="I58763" s="1" t="s">
        <v>197236</v>
      </c>
      <c r="J58763" s="1" t="s">
        <v>197417</v>
      </c>
    </row>
    <row r="58764" spans="1:10" x14ac:dyDescent="0.35">
      <c r="A58764" s="1" t="s">
        <v>14979</v>
      </c>
      <c r="B58764" s="1" t="s">
        <v>197230</v>
      </c>
      <c r="C58764" s="1" t="s">
        <v>120</v>
      </c>
      <c r="D58764" s="1" t="s">
        <v>59690</v>
      </c>
      <c r="E58764" s="1" t="s">
        <v>197418</v>
      </c>
      <c r="F58764" s="1" t="s">
        <v>197419</v>
      </c>
      <c r="G58764" s="1" t="s">
        <v>197349</v>
      </c>
      <c r="H58764" s="1" t="s">
        <v>197350</v>
      </c>
      <c r="I58764" s="1" t="s">
        <v>197236</v>
      </c>
      <c r="J58764" s="1" t="s">
        <v>197420</v>
      </c>
    </row>
    <row r="58765" spans="1:10" x14ac:dyDescent="0.35">
      <c r="A58765" s="1" t="s">
        <v>14979</v>
      </c>
      <c r="B58765" s="1" t="s">
        <v>197230</v>
      </c>
      <c r="C58765" s="1" t="s">
        <v>125</v>
      </c>
      <c r="D58765" s="1" t="s">
        <v>124723</v>
      </c>
      <c r="E58765" s="1" t="s">
        <v>197421</v>
      </c>
      <c r="F58765" s="1" t="s">
        <v>197422</v>
      </c>
      <c r="G58765" s="1" t="s">
        <v>197349</v>
      </c>
      <c r="H58765" s="1" t="s">
        <v>197350</v>
      </c>
      <c r="I58765" s="1" t="s">
        <v>197236</v>
      </c>
      <c r="J58765" s="1" t="s">
        <v>197423</v>
      </c>
    </row>
    <row r="58766" spans="1:10" x14ac:dyDescent="0.35">
      <c r="A58766" s="1" t="s">
        <v>14979</v>
      </c>
      <c r="B58766" s="1" t="s">
        <v>197230</v>
      </c>
      <c r="C58766" s="1" t="s">
        <v>130</v>
      </c>
      <c r="D58766" s="1" t="s">
        <v>79854</v>
      </c>
      <c r="E58766" s="1" t="s">
        <v>197424</v>
      </c>
      <c r="F58766" s="1" t="s">
        <v>197425</v>
      </c>
      <c r="G58766" s="1" t="s">
        <v>197349</v>
      </c>
      <c r="H58766" s="1" t="s">
        <v>197350</v>
      </c>
      <c r="I58766" s="1" t="s">
        <v>197236</v>
      </c>
      <c r="J58766" s="1" t="s">
        <v>197426</v>
      </c>
    </row>
    <row r="58767" spans="1:10" x14ac:dyDescent="0.35">
      <c r="A58767" s="1" t="s">
        <v>14979</v>
      </c>
      <c r="B58767" s="1" t="s">
        <v>197230</v>
      </c>
      <c r="C58767" s="1" t="s">
        <v>135</v>
      </c>
      <c r="D58767" s="1" t="s">
        <v>56388</v>
      </c>
      <c r="E58767" s="1" t="s">
        <v>197427</v>
      </c>
      <c r="F58767" s="1" t="s">
        <v>197428</v>
      </c>
      <c r="G58767" s="1" t="s">
        <v>197349</v>
      </c>
      <c r="H58767" s="1" t="s">
        <v>197350</v>
      </c>
      <c r="I58767" s="1" t="s">
        <v>197236</v>
      </c>
      <c r="J58767" s="1" t="s">
        <v>197429</v>
      </c>
    </row>
    <row r="58768" spans="1:10" x14ac:dyDescent="0.35">
      <c r="A58768" s="1" t="s">
        <v>14979</v>
      </c>
      <c r="B58768" s="1" t="s">
        <v>197230</v>
      </c>
      <c r="C58768" s="1" t="s">
        <v>140</v>
      </c>
      <c r="D58768" s="1" t="s">
        <v>56708</v>
      </c>
      <c r="E58768" s="1" t="s">
        <v>197430</v>
      </c>
      <c r="F58768" s="1" t="s">
        <v>197431</v>
      </c>
      <c r="G58768" s="1" t="s">
        <v>197349</v>
      </c>
      <c r="H58768" s="1" t="s">
        <v>197350</v>
      </c>
      <c r="I58768" s="1" t="s">
        <v>197236</v>
      </c>
      <c r="J58768" s="1" t="s">
        <v>197432</v>
      </c>
    </row>
    <row r="58769" spans="1:10" x14ac:dyDescent="0.35">
      <c r="A58769" s="1" t="s">
        <v>14979</v>
      </c>
      <c r="B58769" s="1" t="s">
        <v>197230</v>
      </c>
      <c r="C58769" s="1" t="s">
        <v>145</v>
      </c>
      <c r="D58769" s="1" t="s">
        <v>12259</v>
      </c>
      <c r="E58769" s="1" t="s">
        <v>197433</v>
      </c>
      <c r="F58769" s="1" t="s">
        <v>197434</v>
      </c>
      <c r="G58769" s="1" t="s">
        <v>197349</v>
      </c>
      <c r="H58769" s="1" t="s">
        <v>197350</v>
      </c>
      <c r="I58769" s="1" t="s">
        <v>197236</v>
      </c>
      <c r="J58769" s="1" t="s">
        <v>197435</v>
      </c>
    </row>
    <row r="58770" spans="1:10" x14ac:dyDescent="0.35">
      <c r="A58770" s="1" t="s">
        <v>14979</v>
      </c>
      <c r="B58770" s="1" t="s">
        <v>197230</v>
      </c>
      <c r="C58770" s="1" t="s">
        <v>150</v>
      </c>
      <c r="D58770" s="1" t="s">
        <v>53267</v>
      </c>
      <c r="E58770" s="1" t="s">
        <v>197436</v>
      </c>
      <c r="F58770" s="1" t="s">
        <v>197437</v>
      </c>
      <c r="G58770" s="1" t="s">
        <v>197349</v>
      </c>
      <c r="H58770" s="1" t="s">
        <v>197350</v>
      </c>
      <c r="I58770" s="1" t="s">
        <v>197236</v>
      </c>
      <c r="J58770" s="1" t="s">
        <v>197438</v>
      </c>
    </row>
    <row r="58771" spans="1:10" x14ac:dyDescent="0.35">
      <c r="A58771" s="1" t="s">
        <v>14979</v>
      </c>
      <c r="B58771" s="1" t="s">
        <v>197230</v>
      </c>
      <c r="C58771" s="1" t="s">
        <v>155</v>
      </c>
      <c r="D58771" s="1" t="s">
        <v>138932</v>
      </c>
      <c r="E58771" s="1" t="s">
        <v>197439</v>
      </c>
      <c r="F58771" s="1" t="s">
        <v>197440</v>
      </c>
      <c r="G58771" s="1" t="s">
        <v>197349</v>
      </c>
      <c r="H58771" s="1" t="s">
        <v>197350</v>
      </c>
      <c r="I58771" s="1" t="s">
        <v>197236</v>
      </c>
      <c r="J58771" s="1" t="s">
        <v>197441</v>
      </c>
    </row>
    <row r="58772" spans="1:10" x14ac:dyDescent="0.35">
      <c r="A58772" s="1" t="s">
        <v>14979</v>
      </c>
      <c r="B58772" s="1" t="s">
        <v>197230</v>
      </c>
      <c r="C58772" s="1" t="s">
        <v>160</v>
      </c>
      <c r="D58772" s="1" t="s">
        <v>197442</v>
      </c>
      <c r="E58772" s="1" t="s">
        <v>197443</v>
      </c>
      <c r="F58772" s="1" t="s">
        <v>197444</v>
      </c>
      <c r="G58772" s="1" t="s">
        <v>197349</v>
      </c>
      <c r="H58772" s="1" t="s">
        <v>197350</v>
      </c>
      <c r="I58772" s="1" t="s">
        <v>197236</v>
      </c>
      <c r="J58772" s="1" t="s">
        <v>197445</v>
      </c>
    </row>
    <row r="58773" spans="1:10" x14ac:dyDescent="0.35">
      <c r="A58773" s="1" t="s">
        <v>14979</v>
      </c>
      <c r="B58773" s="1" t="s">
        <v>197230</v>
      </c>
      <c r="C58773" s="1" t="s">
        <v>165</v>
      </c>
      <c r="D58773" s="1" t="s">
        <v>162082</v>
      </c>
      <c r="E58773" s="1" t="s">
        <v>197446</v>
      </c>
      <c r="F58773" s="1" t="s">
        <v>197447</v>
      </c>
      <c r="G58773" s="1" t="s">
        <v>197349</v>
      </c>
      <c r="H58773" s="1" t="s">
        <v>197350</v>
      </c>
      <c r="I58773" s="1" t="s">
        <v>197236</v>
      </c>
      <c r="J58773" s="1" t="s">
        <v>197448</v>
      </c>
    </row>
    <row r="58774" spans="1:10" x14ac:dyDescent="0.35">
      <c r="A58774" s="1" t="s">
        <v>14979</v>
      </c>
      <c r="B58774" s="1" t="s">
        <v>197230</v>
      </c>
      <c r="C58774" s="1" t="s">
        <v>170</v>
      </c>
      <c r="D58774" s="1" t="s">
        <v>197449</v>
      </c>
      <c r="E58774" s="1" t="s">
        <v>197450</v>
      </c>
      <c r="F58774" s="1" t="s">
        <v>197451</v>
      </c>
      <c r="G58774" s="1" t="s">
        <v>197349</v>
      </c>
      <c r="H58774" s="1" t="s">
        <v>197350</v>
      </c>
      <c r="I58774" s="1" t="s">
        <v>197236</v>
      </c>
      <c r="J58774" s="1" t="s">
        <v>197452</v>
      </c>
    </row>
    <row r="58775" spans="1:10" x14ac:dyDescent="0.35">
      <c r="A58775" s="1" t="s">
        <v>8295</v>
      </c>
      <c r="B58775" s="1" t="s">
        <v>197230</v>
      </c>
      <c r="C58775" s="1" t="s">
        <v>8</v>
      </c>
      <c r="D58775" s="1" t="s">
        <v>72527</v>
      </c>
      <c r="E58775" s="1" t="s">
        <v>197453</v>
      </c>
      <c r="F58775" s="1" t="s">
        <v>197454</v>
      </c>
      <c r="G58775" s="1" t="s">
        <v>197455</v>
      </c>
      <c r="H58775" s="1" t="s">
        <v>197456</v>
      </c>
      <c r="I58775" s="1" t="s">
        <v>197236</v>
      </c>
      <c r="J58775" s="1" t="s">
        <v>13</v>
      </c>
    </row>
    <row r="58776" spans="1:10" x14ac:dyDescent="0.35">
      <c r="A58776" s="1" t="s">
        <v>8295</v>
      </c>
      <c r="B58776" s="1" t="s">
        <v>197230</v>
      </c>
      <c r="C58776" s="1" t="s">
        <v>15</v>
      </c>
      <c r="D58776" s="1" t="s">
        <v>117425</v>
      </c>
      <c r="E58776" s="1" t="s">
        <v>197457</v>
      </c>
      <c r="F58776" s="1" t="s">
        <v>197458</v>
      </c>
      <c r="G58776" s="1" t="s">
        <v>197455</v>
      </c>
      <c r="H58776" s="1" t="s">
        <v>197456</v>
      </c>
      <c r="I58776" s="1" t="s">
        <v>197236</v>
      </c>
      <c r="J58776" s="1" t="s">
        <v>197459</v>
      </c>
    </row>
    <row r="58777" spans="1:10" x14ac:dyDescent="0.35">
      <c r="A58777" s="1" t="s">
        <v>8295</v>
      </c>
      <c r="B58777" s="1" t="s">
        <v>197230</v>
      </c>
      <c r="C58777" s="1" t="s">
        <v>20</v>
      </c>
      <c r="D58777" s="1" t="s">
        <v>44172</v>
      </c>
      <c r="E58777" s="1" t="s">
        <v>197460</v>
      </c>
      <c r="F58777" s="1" t="s">
        <v>197461</v>
      </c>
      <c r="G58777" s="1" t="s">
        <v>197455</v>
      </c>
      <c r="H58777" s="1" t="s">
        <v>197456</v>
      </c>
      <c r="I58777" s="1" t="s">
        <v>197236</v>
      </c>
      <c r="J58777" s="1" t="s">
        <v>197462</v>
      </c>
    </row>
    <row r="58778" spans="1:10" x14ac:dyDescent="0.35">
      <c r="A58778" s="1" t="s">
        <v>8295</v>
      </c>
      <c r="B58778" s="1" t="s">
        <v>197230</v>
      </c>
      <c r="C58778" s="1" t="s">
        <v>25</v>
      </c>
      <c r="D58778" s="1" t="s">
        <v>8963</v>
      </c>
      <c r="E58778" s="1" t="s">
        <v>197463</v>
      </c>
      <c r="F58778" s="1" t="s">
        <v>197464</v>
      </c>
      <c r="G58778" s="1" t="s">
        <v>197455</v>
      </c>
      <c r="H58778" s="1" t="s">
        <v>197456</v>
      </c>
      <c r="I58778" s="1" t="s">
        <v>197236</v>
      </c>
      <c r="J58778" s="1" t="s">
        <v>197465</v>
      </c>
    </row>
    <row r="58779" spans="1:10" x14ac:dyDescent="0.35">
      <c r="A58779" s="1" t="s">
        <v>8295</v>
      </c>
      <c r="B58779" s="1" t="s">
        <v>197230</v>
      </c>
      <c r="C58779" s="1" t="s">
        <v>30</v>
      </c>
      <c r="D58779" s="1" t="s">
        <v>120274</v>
      </c>
      <c r="E58779" s="1" t="s">
        <v>197466</v>
      </c>
      <c r="F58779" s="1" t="s">
        <v>197467</v>
      </c>
      <c r="G58779" s="1" t="s">
        <v>197455</v>
      </c>
      <c r="H58779" s="1" t="s">
        <v>197456</v>
      </c>
      <c r="I58779" s="1" t="s">
        <v>197236</v>
      </c>
      <c r="J58779" s="1" t="s">
        <v>197468</v>
      </c>
    </row>
    <row r="58780" spans="1:10" x14ac:dyDescent="0.35">
      <c r="A58780" s="1" t="s">
        <v>8295</v>
      </c>
      <c r="B58780" s="1" t="s">
        <v>197230</v>
      </c>
      <c r="C58780" s="1" t="s">
        <v>35</v>
      </c>
      <c r="D58780" s="1" t="s">
        <v>2283</v>
      </c>
      <c r="E58780" s="1" t="s">
        <v>197469</v>
      </c>
      <c r="F58780" s="1" t="s">
        <v>197470</v>
      </c>
      <c r="G58780" s="1" t="s">
        <v>197455</v>
      </c>
      <c r="H58780" s="1" t="s">
        <v>197456</v>
      </c>
      <c r="I58780" s="1" t="s">
        <v>197236</v>
      </c>
      <c r="J58780" s="1" t="s">
        <v>197471</v>
      </c>
    </row>
    <row r="58781" spans="1:10" x14ac:dyDescent="0.35">
      <c r="A58781" s="1" t="s">
        <v>8295</v>
      </c>
      <c r="B58781" s="1" t="s">
        <v>197230</v>
      </c>
      <c r="C58781" s="1" t="s">
        <v>40</v>
      </c>
      <c r="D58781" s="1" t="s">
        <v>48623</v>
      </c>
      <c r="E58781" s="1" t="s">
        <v>197472</v>
      </c>
      <c r="F58781" s="1" t="s">
        <v>197473</v>
      </c>
      <c r="G58781" s="1" t="s">
        <v>197455</v>
      </c>
      <c r="H58781" s="1" t="s">
        <v>197456</v>
      </c>
      <c r="I58781" s="1" t="s">
        <v>197236</v>
      </c>
      <c r="J58781" s="1" t="s">
        <v>197474</v>
      </c>
    </row>
    <row r="58782" spans="1:10" x14ac:dyDescent="0.35">
      <c r="A58782" s="1" t="s">
        <v>8295</v>
      </c>
      <c r="B58782" s="1" t="s">
        <v>197230</v>
      </c>
      <c r="C58782" s="1" t="s">
        <v>45</v>
      </c>
      <c r="D58782" s="1" t="s">
        <v>72531</v>
      </c>
      <c r="E58782" s="1" t="s">
        <v>197475</v>
      </c>
      <c r="F58782" s="1" t="s">
        <v>197476</v>
      </c>
      <c r="G58782" s="1" t="s">
        <v>197455</v>
      </c>
      <c r="H58782" s="1" t="s">
        <v>197456</v>
      </c>
      <c r="I58782" s="1" t="s">
        <v>197236</v>
      </c>
      <c r="J58782" s="1" t="s">
        <v>197477</v>
      </c>
    </row>
    <row r="58783" spans="1:10" x14ac:dyDescent="0.35">
      <c r="A58783" s="1" t="s">
        <v>8295</v>
      </c>
      <c r="B58783" s="1" t="s">
        <v>197230</v>
      </c>
      <c r="C58783" s="1" t="s">
        <v>50</v>
      </c>
      <c r="D58783" s="1" t="s">
        <v>197478</v>
      </c>
      <c r="E58783" s="1" t="s">
        <v>197479</v>
      </c>
      <c r="F58783" s="1" t="s">
        <v>197480</v>
      </c>
      <c r="G58783" s="1" t="s">
        <v>197455</v>
      </c>
      <c r="H58783" s="1" t="s">
        <v>197456</v>
      </c>
      <c r="I58783" s="1" t="s">
        <v>197236</v>
      </c>
      <c r="J58783" s="1" t="s">
        <v>197481</v>
      </c>
    </row>
    <row r="58784" spans="1:10" x14ac:dyDescent="0.35">
      <c r="A58784" s="1" t="s">
        <v>8295</v>
      </c>
      <c r="B58784" s="1" t="s">
        <v>197230</v>
      </c>
      <c r="C58784" s="1" t="s">
        <v>55</v>
      </c>
      <c r="D58784" s="1" t="s">
        <v>197482</v>
      </c>
      <c r="E58784" s="1" t="s">
        <v>197483</v>
      </c>
      <c r="F58784" s="1" t="s">
        <v>197484</v>
      </c>
      <c r="G58784" s="1" t="s">
        <v>197455</v>
      </c>
      <c r="H58784" s="1" t="s">
        <v>197456</v>
      </c>
      <c r="I58784" s="1" t="s">
        <v>197236</v>
      </c>
      <c r="J58784" s="1" t="s">
        <v>197485</v>
      </c>
    </row>
    <row r="58785" spans="1:10" x14ac:dyDescent="0.35">
      <c r="A58785" s="1" t="s">
        <v>8295</v>
      </c>
      <c r="B58785" s="1" t="s">
        <v>197230</v>
      </c>
      <c r="C58785" s="1" t="s">
        <v>60</v>
      </c>
      <c r="D58785" s="1" t="s">
        <v>197486</v>
      </c>
      <c r="E58785" s="1" t="s">
        <v>197487</v>
      </c>
      <c r="F58785" s="1" t="s">
        <v>197488</v>
      </c>
      <c r="G58785" s="1" t="s">
        <v>197455</v>
      </c>
      <c r="H58785" s="1" t="s">
        <v>197456</v>
      </c>
      <c r="I58785" s="1" t="s">
        <v>197236</v>
      </c>
      <c r="J58785" s="1" t="s">
        <v>197489</v>
      </c>
    </row>
    <row r="58786" spans="1:10" x14ac:dyDescent="0.35">
      <c r="A58786" s="1" t="s">
        <v>8295</v>
      </c>
      <c r="B58786" s="1" t="s">
        <v>197230</v>
      </c>
      <c r="C58786" s="1" t="s">
        <v>65</v>
      </c>
      <c r="D58786" s="1" t="s">
        <v>197490</v>
      </c>
      <c r="E58786" s="1" t="s">
        <v>197491</v>
      </c>
      <c r="F58786" s="1" t="s">
        <v>197492</v>
      </c>
      <c r="G58786" s="1" t="s">
        <v>197455</v>
      </c>
      <c r="H58786" s="1" t="s">
        <v>197456</v>
      </c>
      <c r="I58786" s="1" t="s">
        <v>197236</v>
      </c>
      <c r="J58786" s="1" t="s">
        <v>197493</v>
      </c>
    </row>
    <row r="58787" spans="1:10" x14ac:dyDescent="0.35">
      <c r="A58787" s="1" t="s">
        <v>8295</v>
      </c>
      <c r="B58787" s="1" t="s">
        <v>197230</v>
      </c>
      <c r="C58787" s="1" t="s">
        <v>70</v>
      </c>
      <c r="D58787" s="1" t="s">
        <v>197494</v>
      </c>
      <c r="E58787" s="1" t="s">
        <v>197495</v>
      </c>
      <c r="F58787" s="1" t="s">
        <v>197496</v>
      </c>
      <c r="G58787" s="1" t="s">
        <v>197455</v>
      </c>
      <c r="H58787" s="1" t="s">
        <v>197456</v>
      </c>
      <c r="I58787" s="1" t="s">
        <v>197236</v>
      </c>
      <c r="J58787" s="1" t="s">
        <v>197497</v>
      </c>
    </row>
    <row r="58788" spans="1:10" x14ac:dyDescent="0.35">
      <c r="A58788" s="1" t="s">
        <v>8295</v>
      </c>
      <c r="B58788" s="1" t="s">
        <v>197230</v>
      </c>
      <c r="C58788" s="1" t="s">
        <v>75</v>
      </c>
      <c r="D58788" s="1" t="s">
        <v>9570</v>
      </c>
      <c r="E58788" s="1" t="s">
        <v>197498</v>
      </c>
      <c r="F58788" s="1" t="s">
        <v>197499</v>
      </c>
      <c r="G58788" s="1" t="s">
        <v>197455</v>
      </c>
      <c r="H58788" s="1" t="s">
        <v>197456</v>
      </c>
      <c r="I58788" s="1" t="s">
        <v>197236</v>
      </c>
      <c r="J58788" s="1" t="s">
        <v>197500</v>
      </c>
    </row>
    <row r="58789" spans="1:10" x14ac:dyDescent="0.35">
      <c r="A58789" s="1" t="s">
        <v>8295</v>
      </c>
      <c r="B58789" s="1" t="s">
        <v>197230</v>
      </c>
      <c r="C58789" s="1" t="s">
        <v>80</v>
      </c>
      <c r="D58789" s="1" t="s">
        <v>32572</v>
      </c>
      <c r="E58789" s="1" t="s">
        <v>197501</v>
      </c>
      <c r="F58789" s="1" t="s">
        <v>197502</v>
      </c>
      <c r="G58789" s="1" t="s">
        <v>197455</v>
      </c>
      <c r="H58789" s="1" t="s">
        <v>197456</v>
      </c>
      <c r="I58789" s="1" t="s">
        <v>197236</v>
      </c>
      <c r="J58789" s="1" t="s">
        <v>197503</v>
      </c>
    </row>
    <row r="58790" spans="1:10" x14ac:dyDescent="0.35">
      <c r="A58790" s="1" t="s">
        <v>8295</v>
      </c>
      <c r="B58790" s="1" t="s">
        <v>197230</v>
      </c>
      <c r="C58790" s="1" t="s">
        <v>85</v>
      </c>
      <c r="D58790" s="1" t="s">
        <v>42502</v>
      </c>
      <c r="E58790" s="1" t="s">
        <v>197504</v>
      </c>
      <c r="F58790" s="1" t="s">
        <v>197505</v>
      </c>
      <c r="G58790" s="1" t="s">
        <v>197455</v>
      </c>
      <c r="H58790" s="1" t="s">
        <v>197456</v>
      </c>
      <c r="I58790" s="1" t="s">
        <v>197236</v>
      </c>
      <c r="J58790" s="1" t="s">
        <v>197506</v>
      </c>
    </row>
    <row r="58791" spans="1:10" x14ac:dyDescent="0.35">
      <c r="A58791" s="1" t="s">
        <v>8295</v>
      </c>
      <c r="B58791" s="1" t="s">
        <v>197230</v>
      </c>
      <c r="C58791" s="1" t="s">
        <v>90</v>
      </c>
      <c r="D58791" s="1" t="s">
        <v>197507</v>
      </c>
      <c r="E58791" s="1" t="s">
        <v>197508</v>
      </c>
      <c r="F58791" s="1" t="s">
        <v>197509</v>
      </c>
      <c r="G58791" s="1" t="s">
        <v>197455</v>
      </c>
      <c r="H58791" s="1" t="s">
        <v>197456</v>
      </c>
      <c r="I58791" s="1" t="s">
        <v>197236</v>
      </c>
      <c r="J58791" s="1" t="s">
        <v>197510</v>
      </c>
    </row>
    <row r="58792" spans="1:10" x14ac:dyDescent="0.35">
      <c r="A58792" s="1" t="s">
        <v>8295</v>
      </c>
      <c r="B58792" s="1" t="s">
        <v>197230</v>
      </c>
      <c r="C58792" s="1" t="s">
        <v>95</v>
      </c>
      <c r="D58792" s="1" t="s">
        <v>703</v>
      </c>
      <c r="E58792" s="1" t="s">
        <v>197511</v>
      </c>
      <c r="F58792" s="1" t="s">
        <v>197512</v>
      </c>
      <c r="G58792" s="1" t="s">
        <v>197455</v>
      </c>
      <c r="H58792" s="1" t="s">
        <v>197456</v>
      </c>
      <c r="I58792" s="1" t="s">
        <v>197236</v>
      </c>
      <c r="J58792" s="1" t="s">
        <v>197513</v>
      </c>
    </row>
    <row r="58793" spans="1:10" x14ac:dyDescent="0.35">
      <c r="A58793" s="1" t="s">
        <v>8295</v>
      </c>
      <c r="B58793" s="1" t="s">
        <v>197230</v>
      </c>
      <c r="C58793" s="1" t="s">
        <v>100</v>
      </c>
      <c r="D58793" s="1" t="s">
        <v>10381</v>
      </c>
      <c r="E58793" s="1" t="s">
        <v>197514</v>
      </c>
      <c r="F58793" s="1" t="s">
        <v>197515</v>
      </c>
      <c r="G58793" s="1" t="s">
        <v>197455</v>
      </c>
      <c r="H58793" s="1" t="s">
        <v>197456</v>
      </c>
      <c r="I58793" s="1" t="s">
        <v>197236</v>
      </c>
      <c r="J58793" s="1" t="s">
        <v>197516</v>
      </c>
    </row>
    <row r="58794" spans="1:10" x14ac:dyDescent="0.35">
      <c r="A58794" s="1" t="s">
        <v>8295</v>
      </c>
      <c r="B58794" s="1" t="s">
        <v>197230</v>
      </c>
      <c r="C58794" s="1" t="s">
        <v>105</v>
      </c>
      <c r="D58794" s="1" t="s">
        <v>38218</v>
      </c>
      <c r="E58794" s="1" t="s">
        <v>197517</v>
      </c>
      <c r="F58794" s="1" t="s">
        <v>197518</v>
      </c>
      <c r="G58794" s="1" t="s">
        <v>197455</v>
      </c>
      <c r="H58794" s="1" t="s">
        <v>197456</v>
      </c>
      <c r="I58794" s="1" t="s">
        <v>197236</v>
      </c>
      <c r="J58794" s="1" t="s">
        <v>197519</v>
      </c>
    </row>
    <row r="58795" spans="1:10" x14ac:dyDescent="0.35">
      <c r="A58795" s="1" t="s">
        <v>8295</v>
      </c>
      <c r="B58795" s="1" t="s">
        <v>197230</v>
      </c>
      <c r="C58795" s="1" t="s">
        <v>110</v>
      </c>
      <c r="D58795" s="1" t="s">
        <v>47722</v>
      </c>
      <c r="E58795" s="1" t="s">
        <v>197520</v>
      </c>
      <c r="F58795" s="1" t="s">
        <v>197521</v>
      </c>
      <c r="G58795" s="1" t="s">
        <v>197455</v>
      </c>
      <c r="H58795" s="1" t="s">
        <v>197456</v>
      </c>
      <c r="I58795" s="1" t="s">
        <v>197236</v>
      </c>
      <c r="J58795" s="1" t="s">
        <v>197522</v>
      </c>
    </row>
    <row r="58796" spans="1:10" x14ac:dyDescent="0.35">
      <c r="A58796" s="1" t="s">
        <v>8295</v>
      </c>
      <c r="B58796" s="1" t="s">
        <v>197230</v>
      </c>
      <c r="C58796" s="1" t="s">
        <v>115</v>
      </c>
      <c r="D58796" s="1" t="s">
        <v>18845</v>
      </c>
      <c r="E58796" s="1" t="s">
        <v>197523</v>
      </c>
      <c r="F58796" s="1" t="s">
        <v>197524</v>
      </c>
      <c r="G58796" s="1" t="s">
        <v>197455</v>
      </c>
      <c r="H58796" s="1" t="s">
        <v>197456</v>
      </c>
      <c r="I58796" s="1" t="s">
        <v>197236</v>
      </c>
      <c r="J58796" s="1" t="s">
        <v>197525</v>
      </c>
    </row>
    <row r="58797" spans="1:10" x14ac:dyDescent="0.35">
      <c r="A58797" s="1" t="s">
        <v>8295</v>
      </c>
      <c r="B58797" s="1" t="s">
        <v>197230</v>
      </c>
      <c r="C58797" s="1" t="s">
        <v>120</v>
      </c>
      <c r="D58797" s="1" t="s">
        <v>197526</v>
      </c>
      <c r="E58797" s="1" t="s">
        <v>197527</v>
      </c>
      <c r="F58797" s="1" t="s">
        <v>197528</v>
      </c>
      <c r="G58797" s="1" t="s">
        <v>197455</v>
      </c>
      <c r="H58797" s="1" t="s">
        <v>197456</v>
      </c>
      <c r="I58797" s="1" t="s">
        <v>197236</v>
      </c>
      <c r="J58797" s="1" t="s">
        <v>197529</v>
      </c>
    </row>
    <row r="58798" spans="1:10" x14ac:dyDescent="0.35">
      <c r="A58798" s="1" t="s">
        <v>8295</v>
      </c>
      <c r="B58798" s="1" t="s">
        <v>197230</v>
      </c>
      <c r="C58798" s="1" t="s">
        <v>125</v>
      </c>
      <c r="D58798" s="1" t="s">
        <v>197530</v>
      </c>
      <c r="E58798" s="1" t="s">
        <v>197531</v>
      </c>
      <c r="F58798" s="1" t="s">
        <v>197532</v>
      </c>
      <c r="G58798" s="1" t="s">
        <v>197455</v>
      </c>
      <c r="H58798" s="1" t="s">
        <v>197456</v>
      </c>
      <c r="I58798" s="1" t="s">
        <v>197236</v>
      </c>
      <c r="J58798" s="1" t="s">
        <v>197533</v>
      </c>
    </row>
    <row r="58799" spans="1:10" x14ac:dyDescent="0.35">
      <c r="A58799" s="1" t="s">
        <v>8295</v>
      </c>
      <c r="B58799" s="1" t="s">
        <v>197230</v>
      </c>
      <c r="C58799" s="1" t="s">
        <v>130</v>
      </c>
      <c r="D58799" s="1" t="s">
        <v>110469</v>
      </c>
      <c r="E58799" s="1" t="s">
        <v>197534</v>
      </c>
      <c r="F58799" s="1" t="s">
        <v>197535</v>
      </c>
      <c r="G58799" s="1" t="s">
        <v>197455</v>
      </c>
      <c r="H58799" s="1" t="s">
        <v>197456</v>
      </c>
      <c r="I58799" s="1" t="s">
        <v>197236</v>
      </c>
      <c r="J58799" s="1" t="s">
        <v>197536</v>
      </c>
    </row>
    <row r="58800" spans="1:10" x14ac:dyDescent="0.35">
      <c r="A58800" s="1" t="s">
        <v>8295</v>
      </c>
      <c r="B58800" s="1" t="s">
        <v>197230</v>
      </c>
      <c r="C58800" s="1" t="s">
        <v>135</v>
      </c>
      <c r="D58800" s="1" t="s">
        <v>197537</v>
      </c>
      <c r="E58800" s="1" t="s">
        <v>197538</v>
      </c>
      <c r="F58800" s="1" t="s">
        <v>197539</v>
      </c>
      <c r="G58800" s="1" t="s">
        <v>197455</v>
      </c>
      <c r="H58800" s="1" t="s">
        <v>197456</v>
      </c>
      <c r="I58800" s="1" t="s">
        <v>197236</v>
      </c>
      <c r="J58800" s="1" t="s">
        <v>197540</v>
      </c>
    </row>
    <row r="58801" spans="1:10" x14ac:dyDescent="0.35">
      <c r="A58801" s="1" t="s">
        <v>8295</v>
      </c>
      <c r="B58801" s="1" t="s">
        <v>197230</v>
      </c>
      <c r="C58801" s="1" t="s">
        <v>140</v>
      </c>
      <c r="D58801" s="1" t="s">
        <v>155725</v>
      </c>
      <c r="E58801" s="1" t="s">
        <v>197541</v>
      </c>
      <c r="F58801" s="1" t="s">
        <v>197542</v>
      </c>
      <c r="G58801" s="1" t="s">
        <v>197455</v>
      </c>
      <c r="H58801" s="1" t="s">
        <v>197456</v>
      </c>
      <c r="I58801" s="1" t="s">
        <v>197236</v>
      </c>
      <c r="J58801" s="1" t="s">
        <v>197543</v>
      </c>
    </row>
    <row r="58802" spans="1:10" x14ac:dyDescent="0.35">
      <c r="A58802" s="1" t="s">
        <v>8295</v>
      </c>
      <c r="B58802" s="1" t="s">
        <v>197230</v>
      </c>
      <c r="C58802" s="1" t="s">
        <v>145</v>
      </c>
      <c r="D58802" s="1" t="s">
        <v>45908</v>
      </c>
      <c r="E58802" s="1" t="s">
        <v>197544</v>
      </c>
      <c r="F58802" s="1" t="s">
        <v>197545</v>
      </c>
      <c r="G58802" s="1" t="s">
        <v>197455</v>
      </c>
      <c r="H58802" s="1" t="s">
        <v>197456</v>
      </c>
      <c r="I58802" s="1" t="s">
        <v>197236</v>
      </c>
      <c r="J58802" s="1" t="s">
        <v>197546</v>
      </c>
    </row>
    <row r="58803" spans="1:10" x14ac:dyDescent="0.35">
      <c r="A58803" s="1" t="s">
        <v>8295</v>
      </c>
      <c r="B58803" s="1" t="s">
        <v>197230</v>
      </c>
      <c r="C58803" s="1" t="s">
        <v>150</v>
      </c>
      <c r="D58803" s="1" t="s">
        <v>177366</v>
      </c>
      <c r="E58803" s="1" t="s">
        <v>197547</v>
      </c>
      <c r="F58803" s="1" t="s">
        <v>197548</v>
      </c>
      <c r="G58803" s="1" t="s">
        <v>197455</v>
      </c>
      <c r="H58803" s="1" t="s">
        <v>197456</v>
      </c>
      <c r="I58803" s="1" t="s">
        <v>197236</v>
      </c>
      <c r="J58803" s="1" t="s">
        <v>197549</v>
      </c>
    </row>
    <row r="58804" spans="1:10" x14ac:dyDescent="0.35">
      <c r="A58804" s="1" t="s">
        <v>8295</v>
      </c>
      <c r="B58804" s="1" t="s">
        <v>197230</v>
      </c>
      <c r="C58804" s="1" t="s">
        <v>155</v>
      </c>
      <c r="D58804" s="1" t="s">
        <v>126595</v>
      </c>
      <c r="E58804" s="1" t="s">
        <v>197550</v>
      </c>
      <c r="F58804" s="1" t="s">
        <v>197551</v>
      </c>
      <c r="G58804" s="1" t="s">
        <v>197455</v>
      </c>
      <c r="H58804" s="1" t="s">
        <v>197456</v>
      </c>
      <c r="I58804" s="1" t="s">
        <v>197236</v>
      </c>
      <c r="J58804" s="1" t="s">
        <v>197552</v>
      </c>
    </row>
    <row r="58805" spans="1:10" x14ac:dyDescent="0.35">
      <c r="A58805" s="1" t="s">
        <v>8295</v>
      </c>
      <c r="B58805" s="1" t="s">
        <v>197230</v>
      </c>
      <c r="C58805" s="1" t="s">
        <v>160</v>
      </c>
      <c r="D58805" s="1" t="s">
        <v>197553</v>
      </c>
      <c r="E58805" s="1" t="s">
        <v>197554</v>
      </c>
      <c r="F58805" s="1" t="s">
        <v>197555</v>
      </c>
      <c r="G58805" s="1" t="s">
        <v>197455</v>
      </c>
      <c r="H58805" s="1" t="s">
        <v>197456</v>
      </c>
      <c r="I58805" s="1" t="s">
        <v>197236</v>
      </c>
      <c r="J58805" s="1" t="s">
        <v>197556</v>
      </c>
    </row>
    <row r="58806" spans="1:10" x14ac:dyDescent="0.35">
      <c r="A58806" s="1" t="s">
        <v>8295</v>
      </c>
      <c r="B58806" s="1" t="s">
        <v>197230</v>
      </c>
      <c r="C58806" s="1" t="s">
        <v>165</v>
      </c>
      <c r="D58806" s="1" t="s">
        <v>175517</v>
      </c>
      <c r="E58806" s="1" t="s">
        <v>197557</v>
      </c>
      <c r="F58806" s="1" t="s">
        <v>197558</v>
      </c>
      <c r="G58806" s="1" t="s">
        <v>197455</v>
      </c>
      <c r="H58806" s="1" t="s">
        <v>197456</v>
      </c>
      <c r="I58806" s="1" t="s">
        <v>197236</v>
      </c>
      <c r="J58806" s="1" t="s">
        <v>197559</v>
      </c>
    </row>
    <row r="58807" spans="1:10" x14ac:dyDescent="0.35">
      <c r="A58807" s="1" t="s">
        <v>8295</v>
      </c>
      <c r="B58807" s="1" t="s">
        <v>197230</v>
      </c>
      <c r="C58807" s="1" t="s">
        <v>170</v>
      </c>
      <c r="D58807" s="1" t="s">
        <v>141000</v>
      </c>
      <c r="E58807" s="1" t="s">
        <v>197560</v>
      </c>
      <c r="F58807" s="1" t="s">
        <v>197561</v>
      </c>
      <c r="G58807" s="1" t="s">
        <v>197455</v>
      </c>
      <c r="H58807" s="1" t="s">
        <v>197456</v>
      </c>
      <c r="I58807" s="1" t="s">
        <v>197236</v>
      </c>
      <c r="J58807" s="1" t="s">
        <v>197562</v>
      </c>
    </row>
    <row r="58808" spans="1:10" x14ac:dyDescent="0.35">
      <c r="A58808" s="1" t="s">
        <v>146247</v>
      </c>
      <c r="B58808" s="1" t="s">
        <v>197230</v>
      </c>
      <c r="C58808" s="1" t="s">
        <v>8</v>
      </c>
      <c r="D58808" s="1" t="s">
        <v>197563</v>
      </c>
      <c r="E58808" s="1" t="s">
        <v>197564</v>
      </c>
      <c r="F58808" s="1" t="s">
        <v>197565</v>
      </c>
      <c r="G58808" s="1" t="s">
        <v>197566</v>
      </c>
      <c r="H58808" s="1" t="s">
        <v>197567</v>
      </c>
      <c r="I58808" s="1" t="s">
        <v>197236</v>
      </c>
      <c r="J58808" s="1" t="s">
        <v>13</v>
      </c>
    </row>
    <row r="58809" spans="1:10" x14ac:dyDescent="0.35">
      <c r="A58809" s="1" t="s">
        <v>146247</v>
      </c>
      <c r="B58809" s="1" t="s">
        <v>197230</v>
      </c>
      <c r="C58809" s="1" t="s">
        <v>15</v>
      </c>
      <c r="D58809" s="1" t="s">
        <v>72259</v>
      </c>
      <c r="E58809" s="1" t="s">
        <v>197568</v>
      </c>
      <c r="F58809" s="1" t="s">
        <v>197569</v>
      </c>
      <c r="G58809" s="1" t="s">
        <v>197566</v>
      </c>
      <c r="H58809" s="1" t="s">
        <v>197567</v>
      </c>
      <c r="I58809" s="1" t="s">
        <v>197236</v>
      </c>
      <c r="J58809" s="1" t="s">
        <v>197570</v>
      </c>
    </row>
    <row r="58810" spans="1:10" x14ac:dyDescent="0.35">
      <c r="A58810" s="1" t="s">
        <v>146247</v>
      </c>
      <c r="B58810" s="1" t="s">
        <v>197230</v>
      </c>
      <c r="C58810" s="1" t="s">
        <v>20</v>
      </c>
      <c r="D58810" s="1" t="s">
        <v>161221</v>
      </c>
      <c r="E58810" s="1" t="s">
        <v>197571</v>
      </c>
      <c r="F58810" s="1" t="s">
        <v>197572</v>
      </c>
      <c r="G58810" s="1" t="s">
        <v>197566</v>
      </c>
      <c r="H58810" s="1" t="s">
        <v>197567</v>
      </c>
      <c r="I58810" s="1" t="s">
        <v>197236</v>
      </c>
      <c r="J58810" s="1" t="s">
        <v>197573</v>
      </c>
    </row>
    <row r="58811" spans="1:10" x14ac:dyDescent="0.35">
      <c r="A58811" s="1" t="s">
        <v>146247</v>
      </c>
      <c r="B58811" s="1" t="s">
        <v>197230</v>
      </c>
      <c r="C58811" s="1" t="s">
        <v>25</v>
      </c>
      <c r="D58811" s="1" t="s">
        <v>189501</v>
      </c>
      <c r="E58811" s="1" t="s">
        <v>197574</v>
      </c>
      <c r="F58811" s="1" t="s">
        <v>197575</v>
      </c>
      <c r="G58811" s="1" t="s">
        <v>197566</v>
      </c>
      <c r="H58811" s="1" t="s">
        <v>197567</v>
      </c>
      <c r="I58811" s="1" t="s">
        <v>197236</v>
      </c>
      <c r="J58811" s="1" t="s">
        <v>197576</v>
      </c>
    </row>
    <row r="58812" spans="1:10" x14ac:dyDescent="0.35">
      <c r="A58812" s="1" t="s">
        <v>146247</v>
      </c>
      <c r="B58812" s="1" t="s">
        <v>197230</v>
      </c>
      <c r="C58812" s="1" t="s">
        <v>30</v>
      </c>
      <c r="D58812" s="1" t="s">
        <v>2675</v>
      </c>
      <c r="E58812" s="1" t="s">
        <v>197577</v>
      </c>
      <c r="F58812" s="1" t="s">
        <v>197578</v>
      </c>
      <c r="G58812" s="1" t="s">
        <v>197566</v>
      </c>
      <c r="H58812" s="1" t="s">
        <v>197567</v>
      </c>
      <c r="I58812" s="1" t="s">
        <v>197236</v>
      </c>
      <c r="J58812" s="1" t="s">
        <v>197579</v>
      </c>
    </row>
    <row r="58813" spans="1:10" x14ac:dyDescent="0.35">
      <c r="A58813" s="1" t="s">
        <v>146247</v>
      </c>
      <c r="B58813" s="1" t="s">
        <v>197230</v>
      </c>
      <c r="C58813" s="1" t="s">
        <v>35</v>
      </c>
      <c r="D58813" s="1" t="s">
        <v>141813</v>
      </c>
      <c r="E58813" s="1" t="s">
        <v>197580</v>
      </c>
      <c r="F58813" s="1" t="s">
        <v>197581</v>
      </c>
      <c r="G58813" s="1" t="s">
        <v>197566</v>
      </c>
      <c r="H58813" s="1" t="s">
        <v>197567</v>
      </c>
      <c r="I58813" s="1" t="s">
        <v>197236</v>
      </c>
      <c r="J58813" s="1" t="s">
        <v>197582</v>
      </c>
    </row>
    <row r="58814" spans="1:10" x14ac:dyDescent="0.35">
      <c r="A58814" s="1" t="s">
        <v>146247</v>
      </c>
      <c r="B58814" s="1" t="s">
        <v>197230</v>
      </c>
      <c r="C58814" s="1" t="s">
        <v>40</v>
      </c>
      <c r="D58814" s="1" t="s">
        <v>3401</v>
      </c>
      <c r="E58814" s="1" t="s">
        <v>197583</v>
      </c>
      <c r="F58814" s="1" t="s">
        <v>197584</v>
      </c>
      <c r="G58814" s="1" t="s">
        <v>197566</v>
      </c>
      <c r="H58814" s="1" t="s">
        <v>197567</v>
      </c>
      <c r="I58814" s="1" t="s">
        <v>197236</v>
      </c>
      <c r="J58814" s="1" t="s">
        <v>197585</v>
      </c>
    </row>
    <row r="58815" spans="1:10" x14ac:dyDescent="0.35">
      <c r="A58815" s="1" t="s">
        <v>146247</v>
      </c>
      <c r="B58815" s="1" t="s">
        <v>197230</v>
      </c>
      <c r="C58815" s="1" t="s">
        <v>45</v>
      </c>
      <c r="D58815" s="1" t="s">
        <v>181924</v>
      </c>
      <c r="E58815" s="1" t="s">
        <v>197586</v>
      </c>
      <c r="F58815" s="1" t="s">
        <v>197587</v>
      </c>
      <c r="G58815" s="1" t="s">
        <v>197566</v>
      </c>
      <c r="H58815" s="1" t="s">
        <v>197567</v>
      </c>
      <c r="I58815" s="1" t="s">
        <v>197236</v>
      </c>
      <c r="J58815" s="1" t="s">
        <v>197588</v>
      </c>
    </row>
    <row r="58816" spans="1:10" x14ac:dyDescent="0.35">
      <c r="A58816" s="1" t="s">
        <v>146247</v>
      </c>
      <c r="B58816" s="1" t="s">
        <v>197230</v>
      </c>
      <c r="C58816" s="1" t="s">
        <v>50</v>
      </c>
      <c r="D58816" s="1" t="s">
        <v>135884</v>
      </c>
      <c r="E58816" s="1" t="s">
        <v>197589</v>
      </c>
      <c r="F58816" s="1" t="s">
        <v>197590</v>
      </c>
      <c r="G58816" s="1" t="s">
        <v>197566</v>
      </c>
      <c r="H58816" s="1" t="s">
        <v>197567</v>
      </c>
      <c r="I58816" s="1" t="s">
        <v>197236</v>
      </c>
      <c r="J58816" s="1" t="s">
        <v>197263</v>
      </c>
    </row>
    <row r="58817" spans="1:10" x14ac:dyDescent="0.35">
      <c r="A58817" s="1" t="s">
        <v>146247</v>
      </c>
      <c r="B58817" s="1" t="s">
        <v>197230</v>
      </c>
      <c r="C58817" s="1" t="s">
        <v>55</v>
      </c>
      <c r="D58817" s="1" t="s">
        <v>37554</v>
      </c>
      <c r="E58817" s="1" t="s">
        <v>197591</v>
      </c>
      <c r="F58817" s="1" t="s">
        <v>197592</v>
      </c>
      <c r="G58817" s="1" t="s">
        <v>197566</v>
      </c>
      <c r="H58817" s="1" t="s">
        <v>197567</v>
      </c>
      <c r="I58817" s="1" t="s">
        <v>197236</v>
      </c>
      <c r="J58817" s="1" t="s">
        <v>197267</v>
      </c>
    </row>
    <row r="58818" spans="1:10" x14ac:dyDescent="0.35">
      <c r="A58818" s="1" t="s">
        <v>146247</v>
      </c>
      <c r="B58818" s="1" t="s">
        <v>197230</v>
      </c>
      <c r="C58818" s="1" t="s">
        <v>60</v>
      </c>
      <c r="D58818" s="1" t="s">
        <v>237</v>
      </c>
      <c r="E58818" s="1" t="s">
        <v>197593</v>
      </c>
      <c r="F58818" s="1" t="s">
        <v>197594</v>
      </c>
      <c r="G58818" s="1" t="s">
        <v>197566</v>
      </c>
      <c r="H58818" s="1" t="s">
        <v>197567</v>
      </c>
      <c r="I58818" s="1" t="s">
        <v>197236</v>
      </c>
      <c r="J58818" s="1" t="s">
        <v>197595</v>
      </c>
    </row>
    <row r="58819" spans="1:10" x14ac:dyDescent="0.35">
      <c r="A58819" s="1" t="s">
        <v>146247</v>
      </c>
      <c r="B58819" s="1" t="s">
        <v>197230</v>
      </c>
      <c r="C58819" s="1" t="s">
        <v>65</v>
      </c>
      <c r="D58819" s="1" t="s">
        <v>9678</v>
      </c>
      <c r="E58819" s="1" t="s">
        <v>197596</v>
      </c>
      <c r="F58819" s="1" t="s">
        <v>197597</v>
      </c>
      <c r="G58819" s="1" t="s">
        <v>197566</v>
      </c>
      <c r="H58819" s="1" t="s">
        <v>197567</v>
      </c>
      <c r="I58819" s="1" t="s">
        <v>197236</v>
      </c>
      <c r="J58819" s="1" t="s">
        <v>197598</v>
      </c>
    </row>
    <row r="58820" spans="1:10" x14ac:dyDescent="0.35">
      <c r="A58820" s="1" t="s">
        <v>146247</v>
      </c>
      <c r="B58820" s="1" t="s">
        <v>197230</v>
      </c>
      <c r="C58820" s="1" t="s">
        <v>70</v>
      </c>
      <c r="D58820" s="1" t="s">
        <v>73112</v>
      </c>
      <c r="E58820" s="1" t="s">
        <v>197599</v>
      </c>
      <c r="F58820" s="1" t="s">
        <v>197600</v>
      </c>
      <c r="G58820" s="1" t="s">
        <v>197566</v>
      </c>
      <c r="H58820" s="1" t="s">
        <v>197567</v>
      </c>
      <c r="I58820" s="1" t="s">
        <v>197236</v>
      </c>
      <c r="J58820" s="1" t="s">
        <v>197601</v>
      </c>
    </row>
    <row r="58821" spans="1:10" x14ac:dyDescent="0.35">
      <c r="A58821" s="1" t="s">
        <v>146247</v>
      </c>
      <c r="B58821" s="1" t="s">
        <v>197230</v>
      </c>
      <c r="C58821" s="1" t="s">
        <v>75</v>
      </c>
      <c r="D58821" s="1" t="s">
        <v>158278</v>
      </c>
      <c r="E58821" s="1" t="s">
        <v>197602</v>
      </c>
      <c r="F58821" s="1" t="s">
        <v>197603</v>
      </c>
      <c r="G58821" s="1" t="s">
        <v>197566</v>
      </c>
      <c r="H58821" s="1" t="s">
        <v>197567</v>
      </c>
      <c r="I58821" s="1" t="s">
        <v>197236</v>
      </c>
      <c r="J58821" s="1" t="s">
        <v>197604</v>
      </c>
    </row>
    <row r="58822" spans="1:10" x14ac:dyDescent="0.35">
      <c r="A58822" s="1" t="s">
        <v>146247</v>
      </c>
      <c r="B58822" s="1" t="s">
        <v>197230</v>
      </c>
      <c r="C58822" s="1" t="s">
        <v>80</v>
      </c>
      <c r="D58822" s="1" t="s">
        <v>17813</v>
      </c>
      <c r="E58822" s="1" t="s">
        <v>197605</v>
      </c>
      <c r="F58822" s="1" t="s">
        <v>197606</v>
      </c>
      <c r="G58822" s="1" t="s">
        <v>197566</v>
      </c>
      <c r="H58822" s="1" t="s">
        <v>197567</v>
      </c>
      <c r="I58822" s="1" t="s">
        <v>197236</v>
      </c>
      <c r="J58822" s="1" t="s">
        <v>197607</v>
      </c>
    </row>
    <row r="58823" spans="1:10" x14ac:dyDescent="0.35">
      <c r="A58823" s="1" t="s">
        <v>146247</v>
      </c>
      <c r="B58823" s="1" t="s">
        <v>197230</v>
      </c>
      <c r="C58823" s="1" t="s">
        <v>85</v>
      </c>
      <c r="D58823" s="1" t="s">
        <v>37510</v>
      </c>
      <c r="E58823" s="1" t="s">
        <v>197608</v>
      </c>
      <c r="F58823" s="1" t="s">
        <v>197609</v>
      </c>
      <c r="G58823" s="1" t="s">
        <v>197566</v>
      </c>
      <c r="H58823" s="1" t="s">
        <v>197567</v>
      </c>
      <c r="I58823" s="1" t="s">
        <v>197236</v>
      </c>
      <c r="J58823" s="1" t="s">
        <v>197610</v>
      </c>
    </row>
    <row r="58824" spans="1:10" x14ac:dyDescent="0.35">
      <c r="A58824" s="1" t="s">
        <v>146247</v>
      </c>
      <c r="B58824" s="1" t="s">
        <v>197230</v>
      </c>
      <c r="C58824" s="1" t="s">
        <v>90</v>
      </c>
      <c r="D58824" s="1" t="s">
        <v>37054</v>
      </c>
      <c r="E58824" s="1" t="s">
        <v>197611</v>
      </c>
      <c r="F58824" s="1" t="s">
        <v>197612</v>
      </c>
      <c r="G58824" s="1" t="s">
        <v>197566</v>
      </c>
      <c r="H58824" s="1" t="s">
        <v>197567</v>
      </c>
      <c r="I58824" s="1" t="s">
        <v>197236</v>
      </c>
      <c r="J58824" s="1" t="s">
        <v>197613</v>
      </c>
    </row>
    <row r="58825" spans="1:10" x14ac:dyDescent="0.35">
      <c r="A58825" s="1" t="s">
        <v>146247</v>
      </c>
      <c r="B58825" s="1" t="s">
        <v>197230</v>
      </c>
      <c r="C58825" s="1" t="s">
        <v>95</v>
      </c>
      <c r="D58825" s="1" t="s">
        <v>49840</v>
      </c>
      <c r="E58825" s="1" t="s">
        <v>197614</v>
      </c>
      <c r="F58825" s="1" t="s">
        <v>197615</v>
      </c>
      <c r="G58825" s="1" t="s">
        <v>197566</v>
      </c>
      <c r="H58825" s="1" t="s">
        <v>197567</v>
      </c>
      <c r="I58825" s="1" t="s">
        <v>197236</v>
      </c>
      <c r="J58825" s="1" t="s">
        <v>197616</v>
      </c>
    </row>
    <row r="58826" spans="1:10" x14ac:dyDescent="0.35">
      <c r="A58826" s="1" t="s">
        <v>146247</v>
      </c>
      <c r="B58826" s="1" t="s">
        <v>197230</v>
      </c>
      <c r="C58826" s="1" t="s">
        <v>100</v>
      </c>
      <c r="D58826" s="1" t="s">
        <v>197617</v>
      </c>
      <c r="E58826" s="1" t="s">
        <v>197618</v>
      </c>
      <c r="F58826" s="1" t="s">
        <v>197619</v>
      </c>
      <c r="G58826" s="1" t="s">
        <v>197566</v>
      </c>
      <c r="H58826" s="1" t="s">
        <v>197567</v>
      </c>
      <c r="I58826" s="1" t="s">
        <v>197236</v>
      </c>
      <c r="J58826" s="1" t="s">
        <v>197620</v>
      </c>
    </row>
    <row r="58827" spans="1:10" x14ac:dyDescent="0.35">
      <c r="A58827" s="1" t="s">
        <v>146247</v>
      </c>
      <c r="B58827" s="1" t="s">
        <v>197230</v>
      </c>
      <c r="C58827" s="1" t="s">
        <v>105</v>
      </c>
      <c r="D58827" s="1" t="s">
        <v>197621</v>
      </c>
      <c r="E58827" s="1" t="s">
        <v>197622</v>
      </c>
      <c r="F58827" s="1" t="s">
        <v>197623</v>
      </c>
      <c r="G58827" s="1" t="s">
        <v>197566</v>
      </c>
      <c r="H58827" s="1" t="s">
        <v>197567</v>
      </c>
      <c r="I58827" s="1" t="s">
        <v>197236</v>
      </c>
      <c r="J58827" s="1" t="s">
        <v>197624</v>
      </c>
    </row>
    <row r="58828" spans="1:10" x14ac:dyDescent="0.35">
      <c r="A58828" s="1" t="s">
        <v>146247</v>
      </c>
      <c r="B58828" s="1" t="s">
        <v>197230</v>
      </c>
      <c r="C58828" s="1" t="s">
        <v>110</v>
      </c>
      <c r="D58828" s="1" t="s">
        <v>73483</v>
      </c>
      <c r="E58828" s="1" t="s">
        <v>197625</v>
      </c>
      <c r="F58828" s="1" t="s">
        <v>197626</v>
      </c>
      <c r="G58828" s="1" t="s">
        <v>197566</v>
      </c>
      <c r="H58828" s="1" t="s">
        <v>197567</v>
      </c>
      <c r="I58828" s="1" t="s">
        <v>197236</v>
      </c>
      <c r="J58828" s="1" t="s">
        <v>197627</v>
      </c>
    </row>
    <row r="58829" spans="1:10" x14ac:dyDescent="0.35">
      <c r="A58829" s="1" t="s">
        <v>146247</v>
      </c>
      <c r="B58829" s="1" t="s">
        <v>197230</v>
      </c>
      <c r="C58829" s="1" t="s">
        <v>115</v>
      </c>
      <c r="D58829" s="1" t="s">
        <v>197628</v>
      </c>
      <c r="E58829" s="1" t="s">
        <v>197629</v>
      </c>
      <c r="F58829" s="1" t="s">
        <v>197630</v>
      </c>
      <c r="G58829" s="1" t="s">
        <v>197566</v>
      </c>
      <c r="H58829" s="1" t="s">
        <v>197567</v>
      </c>
      <c r="I58829" s="1" t="s">
        <v>197236</v>
      </c>
      <c r="J58829" s="1" t="s">
        <v>197631</v>
      </c>
    </row>
    <row r="58830" spans="1:10" x14ac:dyDescent="0.35">
      <c r="A58830" s="1" t="s">
        <v>146247</v>
      </c>
      <c r="B58830" s="1" t="s">
        <v>197230</v>
      </c>
      <c r="C58830" s="1" t="s">
        <v>120</v>
      </c>
      <c r="D58830" s="1" t="s">
        <v>11201</v>
      </c>
      <c r="E58830" s="1" t="s">
        <v>197632</v>
      </c>
      <c r="F58830" s="1" t="s">
        <v>197633</v>
      </c>
      <c r="G58830" s="1" t="s">
        <v>197566</v>
      </c>
      <c r="H58830" s="1" t="s">
        <v>197567</v>
      </c>
      <c r="I58830" s="1" t="s">
        <v>197236</v>
      </c>
      <c r="J58830" s="1" t="s">
        <v>197634</v>
      </c>
    </row>
    <row r="58831" spans="1:10" x14ac:dyDescent="0.35">
      <c r="A58831" s="1" t="s">
        <v>146247</v>
      </c>
      <c r="B58831" s="1" t="s">
        <v>197230</v>
      </c>
      <c r="C58831" s="1" t="s">
        <v>125</v>
      </c>
      <c r="D58831" s="1" t="s">
        <v>73810</v>
      </c>
      <c r="E58831" s="1" t="s">
        <v>197635</v>
      </c>
      <c r="F58831" s="1" t="s">
        <v>197636</v>
      </c>
      <c r="G58831" s="1" t="s">
        <v>197566</v>
      </c>
      <c r="H58831" s="1" t="s">
        <v>197567</v>
      </c>
      <c r="I58831" s="1" t="s">
        <v>197236</v>
      </c>
      <c r="J58831" s="1" t="s">
        <v>197637</v>
      </c>
    </row>
    <row r="58832" spans="1:10" x14ac:dyDescent="0.35">
      <c r="A58832" s="1" t="s">
        <v>146247</v>
      </c>
      <c r="B58832" s="1" t="s">
        <v>197230</v>
      </c>
      <c r="C58832" s="1" t="s">
        <v>130</v>
      </c>
      <c r="D58832" s="1" t="s">
        <v>197638</v>
      </c>
      <c r="E58832" s="1" t="s">
        <v>197639</v>
      </c>
      <c r="F58832" s="1" t="s">
        <v>197640</v>
      </c>
      <c r="G58832" s="1" t="s">
        <v>197566</v>
      </c>
      <c r="H58832" s="1" t="s">
        <v>197567</v>
      </c>
      <c r="I58832" s="1" t="s">
        <v>197236</v>
      </c>
      <c r="J58832" s="1" t="s">
        <v>197641</v>
      </c>
    </row>
    <row r="58833" spans="1:10" x14ac:dyDescent="0.35">
      <c r="A58833" s="1" t="s">
        <v>146247</v>
      </c>
      <c r="B58833" s="1" t="s">
        <v>197230</v>
      </c>
      <c r="C58833" s="1" t="s">
        <v>135</v>
      </c>
      <c r="D58833" s="1" t="s">
        <v>10413</v>
      </c>
      <c r="E58833" s="1" t="s">
        <v>197642</v>
      </c>
      <c r="F58833" s="1" t="s">
        <v>197643</v>
      </c>
      <c r="G58833" s="1" t="s">
        <v>197566</v>
      </c>
      <c r="H58833" s="1" t="s">
        <v>197567</v>
      </c>
      <c r="I58833" s="1" t="s">
        <v>197236</v>
      </c>
      <c r="J58833" s="1" t="s">
        <v>197644</v>
      </c>
    </row>
    <row r="58834" spans="1:10" x14ac:dyDescent="0.35">
      <c r="A58834" s="1" t="s">
        <v>146247</v>
      </c>
      <c r="B58834" s="1" t="s">
        <v>197230</v>
      </c>
      <c r="C58834" s="1" t="s">
        <v>140</v>
      </c>
      <c r="D58834" s="1" t="s">
        <v>117611</v>
      </c>
      <c r="E58834" s="1" t="s">
        <v>197645</v>
      </c>
      <c r="F58834" s="1" t="s">
        <v>197646</v>
      </c>
      <c r="G58834" s="1" t="s">
        <v>197566</v>
      </c>
      <c r="H58834" s="1" t="s">
        <v>197567</v>
      </c>
      <c r="I58834" s="1" t="s">
        <v>197236</v>
      </c>
      <c r="J58834" s="1" t="s">
        <v>197647</v>
      </c>
    </row>
    <row r="58835" spans="1:10" x14ac:dyDescent="0.35">
      <c r="A58835" s="1" t="s">
        <v>146247</v>
      </c>
      <c r="B58835" s="1" t="s">
        <v>197230</v>
      </c>
      <c r="C58835" s="1" t="s">
        <v>145</v>
      </c>
      <c r="D58835" s="1" t="s">
        <v>33965</v>
      </c>
      <c r="E58835" s="1" t="s">
        <v>197648</v>
      </c>
      <c r="F58835" s="1" t="s">
        <v>197649</v>
      </c>
      <c r="G58835" s="1" t="s">
        <v>197566</v>
      </c>
      <c r="H58835" s="1" t="s">
        <v>197567</v>
      </c>
      <c r="I58835" s="1" t="s">
        <v>197236</v>
      </c>
      <c r="J58835" s="1" t="s">
        <v>197650</v>
      </c>
    </row>
    <row r="58836" spans="1:10" x14ac:dyDescent="0.35">
      <c r="A58836" s="1" t="s">
        <v>146247</v>
      </c>
      <c r="B58836" s="1" t="s">
        <v>197230</v>
      </c>
      <c r="C58836" s="1" t="s">
        <v>150</v>
      </c>
      <c r="D58836" s="1" t="s">
        <v>44835</v>
      </c>
      <c r="E58836" s="1" t="s">
        <v>197651</v>
      </c>
      <c r="F58836" s="1" t="s">
        <v>197652</v>
      </c>
      <c r="G58836" s="1" t="s">
        <v>197566</v>
      </c>
      <c r="H58836" s="1" t="s">
        <v>197567</v>
      </c>
      <c r="I58836" s="1" t="s">
        <v>197236</v>
      </c>
      <c r="J58836" s="1" t="s">
        <v>197653</v>
      </c>
    </row>
    <row r="58837" spans="1:10" x14ac:dyDescent="0.35">
      <c r="A58837" s="1" t="s">
        <v>146247</v>
      </c>
      <c r="B58837" s="1" t="s">
        <v>197230</v>
      </c>
      <c r="C58837" s="1" t="s">
        <v>155</v>
      </c>
      <c r="D58837" s="1" t="s">
        <v>197654</v>
      </c>
      <c r="E58837" s="1" t="s">
        <v>197655</v>
      </c>
      <c r="F58837" s="1" t="s">
        <v>197656</v>
      </c>
      <c r="G58837" s="1" t="s">
        <v>197566</v>
      </c>
      <c r="H58837" s="1" t="s">
        <v>197567</v>
      </c>
      <c r="I58837" s="1" t="s">
        <v>197236</v>
      </c>
      <c r="J58837" s="1" t="s">
        <v>197657</v>
      </c>
    </row>
    <row r="58838" spans="1:10" x14ac:dyDescent="0.35">
      <c r="A58838" s="1" t="s">
        <v>146247</v>
      </c>
      <c r="B58838" s="1" t="s">
        <v>197230</v>
      </c>
      <c r="C58838" s="1" t="s">
        <v>160</v>
      </c>
      <c r="D58838" s="1" t="s">
        <v>197658</v>
      </c>
      <c r="E58838" s="1" t="s">
        <v>197659</v>
      </c>
      <c r="F58838" s="1" t="s">
        <v>197660</v>
      </c>
      <c r="G58838" s="1" t="s">
        <v>197566</v>
      </c>
      <c r="H58838" s="1" t="s">
        <v>197567</v>
      </c>
      <c r="I58838" s="1" t="s">
        <v>197236</v>
      </c>
      <c r="J58838" s="1" t="s">
        <v>197661</v>
      </c>
    </row>
    <row r="58839" spans="1:10" x14ac:dyDescent="0.35">
      <c r="A58839" s="1" t="s">
        <v>146247</v>
      </c>
      <c r="B58839" s="1" t="s">
        <v>197230</v>
      </c>
      <c r="C58839" s="1" t="s">
        <v>165</v>
      </c>
      <c r="D58839" s="1" t="s">
        <v>33073</v>
      </c>
      <c r="E58839" s="1" t="s">
        <v>197662</v>
      </c>
      <c r="F58839" s="1" t="s">
        <v>197663</v>
      </c>
      <c r="G58839" s="1" t="s">
        <v>197566</v>
      </c>
      <c r="H58839" s="1" t="s">
        <v>197567</v>
      </c>
      <c r="I58839" s="1" t="s">
        <v>197236</v>
      </c>
      <c r="J58839" s="1" t="s">
        <v>197664</v>
      </c>
    </row>
    <row r="58840" spans="1:10" x14ac:dyDescent="0.35">
      <c r="A58840" s="1" t="s">
        <v>146247</v>
      </c>
      <c r="B58840" s="1" t="s">
        <v>197230</v>
      </c>
      <c r="C58840" s="1" t="s">
        <v>170</v>
      </c>
      <c r="D58840" s="1" t="s">
        <v>156084</v>
      </c>
      <c r="E58840" s="1" t="s">
        <v>197665</v>
      </c>
      <c r="F58840" s="1" t="s">
        <v>197666</v>
      </c>
      <c r="G58840" s="1" t="s">
        <v>197566</v>
      </c>
      <c r="H58840" s="1" t="s">
        <v>197567</v>
      </c>
      <c r="I58840" s="1" t="s">
        <v>197236</v>
      </c>
      <c r="J58840" s="1" t="s">
        <v>197667</v>
      </c>
    </row>
    <row r="58841" spans="1:10" x14ac:dyDescent="0.35">
      <c r="A58841" s="1" t="s">
        <v>10274</v>
      </c>
      <c r="B58841" s="1" t="s">
        <v>197668</v>
      </c>
      <c r="C58841" s="1" t="s">
        <v>8</v>
      </c>
      <c r="D58841" s="1" t="s">
        <v>71659</v>
      </c>
      <c r="E58841" s="1" t="s">
        <v>197669</v>
      </c>
      <c r="F58841" s="1" t="s">
        <v>197670</v>
      </c>
      <c r="G58841" s="1" t="s">
        <v>197671</v>
      </c>
      <c r="H58841" s="1" t="s">
        <v>197672</v>
      </c>
      <c r="I58841" s="1" t="s">
        <v>197673</v>
      </c>
      <c r="J58841" s="1" t="s">
        <v>13</v>
      </c>
    </row>
    <row r="58842" spans="1:10" x14ac:dyDescent="0.35">
      <c r="A58842" s="1" t="s">
        <v>10274</v>
      </c>
      <c r="B58842" s="1" t="s">
        <v>197668</v>
      </c>
      <c r="C58842" s="1" t="s">
        <v>15</v>
      </c>
      <c r="D58842" s="1" t="s">
        <v>197674</v>
      </c>
      <c r="E58842" s="1" t="s">
        <v>197675</v>
      </c>
      <c r="F58842" s="1" t="s">
        <v>197676</v>
      </c>
      <c r="G58842" s="1" t="s">
        <v>197671</v>
      </c>
      <c r="H58842" s="1" t="s">
        <v>197672</v>
      </c>
      <c r="I58842" s="1" t="s">
        <v>197673</v>
      </c>
      <c r="J58842" s="1" t="s">
        <v>197677</v>
      </c>
    </row>
    <row r="58843" spans="1:10" x14ac:dyDescent="0.35">
      <c r="A58843" s="1" t="s">
        <v>10274</v>
      </c>
      <c r="B58843" s="1" t="s">
        <v>197668</v>
      </c>
      <c r="C58843" s="1" t="s">
        <v>20</v>
      </c>
      <c r="D58843" s="1" t="s">
        <v>38878</v>
      </c>
      <c r="E58843" s="1" t="s">
        <v>197678</v>
      </c>
      <c r="F58843" s="1" t="s">
        <v>197679</v>
      </c>
      <c r="G58843" s="1" t="s">
        <v>197671</v>
      </c>
      <c r="H58843" s="1" t="s">
        <v>197672</v>
      </c>
      <c r="I58843" s="1" t="s">
        <v>197673</v>
      </c>
      <c r="J58843" s="1" t="s">
        <v>197680</v>
      </c>
    </row>
    <row r="58844" spans="1:10" x14ac:dyDescent="0.35">
      <c r="A58844" s="1" t="s">
        <v>10274</v>
      </c>
      <c r="B58844" s="1" t="s">
        <v>197668</v>
      </c>
      <c r="C58844" s="1" t="s">
        <v>25</v>
      </c>
      <c r="D58844" s="1" t="s">
        <v>197681</v>
      </c>
      <c r="E58844" s="1" t="s">
        <v>197682</v>
      </c>
      <c r="F58844" s="1" t="s">
        <v>197683</v>
      </c>
      <c r="G58844" s="1" t="s">
        <v>197671</v>
      </c>
      <c r="H58844" s="1" t="s">
        <v>197672</v>
      </c>
      <c r="I58844" s="1" t="s">
        <v>197673</v>
      </c>
      <c r="J58844" s="1" t="s">
        <v>197684</v>
      </c>
    </row>
    <row r="58845" spans="1:10" x14ac:dyDescent="0.35">
      <c r="A58845" s="1" t="s">
        <v>10274</v>
      </c>
      <c r="B58845" s="1" t="s">
        <v>197668</v>
      </c>
      <c r="C58845" s="1" t="s">
        <v>30</v>
      </c>
      <c r="D58845" s="1" t="s">
        <v>142242</v>
      </c>
      <c r="E58845" s="1" t="s">
        <v>197685</v>
      </c>
      <c r="F58845" s="1" t="s">
        <v>197686</v>
      </c>
      <c r="G58845" s="1" t="s">
        <v>197671</v>
      </c>
      <c r="H58845" s="1" t="s">
        <v>197672</v>
      </c>
      <c r="I58845" s="1" t="s">
        <v>197673</v>
      </c>
      <c r="J58845" s="1" t="s">
        <v>197687</v>
      </c>
    </row>
    <row r="58846" spans="1:10" x14ac:dyDescent="0.35">
      <c r="A58846" s="1" t="s">
        <v>10274</v>
      </c>
      <c r="B58846" s="1" t="s">
        <v>197668</v>
      </c>
      <c r="C58846" s="1" t="s">
        <v>35</v>
      </c>
      <c r="D58846" s="1" t="s">
        <v>187297</v>
      </c>
      <c r="E58846" s="1" t="s">
        <v>197688</v>
      </c>
      <c r="F58846" s="1" t="s">
        <v>197689</v>
      </c>
      <c r="G58846" s="1" t="s">
        <v>197671</v>
      </c>
      <c r="H58846" s="1" t="s">
        <v>197672</v>
      </c>
      <c r="I58846" s="1" t="s">
        <v>197673</v>
      </c>
      <c r="J58846" s="1" t="s">
        <v>197690</v>
      </c>
    </row>
    <row r="58847" spans="1:10" x14ac:dyDescent="0.35">
      <c r="A58847" s="1" t="s">
        <v>10274</v>
      </c>
      <c r="B58847" s="1" t="s">
        <v>197668</v>
      </c>
      <c r="C58847" s="1" t="s">
        <v>40</v>
      </c>
      <c r="D58847" s="1" t="s">
        <v>197691</v>
      </c>
      <c r="E58847" s="1" t="s">
        <v>197692</v>
      </c>
      <c r="F58847" s="1" t="s">
        <v>197693</v>
      </c>
      <c r="G58847" s="1" t="s">
        <v>197671</v>
      </c>
      <c r="H58847" s="1" t="s">
        <v>197672</v>
      </c>
      <c r="I58847" s="1" t="s">
        <v>197673</v>
      </c>
      <c r="J58847" s="1" t="s">
        <v>197694</v>
      </c>
    </row>
    <row r="58848" spans="1:10" x14ac:dyDescent="0.35">
      <c r="A58848" s="1" t="s">
        <v>10274</v>
      </c>
      <c r="B58848" s="1" t="s">
        <v>197668</v>
      </c>
      <c r="C58848" s="1" t="s">
        <v>45</v>
      </c>
      <c r="D58848" s="1" t="s">
        <v>82558</v>
      </c>
      <c r="E58848" s="1" t="s">
        <v>197695</v>
      </c>
      <c r="F58848" s="1" t="s">
        <v>197696</v>
      </c>
      <c r="G58848" s="1" t="s">
        <v>197671</v>
      </c>
      <c r="H58848" s="1" t="s">
        <v>197672</v>
      </c>
      <c r="I58848" s="1" t="s">
        <v>197673</v>
      </c>
      <c r="J58848" s="1" t="s">
        <v>197697</v>
      </c>
    </row>
    <row r="58849" spans="1:10" x14ac:dyDescent="0.35">
      <c r="A58849" s="1" t="s">
        <v>10274</v>
      </c>
      <c r="B58849" s="1" t="s">
        <v>197668</v>
      </c>
      <c r="C58849" s="1" t="s">
        <v>50</v>
      </c>
      <c r="D58849" s="1" t="s">
        <v>38436</v>
      </c>
      <c r="E58849" s="1" t="s">
        <v>197698</v>
      </c>
      <c r="F58849" s="1" t="s">
        <v>197699</v>
      </c>
      <c r="G58849" s="1" t="s">
        <v>197671</v>
      </c>
      <c r="H58849" s="1" t="s">
        <v>197672</v>
      </c>
      <c r="I58849" s="1" t="s">
        <v>197673</v>
      </c>
      <c r="J58849" s="1" t="s">
        <v>197700</v>
      </c>
    </row>
    <row r="58850" spans="1:10" x14ac:dyDescent="0.35">
      <c r="A58850" s="1" t="s">
        <v>10274</v>
      </c>
      <c r="B58850" s="1" t="s">
        <v>197668</v>
      </c>
      <c r="C58850" s="1" t="s">
        <v>55</v>
      </c>
      <c r="D58850" s="1" t="s">
        <v>197701</v>
      </c>
      <c r="E58850" s="1" t="s">
        <v>197702</v>
      </c>
      <c r="F58850" s="1" t="s">
        <v>197703</v>
      </c>
      <c r="G58850" s="1" t="s">
        <v>197671</v>
      </c>
      <c r="H58850" s="1" t="s">
        <v>197672</v>
      </c>
      <c r="I58850" s="1" t="s">
        <v>197673</v>
      </c>
      <c r="J58850" s="1" t="s">
        <v>197704</v>
      </c>
    </row>
    <row r="58851" spans="1:10" x14ac:dyDescent="0.35">
      <c r="A58851" s="1" t="s">
        <v>10274</v>
      </c>
      <c r="B58851" s="1" t="s">
        <v>197668</v>
      </c>
      <c r="C58851" s="1" t="s">
        <v>60</v>
      </c>
      <c r="D58851" s="1" t="s">
        <v>197705</v>
      </c>
      <c r="E58851" s="1" t="s">
        <v>197706</v>
      </c>
      <c r="F58851" s="1" t="s">
        <v>197707</v>
      </c>
      <c r="G58851" s="1" t="s">
        <v>197671</v>
      </c>
      <c r="H58851" s="1" t="s">
        <v>197672</v>
      </c>
      <c r="I58851" s="1" t="s">
        <v>197673</v>
      </c>
      <c r="J58851" s="1" t="s">
        <v>197708</v>
      </c>
    </row>
    <row r="58852" spans="1:10" x14ac:dyDescent="0.35">
      <c r="A58852" s="1" t="s">
        <v>10274</v>
      </c>
      <c r="B58852" s="1" t="s">
        <v>197668</v>
      </c>
      <c r="C58852" s="1" t="s">
        <v>65</v>
      </c>
      <c r="D58852" s="1" t="s">
        <v>197709</v>
      </c>
      <c r="E58852" s="1" t="s">
        <v>197710</v>
      </c>
      <c r="F58852" s="1" t="s">
        <v>197711</v>
      </c>
      <c r="G58852" s="1" t="s">
        <v>197671</v>
      </c>
      <c r="H58852" s="1" t="s">
        <v>197672</v>
      </c>
      <c r="I58852" s="1" t="s">
        <v>197673</v>
      </c>
      <c r="J58852" s="1" t="s">
        <v>197712</v>
      </c>
    </row>
    <row r="58853" spans="1:10" x14ac:dyDescent="0.35">
      <c r="A58853" s="1" t="s">
        <v>10274</v>
      </c>
      <c r="B58853" s="1" t="s">
        <v>197668</v>
      </c>
      <c r="C58853" s="1" t="s">
        <v>70</v>
      </c>
      <c r="D58853" s="1" t="s">
        <v>172521</v>
      </c>
      <c r="E58853" s="1" t="s">
        <v>197713</v>
      </c>
      <c r="F58853" s="1" t="s">
        <v>197714</v>
      </c>
      <c r="G58853" s="1" t="s">
        <v>197671</v>
      </c>
      <c r="H58853" s="1" t="s">
        <v>197672</v>
      </c>
      <c r="I58853" s="1" t="s">
        <v>197673</v>
      </c>
      <c r="J58853" s="1" t="s">
        <v>197715</v>
      </c>
    </row>
    <row r="58854" spans="1:10" x14ac:dyDescent="0.35">
      <c r="A58854" s="1" t="s">
        <v>10274</v>
      </c>
      <c r="B58854" s="1" t="s">
        <v>197668</v>
      </c>
      <c r="C58854" s="1" t="s">
        <v>75</v>
      </c>
      <c r="D58854" s="1" t="s">
        <v>187479</v>
      </c>
      <c r="E58854" s="1" t="s">
        <v>197716</v>
      </c>
      <c r="F58854" s="1" t="s">
        <v>197717</v>
      </c>
      <c r="G58854" s="1" t="s">
        <v>197671</v>
      </c>
      <c r="H58854" s="1" t="s">
        <v>197672</v>
      </c>
      <c r="I58854" s="1" t="s">
        <v>197673</v>
      </c>
      <c r="J58854" s="1" t="s">
        <v>197718</v>
      </c>
    </row>
    <row r="58855" spans="1:10" x14ac:dyDescent="0.35">
      <c r="A58855" s="1" t="s">
        <v>10274</v>
      </c>
      <c r="B58855" s="1" t="s">
        <v>197668</v>
      </c>
      <c r="C58855" s="1" t="s">
        <v>80</v>
      </c>
      <c r="D58855" s="1" t="s">
        <v>197719</v>
      </c>
      <c r="E58855" s="1" t="s">
        <v>197720</v>
      </c>
      <c r="F58855" s="1" t="s">
        <v>197721</v>
      </c>
      <c r="G58855" s="1" t="s">
        <v>197671</v>
      </c>
      <c r="H58855" s="1" t="s">
        <v>197672</v>
      </c>
      <c r="I58855" s="1" t="s">
        <v>197673</v>
      </c>
      <c r="J58855" s="1" t="s">
        <v>197722</v>
      </c>
    </row>
    <row r="58856" spans="1:10" x14ac:dyDescent="0.35">
      <c r="A58856" s="1" t="s">
        <v>10274</v>
      </c>
      <c r="B58856" s="1" t="s">
        <v>197668</v>
      </c>
      <c r="C58856" s="1" t="s">
        <v>85</v>
      </c>
      <c r="D58856" s="1" t="s">
        <v>197723</v>
      </c>
      <c r="E58856" s="1" t="s">
        <v>197724</v>
      </c>
      <c r="F58856" s="1" t="s">
        <v>197725</v>
      </c>
      <c r="G58856" s="1" t="s">
        <v>197671</v>
      </c>
      <c r="H58856" s="1" t="s">
        <v>197672</v>
      </c>
      <c r="I58856" s="1" t="s">
        <v>197673</v>
      </c>
      <c r="J58856" s="1" t="s">
        <v>197726</v>
      </c>
    </row>
    <row r="58857" spans="1:10" x14ac:dyDescent="0.35">
      <c r="A58857" s="1" t="s">
        <v>10274</v>
      </c>
      <c r="B58857" s="1" t="s">
        <v>197668</v>
      </c>
      <c r="C58857" s="1" t="s">
        <v>90</v>
      </c>
      <c r="D58857" s="1" t="s">
        <v>197727</v>
      </c>
      <c r="E58857" s="1" t="s">
        <v>197728</v>
      </c>
      <c r="F58857" s="1" t="s">
        <v>197729</v>
      </c>
      <c r="G58857" s="1" t="s">
        <v>197671</v>
      </c>
      <c r="H58857" s="1" t="s">
        <v>197672</v>
      </c>
      <c r="I58857" s="1" t="s">
        <v>197673</v>
      </c>
      <c r="J58857" s="1" t="s">
        <v>197730</v>
      </c>
    </row>
    <row r="58858" spans="1:10" x14ac:dyDescent="0.35">
      <c r="A58858" s="1" t="s">
        <v>10274</v>
      </c>
      <c r="B58858" s="1" t="s">
        <v>197668</v>
      </c>
      <c r="C58858" s="1" t="s">
        <v>95</v>
      </c>
      <c r="D58858" s="1" t="s">
        <v>3196</v>
      </c>
      <c r="E58858" s="1" t="s">
        <v>197731</v>
      </c>
      <c r="F58858" s="1" t="s">
        <v>197732</v>
      </c>
      <c r="G58858" s="1" t="s">
        <v>197671</v>
      </c>
      <c r="H58858" s="1" t="s">
        <v>197672</v>
      </c>
      <c r="I58858" s="1" t="s">
        <v>197673</v>
      </c>
      <c r="J58858" s="1" t="s">
        <v>197733</v>
      </c>
    </row>
    <row r="58859" spans="1:10" x14ac:dyDescent="0.35">
      <c r="A58859" s="1" t="s">
        <v>10274</v>
      </c>
      <c r="B58859" s="1" t="s">
        <v>197668</v>
      </c>
      <c r="C58859" s="1" t="s">
        <v>100</v>
      </c>
      <c r="D58859" s="1" t="s">
        <v>197734</v>
      </c>
      <c r="E58859" s="1" t="s">
        <v>197735</v>
      </c>
      <c r="F58859" s="1" t="s">
        <v>197736</v>
      </c>
      <c r="G58859" s="1" t="s">
        <v>197671</v>
      </c>
      <c r="H58859" s="1" t="s">
        <v>197672</v>
      </c>
      <c r="I58859" s="1" t="s">
        <v>197673</v>
      </c>
      <c r="J58859" s="1" t="s">
        <v>197737</v>
      </c>
    </row>
    <row r="58860" spans="1:10" x14ac:dyDescent="0.35">
      <c r="A58860" s="1" t="s">
        <v>10274</v>
      </c>
      <c r="B58860" s="1" t="s">
        <v>197668</v>
      </c>
      <c r="C58860" s="1" t="s">
        <v>105</v>
      </c>
      <c r="D58860" s="1" t="s">
        <v>197738</v>
      </c>
      <c r="E58860" s="1" t="s">
        <v>197739</v>
      </c>
      <c r="F58860" s="1" t="s">
        <v>197740</v>
      </c>
      <c r="G58860" s="1" t="s">
        <v>197671</v>
      </c>
      <c r="H58860" s="1" t="s">
        <v>197672</v>
      </c>
      <c r="I58860" s="1" t="s">
        <v>197673</v>
      </c>
      <c r="J58860" s="1" t="s">
        <v>197741</v>
      </c>
    </row>
    <row r="58861" spans="1:10" x14ac:dyDescent="0.35">
      <c r="A58861" s="1" t="s">
        <v>10274</v>
      </c>
      <c r="B58861" s="1" t="s">
        <v>197668</v>
      </c>
      <c r="C58861" s="1" t="s">
        <v>110</v>
      </c>
      <c r="D58861" s="1" t="s">
        <v>197742</v>
      </c>
      <c r="E58861" s="1" t="s">
        <v>197743</v>
      </c>
      <c r="F58861" s="1" t="s">
        <v>197744</v>
      </c>
      <c r="G58861" s="1" t="s">
        <v>197671</v>
      </c>
      <c r="H58861" s="1" t="s">
        <v>197672</v>
      </c>
      <c r="I58861" s="1" t="s">
        <v>197673</v>
      </c>
      <c r="J58861" s="1" t="s">
        <v>197745</v>
      </c>
    </row>
    <row r="58862" spans="1:10" x14ac:dyDescent="0.35">
      <c r="A58862" s="1" t="s">
        <v>10274</v>
      </c>
      <c r="B58862" s="1" t="s">
        <v>197668</v>
      </c>
      <c r="C58862" s="1" t="s">
        <v>115</v>
      </c>
      <c r="D58862" s="1" t="s">
        <v>197746</v>
      </c>
      <c r="E58862" s="1" t="s">
        <v>197747</v>
      </c>
      <c r="F58862" s="1" t="s">
        <v>197748</v>
      </c>
      <c r="G58862" s="1" t="s">
        <v>197671</v>
      </c>
      <c r="H58862" s="1" t="s">
        <v>197672</v>
      </c>
      <c r="I58862" s="1" t="s">
        <v>197673</v>
      </c>
      <c r="J58862" s="1" t="s">
        <v>197749</v>
      </c>
    </row>
    <row r="58863" spans="1:10" x14ac:dyDescent="0.35">
      <c r="A58863" s="1" t="s">
        <v>10274</v>
      </c>
      <c r="B58863" s="1" t="s">
        <v>197668</v>
      </c>
      <c r="C58863" s="1" t="s">
        <v>120</v>
      </c>
      <c r="D58863" s="1" t="s">
        <v>142060</v>
      </c>
      <c r="E58863" s="1" t="s">
        <v>197750</v>
      </c>
      <c r="F58863" s="1" t="s">
        <v>197751</v>
      </c>
      <c r="G58863" s="1" t="s">
        <v>197671</v>
      </c>
      <c r="H58863" s="1" t="s">
        <v>197672</v>
      </c>
      <c r="I58863" s="1" t="s">
        <v>197673</v>
      </c>
      <c r="J58863" s="1" t="s">
        <v>197752</v>
      </c>
    </row>
    <row r="58864" spans="1:10" x14ac:dyDescent="0.35">
      <c r="A58864" s="1" t="s">
        <v>10274</v>
      </c>
      <c r="B58864" s="1" t="s">
        <v>197668</v>
      </c>
      <c r="C58864" s="1" t="s">
        <v>125</v>
      </c>
      <c r="D58864" s="1" t="s">
        <v>114811</v>
      </c>
      <c r="E58864" s="1" t="s">
        <v>197753</v>
      </c>
      <c r="F58864" s="1" t="s">
        <v>197754</v>
      </c>
      <c r="G58864" s="1" t="s">
        <v>197671</v>
      </c>
      <c r="H58864" s="1" t="s">
        <v>197672</v>
      </c>
      <c r="I58864" s="1" t="s">
        <v>197673</v>
      </c>
      <c r="J58864" s="1" t="s">
        <v>197755</v>
      </c>
    </row>
    <row r="58865" spans="1:10" x14ac:dyDescent="0.35">
      <c r="A58865" s="1" t="s">
        <v>10274</v>
      </c>
      <c r="B58865" s="1" t="s">
        <v>197668</v>
      </c>
      <c r="C58865" s="1" t="s">
        <v>130</v>
      </c>
      <c r="D58865" s="1" t="s">
        <v>197756</v>
      </c>
      <c r="E58865" s="1" t="s">
        <v>197757</v>
      </c>
      <c r="F58865" s="1" t="s">
        <v>197758</v>
      </c>
      <c r="G58865" s="1" t="s">
        <v>197671</v>
      </c>
      <c r="H58865" s="1" t="s">
        <v>197672</v>
      </c>
      <c r="I58865" s="1" t="s">
        <v>197673</v>
      </c>
      <c r="J58865" s="1" t="s">
        <v>197759</v>
      </c>
    </row>
    <row r="58866" spans="1:10" x14ac:dyDescent="0.35">
      <c r="A58866" s="1" t="s">
        <v>10274</v>
      </c>
      <c r="B58866" s="1" t="s">
        <v>197668</v>
      </c>
      <c r="C58866" s="1" t="s">
        <v>135</v>
      </c>
      <c r="D58866" s="1" t="s">
        <v>18558</v>
      </c>
      <c r="E58866" s="1" t="s">
        <v>197760</v>
      </c>
      <c r="F58866" s="1" t="s">
        <v>197761</v>
      </c>
      <c r="G58866" s="1" t="s">
        <v>197671</v>
      </c>
      <c r="H58866" s="1" t="s">
        <v>197672</v>
      </c>
      <c r="I58866" s="1" t="s">
        <v>197673</v>
      </c>
      <c r="J58866" s="1" t="s">
        <v>197762</v>
      </c>
    </row>
    <row r="58867" spans="1:10" x14ac:dyDescent="0.35">
      <c r="A58867" s="1" t="s">
        <v>10274</v>
      </c>
      <c r="B58867" s="1" t="s">
        <v>197668</v>
      </c>
      <c r="C58867" s="1" t="s">
        <v>140</v>
      </c>
      <c r="D58867" s="1" t="s">
        <v>77320</v>
      </c>
      <c r="E58867" s="1" t="s">
        <v>197763</v>
      </c>
      <c r="F58867" s="1" t="s">
        <v>197764</v>
      </c>
      <c r="G58867" s="1" t="s">
        <v>197671</v>
      </c>
      <c r="H58867" s="1" t="s">
        <v>197672</v>
      </c>
      <c r="I58867" s="1" t="s">
        <v>197673</v>
      </c>
      <c r="J58867" s="1" t="s">
        <v>197765</v>
      </c>
    </row>
    <row r="58868" spans="1:10" x14ac:dyDescent="0.35">
      <c r="A58868" s="1" t="s">
        <v>10274</v>
      </c>
      <c r="B58868" s="1" t="s">
        <v>197668</v>
      </c>
      <c r="C58868" s="1" t="s">
        <v>145</v>
      </c>
      <c r="D58868" s="1" t="s">
        <v>197766</v>
      </c>
      <c r="E58868" s="1" t="s">
        <v>197767</v>
      </c>
      <c r="F58868" s="1" t="s">
        <v>197768</v>
      </c>
      <c r="G58868" s="1" t="s">
        <v>197671</v>
      </c>
      <c r="H58868" s="1" t="s">
        <v>197672</v>
      </c>
      <c r="I58868" s="1" t="s">
        <v>197673</v>
      </c>
      <c r="J58868" s="1" t="s">
        <v>197769</v>
      </c>
    </row>
    <row r="58869" spans="1:10" x14ac:dyDescent="0.35">
      <c r="A58869" s="1" t="s">
        <v>10274</v>
      </c>
      <c r="B58869" s="1" t="s">
        <v>197668</v>
      </c>
      <c r="C58869" s="1" t="s">
        <v>150</v>
      </c>
      <c r="D58869" s="1" t="s">
        <v>108141</v>
      </c>
      <c r="E58869" s="1" t="s">
        <v>197770</v>
      </c>
      <c r="F58869" s="1" t="s">
        <v>197771</v>
      </c>
      <c r="G58869" s="1" t="s">
        <v>197671</v>
      </c>
      <c r="H58869" s="1" t="s">
        <v>197672</v>
      </c>
      <c r="I58869" s="1" t="s">
        <v>197673</v>
      </c>
      <c r="J58869" s="1" t="s">
        <v>197772</v>
      </c>
    </row>
    <row r="58870" spans="1:10" x14ac:dyDescent="0.35">
      <c r="A58870" s="1" t="s">
        <v>10274</v>
      </c>
      <c r="B58870" s="1" t="s">
        <v>197668</v>
      </c>
      <c r="C58870" s="1" t="s">
        <v>155</v>
      </c>
      <c r="D58870" s="1" t="s">
        <v>197773</v>
      </c>
      <c r="E58870" s="1" t="s">
        <v>197774</v>
      </c>
      <c r="F58870" s="1" t="s">
        <v>197775</v>
      </c>
      <c r="G58870" s="1" t="s">
        <v>197671</v>
      </c>
      <c r="H58870" s="1" t="s">
        <v>197672</v>
      </c>
      <c r="I58870" s="1" t="s">
        <v>197673</v>
      </c>
      <c r="J58870" s="1" t="s">
        <v>197776</v>
      </c>
    </row>
    <row r="58871" spans="1:10" x14ac:dyDescent="0.35">
      <c r="A58871" s="1" t="s">
        <v>10274</v>
      </c>
      <c r="B58871" s="1" t="s">
        <v>197668</v>
      </c>
      <c r="C58871" s="1" t="s">
        <v>160</v>
      </c>
      <c r="D58871" s="1" t="s">
        <v>98822</v>
      </c>
      <c r="E58871" s="1" t="s">
        <v>197777</v>
      </c>
      <c r="F58871" s="1" t="s">
        <v>197778</v>
      </c>
      <c r="G58871" s="1" t="s">
        <v>197671</v>
      </c>
      <c r="H58871" s="1" t="s">
        <v>197672</v>
      </c>
      <c r="I58871" s="1" t="s">
        <v>197673</v>
      </c>
      <c r="J58871" s="1" t="s">
        <v>197779</v>
      </c>
    </row>
    <row r="58872" spans="1:10" x14ac:dyDescent="0.35">
      <c r="A58872" s="1" t="s">
        <v>10274</v>
      </c>
      <c r="B58872" s="1" t="s">
        <v>197668</v>
      </c>
      <c r="C58872" s="1" t="s">
        <v>165</v>
      </c>
      <c r="D58872" s="1" t="s">
        <v>197780</v>
      </c>
      <c r="E58872" s="1" t="s">
        <v>197781</v>
      </c>
      <c r="F58872" s="1" t="s">
        <v>197782</v>
      </c>
      <c r="G58872" s="1" t="s">
        <v>197671</v>
      </c>
      <c r="H58872" s="1" t="s">
        <v>197672</v>
      </c>
      <c r="I58872" s="1" t="s">
        <v>197673</v>
      </c>
      <c r="J58872" s="1" t="s">
        <v>197783</v>
      </c>
    </row>
    <row r="58873" spans="1:10" x14ac:dyDescent="0.35">
      <c r="A58873" s="1" t="s">
        <v>10274</v>
      </c>
      <c r="B58873" s="1" t="s">
        <v>197668</v>
      </c>
      <c r="C58873" s="1" t="s">
        <v>170</v>
      </c>
      <c r="D58873" s="1" t="s">
        <v>59264</v>
      </c>
      <c r="E58873" s="1" t="s">
        <v>197784</v>
      </c>
      <c r="F58873" s="1" t="s">
        <v>197785</v>
      </c>
      <c r="G58873" s="1" t="s">
        <v>197671</v>
      </c>
      <c r="H58873" s="1" t="s">
        <v>197672</v>
      </c>
      <c r="I58873" s="1" t="s">
        <v>197673</v>
      </c>
      <c r="J58873" s="1" t="s">
        <v>197786</v>
      </c>
    </row>
    <row r="58874" spans="1:10" x14ac:dyDescent="0.35">
      <c r="A58874" s="1" t="s">
        <v>119276</v>
      </c>
      <c r="B58874" s="1" t="s">
        <v>197668</v>
      </c>
      <c r="C58874" s="1" t="s">
        <v>8</v>
      </c>
      <c r="D58874" s="1" t="s">
        <v>76149</v>
      </c>
      <c r="E58874" s="1" t="s">
        <v>54207</v>
      </c>
      <c r="F58874" s="1" t="s">
        <v>56410</v>
      </c>
      <c r="G58874" s="1" t="s">
        <v>197787</v>
      </c>
      <c r="H58874" s="1" t="s">
        <v>197788</v>
      </c>
      <c r="I58874" s="1" t="s">
        <v>197673</v>
      </c>
      <c r="J58874" s="1" t="s">
        <v>13</v>
      </c>
    </row>
    <row r="58875" spans="1:10" x14ac:dyDescent="0.35">
      <c r="A58875" s="1" t="s">
        <v>119276</v>
      </c>
      <c r="B58875" s="1" t="s">
        <v>197668</v>
      </c>
      <c r="C58875" s="1" t="s">
        <v>15</v>
      </c>
      <c r="D58875" s="1" t="s">
        <v>182956</v>
      </c>
      <c r="E58875" s="1" t="s">
        <v>32372</v>
      </c>
      <c r="F58875" s="1" t="s">
        <v>65152</v>
      </c>
      <c r="G58875" s="1" t="s">
        <v>197787</v>
      </c>
      <c r="H58875" s="1" t="s">
        <v>197788</v>
      </c>
      <c r="I58875" s="1" t="s">
        <v>197673</v>
      </c>
      <c r="J58875" s="1" t="s">
        <v>197789</v>
      </c>
    </row>
    <row r="58876" spans="1:10" x14ac:dyDescent="0.35">
      <c r="A58876" s="1" t="s">
        <v>119276</v>
      </c>
      <c r="B58876" s="1" t="s">
        <v>197668</v>
      </c>
      <c r="C58876" s="1" t="s">
        <v>20</v>
      </c>
      <c r="D58876" s="1" t="s">
        <v>98916</v>
      </c>
      <c r="E58876" s="1" t="s">
        <v>100849</v>
      </c>
      <c r="F58876" s="1" t="s">
        <v>197790</v>
      </c>
      <c r="G58876" s="1" t="s">
        <v>197787</v>
      </c>
      <c r="H58876" s="1" t="s">
        <v>197788</v>
      </c>
      <c r="I58876" s="1" t="s">
        <v>197673</v>
      </c>
      <c r="J58876" s="1" t="s">
        <v>197791</v>
      </c>
    </row>
    <row r="58877" spans="1:10" x14ac:dyDescent="0.35">
      <c r="A58877" s="1" t="s">
        <v>119276</v>
      </c>
      <c r="B58877" s="1" t="s">
        <v>197668</v>
      </c>
      <c r="C58877" s="1" t="s">
        <v>25</v>
      </c>
      <c r="D58877" s="1" t="s">
        <v>24051</v>
      </c>
      <c r="E58877" s="1" t="s">
        <v>16105</v>
      </c>
      <c r="F58877" s="1" t="s">
        <v>31954</v>
      </c>
      <c r="G58877" s="1" t="s">
        <v>197787</v>
      </c>
      <c r="H58877" s="1" t="s">
        <v>197788</v>
      </c>
      <c r="I58877" s="1" t="s">
        <v>197673</v>
      </c>
      <c r="J58877" s="1" t="s">
        <v>197792</v>
      </c>
    </row>
    <row r="58878" spans="1:10" x14ac:dyDescent="0.35">
      <c r="A58878" s="1" t="s">
        <v>119276</v>
      </c>
      <c r="B58878" s="1" t="s">
        <v>197668</v>
      </c>
      <c r="C58878" s="1" t="s">
        <v>30</v>
      </c>
      <c r="D58878" s="1" t="s">
        <v>197793</v>
      </c>
      <c r="E58878" s="1" t="s">
        <v>31472</v>
      </c>
      <c r="F58878" s="1" t="s">
        <v>197794</v>
      </c>
      <c r="G58878" s="1" t="s">
        <v>197787</v>
      </c>
      <c r="H58878" s="1" t="s">
        <v>197788</v>
      </c>
      <c r="I58878" s="1" t="s">
        <v>197673</v>
      </c>
      <c r="J58878" s="1" t="s">
        <v>197795</v>
      </c>
    </row>
    <row r="58879" spans="1:10" x14ac:dyDescent="0.35">
      <c r="A58879" s="1" t="s">
        <v>119276</v>
      </c>
      <c r="B58879" s="1" t="s">
        <v>197668</v>
      </c>
      <c r="C58879" s="1" t="s">
        <v>35</v>
      </c>
      <c r="D58879" s="1" t="s">
        <v>86687</v>
      </c>
      <c r="E58879" s="1" t="s">
        <v>26560</v>
      </c>
      <c r="F58879" s="1" t="s">
        <v>55183</v>
      </c>
      <c r="G58879" s="1" t="s">
        <v>197787</v>
      </c>
      <c r="H58879" s="1" t="s">
        <v>197788</v>
      </c>
      <c r="I58879" s="1" t="s">
        <v>197673</v>
      </c>
      <c r="J58879" s="1" t="s">
        <v>197796</v>
      </c>
    </row>
    <row r="58880" spans="1:10" x14ac:dyDescent="0.35">
      <c r="A58880" s="1" t="s">
        <v>119276</v>
      </c>
      <c r="B58880" s="1" t="s">
        <v>197668</v>
      </c>
      <c r="C58880" s="1" t="s">
        <v>40</v>
      </c>
      <c r="D58880" s="1" t="s">
        <v>197797</v>
      </c>
      <c r="E58880" s="1" t="s">
        <v>56664</v>
      </c>
      <c r="F58880" s="1" t="s">
        <v>149388</v>
      </c>
      <c r="G58880" s="1" t="s">
        <v>197787</v>
      </c>
      <c r="H58880" s="1" t="s">
        <v>197788</v>
      </c>
      <c r="I58880" s="1" t="s">
        <v>197673</v>
      </c>
      <c r="J58880" s="1" t="s">
        <v>197798</v>
      </c>
    </row>
    <row r="58881" spans="1:10" x14ac:dyDescent="0.35">
      <c r="A58881" s="1" t="s">
        <v>119276</v>
      </c>
      <c r="B58881" s="1" t="s">
        <v>197668</v>
      </c>
      <c r="C58881" s="1" t="s">
        <v>45</v>
      </c>
      <c r="D58881" s="1" t="s">
        <v>197799</v>
      </c>
      <c r="E58881" s="1" t="s">
        <v>21830</v>
      </c>
      <c r="F58881" s="1" t="s">
        <v>197800</v>
      </c>
      <c r="G58881" s="1" t="s">
        <v>197787</v>
      </c>
      <c r="H58881" s="1" t="s">
        <v>197788</v>
      </c>
      <c r="I58881" s="1" t="s">
        <v>197673</v>
      </c>
      <c r="J58881" s="1" t="s">
        <v>197801</v>
      </c>
    </row>
    <row r="58882" spans="1:10" x14ac:dyDescent="0.35">
      <c r="A58882" s="1" t="s">
        <v>119276</v>
      </c>
      <c r="B58882" s="1" t="s">
        <v>197668</v>
      </c>
      <c r="C58882" s="1" t="s">
        <v>50</v>
      </c>
      <c r="D58882" s="1" t="s">
        <v>184248</v>
      </c>
      <c r="E58882" s="1" t="s">
        <v>32584</v>
      </c>
      <c r="F58882" s="1" t="s">
        <v>197802</v>
      </c>
      <c r="G58882" s="1" t="s">
        <v>197787</v>
      </c>
      <c r="H58882" s="1" t="s">
        <v>197788</v>
      </c>
      <c r="I58882" s="1" t="s">
        <v>197673</v>
      </c>
      <c r="J58882" s="1" t="s">
        <v>197803</v>
      </c>
    </row>
    <row r="58883" spans="1:10" x14ac:dyDescent="0.35">
      <c r="A58883" s="1" t="s">
        <v>119276</v>
      </c>
      <c r="B58883" s="1" t="s">
        <v>197668</v>
      </c>
      <c r="C58883" s="1" t="s">
        <v>55</v>
      </c>
      <c r="D58883" s="1" t="s">
        <v>69085</v>
      </c>
      <c r="E58883" s="1" t="s">
        <v>64929</v>
      </c>
      <c r="F58883" s="1" t="s">
        <v>197804</v>
      </c>
      <c r="G58883" s="1" t="s">
        <v>197787</v>
      </c>
      <c r="H58883" s="1" t="s">
        <v>197788</v>
      </c>
      <c r="I58883" s="1" t="s">
        <v>197673</v>
      </c>
      <c r="J58883" s="1" t="s">
        <v>197805</v>
      </c>
    </row>
    <row r="58884" spans="1:10" x14ac:dyDescent="0.35">
      <c r="A58884" s="1" t="s">
        <v>119276</v>
      </c>
      <c r="B58884" s="1" t="s">
        <v>197668</v>
      </c>
      <c r="C58884" s="1" t="s">
        <v>60</v>
      </c>
      <c r="D58884" s="1" t="s">
        <v>54009</v>
      </c>
      <c r="E58884" s="1" t="s">
        <v>197806</v>
      </c>
      <c r="F58884" s="1" t="s">
        <v>197807</v>
      </c>
      <c r="G58884" s="1" t="s">
        <v>197787</v>
      </c>
      <c r="H58884" s="1" t="s">
        <v>197788</v>
      </c>
      <c r="I58884" s="1" t="s">
        <v>197673</v>
      </c>
      <c r="J58884" s="1" t="s">
        <v>197808</v>
      </c>
    </row>
    <row r="58885" spans="1:10" x14ac:dyDescent="0.35">
      <c r="A58885" s="1" t="s">
        <v>119276</v>
      </c>
      <c r="B58885" s="1" t="s">
        <v>197668</v>
      </c>
      <c r="C58885" s="1" t="s">
        <v>65</v>
      </c>
      <c r="D58885" s="1" t="s">
        <v>197809</v>
      </c>
      <c r="E58885" s="1" t="s">
        <v>54650</v>
      </c>
      <c r="F58885" s="1" t="s">
        <v>101410</v>
      </c>
      <c r="G58885" s="1" t="s">
        <v>197787</v>
      </c>
      <c r="H58885" s="1" t="s">
        <v>197788</v>
      </c>
      <c r="I58885" s="1" t="s">
        <v>197673</v>
      </c>
      <c r="J58885" s="1" t="s">
        <v>197810</v>
      </c>
    </row>
    <row r="58886" spans="1:10" x14ac:dyDescent="0.35">
      <c r="A58886" s="1" t="s">
        <v>119276</v>
      </c>
      <c r="B58886" s="1" t="s">
        <v>197668</v>
      </c>
      <c r="C58886" s="1" t="s">
        <v>70</v>
      </c>
      <c r="D58886" s="1" t="s">
        <v>69739</v>
      </c>
      <c r="E58886" s="1" t="s">
        <v>54178</v>
      </c>
      <c r="F58886" s="1" t="s">
        <v>115005</v>
      </c>
      <c r="G58886" s="1" t="s">
        <v>197787</v>
      </c>
      <c r="H58886" s="1" t="s">
        <v>197788</v>
      </c>
      <c r="I58886" s="1" t="s">
        <v>197673</v>
      </c>
      <c r="J58886" s="1" t="s">
        <v>197811</v>
      </c>
    </row>
    <row r="58887" spans="1:10" x14ac:dyDescent="0.35">
      <c r="A58887" s="1" t="s">
        <v>119276</v>
      </c>
      <c r="B58887" s="1" t="s">
        <v>197668</v>
      </c>
      <c r="C58887" s="1" t="s">
        <v>75</v>
      </c>
      <c r="D58887" s="1" t="s">
        <v>69265</v>
      </c>
      <c r="E58887" s="1" t="s">
        <v>55251</v>
      </c>
      <c r="F58887" s="1" t="s">
        <v>197812</v>
      </c>
      <c r="G58887" s="1" t="s">
        <v>197787</v>
      </c>
      <c r="H58887" s="1" t="s">
        <v>197788</v>
      </c>
      <c r="I58887" s="1" t="s">
        <v>197673</v>
      </c>
      <c r="J58887" s="1" t="s">
        <v>197813</v>
      </c>
    </row>
    <row r="58888" spans="1:10" x14ac:dyDescent="0.35">
      <c r="A58888" s="1" t="s">
        <v>119276</v>
      </c>
      <c r="B58888" s="1" t="s">
        <v>197668</v>
      </c>
      <c r="C58888" s="1" t="s">
        <v>80</v>
      </c>
      <c r="D58888" s="1" t="s">
        <v>197814</v>
      </c>
      <c r="E58888" s="1" t="s">
        <v>31435</v>
      </c>
      <c r="F58888" s="1" t="s">
        <v>57913</v>
      </c>
      <c r="G58888" s="1" t="s">
        <v>197787</v>
      </c>
      <c r="H58888" s="1" t="s">
        <v>197788</v>
      </c>
      <c r="I58888" s="1" t="s">
        <v>197673</v>
      </c>
      <c r="J58888" s="1" t="s">
        <v>197815</v>
      </c>
    </row>
    <row r="58889" spans="1:10" x14ac:dyDescent="0.35">
      <c r="A58889" s="1" t="s">
        <v>119276</v>
      </c>
      <c r="B58889" s="1" t="s">
        <v>197668</v>
      </c>
      <c r="C58889" s="1" t="s">
        <v>85</v>
      </c>
      <c r="D58889" s="1" t="s">
        <v>197816</v>
      </c>
      <c r="E58889" s="1" t="s">
        <v>63878</v>
      </c>
      <c r="F58889" s="1" t="s">
        <v>129032</v>
      </c>
      <c r="G58889" s="1" t="s">
        <v>197787</v>
      </c>
      <c r="H58889" s="1" t="s">
        <v>197788</v>
      </c>
      <c r="I58889" s="1" t="s">
        <v>197673</v>
      </c>
      <c r="J58889" s="1" t="s">
        <v>197817</v>
      </c>
    </row>
    <row r="58890" spans="1:10" x14ac:dyDescent="0.35">
      <c r="A58890" s="1" t="s">
        <v>119276</v>
      </c>
      <c r="B58890" s="1" t="s">
        <v>197668</v>
      </c>
      <c r="C58890" s="1" t="s">
        <v>90</v>
      </c>
      <c r="D58890" s="1" t="s">
        <v>197818</v>
      </c>
      <c r="E58890" s="1" t="s">
        <v>22298</v>
      </c>
      <c r="F58890" s="1" t="s">
        <v>197819</v>
      </c>
      <c r="G58890" s="1" t="s">
        <v>197787</v>
      </c>
      <c r="H58890" s="1" t="s">
        <v>197788</v>
      </c>
      <c r="I58890" s="1" t="s">
        <v>197673</v>
      </c>
      <c r="J58890" s="1" t="s">
        <v>197820</v>
      </c>
    </row>
    <row r="58891" spans="1:10" x14ac:dyDescent="0.35">
      <c r="A58891" s="1" t="s">
        <v>119276</v>
      </c>
      <c r="B58891" s="1" t="s">
        <v>197668</v>
      </c>
      <c r="C58891" s="1" t="s">
        <v>95</v>
      </c>
      <c r="D58891" s="1" t="s">
        <v>197821</v>
      </c>
      <c r="E58891" s="1" t="s">
        <v>26218</v>
      </c>
      <c r="F58891" s="1" t="s">
        <v>62265</v>
      </c>
      <c r="G58891" s="1" t="s">
        <v>197787</v>
      </c>
      <c r="H58891" s="1" t="s">
        <v>197788</v>
      </c>
      <c r="I58891" s="1" t="s">
        <v>197673</v>
      </c>
      <c r="J58891" s="1" t="s">
        <v>197822</v>
      </c>
    </row>
    <row r="58892" spans="1:10" x14ac:dyDescent="0.35">
      <c r="A58892" s="1" t="s">
        <v>119276</v>
      </c>
      <c r="B58892" s="1" t="s">
        <v>197668</v>
      </c>
      <c r="C58892" s="1" t="s">
        <v>100</v>
      </c>
      <c r="D58892" s="1" t="s">
        <v>197823</v>
      </c>
      <c r="E58892" s="1" t="s">
        <v>26556</v>
      </c>
      <c r="F58892" s="1" t="s">
        <v>197824</v>
      </c>
      <c r="G58892" s="1" t="s">
        <v>197787</v>
      </c>
      <c r="H58892" s="1" t="s">
        <v>197788</v>
      </c>
      <c r="I58892" s="1" t="s">
        <v>197673</v>
      </c>
      <c r="J58892" s="1" t="s">
        <v>197825</v>
      </c>
    </row>
    <row r="58893" spans="1:10" x14ac:dyDescent="0.35">
      <c r="A58893" s="1" t="s">
        <v>119276</v>
      </c>
      <c r="B58893" s="1" t="s">
        <v>197668</v>
      </c>
      <c r="C58893" s="1" t="s">
        <v>105</v>
      </c>
      <c r="D58893" s="1" t="s">
        <v>197826</v>
      </c>
      <c r="E58893" s="1" t="s">
        <v>22290</v>
      </c>
      <c r="F58893" s="1" t="s">
        <v>197827</v>
      </c>
      <c r="G58893" s="1" t="s">
        <v>197787</v>
      </c>
      <c r="H58893" s="1" t="s">
        <v>197788</v>
      </c>
      <c r="I58893" s="1" t="s">
        <v>197673</v>
      </c>
      <c r="J58893" s="1" t="s">
        <v>197828</v>
      </c>
    </row>
    <row r="58894" spans="1:10" x14ac:dyDescent="0.35">
      <c r="A58894" s="1" t="s">
        <v>119276</v>
      </c>
      <c r="B58894" s="1" t="s">
        <v>197668</v>
      </c>
      <c r="C58894" s="1" t="s">
        <v>110</v>
      </c>
      <c r="D58894" s="1" t="s">
        <v>197829</v>
      </c>
      <c r="E58894" s="1" t="s">
        <v>15340</v>
      </c>
      <c r="F58894" s="1" t="s">
        <v>197830</v>
      </c>
      <c r="G58894" s="1" t="s">
        <v>197787</v>
      </c>
      <c r="H58894" s="1" t="s">
        <v>197788</v>
      </c>
      <c r="I58894" s="1" t="s">
        <v>197673</v>
      </c>
      <c r="J58894" s="1" t="s">
        <v>197831</v>
      </c>
    </row>
    <row r="58895" spans="1:10" x14ac:dyDescent="0.35">
      <c r="A58895" s="1" t="s">
        <v>119276</v>
      </c>
      <c r="B58895" s="1" t="s">
        <v>197668</v>
      </c>
      <c r="C58895" s="1" t="s">
        <v>115</v>
      </c>
      <c r="D58895" s="1" t="s">
        <v>197832</v>
      </c>
      <c r="E58895" s="1" t="s">
        <v>15837</v>
      </c>
      <c r="F58895" s="1" t="s">
        <v>54182</v>
      </c>
      <c r="G58895" s="1" t="s">
        <v>197787</v>
      </c>
      <c r="H58895" s="1" t="s">
        <v>197788</v>
      </c>
      <c r="I58895" s="1" t="s">
        <v>197673</v>
      </c>
      <c r="J58895" s="1" t="s">
        <v>197833</v>
      </c>
    </row>
    <row r="58896" spans="1:10" x14ac:dyDescent="0.35">
      <c r="A58896" s="1" t="s">
        <v>119276</v>
      </c>
      <c r="B58896" s="1" t="s">
        <v>197668</v>
      </c>
      <c r="C58896" s="1" t="s">
        <v>120</v>
      </c>
      <c r="D58896" s="1" t="s">
        <v>197834</v>
      </c>
      <c r="E58896" s="1" t="s">
        <v>15380</v>
      </c>
      <c r="F58896" s="1" t="s">
        <v>127055</v>
      </c>
      <c r="G58896" s="1" t="s">
        <v>197787</v>
      </c>
      <c r="H58896" s="1" t="s">
        <v>197788</v>
      </c>
      <c r="I58896" s="1" t="s">
        <v>197673</v>
      </c>
      <c r="J58896" s="1" t="s">
        <v>197835</v>
      </c>
    </row>
    <row r="58897" spans="1:10" x14ac:dyDescent="0.35">
      <c r="A58897" s="1" t="s">
        <v>119276</v>
      </c>
      <c r="B58897" s="1" t="s">
        <v>197668</v>
      </c>
      <c r="C58897" s="1" t="s">
        <v>125</v>
      </c>
      <c r="D58897" s="1" t="s">
        <v>197836</v>
      </c>
      <c r="E58897" s="1" t="s">
        <v>26478</v>
      </c>
      <c r="F58897" s="1" t="s">
        <v>197837</v>
      </c>
      <c r="G58897" s="1" t="s">
        <v>197787</v>
      </c>
      <c r="H58897" s="1" t="s">
        <v>197788</v>
      </c>
      <c r="I58897" s="1" t="s">
        <v>197673</v>
      </c>
      <c r="J58897" s="1" t="s">
        <v>197838</v>
      </c>
    </row>
    <row r="58898" spans="1:10" x14ac:dyDescent="0.35">
      <c r="A58898" s="1" t="s">
        <v>119276</v>
      </c>
      <c r="B58898" s="1" t="s">
        <v>197668</v>
      </c>
      <c r="C58898" s="1" t="s">
        <v>130</v>
      </c>
      <c r="D58898" s="1" t="s">
        <v>197839</v>
      </c>
      <c r="E58898" s="1" t="s">
        <v>31941</v>
      </c>
      <c r="F58898" s="1" t="s">
        <v>197840</v>
      </c>
      <c r="G58898" s="1" t="s">
        <v>197787</v>
      </c>
      <c r="H58898" s="1" t="s">
        <v>197788</v>
      </c>
      <c r="I58898" s="1" t="s">
        <v>197673</v>
      </c>
      <c r="J58898" s="1" t="s">
        <v>197841</v>
      </c>
    </row>
    <row r="58899" spans="1:10" x14ac:dyDescent="0.35">
      <c r="A58899" s="1" t="s">
        <v>119276</v>
      </c>
      <c r="B58899" s="1" t="s">
        <v>197668</v>
      </c>
      <c r="C58899" s="1" t="s">
        <v>135</v>
      </c>
      <c r="D58899" s="1" t="s">
        <v>197842</v>
      </c>
      <c r="E58899" s="1" t="s">
        <v>54165</v>
      </c>
      <c r="F58899" s="1" t="s">
        <v>197843</v>
      </c>
      <c r="G58899" s="1" t="s">
        <v>197787</v>
      </c>
      <c r="H58899" s="1" t="s">
        <v>197788</v>
      </c>
      <c r="I58899" s="1" t="s">
        <v>197673</v>
      </c>
      <c r="J58899" s="1" t="s">
        <v>197844</v>
      </c>
    </row>
    <row r="58900" spans="1:10" x14ac:dyDescent="0.35">
      <c r="A58900" s="1" t="s">
        <v>119276</v>
      </c>
      <c r="B58900" s="1" t="s">
        <v>197668</v>
      </c>
      <c r="C58900" s="1" t="s">
        <v>140</v>
      </c>
      <c r="D58900" s="1" t="s">
        <v>164557</v>
      </c>
      <c r="E58900" s="1" t="s">
        <v>197845</v>
      </c>
      <c r="F58900" s="1" t="s">
        <v>58827</v>
      </c>
      <c r="G58900" s="1" t="s">
        <v>197787</v>
      </c>
      <c r="H58900" s="1" t="s">
        <v>197788</v>
      </c>
      <c r="I58900" s="1" t="s">
        <v>197673</v>
      </c>
      <c r="J58900" s="1" t="s">
        <v>197846</v>
      </c>
    </row>
    <row r="58901" spans="1:10" x14ac:dyDescent="0.35">
      <c r="A58901" s="1" t="s">
        <v>119276</v>
      </c>
      <c r="B58901" s="1" t="s">
        <v>197668</v>
      </c>
      <c r="C58901" s="1" t="s">
        <v>145</v>
      </c>
      <c r="D58901" s="1" t="s">
        <v>197847</v>
      </c>
      <c r="E58901" s="1" t="s">
        <v>88293</v>
      </c>
      <c r="F58901" s="1" t="s">
        <v>129594</v>
      </c>
      <c r="G58901" s="1" t="s">
        <v>197787</v>
      </c>
      <c r="H58901" s="1" t="s">
        <v>197788</v>
      </c>
      <c r="I58901" s="1" t="s">
        <v>197673</v>
      </c>
      <c r="J58901" s="1" t="s">
        <v>197848</v>
      </c>
    </row>
    <row r="58902" spans="1:10" x14ac:dyDescent="0.35">
      <c r="A58902" s="1" t="s">
        <v>119276</v>
      </c>
      <c r="B58902" s="1" t="s">
        <v>197668</v>
      </c>
      <c r="C58902" s="1" t="s">
        <v>150</v>
      </c>
      <c r="D58902" s="1" t="s">
        <v>197849</v>
      </c>
      <c r="E58902" s="1" t="s">
        <v>88293</v>
      </c>
      <c r="F58902" s="1" t="s">
        <v>96567</v>
      </c>
      <c r="G58902" s="1" t="s">
        <v>197787</v>
      </c>
      <c r="H58902" s="1" t="s">
        <v>197788</v>
      </c>
      <c r="I58902" s="1" t="s">
        <v>197673</v>
      </c>
      <c r="J58902" s="1" t="s">
        <v>197850</v>
      </c>
    </row>
    <row r="58903" spans="1:10" x14ac:dyDescent="0.35">
      <c r="A58903" s="1" t="s">
        <v>119276</v>
      </c>
      <c r="B58903" s="1" t="s">
        <v>197668</v>
      </c>
      <c r="C58903" s="1" t="s">
        <v>155</v>
      </c>
      <c r="D58903" s="1" t="s">
        <v>197851</v>
      </c>
      <c r="E58903" s="1" t="s">
        <v>26284</v>
      </c>
      <c r="F58903" s="1" t="s">
        <v>197852</v>
      </c>
      <c r="G58903" s="1" t="s">
        <v>197787</v>
      </c>
      <c r="H58903" s="1" t="s">
        <v>197788</v>
      </c>
      <c r="I58903" s="1" t="s">
        <v>197673</v>
      </c>
      <c r="J58903" s="1" t="s">
        <v>197853</v>
      </c>
    </row>
    <row r="58904" spans="1:10" x14ac:dyDescent="0.35">
      <c r="A58904" s="1" t="s">
        <v>119276</v>
      </c>
      <c r="B58904" s="1" t="s">
        <v>197668</v>
      </c>
      <c r="C58904" s="1" t="s">
        <v>160</v>
      </c>
      <c r="D58904" s="1" t="s">
        <v>197854</v>
      </c>
      <c r="E58904" s="1" t="s">
        <v>197855</v>
      </c>
      <c r="F58904" s="1" t="s">
        <v>197856</v>
      </c>
      <c r="G58904" s="1" t="s">
        <v>197787</v>
      </c>
      <c r="H58904" s="1" t="s">
        <v>197788</v>
      </c>
      <c r="I58904" s="1" t="s">
        <v>197673</v>
      </c>
      <c r="J58904" s="1" t="s">
        <v>197857</v>
      </c>
    </row>
    <row r="58905" spans="1:10" x14ac:dyDescent="0.35">
      <c r="A58905" s="1" t="s">
        <v>119276</v>
      </c>
      <c r="B58905" s="1" t="s">
        <v>197668</v>
      </c>
      <c r="C58905" s="1" t="s">
        <v>165</v>
      </c>
      <c r="D58905" s="1" t="s">
        <v>197858</v>
      </c>
      <c r="E58905" s="1" t="s">
        <v>26214</v>
      </c>
      <c r="F58905" s="1" t="s">
        <v>197859</v>
      </c>
      <c r="G58905" s="1" t="s">
        <v>197787</v>
      </c>
      <c r="H58905" s="1" t="s">
        <v>197788</v>
      </c>
      <c r="I58905" s="1" t="s">
        <v>197673</v>
      </c>
      <c r="J58905" s="1" t="s">
        <v>197860</v>
      </c>
    </row>
    <row r="58906" spans="1:10" x14ac:dyDescent="0.35">
      <c r="A58906" s="1" t="s">
        <v>119276</v>
      </c>
      <c r="B58906" s="1" t="s">
        <v>197668</v>
      </c>
      <c r="C58906" s="1" t="s">
        <v>170</v>
      </c>
      <c r="D58906" s="1" t="s">
        <v>197861</v>
      </c>
      <c r="E58906" s="1" t="s">
        <v>22286</v>
      </c>
      <c r="F58906" s="1" t="s">
        <v>107448</v>
      </c>
      <c r="G58906" s="1" t="s">
        <v>197787</v>
      </c>
      <c r="H58906" s="1" t="s">
        <v>197788</v>
      </c>
      <c r="I58906" s="1" t="s">
        <v>197673</v>
      </c>
      <c r="J58906" s="1" t="s">
        <v>197862</v>
      </c>
    </row>
    <row r="58907" spans="1:10" x14ac:dyDescent="0.35">
      <c r="A58907" s="1" t="s">
        <v>10258</v>
      </c>
      <c r="B58907" s="1" t="s">
        <v>197668</v>
      </c>
      <c r="C58907" s="1" t="s">
        <v>8</v>
      </c>
      <c r="D58907" s="1" t="s">
        <v>860</v>
      </c>
      <c r="E58907" s="1" t="s">
        <v>197863</v>
      </c>
      <c r="F58907" s="1" t="s">
        <v>197864</v>
      </c>
      <c r="G58907" s="1" t="s">
        <v>197865</v>
      </c>
      <c r="H58907" s="1" t="s">
        <v>197866</v>
      </c>
      <c r="I58907" s="1" t="s">
        <v>197673</v>
      </c>
      <c r="J58907" s="1" t="s">
        <v>13</v>
      </c>
    </row>
    <row r="58908" spans="1:10" x14ac:dyDescent="0.35">
      <c r="A58908" s="1" t="s">
        <v>10258</v>
      </c>
      <c r="B58908" s="1" t="s">
        <v>197668</v>
      </c>
      <c r="C58908" s="1" t="s">
        <v>15</v>
      </c>
      <c r="D58908" s="1" t="s">
        <v>197867</v>
      </c>
      <c r="E58908" s="1" t="s">
        <v>197868</v>
      </c>
      <c r="F58908" s="1" t="s">
        <v>76313</v>
      </c>
      <c r="G58908" s="1" t="s">
        <v>197865</v>
      </c>
      <c r="H58908" s="1" t="s">
        <v>197866</v>
      </c>
      <c r="I58908" s="1" t="s">
        <v>197673</v>
      </c>
      <c r="J58908" s="1" t="s">
        <v>197869</v>
      </c>
    </row>
    <row r="58909" spans="1:10" x14ac:dyDescent="0.35">
      <c r="A58909" s="1" t="s">
        <v>10258</v>
      </c>
      <c r="B58909" s="1" t="s">
        <v>197668</v>
      </c>
      <c r="C58909" s="1" t="s">
        <v>20</v>
      </c>
      <c r="D58909" s="1" t="s">
        <v>110486</v>
      </c>
      <c r="E58909" s="1" t="s">
        <v>197870</v>
      </c>
      <c r="F58909" s="1" t="s">
        <v>197871</v>
      </c>
      <c r="G58909" s="1" t="s">
        <v>197865</v>
      </c>
      <c r="H58909" s="1" t="s">
        <v>197866</v>
      </c>
      <c r="I58909" s="1" t="s">
        <v>197673</v>
      </c>
      <c r="J58909" s="1" t="s">
        <v>197872</v>
      </c>
    </row>
    <row r="58910" spans="1:10" x14ac:dyDescent="0.35">
      <c r="A58910" s="1" t="s">
        <v>10258</v>
      </c>
      <c r="B58910" s="1" t="s">
        <v>197668</v>
      </c>
      <c r="C58910" s="1" t="s">
        <v>25</v>
      </c>
      <c r="D58910" s="1" t="s">
        <v>83427</v>
      </c>
      <c r="E58910" s="1" t="s">
        <v>197873</v>
      </c>
      <c r="F58910" s="1" t="s">
        <v>197874</v>
      </c>
      <c r="G58910" s="1" t="s">
        <v>197865</v>
      </c>
      <c r="H58910" s="1" t="s">
        <v>197866</v>
      </c>
      <c r="I58910" s="1" t="s">
        <v>197673</v>
      </c>
      <c r="J58910" s="1" t="s">
        <v>197875</v>
      </c>
    </row>
    <row r="58911" spans="1:10" x14ac:dyDescent="0.35">
      <c r="A58911" s="1" t="s">
        <v>10258</v>
      </c>
      <c r="B58911" s="1" t="s">
        <v>197668</v>
      </c>
      <c r="C58911" s="1" t="s">
        <v>30</v>
      </c>
      <c r="D58911" s="1" t="s">
        <v>123669</v>
      </c>
      <c r="E58911" s="1" t="s">
        <v>197876</v>
      </c>
      <c r="F58911" s="1" t="s">
        <v>197877</v>
      </c>
      <c r="G58911" s="1" t="s">
        <v>197865</v>
      </c>
      <c r="H58911" s="1" t="s">
        <v>197866</v>
      </c>
      <c r="I58911" s="1" t="s">
        <v>197673</v>
      </c>
      <c r="J58911" s="1" t="s">
        <v>197878</v>
      </c>
    </row>
    <row r="58912" spans="1:10" x14ac:dyDescent="0.35">
      <c r="A58912" s="1" t="s">
        <v>10258</v>
      </c>
      <c r="B58912" s="1" t="s">
        <v>197668</v>
      </c>
      <c r="C58912" s="1" t="s">
        <v>35</v>
      </c>
      <c r="D58912" s="1" t="s">
        <v>197879</v>
      </c>
      <c r="E58912" s="1" t="s">
        <v>197880</v>
      </c>
      <c r="F58912" s="1" t="s">
        <v>197881</v>
      </c>
      <c r="G58912" s="1" t="s">
        <v>197865</v>
      </c>
      <c r="H58912" s="1" t="s">
        <v>197866</v>
      </c>
      <c r="I58912" s="1" t="s">
        <v>197673</v>
      </c>
      <c r="J58912" s="1" t="s">
        <v>197882</v>
      </c>
    </row>
    <row r="58913" spans="1:10" x14ac:dyDescent="0.35">
      <c r="A58913" s="1" t="s">
        <v>10258</v>
      </c>
      <c r="B58913" s="1" t="s">
        <v>197668</v>
      </c>
      <c r="C58913" s="1" t="s">
        <v>40</v>
      </c>
      <c r="D58913" s="1" t="s">
        <v>32665</v>
      </c>
      <c r="E58913" s="1" t="s">
        <v>197883</v>
      </c>
      <c r="F58913" s="1" t="s">
        <v>197884</v>
      </c>
      <c r="G58913" s="1" t="s">
        <v>197865</v>
      </c>
      <c r="H58913" s="1" t="s">
        <v>197866</v>
      </c>
      <c r="I58913" s="1" t="s">
        <v>197673</v>
      </c>
      <c r="J58913" s="1" t="s">
        <v>197885</v>
      </c>
    </row>
    <row r="58914" spans="1:10" x14ac:dyDescent="0.35">
      <c r="A58914" s="1" t="s">
        <v>10258</v>
      </c>
      <c r="B58914" s="1" t="s">
        <v>197668</v>
      </c>
      <c r="C58914" s="1" t="s">
        <v>45</v>
      </c>
      <c r="D58914" s="1" t="s">
        <v>42825</v>
      </c>
      <c r="E58914" s="1" t="s">
        <v>197886</v>
      </c>
      <c r="F58914" s="1" t="s">
        <v>197887</v>
      </c>
      <c r="G58914" s="1" t="s">
        <v>197865</v>
      </c>
      <c r="H58914" s="1" t="s">
        <v>197866</v>
      </c>
      <c r="I58914" s="1" t="s">
        <v>197673</v>
      </c>
      <c r="J58914" s="1" t="s">
        <v>197888</v>
      </c>
    </row>
    <row r="58915" spans="1:10" x14ac:dyDescent="0.35">
      <c r="A58915" s="1" t="s">
        <v>10258</v>
      </c>
      <c r="B58915" s="1" t="s">
        <v>197668</v>
      </c>
      <c r="C58915" s="1" t="s">
        <v>50</v>
      </c>
      <c r="D58915" s="1" t="s">
        <v>73424</v>
      </c>
      <c r="E58915" s="1" t="s">
        <v>197889</v>
      </c>
      <c r="F58915" s="1" t="s">
        <v>197890</v>
      </c>
      <c r="G58915" s="1" t="s">
        <v>197865</v>
      </c>
      <c r="H58915" s="1" t="s">
        <v>197866</v>
      </c>
      <c r="I58915" s="1" t="s">
        <v>197673</v>
      </c>
      <c r="J58915" s="1" t="s">
        <v>197891</v>
      </c>
    </row>
    <row r="58916" spans="1:10" x14ac:dyDescent="0.35">
      <c r="A58916" s="1" t="s">
        <v>10258</v>
      </c>
      <c r="B58916" s="1" t="s">
        <v>197668</v>
      </c>
      <c r="C58916" s="1" t="s">
        <v>55</v>
      </c>
      <c r="D58916" s="1" t="s">
        <v>197892</v>
      </c>
      <c r="E58916" s="1" t="s">
        <v>197893</v>
      </c>
      <c r="F58916" s="1" t="s">
        <v>197894</v>
      </c>
      <c r="G58916" s="1" t="s">
        <v>197865</v>
      </c>
      <c r="H58916" s="1" t="s">
        <v>197866</v>
      </c>
      <c r="I58916" s="1" t="s">
        <v>197673</v>
      </c>
      <c r="J58916" s="1" t="s">
        <v>197895</v>
      </c>
    </row>
    <row r="58917" spans="1:10" x14ac:dyDescent="0.35">
      <c r="A58917" s="1" t="s">
        <v>10258</v>
      </c>
      <c r="B58917" s="1" t="s">
        <v>197668</v>
      </c>
      <c r="C58917" s="1" t="s">
        <v>60</v>
      </c>
      <c r="D58917" s="1" t="s">
        <v>49298</v>
      </c>
      <c r="E58917" s="1" t="s">
        <v>197896</v>
      </c>
      <c r="F58917" s="1" t="s">
        <v>197897</v>
      </c>
      <c r="G58917" s="1" t="s">
        <v>197865</v>
      </c>
      <c r="H58917" s="1" t="s">
        <v>197866</v>
      </c>
      <c r="I58917" s="1" t="s">
        <v>197673</v>
      </c>
      <c r="J58917" s="1" t="s">
        <v>197898</v>
      </c>
    </row>
    <row r="58918" spans="1:10" x14ac:dyDescent="0.35">
      <c r="A58918" s="1" t="s">
        <v>10258</v>
      </c>
      <c r="B58918" s="1" t="s">
        <v>197668</v>
      </c>
      <c r="C58918" s="1" t="s">
        <v>65</v>
      </c>
      <c r="D58918" s="1" t="s">
        <v>197899</v>
      </c>
      <c r="E58918" s="1" t="s">
        <v>197900</v>
      </c>
      <c r="F58918" s="1" t="s">
        <v>197901</v>
      </c>
      <c r="G58918" s="1" t="s">
        <v>197865</v>
      </c>
      <c r="H58918" s="1" t="s">
        <v>197866</v>
      </c>
      <c r="I58918" s="1" t="s">
        <v>197673</v>
      </c>
      <c r="J58918" s="1" t="s">
        <v>197902</v>
      </c>
    </row>
    <row r="58919" spans="1:10" x14ac:dyDescent="0.35">
      <c r="A58919" s="1" t="s">
        <v>10258</v>
      </c>
      <c r="B58919" s="1" t="s">
        <v>197668</v>
      </c>
      <c r="C58919" s="1" t="s">
        <v>70</v>
      </c>
      <c r="D58919" s="1" t="s">
        <v>17519</v>
      </c>
      <c r="E58919" s="1" t="s">
        <v>197903</v>
      </c>
      <c r="F58919" s="1" t="s">
        <v>197904</v>
      </c>
      <c r="G58919" s="1" t="s">
        <v>197865</v>
      </c>
      <c r="H58919" s="1" t="s">
        <v>197866</v>
      </c>
      <c r="I58919" s="1" t="s">
        <v>197673</v>
      </c>
      <c r="J58919" s="1" t="s">
        <v>197905</v>
      </c>
    </row>
    <row r="58920" spans="1:10" x14ac:dyDescent="0.35">
      <c r="A58920" s="1" t="s">
        <v>10258</v>
      </c>
      <c r="B58920" s="1" t="s">
        <v>197668</v>
      </c>
      <c r="C58920" s="1" t="s">
        <v>75</v>
      </c>
      <c r="D58920" s="1" t="s">
        <v>183806</v>
      </c>
      <c r="E58920" s="1" t="s">
        <v>197906</v>
      </c>
      <c r="F58920" s="1" t="s">
        <v>197907</v>
      </c>
      <c r="G58920" s="1" t="s">
        <v>197865</v>
      </c>
      <c r="H58920" s="1" t="s">
        <v>197866</v>
      </c>
      <c r="I58920" s="1" t="s">
        <v>197673</v>
      </c>
      <c r="J58920" s="1" t="s">
        <v>197908</v>
      </c>
    </row>
    <row r="58921" spans="1:10" x14ac:dyDescent="0.35">
      <c r="A58921" s="1" t="s">
        <v>10258</v>
      </c>
      <c r="B58921" s="1" t="s">
        <v>197668</v>
      </c>
      <c r="C58921" s="1" t="s">
        <v>80</v>
      </c>
      <c r="D58921" s="1" t="s">
        <v>141924</v>
      </c>
      <c r="E58921" s="1" t="s">
        <v>197909</v>
      </c>
      <c r="F58921" s="1" t="s">
        <v>197910</v>
      </c>
      <c r="G58921" s="1" t="s">
        <v>197865</v>
      </c>
      <c r="H58921" s="1" t="s">
        <v>197866</v>
      </c>
      <c r="I58921" s="1" t="s">
        <v>197673</v>
      </c>
      <c r="J58921" s="1" t="s">
        <v>197911</v>
      </c>
    </row>
    <row r="58922" spans="1:10" x14ac:dyDescent="0.35">
      <c r="A58922" s="1" t="s">
        <v>10258</v>
      </c>
      <c r="B58922" s="1" t="s">
        <v>197668</v>
      </c>
      <c r="C58922" s="1" t="s">
        <v>85</v>
      </c>
      <c r="D58922" s="1" t="s">
        <v>11250</v>
      </c>
      <c r="E58922" s="1" t="s">
        <v>197912</v>
      </c>
      <c r="F58922" s="1" t="s">
        <v>197913</v>
      </c>
      <c r="G58922" s="1" t="s">
        <v>197865</v>
      </c>
      <c r="H58922" s="1" t="s">
        <v>197866</v>
      </c>
      <c r="I58922" s="1" t="s">
        <v>197673</v>
      </c>
      <c r="J58922" s="1" t="s">
        <v>197914</v>
      </c>
    </row>
    <row r="58923" spans="1:10" x14ac:dyDescent="0.35">
      <c r="A58923" s="1" t="s">
        <v>10258</v>
      </c>
      <c r="B58923" s="1" t="s">
        <v>197668</v>
      </c>
      <c r="C58923" s="1" t="s">
        <v>90</v>
      </c>
      <c r="D58923" s="1" t="s">
        <v>197915</v>
      </c>
      <c r="E58923" s="1" t="s">
        <v>197916</v>
      </c>
      <c r="F58923" s="1" t="s">
        <v>197917</v>
      </c>
      <c r="G58923" s="1" t="s">
        <v>197865</v>
      </c>
      <c r="H58923" s="1" t="s">
        <v>197866</v>
      </c>
      <c r="I58923" s="1" t="s">
        <v>197673</v>
      </c>
      <c r="J58923" s="1" t="s">
        <v>197918</v>
      </c>
    </row>
    <row r="58924" spans="1:10" x14ac:dyDescent="0.35">
      <c r="A58924" s="1" t="s">
        <v>10258</v>
      </c>
      <c r="B58924" s="1" t="s">
        <v>197668</v>
      </c>
      <c r="C58924" s="1" t="s">
        <v>95</v>
      </c>
      <c r="D58924" s="1" t="s">
        <v>160376</v>
      </c>
      <c r="E58924" s="1" t="s">
        <v>197919</v>
      </c>
      <c r="F58924" s="1" t="s">
        <v>197920</v>
      </c>
      <c r="G58924" s="1" t="s">
        <v>197865</v>
      </c>
      <c r="H58924" s="1" t="s">
        <v>197866</v>
      </c>
      <c r="I58924" s="1" t="s">
        <v>197673</v>
      </c>
      <c r="J58924" s="1" t="s">
        <v>197921</v>
      </c>
    </row>
    <row r="58925" spans="1:10" x14ac:dyDescent="0.35">
      <c r="A58925" s="1" t="s">
        <v>10258</v>
      </c>
      <c r="B58925" s="1" t="s">
        <v>197668</v>
      </c>
      <c r="C58925" s="1" t="s">
        <v>100</v>
      </c>
      <c r="D58925" s="1" t="s">
        <v>107982</v>
      </c>
      <c r="E58925" s="1" t="s">
        <v>197922</v>
      </c>
      <c r="F58925" s="1" t="s">
        <v>197923</v>
      </c>
      <c r="G58925" s="1" t="s">
        <v>197865</v>
      </c>
      <c r="H58925" s="1" t="s">
        <v>197866</v>
      </c>
      <c r="I58925" s="1" t="s">
        <v>197673</v>
      </c>
      <c r="J58925" s="1" t="s">
        <v>197924</v>
      </c>
    </row>
    <row r="58926" spans="1:10" x14ac:dyDescent="0.35">
      <c r="A58926" s="1" t="s">
        <v>10258</v>
      </c>
      <c r="B58926" s="1" t="s">
        <v>197668</v>
      </c>
      <c r="C58926" s="1" t="s">
        <v>105</v>
      </c>
      <c r="D58926" s="1" t="s">
        <v>60276</v>
      </c>
      <c r="E58926" s="1" t="s">
        <v>197925</v>
      </c>
      <c r="F58926" s="1" t="s">
        <v>197926</v>
      </c>
      <c r="G58926" s="1" t="s">
        <v>197865</v>
      </c>
      <c r="H58926" s="1" t="s">
        <v>197866</v>
      </c>
      <c r="I58926" s="1" t="s">
        <v>197673</v>
      </c>
      <c r="J58926" s="1" t="s">
        <v>197927</v>
      </c>
    </row>
    <row r="58927" spans="1:10" x14ac:dyDescent="0.35">
      <c r="A58927" s="1" t="s">
        <v>10258</v>
      </c>
      <c r="B58927" s="1" t="s">
        <v>197668</v>
      </c>
      <c r="C58927" s="1" t="s">
        <v>110</v>
      </c>
      <c r="D58927" s="1" t="s">
        <v>180384</v>
      </c>
      <c r="E58927" s="1" t="s">
        <v>197928</v>
      </c>
      <c r="F58927" s="1" t="s">
        <v>197929</v>
      </c>
      <c r="G58927" s="1" t="s">
        <v>197865</v>
      </c>
      <c r="H58927" s="1" t="s">
        <v>197866</v>
      </c>
      <c r="I58927" s="1" t="s">
        <v>197673</v>
      </c>
      <c r="J58927" s="1" t="s">
        <v>197930</v>
      </c>
    </row>
    <row r="58928" spans="1:10" x14ac:dyDescent="0.35">
      <c r="A58928" s="1" t="s">
        <v>10258</v>
      </c>
      <c r="B58928" s="1" t="s">
        <v>197668</v>
      </c>
      <c r="C58928" s="1" t="s">
        <v>115</v>
      </c>
      <c r="D58928" s="1" t="s">
        <v>197931</v>
      </c>
      <c r="E58928" s="1" t="s">
        <v>197932</v>
      </c>
      <c r="F58928" s="1" t="s">
        <v>197933</v>
      </c>
      <c r="G58928" s="1" t="s">
        <v>197865</v>
      </c>
      <c r="H58928" s="1" t="s">
        <v>197866</v>
      </c>
      <c r="I58928" s="1" t="s">
        <v>197673</v>
      </c>
      <c r="J58928" s="1" t="s">
        <v>197934</v>
      </c>
    </row>
    <row r="58929" spans="1:10" x14ac:dyDescent="0.35">
      <c r="A58929" s="1" t="s">
        <v>10258</v>
      </c>
      <c r="B58929" s="1" t="s">
        <v>197668</v>
      </c>
      <c r="C58929" s="1" t="s">
        <v>120</v>
      </c>
      <c r="D58929" s="1" t="s">
        <v>197935</v>
      </c>
      <c r="E58929" s="1" t="s">
        <v>197936</v>
      </c>
      <c r="F58929" s="1" t="s">
        <v>197937</v>
      </c>
      <c r="G58929" s="1" t="s">
        <v>197865</v>
      </c>
      <c r="H58929" s="1" t="s">
        <v>197866</v>
      </c>
      <c r="I58929" s="1" t="s">
        <v>197673</v>
      </c>
      <c r="J58929" s="1" t="s">
        <v>197938</v>
      </c>
    </row>
    <row r="58930" spans="1:10" x14ac:dyDescent="0.35">
      <c r="A58930" s="1" t="s">
        <v>10258</v>
      </c>
      <c r="B58930" s="1" t="s">
        <v>197668</v>
      </c>
      <c r="C58930" s="1" t="s">
        <v>125</v>
      </c>
      <c r="D58930" s="1" t="s">
        <v>180128</v>
      </c>
      <c r="E58930" s="1" t="s">
        <v>197939</v>
      </c>
      <c r="F58930" s="1" t="s">
        <v>197940</v>
      </c>
      <c r="G58930" s="1" t="s">
        <v>197865</v>
      </c>
      <c r="H58930" s="1" t="s">
        <v>197866</v>
      </c>
      <c r="I58930" s="1" t="s">
        <v>197673</v>
      </c>
      <c r="J58930" s="1" t="s">
        <v>197941</v>
      </c>
    </row>
    <row r="58931" spans="1:10" x14ac:dyDescent="0.35">
      <c r="A58931" s="1" t="s">
        <v>10258</v>
      </c>
      <c r="B58931" s="1" t="s">
        <v>197668</v>
      </c>
      <c r="C58931" s="1" t="s">
        <v>130</v>
      </c>
      <c r="D58931" s="1" t="s">
        <v>197942</v>
      </c>
      <c r="E58931" s="1" t="s">
        <v>197943</v>
      </c>
      <c r="F58931" s="1" t="s">
        <v>197944</v>
      </c>
      <c r="G58931" s="1" t="s">
        <v>197865</v>
      </c>
      <c r="H58931" s="1" t="s">
        <v>197866</v>
      </c>
      <c r="I58931" s="1" t="s">
        <v>197673</v>
      </c>
      <c r="J58931" s="1" t="s">
        <v>197945</v>
      </c>
    </row>
    <row r="58932" spans="1:10" x14ac:dyDescent="0.35">
      <c r="A58932" s="1" t="s">
        <v>10258</v>
      </c>
      <c r="B58932" s="1" t="s">
        <v>197668</v>
      </c>
      <c r="C58932" s="1" t="s">
        <v>135</v>
      </c>
      <c r="D58932" s="1" t="s">
        <v>197946</v>
      </c>
      <c r="E58932" s="1" t="s">
        <v>197947</v>
      </c>
      <c r="F58932" s="1" t="s">
        <v>197948</v>
      </c>
      <c r="G58932" s="1" t="s">
        <v>197865</v>
      </c>
      <c r="H58932" s="1" t="s">
        <v>197866</v>
      </c>
      <c r="I58932" s="1" t="s">
        <v>197673</v>
      </c>
      <c r="J58932" s="1" t="s">
        <v>197949</v>
      </c>
    </row>
    <row r="58933" spans="1:10" x14ac:dyDescent="0.35">
      <c r="A58933" s="1" t="s">
        <v>10258</v>
      </c>
      <c r="B58933" s="1" t="s">
        <v>197668</v>
      </c>
      <c r="C58933" s="1" t="s">
        <v>140</v>
      </c>
      <c r="D58933" s="1" t="s">
        <v>197950</v>
      </c>
      <c r="E58933" s="1" t="s">
        <v>197951</v>
      </c>
      <c r="F58933" s="1" t="s">
        <v>197952</v>
      </c>
      <c r="G58933" s="1" t="s">
        <v>197865</v>
      </c>
      <c r="H58933" s="1" t="s">
        <v>197866</v>
      </c>
      <c r="I58933" s="1" t="s">
        <v>197673</v>
      </c>
      <c r="J58933" s="1" t="s">
        <v>197953</v>
      </c>
    </row>
    <row r="58934" spans="1:10" x14ac:dyDescent="0.35">
      <c r="A58934" s="1" t="s">
        <v>10258</v>
      </c>
      <c r="B58934" s="1" t="s">
        <v>197668</v>
      </c>
      <c r="C58934" s="1" t="s">
        <v>145</v>
      </c>
      <c r="D58934" s="1" t="s">
        <v>197954</v>
      </c>
      <c r="E58934" s="1" t="s">
        <v>197955</v>
      </c>
      <c r="F58934" s="1" t="s">
        <v>197956</v>
      </c>
      <c r="G58934" s="1" t="s">
        <v>197865</v>
      </c>
      <c r="H58934" s="1" t="s">
        <v>197866</v>
      </c>
      <c r="I58934" s="1" t="s">
        <v>197673</v>
      </c>
      <c r="J58934" s="1" t="s">
        <v>197957</v>
      </c>
    </row>
    <row r="58935" spans="1:10" x14ac:dyDescent="0.35">
      <c r="A58935" s="1" t="s">
        <v>10258</v>
      </c>
      <c r="B58935" s="1" t="s">
        <v>197668</v>
      </c>
      <c r="C58935" s="1" t="s">
        <v>150</v>
      </c>
      <c r="D58935" s="1" t="s">
        <v>197958</v>
      </c>
      <c r="E58935" s="1" t="s">
        <v>197959</v>
      </c>
      <c r="F58935" s="1" t="s">
        <v>197960</v>
      </c>
      <c r="G58935" s="1" t="s">
        <v>197865</v>
      </c>
      <c r="H58935" s="1" t="s">
        <v>197866</v>
      </c>
      <c r="I58935" s="1" t="s">
        <v>197673</v>
      </c>
      <c r="J58935" s="1" t="s">
        <v>197961</v>
      </c>
    </row>
    <row r="58936" spans="1:10" x14ac:dyDescent="0.35">
      <c r="A58936" s="1" t="s">
        <v>10258</v>
      </c>
      <c r="B58936" s="1" t="s">
        <v>197668</v>
      </c>
      <c r="C58936" s="1" t="s">
        <v>155</v>
      </c>
      <c r="D58936" s="1" t="s">
        <v>124900</v>
      </c>
      <c r="E58936" s="1" t="s">
        <v>197962</v>
      </c>
      <c r="F58936" s="1" t="s">
        <v>197963</v>
      </c>
      <c r="G58936" s="1" t="s">
        <v>197865</v>
      </c>
      <c r="H58936" s="1" t="s">
        <v>197866</v>
      </c>
      <c r="I58936" s="1" t="s">
        <v>197673</v>
      </c>
      <c r="J58936" s="1" t="s">
        <v>197964</v>
      </c>
    </row>
    <row r="58937" spans="1:10" x14ac:dyDescent="0.35">
      <c r="A58937" s="1" t="s">
        <v>10258</v>
      </c>
      <c r="B58937" s="1" t="s">
        <v>197668</v>
      </c>
      <c r="C58937" s="1" t="s">
        <v>160</v>
      </c>
      <c r="D58937" s="1" t="s">
        <v>197965</v>
      </c>
      <c r="E58937" s="1" t="s">
        <v>197966</v>
      </c>
      <c r="F58937" s="1" t="s">
        <v>197967</v>
      </c>
      <c r="G58937" s="1" t="s">
        <v>197865</v>
      </c>
      <c r="H58937" s="1" t="s">
        <v>197866</v>
      </c>
      <c r="I58937" s="1" t="s">
        <v>197673</v>
      </c>
      <c r="J58937" s="1" t="s">
        <v>197968</v>
      </c>
    </row>
    <row r="58938" spans="1:10" x14ac:dyDescent="0.35">
      <c r="A58938" s="1" t="s">
        <v>10258</v>
      </c>
      <c r="B58938" s="1" t="s">
        <v>197668</v>
      </c>
      <c r="C58938" s="1" t="s">
        <v>165</v>
      </c>
      <c r="D58938" s="1" t="s">
        <v>22535</v>
      </c>
      <c r="E58938" s="1" t="s">
        <v>197969</v>
      </c>
      <c r="F58938" s="1" t="s">
        <v>197970</v>
      </c>
      <c r="G58938" s="1" t="s">
        <v>197865</v>
      </c>
      <c r="H58938" s="1" t="s">
        <v>197866</v>
      </c>
      <c r="I58938" s="1" t="s">
        <v>197673</v>
      </c>
      <c r="J58938" s="1" t="s">
        <v>197971</v>
      </c>
    </row>
    <row r="58939" spans="1:10" x14ac:dyDescent="0.35">
      <c r="A58939" s="1" t="s">
        <v>10258</v>
      </c>
      <c r="B58939" s="1" t="s">
        <v>197668</v>
      </c>
      <c r="C58939" s="1" t="s">
        <v>170</v>
      </c>
      <c r="D58939" s="1" t="s">
        <v>197972</v>
      </c>
      <c r="E58939" s="1" t="s">
        <v>197973</v>
      </c>
      <c r="F58939" s="1" t="s">
        <v>197974</v>
      </c>
      <c r="G58939" s="1" t="s">
        <v>197865</v>
      </c>
      <c r="H58939" s="1" t="s">
        <v>197866</v>
      </c>
      <c r="I58939" s="1" t="s">
        <v>197673</v>
      </c>
      <c r="J58939" s="1" t="s">
        <v>197975</v>
      </c>
    </row>
    <row r="58940" spans="1:10" x14ac:dyDescent="0.35">
      <c r="A58940" s="1" t="s">
        <v>10098</v>
      </c>
      <c r="B58940" s="1" t="s">
        <v>197668</v>
      </c>
      <c r="C58940" s="1" t="s">
        <v>8</v>
      </c>
      <c r="D58940" s="1" t="s">
        <v>197976</v>
      </c>
      <c r="E58940" s="1" t="s">
        <v>197977</v>
      </c>
      <c r="F58940" s="1" t="s">
        <v>197978</v>
      </c>
      <c r="G58940" s="1" t="s">
        <v>197979</v>
      </c>
      <c r="H58940" s="1" t="s">
        <v>197980</v>
      </c>
      <c r="I58940" s="1" t="s">
        <v>197673</v>
      </c>
      <c r="J58940" s="1" t="s">
        <v>13</v>
      </c>
    </row>
    <row r="58941" spans="1:10" x14ac:dyDescent="0.35">
      <c r="A58941" s="1" t="s">
        <v>10098</v>
      </c>
      <c r="B58941" s="1" t="s">
        <v>197668</v>
      </c>
      <c r="C58941" s="1" t="s">
        <v>15</v>
      </c>
      <c r="D58941" s="1" t="s">
        <v>188781</v>
      </c>
      <c r="E58941" s="1" t="s">
        <v>197981</v>
      </c>
      <c r="F58941" s="1" t="s">
        <v>197982</v>
      </c>
      <c r="G58941" s="1" t="s">
        <v>197979</v>
      </c>
      <c r="H58941" s="1" t="s">
        <v>197980</v>
      </c>
      <c r="I58941" s="1" t="s">
        <v>197673</v>
      </c>
      <c r="J58941" s="1" t="s">
        <v>197983</v>
      </c>
    </row>
    <row r="58942" spans="1:10" x14ac:dyDescent="0.35">
      <c r="A58942" s="1" t="s">
        <v>10098</v>
      </c>
      <c r="B58942" s="1" t="s">
        <v>197668</v>
      </c>
      <c r="C58942" s="1" t="s">
        <v>20</v>
      </c>
      <c r="D58942" s="1" t="s">
        <v>110961</v>
      </c>
      <c r="E58942" s="1" t="s">
        <v>197984</v>
      </c>
      <c r="F58942" s="1" t="s">
        <v>197985</v>
      </c>
      <c r="G58942" s="1" t="s">
        <v>197979</v>
      </c>
      <c r="H58942" s="1" t="s">
        <v>197980</v>
      </c>
      <c r="I58942" s="1" t="s">
        <v>197673</v>
      </c>
      <c r="J58942" s="1" t="s">
        <v>197986</v>
      </c>
    </row>
    <row r="58943" spans="1:10" x14ac:dyDescent="0.35">
      <c r="A58943" s="1" t="s">
        <v>10098</v>
      </c>
      <c r="B58943" s="1" t="s">
        <v>197668</v>
      </c>
      <c r="C58943" s="1" t="s">
        <v>25</v>
      </c>
      <c r="D58943" s="1" t="s">
        <v>194847</v>
      </c>
      <c r="E58943" s="1" t="s">
        <v>197987</v>
      </c>
      <c r="F58943" s="1" t="s">
        <v>197988</v>
      </c>
      <c r="G58943" s="1" t="s">
        <v>197979</v>
      </c>
      <c r="H58943" s="1" t="s">
        <v>197980</v>
      </c>
      <c r="I58943" s="1" t="s">
        <v>197673</v>
      </c>
      <c r="J58943" s="1" t="s">
        <v>197989</v>
      </c>
    </row>
    <row r="58944" spans="1:10" x14ac:dyDescent="0.35">
      <c r="A58944" s="1" t="s">
        <v>10098</v>
      </c>
      <c r="B58944" s="1" t="s">
        <v>197668</v>
      </c>
      <c r="C58944" s="1" t="s">
        <v>30</v>
      </c>
      <c r="D58944" s="1" t="s">
        <v>73012</v>
      </c>
      <c r="E58944" s="1" t="s">
        <v>197990</v>
      </c>
      <c r="F58944" s="1" t="s">
        <v>197991</v>
      </c>
      <c r="G58944" s="1" t="s">
        <v>197979</v>
      </c>
      <c r="H58944" s="1" t="s">
        <v>197980</v>
      </c>
      <c r="I58944" s="1" t="s">
        <v>197673</v>
      </c>
      <c r="J58944" s="1" t="s">
        <v>197992</v>
      </c>
    </row>
    <row r="58945" spans="1:10" x14ac:dyDescent="0.35">
      <c r="A58945" s="1" t="s">
        <v>10098</v>
      </c>
      <c r="B58945" s="1" t="s">
        <v>197668</v>
      </c>
      <c r="C58945" s="1" t="s">
        <v>35</v>
      </c>
      <c r="D58945" s="1" t="s">
        <v>177964</v>
      </c>
      <c r="E58945" s="1" t="s">
        <v>197993</v>
      </c>
      <c r="F58945" s="1" t="s">
        <v>197994</v>
      </c>
      <c r="G58945" s="1" t="s">
        <v>197979</v>
      </c>
      <c r="H58945" s="1" t="s">
        <v>197980</v>
      </c>
      <c r="I58945" s="1" t="s">
        <v>197673</v>
      </c>
      <c r="J58945" s="1" t="s">
        <v>197995</v>
      </c>
    </row>
    <row r="58946" spans="1:10" x14ac:dyDescent="0.35">
      <c r="A58946" s="1" t="s">
        <v>10098</v>
      </c>
      <c r="B58946" s="1" t="s">
        <v>197668</v>
      </c>
      <c r="C58946" s="1" t="s">
        <v>40</v>
      </c>
      <c r="D58946" s="1" t="s">
        <v>197996</v>
      </c>
      <c r="E58946" s="1" t="s">
        <v>197997</v>
      </c>
      <c r="F58946" s="1" t="s">
        <v>197998</v>
      </c>
      <c r="G58946" s="1" t="s">
        <v>197979</v>
      </c>
      <c r="H58946" s="1" t="s">
        <v>197980</v>
      </c>
      <c r="I58946" s="1" t="s">
        <v>197673</v>
      </c>
      <c r="J58946" s="1" t="s">
        <v>197999</v>
      </c>
    </row>
    <row r="58947" spans="1:10" x14ac:dyDescent="0.35">
      <c r="A58947" s="1" t="s">
        <v>10098</v>
      </c>
      <c r="B58947" s="1" t="s">
        <v>197668</v>
      </c>
      <c r="C58947" s="1" t="s">
        <v>45</v>
      </c>
      <c r="D58947" s="1" t="s">
        <v>186415</v>
      </c>
      <c r="E58947" s="1" t="s">
        <v>198000</v>
      </c>
      <c r="F58947" s="1" t="s">
        <v>198001</v>
      </c>
      <c r="G58947" s="1" t="s">
        <v>197979</v>
      </c>
      <c r="H58947" s="1" t="s">
        <v>197980</v>
      </c>
      <c r="I58947" s="1" t="s">
        <v>197673</v>
      </c>
      <c r="J58947" s="1" t="s">
        <v>146785</v>
      </c>
    </row>
    <row r="58948" spans="1:10" x14ac:dyDescent="0.35">
      <c r="A58948" s="1" t="s">
        <v>10098</v>
      </c>
      <c r="B58948" s="1" t="s">
        <v>197668</v>
      </c>
      <c r="C58948" s="1" t="s">
        <v>50</v>
      </c>
      <c r="D58948" s="1" t="s">
        <v>74381</v>
      </c>
      <c r="E58948" s="1" t="s">
        <v>198002</v>
      </c>
      <c r="F58948" s="1" t="s">
        <v>198003</v>
      </c>
      <c r="G58948" s="1" t="s">
        <v>197979</v>
      </c>
      <c r="H58948" s="1" t="s">
        <v>197980</v>
      </c>
      <c r="I58948" s="1" t="s">
        <v>197673</v>
      </c>
      <c r="J58948" s="1" t="s">
        <v>198004</v>
      </c>
    </row>
    <row r="58949" spans="1:10" x14ac:dyDescent="0.35">
      <c r="A58949" s="1" t="s">
        <v>10098</v>
      </c>
      <c r="B58949" s="1" t="s">
        <v>197668</v>
      </c>
      <c r="C58949" s="1" t="s">
        <v>55</v>
      </c>
      <c r="D58949" s="1" t="s">
        <v>30956</v>
      </c>
      <c r="E58949" s="1" t="s">
        <v>198005</v>
      </c>
      <c r="F58949" s="1" t="s">
        <v>198006</v>
      </c>
      <c r="G58949" s="1" t="s">
        <v>197979</v>
      </c>
      <c r="H58949" s="1" t="s">
        <v>197980</v>
      </c>
      <c r="I58949" s="1" t="s">
        <v>197673</v>
      </c>
      <c r="J58949" s="1" t="s">
        <v>198007</v>
      </c>
    </row>
    <row r="58950" spans="1:10" x14ac:dyDescent="0.35">
      <c r="A58950" s="1" t="s">
        <v>10098</v>
      </c>
      <c r="B58950" s="1" t="s">
        <v>197668</v>
      </c>
      <c r="C58950" s="1" t="s">
        <v>60</v>
      </c>
      <c r="D58950" s="1" t="s">
        <v>198008</v>
      </c>
      <c r="E58950" s="1" t="s">
        <v>198009</v>
      </c>
      <c r="F58950" s="1" t="s">
        <v>198010</v>
      </c>
      <c r="G58950" s="1" t="s">
        <v>197979</v>
      </c>
      <c r="H58950" s="1" t="s">
        <v>197980</v>
      </c>
      <c r="I58950" s="1" t="s">
        <v>197673</v>
      </c>
      <c r="J58950" s="1" t="s">
        <v>198011</v>
      </c>
    </row>
    <row r="58951" spans="1:10" x14ac:dyDescent="0.35">
      <c r="A58951" s="1" t="s">
        <v>10098</v>
      </c>
      <c r="B58951" s="1" t="s">
        <v>197668</v>
      </c>
      <c r="C58951" s="1" t="s">
        <v>65</v>
      </c>
      <c r="D58951" s="1" t="s">
        <v>198012</v>
      </c>
      <c r="E58951" s="1" t="s">
        <v>198013</v>
      </c>
      <c r="F58951" s="1" t="s">
        <v>198014</v>
      </c>
      <c r="G58951" s="1" t="s">
        <v>197979</v>
      </c>
      <c r="H58951" s="1" t="s">
        <v>197980</v>
      </c>
      <c r="I58951" s="1" t="s">
        <v>197673</v>
      </c>
      <c r="J58951" s="1" t="s">
        <v>198015</v>
      </c>
    </row>
    <row r="58952" spans="1:10" x14ac:dyDescent="0.35">
      <c r="A58952" s="1" t="s">
        <v>10098</v>
      </c>
      <c r="B58952" s="1" t="s">
        <v>197668</v>
      </c>
      <c r="C58952" s="1" t="s">
        <v>70</v>
      </c>
      <c r="D58952" s="1" t="s">
        <v>175987</v>
      </c>
      <c r="E58952" s="1" t="s">
        <v>198016</v>
      </c>
      <c r="F58952" s="1" t="s">
        <v>198017</v>
      </c>
      <c r="G58952" s="1" t="s">
        <v>197979</v>
      </c>
      <c r="H58952" s="1" t="s">
        <v>197980</v>
      </c>
      <c r="I58952" s="1" t="s">
        <v>197673</v>
      </c>
      <c r="J58952" s="1" t="s">
        <v>198018</v>
      </c>
    </row>
    <row r="58953" spans="1:10" x14ac:dyDescent="0.35">
      <c r="A58953" s="1" t="s">
        <v>10098</v>
      </c>
      <c r="B58953" s="1" t="s">
        <v>197668</v>
      </c>
      <c r="C58953" s="1" t="s">
        <v>75</v>
      </c>
      <c r="D58953" s="1" t="s">
        <v>198019</v>
      </c>
      <c r="E58953" s="1" t="s">
        <v>198020</v>
      </c>
      <c r="F58953" s="1" t="s">
        <v>198021</v>
      </c>
      <c r="G58953" s="1" t="s">
        <v>197979</v>
      </c>
      <c r="H58953" s="1" t="s">
        <v>197980</v>
      </c>
      <c r="I58953" s="1" t="s">
        <v>197673</v>
      </c>
      <c r="J58953" s="1" t="s">
        <v>198022</v>
      </c>
    </row>
    <row r="58954" spans="1:10" x14ac:dyDescent="0.35">
      <c r="A58954" s="1" t="s">
        <v>10098</v>
      </c>
      <c r="B58954" s="1" t="s">
        <v>197668</v>
      </c>
      <c r="C58954" s="1" t="s">
        <v>80</v>
      </c>
      <c r="D58954" s="1" t="s">
        <v>177294</v>
      </c>
      <c r="E58954" s="1" t="s">
        <v>198023</v>
      </c>
      <c r="F58954" s="1" t="s">
        <v>198024</v>
      </c>
      <c r="G58954" s="1" t="s">
        <v>197979</v>
      </c>
      <c r="H58954" s="1" t="s">
        <v>197980</v>
      </c>
      <c r="I58954" s="1" t="s">
        <v>197673</v>
      </c>
      <c r="J58954" s="1" t="s">
        <v>198025</v>
      </c>
    </row>
    <row r="58955" spans="1:10" x14ac:dyDescent="0.35">
      <c r="A58955" s="1" t="s">
        <v>10098</v>
      </c>
      <c r="B58955" s="1" t="s">
        <v>197668</v>
      </c>
      <c r="C58955" s="1" t="s">
        <v>85</v>
      </c>
      <c r="D58955" s="1" t="s">
        <v>198026</v>
      </c>
      <c r="E58955" s="1" t="s">
        <v>198027</v>
      </c>
      <c r="F58955" s="1" t="s">
        <v>198028</v>
      </c>
      <c r="G58955" s="1" t="s">
        <v>197979</v>
      </c>
      <c r="H58955" s="1" t="s">
        <v>197980</v>
      </c>
      <c r="I58955" s="1" t="s">
        <v>197673</v>
      </c>
      <c r="J58955" s="1" t="s">
        <v>198029</v>
      </c>
    </row>
    <row r="58956" spans="1:10" x14ac:dyDescent="0.35">
      <c r="A58956" s="1" t="s">
        <v>10098</v>
      </c>
      <c r="B58956" s="1" t="s">
        <v>197668</v>
      </c>
      <c r="C58956" s="1" t="s">
        <v>90</v>
      </c>
      <c r="D58956" s="1" t="s">
        <v>198030</v>
      </c>
      <c r="E58956" s="1" t="s">
        <v>198031</v>
      </c>
      <c r="F58956" s="1" t="s">
        <v>198032</v>
      </c>
      <c r="G58956" s="1" t="s">
        <v>197979</v>
      </c>
      <c r="H58956" s="1" t="s">
        <v>197980</v>
      </c>
      <c r="I58956" s="1" t="s">
        <v>197673</v>
      </c>
      <c r="J58956" s="1" t="s">
        <v>198033</v>
      </c>
    </row>
    <row r="58957" spans="1:10" x14ac:dyDescent="0.35">
      <c r="A58957" s="1" t="s">
        <v>10098</v>
      </c>
      <c r="B58957" s="1" t="s">
        <v>197668</v>
      </c>
      <c r="C58957" s="1" t="s">
        <v>95</v>
      </c>
      <c r="D58957" s="1" t="s">
        <v>198034</v>
      </c>
      <c r="E58957" s="1" t="s">
        <v>198035</v>
      </c>
      <c r="F58957" s="1" t="s">
        <v>198036</v>
      </c>
      <c r="G58957" s="1" t="s">
        <v>197979</v>
      </c>
      <c r="H58957" s="1" t="s">
        <v>197980</v>
      </c>
      <c r="I58957" s="1" t="s">
        <v>197673</v>
      </c>
      <c r="J58957" s="1" t="s">
        <v>198037</v>
      </c>
    </row>
    <row r="58958" spans="1:10" x14ac:dyDescent="0.35">
      <c r="A58958" s="1" t="s">
        <v>10098</v>
      </c>
      <c r="B58958" s="1" t="s">
        <v>197668</v>
      </c>
      <c r="C58958" s="1" t="s">
        <v>100</v>
      </c>
      <c r="D58958" s="1" t="s">
        <v>198038</v>
      </c>
      <c r="E58958" s="1" t="s">
        <v>198039</v>
      </c>
      <c r="F58958" s="1" t="s">
        <v>198040</v>
      </c>
      <c r="G58958" s="1" t="s">
        <v>197979</v>
      </c>
      <c r="H58958" s="1" t="s">
        <v>197980</v>
      </c>
      <c r="I58958" s="1" t="s">
        <v>197673</v>
      </c>
      <c r="J58958" s="1" t="s">
        <v>198041</v>
      </c>
    </row>
    <row r="58959" spans="1:10" x14ac:dyDescent="0.35">
      <c r="A58959" s="1" t="s">
        <v>10098</v>
      </c>
      <c r="B58959" s="1" t="s">
        <v>197668</v>
      </c>
      <c r="C58959" s="1" t="s">
        <v>105</v>
      </c>
      <c r="D58959" s="1" t="s">
        <v>198042</v>
      </c>
      <c r="E58959" s="1" t="s">
        <v>198043</v>
      </c>
      <c r="F58959" s="1" t="s">
        <v>198044</v>
      </c>
      <c r="G58959" s="1" t="s">
        <v>197979</v>
      </c>
      <c r="H58959" s="1" t="s">
        <v>197980</v>
      </c>
      <c r="I58959" s="1" t="s">
        <v>197673</v>
      </c>
      <c r="J58959" s="1" t="s">
        <v>198045</v>
      </c>
    </row>
    <row r="58960" spans="1:10" x14ac:dyDescent="0.35">
      <c r="A58960" s="1" t="s">
        <v>10098</v>
      </c>
      <c r="B58960" s="1" t="s">
        <v>197668</v>
      </c>
      <c r="C58960" s="1" t="s">
        <v>110</v>
      </c>
      <c r="D58960" s="1" t="s">
        <v>98272</v>
      </c>
      <c r="E58960" s="1" t="s">
        <v>198046</v>
      </c>
      <c r="F58960" s="1" t="s">
        <v>198047</v>
      </c>
      <c r="G58960" s="1" t="s">
        <v>197979</v>
      </c>
      <c r="H58960" s="1" t="s">
        <v>197980</v>
      </c>
      <c r="I58960" s="1" t="s">
        <v>197673</v>
      </c>
      <c r="J58960" s="1" t="s">
        <v>198048</v>
      </c>
    </row>
    <row r="58961" spans="1:10" x14ac:dyDescent="0.35">
      <c r="A58961" s="1" t="s">
        <v>10098</v>
      </c>
      <c r="B58961" s="1" t="s">
        <v>197668</v>
      </c>
      <c r="C58961" s="1" t="s">
        <v>115</v>
      </c>
      <c r="D58961" s="1" t="s">
        <v>198049</v>
      </c>
      <c r="E58961" s="1" t="s">
        <v>198050</v>
      </c>
      <c r="F58961" s="1" t="s">
        <v>198051</v>
      </c>
      <c r="G58961" s="1" t="s">
        <v>197979</v>
      </c>
      <c r="H58961" s="1" t="s">
        <v>197980</v>
      </c>
      <c r="I58961" s="1" t="s">
        <v>197673</v>
      </c>
      <c r="J58961" s="1" t="s">
        <v>198052</v>
      </c>
    </row>
    <row r="58962" spans="1:10" x14ac:dyDescent="0.35">
      <c r="A58962" s="1" t="s">
        <v>10098</v>
      </c>
      <c r="B58962" s="1" t="s">
        <v>197668</v>
      </c>
      <c r="C58962" s="1" t="s">
        <v>120</v>
      </c>
      <c r="D58962" s="1" t="s">
        <v>180469</v>
      </c>
      <c r="E58962" s="1" t="s">
        <v>198053</v>
      </c>
      <c r="F58962" s="1" t="s">
        <v>198054</v>
      </c>
      <c r="G58962" s="1" t="s">
        <v>197979</v>
      </c>
      <c r="H58962" s="1" t="s">
        <v>197980</v>
      </c>
      <c r="I58962" s="1" t="s">
        <v>197673</v>
      </c>
      <c r="J58962" s="1" t="s">
        <v>198055</v>
      </c>
    </row>
    <row r="58963" spans="1:10" x14ac:dyDescent="0.35">
      <c r="A58963" s="1" t="s">
        <v>10098</v>
      </c>
      <c r="B58963" s="1" t="s">
        <v>197668</v>
      </c>
      <c r="C58963" s="1" t="s">
        <v>125</v>
      </c>
      <c r="D58963" s="1" t="s">
        <v>152511</v>
      </c>
      <c r="E58963" s="1" t="s">
        <v>198056</v>
      </c>
      <c r="F58963" s="1" t="s">
        <v>198057</v>
      </c>
      <c r="G58963" s="1" t="s">
        <v>197979</v>
      </c>
      <c r="H58963" s="1" t="s">
        <v>197980</v>
      </c>
      <c r="I58963" s="1" t="s">
        <v>197673</v>
      </c>
      <c r="J58963" s="1" t="s">
        <v>198058</v>
      </c>
    </row>
    <row r="58964" spans="1:10" x14ac:dyDescent="0.35">
      <c r="A58964" s="1" t="s">
        <v>10098</v>
      </c>
      <c r="B58964" s="1" t="s">
        <v>197668</v>
      </c>
      <c r="C58964" s="1" t="s">
        <v>130</v>
      </c>
      <c r="D58964" s="1" t="s">
        <v>108074</v>
      </c>
      <c r="E58964" s="1" t="s">
        <v>198059</v>
      </c>
      <c r="F58964" s="1" t="s">
        <v>198060</v>
      </c>
      <c r="G58964" s="1" t="s">
        <v>197979</v>
      </c>
      <c r="H58964" s="1" t="s">
        <v>197980</v>
      </c>
      <c r="I58964" s="1" t="s">
        <v>197673</v>
      </c>
      <c r="J58964" s="1" t="s">
        <v>198061</v>
      </c>
    </row>
    <row r="58965" spans="1:10" x14ac:dyDescent="0.35">
      <c r="A58965" s="1" t="s">
        <v>10098</v>
      </c>
      <c r="B58965" s="1" t="s">
        <v>197668</v>
      </c>
      <c r="C58965" s="1" t="s">
        <v>135</v>
      </c>
      <c r="D58965" s="1" t="s">
        <v>80266</v>
      </c>
      <c r="E58965" s="1" t="s">
        <v>198062</v>
      </c>
      <c r="F58965" s="1" t="s">
        <v>198063</v>
      </c>
      <c r="G58965" s="1" t="s">
        <v>197979</v>
      </c>
      <c r="H58965" s="1" t="s">
        <v>197980</v>
      </c>
      <c r="I58965" s="1" t="s">
        <v>197673</v>
      </c>
      <c r="J58965" s="1" t="s">
        <v>198064</v>
      </c>
    </row>
    <row r="58966" spans="1:10" x14ac:dyDescent="0.35">
      <c r="A58966" s="1" t="s">
        <v>10098</v>
      </c>
      <c r="B58966" s="1" t="s">
        <v>197668</v>
      </c>
      <c r="C58966" s="1" t="s">
        <v>140</v>
      </c>
      <c r="D58966" s="1" t="s">
        <v>180428</v>
      </c>
      <c r="E58966" s="1" t="s">
        <v>198065</v>
      </c>
      <c r="F58966" s="1" t="s">
        <v>198066</v>
      </c>
      <c r="G58966" s="1" t="s">
        <v>197979</v>
      </c>
      <c r="H58966" s="1" t="s">
        <v>197980</v>
      </c>
      <c r="I58966" s="1" t="s">
        <v>197673</v>
      </c>
      <c r="J58966" s="1" t="s">
        <v>198067</v>
      </c>
    </row>
    <row r="58967" spans="1:10" x14ac:dyDescent="0.35">
      <c r="A58967" s="1" t="s">
        <v>10098</v>
      </c>
      <c r="B58967" s="1" t="s">
        <v>197668</v>
      </c>
      <c r="C58967" s="1" t="s">
        <v>145</v>
      </c>
      <c r="D58967" s="1" t="s">
        <v>105595</v>
      </c>
      <c r="E58967" s="1" t="s">
        <v>198068</v>
      </c>
      <c r="F58967" s="1" t="s">
        <v>198069</v>
      </c>
      <c r="G58967" s="1" t="s">
        <v>197979</v>
      </c>
      <c r="H58967" s="1" t="s">
        <v>197980</v>
      </c>
      <c r="I58967" s="1" t="s">
        <v>197673</v>
      </c>
      <c r="J58967" s="1" t="s">
        <v>198070</v>
      </c>
    </row>
    <row r="58968" spans="1:10" x14ac:dyDescent="0.35">
      <c r="A58968" s="1" t="s">
        <v>10098</v>
      </c>
      <c r="B58968" s="1" t="s">
        <v>197668</v>
      </c>
      <c r="C58968" s="1" t="s">
        <v>150</v>
      </c>
      <c r="D58968" s="1" t="s">
        <v>198071</v>
      </c>
      <c r="E58968" s="1" t="s">
        <v>198072</v>
      </c>
      <c r="F58968" s="1" t="s">
        <v>198073</v>
      </c>
      <c r="G58968" s="1" t="s">
        <v>197979</v>
      </c>
      <c r="H58968" s="1" t="s">
        <v>197980</v>
      </c>
      <c r="I58968" s="1" t="s">
        <v>197673</v>
      </c>
      <c r="J58968" s="1" t="s">
        <v>198074</v>
      </c>
    </row>
    <row r="58969" spans="1:10" x14ac:dyDescent="0.35">
      <c r="A58969" s="1" t="s">
        <v>10098</v>
      </c>
      <c r="B58969" s="1" t="s">
        <v>197668</v>
      </c>
      <c r="C58969" s="1" t="s">
        <v>155</v>
      </c>
      <c r="D58969" s="1" t="s">
        <v>91940</v>
      </c>
      <c r="E58969" s="1" t="s">
        <v>198075</v>
      </c>
      <c r="F58969" s="1" t="s">
        <v>198076</v>
      </c>
      <c r="G58969" s="1" t="s">
        <v>197979</v>
      </c>
      <c r="H58969" s="1" t="s">
        <v>197980</v>
      </c>
      <c r="I58969" s="1" t="s">
        <v>197673</v>
      </c>
      <c r="J58969" s="1" t="s">
        <v>198077</v>
      </c>
    </row>
    <row r="58970" spans="1:10" x14ac:dyDescent="0.35">
      <c r="A58970" s="1" t="s">
        <v>10098</v>
      </c>
      <c r="B58970" s="1" t="s">
        <v>197668</v>
      </c>
      <c r="C58970" s="1" t="s">
        <v>160</v>
      </c>
      <c r="D58970" s="1" t="s">
        <v>198078</v>
      </c>
      <c r="E58970" s="1" t="s">
        <v>198079</v>
      </c>
      <c r="F58970" s="1" t="s">
        <v>198080</v>
      </c>
      <c r="G58970" s="1" t="s">
        <v>197979</v>
      </c>
      <c r="H58970" s="1" t="s">
        <v>197980</v>
      </c>
      <c r="I58970" s="1" t="s">
        <v>197673</v>
      </c>
      <c r="J58970" s="1" t="s">
        <v>198081</v>
      </c>
    </row>
    <row r="58971" spans="1:10" x14ac:dyDescent="0.35">
      <c r="A58971" s="1" t="s">
        <v>10098</v>
      </c>
      <c r="B58971" s="1" t="s">
        <v>197668</v>
      </c>
      <c r="C58971" s="1" t="s">
        <v>165</v>
      </c>
      <c r="D58971" s="1" t="s">
        <v>87175</v>
      </c>
      <c r="E58971" s="1" t="s">
        <v>198082</v>
      </c>
      <c r="F58971" s="1" t="s">
        <v>198083</v>
      </c>
      <c r="G58971" s="1" t="s">
        <v>197979</v>
      </c>
      <c r="H58971" s="1" t="s">
        <v>197980</v>
      </c>
      <c r="I58971" s="1" t="s">
        <v>197673</v>
      </c>
      <c r="J58971" s="1" t="s">
        <v>198084</v>
      </c>
    </row>
    <row r="58972" spans="1:10" x14ac:dyDescent="0.35">
      <c r="A58972" s="1" t="s">
        <v>10098</v>
      </c>
      <c r="B58972" s="1" t="s">
        <v>197668</v>
      </c>
      <c r="C58972" s="1" t="s">
        <v>170</v>
      </c>
      <c r="D58972" s="1" t="s">
        <v>62954</v>
      </c>
      <c r="E58972" s="1" t="s">
        <v>198085</v>
      </c>
      <c r="F58972" s="1" t="s">
        <v>198086</v>
      </c>
      <c r="G58972" s="1" t="s">
        <v>197979</v>
      </c>
      <c r="H58972" s="1" t="s">
        <v>197980</v>
      </c>
      <c r="I58972" s="1" t="s">
        <v>197673</v>
      </c>
      <c r="J58972" s="1" t="s">
        <v>198087</v>
      </c>
    </row>
    <row r="58973" spans="1:10" x14ac:dyDescent="0.35">
      <c r="A58973" s="1" t="s">
        <v>27689</v>
      </c>
      <c r="B58973" s="1" t="s">
        <v>197668</v>
      </c>
      <c r="C58973" s="1" t="s">
        <v>8</v>
      </c>
      <c r="D58973" s="1" t="s">
        <v>37040</v>
      </c>
      <c r="E58973" s="1" t="s">
        <v>198088</v>
      </c>
      <c r="F58973" s="1" t="s">
        <v>198089</v>
      </c>
      <c r="G58973" s="1" t="s">
        <v>198090</v>
      </c>
      <c r="H58973" s="1" t="s">
        <v>198091</v>
      </c>
      <c r="I58973" s="1" t="s">
        <v>197673</v>
      </c>
      <c r="J58973" s="1" t="s">
        <v>13</v>
      </c>
    </row>
    <row r="58974" spans="1:10" x14ac:dyDescent="0.35">
      <c r="A58974" s="1" t="s">
        <v>27689</v>
      </c>
      <c r="B58974" s="1" t="s">
        <v>197668</v>
      </c>
      <c r="C58974" s="1" t="s">
        <v>15</v>
      </c>
      <c r="D58974" s="1" t="s">
        <v>198092</v>
      </c>
      <c r="E58974" s="1" t="s">
        <v>198093</v>
      </c>
      <c r="F58974" s="1" t="s">
        <v>198094</v>
      </c>
      <c r="G58974" s="1" t="s">
        <v>198090</v>
      </c>
      <c r="H58974" s="1" t="s">
        <v>198091</v>
      </c>
      <c r="I58974" s="1" t="s">
        <v>197673</v>
      </c>
      <c r="J58974" s="1" t="s">
        <v>198095</v>
      </c>
    </row>
    <row r="58975" spans="1:10" x14ac:dyDescent="0.35">
      <c r="A58975" s="1" t="s">
        <v>27689</v>
      </c>
      <c r="B58975" s="1" t="s">
        <v>197668</v>
      </c>
      <c r="C58975" s="1" t="s">
        <v>20</v>
      </c>
      <c r="D58975" s="1" t="s">
        <v>116438</v>
      </c>
      <c r="E58975" s="1" t="s">
        <v>198096</v>
      </c>
      <c r="F58975" s="1" t="s">
        <v>198097</v>
      </c>
      <c r="G58975" s="1" t="s">
        <v>198090</v>
      </c>
      <c r="H58975" s="1" t="s">
        <v>198091</v>
      </c>
      <c r="I58975" s="1" t="s">
        <v>197673</v>
      </c>
      <c r="J58975" s="1" t="s">
        <v>198098</v>
      </c>
    </row>
    <row r="58976" spans="1:10" x14ac:dyDescent="0.35">
      <c r="A58976" s="1" t="s">
        <v>27689</v>
      </c>
      <c r="B58976" s="1" t="s">
        <v>197668</v>
      </c>
      <c r="C58976" s="1" t="s">
        <v>25</v>
      </c>
      <c r="D58976" s="1" t="s">
        <v>51777</v>
      </c>
      <c r="E58976" s="1" t="s">
        <v>198099</v>
      </c>
      <c r="F58976" s="1" t="s">
        <v>198100</v>
      </c>
      <c r="G58976" s="1" t="s">
        <v>198090</v>
      </c>
      <c r="H58976" s="1" t="s">
        <v>198091</v>
      </c>
      <c r="I58976" s="1" t="s">
        <v>197673</v>
      </c>
      <c r="J58976" s="1" t="s">
        <v>198101</v>
      </c>
    </row>
    <row r="58977" spans="1:10" x14ac:dyDescent="0.35">
      <c r="A58977" s="1" t="s">
        <v>27689</v>
      </c>
      <c r="B58977" s="1" t="s">
        <v>197668</v>
      </c>
      <c r="C58977" s="1" t="s">
        <v>30</v>
      </c>
      <c r="D58977" s="1" t="s">
        <v>46</v>
      </c>
      <c r="E58977" s="1" t="s">
        <v>198102</v>
      </c>
      <c r="F58977" s="1" t="s">
        <v>198103</v>
      </c>
      <c r="G58977" s="1" t="s">
        <v>198090</v>
      </c>
      <c r="H58977" s="1" t="s">
        <v>198091</v>
      </c>
      <c r="I58977" s="1" t="s">
        <v>197673</v>
      </c>
      <c r="J58977" s="1" t="s">
        <v>198104</v>
      </c>
    </row>
    <row r="58978" spans="1:10" x14ac:dyDescent="0.35">
      <c r="A58978" s="1" t="s">
        <v>27689</v>
      </c>
      <c r="B58978" s="1" t="s">
        <v>197668</v>
      </c>
      <c r="C58978" s="1" t="s">
        <v>35</v>
      </c>
      <c r="D58978" s="1" t="s">
        <v>178026</v>
      </c>
      <c r="E58978" s="1" t="s">
        <v>198105</v>
      </c>
      <c r="F58978" s="1" t="s">
        <v>198106</v>
      </c>
      <c r="G58978" s="1" t="s">
        <v>198090</v>
      </c>
      <c r="H58978" s="1" t="s">
        <v>198091</v>
      </c>
      <c r="I58978" s="1" t="s">
        <v>197673</v>
      </c>
      <c r="J58978" s="1" t="s">
        <v>198107</v>
      </c>
    </row>
    <row r="58979" spans="1:10" x14ac:dyDescent="0.35">
      <c r="A58979" s="1" t="s">
        <v>27689</v>
      </c>
      <c r="B58979" s="1" t="s">
        <v>197668</v>
      </c>
      <c r="C58979" s="1" t="s">
        <v>40</v>
      </c>
      <c r="D58979" s="1" t="s">
        <v>50849</v>
      </c>
      <c r="E58979" s="1" t="s">
        <v>198108</v>
      </c>
      <c r="F58979" s="1" t="s">
        <v>198109</v>
      </c>
      <c r="G58979" s="1" t="s">
        <v>198090</v>
      </c>
      <c r="H58979" s="1" t="s">
        <v>198091</v>
      </c>
      <c r="I58979" s="1" t="s">
        <v>197673</v>
      </c>
      <c r="J58979" s="1" t="s">
        <v>198110</v>
      </c>
    </row>
    <row r="58980" spans="1:10" x14ac:dyDescent="0.35">
      <c r="A58980" s="1" t="s">
        <v>27689</v>
      </c>
      <c r="B58980" s="1" t="s">
        <v>197668</v>
      </c>
      <c r="C58980" s="1" t="s">
        <v>45</v>
      </c>
      <c r="D58980" s="1" t="s">
        <v>396</v>
      </c>
      <c r="E58980" s="1" t="s">
        <v>198111</v>
      </c>
      <c r="F58980" s="1" t="s">
        <v>198112</v>
      </c>
      <c r="G58980" s="1" t="s">
        <v>198090</v>
      </c>
      <c r="H58980" s="1" t="s">
        <v>198091</v>
      </c>
      <c r="I58980" s="1" t="s">
        <v>197673</v>
      </c>
      <c r="J58980" s="1" t="s">
        <v>198113</v>
      </c>
    </row>
    <row r="58981" spans="1:10" x14ac:dyDescent="0.35">
      <c r="A58981" s="1" t="s">
        <v>27689</v>
      </c>
      <c r="B58981" s="1" t="s">
        <v>197668</v>
      </c>
      <c r="C58981" s="1" t="s">
        <v>50</v>
      </c>
      <c r="D58981" s="1" t="s">
        <v>32205</v>
      </c>
      <c r="E58981" s="1" t="s">
        <v>198114</v>
      </c>
      <c r="F58981" s="1" t="s">
        <v>198115</v>
      </c>
      <c r="G58981" s="1" t="s">
        <v>198090</v>
      </c>
      <c r="H58981" s="1" t="s">
        <v>198091</v>
      </c>
      <c r="I58981" s="1" t="s">
        <v>197673</v>
      </c>
      <c r="J58981" s="1" t="s">
        <v>198116</v>
      </c>
    </row>
    <row r="58982" spans="1:10" x14ac:dyDescent="0.35">
      <c r="A58982" s="1" t="s">
        <v>27689</v>
      </c>
      <c r="B58982" s="1" t="s">
        <v>197668</v>
      </c>
      <c r="C58982" s="1" t="s">
        <v>55</v>
      </c>
      <c r="D58982" s="1" t="s">
        <v>194835</v>
      </c>
      <c r="E58982" s="1" t="s">
        <v>198117</v>
      </c>
      <c r="F58982" s="1" t="s">
        <v>198118</v>
      </c>
      <c r="G58982" s="1" t="s">
        <v>198090</v>
      </c>
      <c r="H58982" s="1" t="s">
        <v>198091</v>
      </c>
      <c r="I58982" s="1" t="s">
        <v>197673</v>
      </c>
      <c r="J58982" s="1" t="s">
        <v>198119</v>
      </c>
    </row>
    <row r="58983" spans="1:10" x14ac:dyDescent="0.35">
      <c r="A58983" s="1" t="s">
        <v>27689</v>
      </c>
      <c r="B58983" s="1" t="s">
        <v>197668</v>
      </c>
      <c r="C58983" s="1" t="s">
        <v>60</v>
      </c>
      <c r="D58983" s="1" t="s">
        <v>3651</v>
      </c>
      <c r="E58983" s="1" t="s">
        <v>198120</v>
      </c>
      <c r="F58983" s="1" t="s">
        <v>198121</v>
      </c>
      <c r="G58983" s="1" t="s">
        <v>198090</v>
      </c>
      <c r="H58983" s="1" t="s">
        <v>198091</v>
      </c>
      <c r="I58983" s="1" t="s">
        <v>197673</v>
      </c>
      <c r="J58983" s="1" t="s">
        <v>198122</v>
      </c>
    </row>
    <row r="58984" spans="1:10" x14ac:dyDescent="0.35">
      <c r="A58984" s="1" t="s">
        <v>27689</v>
      </c>
      <c r="B58984" s="1" t="s">
        <v>197668</v>
      </c>
      <c r="C58984" s="1" t="s">
        <v>65</v>
      </c>
      <c r="D58984" s="1" t="s">
        <v>71619</v>
      </c>
      <c r="E58984" s="1" t="s">
        <v>198123</v>
      </c>
      <c r="F58984" s="1" t="s">
        <v>198124</v>
      </c>
      <c r="G58984" s="1" t="s">
        <v>198090</v>
      </c>
      <c r="H58984" s="1" t="s">
        <v>198091</v>
      </c>
      <c r="I58984" s="1" t="s">
        <v>197673</v>
      </c>
      <c r="J58984" s="1" t="s">
        <v>198125</v>
      </c>
    </row>
    <row r="58985" spans="1:10" x14ac:dyDescent="0.35">
      <c r="A58985" s="1" t="s">
        <v>27689</v>
      </c>
      <c r="B58985" s="1" t="s">
        <v>197668</v>
      </c>
      <c r="C58985" s="1" t="s">
        <v>70</v>
      </c>
      <c r="D58985" s="1" t="s">
        <v>198126</v>
      </c>
      <c r="E58985" s="1" t="s">
        <v>198127</v>
      </c>
      <c r="F58985" s="1" t="s">
        <v>198128</v>
      </c>
      <c r="G58985" s="1" t="s">
        <v>198090</v>
      </c>
      <c r="H58985" s="1" t="s">
        <v>198091</v>
      </c>
      <c r="I58985" s="1" t="s">
        <v>197673</v>
      </c>
      <c r="J58985" s="1" t="s">
        <v>198129</v>
      </c>
    </row>
    <row r="58986" spans="1:10" x14ac:dyDescent="0.35">
      <c r="A58986" s="1" t="s">
        <v>27689</v>
      </c>
      <c r="B58986" s="1" t="s">
        <v>197668</v>
      </c>
      <c r="C58986" s="1" t="s">
        <v>75</v>
      </c>
      <c r="D58986" s="1" t="s">
        <v>188538</v>
      </c>
      <c r="E58986" s="1" t="s">
        <v>198130</v>
      </c>
      <c r="F58986" s="1" t="s">
        <v>198131</v>
      </c>
      <c r="G58986" s="1" t="s">
        <v>198090</v>
      </c>
      <c r="H58986" s="1" t="s">
        <v>198091</v>
      </c>
      <c r="I58986" s="1" t="s">
        <v>197673</v>
      </c>
      <c r="J58986" s="1" t="s">
        <v>198132</v>
      </c>
    </row>
    <row r="58987" spans="1:10" x14ac:dyDescent="0.35">
      <c r="A58987" s="1" t="s">
        <v>27689</v>
      </c>
      <c r="B58987" s="1" t="s">
        <v>197668</v>
      </c>
      <c r="C58987" s="1" t="s">
        <v>80</v>
      </c>
      <c r="D58987" s="1" t="s">
        <v>82201</v>
      </c>
      <c r="E58987" s="1" t="s">
        <v>198133</v>
      </c>
      <c r="F58987" s="1" t="s">
        <v>198134</v>
      </c>
      <c r="G58987" s="1" t="s">
        <v>198090</v>
      </c>
      <c r="H58987" s="1" t="s">
        <v>198091</v>
      </c>
      <c r="I58987" s="1" t="s">
        <v>197673</v>
      </c>
      <c r="J58987" s="1" t="s">
        <v>198135</v>
      </c>
    </row>
    <row r="58988" spans="1:10" x14ac:dyDescent="0.35">
      <c r="A58988" s="1" t="s">
        <v>27689</v>
      </c>
      <c r="B58988" s="1" t="s">
        <v>197668</v>
      </c>
      <c r="C58988" s="1" t="s">
        <v>85</v>
      </c>
      <c r="D58988" s="1" t="s">
        <v>33054</v>
      </c>
      <c r="E58988" s="1" t="s">
        <v>198136</v>
      </c>
      <c r="F58988" s="1" t="s">
        <v>198137</v>
      </c>
      <c r="G58988" s="1" t="s">
        <v>198090</v>
      </c>
      <c r="H58988" s="1" t="s">
        <v>198091</v>
      </c>
      <c r="I58988" s="1" t="s">
        <v>197673</v>
      </c>
      <c r="J58988" s="1" t="s">
        <v>198138</v>
      </c>
    </row>
    <row r="58989" spans="1:10" x14ac:dyDescent="0.35">
      <c r="A58989" s="1" t="s">
        <v>27689</v>
      </c>
      <c r="B58989" s="1" t="s">
        <v>197668</v>
      </c>
      <c r="C58989" s="1" t="s">
        <v>90</v>
      </c>
      <c r="D58989" s="1" t="s">
        <v>892</v>
      </c>
      <c r="E58989" s="1" t="s">
        <v>198139</v>
      </c>
      <c r="F58989" s="1" t="s">
        <v>198140</v>
      </c>
      <c r="G58989" s="1" t="s">
        <v>198090</v>
      </c>
      <c r="H58989" s="1" t="s">
        <v>198091</v>
      </c>
      <c r="I58989" s="1" t="s">
        <v>197673</v>
      </c>
      <c r="J58989" s="1" t="s">
        <v>198141</v>
      </c>
    </row>
    <row r="58990" spans="1:10" x14ac:dyDescent="0.35">
      <c r="A58990" s="1" t="s">
        <v>27689</v>
      </c>
      <c r="B58990" s="1" t="s">
        <v>197668</v>
      </c>
      <c r="C58990" s="1" t="s">
        <v>95</v>
      </c>
      <c r="D58990" s="1" t="s">
        <v>198142</v>
      </c>
      <c r="E58990" s="1" t="s">
        <v>198143</v>
      </c>
      <c r="F58990" s="1" t="s">
        <v>198144</v>
      </c>
      <c r="G58990" s="1" t="s">
        <v>198090</v>
      </c>
      <c r="H58990" s="1" t="s">
        <v>198091</v>
      </c>
      <c r="I58990" s="1" t="s">
        <v>197673</v>
      </c>
      <c r="J58990" s="1" t="s">
        <v>198145</v>
      </c>
    </row>
    <row r="58991" spans="1:10" x14ac:dyDescent="0.35">
      <c r="A58991" s="1" t="s">
        <v>27689</v>
      </c>
      <c r="B58991" s="1" t="s">
        <v>197668</v>
      </c>
      <c r="C58991" s="1" t="s">
        <v>100</v>
      </c>
      <c r="D58991" s="1" t="s">
        <v>150780</v>
      </c>
      <c r="E58991" s="1" t="s">
        <v>198146</v>
      </c>
      <c r="F58991" s="1" t="s">
        <v>198147</v>
      </c>
      <c r="G58991" s="1" t="s">
        <v>198090</v>
      </c>
      <c r="H58991" s="1" t="s">
        <v>198091</v>
      </c>
      <c r="I58991" s="1" t="s">
        <v>197673</v>
      </c>
      <c r="J58991" s="1" t="s">
        <v>198148</v>
      </c>
    </row>
    <row r="58992" spans="1:10" x14ac:dyDescent="0.35">
      <c r="A58992" s="1" t="s">
        <v>27689</v>
      </c>
      <c r="B58992" s="1" t="s">
        <v>197668</v>
      </c>
      <c r="C58992" s="1" t="s">
        <v>105</v>
      </c>
      <c r="D58992" s="1" t="s">
        <v>198149</v>
      </c>
      <c r="E58992" s="1" t="s">
        <v>198150</v>
      </c>
      <c r="F58992" s="1" t="s">
        <v>198151</v>
      </c>
      <c r="G58992" s="1" t="s">
        <v>198090</v>
      </c>
      <c r="H58992" s="1" t="s">
        <v>198091</v>
      </c>
      <c r="I58992" s="1" t="s">
        <v>197673</v>
      </c>
      <c r="J58992" s="1" t="s">
        <v>198152</v>
      </c>
    </row>
    <row r="58993" spans="1:10" x14ac:dyDescent="0.35">
      <c r="A58993" s="1" t="s">
        <v>27689</v>
      </c>
      <c r="B58993" s="1" t="s">
        <v>197668</v>
      </c>
      <c r="C58993" s="1" t="s">
        <v>110</v>
      </c>
      <c r="D58993" s="1" t="s">
        <v>17470</v>
      </c>
      <c r="E58993" s="1" t="s">
        <v>198153</v>
      </c>
      <c r="F58993" s="1" t="s">
        <v>198154</v>
      </c>
      <c r="G58993" s="1" t="s">
        <v>198090</v>
      </c>
      <c r="H58993" s="1" t="s">
        <v>198091</v>
      </c>
      <c r="I58993" s="1" t="s">
        <v>197673</v>
      </c>
      <c r="J58993" s="1" t="s">
        <v>198155</v>
      </c>
    </row>
    <row r="58994" spans="1:10" x14ac:dyDescent="0.35">
      <c r="A58994" s="1" t="s">
        <v>27689</v>
      </c>
      <c r="B58994" s="1" t="s">
        <v>197668</v>
      </c>
      <c r="C58994" s="1" t="s">
        <v>115</v>
      </c>
      <c r="D58994" s="1" t="s">
        <v>198156</v>
      </c>
      <c r="E58994" s="1" t="s">
        <v>198157</v>
      </c>
      <c r="F58994" s="1" t="s">
        <v>198158</v>
      </c>
      <c r="G58994" s="1" t="s">
        <v>198090</v>
      </c>
      <c r="H58994" s="1" t="s">
        <v>198091</v>
      </c>
      <c r="I58994" s="1" t="s">
        <v>197673</v>
      </c>
      <c r="J58994" s="1" t="s">
        <v>198159</v>
      </c>
    </row>
    <row r="58995" spans="1:10" x14ac:dyDescent="0.35">
      <c r="A58995" s="1" t="s">
        <v>27689</v>
      </c>
      <c r="B58995" s="1" t="s">
        <v>197668</v>
      </c>
      <c r="C58995" s="1" t="s">
        <v>120</v>
      </c>
      <c r="D58995" s="1" t="s">
        <v>185067</v>
      </c>
      <c r="E58995" s="1" t="s">
        <v>198160</v>
      </c>
      <c r="F58995" s="1" t="s">
        <v>198161</v>
      </c>
      <c r="G58995" s="1" t="s">
        <v>198090</v>
      </c>
      <c r="H58995" s="1" t="s">
        <v>198091</v>
      </c>
      <c r="I58995" s="1" t="s">
        <v>197673</v>
      </c>
      <c r="J58995" s="1" t="s">
        <v>198162</v>
      </c>
    </row>
    <row r="58996" spans="1:10" x14ac:dyDescent="0.35">
      <c r="A58996" s="1" t="s">
        <v>27689</v>
      </c>
      <c r="B58996" s="1" t="s">
        <v>197668</v>
      </c>
      <c r="C58996" s="1" t="s">
        <v>125</v>
      </c>
      <c r="D58996" s="1" t="s">
        <v>189894</v>
      </c>
      <c r="E58996" s="1" t="s">
        <v>198163</v>
      </c>
      <c r="F58996" s="1" t="s">
        <v>198164</v>
      </c>
      <c r="G58996" s="1" t="s">
        <v>198090</v>
      </c>
      <c r="H58996" s="1" t="s">
        <v>198091</v>
      </c>
      <c r="I58996" s="1" t="s">
        <v>197673</v>
      </c>
      <c r="J58996" s="1" t="s">
        <v>198165</v>
      </c>
    </row>
    <row r="58997" spans="1:10" x14ac:dyDescent="0.35">
      <c r="A58997" s="1" t="s">
        <v>27689</v>
      </c>
      <c r="B58997" s="1" t="s">
        <v>197668</v>
      </c>
      <c r="C58997" s="1" t="s">
        <v>130</v>
      </c>
      <c r="D58997" s="1" t="s">
        <v>198166</v>
      </c>
      <c r="E58997" s="1" t="s">
        <v>198167</v>
      </c>
      <c r="F58997" s="1" t="s">
        <v>198168</v>
      </c>
      <c r="G58997" s="1" t="s">
        <v>198090</v>
      </c>
      <c r="H58997" s="1" t="s">
        <v>198091</v>
      </c>
      <c r="I58997" s="1" t="s">
        <v>197673</v>
      </c>
      <c r="J58997" s="1" t="s">
        <v>198169</v>
      </c>
    </row>
    <row r="58998" spans="1:10" x14ac:dyDescent="0.35">
      <c r="A58998" s="1" t="s">
        <v>27689</v>
      </c>
      <c r="B58998" s="1" t="s">
        <v>197668</v>
      </c>
      <c r="C58998" s="1" t="s">
        <v>135</v>
      </c>
      <c r="D58998" s="1" t="s">
        <v>119621</v>
      </c>
      <c r="E58998" s="1" t="s">
        <v>198170</v>
      </c>
      <c r="F58998" s="1" t="s">
        <v>198171</v>
      </c>
      <c r="G58998" s="1" t="s">
        <v>198090</v>
      </c>
      <c r="H58998" s="1" t="s">
        <v>198091</v>
      </c>
      <c r="I58998" s="1" t="s">
        <v>197673</v>
      </c>
      <c r="J58998" s="1" t="s">
        <v>198172</v>
      </c>
    </row>
    <row r="58999" spans="1:10" x14ac:dyDescent="0.35">
      <c r="A58999" s="1" t="s">
        <v>27689</v>
      </c>
      <c r="B58999" s="1" t="s">
        <v>197668</v>
      </c>
      <c r="C58999" s="1" t="s">
        <v>140</v>
      </c>
      <c r="D58999" s="1" t="s">
        <v>16308</v>
      </c>
      <c r="E58999" s="1" t="s">
        <v>198173</v>
      </c>
      <c r="F58999" s="1" t="s">
        <v>198174</v>
      </c>
      <c r="G58999" s="1" t="s">
        <v>198090</v>
      </c>
      <c r="H58999" s="1" t="s">
        <v>198091</v>
      </c>
      <c r="I58999" s="1" t="s">
        <v>197673</v>
      </c>
      <c r="J58999" s="1" t="s">
        <v>198175</v>
      </c>
    </row>
    <row r="59000" spans="1:10" x14ac:dyDescent="0.35">
      <c r="A59000" s="1" t="s">
        <v>27689</v>
      </c>
      <c r="B59000" s="1" t="s">
        <v>197668</v>
      </c>
      <c r="C59000" s="1" t="s">
        <v>145</v>
      </c>
      <c r="D59000" s="1" t="s">
        <v>109386</v>
      </c>
      <c r="E59000" s="1" t="s">
        <v>198176</v>
      </c>
      <c r="F59000" s="1" t="s">
        <v>198177</v>
      </c>
      <c r="G59000" s="1" t="s">
        <v>198090</v>
      </c>
      <c r="H59000" s="1" t="s">
        <v>198091</v>
      </c>
      <c r="I59000" s="1" t="s">
        <v>197673</v>
      </c>
      <c r="J59000" s="1" t="s">
        <v>198178</v>
      </c>
    </row>
    <row r="59001" spans="1:10" x14ac:dyDescent="0.35">
      <c r="A59001" s="1" t="s">
        <v>27689</v>
      </c>
      <c r="B59001" s="1" t="s">
        <v>197668</v>
      </c>
      <c r="C59001" s="1" t="s">
        <v>150</v>
      </c>
      <c r="D59001" s="1" t="s">
        <v>198179</v>
      </c>
      <c r="E59001" s="1" t="s">
        <v>19298</v>
      </c>
      <c r="F59001" s="1" t="s">
        <v>198180</v>
      </c>
      <c r="G59001" s="1" t="s">
        <v>198090</v>
      </c>
      <c r="H59001" s="1" t="s">
        <v>198091</v>
      </c>
      <c r="I59001" s="1" t="s">
        <v>197673</v>
      </c>
      <c r="J59001" s="1" t="s">
        <v>198181</v>
      </c>
    </row>
    <row r="59002" spans="1:10" x14ac:dyDescent="0.35">
      <c r="A59002" s="1" t="s">
        <v>27689</v>
      </c>
      <c r="B59002" s="1" t="s">
        <v>197668</v>
      </c>
      <c r="C59002" s="1" t="s">
        <v>155</v>
      </c>
      <c r="D59002" s="1" t="s">
        <v>77071</v>
      </c>
      <c r="E59002" s="1" t="s">
        <v>198182</v>
      </c>
      <c r="F59002" s="1" t="s">
        <v>198183</v>
      </c>
      <c r="G59002" s="1" t="s">
        <v>198090</v>
      </c>
      <c r="H59002" s="1" t="s">
        <v>198091</v>
      </c>
      <c r="I59002" s="1" t="s">
        <v>197673</v>
      </c>
      <c r="J59002" s="1" t="s">
        <v>198184</v>
      </c>
    </row>
    <row r="59003" spans="1:10" x14ac:dyDescent="0.35">
      <c r="A59003" s="1" t="s">
        <v>27689</v>
      </c>
      <c r="B59003" s="1" t="s">
        <v>197668</v>
      </c>
      <c r="C59003" s="1" t="s">
        <v>160</v>
      </c>
      <c r="D59003" s="1" t="s">
        <v>198185</v>
      </c>
      <c r="E59003" s="1" t="s">
        <v>198186</v>
      </c>
      <c r="F59003" s="1" t="s">
        <v>198187</v>
      </c>
      <c r="G59003" s="1" t="s">
        <v>198090</v>
      </c>
      <c r="H59003" s="1" t="s">
        <v>198091</v>
      </c>
      <c r="I59003" s="1" t="s">
        <v>197673</v>
      </c>
      <c r="J59003" s="1" t="s">
        <v>198188</v>
      </c>
    </row>
    <row r="59004" spans="1:10" x14ac:dyDescent="0.35">
      <c r="A59004" s="1" t="s">
        <v>27689</v>
      </c>
      <c r="B59004" s="1" t="s">
        <v>197668</v>
      </c>
      <c r="C59004" s="1" t="s">
        <v>165</v>
      </c>
      <c r="D59004" s="1" t="s">
        <v>198189</v>
      </c>
      <c r="E59004" s="1" t="s">
        <v>198190</v>
      </c>
      <c r="F59004" s="1" t="s">
        <v>198191</v>
      </c>
      <c r="G59004" s="1" t="s">
        <v>198090</v>
      </c>
      <c r="H59004" s="1" t="s">
        <v>198091</v>
      </c>
      <c r="I59004" s="1" t="s">
        <v>197673</v>
      </c>
      <c r="J59004" s="1" t="s">
        <v>198192</v>
      </c>
    </row>
    <row r="59005" spans="1:10" x14ac:dyDescent="0.35">
      <c r="A59005" s="1" t="s">
        <v>27689</v>
      </c>
      <c r="B59005" s="1" t="s">
        <v>197668</v>
      </c>
      <c r="C59005" s="1" t="s">
        <v>170</v>
      </c>
      <c r="D59005" s="1" t="s">
        <v>198193</v>
      </c>
      <c r="E59005" s="1" t="s">
        <v>198194</v>
      </c>
      <c r="F59005" s="1" t="s">
        <v>198195</v>
      </c>
      <c r="G59005" s="1" t="s">
        <v>198090</v>
      </c>
      <c r="H59005" s="1" t="s">
        <v>198091</v>
      </c>
      <c r="I59005" s="1" t="s">
        <v>197673</v>
      </c>
      <c r="J59005" s="1" t="s">
        <v>198196</v>
      </c>
    </row>
    <row r="59006" spans="1:10" x14ac:dyDescent="0.35">
      <c r="A59006" s="1" t="s">
        <v>27391</v>
      </c>
      <c r="B59006" s="1" t="s">
        <v>197668</v>
      </c>
      <c r="C59006" s="1" t="s">
        <v>8</v>
      </c>
      <c r="D59006" s="1" t="s">
        <v>18022</v>
      </c>
      <c r="E59006" s="1" t="s">
        <v>198197</v>
      </c>
      <c r="F59006" s="1" t="s">
        <v>198198</v>
      </c>
      <c r="G59006" s="1" t="s">
        <v>198199</v>
      </c>
      <c r="H59006" s="1" t="s">
        <v>198200</v>
      </c>
      <c r="I59006" s="1" t="s">
        <v>197673</v>
      </c>
      <c r="J59006" s="1" t="s">
        <v>13</v>
      </c>
    </row>
    <row r="59007" spans="1:10" x14ac:dyDescent="0.35">
      <c r="A59007" s="1" t="s">
        <v>27391</v>
      </c>
      <c r="B59007" s="1" t="s">
        <v>197668</v>
      </c>
      <c r="C59007" s="1" t="s">
        <v>15</v>
      </c>
      <c r="D59007" s="1" t="s">
        <v>184913</v>
      </c>
      <c r="E59007" s="1" t="s">
        <v>198201</v>
      </c>
      <c r="F59007" s="1" t="s">
        <v>198202</v>
      </c>
      <c r="G59007" s="1" t="s">
        <v>198199</v>
      </c>
      <c r="H59007" s="1" t="s">
        <v>198200</v>
      </c>
      <c r="I59007" s="1" t="s">
        <v>197673</v>
      </c>
      <c r="J59007" s="1" t="s">
        <v>198203</v>
      </c>
    </row>
    <row r="59008" spans="1:10" x14ac:dyDescent="0.35">
      <c r="A59008" s="1" t="s">
        <v>27391</v>
      </c>
      <c r="B59008" s="1" t="s">
        <v>197668</v>
      </c>
      <c r="C59008" s="1" t="s">
        <v>20</v>
      </c>
      <c r="D59008" s="1" t="s">
        <v>141653</v>
      </c>
      <c r="E59008" s="1" t="s">
        <v>198204</v>
      </c>
      <c r="F59008" s="1" t="s">
        <v>198205</v>
      </c>
      <c r="G59008" s="1" t="s">
        <v>198199</v>
      </c>
      <c r="H59008" s="1" t="s">
        <v>198200</v>
      </c>
      <c r="I59008" s="1" t="s">
        <v>197673</v>
      </c>
      <c r="J59008" s="1" t="s">
        <v>198206</v>
      </c>
    </row>
    <row r="59009" spans="1:10" x14ac:dyDescent="0.35">
      <c r="A59009" s="1" t="s">
        <v>27391</v>
      </c>
      <c r="B59009" s="1" t="s">
        <v>197668</v>
      </c>
      <c r="C59009" s="1" t="s">
        <v>25</v>
      </c>
      <c r="D59009" s="1" t="s">
        <v>47579</v>
      </c>
      <c r="E59009" s="1" t="s">
        <v>198207</v>
      </c>
      <c r="F59009" s="1" t="s">
        <v>198208</v>
      </c>
      <c r="G59009" s="1" t="s">
        <v>198199</v>
      </c>
      <c r="H59009" s="1" t="s">
        <v>198200</v>
      </c>
      <c r="I59009" s="1" t="s">
        <v>197673</v>
      </c>
      <c r="J59009" s="1" t="s">
        <v>198209</v>
      </c>
    </row>
    <row r="59010" spans="1:10" x14ac:dyDescent="0.35">
      <c r="A59010" s="1" t="s">
        <v>27391</v>
      </c>
      <c r="B59010" s="1" t="s">
        <v>197668</v>
      </c>
      <c r="C59010" s="1" t="s">
        <v>30</v>
      </c>
      <c r="D59010" s="1" t="s">
        <v>15667</v>
      </c>
      <c r="E59010" s="1" t="s">
        <v>198210</v>
      </c>
      <c r="F59010" s="1" t="s">
        <v>198211</v>
      </c>
      <c r="G59010" s="1" t="s">
        <v>198199</v>
      </c>
      <c r="H59010" s="1" t="s">
        <v>198200</v>
      </c>
      <c r="I59010" s="1" t="s">
        <v>197673</v>
      </c>
      <c r="J59010" s="1" t="s">
        <v>198212</v>
      </c>
    </row>
    <row r="59011" spans="1:10" x14ac:dyDescent="0.35">
      <c r="A59011" s="1" t="s">
        <v>27391</v>
      </c>
      <c r="B59011" s="1" t="s">
        <v>197668</v>
      </c>
      <c r="C59011" s="1" t="s">
        <v>35</v>
      </c>
      <c r="D59011" s="1" t="s">
        <v>114748</v>
      </c>
      <c r="E59011" s="1" t="s">
        <v>198213</v>
      </c>
      <c r="F59011" s="1" t="s">
        <v>198214</v>
      </c>
      <c r="G59011" s="1" t="s">
        <v>198199</v>
      </c>
      <c r="H59011" s="1" t="s">
        <v>198200</v>
      </c>
      <c r="I59011" s="1" t="s">
        <v>197673</v>
      </c>
      <c r="J59011" s="1" t="s">
        <v>198215</v>
      </c>
    </row>
    <row r="59012" spans="1:10" x14ac:dyDescent="0.35">
      <c r="A59012" s="1" t="s">
        <v>27391</v>
      </c>
      <c r="B59012" s="1" t="s">
        <v>197668</v>
      </c>
      <c r="C59012" s="1" t="s">
        <v>40</v>
      </c>
      <c r="D59012" s="1" t="s">
        <v>42825</v>
      </c>
      <c r="E59012" s="1" t="s">
        <v>198216</v>
      </c>
      <c r="F59012" s="1" t="s">
        <v>198217</v>
      </c>
      <c r="G59012" s="1" t="s">
        <v>198199</v>
      </c>
      <c r="H59012" s="1" t="s">
        <v>198200</v>
      </c>
      <c r="I59012" s="1" t="s">
        <v>197673</v>
      </c>
      <c r="J59012" s="1" t="s">
        <v>198218</v>
      </c>
    </row>
    <row r="59013" spans="1:10" x14ac:dyDescent="0.35">
      <c r="A59013" s="1" t="s">
        <v>27391</v>
      </c>
      <c r="B59013" s="1" t="s">
        <v>197668</v>
      </c>
      <c r="C59013" s="1" t="s">
        <v>45</v>
      </c>
      <c r="D59013" s="1" t="s">
        <v>182511</v>
      </c>
      <c r="E59013" s="1" t="s">
        <v>198219</v>
      </c>
      <c r="F59013" s="1" t="s">
        <v>198220</v>
      </c>
      <c r="G59013" s="1" t="s">
        <v>198199</v>
      </c>
      <c r="H59013" s="1" t="s">
        <v>198200</v>
      </c>
      <c r="I59013" s="1" t="s">
        <v>197673</v>
      </c>
      <c r="J59013" s="1" t="s">
        <v>198221</v>
      </c>
    </row>
    <row r="59014" spans="1:10" x14ac:dyDescent="0.35">
      <c r="A59014" s="1" t="s">
        <v>27391</v>
      </c>
      <c r="B59014" s="1" t="s">
        <v>197668</v>
      </c>
      <c r="C59014" s="1" t="s">
        <v>50</v>
      </c>
      <c r="D59014" s="1" t="s">
        <v>195469</v>
      </c>
      <c r="E59014" s="1" t="s">
        <v>198222</v>
      </c>
      <c r="F59014" s="1" t="s">
        <v>198223</v>
      </c>
      <c r="G59014" s="1" t="s">
        <v>198199</v>
      </c>
      <c r="H59014" s="1" t="s">
        <v>198200</v>
      </c>
      <c r="I59014" s="1" t="s">
        <v>197673</v>
      </c>
      <c r="J59014" s="1" t="s">
        <v>198224</v>
      </c>
    </row>
    <row r="59015" spans="1:10" x14ac:dyDescent="0.35">
      <c r="A59015" s="1" t="s">
        <v>27391</v>
      </c>
      <c r="B59015" s="1" t="s">
        <v>197668</v>
      </c>
      <c r="C59015" s="1" t="s">
        <v>55</v>
      </c>
      <c r="D59015" s="1" t="s">
        <v>153821</v>
      </c>
      <c r="E59015" s="1" t="s">
        <v>198225</v>
      </c>
      <c r="F59015" s="1" t="s">
        <v>198226</v>
      </c>
      <c r="G59015" s="1" t="s">
        <v>198199</v>
      </c>
      <c r="H59015" s="1" t="s">
        <v>198200</v>
      </c>
      <c r="I59015" s="1" t="s">
        <v>197673</v>
      </c>
      <c r="J59015" s="1" t="s">
        <v>198227</v>
      </c>
    </row>
    <row r="59016" spans="1:10" x14ac:dyDescent="0.35">
      <c r="A59016" s="1" t="s">
        <v>27391</v>
      </c>
      <c r="B59016" s="1" t="s">
        <v>197668</v>
      </c>
      <c r="C59016" s="1" t="s">
        <v>60</v>
      </c>
      <c r="D59016" s="1" t="s">
        <v>11620</v>
      </c>
      <c r="E59016" s="1" t="s">
        <v>198228</v>
      </c>
      <c r="F59016" s="1" t="s">
        <v>198229</v>
      </c>
      <c r="G59016" s="1" t="s">
        <v>198199</v>
      </c>
      <c r="H59016" s="1" t="s">
        <v>198200</v>
      </c>
      <c r="I59016" s="1" t="s">
        <v>197673</v>
      </c>
      <c r="J59016" s="1" t="s">
        <v>198230</v>
      </c>
    </row>
    <row r="59017" spans="1:10" x14ac:dyDescent="0.35">
      <c r="A59017" s="1" t="s">
        <v>27391</v>
      </c>
      <c r="B59017" s="1" t="s">
        <v>197668</v>
      </c>
      <c r="C59017" s="1" t="s">
        <v>65</v>
      </c>
      <c r="D59017" s="1" t="s">
        <v>149473</v>
      </c>
      <c r="E59017" s="1" t="s">
        <v>198231</v>
      </c>
      <c r="F59017" s="1" t="s">
        <v>198232</v>
      </c>
      <c r="G59017" s="1" t="s">
        <v>198199</v>
      </c>
      <c r="H59017" s="1" t="s">
        <v>198200</v>
      </c>
      <c r="I59017" s="1" t="s">
        <v>197673</v>
      </c>
      <c r="J59017" s="1" t="s">
        <v>198233</v>
      </c>
    </row>
    <row r="59018" spans="1:10" x14ac:dyDescent="0.35">
      <c r="A59018" s="1" t="s">
        <v>27391</v>
      </c>
      <c r="B59018" s="1" t="s">
        <v>197668</v>
      </c>
      <c r="C59018" s="1" t="s">
        <v>70</v>
      </c>
      <c r="D59018" s="1" t="s">
        <v>198234</v>
      </c>
      <c r="E59018" s="1" t="s">
        <v>198235</v>
      </c>
      <c r="F59018" s="1" t="s">
        <v>198236</v>
      </c>
      <c r="G59018" s="1" t="s">
        <v>198199</v>
      </c>
      <c r="H59018" s="1" t="s">
        <v>198200</v>
      </c>
      <c r="I59018" s="1" t="s">
        <v>197673</v>
      </c>
      <c r="J59018" s="1" t="s">
        <v>198237</v>
      </c>
    </row>
    <row r="59019" spans="1:10" x14ac:dyDescent="0.35">
      <c r="A59019" s="1" t="s">
        <v>27391</v>
      </c>
      <c r="B59019" s="1" t="s">
        <v>197668</v>
      </c>
      <c r="C59019" s="1" t="s">
        <v>75</v>
      </c>
      <c r="D59019" s="1" t="s">
        <v>198238</v>
      </c>
      <c r="E59019" s="1" t="s">
        <v>198239</v>
      </c>
      <c r="F59019" s="1" t="s">
        <v>198240</v>
      </c>
      <c r="G59019" s="1" t="s">
        <v>198199</v>
      </c>
      <c r="H59019" s="1" t="s">
        <v>198200</v>
      </c>
      <c r="I59019" s="1" t="s">
        <v>197673</v>
      </c>
      <c r="J59019" s="1" t="s">
        <v>198241</v>
      </c>
    </row>
    <row r="59020" spans="1:10" x14ac:dyDescent="0.35">
      <c r="A59020" s="1" t="s">
        <v>27391</v>
      </c>
      <c r="B59020" s="1" t="s">
        <v>197668</v>
      </c>
      <c r="C59020" s="1" t="s">
        <v>80</v>
      </c>
      <c r="D59020" s="1" t="s">
        <v>19043</v>
      </c>
      <c r="E59020" s="1" t="s">
        <v>198242</v>
      </c>
      <c r="F59020" s="1" t="s">
        <v>198243</v>
      </c>
      <c r="G59020" s="1" t="s">
        <v>198199</v>
      </c>
      <c r="H59020" s="1" t="s">
        <v>198200</v>
      </c>
      <c r="I59020" s="1" t="s">
        <v>197673</v>
      </c>
      <c r="J59020" s="1" t="s">
        <v>198244</v>
      </c>
    </row>
    <row r="59021" spans="1:10" x14ac:dyDescent="0.35">
      <c r="A59021" s="1" t="s">
        <v>27391</v>
      </c>
      <c r="B59021" s="1" t="s">
        <v>197668</v>
      </c>
      <c r="C59021" s="1" t="s">
        <v>85</v>
      </c>
      <c r="D59021" s="1" t="s">
        <v>107440</v>
      </c>
      <c r="E59021" s="1" t="s">
        <v>198245</v>
      </c>
      <c r="F59021" s="1" t="s">
        <v>198246</v>
      </c>
      <c r="G59021" s="1" t="s">
        <v>198199</v>
      </c>
      <c r="H59021" s="1" t="s">
        <v>198200</v>
      </c>
      <c r="I59021" s="1" t="s">
        <v>197673</v>
      </c>
      <c r="J59021" s="1" t="s">
        <v>198247</v>
      </c>
    </row>
    <row r="59022" spans="1:10" x14ac:dyDescent="0.35">
      <c r="A59022" s="1" t="s">
        <v>27391</v>
      </c>
      <c r="B59022" s="1" t="s">
        <v>197668</v>
      </c>
      <c r="C59022" s="1" t="s">
        <v>90</v>
      </c>
      <c r="D59022" s="1" t="s">
        <v>198248</v>
      </c>
      <c r="E59022" s="1" t="s">
        <v>198249</v>
      </c>
      <c r="F59022" s="1" t="s">
        <v>198250</v>
      </c>
      <c r="G59022" s="1" t="s">
        <v>198199</v>
      </c>
      <c r="H59022" s="1" t="s">
        <v>198200</v>
      </c>
      <c r="I59022" s="1" t="s">
        <v>197673</v>
      </c>
      <c r="J59022" s="1" t="s">
        <v>198251</v>
      </c>
    </row>
    <row r="59023" spans="1:10" x14ac:dyDescent="0.35">
      <c r="A59023" s="1" t="s">
        <v>27391</v>
      </c>
      <c r="B59023" s="1" t="s">
        <v>197668</v>
      </c>
      <c r="C59023" s="1" t="s">
        <v>95</v>
      </c>
      <c r="D59023" s="1" t="s">
        <v>198252</v>
      </c>
      <c r="E59023" s="1" t="s">
        <v>198253</v>
      </c>
      <c r="F59023" s="1" t="s">
        <v>198254</v>
      </c>
      <c r="G59023" s="1" t="s">
        <v>198199</v>
      </c>
      <c r="H59023" s="1" t="s">
        <v>198200</v>
      </c>
      <c r="I59023" s="1" t="s">
        <v>197673</v>
      </c>
      <c r="J59023" s="1" t="s">
        <v>198255</v>
      </c>
    </row>
    <row r="59024" spans="1:10" x14ac:dyDescent="0.35">
      <c r="A59024" s="1" t="s">
        <v>27391</v>
      </c>
      <c r="B59024" s="1" t="s">
        <v>197668</v>
      </c>
      <c r="C59024" s="1" t="s">
        <v>100</v>
      </c>
      <c r="D59024" s="1" t="s">
        <v>147219</v>
      </c>
      <c r="E59024" s="1" t="s">
        <v>198256</v>
      </c>
      <c r="F59024" s="1" t="s">
        <v>198257</v>
      </c>
      <c r="G59024" s="1" t="s">
        <v>198199</v>
      </c>
      <c r="H59024" s="1" t="s">
        <v>198200</v>
      </c>
      <c r="I59024" s="1" t="s">
        <v>197673</v>
      </c>
      <c r="J59024" s="1" t="s">
        <v>198258</v>
      </c>
    </row>
    <row r="59025" spans="1:10" x14ac:dyDescent="0.35">
      <c r="A59025" s="1" t="s">
        <v>27391</v>
      </c>
      <c r="B59025" s="1" t="s">
        <v>197668</v>
      </c>
      <c r="C59025" s="1" t="s">
        <v>105</v>
      </c>
      <c r="D59025" s="1" t="s">
        <v>198259</v>
      </c>
      <c r="E59025" s="1" t="s">
        <v>198260</v>
      </c>
      <c r="F59025" s="1" t="s">
        <v>198261</v>
      </c>
      <c r="G59025" s="1" t="s">
        <v>198199</v>
      </c>
      <c r="H59025" s="1" t="s">
        <v>198200</v>
      </c>
      <c r="I59025" s="1" t="s">
        <v>197673</v>
      </c>
      <c r="J59025" s="1" t="s">
        <v>198262</v>
      </c>
    </row>
    <row r="59026" spans="1:10" x14ac:dyDescent="0.35">
      <c r="A59026" s="1" t="s">
        <v>27391</v>
      </c>
      <c r="B59026" s="1" t="s">
        <v>197668</v>
      </c>
      <c r="C59026" s="1" t="s">
        <v>110</v>
      </c>
      <c r="D59026" s="1" t="s">
        <v>107379</v>
      </c>
      <c r="E59026" s="1" t="s">
        <v>198263</v>
      </c>
      <c r="F59026" s="1" t="s">
        <v>198264</v>
      </c>
      <c r="G59026" s="1" t="s">
        <v>198199</v>
      </c>
      <c r="H59026" s="1" t="s">
        <v>198200</v>
      </c>
      <c r="I59026" s="1" t="s">
        <v>197673</v>
      </c>
      <c r="J59026" s="1" t="s">
        <v>198265</v>
      </c>
    </row>
    <row r="59027" spans="1:10" x14ac:dyDescent="0.35">
      <c r="A59027" s="1" t="s">
        <v>27391</v>
      </c>
      <c r="B59027" s="1" t="s">
        <v>197668</v>
      </c>
      <c r="C59027" s="1" t="s">
        <v>115</v>
      </c>
      <c r="D59027" s="1" t="s">
        <v>107827</v>
      </c>
      <c r="E59027" s="1" t="s">
        <v>198266</v>
      </c>
      <c r="F59027" s="1" t="s">
        <v>198267</v>
      </c>
      <c r="G59027" s="1" t="s">
        <v>198199</v>
      </c>
      <c r="H59027" s="1" t="s">
        <v>198200</v>
      </c>
      <c r="I59027" s="1" t="s">
        <v>197673</v>
      </c>
      <c r="J59027" s="1" t="s">
        <v>198268</v>
      </c>
    </row>
    <row r="59028" spans="1:10" x14ac:dyDescent="0.35">
      <c r="A59028" s="1" t="s">
        <v>27391</v>
      </c>
      <c r="B59028" s="1" t="s">
        <v>197668</v>
      </c>
      <c r="C59028" s="1" t="s">
        <v>120</v>
      </c>
      <c r="D59028" s="1" t="s">
        <v>101396</v>
      </c>
      <c r="E59028" s="1" t="s">
        <v>198269</v>
      </c>
      <c r="F59028" s="1" t="s">
        <v>198270</v>
      </c>
      <c r="G59028" s="1" t="s">
        <v>198199</v>
      </c>
      <c r="H59028" s="1" t="s">
        <v>198200</v>
      </c>
      <c r="I59028" s="1" t="s">
        <v>197673</v>
      </c>
      <c r="J59028" s="1" t="s">
        <v>198271</v>
      </c>
    </row>
    <row r="59029" spans="1:10" x14ac:dyDescent="0.35">
      <c r="A59029" s="1" t="s">
        <v>27391</v>
      </c>
      <c r="B59029" s="1" t="s">
        <v>197668</v>
      </c>
      <c r="C59029" s="1" t="s">
        <v>125</v>
      </c>
      <c r="D59029" s="1" t="s">
        <v>198272</v>
      </c>
      <c r="E59029" s="1" t="s">
        <v>198273</v>
      </c>
      <c r="F59029" s="1" t="s">
        <v>198274</v>
      </c>
      <c r="G59029" s="1" t="s">
        <v>198199</v>
      </c>
      <c r="H59029" s="1" t="s">
        <v>198200</v>
      </c>
      <c r="I59029" s="1" t="s">
        <v>197673</v>
      </c>
      <c r="J59029" s="1" t="s">
        <v>198275</v>
      </c>
    </row>
    <row r="59030" spans="1:10" x14ac:dyDescent="0.35">
      <c r="A59030" s="1" t="s">
        <v>27391</v>
      </c>
      <c r="B59030" s="1" t="s">
        <v>197668</v>
      </c>
      <c r="C59030" s="1" t="s">
        <v>130</v>
      </c>
      <c r="D59030" s="1" t="s">
        <v>106634</v>
      </c>
      <c r="E59030" s="1" t="s">
        <v>198276</v>
      </c>
      <c r="F59030" s="1" t="s">
        <v>198277</v>
      </c>
      <c r="G59030" s="1" t="s">
        <v>198199</v>
      </c>
      <c r="H59030" s="1" t="s">
        <v>198200</v>
      </c>
      <c r="I59030" s="1" t="s">
        <v>197673</v>
      </c>
      <c r="J59030" s="1" t="s">
        <v>198278</v>
      </c>
    </row>
    <row r="59031" spans="1:10" x14ac:dyDescent="0.35">
      <c r="A59031" s="1" t="s">
        <v>27391</v>
      </c>
      <c r="B59031" s="1" t="s">
        <v>197668</v>
      </c>
      <c r="C59031" s="1" t="s">
        <v>135</v>
      </c>
      <c r="D59031" s="1" t="s">
        <v>65354</v>
      </c>
      <c r="E59031" s="1" t="s">
        <v>198279</v>
      </c>
      <c r="F59031" s="1" t="s">
        <v>198280</v>
      </c>
      <c r="G59031" s="1" t="s">
        <v>198199</v>
      </c>
      <c r="H59031" s="1" t="s">
        <v>198200</v>
      </c>
      <c r="I59031" s="1" t="s">
        <v>197673</v>
      </c>
      <c r="J59031" s="1" t="s">
        <v>198281</v>
      </c>
    </row>
    <row r="59032" spans="1:10" x14ac:dyDescent="0.35">
      <c r="A59032" s="1" t="s">
        <v>27391</v>
      </c>
      <c r="B59032" s="1" t="s">
        <v>197668</v>
      </c>
      <c r="C59032" s="1" t="s">
        <v>140</v>
      </c>
      <c r="D59032" s="1" t="s">
        <v>23910</v>
      </c>
      <c r="E59032" s="1" t="s">
        <v>198282</v>
      </c>
      <c r="F59032" s="1" t="s">
        <v>198283</v>
      </c>
      <c r="G59032" s="1" t="s">
        <v>198199</v>
      </c>
      <c r="H59032" s="1" t="s">
        <v>198200</v>
      </c>
      <c r="I59032" s="1" t="s">
        <v>197673</v>
      </c>
      <c r="J59032" s="1" t="s">
        <v>198284</v>
      </c>
    </row>
    <row r="59033" spans="1:10" x14ac:dyDescent="0.35">
      <c r="A59033" s="1" t="s">
        <v>27391</v>
      </c>
      <c r="B59033" s="1" t="s">
        <v>197668</v>
      </c>
      <c r="C59033" s="1" t="s">
        <v>145</v>
      </c>
      <c r="D59033" s="1" t="s">
        <v>126225</v>
      </c>
      <c r="E59033" s="1" t="s">
        <v>198285</v>
      </c>
      <c r="F59033" s="1" t="s">
        <v>198286</v>
      </c>
      <c r="G59033" s="1" t="s">
        <v>198199</v>
      </c>
      <c r="H59033" s="1" t="s">
        <v>198200</v>
      </c>
      <c r="I59033" s="1" t="s">
        <v>197673</v>
      </c>
      <c r="J59033" s="1" t="s">
        <v>198287</v>
      </c>
    </row>
    <row r="59034" spans="1:10" x14ac:dyDescent="0.35">
      <c r="A59034" s="1" t="s">
        <v>27391</v>
      </c>
      <c r="B59034" s="1" t="s">
        <v>197668</v>
      </c>
      <c r="C59034" s="1" t="s">
        <v>150</v>
      </c>
      <c r="D59034" s="1" t="s">
        <v>88665</v>
      </c>
      <c r="E59034" s="1" t="s">
        <v>198288</v>
      </c>
      <c r="F59034" s="1" t="s">
        <v>198289</v>
      </c>
      <c r="G59034" s="1" t="s">
        <v>198199</v>
      </c>
      <c r="H59034" s="1" t="s">
        <v>198200</v>
      </c>
      <c r="I59034" s="1" t="s">
        <v>197673</v>
      </c>
      <c r="J59034" s="1" t="s">
        <v>198290</v>
      </c>
    </row>
    <row r="59035" spans="1:10" x14ac:dyDescent="0.35">
      <c r="A59035" s="1" t="s">
        <v>27391</v>
      </c>
      <c r="B59035" s="1" t="s">
        <v>197668</v>
      </c>
      <c r="C59035" s="1" t="s">
        <v>155</v>
      </c>
      <c r="D59035" s="1" t="s">
        <v>198291</v>
      </c>
      <c r="E59035" s="1" t="s">
        <v>198292</v>
      </c>
      <c r="F59035" s="1" t="s">
        <v>198293</v>
      </c>
      <c r="G59035" s="1" t="s">
        <v>198199</v>
      </c>
      <c r="H59035" s="1" t="s">
        <v>198200</v>
      </c>
      <c r="I59035" s="1" t="s">
        <v>197673</v>
      </c>
      <c r="J59035" s="1" t="s">
        <v>198294</v>
      </c>
    </row>
    <row r="59036" spans="1:10" x14ac:dyDescent="0.35">
      <c r="A59036" s="1" t="s">
        <v>27391</v>
      </c>
      <c r="B59036" s="1" t="s">
        <v>197668</v>
      </c>
      <c r="C59036" s="1" t="s">
        <v>160</v>
      </c>
      <c r="D59036" s="1" t="s">
        <v>198295</v>
      </c>
      <c r="E59036" s="1" t="s">
        <v>198296</v>
      </c>
      <c r="F59036" s="1" t="s">
        <v>198297</v>
      </c>
      <c r="G59036" s="1" t="s">
        <v>198199</v>
      </c>
      <c r="H59036" s="1" t="s">
        <v>198200</v>
      </c>
      <c r="I59036" s="1" t="s">
        <v>197673</v>
      </c>
      <c r="J59036" s="1" t="s">
        <v>198298</v>
      </c>
    </row>
    <row r="59037" spans="1:10" x14ac:dyDescent="0.35">
      <c r="A59037" s="1" t="s">
        <v>27391</v>
      </c>
      <c r="B59037" s="1" t="s">
        <v>197668</v>
      </c>
      <c r="C59037" s="1" t="s">
        <v>165</v>
      </c>
      <c r="D59037" s="1" t="s">
        <v>59290</v>
      </c>
      <c r="E59037" s="1" t="s">
        <v>198299</v>
      </c>
      <c r="F59037" s="1" t="s">
        <v>198300</v>
      </c>
      <c r="G59037" s="1" t="s">
        <v>198199</v>
      </c>
      <c r="H59037" s="1" t="s">
        <v>198200</v>
      </c>
      <c r="I59037" s="1" t="s">
        <v>197673</v>
      </c>
      <c r="J59037" s="1" t="s">
        <v>198301</v>
      </c>
    </row>
    <row r="59038" spans="1:10" x14ac:dyDescent="0.35">
      <c r="A59038" s="1" t="s">
        <v>27391</v>
      </c>
      <c r="B59038" s="1" t="s">
        <v>197668</v>
      </c>
      <c r="C59038" s="1" t="s">
        <v>170</v>
      </c>
      <c r="D59038" s="1" t="s">
        <v>198302</v>
      </c>
      <c r="E59038" s="1" t="s">
        <v>198303</v>
      </c>
      <c r="F59038" s="1" t="s">
        <v>198304</v>
      </c>
      <c r="G59038" s="1" t="s">
        <v>198199</v>
      </c>
      <c r="H59038" s="1" t="s">
        <v>198200</v>
      </c>
      <c r="I59038" s="1" t="s">
        <v>197673</v>
      </c>
      <c r="J59038" s="1" t="s">
        <v>198305</v>
      </c>
    </row>
    <row r="59039" spans="1:10" x14ac:dyDescent="0.35">
      <c r="A59039" s="1" t="s">
        <v>142472</v>
      </c>
      <c r="B59039" s="1" t="s">
        <v>197668</v>
      </c>
      <c r="C59039" s="1" t="s">
        <v>8</v>
      </c>
      <c r="D59039" s="1" t="s">
        <v>198306</v>
      </c>
      <c r="E59039" s="1" t="s">
        <v>198307</v>
      </c>
      <c r="F59039" s="1" t="s">
        <v>198308</v>
      </c>
      <c r="G59039" s="1" t="s">
        <v>198309</v>
      </c>
      <c r="H59039" s="1" t="s">
        <v>198310</v>
      </c>
      <c r="I59039" s="1" t="s">
        <v>197673</v>
      </c>
      <c r="J59039" s="1" t="s">
        <v>13</v>
      </c>
    </row>
    <row r="59040" spans="1:10" x14ac:dyDescent="0.35">
      <c r="A59040" s="1" t="s">
        <v>142472</v>
      </c>
      <c r="B59040" s="1" t="s">
        <v>197668</v>
      </c>
      <c r="C59040" s="1" t="s">
        <v>15</v>
      </c>
      <c r="D59040" s="1" t="s">
        <v>31796</v>
      </c>
      <c r="E59040" s="1" t="s">
        <v>198311</v>
      </c>
      <c r="F59040" s="1" t="s">
        <v>198312</v>
      </c>
      <c r="G59040" s="1" t="s">
        <v>198309</v>
      </c>
      <c r="H59040" s="1" t="s">
        <v>198310</v>
      </c>
      <c r="I59040" s="1" t="s">
        <v>197673</v>
      </c>
      <c r="J59040" s="1" t="s">
        <v>198313</v>
      </c>
    </row>
    <row r="59041" spans="1:10" x14ac:dyDescent="0.35">
      <c r="A59041" s="1" t="s">
        <v>142472</v>
      </c>
      <c r="B59041" s="1" t="s">
        <v>197668</v>
      </c>
      <c r="C59041" s="1" t="s">
        <v>20</v>
      </c>
      <c r="D59041" s="1" t="s">
        <v>198314</v>
      </c>
      <c r="E59041" s="1" t="s">
        <v>198315</v>
      </c>
      <c r="F59041" s="1" t="s">
        <v>198316</v>
      </c>
      <c r="G59041" s="1" t="s">
        <v>198309</v>
      </c>
      <c r="H59041" s="1" t="s">
        <v>198310</v>
      </c>
      <c r="I59041" s="1" t="s">
        <v>197673</v>
      </c>
      <c r="J59041" s="1" t="s">
        <v>198317</v>
      </c>
    </row>
    <row r="59042" spans="1:10" x14ac:dyDescent="0.35">
      <c r="A59042" s="1" t="s">
        <v>142472</v>
      </c>
      <c r="B59042" s="1" t="s">
        <v>197668</v>
      </c>
      <c r="C59042" s="1" t="s">
        <v>25</v>
      </c>
      <c r="D59042" s="1" t="s">
        <v>198318</v>
      </c>
      <c r="E59042" s="1" t="s">
        <v>198319</v>
      </c>
      <c r="F59042" s="1" t="s">
        <v>198320</v>
      </c>
      <c r="G59042" s="1" t="s">
        <v>198309</v>
      </c>
      <c r="H59042" s="1" t="s">
        <v>198310</v>
      </c>
      <c r="I59042" s="1" t="s">
        <v>197673</v>
      </c>
      <c r="J59042" s="1" t="s">
        <v>198321</v>
      </c>
    </row>
    <row r="59043" spans="1:10" x14ac:dyDescent="0.35">
      <c r="A59043" s="1" t="s">
        <v>142472</v>
      </c>
      <c r="B59043" s="1" t="s">
        <v>197668</v>
      </c>
      <c r="C59043" s="1" t="s">
        <v>30</v>
      </c>
      <c r="D59043" s="1" t="s">
        <v>13641</v>
      </c>
      <c r="E59043" s="1" t="s">
        <v>198322</v>
      </c>
      <c r="F59043" s="1" t="s">
        <v>198323</v>
      </c>
      <c r="G59043" s="1" t="s">
        <v>198309</v>
      </c>
      <c r="H59043" s="1" t="s">
        <v>198310</v>
      </c>
      <c r="I59043" s="1" t="s">
        <v>197673</v>
      </c>
      <c r="J59043" s="1" t="s">
        <v>198324</v>
      </c>
    </row>
    <row r="59044" spans="1:10" x14ac:dyDescent="0.35">
      <c r="A59044" s="1" t="s">
        <v>142472</v>
      </c>
      <c r="B59044" s="1" t="s">
        <v>197668</v>
      </c>
      <c r="C59044" s="1" t="s">
        <v>35</v>
      </c>
      <c r="D59044" s="1" t="s">
        <v>83141</v>
      </c>
      <c r="E59044" s="1" t="s">
        <v>198325</v>
      </c>
      <c r="F59044" s="1" t="s">
        <v>198326</v>
      </c>
      <c r="G59044" s="1" t="s">
        <v>198309</v>
      </c>
      <c r="H59044" s="1" t="s">
        <v>198310</v>
      </c>
      <c r="I59044" s="1" t="s">
        <v>197673</v>
      </c>
      <c r="J59044" s="1" t="s">
        <v>198327</v>
      </c>
    </row>
    <row r="59045" spans="1:10" x14ac:dyDescent="0.35">
      <c r="A59045" s="1" t="s">
        <v>142472</v>
      </c>
      <c r="B59045" s="1" t="s">
        <v>197668</v>
      </c>
      <c r="C59045" s="1" t="s">
        <v>40</v>
      </c>
      <c r="D59045" s="1" t="s">
        <v>198328</v>
      </c>
      <c r="E59045" s="1" t="s">
        <v>198329</v>
      </c>
      <c r="F59045" s="1" t="s">
        <v>198330</v>
      </c>
      <c r="G59045" s="1" t="s">
        <v>198309</v>
      </c>
      <c r="H59045" s="1" t="s">
        <v>198310</v>
      </c>
      <c r="I59045" s="1" t="s">
        <v>197673</v>
      </c>
      <c r="J59045" s="1" t="s">
        <v>198331</v>
      </c>
    </row>
    <row r="59046" spans="1:10" x14ac:dyDescent="0.35">
      <c r="A59046" s="1" t="s">
        <v>142472</v>
      </c>
      <c r="B59046" s="1" t="s">
        <v>197668</v>
      </c>
      <c r="C59046" s="1" t="s">
        <v>45</v>
      </c>
      <c r="D59046" s="1" t="s">
        <v>198332</v>
      </c>
      <c r="E59046" s="1" t="s">
        <v>198333</v>
      </c>
      <c r="F59046" s="1" t="s">
        <v>198334</v>
      </c>
      <c r="G59046" s="1" t="s">
        <v>198309</v>
      </c>
      <c r="H59046" s="1" t="s">
        <v>198310</v>
      </c>
      <c r="I59046" s="1" t="s">
        <v>197673</v>
      </c>
      <c r="J59046" s="1" t="s">
        <v>198335</v>
      </c>
    </row>
    <row r="59047" spans="1:10" x14ac:dyDescent="0.35">
      <c r="A59047" s="1" t="s">
        <v>142472</v>
      </c>
      <c r="B59047" s="1" t="s">
        <v>197668</v>
      </c>
      <c r="C59047" s="1" t="s">
        <v>50</v>
      </c>
      <c r="D59047" s="1" t="s">
        <v>198336</v>
      </c>
      <c r="E59047" s="1" t="s">
        <v>198337</v>
      </c>
      <c r="F59047" s="1" t="s">
        <v>198338</v>
      </c>
      <c r="G59047" s="1" t="s">
        <v>198309</v>
      </c>
      <c r="H59047" s="1" t="s">
        <v>198310</v>
      </c>
      <c r="I59047" s="1" t="s">
        <v>197673</v>
      </c>
      <c r="J59047" s="1" t="s">
        <v>198339</v>
      </c>
    </row>
    <row r="59048" spans="1:10" x14ac:dyDescent="0.35">
      <c r="A59048" s="1" t="s">
        <v>142472</v>
      </c>
      <c r="B59048" s="1" t="s">
        <v>197668</v>
      </c>
      <c r="C59048" s="1" t="s">
        <v>55</v>
      </c>
      <c r="D59048" s="1" t="s">
        <v>198340</v>
      </c>
      <c r="E59048" s="1" t="s">
        <v>198341</v>
      </c>
      <c r="F59048" s="1" t="s">
        <v>198342</v>
      </c>
      <c r="G59048" s="1" t="s">
        <v>198309</v>
      </c>
      <c r="H59048" s="1" t="s">
        <v>198310</v>
      </c>
      <c r="I59048" s="1" t="s">
        <v>197673</v>
      </c>
      <c r="J59048" s="1" t="s">
        <v>198343</v>
      </c>
    </row>
    <row r="59049" spans="1:10" x14ac:dyDescent="0.35">
      <c r="A59049" s="1" t="s">
        <v>142472</v>
      </c>
      <c r="B59049" s="1" t="s">
        <v>197668</v>
      </c>
      <c r="C59049" s="1" t="s">
        <v>60</v>
      </c>
      <c r="D59049" s="1" t="s">
        <v>153782</v>
      </c>
      <c r="E59049" s="1" t="s">
        <v>198344</v>
      </c>
      <c r="F59049" s="1" t="s">
        <v>198345</v>
      </c>
      <c r="G59049" s="1" t="s">
        <v>198309</v>
      </c>
      <c r="H59049" s="1" t="s">
        <v>198310</v>
      </c>
      <c r="I59049" s="1" t="s">
        <v>197673</v>
      </c>
      <c r="J59049" s="1" t="s">
        <v>198346</v>
      </c>
    </row>
    <row r="59050" spans="1:10" x14ac:dyDescent="0.35">
      <c r="A59050" s="1" t="s">
        <v>142472</v>
      </c>
      <c r="B59050" s="1" t="s">
        <v>197668</v>
      </c>
      <c r="C59050" s="1" t="s">
        <v>65</v>
      </c>
      <c r="D59050" s="1" t="s">
        <v>36460</v>
      </c>
      <c r="E59050" s="1" t="s">
        <v>198347</v>
      </c>
      <c r="F59050" s="1" t="s">
        <v>198348</v>
      </c>
      <c r="G59050" s="1" t="s">
        <v>198309</v>
      </c>
      <c r="H59050" s="1" t="s">
        <v>198310</v>
      </c>
      <c r="I59050" s="1" t="s">
        <v>197673</v>
      </c>
      <c r="J59050" s="1" t="s">
        <v>198349</v>
      </c>
    </row>
    <row r="59051" spans="1:10" x14ac:dyDescent="0.35">
      <c r="A59051" s="1" t="s">
        <v>142472</v>
      </c>
      <c r="B59051" s="1" t="s">
        <v>197668</v>
      </c>
      <c r="C59051" s="1" t="s">
        <v>70</v>
      </c>
      <c r="D59051" s="1" t="s">
        <v>38043</v>
      </c>
      <c r="E59051" s="1" t="s">
        <v>198350</v>
      </c>
      <c r="F59051" s="1" t="s">
        <v>198351</v>
      </c>
      <c r="G59051" s="1" t="s">
        <v>198309</v>
      </c>
      <c r="H59051" s="1" t="s">
        <v>198310</v>
      </c>
      <c r="I59051" s="1" t="s">
        <v>197673</v>
      </c>
      <c r="J59051" s="1" t="s">
        <v>198352</v>
      </c>
    </row>
    <row r="59052" spans="1:10" x14ac:dyDescent="0.35">
      <c r="A59052" s="1" t="s">
        <v>142472</v>
      </c>
      <c r="B59052" s="1" t="s">
        <v>197668</v>
      </c>
      <c r="C59052" s="1" t="s">
        <v>75</v>
      </c>
      <c r="D59052" s="1" t="s">
        <v>198353</v>
      </c>
      <c r="E59052" s="1" t="s">
        <v>198354</v>
      </c>
      <c r="F59052" s="1" t="s">
        <v>198355</v>
      </c>
      <c r="G59052" s="1" t="s">
        <v>198309</v>
      </c>
      <c r="H59052" s="1" t="s">
        <v>198310</v>
      </c>
      <c r="I59052" s="1" t="s">
        <v>197673</v>
      </c>
      <c r="J59052" s="1" t="s">
        <v>198356</v>
      </c>
    </row>
    <row r="59053" spans="1:10" x14ac:dyDescent="0.35">
      <c r="A59053" s="1" t="s">
        <v>142472</v>
      </c>
      <c r="B59053" s="1" t="s">
        <v>197668</v>
      </c>
      <c r="C59053" s="1" t="s">
        <v>80</v>
      </c>
      <c r="D59053" s="1" t="s">
        <v>177304</v>
      </c>
      <c r="E59053" s="1" t="s">
        <v>198357</v>
      </c>
      <c r="F59053" s="1" t="s">
        <v>198358</v>
      </c>
      <c r="G59053" s="1" t="s">
        <v>198309</v>
      </c>
      <c r="H59053" s="1" t="s">
        <v>198310</v>
      </c>
      <c r="I59053" s="1" t="s">
        <v>197673</v>
      </c>
      <c r="J59053" s="1" t="s">
        <v>198359</v>
      </c>
    </row>
    <row r="59054" spans="1:10" x14ac:dyDescent="0.35">
      <c r="A59054" s="1" t="s">
        <v>142472</v>
      </c>
      <c r="B59054" s="1" t="s">
        <v>197668</v>
      </c>
      <c r="C59054" s="1" t="s">
        <v>85</v>
      </c>
      <c r="D59054" s="1" t="s">
        <v>59875</v>
      </c>
      <c r="E59054" s="1" t="s">
        <v>198360</v>
      </c>
      <c r="F59054" s="1" t="s">
        <v>198361</v>
      </c>
      <c r="G59054" s="1" t="s">
        <v>198309</v>
      </c>
      <c r="H59054" s="1" t="s">
        <v>198310</v>
      </c>
      <c r="I59054" s="1" t="s">
        <v>197673</v>
      </c>
      <c r="J59054" s="1" t="s">
        <v>198362</v>
      </c>
    </row>
    <row r="59055" spans="1:10" x14ac:dyDescent="0.35">
      <c r="A59055" s="1" t="s">
        <v>142472</v>
      </c>
      <c r="B59055" s="1" t="s">
        <v>197668</v>
      </c>
      <c r="C59055" s="1" t="s">
        <v>90</v>
      </c>
      <c r="D59055" s="1" t="s">
        <v>198363</v>
      </c>
      <c r="E59055" s="1" t="s">
        <v>198364</v>
      </c>
      <c r="F59055" s="1" t="s">
        <v>198365</v>
      </c>
      <c r="G59055" s="1" t="s">
        <v>198309</v>
      </c>
      <c r="H59055" s="1" t="s">
        <v>198310</v>
      </c>
      <c r="I59055" s="1" t="s">
        <v>197673</v>
      </c>
      <c r="J59055" s="1" t="s">
        <v>198366</v>
      </c>
    </row>
    <row r="59056" spans="1:10" x14ac:dyDescent="0.35">
      <c r="A59056" s="1" t="s">
        <v>142472</v>
      </c>
      <c r="B59056" s="1" t="s">
        <v>197668</v>
      </c>
      <c r="C59056" s="1" t="s">
        <v>95</v>
      </c>
      <c r="D59056" s="1" t="s">
        <v>80447</v>
      </c>
      <c r="E59056" s="1" t="s">
        <v>198367</v>
      </c>
      <c r="F59056" s="1" t="s">
        <v>198368</v>
      </c>
      <c r="G59056" s="1" t="s">
        <v>198309</v>
      </c>
      <c r="H59056" s="1" t="s">
        <v>198310</v>
      </c>
      <c r="I59056" s="1" t="s">
        <v>197673</v>
      </c>
      <c r="J59056" s="1" t="s">
        <v>198369</v>
      </c>
    </row>
    <row r="59057" spans="1:10" x14ac:dyDescent="0.35">
      <c r="A59057" s="1" t="s">
        <v>142472</v>
      </c>
      <c r="B59057" s="1" t="s">
        <v>197668</v>
      </c>
      <c r="C59057" s="1" t="s">
        <v>100</v>
      </c>
      <c r="D59057" s="1" t="s">
        <v>91002</v>
      </c>
      <c r="E59057" s="1" t="s">
        <v>198370</v>
      </c>
      <c r="F59057" s="1" t="s">
        <v>198371</v>
      </c>
      <c r="G59057" s="1" t="s">
        <v>198309</v>
      </c>
      <c r="H59057" s="1" t="s">
        <v>198310</v>
      </c>
      <c r="I59057" s="1" t="s">
        <v>197673</v>
      </c>
      <c r="J59057" s="1" t="s">
        <v>198372</v>
      </c>
    </row>
    <row r="59058" spans="1:10" x14ac:dyDescent="0.35">
      <c r="A59058" s="1" t="s">
        <v>142472</v>
      </c>
      <c r="B59058" s="1" t="s">
        <v>197668</v>
      </c>
      <c r="C59058" s="1" t="s">
        <v>105</v>
      </c>
      <c r="D59058" s="1" t="s">
        <v>198373</v>
      </c>
      <c r="E59058" s="1" t="s">
        <v>198374</v>
      </c>
      <c r="F59058" s="1" t="s">
        <v>198375</v>
      </c>
      <c r="G59058" s="1" t="s">
        <v>198309</v>
      </c>
      <c r="H59058" s="1" t="s">
        <v>198310</v>
      </c>
      <c r="I59058" s="1" t="s">
        <v>197673</v>
      </c>
      <c r="J59058" s="1" t="s">
        <v>198376</v>
      </c>
    </row>
    <row r="59059" spans="1:10" x14ac:dyDescent="0.35">
      <c r="A59059" s="1" t="s">
        <v>142472</v>
      </c>
      <c r="B59059" s="1" t="s">
        <v>197668</v>
      </c>
      <c r="C59059" s="1" t="s">
        <v>110</v>
      </c>
      <c r="D59059" s="1" t="s">
        <v>26555</v>
      </c>
      <c r="E59059" s="1" t="s">
        <v>198377</v>
      </c>
      <c r="F59059" s="1" t="s">
        <v>198378</v>
      </c>
      <c r="G59059" s="1" t="s">
        <v>198309</v>
      </c>
      <c r="H59059" s="1" t="s">
        <v>198310</v>
      </c>
      <c r="I59059" s="1" t="s">
        <v>197673</v>
      </c>
      <c r="J59059" s="1" t="s">
        <v>198379</v>
      </c>
    </row>
    <row r="59060" spans="1:10" x14ac:dyDescent="0.35">
      <c r="A59060" s="1" t="s">
        <v>142472</v>
      </c>
      <c r="B59060" s="1" t="s">
        <v>197668</v>
      </c>
      <c r="C59060" s="1" t="s">
        <v>115</v>
      </c>
      <c r="D59060" s="1" t="s">
        <v>198380</v>
      </c>
      <c r="E59060" s="1" t="s">
        <v>198381</v>
      </c>
      <c r="F59060" s="1" t="s">
        <v>198382</v>
      </c>
      <c r="G59060" s="1" t="s">
        <v>198309</v>
      </c>
      <c r="H59060" s="1" t="s">
        <v>198310</v>
      </c>
      <c r="I59060" s="1" t="s">
        <v>197673</v>
      </c>
      <c r="J59060" s="1" t="s">
        <v>198383</v>
      </c>
    </row>
    <row r="59061" spans="1:10" x14ac:dyDescent="0.35">
      <c r="A59061" s="1" t="s">
        <v>142472</v>
      </c>
      <c r="B59061" s="1" t="s">
        <v>197668</v>
      </c>
      <c r="C59061" s="1" t="s">
        <v>120</v>
      </c>
      <c r="D59061" s="1" t="s">
        <v>102941</v>
      </c>
      <c r="E59061" s="1" t="s">
        <v>198384</v>
      </c>
      <c r="F59061" s="1" t="s">
        <v>198385</v>
      </c>
      <c r="G59061" s="1" t="s">
        <v>198309</v>
      </c>
      <c r="H59061" s="1" t="s">
        <v>198310</v>
      </c>
      <c r="I59061" s="1" t="s">
        <v>197673</v>
      </c>
      <c r="J59061" s="1" t="s">
        <v>198386</v>
      </c>
    </row>
    <row r="59062" spans="1:10" x14ac:dyDescent="0.35">
      <c r="A59062" s="1" t="s">
        <v>142472</v>
      </c>
      <c r="B59062" s="1" t="s">
        <v>197668</v>
      </c>
      <c r="C59062" s="1" t="s">
        <v>125</v>
      </c>
      <c r="D59062" s="1" t="s">
        <v>198387</v>
      </c>
      <c r="E59062" s="1" t="s">
        <v>198388</v>
      </c>
      <c r="F59062" s="1" t="s">
        <v>198389</v>
      </c>
      <c r="G59062" s="1" t="s">
        <v>198309</v>
      </c>
      <c r="H59062" s="1" t="s">
        <v>198310</v>
      </c>
      <c r="I59062" s="1" t="s">
        <v>197673</v>
      </c>
      <c r="J59062" s="1" t="s">
        <v>198390</v>
      </c>
    </row>
    <row r="59063" spans="1:10" x14ac:dyDescent="0.35">
      <c r="A59063" s="1" t="s">
        <v>142472</v>
      </c>
      <c r="B59063" s="1" t="s">
        <v>197668</v>
      </c>
      <c r="C59063" s="1" t="s">
        <v>130</v>
      </c>
      <c r="D59063" s="1" t="s">
        <v>146990</v>
      </c>
      <c r="E59063" s="1" t="s">
        <v>198391</v>
      </c>
      <c r="F59063" s="1" t="s">
        <v>198392</v>
      </c>
      <c r="G59063" s="1" t="s">
        <v>198309</v>
      </c>
      <c r="H59063" s="1" t="s">
        <v>198310</v>
      </c>
      <c r="I59063" s="1" t="s">
        <v>197673</v>
      </c>
      <c r="J59063" s="1" t="s">
        <v>198393</v>
      </c>
    </row>
    <row r="59064" spans="1:10" x14ac:dyDescent="0.35">
      <c r="A59064" s="1" t="s">
        <v>142472</v>
      </c>
      <c r="B59064" s="1" t="s">
        <v>197668</v>
      </c>
      <c r="C59064" s="1" t="s">
        <v>135</v>
      </c>
      <c r="D59064" s="1" t="s">
        <v>198394</v>
      </c>
      <c r="E59064" s="1" t="s">
        <v>198395</v>
      </c>
      <c r="F59064" s="1" t="s">
        <v>198396</v>
      </c>
      <c r="G59064" s="1" t="s">
        <v>198309</v>
      </c>
      <c r="H59064" s="1" t="s">
        <v>198310</v>
      </c>
      <c r="I59064" s="1" t="s">
        <v>197673</v>
      </c>
      <c r="J59064" s="1" t="s">
        <v>198397</v>
      </c>
    </row>
    <row r="59065" spans="1:10" x14ac:dyDescent="0.35">
      <c r="A59065" s="1" t="s">
        <v>142472</v>
      </c>
      <c r="B59065" s="1" t="s">
        <v>197668</v>
      </c>
      <c r="C59065" s="1" t="s">
        <v>140</v>
      </c>
      <c r="D59065" s="1" t="s">
        <v>59438</v>
      </c>
      <c r="E59065" s="1" t="s">
        <v>198398</v>
      </c>
      <c r="F59065" s="1" t="s">
        <v>198399</v>
      </c>
      <c r="G59065" s="1" t="s">
        <v>198309</v>
      </c>
      <c r="H59065" s="1" t="s">
        <v>198310</v>
      </c>
      <c r="I59065" s="1" t="s">
        <v>197673</v>
      </c>
      <c r="J59065" s="1" t="s">
        <v>198400</v>
      </c>
    </row>
    <row r="59066" spans="1:10" x14ac:dyDescent="0.35">
      <c r="A59066" s="1" t="s">
        <v>142472</v>
      </c>
      <c r="B59066" s="1" t="s">
        <v>197668</v>
      </c>
      <c r="C59066" s="1" t="s">
        <v>145</v>
      </c>
      <c r="D59066" s="1" t="s">
        <v>17112</v>
      </c>
      <c r="E59066" s="1" t="s">
        <v>198401</v>
      </c>
      <c r="F59066" s="1" t="s">
        <v>198402</v>
      </c>
      <c r="G59066" s="1" t="s">
        <v>198309</v>
      </c>
      <c r="H59066" s="1" t="s">
        <v>198310</v>
      </c>
      <c r="I59066" s="1" t="s">
        <v>197673</v>
      </c>
      <c r="J59066" s="1" t="s">
        <v>198403</v>
      </c>
    </row>
    <row r="59067" spans="1:10" x14ac:dyDescent="0.35">
      <c r="A59067" s="1" t="s">
        <v>142472</v>
      </c>
      <c r="B59067" s="1" t="s">
        <v>197668</v>
      </c>
      <c r="C59067" s="1" t="s">
        <v>150</v>
      </c>
      <c r="D59067" s="1" t="s">
        <v>198404</v>
      </c>
      <c r="E59067" s="1" t="s">
        <v>198405</v>
      </c>
      <c r="F59067" s="1" t="s">
        <v>198406</v>
      </c>
      <c r="G59067" s="1" t="s">
        <v>198309</v>
      </c>
      <c r="H59067" s="1" t="s">
        <v>198310</v>
      </c>
      <c r="I59067" s="1" t="s">
        <v>197673</v>
      </c>
      <c r="J59067" s="1" t="s">
        <v>198407</v>
      </c>
    </row>
    <row r="59068" spans="1:10" x14ac:dyDescent="0.35">
      <c r="A59068" s="1" t="s">
        <v>142472</v>
      </c>
      <c r="B59068" s="1" t="s">
        <v>197668</v>
      </c>
      <c r="C59068" s="1" t="s">
        <v>155</v>
      </c>
      <c r="D59068" s="1" t="s">
        <v>198408</v>
      </c>
      <c r="E59068" s="1" t="s">
        <v>198409</v>
      </c>
      <c r="F59068" s="1" t="s">
        <v>198410</v>
      </c>
      <c r="G59068" s="1" t="s">
        <v>198309</v>
      </c>
      <c r="H59068" s="1" t="s">
        <v>198310</v>
      </c>
      <c r="I59068" s="1" t="s">
        <v>197673</v>
      </c>
      <c r="J59068" s="1" t="s">
        <v>198411</v>
      </c>
    </row>
    <row r="59069" spans="1:10" x14ac:dyDescent="0.35">
      <c r="A59069" s="1" t="s">
        <v>142472</v>
      </c>
      <c r="B59069" s="1" t="s">
        <v>197668</v>
      </c>
      <c r="C59069" s="1" t="s">
        <v>160</v>
      </c>
      <c r="D59069" s="1" t="s">
        <v>142436</v>
      </c>
      <c r="E59069" s="1" t="s">
        <v>198412</v>
      </c>
      <c r="F59069" s="1" t="s">
        <v>198413</v>
      </c>
      <c r="G59069" s="1" t="s">
        <v>198309</v>
      </c>
      <c r="H59069" s="1" t="s">
        <v>198310</v>
      </c>
      <c r="I59069" s="1" t="s">
        <v>197673</v>
      </c>
      <c r="J59069" s="1" t="s">
        <v>198414</v>
      </c>
    </row>
    <row r="59070" spans="1:10" x14ac:dyDescent="0.35">
      <c r="A59070" s="1" t="s">
        <v>142472</v>
      </c>
      <c r="B59070" s="1" t="s">
        <v>197668</v>
      </c>
      <c r="C59070" s="1" t="s">
        <v>165</v>
      </c>
      <c r="D59070" s="1" t="s">
        <v>138334</v>
      </c>
      <c r="E59070" s="1" t="s">
        <v>198415</v>
      </c>
      <c r="F59070" s="1" t="s">
        <v>198416</v>
      </c>
      <c r="G59070" s="1" t="s">
        <v>198309</v>
      </c>
      <c r="H59070" s="1" t="s">
        <v>198310</v>
      </c>
      <c r="I59070" s="1" t="s">
        <v>197673</v>
      </c>
      <c r="J59070" s="1" t="s">
        <v>198417</v>
      </c>
    </row>
    <row r="59071" spans="1:10" x14ac:dyDescent="0.35">
      <c r="A59071" s="1" t="s">
        <v>142472</v>
      </c>
      <c r="B59071" s="1" t="s">
        <v>197668</v>
      </c>
      <c r="C59071" s="1" t="s">
        <v>170</v>
      </c>
      <c r="D59071" s="1" t="s">
        <v>58815</v>
      </c>
      <c r="E59071" s="1" t="s">
        <v>198418</v>
      </c>
      <c r="F59071" s="1" t="s">
        <v>198419</v>
      </c>
      <c r="G59071" s="1" t="s">
        <v>198309</v>
      </c>
      <c r="H59071" s="1" t="s">
        <v>198310</v>
      </c>
      <c r="I59071" s="1" t="s">
        <v>197673</v>
      </c>
      <c r="J59071" s="1" t="s">
        <v>198420</v>
      </c>
    </row>
    <row r="59072" spans="1:10" x14ac:dyDescent="0.35">
      <c r="A59072" s="1" t="s">
        <v>25720</v>
      </c>
      <c r="B59072" s="1" t="s">
        <v>197668</v>
      </c>
      <c r="C59072" s="1" t="s">
        <v>8</v>
      </c>
      <c r="D59072" s="1" t="s">
        <v>113064</v>
      </c>
      <c r="E59072" s="1" t="s">
        <v>198421</v>
      </c>
      <c r="F59072" s="1" t="s">
        <v>198422</v>
      </c>
      <c r="G59072" s="1" t="s">
        <v>198423</v>
      </c>
      <c r="H59072" s="1" t="s">
        <v>198424</v>
      </c>
      <c r="I59072" s="1" t="s">
        <v>197673</v>
      </c>
      <c r="J59072" s="1" t="s">
        <v>13</v>
      </c>
    </row>
    <row r="59073" spans="1:10" x14ac:dyDescent="0.35">
      <c r="A59073" s="1" t="s">
        <v>25720</v>
      </c>
      <c r="B59073" s="1" t="s">
        <v>197668</v>
      </c>
      <c r="C59073" s="1" t="s">
        <v>15</v>
      </c>
      <c r="D59073" s="1" t="s">
        <v>18466</v>
      </c>
      <c r="E59073" s="1" t="s">
        <v>198425</v>
      </c>
      <c r="F59073" s="1" t="s">
        <v>198426</v>
      </c>
      <c r="G59073" s="1" t="s">
        <v>198423</v>
      </c>
      <c r="H59073" s="1" t="s">
        <v>198424</v>
      </c>
      <c r="I59073" s="1" t="s">
        <v>197673</v>
      </c>
      <c r="J59073" s="1" t="s">
        <v>198427</v>
      </c>
    </row>
    <row r="59074" spans="1:10" x14ac:dyDescent="0.35">
      <c r="A59074" s="1" t="s">
        <v>25720</v>
      </c>
      <c r="B59074" s="1" t="s">
        <v>197668</v>
      </c>
      <c r="C59074" s="1" t="s">
        <v>20</v>
      </c>
      <c r="D59074" s="1" t="s">
        <v>195379</v>
      </c>
      <c r="E59074" s="1" t="s">
        <v>198428</v>
      </c>
      <c r="F59074" s="1" t="s">
        <v>198429</v>
      </c>
      <c r="G59074" s="1" t="s">
        <v>198423</v>
      </c>
      <c r="H59074" s="1" t="s">
        <v>198424</v>
      </c>
      <c r="I59074" s="1" t="s">
        <v>197673</v>
      </c>
      <c r="J59074" s="1" t="s">
        <v>198430</v>
      </c>
    </row>
    <row r="59075" spans="1:10" x14ac:dyDescent="0.35">
      <c r="A59075" s="1" t="s">
        <v>25720</v>
      </c>
      <c r="B59075" s="1" t="s">
        <v>197668</v>
      </c>
      <c r="C59075" s="1" t="s">
        <v>25</v>
      </c>
      <c r="D59075" s="1" t="s">
        <v>174906</v>
      </c>
      <c r="E59075" s="1" t="s">
        <v>198431</v>
      </c>
      <c r="F59075" s="1" t="s">
        <v>198432</v>
      </c>
      <c r="G59075" s="1" t="s">
        <v>198423</v>
      </c>
      <c r="H59075" s="1" t="s">
        <v>198424</v>
      </c>
      <c r="I59075" s="1" t="s">
        <v>197673</v>
      </c>
      <c r="J59075" s="1" t="s">
        <v>198433</v>
      </c>
    </row>
    <row r="59076" spans="1:10" x14ac:dyDescent="0.35">
      <c r="A59076" s="1" t="s">
        <v>25720</v>
      </c>
      <c r="B59076" s="1" t="s">
        <v>197668</v>
      </c>
      <c r="C59076" s="1" t="s">
        <v>30</v>
      </c>
      <c r="D59076" s="1" t="s">
        <v>185270</v>
      </c>
      <c r="E59076" s="1" t="s">
        <v>198434</v>
      </c>
      <c r="F59076" s="1" t="s">
        <v>198435</v>
      </c>
      <c r="G59076" s="1" t="s">
        <v>198423</v>
      </c>
      <c r="H59076" s="1" t="s">
        <v>198424</v>
      </c>
      <c r="I59076" s="1" t="s">
        <v>197673</v>
      </c>
      <c r="J59076" s="1" t="s">
        <v>198436</v>
      </c>
    </row>
    <row r="59077" spans="1:10" x14ac:dyDescent="0.35">
      <c r="A59077" s="1" t="s">
        <v>25720</v>
      </c>
      <c r="B59077" s="1" t="s">
        <v>197668</v>
      </c>
      <c r="C59077" s="1" t="s">
        <v>35</v>
      </c>
      <c r="D59077" s="1" t="s">
        <v>13105</v>
      </c>
      <c r="E59077" s="1" t="s">
        <v>198437</v>
      </c>
      <c r="F59077" s="1" t="s">
        <v>198438</v>
      </c>
      <c r="G59077" s="1" t="s">
        <v>198423</v>
      </c>
      <c r="H59077" s="1" t="s">
        <v>198424</v>
      </c>
      <c r="I59077" s="1" t="s">
        <v>197673</v>
      </c>
      <c r="J59077" s="1" t="s">
        <v>198439</v>
      </c>
    </row>
    <row r="59078" spans="1:10" x14ac:dyDescent="0.35">
      <c r="A59078" s="1" t="s">
        <v>25720</v>
      </c>
      <c r="B59078" s="1" t="s">
        <v>197668</v>
      </c>
      <c r="C59078" s="1" t="s">
        <v>40</v>
      </c>
      <c r="D59078" s="1" t="s">
        <v>114615</v>
      </c>
      <c r="E59078" s="1" t="s">
        <v>198440</v>
      </c>
      <c r="F59078" s="1" t="s">
        <v>198441</v>
      </c>
      <c r="G59078" s="1" t="s">
        <v>198423</v>
      </c>
      <c r="H59078" s="1" t="s">
        <v>198424</v>
      </c>
      <c r="I59078" s="1" t="s">
        <v>197673</v>
      </c>
      <c r="J59078" s="1" t="s">
        <v>198442</v>
      </c>
    </row>
    <row r="59079" spans="1:10" x14ac:dyDescent="0.35">
      <c r="A59079" s="1" t="s">
        <v>25720</v>
      </c>
      <c r="B59079" s="1" t="s">
        <v>197668</v>
      </c>
      <c r="C59079" s="1" t="s">
        <v>45</v>
      </c>
      <c r="D59079" s="1" t="s">
        <v>30940</v>
      </c>
      <c r="E59079" s="1" t="s">
        <v>198443</v>
      </c>
      <c r="F59079" s="1" t="s">
        <v>198444</v>
      </c>
      <c r="G59079" s="1" t="s">
        <v>198423</v>
      </c>
      <c r="H59079" s="1" t="s">
        <v>198424</v>
      </c>
      <c r="I59079" s="1" t="s">
        <v>197673</v>
      </c>
      <c r="J59079" s="1" t="s">
        <v>198445</v>
      </c>
    </row>
    <row r="59080" spans="1:10" x14ac:dyDescent="0.35">
      <c r="A59080" s="1" t="s">
        <v>25720</v>
      </c>
      <c r="B59080" s="1" t="s">
        <v>197668</v>
      </c>
      <c r="C59080" s="1" t="s">
        <v>50</v>
      </c>
      <c r="D59080" s="1" t="s">
        <v>198446</v>
      </c>
      <c r="E59080" s="1" t="s">
        <v>198447</v>
      </c>
      <c r="F59080" s="1" t="s">
        <v>198448</v>
      </c>
      <c r="G59080" s="1" t="s">
        <v>198423</v>
      </c>
      <c r="H59080" s="1" t="s">
        <v>198424</v>
      </c>
      <c r="I59080" s="1" t="s">
        <v>197673</v>
      </c>
      <c r="J59080" s="1" t="s">
        <v>198449</v>
      </c>
    </row>
    <row r="59081" spans="1:10" x14ac:dyDescent="0.35">
      <c r="A59081" s="1" t="s">
        <v>25720</v>
      </c>
      <c r="B59081" s="1" t="s">
        <v>197668</v>
      </c>
      <c r="C59081" s="1" t="s">
        <v>55</v>
      </c>
      <c r="D59081" s="1" t="s">
        <v>198450</v>
      </c>
      <c r="E59081" s="1" t="s">
        <v>198451</v>
      </c>
      <c r="F59081" s="1" t="s">
        <v>198452</v>
      </c>
      <c r="G59081" s="1" t="s">
        <v>198423</v>
      </c>
      <c r="H59081" s="1" t="s">
        <v>198424</v>
      </c>
      <c r="I59081" s="1" t="s">
        <v>197673</v>
      </c>
      <c r="J59081" s="1" t="s">
        <v>198453</v>
      </c>
    </row>
    <row r="59082" spans="1:10" x14ac:dyDescent="0.35">
      <c r="A59082" s="1" t="s">
        <v>25720</v>
      </c>
      <c r="B59082" s="1" t="s">
        <v>197668</v>
      </c>
      <c r="C59082" s="1" t="s">
        <v>60</v>
      </c>
      <c r="D59082" s="1" t="s">
        <v>198454</v>
      </c>
      <c r="E59082" s="1" t="s">
        <v>198455</v>
      </c>
      <c r="F59082" s="1" t="s">
        <v>198456</v>
      </c>
      <c r="G59082" s="1" t="s">
        <v>198423</v>
      </c>
      <c r="H59082" s="1" t="s">
        <v>198424</v>
      </c>
      <c r="I59082" s="1" t="s">
        <v>197673</v>
      </c>
      <c r="J59082" s="1" t="s">
        <v>198457</v>
      </c>
    </row>
    <row r="59083" spans="1:10" x14ac:dyDescent="0.35">
      <c r="A59083" s="1" t="s">
        <v>25720</v>
      </c>
      <c r="B59083" s="1" t="s">
        <v>197668</v>
      </c>
      <c r="C59083" s="1" t="s">
        <v>65</v>
      </c>
      <c r="D59083" s="1" t="s">
        <v>198458</v>
      </c>
      <c r="E59083" s="1" t="s">
        <v>198459</v>
      </c>
      <c r="F59083" s="1" t="s">
        <v>198460</v>
      </c>
      <c r="G59083" s="1" t="s">
        <v>198423</v>
      </c>
      <c r="H59083" s="1" t="s">
        <v>198424</v>
      </c>
      <c r="I59083" s="1" t="s">
        <v>197673</v>
      </c>
      <c r="J59083" s="1" t="s">
        <v>198461</v>
      </c>
    </row>
    <row r="59084" spans="1:10" x14ac:dyDescent="0.35">
      <c r="A59084" s="1" t="s">
        <v>25720</v>
      </c>
      <c r="B59084" s="1" t="s">
        <v>197668</v>
      </c>
      <c r="C59084" s="1" t="s">
        <v>70</v>
      </c>
      <c r="D59084" s="1" t="s">
        <v>31339</v>
      </c>
      <c r="E59084" s="1" t="s">
        <v>198462</v>
      </c>
      <c r="F59084" s="1" t="s">
        <v>198463</v>
      </c>
      <c r="G59084" s="1" t="s">
        <v>198423</v>
      </c>
      <c r="H59084" s="1" t="s">
        <v>198424</v>
      </c>
      <c r="I59084" s="1" t="s">
        <v>197673</v>
      </c>
      <c r="J59084" s="1" t="s">
        <v>198464</v>
      </c>
    </row>
    <row r="59085" spans="1:10" x14ac:dyDescent="0.35">
      <c r="A59085" s="1" t="s">
        <v>25720</v>
      </c>
      <c r="B59085" s="1" t="s">
        <v>197668</v>
      </c>
      <c r="C59085" s="1" t="s">
        <v>75</v>
      </c>
      <c r="D59085" s="1" t="s">
        <v>42408</v>
      </c>
      <c r="E59085" s="1" t="s">
        <v>198465</v>
      </c>
      <c r="F59085" s="1" t="s">
        <v>198466</v>
      </c>
      <c r="G59085" s="1" t="s">
        <v>198423</v>
      </c>
      <c r="H59085" s="1" t="s">
        <v>198424</v>
      </c>
      <c r="I59085" s="1" t="s">
        <v>197673</v>
      </c>
      <c r="J59085" s="1" t="s">
        <v>198467</v>
      </c>
    </row>
    <row r="59086" spans="1:10" x14ac:dyDescent="0.35">
      <c r="A59086" s="1" t="s">
        <v>25720</v>
      </c>
      <c r="B59086" s="1" t="s">
        <v>197668</v>
      </c>
      <c r="C59086" s="1" t="s">
        <v>80</v>
      </c>
      <c r="D59086" s="1" t="s">
        <v>174535</v>
      </c>
      <c r="E59086" s="1" t="s">
        <v>198468</v>
      </c>
      <c r="F59086" s="1" t="s">
        <v>198469</v>
      </c>
      <c r="G59086" s="1" t="s">
        <v>198423</v>
      </c>
      <c r="H59086" s="1" t="s">
        <v>198424</v>
      </c>
      <c r="I59086" s="1" t="s">
        <v>197673</v>
      </c>
      <c r="J59086" s="1" t="s">
        <v>198470</v>
      </c>
    </row>
    <row r="59087" spans="1:10" x14ac:dyDescent="0.35">
      <c r="A59087" s="1" t="s">
        <v>25720</v>
      </c>
      <c r="B59087" s="1" t="s">
        <v>197668</v>
      </c>
      <c r="C59087" s="1" t="s">
        <v>85</v>
      </c>
      <c r="D59087" s="1" t="s">
        <v>16877</v>
      </c>
      <c r="E59087" s="1" t="s">
        <v>198471</v>
      </c>
      <c r="F59087" s="1" t="s">
        <v>198472</v>
      </c>
      <c r="G59087" s="1" t="s">
        <v>198423</v>
      </c>
      <c r="H59087" s="1" t="s">
        <v>198424</v>
      </c>
      <c r="I59087" s="1" t="s">
        <v>197673</v>
      </c>
      <c r="J59087" s="1" t="s">
        <v>198473</v>
      </c>
    </row>
    <row r="59088" spans="1:10" x14ac:dyDescent="0.35">
      <c r="A59088" s="1" t="s">
        <v>25720</v>
      </c>
      <c r="B59088" s="1" t="s">
        <v>197668</v>
      </c>
      <c r="C59088" s="1" t="s">
        <v>90</v>
      </c>
      <c r="D59088" s="1" t="s">
        <v>78401</v>
      </c>
      <c r="E59088" s="1" t="s">
        <v>198474</v>
      </c>
      <c r="F59088" s="1" t="s">
        <v>198475</v>
      </c>
      <c r="G59088" s="1" t="s">
        <v>198423</v>
      </c>
      <c r="H59088" s="1" t="s">
        <v>198424</v>
      </c>
      <c r="I59088" s="1" t="s">
        <v>197673</v>
      </c>
      <c r="J59088" s="1" t="s">
        <v>198476</v>
      </c>
    </row>
    <row r="59089" spans="1:10" x14ac:dyDescent="0.35">
      <c r="A59089" s="1" t="s">
        <v>25720</v>
      </c>
      <c r="B59089" s="1" t="s">
        <v>197668</v>
      </c>
      <c r="C59089" s="1" t="s">
        <v>95</v>
      </c>
      <c r="D59089" s="1" t="s">
        <v>198477</v>
      </c>
      <c r="E59089" s="1" t="s">
        <v>198478</v>
      </c>
      <c r="F59089" s="1" t="s">
        <v>198479</v>
      </c>
      <c r="G59089" s="1" t="s">
        <v>198423</v>
      </c>
      <c r="H59089" s="1" t="s">
        <v>198424</v>
      </c>
      <c r="I59089" s="1" t="s">
        <v>197673</v>
      </c>
      <c r="J59089" s="1" t="s">
        <v>198480</v>
      </c>
    </row>
    <row r="59090" spans="1:10" x14ac:dyDescent="0.35">
      <c r="A59090" s="1" t="s">
        <v>25720</v>
      </c>
      <c r="B59090" s="1" t="s">
        <v>197668</v>
      </c>
      <c r="C59090" s="1" t="s">
        <v>100</v>
      </c>
      <c r="D59090" s="1" t="s">
        <v>198481</v>
      </c>
      <c r="E59090" s="1" t="s">
        <v>198482</v>
      </c>
      <c r="F59090" s="1" t="s">
        <v>198483</v>
      </c>
      <c r="G59090" s="1" t="s">
        <v>198423</v>
      </c>
      <c r="H59090" s="1" t="s">
        <v>198424</v>
      </c>
      <c r="I59090" s="1" t="s">
        <v>197673</v>
      </c>
      <c r="J59090" s="1" t="s">
        <v>198484</v>
      </c>
    </row>
    <row r="59091" spans="1:10" x14ac:dyDescent="0.35">
      <c r="A59091" s="1" t="s">
        <v>25720</v>
      </c>
      <c r="B59091" s="1" t="s">
        <v>197668</v>
      </c>
      <c r="C59091" s="1" t="s">
        <v>105</v>
      </c>
      <c r="D59091" s="1" t="s">
        <v>198485</v>
      </c>
      <c r="E59091" s="1" t="s">
        <v>198486</v>
      </c>
      <c r="F59091" s="1" t="s">
        <v>198487</v>
      </c>
      <c r="G59091" s="1" t="s">
        <v>198423</v>
      </c>
      <c r="H59091" s="1" t="s">
        <v>198424</v>
      </c>
      <c r="I59091" s="1" t="s">
        <v>197673</v>
      </c>
      <c r="J59091" s="1" t="s">
        <v>198488</v>
      </c>
    </row>
    <row r="59092" spans="1:10" x14ac:dyDescent="0.35">
      <c r="A59092" s="1" t="s">
        <v>25720</v>
      </c>
      <c r="B59092" s="1" t="s">
        <v>197668</v>
      </c>
      <c r="C59092" s="1" t="s">
        <v>110</v>
      </c>
      <c r="D59092" s="1" t="s">
        <v>68752</v>
      </c>
      <c r="E59092" s="1" t="s">
        <v>198489</v>
      </c>
      <c r="F59092" s="1" t="s">
        <v>198490</v>
      </c>
      <c r="G59092" s="1" t="s">
        <v>198423</v>
      </c>
      <c r="H59092" s="1" t="s">
        <v>198424</v>
      </c>
      <c r="I59092" s="1" t="s">
        <v>197673</v>
      </c>
      <c r="J59092" s="1" t="s">
        <v>198491</v>
      </c>
    </row>
    <row r="59093" spans="1:10" x14ac:dyDescent="0.35">
      <c r="A59093" s="1" t="s">
        <v>25720</v>
      </c>
      <c r="B59093" s="1" t="s">
        <v>197668</v>
      </c>
      <c r="C59093" s="1" t="s">
        <v>115</v>
      </c>
      <c r="D59093" s="1" t="s">
        <v>123393</v>
      </c>
      <c r="E59093" s="1" t="s">
        <v>198492</v>
      </c>
      <c r="F59093" s="1" t="s">
        <v>198493</v>
      </c>
      <c r="G59093" s="1" t="s">
        <v>198423</v>
      </c>
      <c r="H59093" s="1" t="s">
        <v>198424</v>
      </c>
      <c r="I59093" s="1" t="s">
        <v>197673</v>
      </c>
      <c r="J59093" s="1" t="s">
        <v>198494</v>
      </c>
    </row>
    <row r="59094" spans="1:10" x14ac:dyDescent="0.35">
      <c r="A59094" s="1" t="s">
        <v>25720</v>
      </c>
      <c r="B59094" s="1" t="s">
        <v>197668</v>
      </c>
      <c r="C59094" s="1" t="s">
        <v>120</v>
      </c>
      <c r="D59094" s="1" t="s">
        <v>198495</v>
      </c>
      <c r="E59094" s="1" t="s">
        <v>198496</v>
      </c>
      <c r="F59094" s="1" t="s">
        <v>198497</v>
      </c>
      <c r="G59094" s="1" t="s">
        <v>198423</v>
      </c>
      <c r="H59094" s="1" t="s">
        <v>198424</v>
      </c>
      <c r="I59094" s="1" t="s">
        <v>197673</v>
      </c>
      <c r="J59094" s="1" t="s">
        <v>198498</v>
      </c>
    </row>
    <row r="59095" spans="1:10" x14ac:dyDescent="0.35">
      <c r="A59095" s="1" t="s">
        <v>25720</v>
      </c>
      <c r="B59095" s="1" t="s">
        <v>197668</v>
      </c>
      <c r="C59095" s="1" t="s">
        <v>125</v>
      </c>
      <c r="D59095" s="1" t="s">
        <v>64932</v>
      </c>
      <c r="E59095" s="1" t="s">
        <v>198499</v>
      </c>
      <c r="F59095" s="1" t="s">
        <v>198500</v>
      </c>
      <c r="G59095" s="1" t="s">
        <v>198423</v>
      </c>
      <c r="H59095" s="1" t="s">
        <v>198424</v>
      </c>
      <c r="I59095" s="1" t="s">
        <v>197673</v>
      </c>
      <c r="J59095" s="1" t="s">
        <v>198501</v>
      </c>
    </row>
    <row r="59096" spans="1:10" x14ac:dyDescent="0.35">
      <c r="A59096" s="1" t="s">
        <v>25720</v>
      </c>
      <c r="B59096" s="1" t="s">
        <v>197668</v>
      </c>
      <c r="C59096" s="1" t="s">
        <v>130</v>
      </c>
      <c r="D59096" s="1" t="s">
        <v>194739</v>
      </c>
      <c r="E59096" s="1" t="s">
        <v>198502</v>
      </c>
      <c r="F59096" s="1" t="s">
        <v>198503</v>
      </c>
      <c r="G59096" s="1" t="s">
        <v>198423</v>
      </c>
      <c r="H59096" s="1" t="s">
        <v>198424</v>
      </c>
      <c r="I59096" s="1" t="s">
        <v>197673</v>
      </c>
      <c r="J59096" s="1" t="s">
        <v>198504</v>
      </c>
    </row>
    <row r="59097" spans="1:10" x14ac:dyDescent="0.35">
      <c r="A59097" s="1" t="s">
        <v>25720</v>
      </c>
      <c r="B59097" s="1" t="s">
        <v>197668</v>
      </c>
      <c r="C59097" s="1" t="s">
        <v>135</v>
      </c>
      <c r="D59097" s="1" t="s">
        <v>198505</v>
      </c>
      <c r="E59097" s="1" t="s">
        <v>198506</v>
      </c>
      <c r="F59097" s="1" t="s">
        <v>198507</v>
      </c>
      <c r="G59097" s="1" t="s">
        <v>198423</v>
      </c>
      <c r="H59097" s="1" t="s">
        <v>198424</v>
      </c>
      <c r="I59097" s="1" t="s">
        <v>197673</v>
      </c>
      <c r="J59097" s="1" t="s">
        <v>198508</v>
      </c>
    </row>
    <row r="59098" spans="1:10" x14ac:dyDescent="0.35">
      <c r="A59098" s="1" t="s">
        <v>25720</v>
      </c>
      <c r="B59098" s="1" t="s">
        <v>197668</v>
      </c>
      <c r="C59098" s="1" t="s">
        <v>140</v>
      </c>
      <c r="D59098" s="1" t="s">
        <v>61114</v>
      </c>
      <c r="E59098" s="1" t="s">
        <v>198509</v>
      </c>
      <c r="F59098" s="1" t="s">
        <v>198510</v>
      </c>
      <c r="G59098" s="1" t="s">
        <v>198423</v>
      </c>
      <c r="H59098" s="1" t="s">
        <v>198424</v>
      </c>
      <c r="I59098" s="1" t="s">
        <v>197673</v>
      </c>
      <c r="J59098" s="1" t="s">
        <v>198511</v>
      </c>
    </row>
    <row r="59099" spans="1:10" x14ac:dyDescent="0.35">
      <c r="A59099" s="1" t="s">
        <v>25720</v>
      </c>
      <c r="B59099" s="1" t="s">
        <v>197668</v>
      </c>
      <c r="C59099" s="1" t="s">
        <v>145</v>
      </c>
      <c r="D59099" s="1" t="s">
        <v>13474</v>
      </c>
      <c r="E59099" s="1" t="s">
        <v>198512</v>
      </c>
      <c r="F59099" s="1" t="s">
        <v>198513</v>
      </c>
      <c r="G59099" s="1" t="s">
        <v>198423</v>
      </c>
      <c r="H59099" s="1" t="s">
        <v>198424</v>
      </c>
      <c r="I59099" s="1" t="s">
        <v>197673</v>
      </c>
      <c r="J59099" s="1" t="s">
        <v>198514</v>
      </c>
    </row>
    <row r="59100" spans="1:10" x14ac:dyDescent="0.35">
      <c r="A59100" s="1" t="s">
        <v>25720</v>
      </c>
      <c r="B59100" s="1" t="s">
        <v>197668</v>
      </c>
      <c r="C59100" s="1" t="s">
        <v>150</v>
      </c>
      <c r="D59100" s="1" t="s">
        <v>56490</v>
      </c>
      <c r="E59100" s="1" t="s">
        <v>198515</v>
      </c>
      <c r="F59100" s="1" t="s">
        <v>198516</v>
      </c>
      <c r="G59100" s="1" t="s">
        <v>198423</v>
      </c>
      <c r="H59100" s="1" t="s">
        <v>198424</v>
      </c>
      <c r="I59100" s="1" t="s">
        <v>197673</v>
      </c>
      <c r="J59100" s="1" t="s">
        <v>198517</v>
      </c>
    </row>
    <row r="59101" spans="1:10" x14ac:dyDescent="0.35">
      <c r="A59101" s="1" t="s">
        <v>25720</v>
      </c>
      <c r="B59101" s="1" t="s">
        <v>197668</v>
      </c>
      <c r="C59101" s="1" t="s">
        <v>155</v>
      </c>
      <c r="D59101" s="1" t="s">
        <v>198518</v>
      </c>
      <c r="E59101" s="1" t="s">
        <v>198519</v>
      </c>
      <c r="F59101" s="1" t="s">
        <v>198520</v>
      </c>
      <c r="G59101" s="1" t="s">
        <v>198423</v>
      </c>
      <c r="H59101" s="1" t="s">
        <v>198424</v>
      </c>
      <c r="I59101" s="1" t="s">
        <v>197673</v>
      </c>
      <c r="J59101" s="1" t="s">
        <v>198521</v>
      </c>
    </row>
    <row r="59102" spans="1:10" x14ac:dyDescent="0.35">
      <c r="A59102" s="1" t="s">
        <v>25720</v>
      </c>
      <c r="B59102" s="1" t="s">
        <v>197668</v>
      </c>
      <c r="C59102" s="1" t="s">
        <v>160</v>
      </c>
      <c r="D59102" s="1" t="s">
        <v>93625</v>
      </c>
      <c r="E59102" s="1" t="s">
        <v>198522</v>
      </c>
      <c r="F59102" s="1" t="s">
        <v>198523</v>
      </c>
      <c r="G59102" s="1" t="s">
        <v>198423</v>
      </c>
      <c r="H59102" s="1" t="s">
        <v>198424</v>
      </c>
      <c r="I59102" s="1" t="s">
        <v>197673</v>
      </c>
      <c r="J59102" s="1" t="s">
        <v>198524</v>
      </c>
    </row>
    <row r="59103" spans="1:10" x14ac:dyDescent="0.35">
      <c r="A59103" s="1" t="s">
        <v>25720</v>
      </c>
      <c r="B59103" s="1" t="s">
        <v>197668</v>
      </c>
      <c r="C59103" s="1" t="s">
        <v>165</v>
      </c>
      <c r="D59103" s="1" t="s">
        <v>80815</v>
      </c>
      <c r="E59103" s="1" t="s">
        <v>198525</v>
      </c>
      <c r="F59103" s="1" t="s">
        <v>198526</v>
      </c>
      <c r="G59103" s="1" t="s">
        <v>198423</v>
      </c>
      <c r="H59103" s="1" t="s">
        <v>198424</v>
      </c>
      <c r="I59103" s="1" t="s">
        <v>197673</v>
      </c>
      <c r="J59103" s="1" t="s">
        <v>198527</v>
      </c>
    </row>
    <row r="59104" spans="1:10" x14ac:dyDescent="0.35">
      <c r="A59104" s="1" t="s">
        <v>25720</v>
      </c>
      <c r="B59104" s="1" t="s">
        <v>197668</v>
      </c>
      <c r="C59104" s="1" t="s">
        <v>170</v>
      </c>
      <c r="D59104" s="1" t="s">
        <v>179839</v>
      </c>
      <c r="E59104" s="1" t="s">
        <v>198528</v>
      </c>
      <c r="F59104" s="1" t="s">
        <v>198529</v>
      </c>
      <c r="G59104" s="1" t="s">
        <v>198423</v>
      </c>
      <c r="H59104" s="1" t="s">
        <v>198424</v>
      </c>
      <c r="I59104" s="1" t="s">
        <v>197673</v>
      </c>
      <c r="J59104" s="1" t="s">
        <v>198530</v>
      </c>
    </row>
    <row r="59105" spans="1:10" x14ac:dyDescent="0.35">
      <c r="A59105" s="1" t="s">
        <v>24974</v>
      </c>
      <c r="B59105" s="1" t="s">
        <v>198531</v>
      </c>
      <c r="C59105" s="1" t="s">
        <v>8</v>
      </c>
      <c r="D59105" s="1" t="s">
        <v>198532</v>
      </c>
      <c r="E59105" s="1" t="s">
        <v>198533</v>
      </c>
      <c r="F59105" s="1" t="s">
        <v>198534</v>
      </c>
      <c r="G59105" s="1" t="s">
        <v>198535</v>
      </c>
      <c r="H59105" s="1" t="s">
        <v>198536</v>
      </c>
      <c r="I59105" s="1" t="s">
        <v>198537</v>
      </c>
      <c r="J59105" s="1" t="s">
        <v>13</v>
      </c>
    </row>
    <row r="59106" spans="1:10" x14ac:dyDescent="0.35">
      <c r="A59106" s="1" t="s">
        <v>24974</v>
      </c>
      <c r="B59106" s="1" t="s">
        <v>198531</v>
      </c>
      <c r="C59106" s="1" t="s">
        <v>15</v>
      </c>
      <c r="D59106" s="1" t="s">
        <v>198538</v>
      </c>
      <c r="E59106" s="1" t="s">
        <v>198539</v>
      </c>
      <c r="F59106" s="1" t="s">
        <v>198540</v>
      </c>
      <c r="G59106" s="1" t="s">
        <v>198535</v>
      </c>
      <c r="H59106" s="1" t="s">
        <v>198536</v>
      </c>
      <c r="I59106" s="1" t="s">
        <v>198537</v>
      </c>
      <c r="J59106" s="1" t="s">
        <v>198541</v>
      </c>
    </row>
    <row r="59107" spans="1:10" x14ac:dyDescent="0.35">
      <c r="A59107" s="1" t="s">
        <v>24974</v>
      </c>
      <c r="B59107" s="1" t="s">
        <v>198531</v>
      </c>
      <c r="C59107" s="1" t="s">
        <v>20</v>
      </c>
      <c r="D59107" s="1" t="s">
        <v>176533</v>
      </c>
      <c r="E59107" s="1" t="s">
        <v>198542</v>
      </c>
      <c r="F59107" s="1" t="s">
        <v>198543</v>
      </c>
      <c r="G59107" s="1" t="s">
        <v>198535</v>
      </c>
      <c r="H59107" s="1" t="s">
        <v>198536</v>
      </c>
      <c r="I59107" s="1" t="s">
        <v>198537</v>
      </c>
      <c r="J59107" s="1" t="s">
        <v>198544</v>
      </c>
    </row>
    <row r="59108" spans="1:10" x14ac:dyDescent="0.35">
      <c r="A59108" s="1" t="s">
        <v>24974</v>
      </c>
      <c r="B59108" s="1" t="s">
        <v>198531</v>
      </c>
      <c r="C59108" s="1" t="s">
        <v>25</v>
      </c>
      <c r="D59108" s="1" t="s">
        <v>198545</v>
      </c>
      <c r="E59108" s="1" t="s">
        <v>198546</v>
      </c>
      <c r="F59108" s="1" t="s">
        <v>198547</v>
      </c>
      <c r="G59108" s="1" t="s">
        <v>198535</v>
      </c>
      <c r="H59108" s="1" t="s">
        <v>198536</v>
      </c>
      <c r="I59108" s="1" t="s">
        <v>198537</v>
      </c>
      <c r="J59108" s="1" t="s">
        <v>198548</v>
      </c>
    </row>
    <row r="59109" spans="1:10" x14ac:dyDescent="0.35">
      <c r="A59109" s="1" t="s">
        <v>24974</v>
      </c>
      <c r="B59109" s="1" t="s">
        <v>198531</v>
      </c>
      <c r="C59109" s="1" t="s">
        <v>30</v>
      </c>
      <c r="D59109" s="1" t="s">
        <v>195884</v>
      </c>
      <c r="E59109" s="1" t="s">
        <v>198549</v>
      </c>
      <c r="F59109" s="1" t="s">
        <v>198550</v>
      </c>
      <c r="G59109" s="1" t="s">
        <v>198535</v>
      </c>
      <c r="H59109" s="1" t="s">
        <v>198536</v>
      </c>
      <c r="I59109" s="1" t="s">
        <v>198537</v>
      </c>
      <c r="J59109" s="1" t="s">
        <v>198551</v>
      </c>
    </row>
    <row r="59110" spans="1:10" x14ac:dyDescent="0.35">
      <c r="A59110" s="1" t="s">
        <v>24974</v>
      </c>
      <c r="B59110" s="1" t="s">
        <v>198531</v>
      </c>
      <c r="C59110" s="1" t="s">
        <v>35</v>
      </c>
      <c r="D59110" s="1" t="s">
        <v>198552</v>
      </c>
      <c r="E59110" s="1" t="s">
        <v>198553</v>
      </c>
      <c r="F59110" s="1" t="s">
        <v>198554</v>
      </c>
      <c r="G59110" s="1" t="s">
        <v>198535</v>
      </c>
      <c r="H59110" s="1" t="s">
        <v>198536</v>
      </c>
      <c r="I59110" s="1" t="s">
        <v>198537</v>
      </c>
      <c r="J59110" s="1" t="s">
        <v>198555</v>
      </c>
    </row>
    <row r="59111" spans="1:10" x14ac:dyDescent="0.35">
      <c r="A59111" s="1" t="s">
        <v>24974</v>
      </c>
      <c r="B59111" s="1" t="s">
        <v>198531</v>
      </c>
      <c r="C59111" s="1" t="s">
        <v>40</v>
      </c>
      <c r="D59111" s="1" t="s">
        <v>176008</v>
      </c>
      <c r="E59111" s="1" t="s">
        <v>198556</v>
      </c>
      <c r="F59111" s="1" t="s">
        <v>198557</v>
      </c>
      <c r="G59111" s="1" t="s">
        <v>198535</v>
      </c>
      <c r="H59111" s="1" t="s">
        <v>198536</v>
      </c>
      <c r="I59111" s="1" t="s">
        <v>198537</v>
      </c>
      <c r="J59111" s="1" t="s">
        <v>198558</v>
      </c>
    </row>
    <row r="59112" spans="1:10" x14ac:dyDescent="0.35">
      <c r="A59112" s="1" t="s">
        <v>24974</v>
      </c>
      <c r="B59112" s="1" t="s">
        <v>198531</v>
      </c>
      <c r="C59112" s="1" t="s">
        <v>45</v>
      </c>
      <c r="D59112" s="1" t="s">
        <v>107531</v>
      </c>
      <c r="E59112" s="1" t="s">
        <v>198559</v>
      </c>
      <c r="F59112" s="1" t="s">
        <v>198560</v>
      </c>
      <c r="G59112" s="1" t="s">
        <v>198535</v>
      </c>
      <c r="H59112" s="1" t="s">
        <v>198536</v>
      </c>
      <c r="I59112" s="1" t="s">
        <v>198537</v>
      </c>
      <c r="J59112" s="1" t="s">
        <v>198561</v>
      </c>
    </row>
    <row r="59113" spans="1:10" x14ac:dyDescent="0.35">
      <c r="A59113" s="1" t="s">
        <v>24974</v>
      </c>
      <c r="B59113" s="1" t="s">
        <v>198531</v>
      </c>
      <c r="C59113" s="1" t="s">
        <v>50</v>
      </c>
      <c r="D59113" s="1" t="s">
        <v>85568</v>
      </c>
      <c r="E59113" s="1" t="s">
        <v>198562</v>
      </c>
      <c r="F59113" s="1" t="s">
        <v>198563</v>
      </c>
      <c r="G59113" s="1" t="s">
        <v>198535</v>
      </c>
      <c r="H59113" s="1" t="s">
        <v>198536</v>
      </c>
      <c r="I59113" s="1" t="s">
        <v>198537</v>
      </c>
      <c r="J59113" s="1" t="s">
        <v>198564</v>
      </c>
    </row>
    <row r="59114" spans="1:10" x14ac:dyDescent="0.35">
      <c r="A59114" s="1" t="s">
        <v>24974</v>
      </c>
      <c r="B59114" s="1" t="s">
        <v>198531</v>
      </c>
      <c r="C59114" s="1" t="s">
        <v>55</v>
      </c>
      <c r="D59114" s="1" t="s">
        <v>198272</v>
      </c>
      <c r="E59114" s="1" t="s">
        <v>198565</v>
      </c>
      <c r="F59114" s="1" t="s">
        <v>198566</v>
      </c>
      <c r="G59114" s="1" t="s">
        <v>198535</v>
      </c>
      <c r="H59114" s="1" t="s">
        <v>198536</v>
      </c>
      <c r="I59114" s="1" t="s">
        <v>198537</v>
      </c>
      <c r="J59114" s="1" t="s">
        <v>198567</v>
      </c>
    </row>
    <row r="59115" spans="1:10" x14ac:dyDescent="0.35">
      <c r="A59115" s="1" t="s">
        <v>24974</v>
      </c>
      <c r="B59115" s="1" t="s">
        <v>198531</v>
      </c>
      <c r="C59115" s="1" t="s">
        <v>60</v>
      </c>
      <c r="D59115" s="1" t="s">
        <v>198568</v>
      </c>
      <c r="E59115" s="1" t="s">
        <v>198569</v>
      </c>
      <c r="F59115" s="1" t="s">
        <v>198570</v>
      </c>
      <c r="G59115" s="1" t="s">
        <v>198535</v>
      </c>
      <c r="H59115" s="1" t="s">
        <v>198536</v>
      </c>
      <c r="I59115" s="1" t="s">
        <v>198537</v>
      </c>
      <c r="J59115" s="1" t="s">
        <v>198571</v>
      </c>
    </row>
    <row r="59116" spans="1:10" x14ac:dyDescent="0.35">
      <c r="A59116" s="1" t="s">
        <v>24974</v>
      </c>
      <c r="B59116" s="1" t="s">
        <v>198531</v>
      </c>
      <c r="C59116" s="1" t="s">
        <v>65</v>
      </c>
      <c r="D59116" s="1" t="s">
        <v>198572</v>
      </c>
      <c r="E59116" s="1" t="s">
        <v>198573</v>
      </c>
      <c r="F59116" s="1" t="s">
        <v>198574</v>
      </c>
      <c r="G59116" s="1" t="s">
        <v>198535</v>
      </c>
      <c r="H59116" s="1" t="s">
        <v>198536</v>
      </c>
      <c r="I59116" s="1" t="s">
        <v>198537</v>
      </c>
      <c r="J59116" s="1" t="s">
        <v>198575</v>
      </c>
    </row>
    <row r="59117" spans="1:10" x14ac:dyDescent="0.35">
      <c r="A59117" s="1" t="s">
        <v>24974</v>
      </c>
      <c r="B59117" s="1" t="s">
        <v>198531</v>
      </c>
      <c r="C59117" s="1" t="s">
        <v>70</v>
      </c>
      <c r="D59117" s="1" t="s">
        <v>198576</v>
      </c>
      <c r="E59117" s="1" t="s">
        <v>198577</v>
      </c>
      <c r="F59117" s="1" t="s">
        <v>198578</v>
      </c>
      <c r="G59117" s="1" t="s">
        <v>198535</v>
      </c>
      <c r="H59117" s="1" t="s">
        <v>198536</v>
      </c>
      <c r="I59117" s="1" t="s">
        <v>198537</v>
      </c>
      <c r="J59117" s="1" t="s">
        <v>198579</v>
      </c>
    </row>
    <row r="59118" spans="1:10" x14ac:dyDescent="0.35">
      <c r="A59118" s="1" t="s">
        <v>24974</v>
      </c>
      <c r="B59118" s="1" t="s">
        <v>198531</v>
      </c>
      <c r="C59118" s="1" t="s">
        <v>75</v>
      </c>
      <c r="D59118" s="1" t="s">
        <v>101241</v>
      </c>
      <c r="E59118" s="1" t="s">
        <v>198580</v>
      </c>
      <c r="F59118" s="1" t="s">
        <v>198581</v>
      </c>
      <c r="G59118" s="1" t="s">
        <v>198535</v>
      </c>
      <c r="H59118" s="1" t="s">
        <v>198536</v>
      </c>
      <c r="I59118" s="1" t="s">
        <v>198537</v>
      </c>
      <c r="J59118" s="1" t="s">
        <v>198582</v>
      </c>
    </row>
    <row r="59119" spans="1:10" x14ac:dyDescent="0.35">
      <c r="A59119" s="1" t="s">
        <v>24974</v>
      </c>
      <c r="B59119" s="1" t="s">
        <v>198531</v>
      </c>
      <c r="C59119" s="1" t="s">
        <v>80</v>
      </c>
      <c r="D59119" s="1" t="s">
        <v>92592</v>
      </c>
      <c r="E59119" s="1" t="s">
        <v>198583</v>
      </c>
      <c r="F59119" s="1" t="s">
        <v>198584</v>
      </c>
      <c r="G59119" s="1" t="s">
        <v>198535</v>
      </c>
      <c r="H59119" s="1" t="s">
        <v>198536</v>
      </c>
      <c r="I59119" s="1" t="s">
        <v>198537</v>
      </c>
      <c r="J59119" s="1" t="s">
        <v>198585</v>
      </c>
    </row>
    <row r="59120" spans="1:10" x14ac:dyDescent="0.35">
      <c r="A59120" s="1" t="s">
        <v>24974</v>
      </c>
      <c r="B59120" s="1" t="s">
        <v>198531</v>
      </c>
      <c r="C59120" s="1" t="s">
        <v>85</v>
      </c>
      <c r="D59120" s="1" t="s">
        <v>198586</v>
      </c>
      <c r="E59120" s="1" t="s">
        <v>198587</v>
      </c>
      <c r="F59120" s="1" t="s">
        <v>198588</v>
      </c>
      <c r="G59120" s="1" t="s">
        <v>198535</v>
      </c>
      <c r="H59120" s="1" t="s">
        <v>198536</v>
      </c>
      <c r="I59120" s="1" t="s">
        <v>198537</v>
      </c>
      <c r="J59120" s="1" t="s">
        <v>198589</v>
      </c>
    </row>
    <row r="59121" spans="1:10" x14ac:dyDescent="0.35">
      <c r="A59121" s="1" t="s">
        <v>24974</v>
      </c>
      <c r="B59121" s="1" t="s">
        <v>198531</v>
      </c>
      <c r="C59121" s="1" t="s">
        <v>90</v>
      </c>
      <c r="D59121" s="1" t="s">
        <v>94009</v>
      </c>
      <c r="E59121" s="1" t="s">
        <v>198590</v>
      </c>
      <c r="F59121" s="1" t="s">
        <v>198591</v>
      </c>
      <c r="G59121" s="1" t="s">
        <v>198535</v>
      </c>
      <c r="H59121" s="1" t="s">
        <v>198536</v>
      </c>
      <c r="I59121" s="1" t="s">
        <v>198537</v>
      </c>
      <c r="J59121" s="1" t="s">
        <v>198592</v>
      </c>
    </row>
    <row r="59122" spans="1:10" x14ac:dyDescent="0.35">
      <c r="A59122" s="1" t="s">
        <v>24974</v>
      </c>
      <c r="B59122" s="1" t="s">
        <v>198531</v>
      </c>
      <c r="C59122" s="1" t="s">
        <v>95</v>
      </c>
      <c r="D59122" s="1" t="s">
        <v>138314</v>
      </c>
      <c r="E59122" s="1" t="s">
        <v>198593</v>
      </c>
      <c r="F59122" s="1" t="s">
        <v>198594</v>
      </c>
      <c r="G59122" s="1" t="s">
        <v>198535</v>
      </c>
      <c r="H59122" s="1" t="s">
        <v>198536</v>
      </c>
      <c r="I59122" s="1" t="s">
        <v>198537</v>
      </c>
      <c r="J59122" s="1" t="s">
        <v>198595</v>
      </c>
    </row>
    <row r="59123" spans="1:10" x14ac:dyDescent="0.35">
      <c r="A59123" s="1" t="s">
        <v>24974</v>
      </c>
      <c r="B59123" s="1" t="s">
        <v>198531</v>
      </c>
      <c r="C59123" s="1" t="s">
        <v>100</v>
      </c>
      <c r="D59123" s="1" t="s">
        <v>198596</v>
      </c>
      <c r="E59123" s="1" t="s">
        <v>198597</v>
      </c>
      <c r="F59123" s="1" t="s">
        <v>198598</v>
      </c>
      <c r="G59123" s="1" t="s">
        <v>198535</v>
      </c>
      <c r="H59123" s="1" t="s">
        <v>198536</v>
      </c>
      <c r="I59123" s="1" t="s">
        <v>198537</v>
      </c>
      <c r="J59123" s="1" t="s">
        <v>198599</v>
      </c>
    </row>
    <row r="59124" spans="1:10" x14ac:dyDescent="0.35">
      <c r="A59124" s="1" t="s">
        <v>24974</v>
      </c>
      <c r="B59124" s="1" t="s">
        <v>198531</v>
      </c>
      <c r="C59124" s="1" t="s">
        <v>105</v>
      </c>
      <c r="D59124" s="1" t="s">
        <v>198600</v>
      </c>
      <c r="E59124" s="1" t="s">
        <v>198601</v>
      </c>
      <c r="F59124" s="1" t="s">
        <v>198602</v>
      </c>
      <c r="G59124" s="1" t="s">
        <v>198535</v>
      </c>
      <c r="H59124" s="1" t="s">
        <v>198536</v>
      </c>
      <c r="I59124" s="1" t="s">
        <v>198537</v>
      </c>
      <c r="J59124" s="1" t="s">
        <v>198603</v>
      </c>
    </row>
    <row r="59125" spans="1:10" x14ac:dyDescent="0.35">
      <c r="A59125" s="1" t="s">
        <v>24974</v>
      </c>
      <c r="B59125" s="1" t="s">
        <v>198531</v>
      </c>
      <c r="C59125" s="1" t="s">
        <v>110</v>
      </c>
      <c r="D59125" s="1" t="s">
        <v>76913</v>
      </c>
      <c r="E59125" s="1" t="s">
        <v>198604</v>
      </c>
      <c r="F59125" s="1" t="s">
        <v>198605</v>
      </c>
      <c r="G59125" s="1" t="s">
        <v>198535</v>
      </c>
      <c r="H59125" s="1" t="s">
        <v>198536</v>
      </c>
      <c r="I59125" s="1" t="s">
        <v>198537</v>
      </c>
      <c r="J59125" s="1" t="s">
        <v>198606</v>
      </c>
    </row>
    <row r="59126" spans="1:10" x14ac:dyDescent="0.35">
      <c r="A59126" s="1" t="s">
        <v>24974</v>
      </c>
      <c r="B59126" s="1" t="s">
        <v>198531</v>
      </c>
      <c r="C59126" s="1" t="s">
        <v>115</v>
      </c>
      <c r="D59126" s="1" t="s">
        <v>55541</v>
      </c>
      <c r="E59126" s="1" t="s">
        <v>198607</v>
      </c>
      <c r="F59126" s="1" t="s">
        <v>198608</v>
      </c>
      <c r="G59126" s="1" t="s">
        <v>198535</v>
      </c>
      <c r="H59126" s="1" t="s">
        <v>198536</v>
      </c>
      <c r="I59126" s="1" t="s">
        <v>198537</v>
      </c>
      <c r="J59126" s="1" t="s">
        <v>198609</v>
      </c>
    </row>
    <row r="59127" spans="1:10" x14ac:dyDescent="0.35">
      <c r="A59127" s="1" t="s">
        <v>24974</v>
      </c>
      <c r="B59127" s="1" t="s">
        <v>198531</v>
      </c>
      <c r="C59127" s="1" t="s">
        <v>120</v>
      </c>
      <c r="D59127" s="1" t="s">
        <v>198610</v>
      </c>
      <c r="E59127" s="1" t="s">
        <v>198611</v>
      </c>
      <c r="F59127" s="1" t="s">
        <v>198612</v>
      </c>
      <c r="G59127" s="1" t="s">
        <v>198535</v>
      </c>
      <c r="H59127" s="1" t="s">
        <v>198536</v>
      </c>
      <c r="I59127" s="1" t="s">
        <v>198537</v>
      </c>
      <c r="J59127" s="1" t="s">
        <v>198613</v>
      </c>
    </row>
    <row r="59128" spans="1:10" x14ac:dyDescent="0.35">
      <c r="A59128" s="1" t="s">
        <v>24974</v>
      </c>
      <c r="B59128" s="1" t="s">
        <v>198531</v>
      </c>
      <c r="C59128" s="1" t="s">
        <v>125</v>
      </c>
      <c r="D59128" s="1" t="s">
        <v>68225</v>
      </c>
      <c r="E59128" s="1" t="s">
        <v>198614</v>
      </c>
      <c r="F59128" s="1" t="s">
        <v>198615</v>
      </c>
      <c r="G59128" s="1" t="s">
        <v>198535</v>
      </c>
      <c r="H59128" s="1" t="s">
        <v>198536</v>
      </c>
      <c r="I59128" s="1" t="s">
        <v>198537</v>
      </c>
      <c r="J59128" s="1" t="s">
        <v>198616</v>
      </c>
    </row>
    <row r="59129" spans="1:10" x14ac:dyDescent="0.35">
      <c r="A59129" s="1" t="s">
        <v>24974</v>
      </c>
      <c r="B59129" s="1" t="s">
        <v>198531</v>
      </c>
      <c r="C59129" s="1" t="s">
        <v>130</v>
      </c>
      <c r="D59129" s="1" t="s">
        <v>64313</v>
      </c>
      <c r="E59129" s="1" t="s">
        <v>198617</v>
      </c>
      <c r="F59129" s="1" t="s">
        <v>198618</v>
      </c>
      <c r="G59129" s="1" t="s">
        <v>198535</v>
      </c>
      <c r="H59129" s="1" t="s">
        <v>198536</v>
      </c>
      <c r="I59129" s="1" t="s">
        <v>198537</v>
      </c>
      <c r="J59129" s="1" t="s">
        <v>198619</v>
      </c>
    </row>
    <row r="59130" spans="1:10" x14ac:dyDescent="0.35">
      <c r="A59130" s="1" t="s">
        <v>24974</v>
      </c>
      <c r="B59130" s="1" t="s">
        <v>198531</v>
      </c>
      <c r="C59130" s="1" t="s">
        <v>135</v>
      </c>
      <c r="D59130" s="1" t="s">
        <v>60870</v>
      </c>
      <c r="E59130" s="1" t="s">
        <v>198620</v>
      </c>
      <c r="F59130" s="1" t="s">
        <v>198621</v>
      </c>
      <c r="G59130" s="1" t="s">
        <v>198535</v>
      </c>
      <c r="H59130" s="1" t="s">
        <v>198536</v>
      </c>
      <c r="I59130" s="1" t="s">
        <v>198537</v>
      </c>
      <c r="J59130" s="1" t="s">
        <v>198622</v>
      </c>
    </row>
    <row r="59131" spans="1:10" x14ac:dyDescent="0.35">
      <c r="A59131" s="1" t="s">
        <v>24974</v>
      </c>
      <c r="B59131" s="1" t="s">
        <v>198531</v>
      </c>
      <c r="C59131" s="1" t="s">
        <v>140</v>
      </c>
      <c r="D59131" s="1" t="s">
        <v>79509</v>
      </c>
      <c r="E59131" s="1" t="s">
        <v>198623</v>
      </c>
      <c r="F59131" s="1" t="s">
        <v>198624</v>
      </c>
      <c r="G59131" s="1" t="s">
        <v>198535</v>
      </c>
      <c r="H59131" s="1" t="s">
        <v>198536</v>
      </c>
      <c r="I59131" s="1" t="s">
        <v>198537</v>
      </c>
      <c r="J59131" s="1" t="s">
        <v>198625</v>
      </c>
    </row>
    <row r="59132" spans="1:10" x14ac:dyDescent="0.35">
      <c r="A59132" s="1" t="s">
        <v>24974</v>
      </c>
      <c r="B59132" s="1" t="s">
        <v>198531</v>
      </c>
      <c r="C59132" s="1" t="s">
        <v>145</v>
      </c>
      <c r="D59132" s="1" t="s">
        <v>70242</v>
      </c>
      <c r="E59132" s="1" t="s">
        <v>198626</v>
      </c>
      <c r="F59132" s="1" t="s">
        <v>198627</v>
      </c>
      <c r="G59132" s="1" t="s">
        <v>198535</v>
      </c>
      <c r="H59132" s="1" t="s">
        <v>198536</v>
      </c>
      <c r="I59132" s="1" t="s">
        <v>198537</v>
      </c>
      <c r="J59132" s="1" t="s">
        <v>198628</v>
      </c>
    </row>
    <row r="59133" spans="1:10" x14ac:dyDescent="0.35">
      <c r="A59133" s="1" t="s">
        <v>24974</v>
      </c>
      <c r="B59133" s="1" t="s">
        <v>198531</v>
      </c>
      <c r="C59133" s="1" t="s">
        <v>150</v>
      </c>
      <c r="D59133" s="1" t="s">
        <v>198629</v>
      </c>
      <c r="E59133" s="1" t="s">
        <v>198630</v>
      </c>
      <c r="F59133" s="1" t="s">
        <v>198631</v>
      </c>
      <c r="G59133" s="1" t="s">
        <v>198535</v>
      </c>
      <c r="H59133" s="1" t="s">
        <v>198536</v>
      </c>
      <c r="I59133" s="1" t="s">
        <v>198537</v>
      </c>
      <c r="J59133" s="1" t="s">
        <v>198632</v>
      </c>
    </row>
    <row r="59134" spans="1:10" x14ac:dyDescent="0.35">
      <c r="A59134" s="1" t="s">
        <v>24974</v>
      </c>
      <c r="B59134" s="1" t="s">
        <v>198531</v>
      </c>
      <c r="C59134" s="1" t="s">
        <v>155</v>
      </c>
      <c r="D59134" s="1" t="s">
        <v>198633</v>
      </c>
      <c r="E59134" s="1" t="s">
        <v>198634</v>
      </c>
      <c r="F59134" s="1" t="s">
        <v>198635</v>
      </c>
      <c r="G59134" s="1" t="s">
        <v>198535</v>
      </c>
      <c r="H59134" s="1" t="s">
        <v>198536</v>
      </c>
      <c r="I59134" s="1" t="s">
        <v>198537</v>
      </c>
      <c r="J59134" s="1" t="s">
        <v>198636</v>
      </c>
    </row>
    <row r="59135" spans="1:10" x14ac:dyDescent="0.35">
      <c r="A59135" s="1" t="s">
        <v>24974</v>
      </c>
      <c r="B59135" s="1" t="s">
        <v>198531</v>
      </c>
      <c r="C59135" s="1" t="s">
        <v>160</v>
      </c>
      <c r="D59135" s="1" t="s">
        <v>19903</v>
      </c>
      <c r="E59135" s="1" t="s">
        <v>198637</v>
      </c>
      <c r="F59135" s="1" t="s">
        <v>198638</v>
      </c>
      <c r="G59135" s="1" t="s">
        <v>198535</v>
      </c>
      <c r="H59135" s="1" t="s">
        <v>198536</v>
      </c>
      <c r="I59135" s="1" t="s">
        <v>198537</v>
      </c>
      <c r="J59135" s="1" t="s">
        <v>198639</v>
      </c>
    </row>
    <row r="59136" spans="1:10" x14ac:dyDescent="0.35">
      <c r="A59136" s="1" t="s">
        <v>24974</v>
      </c>
      <c r="B59136" s="1" t="s">
        <v>198531</v>
      </c>
      <c r="C59136" s="1" t="s">
        <v>165</v>
      </c>
      <c r="D59136" s="1" t="s">
        <v>66428</v>
      </c>
      <c r="E59136" s="1" t="s">
        <v>198640</v>
      </c>
      <c r="F59136" s="1" t="s">
        <v>198641</v>
      </c>
      <c r="G59136" s="1" t="s">
        <v>198535</v>
      </c>
      <c r="H59136" s="1" t="s">
        <v>198536</v>
      </c>
      <c r="I59136" s="1" t="s">
        <v>198537</v>
      </c>
      <c r="J59136" s="1" t="s">
        <v>198642</v>
      </c>
    </row>
    <row r="59137" spans="1:10" x14ac:dyDescent="0.35">
      <c r="A59137" s="1" t="s">
        <v>24974</v>
      </c>
      <c r="B59137" s="1" t="s">
        <v>198531</v>
      </c>
      <c r="C59137" s="1" t="s">
        <v>170</v>
      </c>
      <c r="D59137" s="1" t="s">
        <v>23835</v>
      </c>
      <c r="E59137" s="1" t="s">
        <v>198643</v>
      </c>
      <c r="F59137" s="1" t="s">
        <v>198644</v>
      </c>
      <c r="G59137" s="1" t="s">
        <v>198535</v>
      </c>
      <c r="H59137" s="1" t="s">
        <v>198536</v>
      </c>
      <c r="I59137" s="1" t="s">
        <v>198537</v>
      </c>
      <c r="J59137" s="1" t="s">
        <v>198645</v>
      </c>
    </row>
    <row r="59138" spans="1:10" x14ac:dyDescent="0.35">
      <c r="A59138" s="1" t="s">
        <v>44542</v>
      </c>
      <c r="B59138" s="1" t="s">
        <v>198531</v>
      </c>
      <c r="C59138" s="1" t="s">
        <v>8</v>
      </c>
      <c r="D59138" s="1" t="s">
        <v>198532</v>
      </c>
      <c r="E59138" s="1" t="s">
        <v>198646</v>
      </c>
      <c r="F59138" s="1" t="s">
        <v>198647</v>
      </c>
      <c r="G59138" s="1" t="s">
        <v>198648</v>
      </c>
      <c r="H59138" s="1" t="s">
        <v>198649</v>
      </c>
      <c r="I59138" s="1" t="s">
        <v>198537</v>
      </c>
      <c r="J59138" s="1" t="s">
        <v>13</v>
      </c>
    </row>
    <row r="59139" spans="1:10" x14ac:dyDescent="0.35">
      <c r="A59139" s="1" t="s">
        <v>44542</v>
      </c>
      <c r="B59139" s="1" t="s">
        <v>198531</v>
      </c>
      <c r="C59139" s="1" t="s">
        <v>15</v>
      </c>
      <c r="D59139" s="1" t="s">
        <v>198538</v>
      </c>
      <c r="E59139" s="1" t="s">
        <v>198650</v>
      </c>
      <c r="F59139" s="1" t="s">
        <v>198651</v>
      </c>
      <c r="G59139" s="1" t="s">
        <v>198648</v>
      </c>
      <c r="H59139" s="1" t="s">
        <v>198649</v>
      </c>
      <c r="I59139" s="1" t="s">
        <v>198537</v>
      </c>
      <c r="J59139" s="1" t="s">
        <v>198541</v>
      </c>
    </row>
    <row r="59140" spans="1:10" x14ac:dyDescent="0.35">
      <c r="A59140" s="1" t="s">
        <v>44542</v>
      </c>
      <c r="B59140" s="1" t="s">
        <v>198531</v>
      </c>
      <c r="C59140" s="1" t="s">
        <v>20</v>
      </c>
      <c r="D59140" s="1" t="s">
        <v>176533</v>
      </c>
      <c r="E59140" s="1" t="s">
        <v>198652</v>
      </c>
      <c r="F59140" s="1" t="s">
        <v>198653</v>
      </c>
      <c r="G59140" s="1" t="s">
        <v>198648</v>
      </c>
      <c r="H59140" s="1" t="s">
        <v>198649</v>
      </c>
      <c r="I59140" s="1" t="s">
        <v>198537</v>
      </c>
      <c r="J59140" s="1" t="s">
        <v>198544</v>
      </c>
    </row>
    <row r="59141" spans="1:10" x14ac:dyDescent="0.35">
      <c r="A59141" s="1" t="s">
        <v>44542</v>
      </c>
      <c r="B59141" s="1" t="s">
        <v>198531</v>
      </c>
      <c r="C59141" s="1" t="s">
        <v>25</v>
      </c>
      <c r="D59141" s="1" t="s">
        <v>198545</v>
      </c>
      <c r="E59141" s="1" t="s">
        <v>198654</v>
      </c>
      <c r="F59141" s="1" t="s">
        <v>198655</v>
      </c>
      <c r="G59141" s="1" t="s">
        <v>198648</v>
      </c>
      <c r="H59141" s="1" t="s">
        <v>198649</v>
      </c>
      <c r="I59141" s="1" t="s">
        <v>198537</v>
      </c>
      <c r="J59141" s="1" t="s">
        <v>198548</v>
      </c>
    </row>
    <row r="59142" spans="1:10" x14ac:dyDescent="0.35">
      <c r="A59142" s="1" t="s">
        <v>44542</v>
      </c>
      <c r="B59142" s="1" t="s">
        <v>198531</v>
      </c>
      <c r="C59142" s="1" t="s">
        <v>30</v>
      </c>
      <c r="D59142" s="1" t="s">
        <v>195884</v>
      </c>
      <c r="E59142" s="1" t="s">
        <v>198656</v>
      </c>
      <c r="F59142" s="1" t="s">
        <v>198657</v>
      </c>
      <c r="G59142" s="1" t="s">
        <v>198648</v>
      </c>
      <c r="H59142" s="1" t="s">
        <v>198649</v>
      </c>
      <c r="I59142" s="1" t="s">
        <v>198537</v>
      </c>
      <c r="J59142" s="1" t="s">
        <v>198551</v>
      </c>
    </row>
    <row r="59143" spans="1:10" x14ac:dyDescent="0.35">
      <c r="A59143" s="1" t="s">
        <v>44542</v>
      </c>
      <c r="B59143" s="1" t="s">
        <v>198531</v>
      </c>
      <c r="C59143" s="1" t="s">
        <v>35</v>
      </c>
      <c r="D59143" s="1" t="s">
        <v>198552</v>
      </c>
      <c r="E59143" s="1" t="s">
        <v>198658</v>
      </c>
      <c r="F59143" s="1" t="s">
        <v>198659</v>
      </c>
      <c r="G59143" s="1" t="s">
        <v>198648</v>
      </c>
      <c r="H59143" s="1" t="s">
        <v>198649</v>
      </c>
      <c r="I59143" s="1" t="s">
        <v>198537</v>
      </c>
      <c r="J59143" s="1" t="s">
        <v>198555</v>
      </c>
    </row>
    <row r="59144" spans="1:10" x14ac:dyDescent="0.35">
      <c r="A59144" s="1" t="s">
        <v>44542</v>
      </c>
      <c r="B59144" s="1" t="s">
        <v>198531</v>
      </c>
      <c r="C59144" s="1" t="s">
        <v>40</v>
      </c>
      <c r="D59144" s="1" t="s">
        <v>176008</v>
      </c>
      <c r="E59144" s="1" t="s">
        <v>198660</v>
      </c>
      <c r="F59144" s="1" t="s">
        <v>198661</v>
      </c>
      <c r="G59144" s="1" t="s">
        <v>198648</v>
      </c>
      <c r="H59144" s="1" t="s">
        <v>198649</v>
      </c>
      <c r="I59144" s="1" t="s">
        <v>198537</v>
      </c>
      <c r="J59144" s="1" t="s">
        <v>198558</v>
      </c>
    </row>
    <row r="59145" spans="1:10" x14ac:dyDescent="0.35">
      <c r="A59145" s="1" t="s">
        <v>44542</v>
      </c>
      <c r="B59145" s="1" t="s">
        <v>198531</v>
      </c>
      <c r="C59145" s="1" t="s">
        <v>45</v>
      </c>
      <c r="D59145" s="1" t="s">
        <v>179445</v>
      </c>
      <c r="E59145" s="1" t="s">
        <v>198662</v>
      </c>
      <c r="F59145" s="1" t="s">
        <v>198663</v>
      </c>
      <c r="G59145" s="1" t="s">
        <v>198648</v>
      </c>
      <c r="H59145" s="1" t="s">
        <v>198649</v>
      </c>
      <c r="I59145" s="1" t="s">
        <v>198537</v>
      </c>
      <c r="J59145" s="1" t="s">
        <v>198664</v>
      </c>
    </row>
    <row r="59146" spans="1:10" x14ac:dyDescent="0.35">
      <c r="A59146" s="1" t="s">
        <v>44542</v>
      </c>
      <c r="B59146" s="1" t="s">
        <v>198531</v>
      </c>
      <c r="C59146" s="1" t="s">
        <v>50</v>
      </c>
      <c r="D59146" s="1" t="s">
        <v>108557</v>
      </c>
      <c r="E59146" s="1" t="s">
        <v>198665</v>
      </c>
      <c r="F59146" s="1" t="s">
        <v>198666</v>
      </c>
      <c r="G59146" s="1" t="s">
        <v>198648</v>
      </c>
      <c r="H59146" s="1" t="s">
        <v>198649</v>
      </c>
      <c r="I59146" s="1" t="s">
        <v>198537</v>
      </c>
      <c r="J59146" s="1" t="s">
        <v>198667</v>
      </c>
    </row>
    <row r="59147" spans="1:10" x14ac:dyDescent="0.35">
      <c r="A59147" s="1" t="s">
        <v>44542</v>
      </c>
      <c r="B59147" s="1" t="s">
        <v>198531</v>
      </c>
      <c r="C59147" s="1" t="s">
        <v>55</v>
      </c>
      <c r="D59147" s="1" t="s">
        <v>182944</v>
      </c>
      <c r="E59147" s="1" t="s">
        <v>198668</v>
      </c>
      <c r="F59147" s="1" t="s">
        <v>198669</v>
      </c>
      <c r="G59147" s="1" t="s">
        <v>198648</v>
      </c>
      <c r="H59147" s="1" t="s">
        <v>198649</v>
      </c>
      <c r="I59147" s="1" t="s">
        <v>198537</v>
      </c>
      <c r="J59147" s="1" t="s">
        <v>198670</v>
      </c>
    </row>
    <row r="59148" spans="1:10" x14ac:dyDescent="0.35">
      <c r="A59148" s="1" t="s">
        <v>44542</v>
      </c>
      <c r="B59148" s="1" t="s">
        <v>198531</v>
      </c>
      <c r="C59148" s="1" t="s">
        <v>60</v>
      </c>
      <c r="D59148" s="1" t="s">
        <v>128088</v>
      </c>
      <c r="E59148" s="1" t="s">
        <v>198671</v>
      </c>
      <c r="F59148" s="1" t="s">
        <v>198672</v>
      </c>
      <c r="G59148" s="1" t="s">
        <v>198648</v>
      </c>
      <c r="H59148" s="1" t="s">
        <v>198649</v>
      </c>
      <c r="I59148" s="1" t="s">
        <v>198537</v>
      </c>
      <c r="J59148" s="1" t="s">
        <v>198673</v>
      </c>
    </row>
    <row r="59149" spans="1:10" x14ac:dyDescent="0.35">
      <c r="A59149" s="1" t="s">
        <v>44542</v>
      </c>
      <c r="B59149" s="1" t="s">
        <v>198531</v>
      </c>
      <c r="C59149" s="1" t="s">
        <v>65</v>
      </c>
      <c r="D59149" s="1" t="s">
        <v>68600</v>
      </c>
      <c r="E59149" s="1" t="s">
        <v>198674</v>
      </c>
      <c r="F59149" s="1" t="s">
        <v>198675</v>
      </c>
      <c r="G59149" s="1" t="s">
        <v>198648</v>
      </c>
      <c r="H59149" s="1" t="s">
        <v>198649</v>
      </c>
      <c r="I59149" s="1" t="s">
        <v>198537</v>
      </c>
      <c r="J59149" s="1" t="s">
        <v>198676</v>
      </c>
    </row>
    <row r="59150" spans="1:10" x14ac:dyDescent="0.35">
      <c r="A59150" s="1" t="s">
        <v>44542</v>
      </c>
      <c r="B59150" s="1" t="s">
        <v>198531</v>
      </c>
      <c r="C59150" s="1" t="s">
        <v>70</v>
      </c>
      <c r="D59150" s="1" t="s">
        <v>61934</v>
      </c>
      <c r="E59150" s="1" t="s">
        <v>198677</v>
      </c>
      <c r="F59150" s="1" t="s">
        <v>198678</v>
      </c>
      <c r="G59150" s="1" t="s">
        <v>198648</v>
      </c>
      <c r="H59150" s="1" t="s">
        <v>198649</v>
      </c>
      <c r="I59150" s="1" t="s">
        <v>198537</v>
      </c>
      <c r="J59150" s="1" t="s">
        <v>198679</v>
      </c>
    </row>
    <row r="59151" spans="1:10" x14ac:dyDescent="0.35">
      <c r="A59151" s="1" t="s">
        <v>44542</v>
      </c>
      <c r="B59151" s="1" t="s">
        <v>198531</v>
      </c>
      <c r="C59151" s="1" t="s">
        <v>75</v>
      </c>
      <c r="D59151" s="1" t="s">
        <v>136624</v>
      </c>
      <c r="E59151" s="1" t="s">
        <v>198680</v>
      </c>
      <c r="F59151" s="1" t="s">
        <v>198681</v>
      </c>
      <c r="G59151" s="1" t="s">
        <v>198648</v>
      </c>
      <c r="H59151" s="1" t="s">
        <v>198649</v>
      </c>
      <c r="I59151" s="1" t="s">
        <v>198537</v>
      </c>
      <c r="J59151" s="1" t="s">
        <v>198682</v>
      </c>
    </row>
    <row r="59152" spans="1:10" x14ac:dyDescent="0.35">
      <c r="A59152" s="1" t="s">
        <v>44542</v>
      </c>
      <c r="B59152" s="1" t="s">
        <v>198531</v>
      </c>
      <c r="C59152" s="1" t="s">
        <v>80</v>
      </c>
      <c r="D59152" s="1" t="s">
        <v>66018</v>
      </c>
      <c r="E59152" s="1" t="s">
        <v>198683</v>
      </c>
      <c r="F59152" s="1" t="s">
        <v>198684</v>
      </c>
      <c r="G59152" s="1" t="s">
        <v>198648</v>
      </c>
      <c r="H59152" s="1" t="s">
        <v>198649</v>
      </c>
      <c r="I59152" s="1" t="s">
        <v>198537</v>
      </c>
      <c r="J59152" s="1" t="s">
        <v>198685</v>
      </c>
    </row>
    <row r="59153" spans="1:10" x14ac:dyDescent="0.35">
      <c r="A59153" s="1" t="s">
        <v>44542</v>
      </c>
      <c r="B59153" s="1" t="s">
        <v>198531</v>
      </c>
      <c r="C59153" s="1" t="s">
        <v>85</v>
      </c>
      <c r="D59153" s="1" t="s">
        <v>198686</v>
      </c>
      <c r="E59153" s="1" t="s">
        <v>198687</v>
      </c>
      <c r="F59153" s="1" t="s">
        <v>198688</v>
      </c>
      <c r="G59153" s="1" t="s">
        <v>198648</v>
      </c>
      <c r="H59153" s="1" t="s">
        <v>198649</v>
      </c>
      <c r="I59153" s="1" t="s">
        <v>198537</v>
      </c>
      <c r="J59153" s="1" t="s">
        <v>198689</v>
      </c>
    </row>
    <row r="59154" spans="1:10" x14ac:dyDescent="0.35">
      <c r="A59154" s="1" t="s">
        <v>44542</v>
      </c>
      <c r="B59154" s="1" t="s">
        <v>198531</v>
      </c>
      <c r="C59154" s="1" t="s">
        <v>90</v>
      </c>
      <c r="D59154" s="1" t="s">
        <v>65689</v>
      </c>
      <c r="E59154" s="1" t="s">
        <v>198690</v>
      </c>
      <c r="F59154" s="1" t="s">
        <v>198691</v>
      </c>
      <c r="G59154" s="1" t="s">
        <v>198648</v>
      </c>
      <c r="H59154" s="1" t="s">
        <v>198649</v>
      </c>
      <c r="I59154" s="1" t="s">
        <v>198537</v>
      </c>
      <c r="J59154" s="1" t="s">
        <v>198692</v>
      </c>
    </row>
    <row r="59155" spans="1:10" x14ac:dyDescent="0.35">
      <c r="A59155" s="1" t="s">
        <v>44542</v>
      </c>
      <c r="B59155" s="1" t="s">
        <v>198531</v>
      </c>
      <c r="C59155" s="1" t="s">
        <v>95</v>
      </c>
      <c r="D59155" s="1" t="s">
        <v>198693</v>
      </c>
      <c r="E59155" s="1" t="s">
        <v>198694</v>
      </c>
      <c r="F59155" s="1" t="s">
        <v>198695</v>
      </c>
      <c r="G59155" s="1" t="s">
        <v>198648</v>
      </c>
      <c r="H59155" s="1" t="s">
        <v>198649</v>
      </c>
      <c r="I59155" s="1" t="s">
        <v>198537</v>
      </c>
      <c r="J59155" s="1" t="s">
        <v>198696</v>
      </c>
    </row>
    <row r="59156" spans="1:10" x14ac:dyDescent="0.35">
      <c r="A59156" s="1" t="s">
        <v>44542</v>
      </c>
      <c r="B59156" s="1" t="s">
        <v>198531</v>
      </c>
      <c r="C59156" s="1" t="s">
        <v>100</v>
      </c>
      <c r="D59156" s="1" t="s">
        <v>198697</v>
      </c>
      <c r="E59156" s="1" t="s">
        <v>198698</v>
      </c>
      <c r="F59156" s="1" t="s">
        <v>198699</v>
      </c>
      <c r="G59156" s="1" t="s">
        <v>198648</v>
      </c>
      <c r="H59156" s="1" t="s">
        <v>198649</v>
      </c>
      <c r="I59156" s="1" t="s">
        <v>198537</v>
      </c>
      <c r="J59156" s="1" t="s">
        <v>198700</v>
      </c>
    </row>
    <row r="59157" spans="1:10" x14ac:dyDescent="0.35">
      <c r="A59157" s="1" t="s">
        <v>44542</v>
      </c>
      <c r="B59157" s="1" t="s">
        <v>198531</v>
      </c>
      <c r="C59157" s="1" t="s">
        <v>105</v>
      </c>
      <c r="D59157" s="1" t="s">
        <v>198701</v>
      </c>
      <c r="E59157" s="1" t="s">
        <v>198702</v>
      </c>
      <c r="F59157" s="1" t="s">
        <v>198703</v>
      </c>
      <c r="G59157" s="1" t="s">
        <v>198648</v>
      </c>
      <c r="H59157" s="1" t="s">
        <v>198649</v>
      </c>
      <c r="I59157" s="1" t="s">
        <v>198537</v>
      </c>
      <c r="J59157" s="1" t="s">
        <v>198704</v>
      </c>
    </row>
    <row r="59158" spans="1:10" x14ac:dyDescent="0.35">
      <c r="A59158" s="1" t="s">
        <v>44542</v>
      </c>
      <c r="B59158" s="1" t="s">
        <v>198531</v>
      </c>
      <c r="C59158" s="1" t="s">
        <v>110</v>
      </c>
      <c r="D59158" s="1" t="s">
        <v>85651</v>
      </c>
      <c r="E59158" s="1" t="s">
        <v>198705</v>
      </c>
      <c r="F59158" s="1" t="s">
        <v>198706</v>
      </c>
      <c r="G59158" s="1" t="s">
        <v>198648</v>
      </c>
      <c r="H59158" s="1" t="s">
        <v>198649</v>
      </c>
      <c r="I59158" s="1" t="s">
        <v>198537</v>
      </c>
      <c r="J59158" s="1" t="s">
        <v>198707</v>
      </c>
    </row>
    <row r="59159" spans="1:10" x14ac:dyDescent="0.35">
      <c r="A59159" s="1" t="s">
        <v>44542</v>
      </c>
      <c r="B59159" s="1" t="s">
        <v>198531</v>
      </c>
      <c r="C59159" s="1" t="s">
        <v>115</v>
      </c>
      <c r="D59159" s="1" t="s">
        <v>79369</v>
      </c>
      <c r="E59159" s="1" t="s">
        <v>198708</v>
      </c>
      <c r="F59159" s="1" t="s">
        <v>198709</v>
      </c>
      <c r="G59159" s="1" t="s">
        <v>198648</v>
      </c>
      <c r="H59159" s="1" t="s">
        <v>198649</v>
      </c>
      <c r="I59159" s="1" t="s">
        <v>198537</v>
      </c>
      <c r="J59159" s="1" t="s">
        <v>198710</v>
      </c>
    </row>
    <row r="59160" spans="1:10" x14ac:dyDescent="0.35">
      <c r="A59160" s="1" t="s">
        <v>44542</v>
      </c>
      <c r="B59160" s="1" t="s">
        <v>198531</v>
      </c>
      <c r="C59160" s="1" t="s">
        <v>120</v>
      </c>
      <c r="D59160" s="1" t="s">
        <v>62549</v>
      </c>
      <c r="E59160" s="1" t="s">
        <v>198711</v>
      </c>
      <c r="F59160" s="1" t="s">
        <v>198712</v>
      </c>
      <c r="G59160" s="1" t="s">
        <v>198648</v>
      </c>
      <c r="H59160" s="1" t="s">
        <v>198649</v>
      </c>
      <c r="I59160" s="1" t="s">
        <v>198537</v>
      </c>
      <c r="J59160" s="1" t="s">
        <v>198713</v>
      </c>
    </row>
    <row r="59161" spans="1:10" x14ac:dyDescent="0.35">
      <c r="A59161" s="1" t="s">
        <v>44542</v>
      </c>
      <c r="B59161" s="1" t="s">
        <v>198531</v>
      </c>
      <c r="C59161" s="1" t="s">
        <v>125</v>
      </c>
      <c r="D59161" s="1" t="s">
        <v>137782</v>
      </c>
      <c r="E59161" s="1" t="s">
        <v>198714</v>
      </c>
      <c r="F59161" s="1" t="s">
        <v>198715</v>
      </c>
      <c r="G59161" s="1" t="s">
        <v>198648</v>
      </c>
      <c r="H59161" s="1" t="s">
        <v>198649</v>
      </c>
      <c r="I59161" s="1" t="s">
        <v>198537</v>
      </c>
      <c r="J59161" s="1" t="s">
        <v>198716</v>
      </c>
    </row>
    <row r="59162" spans="1:10" x14ac:dyDescent="0.35">
      <c r="A59162" s="1" t="s">
        <v>44542</v>
      </c>
      <c r="B59162" s="1" t="s">
        <v>198531</v>
      </c>
      <c r="C59162" s="1" t="s">
        <v>130</v>
      </c>
      <c r="D59162" s="1" t="s">
        <v>39401</v>
      </c>
      <c r="E59162" s="1" t="s">
        <v>198717</v>
      </c>
      <c r="F59162" s="1" t="s">
        <v>198718</v>
      </c>
      <c r="G59162" s="1" t="s">
        <v>198648</v>
      </c>
      <c r="H59162" s="1" t="s">
        <v>198649</v>
      </c>
      <c r="I59162" s="1" t="s">
        <v>198537</v>
      </c>
      <c r="J59162" s="1" t="s">
        <v>198719</v>
      </c>
    </row>
    <row r="59163" spans="1:10" x14ac:dyDescent="0.35">
      <c r="A59163" s="1" t="s">
        <v>44542</v>
      </c>
      <c r="B59163" s="1" t="s">
        <v>198531</v>
      </c>
      <c r="C59163" s="1" t="s">
        <v>135</v>
      </c>
      <c r="D59163" s="1" t="s">
        <v>198720</v>
      </c>
      <c r="E59163" s="1" t="s">
        <v>198721</v>
      </c>
      <c r="F59163" s="1" t="s">
        <v>198722</v>
      </c>
      <c r="G59163" s="1" t="s">
        <v>198648</v>
      </c>
      <c r="H59163" s="1" t="s">
        <v>198649</v>
      </c>
      <c r="I59163" s="1" t="s">
        <v>198537</v>
      </c>
      <c r="J59163" s="1" t="s">
        <v>198723</v>
      </c>
    </row>
    <row r="59164" spans="1:10" x14ac:dyDescent="0.35">
      <c r="A59164" s="1" t="s">
        <v>44542</v>
      </c>
      <c r="B59164" s="1" t="s">
        <v>198531</v>
      </c>
      <c r="C59164" s="1" t="s">
        <v>140</v>
      </c>
      <c r="D59164" s="1" t="s">
        <v>39856</v>
      </c>
      <c r="E59164" s="1" t="s">
        <v>198724</v>
      </c>
      <c r="F59164" s="1" t="s">
        <v>198725</v>
      </c>
      <c r="G59164" s="1" t="s">
        <v>198648</v>
      </c>
      <c r="H59164" s="1" t="s">
        <v>198649</v>
      </c>
      <c r="I59164" s="1" t="s">
        <v>198537</v>
      </c>
      <c r="J59164" s="1" t="s">
        <v>198726</v>
      </c>
    </row>
    <row r="59165" spans="1:10" x14ac:dyDescent="0.35">
      <c r="A59165" s="1" t="s">
        <v>44542</v>
      </c>
      <c r="B59165" s="1" t="s">
        <v>198531</v>
      </c>
      <c r="C59165" s="1" t="s">
        <v>145</v>
      </c>
      <c r="D59165" s="1" t="s">
        <v>198727</v>
      </c>
      <c r="E59165" s="1" t="s">
        <v>198728</v>
      </c>
      <c r="F59165" s="1" t="s">
        <v>198729</v>
      </c>
      <c r="G59165" s="1" t="s">
        <v>198648</v>
      </c>
      <c r="H59165" s="1" t="s">
        <v>198649</v>
      </c>
      <c r="I59165" s="1" t="s">
        <v>198537</v>
      </c>
      <c r="J59165" s="1" t="s">
        <v>198730</v>
      </c>
    </row>
    <row r="59166" spans="1:10" x14ac:dyDescent="0.35">
      <c r="A59166" s="1" t="s">
        <v>44542</v>
      </c>
      <c r="B59166" s="1" t="s">
        <v>198531</v>
      </c>
      <c r="C59166" s="1" t="s">
        <v>150</v>
      </c>
      <c r="D59166" s="1" t="s">
        <v>87541</v>
      </c>
      <c r="E59166" s="1" t="s">
        <v>198731</v>
      </c>
      <c r="F59166" s="1" t="s">
        <v>198732</v>
      </c>
      <c r="G59166" s="1" t="s">
        <v>198648</v>
      </c>
      <c r="H59166" s="1" t="s">
        <v>198649</v>
      </c>
      <c r="I59166" s="1" t="s">
        <v>198537</v>
      </c>
      <c r="J59166" s="1" t="s">
        <v>198733</v>
      </c>
    </row>
    <row r="59167" spans="1:10" x14ac:dyDescent="0.35">
      <c r="A59167" s="1" t="s">
        <v>44542</v>
      </c>
      <c r="B59167" s="1" t="s">
        <v>198531</v>
      </c>
      <c r="C59167" s="1" t="s">
        <v>155</v>
      </c>
      <c r="D59167" s="1" t="s">
        <v>198734</v>
      </c>
      <c r="E59167" s="1" t="s">
        <v>198735</v>
      </c>
      <c r="F59167" s="1" t="s">
        <v>198736</v>
      </c>
      <c r="G59167" s="1" t="s">
        <v>198648</v>
      </c>
      <c r="H59167" s="1" t="s">
        <v>198649</v>
      </c>
      <c r="I59167" s="1" t="s">
        <v>198537</v>
      </c>
      <c r="J59167" s="1" t="s">
        <v>198737</v>
      </c>
    </row>
    <row r="59168" spans="1:10" x14ac:dyDescent="0.35">
      <c r="A59168" s="1" t="s">
        <v>44542</v>
      </c>
      <c r="B59168" s="1" t="s">
        <v>198531</v>
      </c>
      <c r="C59168" s="1" t="s">
        <v>160</v>
      </c>
      <c r="D59168" s="1" t="s">
        <v>90032</v>
      </c>
      <c r="E59168" s="1" t="s">
        <v>198738</v>
      </c>
      <c r="F59168" s="1" t="s">
        <v>198739</v>
      </c>
      <c r="G59168" s="1" t="s">
        <v>198648</v>
      </c>
      <c r="H59168" s="1" t="s">
        <v>198649</v>
      </c>
      <c r="I59168" s="1" t="s">
        <v>198537</v>
      </c>
      <c r="J59168" s="1" t="s">
        <v>198740</v>
      </c>
    </row>
    <row r="59169" spans="1:10" x14ac:dyDescent="0.35">
      <c r="A59169" s="1" t="s">
        <v>44542</v>
      </c>
      <c r="B59169" s="1" t="s">
        <v>198531</v>
      </c>
      <c r="C59169" s="1" t="s">
        <v>165</v>
      </c>
      <c r="D59169" s="1" t="s">
        <v>198741</v>
      </c>
      <c r="E59169" s="1" t="s">
        <v>198742</v>
      </c>
      <c r="F59169" s="1" t="s">
        <v>198743</v>
      </c>
      <c r="G59169" s="1" t="s">
        <v>198648</v>
      </c>
      <c r="H59169" s="1" t="s">
        <v>198649</v>
      </c>
      <c r="I59169" s="1" t="s">
        <v>198537</v>
      </c>
      <c r="J59169" s="1" t="s">
        <v>198744</v>
      </c>
    </row>
    <row r="59170" spans="1:10" x14ac:dyDescent="0.35">
      <c r="A59170" s="1" t="s">
        <v>44542</v>
      </c>
      <c r="B59170" s="1" t="s">
        <v>198531</v>
      </c>
      <c r="C59170" s="1" t="s">
        <v>170</v>
      </c>
      <c r="D59170" s="1" t="s">
        <v>132084</v>
      </c>
      <c r="E59170" s="1" t="s">
        <v>198745</v>
      </c>
      <c r="F59170" s="1" t="s">
        <v>198746</v>
      </c>
      <c r="G59170" s="1" t="s">
        <v>198648</v>
      </c>
      <c r="H59170" s="1" t="s">
        <v>198649</v>
      </c>
      <c r="I59170" s="1" t="s">
        <v>198537</v>
      </c>
      <c r="J59170" s="1" t="s">
        <v>198747</v>
      </c>
    </row>
    <row r="59171" spans="1:10" x14ac:dyDescent="0.35">
      <c r="A59171" s="1" t="s">
        <v>27603</v>
      </c>
      <c r="B59171" s="1" t="s">
        <v>198531</v>
      </c>
      <c r="C59171" s="1" t="s">
        <v>8</v>
      </c>
      <c r="D59171" s="1" t="s">
        <v>198748</v>
      </c>
      <c r="E59171" s="1" t="s">
        <v>31384</v>
      </c>
      <c r="F59171" s="1" t="s">
        <v>198749</v>
      </c>
      <c r="G59171" s="1" t="s">
        <v>198750</v>
      </c>
      <c r="H59171" s="1" t="s">
        <v>198751</v>
      </c>
      <c r="I59171" s="1" t="s">
        <v>198537</v>
      </c>
      <c r="J59171" s="1" t="s">
        <v>13</v>
      </c>
    </row>
    <row r="59172" spans="1:10" x14ac:dyDescent="0.35">
      <c r="A59172" s="1" t="s">
        <v>27603</v>
      </c>
      <c r="B59172" s="1" t="s">
        <v>198531</v>
      </c>
      <c r="C59172" s="1" t="s">
        <v>15</v>
      </c>
      <c r="D59172" s="1" t="s">
        <v>48819</v>
      </c>
      <c r="E59172" s="1" t="s">
        <v>60115</v>
      </c>
      <c r="F59172" s="1" t="s">
        <v>198752</v>
      </c>
      <c r="G59172" s="1" t="s">
        <v>198750</v>
      </c>
      <c r="H59172" s="1" t="s">
        <v>198751</v>
      </c>
      <c r="I59172" s="1" t="s">
        <v>198537</v>
      </c>
      <c r="J59172" s="1" t="s">
        <v>198753</v>
      </c>
    </row>
    <row r="59173" spans="1:10" x14ac:dyDescent="0.35">
      <c r="A59173" s="1" t="s">
        <v>27603</v>
      </c>
      <c r="B59173" s="1" t="s">
        <v>198531</v>
      </c>
      <c r="C59173" s="1" t="s">
        <v>20</v>
      </c>
      <c r="D59173" s="1" t="s">
        <v>198754</v>
      </c>
      <c r="E59173" s="1" t="s">
        <v>61717</v>
      </c>
      <c r="F59173" s="1" t="s">
        <v>198755</v>
      </c>
      <c r="G59173" s="1" t="s">
        <v>198750</v>
      </c>
      <c r="H59173" s="1" t="s">
        <v>198751</v>
      </c>
      <c r="I59173" s="1" t="s">
        <v>198537</v>
      </c>
      <c r="J59173" s="1" t="s">
        <v>198756</v>
      </c>
    </row>
    <row r="59174" spans="1:10" x14ac:dyDescent="0.35">
      <c r="A59174" s="1" t="s">
        <v>27603</v>
      </c>
      <c r="B59174" s="1" t="s">
        <v>198531</v>
      </c>
      <c r="C59174" s="1" t="s">
        <v>25</v>
      </c>
      <c r="D59174" s="1" t="s">
        <v>125265</v>
      </c>
      <c r="E59174" s="1" t="s">
        <v>21757</v>
      </c>
      <c r="F59174" s="1" t="s">
        <v>198757</v>
      </c>
      <c r="G59174" s="1" t="s">
        <v>198750</v>
      </c>
      <c r="H59174" s="1" t="s">
        <v>198751</v>
      </c>
      <c r="I59174" s="1" t="s">
        <v>198537</v>
      </c>
      <c r="J59174" s="1" t="s">
        <v>198758</v>
      </c>
    </row>
    <row r="59175" spans="1:10" x14ac:dyDescent="0.35">
      <c r="A59175" s="1" t="s">
        <v>27603</v>
      </c>
      <c r="B59175" s="1" t="s">
        <v>198531</v>
      </c>
      <c r="C59175" s="1" t="s">
        <v>30</v>
      </c>
      <c r="D59175" s="1" t="s">
        <v>198759</v>
      </c>
      <c r="E59175" s="1" t="s">
        <v>53834</v>
      </c>
      <c r="F59175" s="1" t="s">
        <v>198760</v>
      </c>
      <c r="G59175" s="1" t="s">
        <v>198750</v>
      </c>
      <c r="H59175" s="1" t="s">
        <v>198751</v>
      </c>
      <c r="I59175" s="1" t="s">
        <v>198537</v>
      </c>
      <c r="J59175" s="1" t="s">
        <v>198761</v>
      </c>
    </row>
    <row r="59176" spans="1:10" x14ac:dyDescent="0.35">
      <c r="A59176" s="1" t="s">
        <v>27603</v>
      </c>
      <c r="B59176" s="1" t="s">
        <v>198531</v>
      </c>
      <c r="C59176" s="1" t="s">
        <v>35</v>
      </c>
      <c r="D59176" s="1" t="s">
        <v>82511</v>
      </c>
      <c r="E59176" s="1" t="s">
        <v>57856</v>
      </c>
      <c r="F59176" s="1" t="s">
        <v>198762</v>
      </c>
      <c r="G59176" s="1" t="s">
        <v>198750</v>
      </c>
      <c r="H59176" s="1" t="s">
        <v>198751</v>
      </c>
      <c r="I59176" s="1" t="s">
        <v>198537</v>
      </c>
      <c r="J59176" s="1" t="s">
        <v>198763</v>
      </c>
    </row>
    <row r="59177" spans="1:10" x14ac:dyDescent="0.35">
      <c r="A59177" s="1" t="s">
        <v>27603</v>
      </c>
      <c r="B59177" s="1" t="s">
        <v>198531</v>
      </c>
      <c r="C59177" s="1" t="s">
        <v>40</v>
      </c>
      <c r="D59177" s="1" t="s">
        <v>198764</v>
      </c>
      <c r="E59177" s="1" t="s">
        <v>62713</v>
      </c>
      <c r="F59177" s="1" t="s">
        <v>198765</v>
      </c>
      <c r="G59177" s="1" t="s">
        <v>198750</v>
      </c>
      <c r="H59177" s="1" t="s">
        <v>198751</v>
      </c>
      <c r="I59177" s="1" t="s">
        <v>198537</v>
      </c>
      <c r="J59177" s="1" t="s">
        <v>198766</v>
      </c>
    </row>
    <row r="59178" spans="1:10" x14ac:dyDescent="0.35">
      <c r="A59178" s="1" t="s">
        <v>27603</v>
      </c>
      <c r="B59178" s="1" t="s">
        <v>198531</v>
      </c>
      <c r="C59178" s="1" t="s">
        <v>45</v>
      </c>
      <c r="D59178" s="1" t="s">
        <v>198767</v>
      </c>
      <c r="E59178" s="1" t="s">
        <v>60954</v>
      </c>
      <c r="F59178" s="1" t="s">
        <v>198768</v>
      </c>
      <c r="G59178" s="1" t="s">
        <v>198750</v>
      </c>
      <c r="H59178" s="1" t="s">
        <v>198751</v>
      </c>
      <c r="I59178" s="1" t="s">
        <v>198537</v>
      </c>
      <c r="J59178" s="1" t="s">
        <v>198769</v>
      </c>
    </row>
    <row r="59179" spans="1:10" x14ac:dyDescent="0.35">
      <c r="A59179" s="1" t="s">
        <v>27603</v>
      </c>
      <c r="B59179" s="1" t="s">
        <v>198531</v>
      </c>
      <c r="C59179" s="1" t="s">
        <v>50</v>
      </c>
      <c r="D59179" s="1" t="s">
        <v>198770</v>
      </c>
      <c r="E59179" s="1" t="s">
        <v>59885</v>
      </c>
      <c r="F59179" s="1" t="s">
        <v>198771</v>
      </c>
      <c r="G59179" s="1" t="s">
        <v>198750</v>
      </c>
      <c r="H59179" s="1" t="s">
        <v>198751</v>
      </c>
      <c r="I59179" s="1" t="s">
        <v>198537</v>
      </c>
      <c r="J59179" s="1" t="s">
        <v>198772</v>
      </c>
    </row>
    <row r="59180" spans="1:10" x14ac:dyDescent="0.35">
      <c r="A59180" s="1" t="s">
        <v>27603</v>
      </c>
      <c r="B59180" s="1" t="s">
        <v>198531</v>
      </c>
      <c r="C59180" s="1" t="s">
        <v>55</v>
      </c>
      <c r="D59180" s="1" t="s">
        <v>198773</v>
      </c>
      <c r="E59180" s="1" t="s">
        <v>23114</v>
      </c>
      <c r="F59180" s="1" t="s">
        <v>198774</v>
      </c>
      <c r="G59180" s="1" t="s">
        <v>198750</v>
      </c>
      <c r="H59180" s="1" t="s">
        <v>198751</v>
      </c>
      <c r="I59180" s="1" t="s">
        <v>198537</v>
      </c>
      <c r="J59180" s="1" t="s">
        <v>198775</v>
      </c>
    </row>
    <row r="59181" spans="1:10" x14ac:dyDescent="0.35">
      <c r="A59181" s="1" t="s">
        <v>27603</v>
      </c>
      <c r="B59181" s="1" t="s">
        <v>198531</v>
      </c>
      <c r="C59181" s="1" t="s">
        <v>60</v>
      </c>
      <c r="D59181" s="1" t="s">
        <v>68633</v>
      </c>
      <c r="E59181" s="1" t="s">
        <v>24201</v>
      </c>
      <c r="F59181" s="1" t="s">
        <v>198776</v>
      </c>
      <c r="G59181" s="1" t="s">
        <v>198750</v>
      </c>
      <c r="H59181" s="1" t="s">
        <v>198751</v>
      </c>
      <c r="I59181" s="1" t="s">
        <v>198537</v>
      </c>
      <c r="J59181" s="1" t="s">
        <v>198777</v>
      </c>
    </row>
    <row r="59182" spans="1:10" x14ac:dyDescent="0.35">
      <c r="A59182" s="1" t="s">
        <v>27603</v>
      </c>
      <c r="B59182" s="1" t="s">
        <v>198531</v>
      </c>
      <c r="C59182" s="1" t="s">
        <v>65</v>
      </c>
      <c r="D59182" s="1" t="s">
        <v>198778</v>
      </c>
      <c r="E59182" s="1" t="s">
        <v>21894</v>
      </c>
      <c r="F59182" s="1" t="s">
        <v>198779</v>
      </c>
      <c r="G59182" s="1" t="s">
        <v>198750</v>
      </c>
      <c r="H59182" s="1" t="s">
        <v>198751</v>
      </c>
      <c r="I59182" s="1" t="s">
        <v>198537</v>
      </c>
      <c r="J59182" s="1" t="s">
        <v>198780</v>
      </c>
    </row>
    <row r="59183" spans="1:10" x14ac:dyDescent="0.35">
      <c r="A59183" s="1" t="s">
        <v>27603</v>
      </c>
      <c r="B59183" s="1" t="s">
        <v>198531</v>
      </c>
      <c r="C59183" s="1" t="s">
        <v>70</v>
      </c>
      <c r="D59183" s="1" t="s">
        <v>89572</v>
      </c>
      <c r="E59183" s="1" t="s">
        <v>21746</v>
      </c>
      <c r="F59183" s="1" t="s">
        <v>198781</v>
      </c>
      <c r="G59183" s="1" t="s">
        <v>198750</v>
      </c>
      <c r="H59183" s="1" t="s">
        <v>198751</v>
      </c>
      <c r="I59183" s="1" t="s">
        <v>198537</v>
      </c>
      <c r="J59183" s="1" t="s">
        <v>198782</v>
      </c>
    </row>
    <row r="59184" spans="1:10" x14ac:dyDescent="0.35">
      <c r="A59184" s="1" t="s">
        <v>27603</v>
      </c>
      <c r="B59184" s="1" t="s">
        <v>198531</v>
      </c>
      <c r="C59184" s="1" t="s">
        <v>75</v>
      </c>
      <c r="D59184" s="1" t="s">
        <v>53863</v>
      </c>
      <c r="E59184" s="1" t="s">
        <v>21768</v>
      </c>
      <c r="F59184" s="1" t="s">
        <v>198783</v>
      </c>
      <c r="G59184" s="1" t="s">
        <v>198750</v>
      </c>
      <c r="H59184" s="1" t="s">
        <v>198751</v>
      </c>
      <c r="I59184" s="1" t="s">
        <v>198537</v>
      </c>
      <c r="J59184" s="1" t="s">
        <v>198784</v>
      </c>
    </row>
    <row r="59185" spans="1:10" x14ac:dyDescent="0.35">
      <c r="A59185" s="1" t="s">
        <v>27603</v>
      </c>
      <c r="B59185" s="1" t="s">
        <v>198531</v>
      </c>
      <c r="C59185" s="1" t="s">
        <v>80</v>
      </c>
      <c r="D59185" s="1" t="s">
        <v>88830</v>
      </c>
      <c r="E59185" s="1" t="s">
        <v>23126</v>
      </c>
      <c r="F59185" s="1" t="s">
        <v>198785</v>
      </c>
      <c r="G59185" s="1" t="s">
        <v>198750</v>
      </c>
      <c r="H59185" s="1" t="s">
        <v>198751</v>
      </c>
      <c r="I59185" s="1" t="s">
        <v>198537</v>
      </c>
      <c r="J59185" s="1" t="s">
        <v>198786</v>
      </c>
    </row>
    <row r="59186" spans="1:10" x14ac:dyDescent="0.35">
      <c r="A59186" s="1" t="s">
        <v>27603</v>
      </c>
      <c r="B59186" s="1" t="s">
        <v>198531</v>
      </c>
      <c r="C59186" s="1" t="s">
        <v>85</v>
      </c>
      <c r="D59186" s="1" t="s">
        <v>60477</v>
      </c>
      <c r="E59186" s="1" t="s">
        <v>21197</v>
      </c>
      <c r="F59186" s="1" t="s">
        <v>198787</v>
      </c>
      <c r="G59186" s="1" t="s">
        <v>198750</v>
      </c>
      <c r="H59186" s="1" t="s">
        <v>198751</v>
      </c>
      <c r="I59186" s="1" t="s">
        <v>198537</v>
      </c>
      <c r="J59186" s="1" t="s">
        <v>198788</v>
      </c>
    </row>
    <row r="59187" spans="1:10" x14ac:dyDescent="0.35">
      <c r="A59187" s="1" t="s">
        <v>27603</v>
      </c>
      <c r="B59187" s="1" t="s">
        <v>198531</v>
      </c>
      <c r="C59187" s="1" t="s">
        <v>90</v>
      </c>
      <c r="D59187" s="1" t="s">
        <v>59188</v>
      </c>
      <c r="E59187" s="1" t="s">
        <v>61403</v>
      </c>
      <c r="F59187" s="1" t="s">
        <v>109799</v>
      </c>
      <c r="G59187" s="1" t="s">
        <v>198750</v>
      </c>
      <c r="H59187" s="1" t="s">
        <v>198751</v>
      </c>
      <c r="I59187" s="1" t="s">
        <v>198537</v>
      </c>
      <c r="J59187" s="1" t="s">
        <v>198789</v>
      </c>
    </row>
    <row r="59188" spans="1:10" x14ac:dyDescent="0.35">
      <c r="A59188" s="1" t="s">
        <v>27603</v>
      </c>
      <c r="B59188" s="1" t="s">
        <v>198531</v>
      </c>
      <c r="C59188" s="1" t="s">
        <v>95</v>
      </c>
      <c r="D59188" s="1" t="s">
        <v>134123</v>
      </c>
      <c r="E59188" s="1" t="s">
        <v>53825</v>
      </c>
      <c r="F59188" s="1" t="s">
        <v>198790</v>
      </c>
      <c r="G59188" s="1" t="s">
        <v>198750</v>
      </c>
      <c r="H59188" s="1" t="s">
        <v>198751</v>
      </c>
      <c r="I59188" s="1" t="s">
        <v>198537</v>
      </c>
      <c r="J59188" s="1" t="s">
        <v>198791</v>
      </c>
    </row>
    <row r="59189" spans="1:10" x14ac:dyDescent="0.35">
      <c r="A59189" s="1" t="s">
        <v>27603</v>
      </c>
      <c r="B59189" s="1" t="s">
        <v>198531</v>
      </c>
      <c r="C59189" s="1" t="s">
        <v>100</v>
      </c>
      <c r="D59189" s="1" t="s">
        <v>198792</v>
      </c>
      <c r="E59189" s="1" t="s">
        <v>198793</v>
      </c>
      <c r="F59189" s="1" t="s">
        <v>198794</v>
      </c>
      <c r="G59189" s="1" t="s">
        <v>198750</v>
      </c>
      <c r="H59189" s="1" t="s">
        <v>198751</v>
      </c>
      <c r="I59189" s="1" t="s">
        <v>198537</v>
      </c>
      <c r="J59189" s="1" t="s">
        <v>198795</v>
      </c>
    </row>
    <row r="59190" spans="1:10" x14ac:dyDescent="0.35">
      <c r="A59190" s="1" t="s">
        <v>27603</v>
      </c>
      <c r="B59190" s="1" t="s">
        <v>198531</v>
      </c>
      <c r="C59190" s="1" t="s">
        <v>105</v>
      </c>
      <c r="D59190" s="1" t="s">
        <v>69994</v>
      </c>
      <c r="E59190" s="1" t="s">
        <v>55182</v>
      </c>
      <c r="F59190" s="1" t="s">
        <v>198796</v>
      </c>
      <c r="G59190" s="1" t="s">
        <v>198750</v>
      </c>
      <c r="H59190" s="1" t="s">
        <v>198751</v>
      </c>
      <c r="I59190" s="1" t="s">
        <v>198537</v>
      </c>
      <c r="J59190" s="1" t="s">
        <v>198797</v>
      </c>
    </row>
    <row r="59191" spans="1:10" x14ac:dyDescent="0.35">
      <c r="A59191" s="1" t="s">
        <v>27603</v>
      </c>
      <c r="B59191" s="1" t="s">
        <v>198531</v>
      </c>
      <c r="C59191" s="1" t="s">
        <v>110</v>
      </c>
      <c r="D59191" s="1" t="s">
        <v>198798</v>
      </c>
      <c r="E59191" s="1" t="s">
        <v>41414</v>
      </c>
      <c r="F59191" s="1" t="s">
        <v>198799</v>
      </c>
      <c r="G59191" s="1" t="s">
        <v>198750</v>
      </c>
      <c r="H59191" s="1" t="s">
        <v>198751</v>
      </c>
      <c r="I59191" s="1" t="s">
        <v>198537</v>
      </c>
      <c r="J59191" s="1" t="s">
        <v>198800</v>
      </c>
    </row>
    <row r="59192" spans="1:10" x14ac:dyDescent="0.35">
      <c r="A59192" s="1" t="s">
        <v>27603</v>
      </c>
      <c r="B59192" s="1" t="s">
        <v>198531</v>
      </c>
      <c r="C59192" s="1" t="s">
        <v>115</v>
      </c>
      <c r="D59192" s="1" t="s">
        <v>198629</v>
      </c>
      <c r="E59192" s="1" t="s">
        <v>12849</v>
      </c>
      <c r="F59192" s="1" t="s">
        <v>133823</v>
      </c>
      <c r="G59192" s="1" t="s">
        <v>198750</v>
      </c>
      <c r="H59192" s="1" t="s">
        <v>198751</v>
      </c>
      <c r="I59192" s="1" t="s">
        <v>198537</v>
      </c>
      <c r="J59192" s="1" t="s">
        <v>198801</v>
      </c>
    </row>
    <row r="59193" spans="1:10" x14ac:dyDescent="0.35">
      <c r="A59193" s="1" t="s">
        <v>27603</v>
      </c>
      <c r="B59193" s="1" t="s">
        <v>198531</v>
      </c>
      <c r="C59193" s="1" t="s">
        <v>120</v>
      </c>
      <c r="D59193" s="1" t="s">
        <v>198802</v>
      </c>
      <c r="E59193" s="1" t="s">
        <v>54677</v>
      </c>
      <c r="F59193" s="1" t="s">
        <v>198803</v>
      </c>
      <c r="G59193" s="1" t="s">
        <v>198750</v>
      </c>
      <c r="H59193" s="1" t="s">
        <v>198751</v>
      </c>
      <c r="I59193" s="1" t="s">
        <v>198537</v>
      </c>
      <c r="J59193" s="1" t="s">
        <v>198804</v>
      </c>
    </row>
    <row r="59194" spans="1:10" x14ac:dyDescent="0.35">
      <c r="A59194" s="1" t="s">
        <v>27603</v>
      </c>
      <c r="B59194" s="1" t="s">
        <v>198531</v>
      </c>
      <c r="C59194" s="1" t="s">
        <v>125</v>
      </c>
      <c r="D59194" s="1" t="s">
        <v>69223</v>
      </c>
      <c r="E59194" s="1" t="s">
        <v>22052</v>
      </c>
      <c r="F59194" s="1" t="s">
        <v>198805</v>
      </c>
      <c r="G59194" s="1" t="s">
        <v>198750</v>
      </c>
      <c r="H59194" s="1" t="s">
        <v>198751</v>
      </c>
      <c r="I59194" s="1" t="s">
        <v>198537</v>
      </c>
      <c r="J59194" s="1" t="s">
        <v>198806</v>
      </c>
    </row>
    <row r="59195" spans="1:10" x14ac:dyDescent="0.35">
      <c r="A59195" s="1" t="s">
        <v>27603</v>
      </c>
      <c r="B59195" s="1" t="s">
        <v>198531</v>
      </c>
      <c r="C59195" s="1" t="s">
        <v>130</v>
      </c>
      <c r="D59195" s="1" t="s">
        <v>93484</v>
      </c>
      <c r="E59195" s="1" t="s">
        <v>54478</v>
      </c>
      <c r="F59195" s="1" t="s">
        <v>198807</v>
      </c>
      <c r="G59195" s="1" t="s">
        <v>198750</v>
      </c>
      <c r="H59195" s="1" t="s">
        <v>198751</v>
      </c>
      <c r="I59195" s="1" t="s">
        <v>198537</v>
      </c>
      <c r="J59195" s="1" t="s">
        <v>198808</v>
      </c>
    </row>
    <row r="59196" spans="1:10" x14ac:dyDescent="0.35">
      <c r="A59196" s="1" t="s">
        <v>27603</v>
      </c>
      <c r="B59196" s="1" t="s">
        <v>198531</v>
      </c>
      <c r="C59196" s="1" t="s">
        <v>135</v>
      </c>
      <c r="D59196" s="1" t="s">
        <v>55413</v>
      </c>
      <c r="E59196" s="1" t="s">
        <v>56983</v>
      </c>
      <c r="F59196" s="1" t="s">
        <v>198809</v>
      </c>
      <c r="G59196" s="1" t="s">
        <v>198750</v>
      </c>
      <c r="H59196" s="1" t="s">
        <v>198751</v>
      </c>
      <c r="I59196" s="1" t="s">
        <v>198537</v>
      </c>
      <c r="J59196" s="1" t="s">
        <v>198810</v>
      </c>
    </row>
    <row r="59197" spans="1:10" x14ac:dyDescent="0.35">
      <c r="A59197" s="1" t="s">
        <v>27603</v>
      </c>
      <c r="B59197" s="1" t="s">
        <v>198531</v>
      </c>
      <c r="C59197" s="1" t="s">
        <v>140</v>
      </c>
      <c r="D59197" s="1" t="s">
        <v>133467</v>
      </c>
      <c r="E59197" s="1" t="s">
        <v>24373</v>
      </c>
      <c r="F59197" s="1" t="s">
        <v>198811</v>
      </c>
      <c r="G59197" s="1" t="s">
        <v>198750</v>
      </c>
      <c r="H59197" s="1" t="s">
        <v>198751</v>
      </c>
      <c r="I59197" s="1" t="s">
        <v>198537</v>
      </c>
      <c r="J59197" s="1" t="s">
        <v>198812</v>
      </c>
    </row>
    <row r="59198" spans="1:10" x14ac:dyDescent="0.35">
      <c r="A59198" s="1" t="s">
        <v>27603</v>
      </c>
      <c r="B59198" s="1" t="s">
        <v>198531</v>
      </c>
      <c r="C59198" s="1" t="s">
        <v>145</v>
      </c>
      <c r="D59198" s="1" t="s">
        <v>198813</v>
      </c>
      <c r="E59198" s="1" t="s">
        <v>56510</v>
      </c>
      <c r="F59198" s="1" t="s">
        <v>198814</v>
      </c>
      <c r="G59198" s="1" t="s">
        <v>198750</v>
      </c>
      <c r="H59198" s="1" t="s">
        <v>198751</v>
      </c>
      <c r="I59198" s="1" t="s">
        <v>198537</v>
      </c>
      <c r="J59198" s="1" t="s">
        <v>198815</v>
      </c>
    </row>
    <row r="59199" spans="1:10" x14ac:dyDescent="0.35">
      <c r="A59199" s="1" t="s">
        <v>27603</v>
      </c>
      <c r="B59199" s="1" t="s">
        <v>198531</v>
      </c>
      <c r="C59199" s="1" t="s">
        <v>150</v>
      </c>
      <c r="D59199" s="1" t="s">
        <v>198816</v>
      </c>
      <c r="E59199" s="1" t="s">
        <v>15349</v>
      </c>
      <c r="F59199" s="1" t="s">
        <v>198817</v>
      </c>
      <c r="G59199" s="1" t="s">
        <v>198750</v>
      </c>
      <c r="H59199" s="1" t="s">
        <v>198751</v>
      </c>
      <c r="I59199" s="1" t="s">
        <v>198537</v>
      </c>
      <c r="J59199" s="1" t="s">
        <v>198818</v>
      </c>
    </row>
    <row r="59200" spans="1:10" x14ac:dyDescent="0.35">
      <c r="A59200" s="1" t="s">
        <v>27603</v>
      </c>
      <c r="B59200" s="1" t="s">
        <v>198531</v>
      </c>
      <c r="C59200" s="1" t="s">
        <v>155</v>
      </c>
      <c r="D59200" s="1" t="s">
        <v>198819</v>
      </c>
      <c r="E59200" s="1" t="s">
        <v>23468</v>
      </c>
      <c r="F59200" s="1" t="s">
        <v>198820</v>
      </c>
      <c r="G59200" s="1" t="s">
        <v>198750</v>
      </c>
      <c r="H59200" s="1" t="s">
        <v>198751</v>
      </c>
      <c r="I59200" s="1" t="s">
        <v>198537</v>
      </c>
      <c r="J59200" s="1" t="s">
        <v>198821</v>
      </c>
    </row>
    <row r="59201" spans="1:10" x14ac:dyDescent="0.35">
      <c r="A59201" s="1" t="s">
        <v>27603</v>
      </c>
      <c r="B59201" s="1" t="s">
        <v>198531</v>
      </c>
      <c r="C59201" s="1" t="s">
        <v>160</v>
      </c>
      <c r="D59201" s="1" t="s">
        <v>198822</v>
      </c>
      <c r="E59201" s="1" t="s">
        <v>12825</v>
      </c>
      <c r="F59201" s="1" t="s">
        <v>198823</v>
      </c>
      <c r="G59201" s="1" t="s">
        <v>198750</v>
      </c>
      <c r="H59201" s="1" t="s">
        <v>198751</v>
      </c>
      <c r="I59201" s="1" t="s">
        <v>198537</v>
      </c>
      <c r="J59201" s="1" t="s">
        <v>198824</v>
      </c>
    </row>
    <row r="59202" spans="1:10" x14ac:dyDescent="0.35">
      <c r="A59202" s="1" t="s">
        <v>27603</v>
      </c>
      <c r="B59202" s="1" t="s">
        <v>198531</v>
      </c>
      <c r="C59202" s="1" t="s">
        <v>165</v>
      </c>
      <c r="D59202" s="1" t="s">
        <v>198825</v>
      </c>
      <c r="E59202" s="1" t="s">
        <v>23425</v>
      </c>
      <c r="F59202" s="1" t="s">
        <v>198826</v>
      </c>
      <c r="G59202" s="1" t="s">
        <v>198750</v>
      </c>
      <c r="H59202" s="1" t="s">
        <v>198751</v>
      </c>
      <c r="I59202" s="1" t="s">
        <v>198537</v>
      </c>
      <c r="J59202" s="1" t="s">
        <v>198827</v>
      </c>
    </row>
    <row r="59203" spans="1:10" x14ac:dyDescent="0.35">
      <c r="A59203" s="1" t="s">
        <v>27603</v>
      </c>
      <c r="B59203" s="1" t="s">
        <v>198531</v>
      </c>
      <c r="C59203" s="1" t="s">
        <v>170</v>
      </c>
      <c r="D59203" s="1" t="s">
        <v>198828</v>
      </c>
      <c r="E59203" s="1" t="s">
        <v>54099</v>
      </c>
      <c r="F59203" s="1" t="s">
        <v>198829</v>
      </c>
      <c r="G59203" s="1" t="s">
        <v>198750</v>
      </c>
      <c r="H59203" s="1" t="s">
        <v>198751</v>
      </c>
      <c r="I59203" s="1" t="s">
        <v>198537</v>
      </c>
      <c r="J59203" s="1" t="s">
        <v>198830</v>
      </c>
    </row>
    <row r="59204" spans="1:10" x14ac:dyDescent="0.35">
      <c r="A59204" s="1" t="s">
        <v>28420</v>
      </c>
      <c r="B59204" s="1" t="s">
        <v>198531</v>
      </c>
      <c r="C59204" s="1" t="s">
        <v>8</v>
      </c>
      <c r="D59204" s="1" t="s">
        <v>18119</v>
      </c>
      <c r="E59204" s="1" t="s">
        <v>31742</v>
      </c>
      <c r="F59204" s="1" t="s">
        <v>198831</v>
      </c>
      <c r="G59204" s="1" t="s">
        <v>198832</v>
      </c>
      <c r="H59204" s="1" t="s">
        <v>198833</v>
      </c>
      <c r="I59204" s="1" t="s">
        <v>198537</v>
      </c>
      <c r="J59204" s="1" t="s">
        <v>13</v>
      </c>
    </row>
    <row r="59205" spans="1:10" x14ac:dyDescent="0.35">
      <c r="A59205" s="1" t="s">
        <v>28420</v>
      </c>
      <c r="B59205" s="1" t="s">
        <v>198531</v>
      </c>
      <c r="C59205" s="1" t="s">
        <v>15</v>
      </c>
      <c r="D59205" s="1" t="s">
        <v>32755</v>
      </c>
      <c r="E59205" s="1" t="s">
        <v>31941</v>
      </c>
      <c r="F59205" s="1" t="s">
        <v>198834</v>
      </c>
      <c r="G59205" s="1" t="s">
        <v>198832</v>
      </c>
      <c r="H59205" s="1" t="s">
        <v>198833</v>
      </c>
      <c r="I59205" s="1" t="s">
        <v>198537</v>
      </c>
      <c r="J59205" s="1" t="s">
        <v>198835</v>
      </c>
    </row>
    <row r="59206" spans="1:10" x14ac:dyDescent="0.35">
      <c r="A59206" s="1" t="s">
        <v>28420</v>
      </c>
      <c r="B59206" s="1" t="s">
        <v>198531</v>
      </c>
      <c r="C59206" s="1" t="s">
        <v>20</v>
      </c>
      <c r="D59206" s="1" t="s">
        <v>198836</v>
      </c>
      <c r="E59206" s="1" t="s">
        <v>130998</v>
      </c>
      <c r="F59206" s="1" t="s">
        <v>198837</v>
      </c>
      <c r="G59206" s="1" t="s">
        <v>198832</v>
      </c>
      <c r="H59206" s="1" t="s">
        <v>198833</v>
      </c>
      <c r="I59206" s="1" t="s">
        <v>198537</v>
      </c>
      <c r="J59206" s="1" t="s">
        <v>198838</v>
      </c>
    </row>
    <row r="59207" spans="1:10" x14ac:dyDescent="0.35">
      <c r="A59207" s="1" t="s">
        <v>28420</v>
      </c>
      <c r="B59207" s="1" t="s">
        <v>198531</v>
      </c>
      <c r="C59207" s="1" t="s">
        <v>25</v>
      </c>
      <c r="D59207" s="1" t="s">
        <v>64850</v>
      </c>
      <c r="E59207" s="1" t="s">
        <v>26280</v>
      </c>
      <c r="F59207" s="1" t="s">
        <v>198839</v>
      </c>
      <c r="G59207" s="1" t="s">
        <v>198832</v>
      </c>
      <c r="H59207" s="1" t="s">
        <v>198833</v>
      </c>
      <c r="I59207" s="1" t="s">
        <v>198537</v>
      </c>
      <c r="J59207" s="1" t="s">
        <v>198840</v>
      </c>
    </row>
    <row r="59208" spans="1:10" x14ac:dyDescent="0.35">
      <c r="A59208" s="1" t="s">
        <v>28420</v>
      </c>
      <c r="B59208" s="1" t="s">
        <v>198531</v>
      </c>
      <c r="C59208" s="1" t="s">
        <v>30</v>
      </c>
      <c r="D59208" s="1" t="s">
        <v>102188</v>
      </c>
      <c r="E59208" s="1" t="s">
        <v>95780</v>
      </c>
      <c r="F59208" s="1" t="s">
        <v>198841</v>
      </c>
      <c r="G59208" s="1" t="s">
        <v>198832</v>
      </c>
      <c r="H59208" s="1" t="s">
        <v>198833</v>
      </c>
      <c r="I59208" s="1" t="s">
        <v>198537</v>
      </c>
      <c r="J59208" s="1" t="s">
        <v>198842</v>
      </c>
    </row>
    <row r="59209" spans="1:10" x14ac:dyDescent="0.35">
      <c r="A59209" s="1" t="s">
        <v>28420</v>
      </c>
      <c r="B59209" s="1" t="s">
        <v>198531</v>
      </c>
      <c r="C59209" s="1" t="s">
        <v>35</v>
      </c>
      <c r="D59209" s="1" t="s">
        <v>198843</v>
      </c>
      <c r="E59209" s="1" t="s">
        <v>72834</v>
      </c>
      <c r="F59209" s="1" t="s">
        <v>198844</v>
      </c>
      <c r="G59209" s="1" t="s">
        <v>198832</v>
      </c>
      <c r="H59209" s="1" t="s">
        <v>198833</v>
      </c>
      <c r="I59209" s="1" t="s">
        <v>198537</v>
      </c>
      <c r="J59209" s="1" t="s">
        <v>198845</v>
      </c>
    </row>
    <row r="59210" spans="1:10" x14ac:dyDescent="0.35">
      <c r="A59210" s="1" t="s">
        <v>28420</v>
      </c>
      <c r="B59210" s="1" t="s">
        <v>198531</v>
      </c>
      <c r="C59210" s="1" t="s">
        <v>40</v>
      </c>
      <c r="D59210" s="1" t="s">
        <v>198846</v>
      </c>
      <c r="E59210" s="1" t="s">
        <v>115193</v>
      </c>
      <c r="F59210" s="1" t="s">
        <v>198847</v>
      </c>
      <c r="G59210" s="1" t="s">
        <v>198832</v>
      </c>
      <c r="H59210" s="1" t="s">
        <v>198833</v>
      </c>
      <c r="I59210" s="1" t="s">
        <v>198537</v>
      </c>
      <c r="J59210" s="1" t="s">
        <v>198848</v>
      </c>
    </row>
    <row r="59211" spans="1:10" x14ac:dyDescent="0.35">
      <c r="A59211" s="1" t="s">
        <v>28420</v>
      </c>
      <c r="B59211" s="1" t="s">
        <v>198531</v>
      </c>
      <c r="C59211" s="1" t="s">
        <v>45</v>
      </c>
      <c r="D59211" s="1" t="s">
        <v>53231</v>
      </c>
      <c r="E59211" s="1" t="s">
        <v>31933</v>
      </c>
      <c r="F59211" s="1" t="s">
        <v>198849</v>
      </c>
      <c r="G59211" s="1" t="s">
        <v>198832</v>
      </c>
      <c r="H59211" s="1" t="s">
        <v>198833</v>
      </c>
      <c r="I59211" s="1" t="s">
        <v>198537</v>
      </c>
      <c r="J59211" s="1" t="s">
        <v>198850</v>
      </c>
    </row>
    <row r="59212" spans="1:10" x14ac:dyDescent="0.35">
      <c r="A59212" s="1" t="s">
        <v>28420</v>
      </c>
      <c r="B59212" s="1" t="s">
        <v>198531</v>
      </c>
      <c r="C59212" s="1" t="s">
        <v>50</v>
      </c>
      <c r="D59212" s="1" t="s">
        <v>98014</v>
      </c>
      <c r="E59212" s="1" t="s">
        <v>58638</v>
      </c>
      <c r="F59212" s="1" t="s">
        <v>198851</v>
      </c>
      <c r="G59212" s="1" t="s">
        <v>198832</v>
      </c>
      <c r="H59212" s="1" t="s">
        <v>198833</v>
      </c>
      <c r="I59212" s="1" t="s">
        <v>198537</v>
      </c>
      <c r="J59212" s="1" t="s">
        <v>198852</v>
      </c>
    </row>
    <row r="59213" spans="1:10" x14ac:dyDescent="0.35">
      <c r="A59213" s="1" t="s">
        <v>28420</v>
      </c>
      <c r="B59213" s="1" t="s">
        <v>198531</v>
      </c>
      <c r="C59213" s="1" t="s">
        <v>55</v>
      </c>
      <c r="D59213" s="1" t="s">
        <v>89365</v>
      </c>
      <c r="E59213" s="1" t="s">
        <v>129652</v>
      </c>
      <c r="F59213" s="1" t="s">
        <v>198853</v>
      </c>
      <c r="G59213" s="1" t="s">
        <v>198832</v>
      </c>
      <c r="H59213" s="1" t="s">
        <v>198833</v>
      </c>
      <c r="I59213" s="1" t="s">
        <v>198537</v>
      </c>
      <c r="J59213" s="1" t="s">
        <v>198854</v>
      </c>
    </row>
    <row r="59214" spans="1:10" x14ac:dyDescent="0.35">
      <c r="A59214" s="1" t="s">
        <v>28420</v>
      </c>
      <c r="B59214" s="1" t="s">
        <v>198531</v>
      </c>
      <c r="C59214" s="1" t="s">
        <v>60</v>
      </c>
      <c r="D59214" s="1" t="s">
        <v>59773</v>
      </c>
      <c r="E59214" s="1" t="s">
        <v>19944</v>
      </c>
      <c r="F59214" s="1" t="s">
        <v>198855</v>
      </c>
      <c r="G59214" s="1" t="s">
        <v>198832</v>
      </c>
      <c r="H59214" s="1" t="s">
        <v>198833</v>
      </c>
      <c r="I59214" s="1" t="s">
        <v>198537</v>
      </c>
      <c r="J59214" s="1" t="s">
        <v>198856</v>
      </c>
    </row>
    <row r="59215" spans="1:10" x14ac:dyDescent="0.35">
      <c r="A59215" s="1" t="s">
        <v>28420</v>
      </c>
      <c r="B59215" s="1" t="s">
        <v>198531</v>
      </c>
      <c r="C59215" s="1" t="s">
        <v>65</v>
      </c>
      <c r="D59215" s="1" t="s">
        <v>198857</v>
      </c>
      <c r="E59215" s="1" t="s">
        <v>108833</v>
      </c>
      <c r="F59215" s="1" t="s">
        <v>198858</v>
      </c>
      <c r="G59215" s="1" t="s">
        <v>198832</v>
      </c>
      <c r="H59215" s="1" t="s">
        <v>198833</v>
      </c>
      <c r="I59215" s="1" t="s">
        <v>198537</v>
      </c>
      <c r="J59215" s="1" t="s">
        <v>198859</v>
      </c>
    </row>
    <row r="59216" spans="1:10" x14ac:dyDescent="0.35">
      <c r="A59216" s="1" t="s">
        <v>28420</v>
      </c>
      <c r="B59216" s="1" t="s">
        <v>198531</v>
      </c>
      <c r="C59216" s="1" t="s">
        <v>70</v>
      </c>
      <c r="D59216" s="1" t="s">
        <v>130718</v>
      </c>
      <c r="E59216" s="1" t="s">
        <v>109165</v>
      </c>
      <c r="F59216" s="1" t="s">
        <v>198860</v>
      </c>
      <c r="G59216" s="1" t="s">
        <v>198832</v>
      </c>
      <c r="H59216" s="1" t="s">
        <v>198833</v>
      </c>
      <c r="I59216" s="1" t="s">
        <v>198537</v>
      </c>
      <c r="J59216" s="1" t="s">
        <v>198861</v>
      </c>
    </row>
    <row r="59217" spans="1:10" x14ac:dyDescent="0.35">
      <c r="A59217" s="1" t="s">
        <v>28420</v>
      </c>
      <c r="B59217" s="1" t="s">
        <v>198531</v>
      </c>
      <c r="C59217" s="1" t="s">
        <v>75</v>
      </c>
      <c r="D59217" s="1" t="s">
        <v>198862</v>
      </c>
      <c r="E59217" s="1" t="s">
        <v>31904</v>
      </c>
      <c r="F59217" s="1" t="s">
        <v>41284</v>
      </c>
      <c r="G59217" s="1" t="s">
        <v>198832</v>
      </c>
      <c r="H59217" s="1" t="s">
        <v>198833</v>
      </c>
      <c r="I59217" s="1" t="s">
        <v>198537</v>
      </c>
      <c r="J59217" s="1" t="s">
        <v>198863</v>
      </c>
    </row>
    <row r="59218" spans="1:10" x14ac:dyDescent="0.35">
      <c r="A59218" s="1" t="s">
        <v>28420</v>
      </c>
      <c r="B59218" s="1" t="s">
        <v>198531</v>
      </c>
      <c r="C59218" s="1" t="s">
        <v>80</v>
      </c>
      <c r="D59218" s="1" t="s">
        <v>198864</v>
      </c>
      <c r="E59218" s="1" t="s">
        <v>72834</v>
      </c>
      <c r="F59218" s="1" t="s">
        <v>23323</v>
      </c>
      <c r="G59218" s="1" t="s">
        <v>198832</v>
      </c>
      <c r="H59218" s="1" t="s">
        <v>198833</v>
      </c>
      <c r="I59218" s="1" t="s">
        <v>198537</v>
      </c>
      <c r="J59218" s="1" t="s">
        <v>198865</v>
      </c>
    </row>
    <row r="59219" spans="1:10" x14ac:dyDescent="0.35">
      <c r="A59219" s="1" t="s">
        <v>28420</v>
      </c>
      <c r="B59219" s="1" t="s">
        <v>198531</v>
      </c>
      <c r="C59219" s="1" t="s">
        <v>85</v>
      </c>
      <c r="D59219" s="1" t="s">
        <v>198866</v>
      </c>
      <c r="E59219" s="1" t="s">
        <v>58608</v>
      </c>
      <c r="F59219" s="1" t="s">
        <v>198867</v>
      </c>
      <c r="G59219" s="1" t="s">
        <v>198832</v>
      </c>
      <c r="H59219" s="1" t="s">
        <v>198833</v>
      </c>
      <c r="I59219" s="1" t="s">
        <v>198537</v>
      </c>
      <c r="J59219" s="1" t="s">
        <v>198868</v>
      </c>
    </row>
    <row r="59220" spans="1:10" x14ac:dyDescent="0.35">
      <c r="A59220" s="1" t="s">
        <v>28420</v>
      </c>
      <c r="B59220" s="1" t="s">
        <v>198531</v>
      </c>
      <c r="C59220" s="1" t="s">
        <v>90</v>
      </c>
      <c r="D59220" s="1" t="s">
        <v>198869</v>
      </c>
      <c r="E59220" s="1" t="s">
        <v>198870</v>
      </c>
      <c r="F59220" s="1" t="s">
        <v>198871</v>
      </c>
      <c r="G59220" s="1" t="s">
        <v>198832</v>
      </c>
      <c r="H59220" s="1" t="s">
        <v>198833</v>
      </c>
      <c r="I59220" s="1" t="s">
        <v>198537</v>
      </c>
      <c r="J59220" s="1" t="s">
        <v>177038</v>
      </c>
    </row>
    <row r="59221" spans="1:10" x14ac:dyDescent="0.35">
      <c r="A59221" s="1" t="s">
        <v>28420</v>
      </c>
      <c r="B59221" s="1" t="s">
        <v>198531</v>
      </c>
      <c r="C59221" s="1" t="s">
        <v>95</v>
      </c>
      <c r="D59221" s="1" t="s">
        <v>198872</v>
      </c>
      <c r="E59221" s="1" t="s">
        <v>129688</v>
      </c>
      <c r="F59221" s="1" t="s">
        <v>198873</v>
      </c>
      <c r="G59221" s="1" t="s">
        <v>198832</v>
      </c>
      <c r="H59221" s="1" t="s">
        <v>198833</v>
      </c>
      <c r="I59221" s="1" t="s">
        <v>198537</v>
      </c>
      <c r="J59221" s="1" t="s">
        <v>198874</v>
      </c>
    </row>
    <row r="59222" spans="1:10" x14ac:dyDescent="0.35">
      <c r="A59222" s="1" t="s">
        <v>28420</v>
      </c>
      <c r="B59222" s="1" t="s">
        <v>198531</v>
      </c>
      <c r="C59222" s="1" t="s">
        <v>100</v>
      </c>
      <c r="D59222" s="1" t="s">
        <v>198875</v>
      </c>
      <c r="E59222" s="1" t="s">
        <v>100715</v>
      </c>
      <c r="F59222" s="1" t="s">
        <v>198876</v>
      </c>
      <c r="G59222" s="1" t="s">
        <v>198832</v>
      </c>
      <c r="H59222" s="1" t="s">
        <v>198833</v>
      </c>
      <c r="I59222" s="1" t="s">
        <v>198537</v>
      </c>
      <c r="J59222" s="1" t="s">
        <v>198877</v>
      </c>
    </row>
    <row r="59223" spans="1:10" x14ac:dyDescent="0.35">
      <c r="A59223" s="1" t="s">
        <v>28420</v>
      </c>
      <c r="B59223" s="1" t="s">
        <v>198531</v>
      </c>
      <c r="C59223" s="1" t="s">
        <v>105</v>
      </c>
      <c r="D59223" s="1" t="s">
        <v>198878</v>
      </c>
      <c r="E59223" s="1" t="s">
        <v>131433</v>
      </c>
      <c r="F59223" s="1" t="s">
        <v>198879</v>
      </c>
      <c r="G59223" s="1" t="s">
        <v>198832</v>
      </c>
      <c r="H59223" s="1" t="s">
        <v>198833</v>
      </c>
      <c r="I59223" s="1" t="s">
        <v>198537</v>
      </c>
      <c r="J59223" s="1" t="s">
        <v>198880</v>
      </c>
    </row>
    <row r="59224" spans="1:10" x14ac:dyDescent="0.35">
      <c r="A59224" s="1" t="s">
        <v>28420</v>
      </c>
      <c r="B59224" s="1" t="s">
        <v>198531</v>
      </c>
      <c r="C59224" s="1" t="s">
        <v>110</v>
      </c>
      <c r="D59224" s="1" t="s">
        <v>198881</v>
      </c>
      <c r="E59224" s="1" t="s">
        <v>26654</v>
      </c>
      <c r="F59224" s="1" t="s">
        <v>28233</v>
      </c>
      <c r="G59224" s="1" t="s">
        <v>198832</v>
      </c>
      <c r="H59224" s="1" t="s">
        <v>198833</v>
      </c>
      <c r="I59224" s="1" t="s">
        <v>198537</v>
      </c>
      <c r="J59224" s="1" t="s">
        <v>198882</v>
      </c>
    </row>
    <row r="59225" spans="1:10" x14ac:dyDescent="0.35">
      <c r="A59225" s="1" t="s">
        <v>28420</v>
      </c>
      <c r="B59225" s="1" t="s">
        <v>198531</v>
      </c>
      <c r="C59225" s="1" t="s">
        <v>115</v>
      </c>
      <c r="D59225" s="1" t="s">
        <v>198883</v>
      </c>
      <c r="E59225" s="1" t="s">
        <v>108972</v>
      </c>
      <c r="F59225" s="1" t="s">
        <v>198884</v>
      </c>
      <c r="G59225" s="1" t="s">
        <v>198832</v>
      </c>
      <c r="H59225" s="1" t="s">
        <v>198833</v>
      </c>
      <c r="I59225" s="1" t="s">
        <v>198537</v>
      </c>
      <c r="J59225" s="1" t="s">
        <v>198885</v>
      </c>
    </row>
    <row r="59226" spans="1:10" x14ac:dyDescent="0.35">
      <c r="A59226" s="1" t="s">
        <v>28420</v>
      </c>
      <c r="B59226" s="1" t="s">
        <v>198531</v>
      </c>
      <c r="C59226" s="1" t="s">
        <v>120</v>
      </c>
      <c r="D59226" s="1" t="s">
        <v>198886</v>
      </c>
      <c r="E59226" s="1" t="s">
        <v>130113</v>
      </c>
      <c r="F59226" s="1" t="s">
        <v>198887</v>
      </c>
      <c r="G59226" s="1" t="s">
        <v>198832</v>
      </c>
      <c r="H59226" s="1" t="s">
        <v>198833</v>
      </c>
      <c r="I59226" s="1" t="s">
        <v>198537</v>
      </c>
      <c r="J59226" s="1" t="s">
        <v>198888</v>
      </c>
    </row>
    <row r="59227" spans="1:10" x14ac:dyDescent="0.35">
      <c r="A59227" s="1" t="s">
        <v>28420</v>
      </c>
      <c r="B59227" s="1" t="s">
        <v>198531</v>
      </c>
      <c r="C59227" s="1" t="s">
        <v>125</v>
      </c>
      <c r="D59227" s="1" t="s">
        <v>198889</v>
      </c>
      <c r="E59227" s="1" t="s">
        <v>32032</v>
      </c>
      <c r="F59227" s="1" t="s">
        <v>198890</v>
      </c>
      <c r="G59227" s="1" t="s">
        <v>198832</v>
      </c>
      <c r="H59227" s="1" t="s">
        <v>198833</v>
      </c>
      <c r="I59227" s="1" t="s">
        <v>198537</v>
      </c>
      <c r="J59227" s="1" t="s">
        <v>198891</v>
      </c>
    </row>
    <row r="59228" spans="1:10" x14ac:dyDescent="0.35">
      <c r="A59228" s="1" t="s">
        <v>28420</v>
      </c>
      <c r="B59228" s="1" t="s">
        <v>198531</v>
      </c>
      <c r="C59228" s="1" t="s">
        <v>130</v>
      </c>
      <c r="D59228" s="1" t="s">
        <v>198892</v>
      </c>
      <c r="E59228" s="1" t="s">
        <v>198893</v>
      </c>
      <c r="F59228" s="1" t="s">
        <v>198894</v>
      </c>
      <c r="G59228" s="1" t="s">
        <v>198832</v>
      </c>
      <c r="H59228" s="1" t="s">
        <v>198833</v>
      </c>
      <c r="I59228" s="1" t="s">
        <v>198537</v>
      </c>
      <c r="J59228" s="1" t="s">
        <v>198895</v>
      </c>
    </row>
    <row r="59229" spans="1:10" x14ac:dyDescent="0.35">
      <c r="A59229" s="1" t="s">
        <v>28420</v>
      </c>
      <c r="B59229" s="1" t="s">
        <v>198531</v>
      </c>
      <c r="C59229" s="1" t="s">
        <v>135</v>
      </c>
      <c r="D59229" s="1" t="s">
        <v>198896</v>
      </c>
      <c r="E59229" s="1" t="s">
        <v>95786</v>
      </c>
      <c r="F59229" s="1" t="s">
        <v>198897</v>
      </c>
      <c r="G59229" s="1" t="s">
        <v>198832</v>
      </c>
      <c r="H59229" s="1" t="s">
        <v>198833</v>
      </c>
      <c r="I59229" s="1" t="s">
        <v>198537</v>
      </c>
      <c r="J59229" s="1" t="s">
        <v>198898</v>
      </c>
    </row>
    <row r="59230" spans="1:10" x14ac:dyDescent="0.35">
      <c r="A59230" s="1" t="s">
        <v>28420</v>
      </c>
      <c r="B59230" s="1" t="s">
        <v>198531</v>
      </c>
      <c r="C59230" s="1" t="s">
        <v>140</v>
      </c>
      <c r="D59230" s="1" t="s">
        <v>198899</v>
      </c>
      <c r="E59230" s="1" t="s">
        <v>155923</v>
      </c>
      <c r="F59230" s="1" t="s">
        <v>198900</v>
      </c>
      <c r="G59230" s="1" t="s">
        <v>198832</v>
      </c>
      <c r="H59230" s="1" t="s">
        <v>198833</v>
      </c>
      <c r="I59230" s="1" t="s">
        <v>198537</v>
      </c>
      <c r="J59230" s="1" t="s">
        <v>198901</v>
      </c>
    </row>
    <row r="59231" spans="1:10" x14ac:dyDescent="0.35">
      <c r="A59231" s="1" t="s">
        <v>28420</v>
      </c>
      <c r="B59231" s="1" t="s">
        <v>198531</v>
      </c>
      <c r="C59231" s="1" t="s">
        <v>145</v>
      </c>
      <c r="D59231" s="1" t="s">
        <v>198902</v>
      </c>
      <c r="E59231" s="1" t="s">
        <v>95746</v>
      </c>
      <c r="F59231" s="1" t="s">
        <v>198903</v>
      </c>
      <c r="G59231" s="1" t="s">
        <v>198832</v>
      </c>
      <c r="H59231" s="1" t="s">
        <v>198833</v>
      </c>
      <c r="I59231" s="1" t="s">
        <v>198537</v>
      </c>
      <c r="J59231" s="1" t="s">
        <v>198904</v>
      </c>
    </row>
    <row r="59232" spans="1:10" x14ac:dyDescent="0.35">
      <c r="A59232" s="1" t="s">
        <v>28420</v>
      </c>
      <c r="B59232" s="1" t="s">
        <v>198531</v>
      </c>
      <c r="C59232" s="1" t="s">
        <v>150</v>
      </c>
      <c r="D59232" s="1" t="s">
        <v>198905</v>
      </c>
      <c r="E59232" s="1" t="s">
        <v>198906</v>
      </c>
      <c r="F59232" s="1" t="s">
        <v>198907</v>
      </c>
      <c r="G59232" s="1" t="s">
        <v>198832</v>
      </c>
      <c r="H59232" s="1" t="s">
        <v>198833</v>
      </c>
      <c r="I59232" s="1" t="s">
        <v>198537</v>
      </c>
      <c r="J59232" s="1" t="s">
        <v>198908</v>
      </c>
    </row>
    <row r="59233" spans="1:10" x14ac:dyDescent="0.35">
      <c r="A59233" s="1" t="s">
        <v>28420</v>
      </c>
      <c r="B59233" s="1" t="s">
        <v>198531</v>
      </c>
      <c r="C59233" s="1" t="s">
        <v>155</v>
      </c>
      <c r="D59233" s="1" t="s">
        <v>198909</v>
      </c>
      <c r="E59233" s="1" t="s">
        <v>105240</v>
      </c>
      <c r="F59233" s="1" t="s">
        <v>198910</v>
      </c>
      <c r="G59233" s="1" t="s">
        <v>198832</v>
      </c>
      <c r="H59233" s="1" t="s">
        <v>198833</v>
      </c>
      <c r="I59233" s="1" t="s">
        <v>198537</v>
      </c>
      <c r="J59233" s="1" t="s">
        <v>198911</v>
      </c>
    </row>
    <row r="59234" spans="1:10" x14ac:dyDescent="0.35">
      <c r="A59234" s="1" t="s">
        <v>28420</v>
      </c>
      <c r="B59234" s="1" t="s">
        <v>198531</v>
      </c>
      <c r="C59234" s="1" t="s">
        <v>160</v>
      </c>
      <c r="D59234" s="1" t="s">
        <v>198912</v>
      </c>
      <c r="E59234" s="1" t="s">
        <v>30683</v>
      </c>
      <c r="F59234" s="1" t="s">
        <v>198913</v>
      </c>
      <c r="G59234" s="1" t="s">
        <v>198832</v>
      </c>
      <c r="H59234" s="1" t="s">
        <v>198833</v>
      </c>
      <c r="I59234" s="1" t="s">
        <v>198537</v>
      </c>
      <c r="J59234" s="1" t="s">
        <v>198914</v>
      </c>
    </row>
    <row r="59235" spans="1:10" x14ac:dyDescent="0.35">
      <c r="A59235" s="1" t="s">
        <v>28420</v>
      </c>
      <c r="B59235" s="1" t="s">
        <v>198531</v>
      </c>
      <c r="C59235" s="1" t="s">
        <v>165</v>
      </c>
      <c r="D59235" s="1" t="s">
        <v>198915</v>
      </c>
      <c r="E59235" s="1" t="s">
        <v>15656</v>
      </c>
      <c r="F59235" s="1" t="s">
        <v>198916</v>
      </c>
      <c r="G59235" s="1" t="s">
        <v>198832</v>
      </c>
      <c r="H59235" s="1" t="s">
        <v>198833</v>
      </c>
      <c r="I59235" s="1" t="s">
        <v>198537</v>
      </c>
      <c r="J59235" s="1" t="s">
        <v>198917</v>
      </c>
    </row>
    <row r="59236" spans="1:10" x14ac:dyDescent="0.35">
      <c r="A59236" s="1" t="s">
        <v>28420</v>
      </c>
      <c r="B59236" s="1" t="s">
        <v>198531</v>
      </c>
      <c r="C59236" s="1" t="s">
        <v>170</v>
      </c>
      <c r="D59236" s="1" t="s">
        <v>198918</v>
      </c>
      <c r="E59236" s="1" t="s">
        <v>128453</v>
      </c>
      <c r="F59236" s="1" t="s">
        <v>198919</v>
      </c>
      <c r="G59236" s="1" t="s">
        <v>198832</v>
      </c>
      <c r="H59236" s="1" t="s">
        <v>198833</v>
      </c>
      <c r="I59236" s="1" t="s">
        <v>198537</v>
      </c>
      <c r="J59236" s="1" t="s">
        <v>198920</v>
      </c>
    </row>
    <row r="59237" spans="1:10" x14ac:dyDescent="0.35">
      <c r="A59237" s="1" t="s">
        <v>198921</v>
      </c>
      <c r="B59237" s="1" t="s">
        <v>198531</v>
      </c>
      <c r="C59237" s="1" t="s">
        <v>8</v>
      </c>
      <c r="D59237" s="1" t="s">
        <v>128711</v>
      </c>
      <c r="E59237" s="1" t="s">
        <v>23137</v>
      </c>
      <c r="F59237" s="1" t="s">
        <v>12806</v>
      </c>
      <c r="G59237" s="1" t="s">
        <v>198922</v>
      </c>
      <c r="H59237" s="1" t="s">
        <v>198923</v>
      </c>
      <c r="I59237" s="1" t="s">
        <v>198537</v>
      </c>
      <c r="J59237" s="1" t="s">
        <v>13</v>
      </c>
    </row>
    <row r="59238" spans="1:10" x14ac:dyDescent="0.35">
      <c r="A59238" s="1" t="s">
        <v>198921</v>
      </c>
      <c r="B59238" s="1" t="s">
        <v>198531</v>
      </c>
      <c r="C59238" s="1" t="s">
        <v>15</v>
      </c>
      <c r="D59238" s="1" t="s">
        <v>65709</v>
      </c>
      <c r="E59238" s="1" t="s">
        <v>64769</v>
      </c>
      <c r="F59238" s="1" t="s">
        <v>198924</v>
      </c>
      <c r="G59238" s="1" t="s">
        <v>198922</v>
      </c>
      <c r="H59238" s="1" t="s">
        <v>198923</v>
      </c>
      <c r="I59238" s="1" t="s">
        <v>198537</v>
      </c>
      <c r="J59238" s="1" t="s">
        <v>198925</v>
      </c>
    </row>
    <row r="59239" spans="1:10" x14ac:dyDescent="0.35">
      <c r="A59239" s="1" t="s">
        <v>198921</v>
      </c>
      <c r="B59239" s="1" t="s">
        <v>198531</v>
      </c>
      <c r="C59239" s="1" t="s">
        <v>20</v>
      </c>
      <c r="D59239" s="1" t="s">
        <v>198926</v>
      </c>
      <c r="E59239" s="1" t="s">
        <v>55107</v>
      </c>
      <c r="F59239" s="1" t="s">
        <v>198927</v>
      </c>
      <c r="G59239" s="1" t="s">
        <v>198922</v>
      </c>
      <c r="H59239" s="1" t="s">
        <v>198923</v>
      </c>
      <c r="I59239" s="1" t="s">
        <v>198537</v>
      </c>
      <c r="J59239" s="1" t="s">
        <v>198928</v>
      </c>
    </row>
    <row r="59240" spans="1:10" x14ac:dyDescent="0.35">
      <c r="A59240" s="1" t="s">
        <v>198921</v>
      </c>
      <c r="B59240" s="1" t="s">
        <v>198531</v>
      </c>
      <c r="C59240" s="1" t="s">
        <v>25</v>
      </c>
      <c r="D59240" s="1" t="s">
        <v>198929</v>
      </c>
      <c r="E59240" s="1" t="s">
        <v>40644</v>
      </c>
      <c r="F59240" s="1" t="s">
        <v>139621</v>
      </c>
      <c r="G59240" s="1" t="s">
        <v>198922</v>
      </c>
      <c r="H59240" s="1" t="s">
        <v>198923</v>
      </c>
      <c r="I59240" s="1" t="s">
        <v>198537</v>
      </c>
      <c r="J59240" s="1" t="s">
        <v>198930</v>
      </c>
    </row>
    <row r="59241" spans="1:10" x14ac:dyDescent="0.35">
      <c r="A59241" s="1" t="s">
        <v>198921</v>
      </c>
      <c r="B59241" s="1" t="s">
        <v>198531</v>
      </c>
      <c r="C59241" s="1" t="s">
        <v>30</v>
      </c>
      <c r="D59241" s="1" t="s">
        <v>52247</v>
      </c>
      <c r="E59241" s="1" t="s">
        <v>56956</v>
      </c>
      <c r="F59241" s="1" t="s">
        <v>198931</v>
      </c>
      <c r="G59241" s="1" t="s">
        <v>198922</v>
      </c>
      <c r="H59241" s="1" t="s">
        <v>198923</v>
      </c>
      <c r="I59241" s="1" t="s">
        <v>198537</v>
      </c>
      <c r="J59241" s="1" t="s">
        <v>198932</v>
      </c>
    </row>
    <row r="59242" spans="1:10" x14ac:dyDescent="0.35">
      <c r="A59242" s="1" t="s">
        <v>198921</v>
      </c>
      <c r="B59242" s="1" t="s">
        <v>198531</v>
      </c>
      <c r="C59242" s="1" t="s">
        <v>35</v>
      </c>
      <c r="D59242" s="1" t="s">
        <v>140710</v>
      </c>
      <c r="E59242" s="1" t="s">
        <v>40691</v>
      </c>
      <c r="F59242" s="1" t="s">
        <v>198933</v>
      </c>
      <c r="G59242" s="1" t="s">
        <v>198922</v>
      </c>
      <c r="H59242" s="1" t="s">
        <v>198923</v>
      </c>
      <c r="I59242" s="1" t="s">
        <v>198537</v>
      </c>
      <c r="J59242" s="1" t="s">
        <v>198934</v>
      </c>
    </row>
    <row r="59243" spans="1:10" x14ac:dyDescent="0.35">
      <c r="A59243" s="1" t="s">
        <v>198921</v>
      </c>
      <c r="B59243" s="1" t="s">
        <v>198531</v>
      </c>
      <c r="C59243" s="1" t="s">
        <v>40</v>
      </c>
      <c r="D59243" s="1" t="s">
        <v>98971</v>
      </c>
      <c r="E59243" s="1" t="s">
        <v>198935</v>
      </c>
      <c r="F59243" s="1" t="s">
        <v>198936</v>
      </c>
      <c r="G59243" s="1" t="s">
        <v>198922</v>
      </c>
      <c r="H59243" s="1" t="s">
        <v>198923</v>
      </c>
      <c r="I59243" s="1" t="s">
        <v>198537</v>
      </c>
      <c r="J59243" s="1" t="s">
        <v>198937</v>
      </c>
    </row>
    <row r="59244" spans="1:10" x14ac:dyDescent="0.35">
      <c r="A59244" s="1" t="s">
        <v>198921</v>
      </c>
      <c r="B59244" s="1" t="s">
        <v>198531</v>
      </c>
      <c r="C59244" s="1" t="s">
        <v>45</v>
      </c>
      <c r="D59244" s="1" t="s">
        <v>198938</v>
      </c>
      <c r="E59244" s="1" t="s">
        <v>24347</v>
      </c>
      <c r="F59244" s="1" t="s">
        <v>131415</v>
      </c>
      <c r="G59244" s="1" t="s">
        <v>198922</v>
      </c>
      <c r="H59244" s="1" t="s">
        <v>198923</v>
      </c>
      <c r="I59244" s="1" t="s">
        <v>198537</v>
      </c>
      <c r="J59244" s="1" t="s">
        <v>198939</v>
      </c>
    </row>
    <row r="59245" spans="1:10" x14ac:dyDescent="0.35">
      <c r="A59245" s="1" t="s">
        <v>198921</v>
      </c>
      <c r="B59245" s="1" t="s">
        <v>198531</v>
      </c>
      <c r="C59245" s="1" t="s">
        <v>50</v>
      </c>
      <c r="D59245" s="1" t="s">
        <v>68613</v>
      </c>
      <c r="E59245" s="1" t="s">
        <v>58170</v>
      </c>
      <c r="F59245" s="1" t="s">
        <v>198940</v>
      </c>
      <c r="G59245" s="1" t="s">
        <v>198922</v>
      </c>
      <c r="H59245" s="1" t="s">
        <v>198923</v>
      </c>
      <c r="I59245" s="1" t="s">
        <v>198537</v>
      </c>
      <c r="J59245" s="1" t="s">
        <v>198941</v>
      </c>
    </row>
    <row r="59246" spans="1:10" x14ac:dyDescent="0.35">
      <c r="A59246" s="1" t="s">
        <v>198921</v>
      </c>
      <c r="B59246" s="1" t="s">
        <v>198531</v>
      </c>
      <c r="C59246" s="1" t="s">
        <v>55</v>
      </c>
      <c r="D59246" s="1" t="s">
        <v>139229</v>
      </c>
      <c r="E59246" s="1" t="s">
        <v>59861</v>
      </c>
      <c r="F59246" s="1" t="s">
        <v>147407</v>
      </c>
      <c r="G59246" s="1" t="s">
        <v>198922</v>
      </c>
      <c r="H59246" s="1" t="s">
        <v>198923</v>
      </c>
      <c r="I59246" s="1" t="s">
        <v>198537</v>
      </c>
      <c r="J59246" s="1" t="s">
        <v>198942</v>
      </c>
    </row>
    <row r="59247" spans="1:10" x14ac:dyDescent="0.35">
      <c r="A59247" s="1" t="s">
        <v>198921</v>
      </c>
      <c r="B59247" s="1" t="s">
        <v>198531</v>
      </c>
      <c r="C59247" s="1" t="s">
        <v>60</v>
      </c>
      <c r="D59247" s="1" t="s">
        <v>69352</v>
      </c>
      <c r="E59247" s="1" t="s">
        <v>56448</v>
      </c>
      <c r="F59247" s="1" t="s">
        <v>198943</v>
      </c>
      <c r="G59247" s="1" t="s">
        <v>198922</v>
      </c>
      <c r="H59247" s="1" t="s">
        <v>198923</v>
      </c>
      <c r="I59247" s="1" t="s">
        <v>198537</v>
      </c>
      <c r="J59247" s="1" t="s">
        <v>198944</v>
      </c>
    </row>
    <row r="59248" spans="1:10" x14ac:dyDescent="0.35">
      <c r="A59248" s="1" t="s">
        <v>198921</v>
      </c>
      <c r="B59248" s="1" t="s">
        <v>198531</v>
      </c>
      <c r="C59248" s="1" t="s">
        <v>65</v>
      </c>
      <c r="D59248" s="1" t="s">
        <v>77032</v>
      </c>
      <c r="E59248" s="1" t="s">
        <v>23002</v>
      </c>
      <c r="F59248" s="1" t="s">
        <v>198945</v>
      </c>
      <c r="G59248" s="1" t="s">
        <v>198922</v>
      </c>
      <c r="H59248" s="1" t="s">
        <v>198923</v>
      </c>
      <c r="I59248" s="1" t="s">
        <v>198537</v>
      </c>
      <c r="J59248" s="1" t="s">
        <v>198946</v>
      </c>
    </row>
    <row r="59249" spans="1:10" x14ac:dyDescent="0.35">
      <c r="A59249" s="1" t="s">
        <v>198921</v>
      </c>
      <c r="B59249" s="1" t="s">
        <v>198531</v>
      </c>
      <c r="C59249" s="1" t="s">
        <v>70</v>
      </c>
      <c r="D59249" s="1" t="s">
        <v>101216</v>
      </c>
      <c r="E59249" s="1" t="s">
        <v>21826</v>
      </c>
      <c r="F59249" s="1" t="s">
        <v>198947</v>
      </c>
      <c r="G59249" s="1" t="s">
        <v>198922</v>
      </c>
      <c r="H59249" s="1" t="s">
        <v>198923</v>
      </c>
      <c r="I59249" s="1" t="s">
        <v>198537</v>
      </c>
      <c r="J59249" s="1" t="s">
        <v>198948</v>
      </c>
    </row>
    <row r="59250" spans="1:10" x14ac:dyDescent="0.35">
      <c r="A59250" s="1" t="s">
        <v>198921</v>
      </c>
      <c r="B59250" s="1" t="s">
        <v>198531</v>
      </c>
      <c r="C59250" s="1" t="s">
        <v>75</v>
      </c>
      <c r="D59250" s="1" t="s">
        <v>52904</v>
      </c>
      <c r="E59250" s="1" t="s">
        <v>22018</v>
      </c>
      <c r="F59250" s="1" t="s">
        <v>198949</v>
      </c>
      <c r="G59250" s="1" t="s">
        <v>198922</v>
      </c>
      <c r="H59250" s="1" t="s">
        <v>198923</v>
      </c>
      <c r="I59250" s="1" t="s">
        <v>198537</v>
      </c>
      <c r="J59250" s="1" t="s">
        <v>198950</v>
      </c>
    </row>
    <row r="59251" spans="1:10" x14ac:dyDescent="0.35">
      <c r="A59251" s="1" t="s">
        <v>198921</v>
      </c>
      <c r="B59251" s="1" t="s">
        <v>198531</v>
      </c>
      <c r="C59251" s="1" t="s">
        <v>80</v>
      </c>
      <c r="D59251" s="1" t="s">
        <v>16755</v>
      </c>
      <c r="E59251" s="1" t="s">
        <v>66352</v>
      </c>
      <c r="F59251" s="1" t="s">
        <v>198951</v>
      </c>
      <c r="G59251" s="1" t="s">
        <v>198922</v>
      </c>
      <c r="H59251" s="1" t="s">
        <v>198923</v>
      </c>
      <c r="I59251" s="1" t="s">
        <v>198537</v>
      </c>
      <c r="J59251" s="1" t="s">
        <v>198952</v>
      </c>
    </row>
    <row r="59252" spans="1:10" x14ac:dyDescent="0.35">
      <c r="A59252" s="1" t="s">
        <v>198921</v>
      </c>
      <c r="B59252" s="1" t="s">
        <v>198531</v>
      </c>
      <c r="C59252" s="1" t="s">
        <v>85</v>
      </c>
      <c r="D59252" s="1" t="s">
        <v>198953</v>
      </c>
      <c r="E59252" s="1" t="s">
        <v>198954</v>
      </c>
      <c r="F59252" s="1" t="s">
        <v>28153</v>
      </c>
      <c r="G59252" s="1" t="s">
        <v>198922</v>
      </c>
      <c r="H59252" s="1" t="s">
        <v>198923</v>
      </c>
      <c r="I59252" s="1" t="s">
        <v>198537</v>
      </c>
      <c r="J59252" s="1" t="s">
        <v>198955</v>
      </c>
    </row>
    <row r="59253" spans="1:10" x14ac:dyDescent="0.35">
      <c r="A59253" s="1" t="s">
        <v>198921</v>
      </c>
      <c r="B59253" s="1" t="s">
        <v>198531</v>
      </c>
      <c r="C59253" s="1" t="s">
        <v>90</v>
      </c>
      <c r="D59253" s="1" t="s">
        <v>24109</v>
      </c>
      <c r="E59253" s="1" t="s">
        <v>41210</v>
      </c>
      <c r="F59253" s="1" t="s">
        <v>198956</v>
      </c>
      <c r="G59253" s="1" t="s">
        <v>198922</v>
      </c>
      <c r="H59253" s="1" t="s">
        <v>198923</v>
      </c>
      <c r="I59253" s="1" t="s">
        <v>198537</v>
      </c>
      <c r="J59253" s="1" t="s">
        <v>198957</v>
      </c>
    </row>
    <row r="59254" spans="1:10" x14ac:dyDescent="0.35">
      <c r="A59254" s="1" t="s">
        <v>198921</v>
      </c>
      <c r="B59254" s="1" t="s">
        <v>198531</v>
      </c>
      <c r="C59254" s="1" t="s">
        <v>95</v>
      </c>
      <c r="D59254" s="1" t="s">
        <v>91392</v>
      </c>
      <c r="E59254" s="1" t="s">
        <v>57060</v>
      </c>
      <c r="F59254" s="1" t="s">
        <v>108278</v>
      </c>
      <c r="G59254" s="1" t="s">
        <v>198922</v>
      </c>
      <c r="H59254" s="1" t="s">
        <v>198923</v>
      </c>
      <c r="I59254" s="1" t="s">
        <v>198537</v>
      </c>
      <c r="J59254" s="1" t="s">
        <v>198958</v>
      </c>
    </row>
    <row r="59255" spans="1:10" x14ac:dyDescent="0.35">
      <c r="A59255" s="1" t="s">
        <v>198921</v>
      </c>
      <c r="B59255" s="1" t="s">
        <v>198531</v>
      </c>
      <c r="C59255" s="1" t="s">
        <v>100</v>
      </c>
      <c r="D59255" s="1" t="s">
        <v>163077</v>
      </c>
      <c r="E59255" s="1" t="s">
        <v>16079</v>
      </c>
      <c r="F59255" s="1" t="s">
        <v>198959</v>
      </c>
      <c r="G59255" s="1" t="s">
        <v>198922</v>
      </c>
      <c r="H59255" s="1" t="s">
        <v>198923</v>
      </c>
      <c r="I59255" s="1" t="s">
        <v>198537</v>
      </c>
      <c r="J59255" s="1" t="s">
        <v>198960</v>
      </c>
    </row>
    <row r="59256" spans="1:10" x14ac:dyDescent="0.35">
      <c r="A59256" s="1" t="s">
        <v>198921</v>
      </c>
      <c r="B59256" s="1" t="s">
        <v>198531</v>
      </c>
      <c r="C59256" s="1" t="s">
        <v>105</v>
      </c>
      <c r="D59256" s="1" t="s">
        <v>61574</v>
      </c>
      <c r="E59256" s="1" t="s">
        <v>66359</v>
      </c>
      <c r="F59256" s="1" t="s">
        <v>198961</v>
      </c>
      <c r="G59256" s="1" t="s">
        <v>198922</v>
      </c>
      <c r="H59256" s="1" t="s">
        <v>198923</v>
      </c>
      <c r="I59256" s="1" t="s">
        <v>198537</v>
      </c>
      <c r="J59256" s="1" t="s">
        <v>198962</v>
      </c>
    </row>
    <row r="59257" spans="1:10" x14ac:dyDescent="0.35">
      <c r="A59257" s="1" t="s">
        <v>198921</v>
      </c>
      <c r="B59257" s="1" t="s">
        <v>198531</v>
      </c>
      <c r="C59257" s="1" t="s">
        <v>110</v>
      </c>
      <c r="D59257" s="1" t="s">
        <v>68435</v>
      </c>
      <c r="E59257" s="1" t="s">
        <v>63843</v>
      </c>
      <c r="F59257" s="1" t="s">
        <v>198963</v>
      </c>
      <c r="G59257" s="1" t="s">
        <v>198922</v>
      </c>
      <c r="H59257" s="1" t="s">
        <v>198923</v>
      </c>
      <c r="I59257" s="1" t="s">
        <v>198537</v>
      </c>
      <c r="J59257" s="1" t="s">
        <v>198964</v>
      </c>
    </row>
    <row r="59258" spans="1:10" x14ac:dyDescent="0.35">
      <c r="A59258" s="1" t="s">
        <v>198921</v>
      </c>
      <c r="B59258" s="1" t="s">
        <v>198531</v>
      </c>
      <c r="C59258" s="1" t="s">
        <v>115</v>
      </c>
      <c r="D59258" s="1" t="s">
        <v>95271</v>
      </c>
      <c r="E59258" s="1" t="s">
        <v>41210</v>
      </c>
      <c r="F59258" s="1" t="s">
        <v>64822</v>
      </c>
      <c r="G59258" s="1" t="s">
        <v>198922</v>
      </c>
      <c r="H59258" s="1" t="s">
        <v>198923</v>
      </c>
      <c r="I59258" s="1" t="s">
        <v>198537</v>
      </c>
      <c r="J59258" s="1" t="s">
        <v>198965</v>
      </c>
    </row>
    <row r="59259" spans="1:10" x14ac:dyDescent="0.35">
      <c r="A59259" s="1" t="s">
        <v>198921</v>
      </c>
      <c r="B59259" s="1" t="s">
        <v>198531</v>
      </c>
      <c r="C59259" s="1" t="s">
        <v>120</v>
      </c>
      <c r="D59259" s="1" t="s">
        <v>198966</v>
      </c>
      <c r="E59259" s="1" t="s">
        <v>198967</v>
      </c>
      <c r="F59259" s="1" t="s">
        <v>198968</v>
      </c>
      <c r="G59259" s="1" t="s">
        <v>198922</v>
      </c>
      <c r="H59259" s="1" t="s">
        <v>198923</v>
      </c>
      <c r="I59259" s="1" t="s">
        <v>198537</v>
      </c>
      <c r="J59259" s="1" t="s">
        <v>198969</v>
      </c>
    </row>
    <row r="59260" spans="1:10" x14ac:dyDescent="0.35">
      <c r="A59260" s="1" t="s">
        <v>198921</v>
      </c>
      <c r="B59260" s="1" t="s">
        <v>198531</v>
      </c>
      <c r="C59260" s="1" t="s">
        <v>125</v>
      </c>
      <c r="D59260" s="1" t="s">
        <v>198970</v>
      </c>
      <c r="E59260" s="1" t="s">
        <v>31401</v>
      </c>
      <c r="F59260" s="1" t="s">
        <v>23879</v>
      </c>
      <c r="G59260" s="1" t="s">
        <v>198922</v>
      </c>
      <c r="H59260" s="1" t="s">
        <v>198923</v>
      </c>
      <c r="I59260" s="1" t="s">
        <v>198537</v>
      </c>
      <c r="J59260" s="1" t="s">
        <v>198971</v>
      </c>
    </row>
    <row r="59261" spans="1:10" x14ac:dyDescent="0.35">
      <c r="A59261" s="1" t="s">
        <v>198921</v>
      </c>
      <c r="B59261" s="1" t="s">
        <v>198531</v>
      </c>
      <c r="C59261" s="1" t="s">
        <v>130</v>
      </c>
      <c r="D59261" s="1" t="s">
        <v>89693</v>
      </c>
      <c r="E59261" s="1" t="s">
        <v>24384</v>
      </c>
      <c r="F59261" s="1" t="s">
        <v>198972</v>
      </c>
      <c r="G59261" s="1" t="s">
        <v>198922</v>
      </c>
      <c r="H59261" s="1" t="s">
        <v>198923</v>
      </c>
      <c r="I59261" s="1" t="s">
        <v>198537</v>
      </c>
      <c r="J59261" s="1" t="s">
        <v>198973</v>
      </c>
    </row>
    <row r="59262" spans="1:10" x14ac:dyDescent="0.35">
      <c r="A59262" s="1" t="s">
        <v>198921</v>
      </c>
      <c r="B59262" s="1" t="s">
        <v>198531</v>
      </c>
      <c r="C59262" s="1" t="s">
        <v>135</v>
      </c>
      <c r="D59262" s="1" t="s">
        <v>198974</v>
      </c>
      <c r="E59262" s="1" t="s">
        <v>41298</v>
      </c>
      <c r="F59262" s="1" t="s">
        <v>198975</v>
      </c>
      <c r="G59262" s="1" t="s">
        <v>198922</v>
      </c>
      <c r="H59262" s="1" t="s">
        <v>198923</v>
      </c>
      <c r="I59262" s="1" t="s">
        <v>198537</v>
      </c>
      <c r="J59262" s="1" t="s">
        <v>198976</v>
      </c>
    </row>
    <row r="59263" spans="1:10" x14ac:dyDescent="0.35">
      <c r="A59263" s="1" t="s">
        <v>198921</v>
      </c>
      <c r="B59263" s="1" t="s">
        <v>198531</v>
      </c>
      <c r="C59263" s="1" t="s">
        <v>140</v>
      </c>
      <c r="D59263" s="1" t="s">
        <v>198977</v>
      </c>
      <c r="E59263" s="1" t="s">
        <v>21772</v>
      </c>
      <c r="F59263" s="1" t="s">
        <v>198978</v>
      </c>
      <c r="G59263" s="1" t="s">
        <v>198922</v>
      </c>
      <c r="H59263" s="1" t="s">
        <v>198923</v>
      </c>
      <c r="I59263" s="1" t="s">
        <v>198537</v>
      </c>
      <c r="J59263" s="1" t="s">
        <v>198979</v>
      </c>
    </row>
    <row r="59264" spans="1:10" x14ac:dyDescent="0.35">
      <c r="A59264" s="1" t="s">
        <v>198921</v>
      </c>
      <c r="B59264" s="1" t="s">
        <v>198531</v>
      </c>
      <c r="C59264" s="1" t="s">
        <v>145</v>
      </c>
      <c r="D59264" s="1" t="s">
        <v>198980</v>
      </c>
      <c r="E59264" s="1" t="s">
        <v>12813</v>
      </c>
      <c r="F59264" s="1" t="s">
        <v>198981</v>
      </c>
      <c r="G59264" s="1" t="s">
        <v>198922</v>
      </c>
      <c r="H59264" s="1" t="s">
        <v>198923</v>
      </c>
      <c r="I59264" s="1" t="s">
        <v>198537</v>
      </c>
      <c r="J59264" s="1" t="s">
        <v>198982</v>
      </c>
    </row>
    <row r="59265" spans="1:10" x14ac:dyDescent="0.35">
      <c r="A59265" s="1" t="s">
        <v>198921</v>
      </c>
      <c r="B59265" s="1" t="s">
        <v>198531</v>
      </c>
      <c r="C59265" s="1" t="s">
        <v>150</v>
      </c>
      <c r="D59265" s="1" t="s">
        <v>131453</v>
      </c>
      <c r="E59265" s="1" t="s">
        <v>23446</v>
      </c>
      <c r="F59265" s="1" t="s">
        <v>198983</v>
      </c>
      <c r="G59265" s="1" t="s">
        <v>198922</v>
      </c>
      <c r="H59265" s="1" t="s">
        <v>198923</v>
      </c>
      <c r="I59265" s="1" t="s">
        <v>198537</v>
      </c>
      <c r="J59265" s="1" t="s">
        <v>198984</v>
      </c>
    </row>
    <row r="59266" spans="1:10" x14ac:dyDescent="0.35">
      <c r="A59266" s="1" t="s">
        <v>198921</v>
      </c>
      <c r="B59266" s="1" t="s">
        <v>198531</v>
      </c>
      <c r="C59266" s="1" t="s">
        <v>155</v>
      </c>
      <c r="D59266" s="1" t="s">
        <v>198985</v>
      </c>
      <c r="E59266" s="1" t="s">
        <v>21845</v>
      </c>
      <c r="F59266" s="1" t="s">
        <v>23859</v>
      </c>
      <c r="G59266" s="1" t="s">
        <v>198922</v>
      </c>
      <c r="H59266" s="1" t="s">
        <v>198923</v>
      </c>
      <c r="I59266" s="1" t="s">
        <v>198537</v>
      </c>
      <c r="J59266" s="1" t="s">
        <v>198986</v>
      </c>
    </row>
    <row r="59267" spans="1:10" x14ac:dyDescent="0.35">
      <c r="A59267" s="1" t="s">
        <v>198921</v>
      </c>
      <c r="B59267" s="1" t="s">
        <v>198531</v>
      </c>
      <c r="C59267" s="1" t="s">
        <v>160</v>
      </c>
      <c r="D59267" s="1" t="s">
        <v>198987</v>
      </c>
      <c r="E59267" s="1" t="s">
        <v>23457</v>
      </c>
      <c r="F59267" s="1" t="s">
        <v>198988</v>
      </c>
      <c r="G59267" s="1" t="s">
        <v>198922</v>
      </c>
      <c r="H59267" s="1" t="s">
        <v>198923</v>
      </c>
      <c r="I59267" s="1" t="s">
        <v>198537</v>
      </c>
      <c r="J59267" s="1" t="s">
        <v>198989</v>
      </c>
    </row>
    <row r="59268" spans="1:10" x14ac:dyDescent="0.35">
      <c r="A59268" s="1" t="s">
        <v>198921</v>
      </c>
      <c r="B59268" s="1" t="s">
        <v>198531</v>
      </c>
      <c r="C59268" s="1" t="s">
        <v>165</v>
      </c>
      <c r="D59268" s="1" t="s">
        <v>23688</v>
      </c>
      <c r="E59268" s="1" t="s">
        <v>56913</v>
      </c>
      <c r="F59268" s="1" t="s">
        <v>198990</v>
      </c>
      <c r="G59268" s="1" t="s">
        <v>198922</v>
      </c>
      <c r="H59268" s="1" t="s">
        <v>198923</v>
      </c>
      <c r="I59268" s="1" t="s">
        <v>198537</v>
      </c>
      <c r="J59268" s="1" t="s">
        <v>198991</v>
      </c>
    </row>
    <row r="59269" spans="1:10" x14ac:dyDescent="0.35">
      <c r="A59269" s="1" t="s">
        <v>198921</v>
      </c>
      <c r="B59269" s="1" t="s">
        <v>198531</v>
      </c>
      <c r="C59269" s="1" t="s">
        <v>170</v>
      </c>
      <c r="D59269" s="1" t="s">
        <v>198992</v>
      </c>
      <c r="E59269" s="1" t="s">
        <v>23450</v>
      </c>
      <c r="F59269" s="1" t="s">
        <v>198993</v>
      </c>
      <c r="G59269" s="1" t="s">
        <v>198922</v>
      </c>
      <c r="H59269" s="1" t="s">
        <v>198923</v>
      </c>
      <c r="I59269" s="1" t="s">
        <v>198537</v>
      </c>
      <c r="J59269" s="1" t="s">
        <v>198994</v>
      </c>
    </row>
    <row r="59270" spans="1:10" x14ac:dyDescent="0.35">
      <c r="A59270" s="1" t="s">
        <v>27622</v>
      </c>
      <c r="B59270" s="1" t="s">
        <v>198531</v>
      </c>
      <c r="C59270" s="1" t="s">
        <v>8</v>
      </c>
      <c r="D59270" s="1" t="s">
        <v>116888</v>
      </c>
      <c r="E59270" s="1" t="s">
        <v>26576</v>
      </c>
      <c r="F59270" s="1" t="s">
        <v>129786</v>
      </c>
      <c r="G59270" s="1" t="s">
        <v>198995</v>
      </c>
      <c r="H59270" s="1" t="s">
        <v>198996</v>
      </c>
      <c r="I59270" s="1" t="s">
        <v>198537</v>
      </c>
      <c r="J59270" s="1" t="s">
        <v>13</v>
      </c>
    </row>
    <row r="59271" spans="1:10" x14ac:dyDescent="0.35">
      <c r="A59271" s="1" t="s">
        <v>27622</v>
      </c>
      <c r="B59271" s="1" t="s">
        <v>198531</v>
      </c>
      <c r="C59271" s="1" t="s">
        <v>15</v>
      </c>
      <c r="D59271" s="1" t="s">
        <v>160839</v>
      </c>
      <c r="E59271" s="1" t="s">
        <v>12805</v>
      </c>
      <c r="F59271" s="1" t="s">
        <v>198997</v>
      </c>
      <c r="G59271" s="1" t="s">
        <v>198995</v>
      </c>
      <c r="H59271" s="1" t="s">
        <v>198996</v>
      </c>
      <c r="I59271" s="1" t="s">
        <v>198537</v>
      </c>
      <c r="J59271" s="1" t="s">
        <v>198998</v>
      </c>
    </row>
    <row r="59272" spans="1:10" x14ac:dyDescent="0.35">
      <c r="A59272" s="1" t="s">
        <v>27622</v>
      </c>
      <c r="B59272" s="1" t="s">
        <v>198531</v>
      </c>
      <c r="C59272" s="1" t="s">
        <v>20</v>
      </c>
      <c r="D59272" s="1" t="s">
        <v>198999</v>
      </c>
      <c r="E59272" s="1" t="s">
        <v>26586</v>
      </c>
      <c r="F59272" s="1" t="s">
        <v>199000</v>
      </c>
      <c r="G59272" s="1" t="s">
        <v>198995</v>
      </c>
      <c r="H59272" s="1" t="s">
        <v>198996</v>
      </c>
      <c r="I59272" s="1" t="s">
        <v>198537</v>
      </c>
      <c r="J59272" s="1" t="s">
        <v>199001</v>
      </c>
    </row>
    <row r="59273" spans="1:10" x14ac:dyDescent="0.35">
      <c r="A59273" s="1" t="s">
        <v>27622</v>
      </c>
      <c r="B59273" s="1" t="s">
        <v>198531</v>
      </c>
      <c r="C59273" s="1" t="s">
        <v>25</v>
      </c>
      <c r="D59273" s="1" t="s">
        <v>73428</v>
      </c>
      <c r="E59273" s="1" t="s">
        <v>15311</v>
      </c>
      <c r="F59273" s="1" t="s">
        <v>199002</v>
      </c>
      <c r="G59273" s="1" t="s">
        <v>198995</v>
      </c>
      <c r="H59273" s="1" t="s">
        <v>198996</v>
      </c>
      <c r="I59273" s="1" t="s">
        <v>198537</v>
      </c>
      <c r="J59273" s="1" t="s">
        <v>199003</v>
      </c>
    </row>
    <row r="59274" spans="1:10" x14ac:dyDescent="0.35">
      <c r="A59274" s="1" t="s">
        <v>27622</v>
      </c>
      <c r="B59274" s="1" t="s">
        <v>198531</v>
      </c>
      <c r="C59274" s="1" t="s">
        <v>30</v>
      </c>
      <c r="D59274" s="1" t="s">
        <v>199004</v>
      </c>
      <c r="E59274" s="1" t="s">
        <v>68410</v>
      </c>
      <c r="F59274" s="1" t="s">
        <v>199005</v>
      </c>
      <c r="G59274" s="1" t="s">
        <v>198995</v>
      </c>
      <c r="H59274" s="1" t="s">
        <v>198996</v>
      </c>
      <c r="I59274" s="1" t="s">
        <v>198537</v>
      </c>
      <c r="J59274" s="1" t="s">
        <v>199006</v>
      </c>
    </row>
    <row r="59275" spans="1:10" x14ac:dyDescent="0.35">
      <c r="A59275" s="1" t="s">
        <v>27622</v>
      </c>
      <c r="B59275" s="1" t="s">
        <v>198531</v>
      </c>
      <c r="C59275" s="1" t="s">
        <v>35</v>
      </c>
      <c r="D59275" s="1" t="s">
        <v>199007</v>
      </c>
      <c r="E59275" s="1" t="s">
        <v>57621</v>
      </c>
      <c r="F59275" s="1" t="s">
        <v>162261</v>
      </c>
      <c r="G59275" s="1" t="s">
        <v>198995</v>
      </c>
      <c r="H59275" s="1" t="s">
        <v>198996</v>
      </c>
      <c r="I59275" s="1" t="s">
        <v>198537</v>
      </c>
      <c r="J59275" s="1" t="s">
        <v>199008</v>
      </c>
    </row>
    <row r="59276" spans="1:10" x14ac:dyDescent="0.35">
      <c r="A59276" s="1" t="s">
        <v>27622</v>
      </c>
      <c r="B59276" s="1" t="s">
        <v>198531</v>
      </c>
      <c r="C59276" s="1" t="s">
        <v>40</v>
      </c>
      <c r="D59276" s="1" t="s">
        <v>177686</v>
      </c>
      <c r="E59276" s="1" t="s">
        <v>54624</v>
      </c>
      <c r="F59276" s="1" t="s">
        <v>199009</v>
      </c>
      <c r="G59276" s="1" t="s">
        <v>198995</v>
      </c>
      <c r="H59276" s="1" t="s">
        <v>198996</v>
      </c>
      <c r="I59276" s="1" t="s">
        <v>198537</v>
      </c>
      <c r="J59276" s="1" t="s">
        <v>199010</v>
      </c>
    </row>
    <row r="59277" spans="1:10" x14ac:dyDescent="0.35">
      <c r="A59277" s="1" t="s">
        <v>27622</v>
      </c>
      <c r="B59277" s="1" t="s">
        <v>198531</v>
      </c>
      <c r="C59277" s="1" t="s">
        <v>45</v>
      </c>
      <c r="D59277" s="1" t="s">
        <v>199011</v>
      </c>
      <c r="E59277" s="1" t="s">
        <v>64260</v>
      </c>
      <c r="F59277" s="1" t="s">
        <v>26648</v>
      </c>
      <c r="G59277" s="1" t="s">
        <v>198995</v>
      </c>
      <c r="H59277" s="1" t="s">
        <v>198996</v>
      </c>
      <c r="I59277" s="1" t="s">
        <v>198537</v>
      </c>
      <c r="J59277" s="1" t="s">
        <v>199012</v>
      </c>
    </row>
    <row r="59278" spans="1:10" x14ac:dyDescent="0.35">
      <c r="A59278" s="1" t="s">
        <v>27622</v>
      </c>
      <c r="B59278" s="1" t="s">
        <v>198531</v>
      </c>
      <c r="C59278" s="1" t="s">
        <v>50</v>
      </c>
      <c r="D59278" s="1" t="s">
        <v>199013</v>
      </c>
      <c r="E59278" s="1" t="s">
        <v>62764</v>
      </c>
      <c r="F59278" s="1" t="s">
        <v>199014</v>
      </c>
      <c r="G59278" s="1" t="s">
        <v>198995</v>
      </c>
      <c r="H59278" s="1" t="s">
        <v>198996</v>
      </c>
      <c r="I59278" s="1" t="s">
        <v>198537</v>
      </c>
      <c r="J59278" s="1" t="s">
        <v>199015</v>
      </c>
    </row>
    <row r="59279" spans="1:10" x14ac:dyDescent="0.35">
      <c r="A59279" s="1" t="s">
        <v>27622</v>
      </c>
      <c r="B59279" s="1" t="s">
        <v>198531</v>
      </c>
      <c r="C59279" s="1" t="s">
        <v>55</v>
      </c>
      <c r="D59279" s="1" t="s">
        <v>154747</v>
      </c>
      <c r="E59279" s="1" t="s">
        <v>15857</v>
      </c>
      <c r="F59279" s="1" t="s">
        <v>199016</v>
      </c>
      <c r="G59279" s="1" t="s">
        <v>198995</v>
      </c>
      <c r="H59279" s="1" t="s">
        <v>198996</v>
      </c>
      <c r="I59279" s="1" t="s">
        <v>198537</v>
      </c>
      <c r="J59279" s="1" t="s">
        <v>199017</v>
      </c>
    </row>
    <row r="59280" spans="1:10" x14ac:dyDescent="0.35">
      <c r="A59280" s="1" t="s">
        <v>27622</v>
      </c>
      <c r="B59280" s="1" t="s">
        <v>198531</v>
      </c>
      <c r="C59280" s="1" t="s">
        <v>60</v>
      </c>
      <c r="D59280" s="1" t="s">
        <v>166386</v>
      </c>
      <c r="E59280" s="1" t="s">
        <v>31514</v>
      </c>
      <c r="F59280" s="1" t="s">
        <v>199018</v>
      </c>
      <c r="G59280" s="1" t="s">
        <v>198995</v>
      </c>
      <c r="H59280" s="1" t="s">
        <v>198996</v>
      </c>
      <c r="I59280" s="1" t="s">
        <v>198537</v>
      </c>
      <c r="J59280" s="1" t="s">
        <v>199019</v>
      </c>
    </row>
    <row r="59281" spans="1:10" x14ac:dyDescent="0.35">
      <c r="A59281" s="1" t="s">
        <v>27622</v>
      </c>
      <c r="B59281" s="1" t="s">
        <v>198531</v>
      </c>
      <c r="C59281" s="1" t="s">
        <v>65</v>
      </c>
      <c r="D59281" s="1" t="s">
        <v>106860</v>
      </c>
      <c r="E59281" s="1" t="s">
        <v>15353</v>
      </c>
      <c r="F59281" s="1" t="s">
        <v>53802</v>
      </c>
      <c r="G59281" s="1" t="s">
        <v>198995</v>
      </c>
      <c r="H59281" s="1" t="s">
        <v>198996</v>
      </c>
      <c r="I59281" s="1" t="s">
        <v>198537</v>
      </c>
      <c r="J59281" s="1" t="s">
        <v>199020</v>
      </c>
    </row>
    <row r="59282" spans="1:10" x14ac:dyDescent="0.35">
      <c r="A59282" s="1" t="s">
        <v>27622</v>
      </c>
      <c r="B59282" s="1" t="s">
        <v>198531</v>
      </c>
      <c r="C59282" s="1" t="s">
        <v>70</v>
      </c>
      <c r="D59282" s="1" t="s">
        <v>199021</v>
      </c>
      <c r="E59282" s="1" t="s">
        <v>199022</v>
      </c>
      <c r="F59282" s="1" t="s">
        <v>199023</v>
      </c>
      <c r="G59282" s="1" t="s">
        <v>198995</v>
      </c>
      <c r="H59282" s="1" t="s">
        <v>198996</v>
      </c>
      <c r="I59282" s="1" t="s">
        <v>198537</v>
      </c>
      <c r="J59282" s="1" t="s">
        <v>199024</v>
      </c>
    </row>
    <row r="59283" spans="1:10" x14ac:dyDescent="0.35">
      <c r="A59283" s="1" t="s">
        <v>27622</v>
      </c>
      <c r="B59283" s="1" t="s">
        <v>198531</v>
      </c>
      <c r="C59283" s="1" t="s">
        <v>75</v>
      </c>
      <c r="D59283" s="1" t="s">
        <v>63667</v>
      </c>
      <c r="E59283" s="1" t="s">
        <v>57713</v>
      </c>
      <c r="F59283" s="1" t="s">
        <v>199025</v>
      </c>
      <c r="G59283" s="1" t="s">
        <v>198995</v>
      </c>
      <c r="H59283" s="1" t="s">
        <v>198996</v>
      </c>
      <c r="I59283" s="1" t="s">
        <v>198537</v>
      </c>
      <c r="J59283" s="1" t="s">
        <v>199026</v>
      </c>
    </row>
    <row r="59284" spans="1:10" x14ac:dyDescent="0.35">
      <c r="A59284" s="1" t="s">
        <v>27622</v>
      </c>
      <c r="B59284" s="1" t="s">
        <v>198531</v>
      </c>
      <c r="C59284" s="1" t="s">
        <v>80</v>
      </c>
      <c r="D59284" s="1" t="s">
        <v>139789</v>
      </c>
      <c r="E59284" s="1" t="s">
        <v>63480</v>
      </c>
      <c r="F59284" s="1" t="s">
        <v>69421</v>
      </c>
      <c r="G59284" s="1" t="s">
        <v>198995</v>
      </c>
      <c r="H59284" s="1" t="s">
        <v>198996</v>
      </c>
      <c r="I59284" s="1" t="s">
        <v>198537</v>
      </c>
      <c r="J59284" s="1" t="s">
        <v>199027</v>
      </c>
    </row>
    <row r="59285" spans="1:10" x14ac:dyDescent="0.35">
      <c r="A59285" s="1" t="s">
        <v>27622</v>
      </c>
      <c r="B59285" s="1" t="s">
        <v>198531</v>
      </c>
      <c r="C59285" s="1" t="s">
        <v>85</v>
      </c>
      <c r="D59285" s="1" t="s">
        <v>80819</v>
      </c>
      <c r="E59285" s="1" t="s">
        <v>56082</v>
      </c>
      <c r="F59285" s="1" t="s">
        <v>199028</v>
      </c>
      <c r="G59285" s="1" t="s">
        <v>198995</v>
      </c>
      <c r="H59285" s="1" t="s">
        <v>198996</v>
      </c>
      <c r="I59285" s="1" t="s">
        <v>198537</v>
      </c>
      <c r="J59285" s="1" t="s">
        <v>199029</v>
      </c>
    </row>
    <row r="59286" spans="1:10" x14ac:dyDescent="0.35">
      <c r="A59286" s="1" t="s">
        <v>27622</v>
      </c>
      <c r="B59286" s="1" t="s">
        <v>198531</v>
      </c>
      <c r="C59286" s="1" t="s">
        <v>90</v>
      </c>
      <c r="D59286" s="1" t="s">
        <v>141870</v>
      </c>
      <c r="E59286" s="1" t="s">
        <v>26625</v>
      </c>
      <c r="F59286" s="1" t="s">
        <v>199030</v>
      </c>
      <c r="G59286" s="1" t="s">
        <v>198995</v>
      </c>
      <c r="H59286" s="1" t="s">
        <v>198996</v>
      </c>
      <c r="I59286" s="1" t="s">
        <v>198537</v>
      </c>
      <c r="J59286" s="1" t="s">
        <v>199031</v>
      </c>
    </row>
    <row r="59287" spans="1:10" x14ac:dyDescent="0.35">
      <c r="A59287" s="1" t="s">
        <v>27622</v>
      </c>
      <c r="B59287" s="1" t="s">
        <v>198531</v>
      </c>
      <c r="C59287" s="1" t="s">
        <v>95</v>
      </c>
      <c r="D59287" s="1" t="s">
        <v>199032</v>
      </c>
      <c r="E59287" s="1" t="s">
        <v>26210</v>
      </c>
      <c r="F59287" s="1" t="s">
        <v>69477</v>
      </c>
      <c r="G59287" s="1" t="s">
        <v>198995</v>
      </c>
      <c r="H59287" s="1" t="s">
        <v>198996</v>
      </c>
      <c r="I59287" s="1" t="s">
        <v>198537</v>
      </c>
      <c r="J59287" s="1" t="s">
        <v>199033</v>
      </c>
    </row>
    <row r="59288" spans="1:10" x14ac:dyDescent="0.35">
      <c r="A59288" s="1" t="s">
        <v>27622</v>
      </c>
      <c r="B59288" s="1" t="s">
        <v>198531</v>
      </c>
      <c r="C59288" s="1" t="s">
        <v>100</v>
      </c>
      <c r="D59288" s="1" t="s">
        <v>199034</v>
      </c>
      <c r="E59288" s="1" t="s">
        <v>32090</v>
      </c>
      <c r="F59288" s="1" t="s">
        <v>65663</v>
      </c>
      <c r="G59288" s="1" t="s">
        <v>198995</v>
      </c>
      <c r="H59288" s="1" t="s">
        <v>198996</v>
      </c>
      <c r="I59288" s="1" t="s">
        <v>198537</v>
      </c>
      <c r="J59288" s="1" t="s">
        <v>199035</v>
      </c>
    </row>
    <row r="59289" spans="1:10" x14ac:dyDescent="0.35">
      <c r="A59289" s="1" t="s">
        <v>27622</v>
      </c>
      <c r="B59289" s="1" t="s">
        <v>198531</v>
      </c>
      <c r="C59289" s="1" t="s">
        <v>105</v>
      </c>
      <c r="D59289" s="1" t="s">
        <v>89500</v>
      </c>
      <c r="E59289" s="1" t="s">
        <v>56849</v>
      </c>
      <c r="F59289" s="1" t="s">
        <v>53853</v>
      </c>
      <c r="G59289" s="1" t="s">
        <v>198995</v>
      </c>
      <c r="H59289" s="1" t="s">
        <v>198996</v>
      </c>
      <c r="I59289" s="1" t="s">
        <v>198537</v>
      </c>
      <c r="J59289" s="1" t="s">
        <v>199036</v>
      </c>
    </row>
    <row r="59290" spans="1:10" x14ac:dyDescent="0.35">
      <c r="A59290" s="1" t="s">
        <v>27622</v>
      </c>
      <c r="B59290" s="1" t="s">
        <v>198531</v>
      </c>
      <c r="C59290" s="1" t="s">
        <v>110</v>
      </c>
      <c r="D59290" s="1" t="s">
        <v>66743</v>
      </c>
      <c r="E59290" s="1" t="s">
        <v>59323</v>
      </c>
      <c r="F59290" s="1" t="s">
        <v>199037</v>
      </c>
      <c r="G59290" s="1" t="s">
        <v>198995</v>
      </c>
      <c r="H59290" s="1" t="s">
        <v>198996</v>
      </c>
      <c r="I59290" s="1" t="s">
        <v>198537</v>
      </c>
      <c r="J59290" s="1" t="s">
        <v>199038</v>
      </c>
    </row>
    <row r="59291" spans="1:10" x14ac:dyDescent="0.35">
      <c r="A59291" s="1" t="s">
        <v>27622</v>
      </c>
      <c r="B59291" s="1" t="s">
        <v>198531</v>
      </c>
      <c r="C59291" s="1" t="s">
        <v>115</v>
      </c>
      <c r="D59291" s="1" t="s">
        <v>199039</v>
      </c>
      <c r="E59291" s="1" t="s">
        <v>26210</v>
      </c>
      <c r="F59291" s="1" t="s">
        <v>173971</v>
      </c>
      <c r="G59291" s="1" t="s">
        <v>198995</v>
      </c>
      <c r="H59291" s="1" t="s">
        <v>198996</v>
      </c>
      <c r="I59291" s="1" t="s">
        <v>198537</v>
      </c>
      <c r="J59291" s="1" t="s">
        <v>199040</v>
      </c>
    </row>
    <row r="59292" spans="1:10" x14ac:dyDescent="0.35">
      <c r="A59292" s="1" t="s">
        <v>27622</v>
      </c>
      <c r="B59292" s="1" t="s">
        <v>198531</v>
      </c>
      <c r="C59292" s="1" t="s">
        <v>120</v>
      </c>
      <c r="D59292" s="1" t="s">
        <v>199041</v>
      </c>
      <c r="E59292" s="1" t="s">
        <v>15889</v>
      </c>
      <c r="F59292" s="1" t="s">
        <v>199042</v>
      </c>
      <c r="G59292" s="1" t="s">
        <v>198995</v>
      </c>
      <c r="H59292" s="1" t="s">
        <v>198996</v>
      </c>
      <c r="I59292" s="1" t="s">
        <v>198537</v>
      </c>
      <c r="J59292" s="1" t="s">
        <v>199043</v>
      </c>
    </row>
    <row r="59293" spans="1:10" x14ac:dyDescent="0.35">
      <c r="A59293" s="1" t="s">
        <v>27622</v>
      </c>
      <c r="B59293" s="1" t="s">
        <v>198531</v>
      </c>
      <c r="C59293" s="1" t="s">
        <v>125</v>
      </c>
      <c r="D59293" s="1" t="s">
        <v>59309</v>
      </c>
      <c r="E59293" s="1" t="s">
        <v>64743</v>
      </c>
      <c r="F59293" s="1" t="s">
        <v>199044</v>
      </c>
      <c r="G59293" s="1" t="s">
        <v>198995</v>
      </c>
      <c r="H59293" s="1" t="s">
        <v>198996</v>
      </c>
      <c r="I59293" s="1" t="s">
        <v>198537</v>
      </c>
      <c r="J59293" s="1" t="s">
        <v>199045</v>
      </c>
    </row>
    <row r="59294" spans="1:10" x14ac:dyDescent="0.35">
      <c r="A59294" s="1" t="s">
        <v>27622</v>
      </c>
      <c r="B59294" s="1" t="s">
        <v>198531</v>
      </c>
      <c r="C59294" s="1" t="s">
        <v>130</v>
      </c>
      <c r="D59294" s="1" t="s">
        <v>103123</v>
      </c>
      <c r="E59294" s="1" t="s">
        <v>100272</v>
      </c>
      <c r="F59294" s="1" t="s">
        <v>131408</v>
      </c>
      <c r="G59294" s="1" t="s">
        <v>198995</v>
      </c>
      <c r="H59294" s="1" t="s">
        <v>198996</v>
      </c>
      <c r="I59294" s="1" t="s">
        <v>198537</v>
      </c>
      <c r="J59294" s="1" t="s">
        <v>199046</v>
      </c>
    </row>
    <row r="59295" spans="1:10" x14ac:dyDescent="0.35">
      <c r="A59295" s="1" t="s">
        <v>27622</v>
      </c>
      <c r="B59295" s="1" t="s">
        <v>198531</v>
      </c>
      <c r="C59295" s="1" t="s">
        <v>135</v>
      </c>
      <c r="D59295" s="1" t="s">
        <v>61945</v>
      </c>
      <c r="E59295" s="1" t="s">
        <v>199047</v>
      </c>
      <c r="F59295" s="1" t="s">
        <v>199048</v>
      </c>
      <c r="G59295" s="1" t="s">
        <v>198995</v>
      </c>
      <c r="H59295" s="1" t="s">
        <v>198996</v>
      </c>
      <c r="I59295" s="1" t="s">
        <v>198537</v>
      </c>
      <c r="J59295" s="1" t="s">
        <v>199049</v>
      </c>
    </row>
    <row r="59296" spans="1:10" x14ac:dyDescent="0.35">
      <c r="A59296" s="1" t="s">
        <v>27622</v>
      </c>
      <c r="B59296" s="1" t="s">
        <v>198531</v>
      </c>
      <c r="C59296" s="1" t="s">
        <v>140</v>
      </c>
      <c r="D59296" s="1" t="s">
        <v>26400</v>
      </c>
      <c r="E59296" s="1" t="s">
        <v>56164</v>
      </c>
      <c r="F59296" s="1" t="s">
        <v>199050</v>
      </c>
      <c r="G59296" s="1" t="s">
        <v>198995</v>
      </c>
      <c r="H59296" s="1" t="s">
        <v>198996</v>
      </c>
      <c r="I59296" s="1" t="s">
        <v>198537</v>
      </c>
      <c r="J59296" s="1" t="s">
        <v>199051</v>
      </c>
    </row>
    <row r="59297" spans="1:10" x14ac:dyDescent="0.35">
      <c r="A59297" s="1" t="s">
        <v>27622</v>
      </c>
      <c r="B59297" s="1" t="s">
        <v>198531</v>
      </c>
      <c r="C59297" s="1" t="s">
        <v>145</v>
      </c>
      <c r="D59297" s="1" t="s">
        <v>56427</v>
      </c>
      <c r="E59297" s="1" t="s">
        <v>199052</v>
      </c>
      <c r="F59297" s="1" t="s">
        <v>199053</v>
      </c>
      <c r="G59297" s="1" t="s">
        <v>198995</v>
      </c>
      <c r="H59297" s="1" t="s">
        <v>198996</v>
      </c>
      <c r="I59297" s="1" t="s">
        <v>198537</v>
      </c>
      <c r="J59297" s="1" t="s">
        <v>199054</v>
      </c>
    </row>
    <row r="59298" spans="1:10" x14ac:dyDescent="0.35">
      <c r="A59298" s="1" t="s">
        <v>27622</v>
      </c>
      <c r="B59298" s="1" t="s">
        <v>198531</v>
      </c>
      <c r="C59298" s="1" t="s">
        <v>150</v>
      </c>
      <c r="D59298" s="1" t="s">
        <v>134323</v>
      </c>
      <c r="E59298" s="1" t="s">
        <v>15606</v>
      </c>
      <c r="F59298" s="1" t="s">
        <v>26630</v>
      </c>
      <c r="G59298" s="1" t="s">
        <v>198995</v>
      </c>
      <c r="H59298" s="1" t="s">
        <v>198996</v>
      </c>
      <c r="I59298" s="1" t="s">
        <v>198537</v>
      </c>
      <c r="J59298" s="1" t="s">
        <v>199055</v>
      </c>
    </row>
    <row r="59299" spans="1:10" x14ac:dyDescent="0.35">
      <c r="A59299" s="1" t="s">
        <v>27622</v>
      </c>
      <c r="B59299" s="1" t="s">
        <v>198531</v>
      </c>
      <c r="C59299" s="1" t="s">
        <v>155</v>
      </c>
      <c r="D59299" s="1" t="s">
        <v>199056</v>
      </c>
      <c r="E59299" s="1" t="s">
        <v>199057</v>
      </c>
      <c r="F59299" s="1" t="s">
        <v>199058</v>
      </c>
      <c r="G59299" s="1" t="s">
        <v>198995</v>
      </c>
      <c r="H59299" s="1" t="s">
        <v>198996</v>
      </c>
      <c r="I59299" s="1" t="s">
        <v>198537</v>
      </c>
      <c r="J59299" s="1" t="s">
        <v>199059</v>
      </c>
    </row>
    <row r="59300" spans="1:10" x14ac:dyDescent="0.35">
      <c r="A59300" s="1" t="s">
        <v>27622</v>
      </c>
      <c r="B59300" s="1" t="s">
        <v>198531</v>
      </c>
      <c r="C59300" s="1" t="s">
        <v>160</v>
      </c>
      <c r="D59300" s="1" t="s">
        <v>97541</v>
      </c>
      <c r="E59300" s="1" t="s">
        <v>26535</v>
      </c>
      <c r="F59300" s="1" t="s">
        <v>199060</v>
      </c>
      <c r="G59300" s="1" t="s">
        <v>198995</v>
      </c>
      <c r="H59300" s="1" t="s">
        <v>198996</v>
      </c>
      <c r="I59300" s="1" t="s">
        <v>198537</v>
      </c>
      <c r="J59300" s="1" t="s">
        <v>199061</v>
      </c>
    </row>
    <row r="59301" spans="1:10" x14ac:dyDescent="0.35">
      <c r="A59301" s="1" t="s">
        <v>27622</v>
      </c>
      <c r="B59301" s="1" t="s">
        <v>198531</v>
      </c>
      <c r="C59301" s="1" t="s">
        <v>165</v>
      </c>
      <c r="D59301" s="1" t="s">
        <v>199062</v>
      </c>
      <c r="E59301" s="1" t="s">
        <v>56560</v>
      </c>
      <c r="F59301" s="1" t="s">
        <v>94877</v>
      </c>
      <c r="G59301" s="1" t="s">
        <v>198995</v>
      </c>
      <c r="H59301" s="1" t="s">
        <v>198996</v>
      </c>
      <c r="I59301" s="1" t="s">
        <v>198537</v>
      </c>
      <c r="J59301" s="1" t="s">
        <v>199063</v>
      </c>
    </row>
    <row r="59302" spans="1:10" x14ac:dyDescent="0.35">
      <c r="A59302" s="1" t="s">
        <v>27622</v>
      </c>
      <c r="B59302" s="1" t="s">
        <v>198531</v>
      </c>
      <c r="C59302" s="1" t="s">
        <v>170</v>
      </c>
      <c r="D59302" s="1" t="s">
        <v>199064</v>
      </c>
      <c r="E59302" s="1" t="s">
        <v>19956</v>
      </c>
      <c r="F59302" s="1" t="s">
        <v>199065</v>
      </c>
      <c r="G59302" s="1" t="s">
        <v>198995</v>
      </c>
      <c r="H59302" s="1" t="s">
        <v>198996</v>
      </c>
      <c r="I59302" s="1" t="s">
        <v>198537</v>
      </c>
      <c r="J59302" s="1" t="s">
        <v>199066</v>
      </c>
    </row>
    <row r="59303" spans="1:10" x14ac:dyDescent="0.35">
      <c r="A59303" s="1" t="s">
        <v>110554</v>
      </c>
      <c r="B59303" s="1" t="s">
        <v>198531</v>
      </c>
      <c r="C59303" s="1" t="s">
        <v>8</v>
      </c>
      <c r="D59303" s="1" t="s">
        <v>106934</v>
      </c>
      <c r="E59303" s="1" t="s">
        <v>23417</v>
      </c>
      <c r="F59303" s="1" t="s">
        <v>155877</v>
      </c>
      <c r="G59303" s="1" t="s">
        <v>199067</v>
      </c>
      <c r="H59303" s="1" t="s">
        <v>199068</v>
      </c>
      <c r="I59303" s="1" t="s">
        <v>198537</v>
      </c>
      <c r="J59303" s="1" t="s">
        <v>13</v>
      </c>
    </row>
    <row r="59304" spans="1:10" x14ac:dyDescent="0.35">
      <c r="A59304" s="1" t="s">
        <v>110554</v>
      </c>
      <c r="B59304" s="1" t="s">
        <v>198531</v>
      </c>
      <c r="C59304" s="1" t="s">
        <v>15</v>
      </c>
      <c r="D59304" s="1" t="s">
        <v>6803</v>
      </c>
      <c r="E59304" s="1" t="s">
        <v>54383</v>
      </c>
      <c r="F59304" s="1" t="s">
        <v>199069</v>
      </c>
      <c r="G59304" s="1" t="s">
        <v>199067</v>
      </c>
      <c r="H59304" s="1" t="s">
        <v>199068</v>
      </c>
      <c r="I59304" s="1" t="s">
        <v>198537</v>
      </c>
      <c r="J59304" s="1" t="s">
        <v>199070</v>
      </c>
    </row>
    <row r="59305" spans="1:10" x14ac:dyDescent="0.35">
      <c r="A59305" s="1" t="s">
        <v>110554</v>
      </c>
      <c r="B59305" s="1" t="s">
        <v>198531</v>
      </c>
      <c r="C59305" s="1" t="s">
        <v>20</v>
      </c>
      <c r="D59305" s="1" t="s">
        <v>30439</v>
      </c>
      <c r="E59305" s="1" t="s">
        <v>15340</v>
      </c>
      <c r="F59305" s="1" t="s">
        <v>199071</v>
      </c>
      <c r="G59305" s="1" t="s">
        <v>199067</v>
      </c>
      <c r="H59305" s="1" t="s">
        <v>199068</v>
      </c>
      <c r="I59305" s="1" t="s">
        <v>198537</v>
      </c>
      <c r="J59305" s="1" t="s">
        <v>199072</v>
      </c>
    </row>
    <row r="59306" spans="1:10" x14ac:dyDescent="0.35">
      <c r="A59306" s="1" t="s">
        <v>110554</v>
      </c>
      <c r="B59306" s="1" t="s">
        <v>198531</v>
      </c>
      <c r="C59306" s="1" t="s">
        <v>25</v>
      </c>
      <c r="D59306" s="1" t="s">
        <v>109018</v>
      </c>
      <c r="E59306" s="1" t="s">
        <v>54046</v>
      </c>
      <c r="F59306" s="1" t="s">
        <v>199073</v>
      </c>
      <c r="G59306" s="1" t="s">
        <v>199067</v>
      </c>
      <c r="H59306" s="1" t="s">
        <v>199068</v>
      </c>
      <c r="I59306" s="1" t="s">
        <v>198537</v>
      </c>
      <c r="J59306" s="1" t="s">
        <v>199074</v>
      </c>
    </row>
    <row r="59307" spans="1:10" x14ac:dyDescent="0.35">
      <c r="A59307" s="1" t="s">
        <v>110554</v>
      </c>
      <c r="B59307" s="1" t="s">
        <v>198531</v>
      </c>
      <c r="C59307" s="1" t="s">
        <v>30</v>
      </c>
      <c r="D59307" s="1" t="s">
        <v>199075</v>
      </c>
      <c r="E59307" s="1" t="s">
        <v>24213</v>
      </c>
      <c r="F59307" s="1" t="s">
        <v>199076</v>
      </c>
      <c r="G59307" s="1" t="s">
        <v>199067</v>
      </c>
      <c r="H59307" s="1" t="s">
        <v>199068</v>
      </c>
      <c r="I59307" s="1" t="s">
        <v>198537</v>
      </c>
      <c r="J59307" s="1" t="s">
        <v>199077</v>
      </c>
    </row>
    <row r="59308" spans="1:10" x14ac:dyDescent="0.35">
      <c r="A59308" s="1" t="s">
        <v>110554</v>
      </c>
      <c r="B59308" s="1" t="s">
        <v>198531</v>
      </c>
      <c r="C59308" s="1" t="s">
        <v>35</v>
      </c>
      <c r="D59308" s="1" t="s">
        <v>199078</v>
      </c>
      <c r="E59308" s="1" t="s">
        <v>56956</v>
      </c>
      <c r="F59308" s="1" t="s">
        <v>199079</v>
      </c>
      <c r="G59308" s="1" t="s">
        <v>199067</v>
      </c>
      <c r="H59308" s="1" t="s">
        <v>199068</v>
      </c>
      <c r="I59308" s="1" t="s">
        <v>198537</v>
      </c>
      <c r="J59308" s="1" t="s">
        <v>198845</v>
      </c>
    </row>
    <row r="59309" spans="1:10" x14ac:dyDescent="0.35">
      <c r="A59309" s="1" t="s">
        <v>110554</v>
      </c>
      <c r="B59309" s="1" t="s">
        <v>198531</v>
      </c>
      <c r="C59309" s="1" t="s">
        <v>40</v>
      </c>
      <c r="D59309" s="1" t="s">
        <v>100217</v>
      </c>
      <c r="E59309" s="1" t="s">
        <v>23083</v>
      </c>
      <c r="F59309" s="1" t="s">
        <v>199080</v>
      </c>
      <c r="G59309" s="1" t="s">
        <v>199067</v>
      </c>
      <c r="H59309" s="1" t="s">
        <v>199068</v>
      </c>
      <c r="I59309" s="1" t="s">
        <v>198537</v>
      </c>
      <c r="J59309" s="1" t="s">
        <v>72669</v>
      </c>
    </row>
    <row r="59310" spans="1:10" x14ac:dyDescent="0.35">
      <c r="A59310" s="1" t="s">
        <v>110554</v>
      </c>
      <c r="B59310" s="1" t="s">
        <v>198531</v>
      </c>
      <c r="C59310" s="1" t="s">
        <v>45</v>
      </c>
      <c r="D59310" s="1" t="s">
        <v>199081</v>
      </c>
      <c r="E59310" s="1" t="s">
        <v>53834</v>
      </c>
      <c r="F59310" s="1" t="s">
        <v>199082</v>
      </c>
      <c r="G59310" s="1" t="s">
        <v>199067</v>
      </c>
      <c r="H59310" s="1" t="s">
        <v>199068</v>
      </c>
      <c r="I59310" s="1" t="s">
        <v>198537</v>
      </c>
      <c r="J59310" s="1" t="s">
        <v>199083</v>
      </c>
    </row>
    <row r="59311" spans="1:10" x14ac:dyDescent="0.35">
      <c r="A59311" s="1" t="s">
        <v>110554</v>
      </c>
      <c r="B59311" s="1" t="s">
        <v>198531</v>
      </c>
      <c r="C59311" s="1" t="s">
        <v>50</v>
      </c>
      <c r="D59311" s="1" t="s">
        <v>108557</v>
      </c>
      <c r="E59311" s="1" t="s">
        <v>54095</v>
      </c>
      <c r="F59311" s="1" t="s">
        <v>199084</v>
      </c>
      <c r="G59311" s="1" t="s">
        <v>199067</v>
      </c>
      <c r="H59311" s="1" t="s">
        <v>199068</v>
      </c>
      <c r="I59311" s="1" t="s">
        <v>198537</v>
      </c>
      <c r="J59311" s="1" t="s">
        <v>199085</v>
      </c>
    </row>
    <row r="59312" spans="1:10" x14ac:dyDescent="0.35">
      <c r="A59312" s="1" t="s">
        <v>110554</v>
      </c>
      <c r="B59312" s="1" t="s">
        <v>198531</v>
      </c>
      <c r="C59312" s="1" t="s">
        <v>55</v>
      </c>
      <c r="D59312" s="1" t="s">
        <v>182944</v>
      </c>
      <c r="E59312" s="1" t="s">
        <v>54095</v>
      </c>
      <c r="F59312" s="1" t="s">
        <v>100726</v>
      </c>
      <c r="G59312" s="1" t="s">
        <v>199067</v>
      </c>
      <c r="H59312" s="1" t="s">
        <v>199068</v>
      </c>
      <c r="I59312" s="1" t="s">
        <v>198537</v>
      </c>
      <c r="J59312" s="1" t="s">
        <v>198670</v>
      </c>
    </row>
    <row r="59313" spans="1:10" x14ac:dyDescent="0.35">
      <c r="A59313" s="1" t="s">
        <v>110554</v>
      </c>
      <c r="B59313" s="1" t="s">
        <v>198531</v>
      </c>
      <c r="C59313" s="1" t="s">
        <v>60</v>
      </c>
      <c r="D59313" s="1" t="s">
        <v>19467</v>
      </c>
      <c r="E59313" s="1" t="s">
        <v>31441</v>
      </c>
      <c r="F59313" s="1" t="s">
        <v>199086</v>
      </c>
      <c r="G59313" s="1" t="s">
        <v>199067</v>
      </c>
      <c r="H59313" s="1" t="s">
        <v>199068</v>
      </c>
      <c r="I59313" s="1" t="s">
        <v>198537</v>
      </c>
      <c r="J59313" s="1" t="s">
        <v>199087</v>
      </c>
    </row>
    <row r="59314" spans="1:10" x14ac:dyDescent="0.35">
      <c r="A59314" s="1" t="s">
        <v>110554</v>
      </c>
      <c r="B59314" s="1" t="s">
        <v>198531</v>
      </c>
      <c r="C59314" s="1" t="s">
        <v>65</v>
      </c>
      <c r="D59314" s="1" t="s">
        <v>199088</v>
      </c>
      <c r="E59314" s="1" t="s">
        <v>23168</v>
      </c>
      <c r="F59314" s="1" t="s">
        <v>54453</v>
      </c>
      <c r="G59314" s="1" t="s">
        <v>199067</v>
      </c>
      <c r="H59314" s="1" t="s">
        <v>199068</v>
      </c>
      <c r="I59314" s="1" t="s">
        <v>198537</v>
      </c>
      <c r="J59314" s="1" t="s">
        <v>199089</v>
      </c>
    </row>
    <row r="59315" spans="1:10" x14ac:dyDescent="0.35">
      <c r="A59315" s="1" t="s">
        <v>110554</v>
      </c>
      <c r="B59315" s="1" t="s">
        <v>198531</v>
      </c>
      <c r="C59315" s="1" t="s">
        <v>70</v>
      </c>
      <c r="D59315" s="1" t="s">
        <v>68752</v>
      </c>
      <c r="E59315" s="1" t="s">
        <v>12813</v>
      </c>
      <c r="F59315" s="1" t="s">
        <v>199090</v>
      </c>
      <c r="G59315" s="1" t="s">
        <v>199067</v>
      </c>
      <c r="H59315" s="1" t="s">
        <v>199068</v>
      </c>
      <c r="I59315" s="1" t="s">
        <v>198537</v>
      </c>
      <c r="J59315" s="1" t="s">
        <v>199091</v>
      </c>
    </row>
    <row r="59316" spans="1:10" x14ac:dyDescent="0.35">
      <c r="A59316" s="1" t="s">
        <v>110554</v>
      </c>
      <c r="B59316" s="1" t="s">
        <v>198531</v>
      </c>
      <c r="C59316" s="1" t="s">
        <v>75</v>
      </c>
      <c r="D59316" s="1" t="s">
        <v>94694</v>
      </c>
      <c r="E59316" s="1" t="s">
        <v>60418</v>
      </c>
      <c r="F59316" s="1" t="s">
        <v>199092</v>
      </c>
      <c r="G59316" s="1" t="s">
        <v>199067</v>
      </c>
      <c r="H59316" s="1" t="s">
        <v>199068</v>
      </c>
      <c r="I59316" s="1" t="s">
        <v>198537</v>
      </c>
      <c r="J59316" s="1" t="s">
        <v>199093</v>
      </c>
    </row>
    <row r="59317" spans="1:10" x14ac:dyDescent="0.35">
      <c r="A59317" s="1" t="s">
        <v>110554</v>
      </c>
      <c r="B59317" s="1" t="s">
        <v>198531</v>
      </c>
      <c r="C59317" s="1" t="s">
        <v>80</v>
      </c>
      <c r="D59317" s="1" t="s">
        <v>152108</v>
      </c>
      <c r="E59317" s="1" t="s">
        <v>31401</v>
      </c>
      <c r="F59317" s="1" t="s">
        <v>199094</v>
      </c>
      <c r="G59317" s="1" t="s">
        <v>199067</v>
      </c>
      <c r="H59317" s="1" t="s">
        <v>199068</v>
      </c>
      <c r="I59317" s="1" t="s">
        <v>198537</v>
      </c>
      <c r="J59317" s="1" t="s">
        <v>199095</v>
      </c>
    </row>
    <row r="59318" spans="1:10" x14ac:dyDescent="0.35">
      <c r="A59318" s="1" t="s">
        <v>110554</v>
      </c>
      <c r="B59318" s="1" t="s">
        <v>198531</v>
      </c>
      <c r="C59318" s="1" t="s">
        <v>85</v>
      </c>
      <c r="D59318" s="1" t="s">
        <v>108697</v>
      </c>
      <c r="E59318" s="1" t="s">
        <v>103066</v>
      </c>
      <c r="F59318" s="1" t="s">
        <v>199096</v>
      </c>
      <c r="G59318" s="1" t="s">
        <v>199067</v>
      </c>
      <c r="H59318" s="1" t="s">
        <v>199068</v>
      </c>
      <c r="I59318" s="1" t="s">
        <v>198537</v>
      </c>
      <c r="J59318" s="1" t="s">
        <v>199097</v>
      </c>
    </row>
    <row r="59319" spans="1:10" x14ac:dyDescent="0.35">
      <c r="A59319" s="1" t="s">
        <v>110554</v>
      </c>
      <c r="B59319" s="1" t="s">
        <v>198531</v>
      </c>
      <c r="C59319" s="1" t="s">
        <v>90</v>
      </c>
      <c r="D59319" s="1" t="s">
        <v>199098</v>
      </c>
      <c r="E59319" s="1" t="s">
        <v>23248</v>
      </c>
      <c r="F59319" s="1" t="s">
        <v>199099</v>
      </c>
      <c r="G59319" s="1" t="s">
        <v>199067</v>
      </c>
      <c r="H59319" s="1" t="s">
        <v>199068</v>
      </c>
      <c r="I59319" s="1" t="s">
        <v>198537</v>
      </c>
      <c r="J59319" s="1" t="s">
        <v>199100</v>
      </c>
    </row>
    <row r="59320" spans="1:10" x14ac:dyDescent="0.35">
      <c r="A59320" s="1" t="s">
        <v>110554</v>
      </c>
      <c r="B59320" s="1" t="s">
        <v>198531</v>
      </c>
      <c r="C59320" s="1" t="s">
        <v>95</v>
      </c>
      <c r="D59320" s="1" t="s">
        <v>57911</v>
      </c>
      <c r="E59320" s="1" t="s">
        <v>56097</v>
      </c>
      <c r="F59320" s="1" t="s">
        <v>199101</v>
      </c>
      <c r="G59320" s="1" t="s">
        <v>199067</v>
      </c>
      <c r="H59320" s="1" t="s">
        <v>199068</v>
      </c>
      <c r="I59320" s="1" t="s">
        <v>198537</v>
      </c>
      <c r="J59320" s="1" t="s">
        <v>199102</v>
      </c>
    </row>
    <row r="59321" spans="1:10" x14ac:dyDescent="0.35">
      <c r="A59321" s="1" t="s">
        <v>110554</v>
      </c>
      <c r="B59321" s="1" t="s">
        <v>198531</v>
      </c>
      <c r="C59321" s="1" t="s">
        <v>100</v>
      </c>
      <c r="D59321" s="1" t="s">
        <v>199103</v>
      </c>
      <c r="E59321" s="1" t="s">
        <v>23202</v>
      </c>
      <c r="F59321" s="1" t="s">
        <v>199104</v>
      </c>
      <c r="G59321" s="1" t="s">
        <v>199067</v>
      </c>
      <c r="H59321" s="1" t="s">
        <v>199068</v>
      </c>
      <c r="I59321" s="1" t="s">
        <v>198537</v>
      </c>
      <c r="J59321" s="1" t="s">
        <v>199105</v>
      </c>
    </row>
    <row r="59322" spans="1:10" x14ac:dyDescent="0.35">
      <c r="A59322" s="1" t="s">
        <v>110554</v>
      </c>
      <c r="B59322" s="1" t="s">
        <v>198531</v>
      </c>
      <c r="C59322" s="1" t="s">
        <v>105</v>
      </c>
      <c r="D59322" s="1" t="s">
        <v>50897</v>
      </c>
      <c r="E59322" s="1" t="s">
        <v>54013</v>
      </c>
      <c r="F59322" s="1" t="s">
        <v>199106</v>
      </c>
      <c r="G59322" s="1" t="s">
        <v>199067</v>
      </c>
      <c r="H59322" s="1" t="s">
        <v>199068</v>
      </c>
      <c r="I59322" s="1" t="s">
        <v>198537</v>
      </c>
      <c r="J59322" s="1" t="s">
        <v>199107</v>
      </c>
    </row>
    <row r="59323" spans="1:10" x14ac:dyDescent="0.35">
      <c r="A59323" s="1" t="s">
        <v>110554</v>
      </c>
      <c r="B59323" s="1" t="s">
        <v>198531</v>
      </c>
      <c r="C59323" s="1" t="s">
        <v>110</v>
      </c>
      <c r="D59323" s="1" t="s">
        <v>57902</v>
      </c>
      <c r="E59323" s="1" t="s">
        <v>54624</v>
      </c>
      <c r="F59323" s="1" t="s">
        <v>199108</v>
      </c>
      <c r="G59323" s="1" t="s">
        <v>199067</v>
      </c>
      <c r="H59323" s="1" t="s">
        <v>199068</v>
      </c>
      <c r="I59323" s="1" t="s">
        <v>198537</v>
      </c>
      <c r="J59323" s="1" t="s">
        <v>199109</v>
      </c>
    </row>
    <row r="59324" spans="1:10" x14ac:dyDescent="0.35">
      <c r="A59324" s="1" t="s">
        <v>110554</v>
      </c>
      <c r="B59324" s="1" t="s">
        <v>198531</v>
      </c>
      <c r="C59324" s="1" t="s">
        <v>115</v>
      </c>
      <c r="D59324" s="1" t="s">
        <v>108193</v>
      </c>
      <c r="E59324" s="1" t="s">
        <v>56043</v>
      </c>
      <c r="F59324" s="1" t="s">
        <v>199110</v>
      </c>
      <c r="G59324" s="1" t="s">
        <v>199067</v>
      </c>
      <c r="H59324" s="1" t="s">
        <v>199068</v>
      </c>
      <c r="I59324" s="1" t="s">
        <v>198537</v>
      </c>
      <c r="J59324" s="1" t="s">
        <v>199111</v>
      </c>
    </row>
    <row r="59325" spans="1:10" x14ac:dyDescent="0.35">
      <c r="A59325" s="1" t="s">
        <v>110554</v>
      </c>
      <c r="B59325" s="1" t="s">
        <v>198531</v>
      </c>
      <c r="C59325" s="1" t="s">
        <v>120</v>
      </c>
      <c r="D59325" s="1" t="s">
        <v>101482</v>
      </c>
      <c r="E59325" s="1" t="s">
        <v>32359</v>
      </c>
      <c r="F59325" s="1" t="s">
        <v>199112</v>
      </c>
      <c r="G59325" s="1" t="s">
        <v>199067</v>
      </c>
      <c r="H59325" s="1" t="s">
        <v>199068</v>
      </c>
      <c r="I59325" s="1" t="s">
        <v>198537</v>
      </c>
      <c r="J59325" s="1" t="s">
        <v>199113</v>
      </c>
    </row>
    <row r="59326" spans="1:10" x14ac:dyDescent="0.35">
      <c r="A59326" s="1" t="s">
        <v>110554</v>
      </c>
      <c r="B59326" s="1" t="s">
        <v>198531</v>
      </c>
      <c r="C59326" s="1" t="s">
        <v>125</v>
      </c>
      <c r="D59326" s="1" t="s">
        <v>52495</v>
      </c>
      <c r="E59326" s="1" t="s">
        <v>54783</v>
      </c>
      <c r="F59326" s="1" t="s">
        <v>76357</v>
      </c>
      <c r="G59326" s="1" t="s">
        <v>199067</v>
      </c>
      <c r="H59326" s="1" t="s">
        <v>199068</v>
      </c>
      <c r="I59326" s="1" t="s">
        <v>198537</v>
      </c>
      <c r="J59326" s="1" t="s">
        <v>199114</v>
      </c>
    </row>
    <row r="59327" spans="1:10" x14ac:dyDescent="0.35">
      <c r="A59327" s="1" t="s">
        <v>110554</v>
      </c>
      <c r="B59327" s="1" t="s">
        <v>198531</v>
      </c>
      <c r="C59327" s="1" t="s">
        <v>130</v>
      </c>
      <c r="D59327" s="1" t="s">
        <v>199115</v>
      </c>
      <c r="E59327" s="1" t="s">
        <v>23468</v>
      </c>
      <c r="F59327" s="1" t="s">
        <v>199116</v>
      </c>
      <c r="G59327" s="1" t="s">
        <v>199067</v>
      </c>
      <c r="H59327" s="1" t="s">
        <v>199068</v>
      </c>
      <c r="I59327" s="1" t="s">
        <v>198537</v>
      </c>
      <c r="J59327" s="1" t="s">
        <v>199117</v>
      </c>
    </row>
    <row r="59328" spans="1:10" x14ac:dyDescent="0.35">
      <c r="A59328" s="1" t="s">
        <v>110554</v>
      </c>
      <c r="B59328" s="1" t="s">
        <v>198531</v>
      </c>
      <c r="C59328" s="1" t="s">
        <v>135</v>
      </c>
      <c r="D59328" s="1" t="s">
        <v>199118</v>
      </c>
      <c r="E59328" s="1" t="s">
        <v>26618</v>
      </c>
      <c r="F59328" s="1" t="s">
        <v>199119</v>
      </c>
      <c r="G59328" s="1" t="s">
        <v>199067</v>
      </c>
      <c r="H59328" s="1" t="s">
        <v>199068</v>
      </c>
      <c r="I59328" s="1" t="s">
        <v>198537</v>
      </c>
      <c r="J59328" s="1" t="s">
        <v>199120</v>
      </c>
    </row>
    <row r="59329" spans="1:10" x14ac:dyDescent="0.35">
      <c r="A59329" s="1" t="s">
        <v>110554</v>
      </c>
      <c r="B59329" s="1" t="s">
        <v>198531</v>
      </c>
      <c r="C59329" s="1" t="s">
        <v>140</v>
      </c>
      <c r="D59329" s="1" t="s">
        <v>199121</v>
      </c>
      <c r="E59329" s="1" t="s">
        <v>23176</v>
      </c>
      <c r="F59329" s="1" t="s">
        <v>199122</v>
      </c>
      <c r="G59329" s="1" t="s">
        <v>199067</v>
      </c>
      <c r="H59329" s="1" t="s">
        <v>199068</v>
      </c>
      <c r="I59329" s="1" t="s">
        <v>198537</v>
      </c>
      <c r="J59329" s="1" t="s">
        <v>199123</v>
      </c>
    </row>
    <row r="59330" spans="1:10" x14ac:dyDescent="0.35">
      <c r="A59330" s="1" t="s">
        <v>110554</v>
      </c>
      <c r="B59330" s="1" t="s">
        <v>198531</v>
      </c>
      <c r="C59330" s="1" t="s">
        <v>145</v>
      </c>
      <c r="D59330" s="1" t="s">
        <v>3280</v>
      </c>
      <c r="E59330" s="1" t="s">
        <v>15884</v>
      </c>
      <c r="F59330" s="1" t="s">
        <v>199124</v>
      </c>
      <c r="G59330" s="1" t="s">
        <v>199067</v>
      </c>
      <c r="H59330" s="1" t="s">
        <v>199068</v>
      </c>
      <c r="I59330" s="1" t="s">
        <v>198537</v>
      </c>
      <c r="J59330" s="1" t="s">
        <v>199125</v>
      </c>
    </row>
    <row r="59331" spans="1:10" x14ac:dyDescent="0.35">
      <c r="A59331" s="1" t="s">
        <v>110554</v>
      </c>
      <c r="B59331" s="1" t="s">
        <v>198531</v>
      </c>
      <c r="C59331" s="1" t="s">
        <v>150</v>
      </c>
      <c r="D59331" s="1" t="s">
        <v>199126</v>
      </c>
      <c r="E59331" s="1" t="s">
        <v>22267</v>
      </c>
      <c r="F59331" s="1" t="s">
        <v>20990</v>
      </c>
      <c r="G59331" s="1" t="s">
        <v>199067</v>
      </c>
      <c r="H59331" s="1" t="s">
        <v>199068</v>
      </c>
      <c r="I59331" s="1" t="s">
        <v>198537</v>
      </c>
      <c r="J59331" s="1" t="s">
        <v>199127</v>
      </c>
    </row>
    <row r="59332" spans="1:10" x14ac:dyDescent="0.35">
      <c r="A59332" s="1" t="s">
        <v>110554</v>
      </c>
      <c r="B59332" s="1" t="s">
        <v>198531</v>
      </c>
      <c r="C59332" s="1" t="s">
        <v>155</v>
      </c>
      <c r="D59332" s="1" t="s">
        <v>97887</v>
      </c>
      <c r="E59332" s="1" t="s">
        <v>58602</v>
      </c>
      <c r="F59332" s="1" t="s">
        <v>199128</v>
      </c>
      <c r="G59332" s="1" t="s">
        <v>199067</v>
      </c>
      <c r="H59332" s="1" t="s">
        <v>199068</v>
      </c>
      <c r="I59332" s="1" t="s">
        <v>198537</v>
      </c>
      <c r="J59332" s="1" t="s">
        <v>199129</v>
      </c>
    </row>
    <row r="59333" spans="1:10" x14ac:dyDescent="0.35">
      <c r="A59333" s="1" t="s">
        <v>110554</v>
      </c>
      <c r="B59333" s="1" t="s">
        <v>198531</v>
      </c>
      <c r="C59333" s="1" t="s">
        <v>160</v>
      </c>
      <c r="D59333" s="1" t="s">
        <v>136181</v>
      </c>
      <c r="E59333" s="1" t="s">
        <v>31452</v>
      </c>
      <c r="F59333" s="1" t="s">
        <v>199130</v>
      </c>
      <c r="G59333" s="1" t="s">
        <v>199067</v>
      </c>
      <c r="H59333" s="1" t="s">
        <v>199068</v>
      </c>
      <c r="I59333" s="1" t="s">
        <v>198537</v>
      </c>
      <c r="J59333" s="1" t="s">
        <v>199131</v>
      </c>
    </row>
    <row r="59334" spans="1:10" x14ac:dyDescent="0.35">
      <c r="A59334" s="1" t="s">
        <v>110554</v>
      </c>
      <c r="B59334" s="1" t="s">
        <v>198531</v>
      </c>
      <c r="C59334" s="1" t="s">
        <v>165</v>
      </c>
      <c r="D59334" s="1" t="s">
        <v>139207</v>
      </c>
      <c r="E59334" s="1" t="s">
        <v>58063</v>
      </c>
      <c r="F59334" s="1" t="s">
        <v>97012</v>
      </c>
      <c r="G59334" s="1" t="s">
        <v>199067</v>
      </c>
      <c r="H59334" s="1" t="s">
        <v>199068</v>
      </c>
      <c r="I59334" s="1" t="s">
        <v>198537</v>
      </c>
      <c r="J59334" s="1" t="s">
        <v>199132</v>
      </c>
    </row>
    <row r="59335" spans="1:10" x14ac:dyDescent="0.35">
      <c r="A59335" s="1" t="s">
        <v>110554</v>
      </c>
      <c r="B59335" s="1" t="s">
        <v>198531</v>
      </c>
      <c r="C59335" s="1" t="s">
        <v>170</v>
      </c>
      <c r="D59335" s="1" t="s">
        <v>102540</v>
      </c>
      <c r="E59335" s="1" t="s">
        <v>26173</v>
      </c>
      <c r="F59335" s="1" t="s">
        <v>62043</v>
      </c>
      <c r="G59335" s="1" t="s">
        <v>199067</v>
      </c>
      <c r="H59335" s="1" t="s">
        <v>199068</v>
      </c>
      <c r="I59335" s="1" t="s">
        <v>198537</v>
      </c>
      <c r="J59335" s="1" t="s">
        <v>199133</v>
      </c>
    </row>
    <row r="59336" spans="1:10" x14ac:dyDescent="0.35">
      <c r="A59336" s="1" t="s">
        <v>158133</v>
      </c>
      <c r="B59336" s="1" t="s">
        <v>199134</v>
      </c>
      <c r="C59336" s="1" t="s">
        <v>8</v>
      </c>
      <c r="D59336" s="1" t="s">
        <v>199135</v>
      </c>
      <c r="E59336" s="1" t="s">
        <v>199136</v>
      </c>
      <c r="F59336" s="1" t="s">
        <v>199137</v>
      </c>
      <c r="G59336" s="1" t="s">
        <v>199138</v>
      </c>
      <c r="H59336" s="1" t="s">
        <v>199139</v>
      </c>
      <c r="I59336" s="1" t="s">
        <v>199140</v>
      </c>
      <c r="J59336" s="1" t="s">
        <v>13</v>
      </c>
    </row>
    <row r="59337" spans="1:10" x14ac:dyDescent="0.35">
      <c r="A59337" s="1" t="s">
        <v>158133</v>
      </c>
      <c r="B59337" s="1" t="s">
        <v>199134</v>
      </c>
      <c r="C59337" s="1" t="s">
        <v>15</v>
      </c>
      <c r="D59337" s="1" t="s">
        <v>80811</v>
      </c>
      <c r="E59337" s="1" t="s">
        <v>199141</v>
      </c>
      <c r="F59337" s="1" t="s">
        <v>199142</v>
      </c>
      <c r="G59337" s="1" t="s">
        <v>199138</v>
      </c>
      <c r="H59337" s="1" t="s">
        <v>199139</v>
      </c>
      <c r="I59337" s="1" t="s">
        <v>199140</v>
      </c>
      <c r="J59337" s="1" t="s">
        <v>199143</v>
      </c>
    </row>
    <row r="59338" spans="1:10" x14ac:dyDescent="0.35">
      <c r="A59338" s="1" t="s">
        <v>158133</v>
      </c>
      <c r="B59338" s="1" t="s">
        <v>199134</v>
      </c>
      <c r="C59338" s="1" t="s">
        <v>20</v>
      </c>
      <c r="D59338" s="1" t="s">
        <v>26429</v>
      </c>
      <c r="E59338" s="1" t="s">
        <v>199144</v>
      </c>
      <c r="F59338" s="1" t="s">
        <v>199145</v>
      </c>
      <c r="G59338" s="1" t="s">
        <v>199138</v>
      </c>
      <c r="H59338" s="1" t="s">
        <v>199139</v>
      </c>
      <c r="I59338" s="1" t="s">
        <v>199140</v>
      </c>
      <c r="J59338" s="1" t="s">
        <v>199146</v>
      </c>
    </row>
    <row r="59339" spans="1:10" x14ac:dyDescent="0.35">
      <c r="A59339" s="1" t="s">
        <v>158133</v>
      </c>
      <c r="B59339" s="1" t="s">
        <v>199134</v>
      </c>
      <c r="C59339" s="1" t="s">
        <v>25</v>
      </c>
      <c r="D59339" s="1" t="s">
        <v>199147</v>
      </c>
      <c r="E59339" s="1" t="s">
        <v>199148</v>
      </c>
      <c r="F59339" s="1" t="s">
        <v>199149</v>
      </c>
      <c r="G59339" s="1" t="s">
        <v>199138</v>
      </c>
      <c r="H59339" s="1" t="s">
        <v>199139</v>
      </c>
      <c r="I59339" s="1" t="s">
        <v>199140</v>
      </c>
      <c r="J59339" s="1" t="s">
        <v>199150</v>
      </c>
    </row>
    <row r="59340" spans="1:10" x14ac:dyDescent="0.35">
      <c r="A59340" s="1" t="s">
        <v>158133</v>
      </c>
      <c r="B59340" s="1" t="s">
        <v>199134</v>
      </c>
      <c r="C59340" s="1" t="s">
        <v>30</v>
      </c>
      <c r="D59340" s="1" t="s">
        <v>109464</v>
      </c>
      <c r="E59340" s="1" t="s">
        <v>199151</v>
      </c>
      <c r="F59340" s="1" t="s">
        <v>199152</v>
      </c>
      <c r="G59340" s="1" t="s">
        <v>199138</v>
      </c>
      <c r="H59340" s="1" t="s">
        <v>199139</v>
      </c>
      <c r="I59340" s="1" t="s">
        <v>199140</v>
      </c>
      <c r="J59340" s="1" t="s">
        <v>199153</v>
      </c>
    </row>
    <row r="59341" spans="1:10" x14ac:dyDescent="0.35">
      <c r="A59341" s="1" t="s">
        <v>158133</v>
      </c>
      <c r="B59341" s="1" t="s">
        <v>199134</v>
      </c>
      <c r="C59341" s="1" t="s">
        <v>35</v>
      </c>
      <c r="D59341" s="1" t="s">
        <v>92603</v>
      </c>
      <c r="E59341" s="1" t="s">
        <v>199154</v>
      </c>
      <c r="F59341" s="1" t="s">
        <v>199155</v>
      </c>
      <c r="G59341" s="1" t="s">
        <v>199138</v>
      </c>
      <c r="H59341" s="1" t="s">
        <v>199139</v>
      </c>
      <c r="I59341" s="1" t="s">
        <v>199140</v>
      </c>
      <c r="J59341" s="1" t="s">
        <v>199156</v>
      </c>
    </row>
    <row r="59342" spans="1:10" x14ac:dyDescent="0.35">
      <c r="A59342" s="1" t="s">
        <v>158133</v>
      </c>
      <c r="B59342" s="1" t="s">
        <v>199134</v>
      </c>
      <c r="C59342" s="1" t="s">
        <v>40</v>
      </c>
      <c r="D59342" s="1" t="s">
        <v>77128</v>
      </c>
      <c r="E59342" s="1" t="s">
        <v>199157</v>
      </c>
      <c r="F59342" s="1" t="s">
        <v>199158</v>
      </c>
      <c r="G59342" s="1" t="s">
        <v>199138</v>
      </c>
      <c r="H59342" s="1" t="s">
        <v>199139</v>
      </c>
      <c r="I59342" s="1" t="s">
        <v>199140</v>
      </c>
      <c r="J59342" s="1" t="s">
        <v>199159</v>
      </c>
    </row>
    <row r="59343" spans="1:10" x14ac:dyDescent="0.35">
      <c r="A59343" s="1" t="s">
        <v>158133</v>
      </c>
      <c r="B59343" s="1" t="s">
        <v>199134</v>
      </c>
      <c r="C59343" s="1" t="s">
        <v>45</v>
      </c>
      <c r="D59343" s="1" t="s">
        <v>199160</v>
      </c>
      <c r="E59343" s="1" t="s">
        <v>199161</v>
      </c>
      <c r="F59343" s="1" t="s">
        <v>199162</v>
      </c>
      <c r="G59343" s="1" t="s">
        <v>199138</v>
      </c>
      <c r="H59343" s="1" t="s">
        <v>199139</v>
      </c>
      <c r="I59343" s="1" t="s">
        <v>199140</v>
      </c>
      <c r="J59343" s="1" t="s">
        <v>199163</v>
      </c>
    </row>
    <row r="59344" spans="1:10" x14ac:dyDescent="0.35">
      <c r="A59344" s="1" t="s">
        <v>158133</v>
      </c>
      <c r="B59344" s="1" t="s">
        <v>199134</v>
      </c>
      <c r="C59344" s="1" t="s">
        <v>50</v>
      </c>
      <c r="D59344" s="1" t="s">
        <v>86357</v>
      </c>
      <c r="E59344" s="1" t="s">
        <v>199164</v>
      </c>
      <c r="F59344" s="1" t="s">
        <v>199165</v>
      </c>
      <c r="G59344" s="1" t="s">
        <v>199138</v>
      </c>
      <c r="H59344" s="1" t="s">
        <v>199139</v>
      </c>
      <c r="I59344" s="1" t="s">
        <v>199140</v>
      </c>
      <c r="J59344" s="1" t="s">
        <v>199166</v>
      </c>
    </row>
    <row r="59345" spans="1:10" x14ac:dyDescent="0.35">
      <c r="A59345" s="1" t="s">
        <v>158133</v>
      </c>
      <c r="B59345" s="1" t="s">
        <v>199134</v>
      </c>
      <c r="C59345" s="1" t="s">
        <v>55</v>
      </c>
      <c r="D59345" s="1" t="s">
        <v>80705</v>
      </c>
      <c r="E59345" s="1" t="s">
        <v>199167</v>
      </c>
      <c r="F59345" s="1" t="s">
        <v>199168</v>
      </c>
      <c r="G59345" s="1" t="s">
        <v>199138</v>
      </c>
      <c r="H59345" s="1" t="s">
        <v>199139</v>
      </c>
      <c r="I59345" s="1" t="s">
        <v>199140</v>
      </c>
      <c r="J59345" s="1" t="s">
        <v>199169</v>
      </c>
    </row>
    <row r="59346" spans="1:10" x14ac:dyDescent="0.35">
      <c r="A59346" s="1" t="s">
        <v>158133</v>
      </c>
      <c r="B59346" s="1" t="s">
        <v>199134</v>
      </c>
      <c r="C59346" s="1" t="s">
        <v>60</v>
      </c>
      <c r="D59346" s="1" t="s">
        <v>199170</v>
      </c>
      <c r="E59346" s="1" t="s">
        <v>199171</v>
      </c>
      <c r="F59346" s="1" t="s">
        <v>199172</v>
      </c>
      <c r="G59346" s="1" t="s">
        <v>199138</v>
      </c>
      <c r="H59346" s="1" t="s">
        <v>199139</v>
      </c>
      <c r="I59346" s="1" t="s">
        <v>199140</v>
      </c>
      <c r="J59346" s="1" t="s">
        <v>199173</v>
      </c>
    </row>
    <row r="59347" spans="1:10" x14ac:dyDescent="0.35">
      <c r="A59347" s="1" t="s">
        <v>158133</v>
      </c>
      <c r="B59347" s="1" t="s">
        <v>199134</v>
      </c>
      <c r="C59347" s="1" t="s">
        <v>65</v>
      </c>
      <c r="D59347" s="1" t="s">
        <v>199174</v>
      </c>
      <c r="E59347" s="1" t="s">
        <v>199175</v>
      </c>
      <c r="F59347" s="1" t="s">
        <v>199176</v>
      </c>
      <c r="G59347" s="1" t="s">
        <v>199138</v>
      </c>
      <c r="H59347" s="1" t="s">
        <v>199139</v>
      </c>
      <c r="I59347" s="1" t="s">
        <v>199140</v>
      </c>
      <c r="J59347" s="1" t="s">
        <v>199177</v>
      </c>
    </row>
    <row r="59348" spans="1:10" x14ac:dyDescent="0.35">
      <c r="A59348" s="1" t="s">
        <v>158133</v>
      </c>
      <c r="B59348" s="1" t="s">
        <v>199134</v>
      </c>
      <c r="C59348" s="1" t="s">
        <v>70</v>
      </c>
      <c r="D59348" s="1" t="s">
        <v>199178</v>
      </c>
      <c r="E59348" s="1" t="s">
        <v>199179</v>
      </c>
      <c r="F59348" s="1" t="s">
        <v>199180</v>
      </c>
      <c r="G59348" s="1" t="s">
        <v>199138</v>
      </c>
      <c r="H59348" s="1" t="s">
        <v>199139</v>
      </c>
      <c r="I59348" s="1" t="s">
        <v>199140</v>
      </c>
      <c r="J59348" s="1" t="s">
        <v>199181</v>
      </c>
    </row>
    <row r="59349" spans="1:10" x14ac:dyDescent="0.35">
      <c r="A59349" s="1" t="s">
        <v>158133</v>
      </c>
      <c r="B59349" s="1" t="s">
        <v>199134</v>
      </c>
      <c r="C59349" s="1" t="s">
        <v>75</v>
      </c>
      <c r="D59349" s="1" t="s">
        <v>23805</v>
      </c>
      <c r="E59349" s="1" t="s">
        <v>199182</v>
      </c>
      <c r="F59349" s="1" t="s">
        <v>199183</v>
      </c>
      <c r="G59349" s="1" t="s">
        <v>199138</v>
      </c>
      <c r="H59349" s="1" t="s">
        <v>199139</v>
      </c>
      <c r="I59349" s="1" t="s">
        <v>199140</v>
      </c>
      <c r="J59349" s="1" t="s">
        <v>199184</v>
      </c>
    </row>
    <row r="59350" spans="1:10" x14ac:dyDescent="0.35">
      <c r="A59350" s="1" t="s">
        <v>158133</v>
      </c>
      <c r="B59350" s="1" t="s">
        <v>199134</v>
      </c>
      <c r="C59350" s="1" t="s">
        <v>80</v>
      </c>
      <c r="D59350" s="1" t="s">
        <v>199185</v>
      </c>
      <c r="E59350" s="1" t="s">
        <v>199186</v>
      </c>
      <c r="F59350" s="1" t="s">
        <v>199187</v>
      </c>
      <c r="G59350" s="1" t="s">
        <v>199138</v>
      </c>
      <c r="H59350" s="1" t="s">
        <v>199139</v>
      </c>
      <c r="I59350" s="1" t="s">
        <v>199140</v>
      </c>
      <c r="J59350" s="1" t="s">
        <v>199188</v>
      </c>
    </row>
    <row r="59351" spans="1:10" x14ac:dyDescent="0.35">
      <c r="A59351" s="1" t="s">
        <v>158133</v>
      </c>
      <c r="B59351" s="1" t="s">
        <v>199134</v>
      </c>
      <c r="C59351" s="1" t="s">
        <v>85</v>
      </c>
      <c r="D59351" s="1" t="s">
        <v>199189</v>
      </c>
      <c r="E59351" s="1" t="s">
        <v>199190</v>
      </c>
      <c r="F59351" s="1" t="s">
        <v>199191</v>
      </c>
      <c r="G59351" s="1" t="s">
        <v>199138</v>
      </c>
      <c r="H59351" s="1" t="s">
        <v>199139</v>
      </c>
      <c r="I59351" s="1" t="s">
        <v>199140</v>
      </c>
      <c r="J59351" s="1" t="s">
        <v>199192</v>
      </c>
    </row>
    <row r="59352" spans="1:10" x14ac:dyDescent="0.35">
      <c r="A59352" s="1" t="s">
        <v>158133</v>
      </c>
      <c r="B59352" s="1" t="s">
        <v>199134</v>
      </c>
      <c r="C59352" s="1" t="s">
        <v>90</v>
      </c>
      <c r="D59352" s="1" t="s">
        <v>52416</v>
      </c>
      <c r="E59352" s="1" t="s">
        <v>199193</v>
      </c>
      <c r="F59352" s="1" t="s">
        <v>199194</v>
      </c>
      <c r="G59352" s="1" t="s">
        <v>199138</v>
      </c>
      <c r="H59352" s="1" t="s">
        <v>199139</v>
      </c>
      <c r="I59352" s="1" t="s">
        <v>199140</v>
      </c>
      <c r="J59352" s="1" t="s">
        <v>199195</v>
      </c>
    </row>
    <row r="59353" spans="1:10" x14ac:dyDescent="0.35">
      <c r="A59353" s="1" t="s">
        <v>158133</v>
      </c>
      <c r="B59353" s="1" t="s">
        <v>199134</v>
      </c>
      <c r="C59353" s="1" t="s">
        <v>95</v>
      </c>
      <c r="D59353" s="1" t="s">
        <v>105888</v>
      </c>
      <c r="E59353" s="1" t="s">
        <v>199196</v>
      </c>
      <c r="F59353" s="1" t="s">
        <v>199197</v>
      </c>
      <c r="G59353" s="1" t="s">
        <v>199138</v>
      </c>
      <c r="H59353" s="1" t="s">
        <v>199139</v>
      </c>
      <c r="I59353" s="1" t="s">
        <v>199140</v>
      </c>
      <c r="J59353" s="1" t="s">
        <v>199198</v>
      </c>
    </row>
    <row r="59354" spans="1:10" x14ac:dyDescent="0.35">
      <c r="A59354" s="1" t="s">
        <v>158133</v>
      </c>
      <c r="B59354" s="1" t="s">
        <v>199134</v>
      </c>
      <c r="C59354" s="1" t="s">
        <v>100</v>
      </c>
      <c r="D59354" s="1" t="s">
        <v>199199</v>
      </c>
      <c r="E59354" s="1" t="s">
        <v>199200</v>
      </c>
      <c r="F59354" s="1" t="s">
        <v>199201</v>
      </c>
      <c r="G59354" s="1" t="s">
        <v>199138</v>
      </c>
      <c r="H59354" s="1" t="s">
        <v>199139</v>
      </c>
      <c r="I59354" s="1" t="s">
        <v>199140</v>
      </c>
      <c r="J59354" s="1" t="s">
        <v>199202</v>
      </c>
    </row>
    <row r="59355" spans="1:10" x14ac:dyDescent="0.35">
      <c r="A59355" s="1" t="s">
        <v>158133</v>
      </c>
      <c r="B59355" s="1" t="s">
        <v>199134</v>
      </c>
      <c r="C59355" s="1" t="s">
        <v>105</v>
      </c>
      <c r="D59355" s="1" t="s">
        <v>138298</v>
      </c>
      <c r="E59355" s="1" t="s">
        <v>199203</v>
      </c>
      <c r="F59355" s="1" t="s">
        <v>199204</v>
      </c>
      <c r="G59355" s="1" t="s">
        <v>199138</v>
      </c>
      <c r="H59355" s="1" t="s">
        <v>199139</v>
      </c>
      <c r="I59355" s="1" t="s">
        <v>199140</v>
      </c>
      <c r="J59355" s="1" t="s">
        <v>199205</v>
      </c>
    </row>
    <row r="59356" spans="1:10" x14ac:dyDescent="0.35">
      <c r="A59356" s="1" t="s">
        <v>158133</v>
      </c>
      <c r="B59356" s="1" t="s">
        <v>199134</v>
      </c>
      <c r="C59356" s="1" t="s">
        <v>110</v>
      </c>
      <c r="D59356" s="1" t="s">
        <v>86109</v>
      </c>
      <c r="E59356" s="1" t="s">
        <v>199206</v>
      </c>
      <c r="F59356" s="1" t="s">
        <v>199207</v>
      </c>
      <c r="G59356" s="1" t="s">
        <v>199138</v>
      </c>
      <c r="H59356" s="1" t="s">
        <v>199139</v>
      </c>
      <c r="I59356" s="1" t="s">
        <v>199140</v>
      </c>
      <c r="J59356" s="1" t="s">
        <v>199208</v>
      </c>
    </row>
    <row r="59357" spans="1:10" x14ac:dyDescent="0.35">
      <c r="A59357" s="1" t="s">
        <v>158133</v>
      </c>
      <c r="B59357" s="1" t="s">
        <v>199134</v>
      </c>
      <c r="C59357" s="1" t="s">
        <v>115</v>
      </c>
      <c r="D59357" s="1" t="s">
        <v>101920</v>
      </c>
      <c r="E59357" s="1" t="s">
        <v>199209</v>
      </c>
      <c r="F59357" s="1" t="s">
        <v>199210</v>
      </c>
      <c r="G59357" s="1" t="s">
        <v>199138</v>
      </c>
      <c r="H59357" s="1" t="s">
        <v>199139</v>
      </c>
      <c r="I59357" s="1" t="s">
        <v>199140</v>
      </c>
      <c r="J59357" s="1" t="s">
        <v>199211</v>
      </c>
    </row>
    <row r="59358" spans="1:10" x14ac:dyDescent="0.35">
      <c r="A59358" s="1" t="s">
        <v>158133</v>
      </c>
      <c r="B59358" s="1" t="s">
        <v>199134</v>
      </c>
      <c r="C59358" s="1" t="s">
        <v>120</v>
      </c>
      <c r="D59358" s="1" t="s">
        <v>139555</v>
      </c>
      <c r="E59358" s="1" t="s">
        <v>199212</v>
      </c>
      <c r="F59358" s="1" t="s">
        <v>199213</v>
      </c>
      <c r="G59358" s="1" t="s">
        <v>199138</v>
      </c>
      <c r="H59358" s="1" t="s">
        <v>199139</v>
      </c>
      <c r="I59358" s="1" t="s">
        <v>199140</v>
      </c>
      <c r="J59358" s="1" t="s">
        <v>199214</v>
      </c>
    </row>
    <row r="59359" spans="1:10" x14ac:dyDescent="0.35">
      <c r="A59359" s="1" t="s">
        <v>158133</v>
      </c>
      <c r="B59359" s="1" t="s">
        <v>199134</v>
      </c>
      <c r="C59359" s="1" t="s">
        <v>125</v>
      </c>
      <c r="D59359" s="1" t="s">
        <v>95181</v>
      </c>
      <c r="E59359" s="1" t="s">
        <v>199215</v>
      </c>
      <c r="F59359" s="1" t="s">
        <v>199216</v>
      </c>
      <c r="G59359" s="1" t="s">
        <v>199138</v>
      </c>
      <c r="H59359" s="1" t="s">
        <v>199139</v>
      </c>
      <c r="I59359" s="1" t="s">
        <v>199140</v>
      </c>
      <c r="J59359" s="1" t="s">
        <v>199217</v>
      </c>
    </row>
    <row r="59360" spans="1:10" x14ac:dyDescent="0.35">
      <c r="A59360" s="1" t="s">
        <v>158133</v>
      </c>
      <c r="B59360" s="1" t="s">
        <v>199134</v>
      </c>
      <c r="C59360" s="1" t="s">
        <v>130</v>
      </c>
      <c r="D59360" s="1" t="s">
        <v>60625</v>
      </c>
      <c r="E59360" s="1" t="s">
        <v>199218</v>
      </c>
      <c r="F59360" s="1" t="s">
        <v>199219</v>
      </c>
      <c r="G59360" s="1" t="s">
        <v>199138</v>
      </c>
      <c r="H59360" s="1" t="s">
        <v>199139</v>
      </c>
      <c r="I59360" s="1" t="s">
        <v>199140</v>
      </c>
      <c r="J59360" s="1" t="s">
        <v>199220</v>
      </c>
    </row>
    <row r="59361" spans="1:10" x14ac:dyDescent="0.35">
      <c r="A59361" s="1" t="s">
        <v>158133</v>
      </c>
      <c r="B59361" s="1" t="s">
        <v>199134</v>
      </c>
      <c r="C59361" s="1" t="s">
        <v>135</v>
      </c>
      <c r="D59361" s="1" t="s">
        <v>199221</v>
      </c>
      <c r="E59361" s="1" t="s">
        <v>199222</v>
      </c>
      <c r="F59361" s="1" t="s">
        <v>199223</v>
      </c>
      <c r="G59361" s="1" t="s">
        <v>199138</v>
      </c>
      <c r="H59361" s="1" t="s">
        <v>199139</v>
      </c>
      <c r="I59361" s="1" t="s">
        <v>199140</v>
      </c>
      <c r="J59361" s="1" t="s">
        <v>199224</v>
      </c>
    </row>
    <row r="59362" spans="1:10" x14ac:dyDescent="0.35">
      <c r="A59362" s="1" t="s">
        <v>158133</v>
      </c>
      <c r="B59362" s="1" t="s">
        <v>199134</v>
      </c>
      <c r="C59362" s="1" t="s">
        <v>140</v>
      </c>
      <c r="D59362" s="1" t="s">
        <v>12331</v>
      </c>
      <c r="E59362" s="1" t="s">
        <v>199225</v>
      </c>
      <c r="F59362" s="1" t="s">
        <v>199226</v>
      </c>
      <c r="G59362" s="1" t="s">
        <v>199138</v>
      </c>
      <c r="H59362" s="1" t="s">
        <v>199139</v>
      </c>
      <c r="I59362" s="1" t="s">
        <v>199140</v>
      </c>
      <c r="J59362" s="1" t="s">
        <v>199227</v>
      </c>
    </row>
    <row r="59363" spans="1:10" x14ac:dyDescent="0.35">
      <c r="A59363" s="1" t="s">
        <v>158133</v>
      </c>
      <c r="B59363" s="1" t="s">
        <v>199134</v>
      </c>
      <c r="C59363" s="1" t="s">
        <v>145</v>
      </c>
      <c r="D59363" s="1" t="s">
        <v>199228</v>
      </c>
      <c r="E59363" s="1" t="s">
        <v>199229</v>
      </c>
      <c r="F59363" s="1" t="s">
        <v>199230</v>
      </c>
      <c r="G59363" s="1" t="s">
        <v>199138</v>
      </c>
      <c r="H59363" s="1" t="s">
        <v>199139</v>
      </c>
      <c r="I59363" s="1" t="s">
        <v>199140</v>
      </c>
      <c r="J59363" s="1" t="s">
        <v>199231</v>
      </c>
    </row>
    <row r="59364" spans="1:10" x14ac:dyDescent="0.35">
      <c r="A59364" s="1" t="s">
        <v>158133</v>
      </c>
      <c r="B59364" s="1" t="s">
        <v>199134</v>
      </c>
      <c r="C59364" s="1" t="s">
        <v>150</v>
      </c>
      <c r="D59364" s="1" t="s">
        <v>199199</v>
      </c>
      <c r="E59364" s="1" t="s">
        <v>199232</v>
      </c>
      <c r="F59364" s="1" t="s">
        <v>199233</v>
      </c>
      <c r="G59364" s="1" t="s">
        <v>199138</v>
      </c>
      <c r="H59364" s="1" t="s">
        <v>199139</v>
      </c>
      <c r="I59364" s="1" t="s">
        <v>199140</v>
      </c>
      <c r="J59364" s="1" t="s">
        <v>199234</v>
      </c>
    </row>
    <row r="59365" spans="1:10" x14ac:dyDescent="0.35">
      <c r="A59365" s="1" t="s">
        <v>158133</v>
      </c>
      <c r="B59365" s="1" t="s">
        <v>199134</v>
      </c>
      <c r="C59365" s="1" t="s">
        <v>155</v>
      </c>
      <c r="D59365" s="1" t="s">
        <v>199235</v>
      </c>
      <c r="E59365" s="1" t="s">
        <v>199236</v>
      </c>
      <c r="F59365" s="1" t="s">
        <v>199237</v>
      </c>
      <c r="G59365" s="1" t="s">
        <v>199138</v>
      </c>
      <c r="H59365" s="1" t="s">
        <v>199139</v>
      </c>
      <c r="I59365" s="1" t="s">
        <v>199140</v>
      </c>
      <c r="J59365" s="1" t="s">
        <v>199238</v>
      </c>
    </row>
    <row r="59366" spans="1:10" x14ac:dyDescent="0.35">
      <c r="A59366" s="1" t="s">
        <v>158133</v>
      </c>
      <c r="B59366" s="1" t="s">
        <v>199134</v>
      </c>
      <c r="C59366" s="1" t="s">
        <v>160</v>
      </c>
      <c r="D59366" s="1" t="s">
        <v>55767</v>
      </c>
      <c r="E59366" s="1" t="s">
        <v>199239</v>
      </c>
      <c r="F59366" s="1" t="s">
        <v>199240</v>
      </c>
      <c r="G59366" s="1" t="s">
        <v>199138</v>
      </c>
      <c r="H59366" s="1" t="s">
        <v>199139</v>
      </c>
      <c r="I59366" s="1" t="s">
        <v>199140</v>
      </c>
      <c r="J59366" s="1" t="s">
        <v>199241</v>
      </c>
    </row>
    <row r="59367" spans="1:10" x14ac:dyDescent="0.35">
      <c r="A59367" s="1" t="s">
        <v>158133</v>
      </c>
      <c r="B59367" s="1" t="s">
        <v>199134</v>
      </c>
      <c r="C59367" s="1" t="s">
        <v>165</v>
      </c>
      <c r="D59367" s="1" t="s">
        <v>130185</v>
      </c>
      <c r="E59367" s="1" t="s">
        <v>199242</v>
      </c>
      <c r="F59367" s="1" t="s">
        <v>199243</v>
      </c>
      <c r="G59367" s="1" t="s">
        <v>199138</v>
      </c>
      <c r="H59367" s="1" t="s">
        <v>199139</v>
      </c>
      <c r="I59367" s="1" t="s">
        <v>199140</v>
      </c>
      <c r="J59367" s="1" t="s">
        <v>199244</v>
      </c>
    </row>
    <row r="59368" spans="1:10" x14ac:dyDescent="0.35">
      <c r="A59368" s="1" t="s">
        <v>158133</v>
      </c>
      <c r="B59368" s="1" t="s">
        <v>199134</v>
      </c>
      <c r="C59368" s="1" t="s">
        <v>170</v>
      </c>
      <c r="D59368" s="1" t="s">
        <v>199245</v>
      </c>
      <c r="E59368" s="1" t="s">
        <v>199246</v>
      </c>
      <c r="F59368" s="1" t="s">
        <v>199247</v>
      </c>
      <c r="G59368" s="1" t="s">
        <v>199138</v>
      </c>
      <c r="H59368" s="1" t="s">
        <v>199139</v>
      </c>
      <c r="I59368" s="1" t="s">
        <v>199140</v>
      </c>
      <c r="J59368" s="1" t="s">
        <v>199248</v>
      </c>
    </row>
    <row r="59369" spans="1:10" x14ac:dyDescent="0.35">
      <c r="A59369" s="1" t="s">
        <v>199249</v>
      </c>
      <c r="B59369" s="1" t="s">
        <v>199134</v>
      </c>
      <c r="C59369" s="1" t="s">
        <v>8</v>
      </c>
      <c r="D59369" s="1" t="s">
        <v>57933</v>
      </c>
      <c r="E59369" s="1" t="s">
        <v>199250</v>
      </c>
      <c r="F59369" s="1" t="s">
        <v>199251</v>
      </c>
      <c r="G59369" s="1" t="s">
        <v>199252</v>
      </c>
      <c r="H59369" s="1" t="s">
        <v>199253</v>
      </c>
      <c r="I59369" s="1" t="s">
        <v>199140</v>
      </c>
      <c r="J59369" s="1" t="s">
        <v>13</v>
      </c>
    </row>
    <row r="59370" spans="1:10" x14ac:dyDescent="0.35">
      <c r="A59370" s="1" t="s">
        <v>199249</v>
      </c>
      <c r="B59370" s="1" t="s">
        <v>199134</v>
      </c>
      <c r="C59370" s="1" t="s">
        <v>15</v>
      </c>
      <c r="D59370" s="1" t="s">
        <v>92718</v>
      </c>
      <c r="E59370" s="1" t="s">
        <v>199254</v>
      </c>
      <c r="F59370" s="1" t="s">
        <v>199255</v>
      </c>
      <c r="G59370" s="1" t="s">
        <v>199252</v>
      </c>
      <c r="H59370" s="1" t="s">
        <v>199253</v>
      </c>
      <c r="I59370" s="1" t="s">
        <v>199140</v>
      </c>
      <c r="J59370" s="1" t="s">
        <v>199256</v>
      </c>
    </row>
    <row r="59371" spans="1:10" x14ac:dyDescent="0.35">
      <c r="A59371" s="1" t="s">
        <v>199249</v>
      </c>
      <c r="B59371" s="1" t="s">
        <v>199134</v>
      </c>
      <c r="C59371" s="1" t="s">
        <v>20</v>
      </c>
      <c r="D59371" s="1" t="s">
        <v>87787</v>
      </c>
      <c r="E59371" s="1" t="s">
        <v>199257</v>
      </c>
      <c r="F59371" s="1" t="s">
        <v>199258</v>
      </c>
      <c r="G59371" s="1" t="s">
        <v>199252</v>
      </c>
      <c r="H59371" s="1" t="s">
        <v>199253</v>
      </c>
      <c r="I59371" s="1" t="s">
        <v>199140</v>
      </c>
      <c r="J59371" s="1" t="s">
        <v>199259</v>
      </c>
    </row>
    <row r="59372" spans="1:10" x14ac:dyDescent="0.35">
      <c r="A59372" s="1" t="s">
        <v>199249</v>
      </c>
      <c r="B59372" s="1" t="s">
        <v>199134</v>
      </c>
      <c r="C59372" s="1" t="s">
        <v>25</v>
      </c>
      <c r="D59372" s="1" t="s">
        <v>99945</v>
      </c>
      <c r="E59372" s="1" t="s">
        <v>199260</v>
      </c>
      <c r="F59372" s="1" t="s">
        <v>199261</v>
      </c>
      <c r="G59372" s="1" t="s">
        <v>199252</v>
      </c>
      <c r="H59372" s="1" t="s">
        <v>199253</v>
      </c>
      <c r="I59372" s="1" t="s">
        <v>199140</v>
      </c>
      <c r="J59372" s="1" t="s">
        <v>199262</v>
      </c>
    </row>
    <row r="59373" spans="1:10" x14ac:dyDescent="0.35">
      <c r="A59373" s="1" t="s">
        <v>199249</v>
      </c>
      <c r="B59373" s="1" t="s">
        <v>199134</v>
      </c>
      <c r="C59373" s="1" t="s">
        <v>30</v>
      </c>
      <c r="D59373" s="1" t="s">
        <v>33289</v>
      </c>
      <c r="E59373" s="1" t="s">
        <v>199263</v>
      </c>
      <c r="F59373" s="1" t="s">
        <v>199264</v>
      </c>
      <c r="G59373" s="1" t="s">
        <v>199252</v>
      </c>
      <c r="H59373" s="1" t="s">
        <v>199253</v>
      </c>
      <c r="I59373" s="1" t="s">
        <v>199140</v>
      </c>
      <c r="J59373" s="1" t="s">
        <v>199265</v>
      </c>
    </row>
    <row r="59374" spans="1:10" x14ac:dyDescent="0.35">
      <c r="A59374" s="1" t="s">
        <v>199249</v>
      </c>
      <c r="B59374" s="1" t="s">
        <v>199134</v>
      </c>
      <c r="C59374" s="1" t="s">
        <v>35</v>
      </c>
      <c r="D59374" s="1" t="s">
        <v>199266</v>
      </c>
      <c r="E59374" s="1" t="s">
        <v>199267</v>
      </c>
      <c r="F59374" s="1" t="s">
        <v>199268</v>
      </c>
      <c r="G59374" s="1" t="s">
        <v>199252</v>
      </c>
      <c r="H59374" s="1" t="s">
        <v>199253</v>
      </c>
      <c r="I59374" s="1" t="s">
        <v>199140</v>
      </c>
      <c r="J59374" s="1" t="s">
        <v>199269</v>
      </c>
    </row>
    <row r="59375" spans="1:10" x14ac:dyDescent="0.35">
      <c r="A59375" s="1" t="s">
        <v>199249</v>
      </c>
      <c r="B59375" s="1" t="s">
        <v>199134</v>
      </c>
      <c r="C59375" s="1" t="s">
        <v>40</v>
      </c>
      <c r="D59375" s="1" t="s">
        <v>100565</v>
      </c>
      <c r="E59375" s="1" t="s">
        <v>199270</v>
      </c>
      <c r="F59375" s="1" t="s">
        <v>199271</v>
      </c>
      <c r="G59375" s="1" t="s">
        <v>199252</v>
      </c>
      <c r="H59375" s="1" t="s">
        <v>199253</v>
      </c>
      <c r="I59375" s="1" t="s">
        <v>199140</v>
      </c>
      <c r="J59375" s="1" t="s">
        <v>199272</v>
      </c>
    </row>
    <row r="59376" spans="1:10" x14ac:dyDescent="0.35">
      <c r="A59376" s="1" t="s">
        <v>199249</v>
      </c>
      <c r="B59376" s="1" t="s">
        <v>199134</v>
      </c>
      <c r="C59376" s="1" t="s">
        <v>45</v>
      </c>
      <c r="D59376" s="1" t="s">
        <v>107217</v>
      </c>
      <c r="E59376" s="1" t="s">
        <v>199273</v>
      </c>
      <c r="F59376" s="1" t="s">
        <v>199274</v>
      </c>
      <c r="G59376" s="1" t="s">
        <v>199252</v>
      </c>
      <c r="H59376" s="1" t="s">
        <v>199253</v>
      </c>
      <c r="I59376" s="1" t="s">
        <v>199140</v>
      </c>
      <c r="J59376" s="1" t="s">
        <v>199275</v>
      </c>
    </row>
    <row r="59377" spans="1:10" x14ac:dyDescent="0.35">
      <c r="A59377" s="1" t="s">
        <v>199249</v>
      </c>
      <c r="B59377" s="1" t="s">
        <v>199134</v>
      </c>
      <c r="C59377" s="1" t="s">
        <v>50</v>
      </c>
      <c r="D59377" s="1" t="s">
        <v>26736</v>
      </c>
      <c r="E59377" s="1" t="s">
        <v>199276</v>
      </c>
      <c r="F59377" s="1" t="s">
        <v>199277</v>
      </c>
      <c r="G59377" s="1" t="s">
        <v>199252</v>
      </c>
      <c r="H59377" s="1" t="s">
        <v>199253</v>
      </c>
      <c r="I59377" s="1" t="s">
        <v>199140</v>
      </c>
      <c r="J59377" s="1" t="s">
        <v>199278</v>
      </c>
    </row>
    <row r="59378" spans="1:10" x14ac:dyDescent="0.35">
      <c r="A59378" s="1" t="s">
        <v>199249</v>
      </c>
      <c r="B59378" s="1" t="s">
        <v>199134</v>
      </c>
      <c r="C59378" s="1" t="s">
        <v>55</v>
      </c>
      <c r="D59378" s="1" t="s">
        <v>124762</v>
      </c>
      <c r="E59378" s="1" t="s">
        <v>199279</v>
      </c>
      <c r="F59378" s="1" t="s">
        <v>199280</v>
      </c>
      <c r="G59378" s="1" t="s">
        <v>199252</v>
      </c>
      <c r="H59378" s="1" t="s">
        <v>199253</v>
      </c>
      <c r="I59378" s="1" t="s">
        <v>199140</v>
      </c>
      <c r="J59378" s="1" t="s">
        <v>199281</v>
      </c>
    </row>
    <row r="59379" spans="1:10" x14ac:dyDescent="0.35">
      <c r="A59379" s="1" t="s">
        <v>199249</v>
      </c>
      <c r="B59379" s="1" t="s">
        <v>199134</v>
      </c>
      <c r="C59379" s="1" t="s">
        <v>60</v>
      </c>
      <c r="D59379" s="1" t="s">
        <v>199282</v>
      </c>
      <c r="E59379" s="1" t="s">
        <v>199283</v>
      </c>
      <c r="F59379" s="1" t="s">
        <v>199284</v>
      </c>
      <c r="G59379" s="1" t="s">
        <v>199252</v>
      </c>
      <c r="H59379" s="1" t="s">
        <v>199253</v>
      </c>
      <c r="I59379" s="1" t="s">
        <v>199140</v>
      </c>
      <c r="J59379" s="1" t="s">
        <v>199285</v>
      </c>
    </row>
    <row r="59380" spans="1:10" x14ac:dyDescent="0.35">
      <c r="A59380" s="1" t="s">
        <v>199249</v>
      </c>
      <c r="B59380" s="1" t="s">
        <v>199134</v>
      </c>
      <c r="C59380" s="1" t="s">
        <v>65</v>
      </c>
      <c r="D59380" s="1" t="s">
        <v>199286</v>
      </c>
      <c r="E59380" s="1" t="s">
        <v>199287</v>
      </c>
      <c r="F59380" s="1" t="s">
        <v>25437</v>
      </c>
      <c r="G59380" s="1" t="s">
        <v>199252</v>
      </c>
      <c r="H59380" s="1" t="s">
        <v>199253</v>
      </c>
      <c r="I59380" s="1" t="s">
        <v>199140</v>
      </c>
      <c r="J59380" s="1" t="s">
        <v>199288</v>
      </c>
    </row>
    <row r="59381" spans="1:10" x14ac:dyDescent="0.35">
      <c r="A59381" s="1" t="s">
        <v>199249</v>
      </c>
      <c r="B59381" s="1" t="s">
        <v>199134</v>
      </c>
      <c r="C59381" s="1" t="s">
        <v>70</v>
      </c>
      <c r="D59381" s="1" t="s">
        <v>65839</v>
      </c>
      <c r="E59381" s="1" t="s">
        <v>199289</v>
      </c>
      <c r="F59381" s="1" t="s">
        <v>199290</v>
      </c>
      <c r="G59381" s="1" t="s">
        <v>199252</v>
      </c>
      <c r="H59381" s="1" t="s">
        <v>199253</v>
      </c>
      <c r="I59381" s="1" t="s">
        <v>199140</v>
      </c>
      <c r="J59381" s="1" t="s">
        <v>199291</v>
      </c>
    </row>
    <row r="59382" spans="1:10" x14ac:dyDescent="0.35">
      <c r="A59382" s="1" t="s">
        <v>199249</v>
      </c>
      <c r="B59382" s="1" t="s">
        <v>199134</v>
      </c>
      <c r="C59382" s="1" t="s">
        <v>75</v>
      </c>
      <c r="D59382" s="1" t="s">
        <v>62854</v>
      </c>
      <c r="E59382" s="1" t="s">
        <v>199292</v>
      </c>
      <c r="F59382" s="1" t="s">
        <v>199293</v>
      </c>
      <c r="G59382" s="1" t="s">
        <v>199252</v>
      </c>
      <c r="H59382" s="1" t="s">
        <v>199253</v>
      </c>
      <c r="I59382" s="1" t="s">
        <v>199140</v>
      </c>
      <c r="J59382" s="1" t="s">
        <v>199294</v>
      </c>
    </row>
    <row r="59383" spans="1:10" x14ac:dyDescent="0.35">
      <c r="A59383" s="1" t="s">
        <v>199249</v>
      </c>
      <c r="B59383" s="1" t="s">
        <v>199134</v>
      </c>
      <c r="C59383" s="1" t="s">
        <v>80</v>
      </c>
      <c r="D59383" s="1" t="s">
        <v>199295</v>
      </c>
      <c r="E59383" s="1" t="s">
        <v>199296</v>
      </c>
      <c r="F59383" s="1" t="s">
        <v>199297</v>
      </c>
      <c r="G59383" s="1" t="s">
        <v>199252</v>
      </c>
      <c r="H59383" s="1" t="s">
        <v>199253</v>
      </c>
      <c r="I59383" s="1" t="s">
        <v>199140</v>
      </c>
      <c r="J59383" s="1" t="s">
        <v>199298</v>
      </c>
    </row>
    <row r="59384" spans="1:10" x14ac:dyDescent="0.35">
      <c r="A59384" s="1" t="s">
        <v>199249</v>
      </c>
      <c r="B59384" s="1" t="s">
        <v>199134</v>
      </c>
      <c r="C59384" s="1" t="s">
        <v>85</v>
      </c>
      <c r="D59384" s="1" t="s">
        <v>199299</v>
      </c>
      <c r="E59384" s="1" t="s">
        <v>199300</v>
      </c>
      <c r="F59384" s="1" t="s">
        <v>199301</v>
      </c>
      <c r="G59384" s="1" t="s">
        <v>199252</v>
      </c>
      <c r="H59384" s="1" t="s">
        <v>199253</v>
      </c>
      <c r="I59384" s="1" t="s">
        <v>199140</v>
      </c>
      <c r="J59384" s="1" t="s">
        <v>199302</v>
      </c>
    </row>
    <row r="59385" spans="1:10" x14ac:dyDescent="0.35">
      <c r="A59385" s="1" t="s">
        <v>199249</v>
      </c>
      <c r="B59385" s="1" t="s">
        <v>199134</v>
      </c>
      <c r="C59385" s="1" t="s">
        <v>90</v>
      </c>
      <c r="D59385" s="1" t="s">
        <v>199303</v>
      </c>
      <c r="E59385" s="1" t="s">
        <v>199304</v>
      </c>
      <c r="F59385" s="1" t="s">
        <v>199305</v>
      </c>
      <c r="G59385" s="1" t="s">
        <v>199252</v>
      </c>
      <c r="H59385" s="1" t="s">
        <v>199253</v>
      </c>
      <c r="I59385" s="1" t="s">
        <v>199140</v>
      </c>
      <c r="J59385" s="1" t="s">
        <v>199306</v>
      </c>
    </row>
    <row r="59386" spans="1:10" x14ac:dyDescent="0.35">
      <c r="A59386" s="1" t="s">
        <v>199249</v>
      </c>
      <c r="B59386" s="1" t="s">
        <v>199134</v>
      </c>
      <c r="C59386" s="1" t="s">
        <v>95</v>
      </c>
      <c r="D59386" s="1" t="s">
        <v>199307</v>
      </c>
      <c r="E59386" s="1" t="s">
        <v>199308</v>
      </c>
      <c r="F59386" s="1" t="s">
        <v>199309</v>
      </c>
      <c r="G59386" s="1" t="s">
        <v>199252</v>
      </c>
      <c r="H59386" s="1" t="s">
        <v>199253</v>
      </c>
      <c r="I59386" s="1" t="s">
        <v>199140</v>
      </c>
      <c r="J59386" s="1" t="s">
        <v>199310</v>
      </c>
    </row>
    <row r="59387" spans="1:10" x14ac:dyDescent="0.35">
      <c r="A59387" s="1" t="s">
        <v>199249</v>
      </c>
      <c r="B59387" s="1" t="s">
        <v>199134</v>
      </c>
      <c r="C59387" s="1" t="s">
        <v>100</v>
      </c>
      <c r="D59387" s="1" t="s">
        <v>98113</v>
      </c>
      <c r="E59387" s="1" t="s">
        <v>199311</v>
      </c>
      <c r="F59387" s="1" t="s">
        <v>199312</v>
      </c>
      <c r="G59387" s="1" t="s">
        <v>199252</v>
      </c>
      <c r="H59387" s="1" t="s">
        <v>199253</v>
      </c>
      <c r="I59387" s="1" t="s">
        <v>199140</v>
      </c>
      <c r="J59387" s="1" t="s">
        <v>199313</v>
      </c>
    </row>
    <row r="59388" spans="1:10" x14ac:dyDescent="0.35">
      <c r="A59388" s="1" t="s">
        <v>199249</v>
      </c>
      <c r="B59388" s="1" t="s">
        <v>199134</v>
      </c>
      <c r="C59388" s="1" t="s">
        <v>105</v>
      </c>
      <c r="D59388" s="1" t="s">
        <v>199314</v>
      </c>
      <c r="E59388" s="1" t="s">
        <v>199315</v>
      </c>
      <c r="F59388" s="1" t="s">
        <v>199316</v>
      </c>
      <c r="G59388" s="1" t="s">
        <v>199252</v>
      </c>
      <c r="H59388" s="1" t="s">
        <v>199253</v>
      </c>
      <c r="I59388" s="1" t="s">
        <v>199140</v>
      </c>
      <c r="J59388" s="1" t="s">
        <v>199317</v>
      </c>
    </row>
    <row r="59389" spans="1:10" x14ac:dyDescent="0.35">
      <c r="A59389" s="1" t="s">
        <v>199249</v>
      </c>
      <c r="B59389" s="1" t="s">
        <v>199134</v>
      </c>
      <c r="C59389" s="1" t="s">
        <v>110</v>
      </c>
      <c r="D59389" s="1" t="s">
        <v>199318</v>
      </c>
      <c r="E59389" s="1" t="s">
        <v>199319</v>
      </c>
      <c r="F59389" s="1" t="s">
        <v>199320</v>
      </c>
      <c r="G59389" s="1" t="s">
        <v>199252</v>
      </c>
      <c r="H59389" s="1" t="s">
        <v>199253</v>
      </c>
      <c r="I59389" s="1" t="s">
        <v>199140</v>
      </c>
      <c r="J59389" s="1" t="s">
        <v>199321</v>
      </c>
    </row>
    <row r="59390" spans="1:10" x14ac:dyDescent="0.35">
      <c r="A59390" s="1" t="s">
        <v>199249</v>
      </c>
      <c r="B59390" s="1" t="s">
        <v>199134</v>
      </c>
      <c r="C59390" s="1" t="s">
        <v>115</v>
      </c>
      <c r="D59390" s="1" t="s">
        <v>199322</v>
      </c>
      <c r="E59390" s="1" t="s">
        <v>199323</v>
      </c>
      <c r="F59390" s="1" t="s">
        <v>199324</v>
      </c>
      <c r="G59390" s="1" t="s">
        <v>199252</v>
      </c>
      <c r="H59390" s="1" t="s">
        <v>199253</v>
      </c>
      <c r="I59390" s="1" t="s">
        <v>199140</v>
      </c>
      <c r="J59390" s="1" t="s">
        <v>199325</v>
      </c>
    </row>
    <row r="59391" spans="1:10" x14ac:dyDescent="0.35">
      <c r="A59391" s="1" t="s">
        <v>199249</v>
      </c>
      <c r="B59391" s="1" t="s">
        <v>199134</v>
      </c>
      <c r="C59391" s="1" t="s">
        <v>120</v>
      </c>
      <c r="D59391" s="1" t="s">
        <v>89273</v>
      </c>
      <c r="E59391" s="1" t="s">
        <v>199326</v>
      </c>
      <c r="F59391" s="1" t="s">
        <v>199327</v>
      </c>
      <c r="G59391" s="1" t="s">
        <v>199252</v>
      </c>
      <c r="H59391" s="1" t="s">
        <v>199253</v>
      </c>
      <c r="I59391" s="1" t="s">
        <v>199140</v>
      </c>
      <c r="J59391" s="1" t="s">
        <v>199328</v>
      </c>
    </row>
    <row r="59392" spans="1:10" x14ac:dyDescent="0.35">
      <c r="A59392" s="1" t="s">
        <v>199249</v>
      </c>
      <c r="B59392" s="1" t="s">
        <v>199134</v>
      </c>
      <c r="C59392" s="1" t="s">
        <v>125</v>
      </c>
      <c r="D59392" s="1" t="s">
        <v>62011</v>
      </c>
      <c r="E59392" s="1" t="s">
        <v>199329</v>
      </c>
      <c r="F59392" s="1" t="s">
        <v>199330</v>
      </c>
      <c r="G59392" s="1" t="s">
        <v>199252</v>
      </c>
      <c r="H59392" s="1" t="s">
        <v>199253</v>
      </c>
      <c r="I59392" s="1" t="s">
        <v>199140</v>
      </c>
      <c r="J59392" s="1" t="s">
        <v>199331</v>
      </c>
    </row>
    <row r="59393" spans="1:10" x14ac:dyDescent="0.35">
      <c r="A59393" s="1" t="s">
        <v>199249</v>
      </c>
      <c r="B59393" s="1" t="s">
        <v>199134</v>
      </c>
      <c r="C59393" s="1" t="s">
        <v>130</v>
      </c>
      <c r="D59393" s="1" t="s">
        <v>39876</v>
      </c>
      <c r="E59393" s="1" t="s">
        <v>199332</v>
      </c>
      <c r="F59393" s="1" t="s">
        <v>199333</v>
      </c>
      <c r="G59393" s="1" t="s">
        <v>199252</v>
      </c>
      <c r="H59393" s="1" t="s">
        <v>199253</v>
      </c>
      <c r="I59393" s="1" t="s">
        <v>199140</v>
      </c>
      <c r="J59393" s="1" t="s">
        <v>199334</v>
      </c>
    </row>
    <row r="59394" spans="1:10" x14ac:dyDescent="0.35">
      <c r="A59394" s="1" t="s">
        <v>199249</v>
      </c>
      <c r="B59394" s="1" t="s">
        <v>199134</v>
      </c>
      <c r="C59394" s="1" t="s">
        <v>135</v>
      </c>
      <c r="D59394" s="1" t="s">
        <v>199335</v>
      </c>
      <c r="E59394" s="1" t="s">
        <v>199336</v>
      </c>
      <c r="F59394" s="1" t="s">
        <v>199337</v>
      </c>
      <c r="G59394" s="1" t="s">
        <v>199252</v>
      </c>
      <c r="H59394" s="1" t="s">
        <v>199253</v>
      </c>
      <c r="I59394" s="1" t="s">
        <v>199140</v>
      </c>
      <c r="J59394" s="1" t="s">
        <v>199338</v>
      </c>
    </row>
    <row r="59395" spans="1:10" x14ac:dyDescent="0.35">
      <c r="A59395" s="1" t="s">
        <v>199249</v>
      </c>
      <c r="B59395" s="1" t="s">
        <v>199134</v>
      </c>
      <c r="C59395" s="1" t="s">
        <v>140</v>
      </c>
      <c r="D59395" s="1" t="s">
        <v>199339</v>
      </c>
      <c r="E59395" s="1" t="s">
        <v>199340</v>
      </c>
      <c r="F59395" s="1" t="s">
        <v>199341</v>
      </c>
      <c r="G59395" s="1" t="s">
        <v>199252</v>
      </c>
      <c r="H59395" s="1" t="s">
        <v>199253</v>
      </c>
      <c r="I59395" s="1" t="s">
        <v>199140</v>
      </c>
      <c r="J59395" s="1" t="s">
        <v>199342</v>
      </c>
    </row>
    <row r="59396" spans="1:10" x14ac:dyDescent="0.35">
      <c r="A59396" s="1" t="s">
        <v>199249</v>
      </c>
      <c r="B59396" s="1" t="s">
        <v>199134</v>
      </c>
      <c r="C59396" s="1" t="s">
        <v>145</v>
      </c>
      <c r="D59396" s="1" t="s">
        <v>24642</v>
      </c>
      <c r="E59396" s="1" t="s">
        <v>199343</v>
      </c>
      <c r="F59396" s="1" t="s">
        <v>199344</v>
      </c>
      <c r="G59396" s="1" t="s">
        <v>199252</v>
      </c>
      <c r="H59396" s="1" t="s">
        <v>199253</v>
      </c>
      <c r="I59396" s="1" t="s">
        <v>199140</v>
      </c>
      <c r="J59396" s="1" t="s">
        <v>199345</v>
      </c>
    </row>
    <row r="59397" spans="1:10" x14ac:dyDescent="0.35">
      <c r="A59397" s="1" t="s">
        <v>199249</v>
      </c>
      <c r="B59397" s="1" t="s">
        <v>199134</v>
      </c>
      <c r="C59397" s="1" t="s">
        <v>150</v>
      </c>
      <c r="D59397" s="1" t="s">
        <v>65863</v>
      </c>
      <c r="E59397" s="1" t="s">
        <v>199346</v>
      </c>
      <c r="F59397" s="1" t="s">
        <v>199347</v>
      </c>
      <c r="G59397" s="1" t="s">
        <v>199252</v>
      </c>
      <c r="H59397" s="1" t="s">
        <v>199253</v>
      </c>
      <c r="I59397" s="1" t="s">
        <v>199140</v>
      </c>
      <c r="J59397" s="1" t="s">
        <v>199348</v>
      </c>
    </row>
    <row r="59398" spans="1:10" x14ac:dyDescent="0.35">
      <c r="A59398" s="1" t="s">
        <v>199249</v>
      </c>
      <c r="B59398" s="1" t="s">
        <v>199134</v>
      </c>
      <c r="C59398" s="1" t="s">
        <v>155</v>
      </c>
      <c r="D59398" s="1" t="s">
        <v>101331</v>
      </c>
      <c r="E59398" s="1" t="s">
        <v>199349</v>
      </c>
      <c r="F59398" s="1" t="s">
        <v>199350</v>
      </c>
      <c r="G59398" s="1" t="s">
        <v>199252</v>
      </c>
      <c r="H59398" s="1" t="s">
        <v>199253</v>
      </c>
      <c r="I59398" s="1" t="s">
        <v>199140</v>
      </c>
      <c r="J59398" s="1" t="s">
        <v>199351</v>
      </c>
    </row>
    <row r="59399" spans="1:10" x14ac:dyDescent="0.35">
      <c r="A59399" s="1" t="s">
        <v>199249</v>
      </c>
      <c r="B59399" s="1" t="s">
        <v>199134</v>
      </c>
      <c r="C59399" s="1" t="s">
        <v>160</v>
      </c>
      <c r="D59399" s="1" t="s">
        <v>128770</v>
      </c>
      <c r="E59399" s="1" t="s">
        <v>199352</v>
      </c>
      <c r="F59399" s="1" t="s">
        <v>199353</v>
      </c>
      <c r="G59399" s="1" t="s">
        <v>199252</v>
      </c>
      <c r="H59399" s="1" t="s">
        <v>199253</v>
      </c>
      <c r="I59399" s="1" t="s">
        <v>199140</v>
      </c>
      <c r="J59399" s="1" t="s">
        <v>199354</v>
      </c>
    </row>
    <row r="59400" spans="1:10" x14ac:dyDescent="0.35">
      <c r="A59400" s="1" t="s">
        <v>199249</v>
      </c>
      <c r="B59400" s="1" t="s">
        <v>199134</v>
      </c>
      <c r="C59400" s="1" t="s">
        <v>165</v>
      </c>
      <c r="D59400" s="1" t="s">
        <v>199355</v>
      </c>
      <c r="E59400" s="1" t="s">
        <v>199356</v>
      </c>
      <c r="F59400" s="1" t="s">
        <v>199357</v>
      </c>
      <c r="G59400" s="1" t="s">
        <v>199252</v>
      </c>
      <c r="H59400" s="1" t="s">
        <v>199253</v>
      </c>
      <c r="I59400" s="1" t="s">
        <v>199140</v>
      </c>
      <c r="J59400" s="1" t="s">
        <v>199358</v>
      </c>
    </row>
    <row r="59401" spans="1:10" x14ac:dyDescent="0.35">
      <c r="A59401" s="1" t="s">
        <v>199249</v>
      </c>
      <c r="B59401" s="1" t="s">
        <v>199134</v>
      </c>
      <c r="C59401" s="1" t="s">
        <v>170</v>
      </c>
      <c r="D59401" s="1" t="s">
        <v>23680</v>
      </c>
      <c r="E59401" s="1" t="s">
        <v>199359</v>
      </c>
      <c r="F59401" s="1" t="s">
        <v>199360</v>
      </c>
      <c r="G59401" s="1" t="s">
        <v>199252</v>
      </c>
      <c r="H59401" s="1" t="s">
        <v>199253</v>
      </c>
      <c r="I59401" s="1" t="s">
        <v>199140</v>
      </c>
      <c r="J59401" s="1" t="s">
        <v>199361</v>
      </c>
    </row>
    <row r="59402" spans="1:10" x14ac:dyDescent="0.35">
      <c r="A59402" s="1" t="s">
        <v>27798</v>
      </c>
      <c r="B59402" s="1" t="s">
        <v>199134</v>
      </c>
      <c r="C59402" s="1" t="s">
        <v>8</v>
      </c>
      <c r="D59402" s="1" t="s">
        <v>199362</v>
      </c>
      <c r="E59402" s="1" t="s">
        <v>199363</v>
      </c>
      <c r="F59402" s="1" t="s">
        <v>199364</v>
      </c>
      <c r="G59402" s="1" t="s">
        <v>199365</v>
      </c>
      <c r="H59402" s="1" t="s">
        <v>199366</v>
      </c>
      <c r="I59402" s="1" t="s">
        <v>199140</v>
      </c>
      <c r="J59402" s="1" t="s">
        <v>13</v>
      </c>
    </row>
    <row r="59403" spans="1:10" x14ac:dyDescent="0.35">
      <c r="A59403" s="1" t="s">
        <v>27798</v>
      </c>
      <c r="B59403" s="1" t="s">
        <v>199134</v>
      </c>
      <c r="C59403" s="1" t="s">
        <v>15</v>
      </c>
      <c r="D59403" s="1" t="s">
        <v>199367</v>
      </c>
      <c r="E59403" s="1" t="s">
        <v>199368</v>
      </c>
      <c r="F59403" s="1" t="s">
        <v>199369</v>
      </c>
      <c r="G59403" s="1" t="s">
        <v>199365</v>
      </c>
      <c r="H59403" s="1" t="s">
        <v>199366</v>
      </c>
      <c r="I59403" s="1" t="s">
        <v>199140</v>
      </c>
      <c r="J59403" s="1" t="s">
        <v>199370</v>
      </c>
    </row>
    <row r="59404" spans="1:10" x14ac:dyDescent="0.35">
      <c r="A59404" s="1" t="s">
        <v>27798</v>
      </c>
      <c r="B59404" s="1" t="s">
        <v>199134</v>
      </c>
      <c r="C59404" s="1" t="s">
        <v>20</v>
      </c>
      <c r="D59404" s="1" t="s">
        <v>75698</v>
      </c>
      <c r="E59404" s="1" t="s">
        <v>199371</v>
      </c>
      <c r="F59404" s="1" t="s">
        <v>199372</v>
      </c>
      <c r="G59404" s="1" t="s">
        <v>199365</v>
      </c>
      <c r="H59404" s="1" t="s">
        <v>199366</v>
      </c>
      <c r="I59404" s="1" t="s">
        <v>199140</v>
      </c>
      <c r="J59404" s="1" t="s">
        <v>199373</v>
      </c>
    </row>
    <row r="59405" spans="1:10" x14ac:dyDescent="0.35">
      <c r="A59405" s="1" t="s">
        <v>27798</v>
      </c>
      <c r="B59405" s="1" t="s">
        <v>199134</v>
      </c>
      <c r="C59405" s="1" t="s">
        <v>25</v>
      </c>
      <c r="D59405" s="1" t="s">
        <v>199374</v>
      </c>
      <c r="E59405" s="1" t="s">
        <v>199375</v>
      </c>
      <c r="F59405" s="1" t="s">
        <v>199376</v>
      </c>
      <c r="G59405" s="1" t="s">
        <v>199365</v>
      </c>
      <c r="H59405" s="1" t="s">
        <v>199366</v>
      </c>
      <c r="I59405" s="1" t="s">
        <v>199140</v>
      </c>
      <c r="J59405" s="1" t="s">
        <v>199377</v>
      </c>
    </row>
    <row r="59406" spans="1:10" x14ac:dyDescent="0.35">
      <c r="A59406" s="1" t="s">
        <v>27798</v>
      </c>
      <c r="B59406" s="1" t="s">
        <v>199134</v>
      </c>
      <c r="C59406" s="1" t="s">
        <v>30</v>
      </c>
      <c r="D59406" s="1" t="s">
        <v>90871</v>
      </c>
      <c r="E59406" s="1" t="s">
        <v>199378</v>
      </c>
      <c r="F59406" s="1" t="s">
        <v>199379</v>
      </c>
      <c r="G59406" s="1" t="s">
        <v>199365</v>
      </c>
      <c r="H59406" s="1" t="s">
        <v>199366</v>
      </c>
      <c r="I59406" s="1" t="s">
        <v>199140</v>
      </c>
      <c r="J59406" s="1" t="s">
        <v>199380</v>
      </c>
    </row>
    <row r="59407" spans="1:10" x14ac:dyDescent="0.35">
      <c r="A59407" s="1" t="s">
        <v>27798</v>
      </c>
      <c r="B59407" s="1" t="s">
        <v>199134</v>
      </c>
      <c r="C59407" s="1" t="s">
        <v>35</v>
      </c>
      <c r="D59407" s="1" t="s">
        <v>92603</v>
      </c>
      <c r="E59407" s="1" t="s">
        <v>199381</v>
      </c>
      <c r="F59407" s="1" t="s">
        <v>199382</v>
      </c>
      <c r="G59407" s="1" t="s">
        <v>199365</v>
      </c>
      <c r="H59407" s="1" t="s">
        <v>199366</v>
      </c>
      <c r="I59407" s="1" t="s">
        <v>199140</v>
      </c>
      <c r="J59407" s="1" t="s">
        <v>199383</v>
      </c>
    </row>
    <row r="59408" spans="1:10" x14ac:dyDescent="0.35">
      <c r="A59408" s="1" t="s">
        <v>27798</v>
      </c>
      <c r="B59408" s="1" t="s">
        <v>199134</v>
      </c>
      <c r="C59408" s="1" t="s">
        <v>40</v>
      </c>
      <c r="D59408" s="1" t="s">
        <v>54502</v>
      </c>
      <c r="E59408" s="1" t="s">
        <v>199384</v>
      </c>
      <c r="F59408" s="1" t="s">
        <v>199385</v>
      </c>
      <c r="G59408" s="1" t="s">
        <v>199365</v>
      </c>
      <c r="H59408" s="1" t="s">
        <v>199366</v>
      </c>
      <c r="I59408" s="1" t="s">
        <v>199140</v>
      </c>
      <c r="J59408" s="1" t="s">
        <v>199386</v>
      </c>
    </row>
    <row r="59409" spans="1:10" x14ac:dyDescent="0.35">
      <c r="A59409" s="1" t="s">
        <v>27798</v>
      </c>
      <c r="B59409" s="1" t="s">
        <v>199134</v>
      </c>
      <c r="C59409" s="1" t="s">
        <v>45</v>
      </c>
      <c r="D59409" s="1" t="s">
        <v>23460</v>
      </c>
      <c r="E59409" s="1" t="s">
        <v>199387</v>
      </c>
      <c r="F59409" s="1" t="s">
        <v>199388</v>
      </c>
      <c r="G59409" s="1" t="s">
        <v>199365</v>
      </c>
      <c r="H59409" s="1" t="s">
        <v>199366</v>
      </c>
      <c r="I59409" s="1" t="s">
        <v>199140</v>
      </c>
      <c r="J59409" s="1" t="s">
        <v>199389</v>
      </c>
    </row>
    <row r="59410" spans="1:10" x14ac:dyDescent="0.35">
      <c r="A59410" s="1" t="s">
        <v>27798</v>
      </c>
      <c r="B59410" s="1" t="s">
        <v>199134</v>
      </c>
      <c r="C59410" s="1" t="s">
        <v>50</v>
      </c>
      <c r="D59410" s="1" t="s">
        <v>199390</v>
      </c>
      <c r="E59410" s="1" t="s">
        <v>199391</v>
      </c>
      <c r="F59410" s="1" t="s">
        <v>199392</v>
      </c>
      <c r="G59410" s="1" t="s">
        <v>199365</v>
      </c>
      <c r="H59410" s="1" t="s">
        <v>199366</v>
      </c>
      <c r="I59410" s="1" t="s">
        <v>199140</v>
      </c>
      <c r="J59410" s="1" t="s">
        <v>199393</v>
      </c>
    </row>
    <row r="59411" spans="1:10" x14ac:dyDescent="0.35">
      <c r="A59411" s="1" t="s">
        <v>27798</v>
      </c>
      <c r="B59411" s="1" t="s">
        <v>199134</v>
      </c>
      <c r="C59411" s="1" t="s">
        <v>55</v>
      </c>
      <c r="D59411" s="1" t="s">
        <v>88993</v>
      </c>
      <c r="E59411" s="1" t="s">
        <v>199394</v>
      </c>
      <c r="F59411" s="1" t="s">
        <v>199395</v>
      </c>
      <c r="G59411" s="1" t="s">
        <v>199365</v>
      </c>
      <c r="H59411" s="1" t="s">
        <v>199366</v>
      </c>
      <c r="I59411" s="1" t="s">
        <v>199140</v>
      </c>
      <c r="J59411" s="1" t="s">
        <v>199396</v>
      </c>
    </row>
    <row r="59412" spans="1:10" x14ac:dyDescent="0.35">
      <c r="A59412" s="1" t="s">
        <v>27798</v>
      </c>
      <c r="B59412" s="1" t="s">
        <v>199134</v>
      </c>
      <c r="C59412" s="1" t="s">
        <v>60</v>
      </c>
      <c r="D59412" s="1" t="s">
        <v>199397</v>
      </c>
      <c r="E59412" s="1" t="s">
        <v>199398</v>
      </c>
      <c r="F59412" s="1" t="s">
        <v>199399</v>
      </c>
      <c r="G59412" s="1" t="s">
        <v>199365</v>
      </c>
      <c r="H59412" s="1" t="s">
        <v>199366</v>
      </c>
      <c r="I59412" s="1" t="s">
        <v>199140</v>
      </c>
      <c r="J59412" s="1" t="s">
        <v>199400</v>
      </c>
    </row>
    <row r="59413" spans="1:10" x14ac:dyDescent="0.35">
      <c r="A59413" s="1" t="s">
        <v>27798</v>
      </c>
      <c r="B59413" s="1" t="s">
        <v>199134</v>
      </c>
      <c r="C59413" s="1" t="s">
        <v>65</v>
      </c>
      <c r="D59413" s="1" t="s">
        <v>78287</v>
      </c>
      <c r="E59413" s="1" t="s">
        <v>199401</v>
      </c>
      <c r="F59413" s="1" t="s">
        <v>199402</v>
      </c>
      <c r="G59413" s="1" t="s">
        <v>199365</v>
      </c>
      <c r="H59413" s="1" t="s">
        <v>199366</v>
      </c>
      <c r="I59413" s="1" t="s">
        <v>199140</v>
      </c>
      <c r="J59413" s="1" t="s">
        <v>199403</v>
      </c>
    </row>
    <row r="59414" spans="1:10" x14ac:dyDescent="0.35">
      <c r="A59414" s="1" t="s">
        <v>27798</v>
      </c>
      <c r="B59414" s="1" t="s">
        <v>199134</v>
      </c>
      <c r="C59414" s="1" t="s">
        <v>70</v>
      </c>
      <c r="D59414" s="1" t="s">
        <v>5266</v>
      </c>
      <c r="E59414" s="1" t="s">
        <v>199404</v>
      </c>
      <c r="F59414" s="1" t="s">
        <v>199405</v>
      </c>
      <c r="G59414" s="1" t="s">
        <v>199365</v>
      </c>
      <c r="H59414" s="1" t="s">
        <v>199366</v>
      </c>
      <c r="I59414" s="1" t="s">
        <v>199140</v>
      </c>
      <c r="J59414" s="1" t="s">
        <v>199406</v>
      </c>
    </row>
    <row r="59415" spans="1:10" x14ac:dyDescent="0.35">
      <c r="A59415" s="1" t="s">
        <v>27798</v>
      </c>
      <c r="B59415" s="1" t="s">
        <v>199134</v>
      </c>
      <c r="C59415" s="1" t="s">
        <v>75</v>
      </c>
      <c r="D59415" s="1" t="s">
        <v>106292</v>
      </c>
      <c r="E59415" s="1" t="s">
        <v>199407</v>
      </c>
      <c r="F59415" s="1" t="s">
        <v>199408</v>
      </c>
      <c r="G59415" s="1" t="s">
        <v>199365</v>
      </c>
      <c r="H59415" s="1" t="s">
        <v>199366</v>
      </c>
      <c r="I59415" s="1" t="s">
        <v>199140</v>
      </c>
      <c r="J59415" s="1" t="s">
        <v>199409</v>
      </c>
    </row>
    <row r="59416" spans="1:10" x14ac:dyDescent="0.35">
      <c r="A59416" s="1" t="s">
        <v>27798</v>
      </c>
      <c r="B59416" s="1" t="s">
        <v>199134</v>
      </c>
      <c r="C59416" s="1" t="s">
        <v>80</v>
      </c>
      <c r="D59416" s="1" t="s">
        <v>63828</v>
      </c>
      <c r="E59416" s="1" t="s">
        <v>199410</v>
      </c>
      <c r="F59416" s="1" t="s">
        <v>199411</v>
      </c>
      <c r="G59416" s="1" t="s">
        <v>199365</v>
      </c>
      <c r="H59416" s="1" t="s">
        <v>199366</v>
      </c>
      <c r="I59416" s="1" t="s">
        <v>199140</v>
      </c>
      <c r="J59416" s="1" t="s">
        <v>199412</v>
      </c>
    </row>
    <row r="59417" spans="1:10" x14ac:dyDescent="0.35">
      <c r="A59417" s="1" t="s">
        <v>27798</v>
      </c>
      <c r="B59417" s="1" t="s">
        <v>199134</v>
      </c>
      <c r="C59417" s="1" t="s">
        <v>85</v>
      </c>
      <c r="D59417" s="1" t="s">
        <v>22675</v>
      </c>
      <c r="E59417" s="1" t="s">
        <v>199413</v>
      </c>
      <c r="F59417" s="1" t="s">
        <v>199414</v>
      </c>
      <c r="G59417" s="1" t="s">
        <v>199365</v>
      </c>
      <c r="H59417" s="1" t="s">
        <v>199366</v>
      </c>
      <c r="I59417" s="1" t="s">
        <v>199140</v>
      </c>
      <c r="J59417" s="1" t="s">
        <v>199415</v>
      </c>
    </row>
    <row r="59418" spans="1:10" x14ac:dyDescent="0.35">
      <c r="A59418" s="1" t="s">
        <v>27798</v>
      </c>
      <c r="B59418" s="1" t="s">
        <v>199134</v>
      </c>
      <c r="C59418" s="1" t="s">
        <v>90</v>
      </c>
      <c r="D59418" s="1" t="s">
        <v>22149</v>
      </c>
      <c r="E59418" s="1" t="s">
        <v>199416</v>
      </c>
      <c r="F59418" s="1" t="s">
        <v>199417</v>
      </c>
      <c r="G59418" s="1" t="s">
        <v>199365</v>
      </c>
      <c r="H59418" s="1" t="s">
        <v>199366</v>
      </c>
      <c r="I59418" s="1" t="s">
        <v>199140</v>
      </c>
      <c r="J59418" s="1" t="s">
        <v>199418</v>
      </c>
    </row>
    <row r="59419" spans="1:10" x14ac:dyDescent="0.35">
      <c r="A59419" s="1" t="s">
        <v>27798</v>
      </c>
      <c r="B59419" s="1" t="s">
        <v>199134</v>
      </c>
      <c r="C59419" s="1" t="s">
        <v>95</v>
      </c>
      <c r="D59419" s="1" t="s">
        <v>96223</v>
      </c>
      <c r="E59419" s="1" t="s">
        <v>199419</v>
      </c>
      <c r="F59419" s="1" t="s">
        <v>199420</v>
      </c>
      <c r="G59419" s="1" t="s">
        <v>199365</v>
      </c>
      <c r="H59419" s="1" t="s">
        <v>199366</v>
      </c>
      <c r="I59419" s="1" t="s">
        <v>199140</v>
      </c>
      <c r="J59419" s="1" t="s">
        <v>199421</v>
      </c>
    </row>
    <row r="59420" spans="1:10" x14ac:dyDescent="0.35">
      <c r="A59420" s="1" t="s">
        <v>27798</v>
      </c>
      <c r="B59420" s="1" t="s">
        <v>199134</v>
      </c>
      <c r="C59420" s="1" t="s">
        <v>100</v>
      </c>
      <c r="D59420" s="1" t="s">
        <v>62834</v>
      </c>
      <c r="E59420" s="1" t="s">
        <v>199422</v>
      </c>
      <c r="F59420" s="1" t="s">
        <v>199423</v>
      </c>
      <c r="G59420" s="1" t="s">
        <v>199365</v>
      </c>
      <c r="H59420" s="1" t="s">
        <v>199366</v>
      </c>
      <c r="I59420" s="1" t="s">
        <v>199140</v>
      </c>
      <c r="J59420" s="1" t="s">
        <v>199424</v>
      </c>
    </row>
    <row r="59421" spans="1:10" x14ac:dyDescent="0.35">
      <c r="A59421" s="1" t="s">
        <v>27798</v>
      </c>
      <c r="B59421" s="1" t="s">
        <v>199134</v>
      </c>
      <c r="C59421" s="1" t="s">
        <v>105</v>
      </c>
      <c r="D59421" s="1" t="s">
        <v>175842</v>
      </c>
      <c r="E59421" s="1" t="s">
        <v>199425</v>
      </c>
      <c r="F59421" s="1" t="s">
        <v>199426</v>
      </c>
      <c r="G59421" s="1" t="s">
        <v>199365</v>
      </c>
      <c r="H59421" s="1" t="s">
        <v>199366</v>
      </c>
      <c r="I59421" s="1" t="s">
        <v>199140</v>
      </c>
      <c r="J59421" s="1" t="s">
        <v>199427</v>
      </c>
    </row>
    <row r="59422" spans="1:10" x14ac:dyDescent="0.35">
      <c r="A59422" s="1" t="s">
        <v>27798</v>
      </c>
      <c r="B59422" s="1" t="s">
        <v>199134</v>
      </c>
      <c r="C59422" s="1" t="s">
        <v>110</v>
      </c>
      <c r="D59422" s="1" t="s">
        <v>90082</v>
      </c>
      <c r="E59422" s="1" t="s">
        <v>199428</v>
      </c>
      <c r="F59422" s="1" t="s">
        <v>199429</v>
      </c>
      <c r="G59422" s="1" t="s">
        <v>199365</v>
      </c>
      <c r="H59422" s="1" t="s">
        <v>199366</v>
      </c>
      <c r="I59422" s="1" t="s">
        <v>199140</v>
      </c>
      <c r="J59422" s="1" t="s">
        <v>199430</v>
      </c>
    </row>
    <row r="59423" spans="1:10" x14ac:dyDescent="0.35">
      <c r="A59423" s="1" t="s">
        <v>27798</v>
      </c>
      <c r="B59423" s="1" t="s">
        <v>199134</v>
      </c>
      <c r="C59423" s="1" t="s">
        <v>115</v>
      </c>
      <c r="D59423" s="1" t="s">
        <v>15152</v>
      </c>
      <c r="E59423" s="1" t="s">
        <v>199431</v>
      </c>
      <c r="F59423" s="1" t="s">
        <v>199432</v>
      </c>
      <c r="G59423" s="1" t="s">
        <v>199365</v>
      </c>
      <c r="H59423" s="1" t="s">
        <v>199366</v>
      </c>
      <c r="I59423" s="1" t="s">
        <v>199140</v>
      </c>
      <c r="J59423" s="1" t="s">
        <v>199433</v>
      </c>
    </row>
    <row r="59424" spans="1:10" x14ac:dyDescent="0.35">
      <c r="A59424" s="1" t="s">
        <v>27798</v>
      </c>
      <c r="B59424" s="1" t="s">
        <v>199134</v>
      </c>
      <c r="C59424" s="1" t="s">
        <v>120</v>
      </c>
      <c r="D59424" s="1" t="s">
        <v>96525</v>
      </c>
      <c r="E59424" s="1" t="s">
        <v>199434</v>
      </c>
      <c r="F59424" s="1" t="s">
        <v>199435</v>
      </c>
      <c r="G59424" s="1" t="s">
        <v>199365</v>
      </c>
      <c r="H59424" s="1" t="s">
        <v>199366</v>
      </c>
      <c r="I59424" s="1" t="s">
        <v>199140</v>
      </c>
      <c r="J59424" s="1" t="s">
        <v>199436</v>
      </c>
    </row>
    <row r="59425" spans="1:10" x14ac:dyDescent="0.35">
      <c r="A59425" s="1" t="s">
        <v>27798</v>
      </c>
      <c r="B59425" s="1" t="s">
        <v>199134</v>
      </c>
      <c r="C59425" s="1" t="s">
        <v>125</v>
      </c>
      <c r="D59425" s="1" t="s">
        <v>138545</v>
      </c>
      <c r="E59425" s="1" t="s">
        <v>199437</v>
      </c>
      <c r="F59425" s="1" t="s">
        <v>199438</v>
      </c>
      <c r="G59425" s="1" t="s">
        <v>199365</v>
      </c>
      <c r="H59425" s="1" t="s">
        <v>199366</v>
      </c>
      <c r="I59425" s="1" t="s">
        <v>199140</v>
      </c>
      <c r="J59425" s="1" t="s">
        <v>199439</v>
      </c>
    </row>
    <row r="59426" spans="1:10" x14ac:dyDescent="0.35">
      <c r="A59426" s="1" t="s">
        <v>27798</v>
      </c>
      <c r="B59426" s="1" t="s">
        <v>199134</v>
      </c>
      <c r="C59426" s="1" t="s">
        <v>130</v>
      </c>
      <c r="D59426" s="1" t="s">
        <v>199440</v>
      </c>
      <c r="E59426" s="1" t="s">
        <v>199441</v>
      </c>
      <c r="F59426" s="1" t="s">
        <v>199442</v>
      </c>
      <c r="G59426" s="1" t="s">
        <v>199365</v>
      </c>
      <c r="H59426" s="1" t="s">
        <v>199366</v>
      </c>
      <c r="I59426" s="1" t="s">
        <v>199140</v>
      </c>
      <c r="J59426" s="1" t="s">
        <v>199443</v>
      </c>
    </row>
    <row r="59427" spans="1:10" x14ac:dyDescent="0.35">
      <c r="A59427" s="1" t="s">
        <v>27798</v>
      </c>
      <c r="B59427" s="1" t="s">
        <v>199134</v>
      </c>
      <c r="C59427" s="1" t="s">
        <v>135</v>
      </c>
      <c r="D59427" s="1" t="s">
        <v>54527</v>
      </c>
      <c r="E59427" s="1" t="s">
        <v>199444</v>
      </c>
      <c r="F59427" s="1" t="s">
        <v>199445</v>
      </c>
      <c r="G59427" s="1" t="s">
        <v>199365</v>
      </c>
      <c r="H59427" s="1" t="s">
        <v>199366</v>
      </c>
      <c r="I59427" s="1" t="s">
        <v>199140</v>
      </c>
      <c r="J59427" s="1" t="s">
        <v>199446</v>
      </c>
    </row>
    <row r="59428" spans="1:10" x14ac:dyDescent="0.35">
      <c r="A59428" s="1" t="s">
        <v>27798</v>
      </c>
      <c r="B59428" s="1" t="s">
        <v>199134</v>
      </c>
      <c r="C59428" s="1" t="s">
        <v>140</v>
      </c>
      <c r="D59428" s="1" t="s">
        <v>138035</v>
      </c>
      <c r="E59428" s="1" t="s">
        <v>199447</v>
      </c>
      <c r="F59428" s="1" t="s">
        <v>199448</v>
      </c>
      <c r="G59428" s="1" t="s">
        <v>199365</v>
      </c>
      <c r="H59428" s="1" t="s">
        <v>199366</v>
      </c>
      <c r="I59428" s="1" t="s">
        <v>199140</v>
      </c>
      <c r="J59428" s="1" t="s">
        <v>199449</v>
      </c>
    </row>
    <row r="59429" spans="1:10" x14ac:dyDescent="0.35">
      <c r="A59429" s="1" t="s">
        <v>27798</v>
      </c>
      <c r="B59429" s="1" t="s">
        <v>199134</v>
      </c>
      <c r="C59429" s="1" t="s">
        <v>145</v>
      </c>
      <c r="D59429" s="1" t="s">
        <v>56828</v>
      </c>
      <c r="E59429" s="1" t="s">
        <v>199450</v>
      </c>
      <c r="F59429" s="1" t="s">
        <v>199451</v>
      </c>
      <c r="G59429" s="1" t="s">
        <v>199365</v>
      </c>
      <c r="H59429" s="1" t="s">
        <v>199366</v>
      </c>
      <c r="I59429" s="1" t="s">
        <v>199140</v>
      </c>
      <c r="J59429" s="1" t="s">
        <v>199452</v>
      </c>
    </row>
    <row r="59430" spans="1:10" x14ac:dyDescent="0.35">
      <c r="A59430" s="1" t="s">
        <v>27798</v>
      </c>
      <c r="B59430" s="1" t="s">
        <v>199134</v>
      </c>
      <c r="C59430" s="1" t="s">
        <v>150</v>
      </c>
      <c r="D59430" s="1" t="s">
        <v>101096</v>
      </c>
      <c r="E59430" s="1" t="s">
        <v>199453</v>
      </c>
      <c r="F59430" s="1" t="s">
        <v>199454</v>
      </c>
      <c r="G59430" s="1" t="s">
        <v>199365</v>
      </c>
      <c r="H59430" s="1" t="s">
        <v>199366</v>
      </c>
      <c r="I59430" s="1" t="s">
        <v>199140</v>
      </c>
      <c r="J59430" s="1" t="s">
        <v>199455</v>
      </c>
    </row>
    <row r="59431" spans="1:10" x14ac:dyDescent="0.35">
      <c r="A59431" s="1" t="s">
        <v>27798</v>
      </c>
      <c r="B59431" s="1" t="s">
        <v>199134</v>
      </c>
      <c r="C59431" s="1" t="s">
        <v>155</v>
      </c>
      <c r="D59431" s="1" t="s">
        <v>199456</v>
      </c>
      <c r="E59431" s="1" t="s">
        <v>199457</v>
      </c>
      <c r="F59431" s="1" t="s">
        <v>199458</v>
      </c>
      <c r="G59431" s="1" t="s">
        <v>199365</v>
      </c>
      <c r="H59431" s="1" t="s">
        <v>199366</v>
      </c>
      <c r="I59431" s="1" t="s">
        <v>199140</v>
      </c>
      <c r="J59431" s="1" t="s">
        <v>199459</v>
      </c>
    </row>
    <row r="59432" spans="1:10" x14ac:dyDescent="0.35">
      <c r="A59432" s="1" t="s">
        <v>27798</v>
      </c>
      <c r="B59432" s="1" t="s">
        <v>199134</v>
      </c>
      <c r="C59432" s="1" t="s">
        <v>160</v>
      </c>
      <c r="D59432" s="1" t="s">
        <v>171182</v>
      </c>
      <c r="E59432" s="1" t="s">
        <v>199460</v>
      </c>
      <c r="F59432" s="1" t="s">
        <v>199461</v>
      </c>
      <c r="G59432" s="1" t="s">
        <v>199365</v>
      </c>
      <c r="H59432" s="1" t="s">
        <v>199366</v>
      </c>
      <c r="I59432" s="1" t="s">
        <v>199140</v>
      </c>
      <c r="J59432" s="1" t="s">
        <v>199462</v>
      </c>
    </row>
    <row r="59433" spans="1:10" x14ac:dyDescent="0.35">
      <c r="A59433" s="1" t="s">
        <v>27798</v>
      </c>
      <c r="B59433" s="1" t="s">
        <v>199134</v>
      </c>
      <c r="C59433" s="1" t="s">
        <v>165</v>
      </c>
      <c r="D59433" s="1" t="s">
        <v>162900</v>
      </c>
      <c r="E59433" s="1" t="s">
        <v>199463</v>
      </c>
      <c r="F59433" s="1" t="s">
        <v>199464</v>
      </c>
      <c r="G59433" s="1" t="s">
        <v>199365</v>
      </c>
      <c r="H59433" s="1" t="s">
        <v>199366</v>
      </c>
      <c r="I59433" s="1" t="s">
        <v>199140</v>
      </c>
      <c r="J59433" s="1" t="s">
        <v>199465</v>
      </c>
    </row>
    <row r="59434" spans="1:10" x14ac:dyDescent="0.35">
      <c r="A59434" s="1" t="s">
        <v>27798</v>
      </c>
      <c r="B59434" s="1" t="s">
        <v>199134</v>
      </c>
      <c r="C59434" s="1" t="s">
        <v>170</v>
      </c>
      <c r="D59434" s="1" t="s">
        <v>18607</v>
      </c>
      <c r="E59434" s="1" t="s">
        <v>199466</v>
      </c>
      <c r="F59434" s="1" t="s">
        <v>199467</v>
      </c>
      <c r="G59434" s="1" t="s">
        <v>199365</v>
      </c>
      <c r="H59434" s="1" t="s">
        <v>199366</v>
      </c>
      <c r="I59434" s="1" t="s">
        <v>199140</v>
      </c>
      <c r="J59434" s="1" t="s">
        <v>199468</v>
      </c>
    </row>
    <row r="59435" spans="1:10" x14ac:dyDescent="0.35">
      <c r="A59435" s="1" t="s">
        <v>120483</v>
      </c>
      <c r="B59435" s="1" t="s">
        <v>199134</v>
      </c>
      <c r="C59435" s="1" t="s">
        <v>8</v>
      </c>
      <c r="D59435" s="1" t="s">
        <v>106490</v>
      </c>
      <c r="E59435" s="1" t="s">
        <v>199469</v>
      </c>
      <c r="F59435" s="1" t="s">
        <v>199470</v>
      </c>
      <c r="G59435" s="1" t="s">
        <v>199471</v>
      </c>
      <c r="H59435" s="1" t="s">
        <v>199472</v>
      </c>
      <c r="I59435" s="1" t="s">
        <v>199140</v>
      </c>
      <c r="J59435" s="1" t="s">
        <v>13</v>
      </c>
    </row>
    <row r="59436" spans="1:10" x14ac:dyDescent="0.35">
      <c r="A59436" s="1" t="s">
        <v>120483</v>
      </c>
      <c r="B59436" s="1" t="s">
        <v>199134</v>
      </c>
      <c r="C59436" s="1" t="s">
        <v>15</v>
      </c>
      <c r="D59436" s="1" t="s">
        <v>199473</v>
      </c>
      <c r="E59436" s="1" t="s">
        <v>199474</v>
      </c>
      <c r="F59436" s="1" t="s">
        <v>199475</v>
      </c>
      <c r="G59436" s="1" t="s">
        <v>199471</v>
      </c>
      <c r="H59436" s="1" t="s">
        <v>199472</v>
      </c>
      <c r="I59436" s="1" t="s">
        <v>199140</v>
      </c>
      <c r="J59436" s="1" t="s">
        <v>199476</v>
      </c>
    </row>
    <row r="59437" spans="1:10" x14ac:dyDescent="0.35">
      <c r="A59437" s="1" t="s">
        <v>120483</v>
      </c>
      <c r="B59437" s="1" t="s">
        <v>199134</v>
      </c>
      <c r="C59437" s="1" t="s">
        <v>20</v>
      </c>
      <c r="D59437" s="1" t="s">
        <v>199477</v>
      </c>
      <c r="E59437" s="1" t="s">
        <v>199478</v>
      </c>
      <c r="F59437" s="1" t="s">
        <v>199479</v>
      </c>
      <c r="G59437" s="1" t="s">
        <v>199471</v>
      </c>
      <c r="H59437" s="1" t="s">
        <v>199472</v>
      </c>
      <c r="I59437" s="1" t="s">
        <v>199140</v>
      </c>
      <c r="J59437" s="1" t="s">
        <v>199480</v>
      </c>
    </row>
    <row r="59438" spans="1:10" x14ac:dyDescent="0.35">
      <c r="A59438" s="1" t="s">
        <v>120483</v>
      </c>
      <c r="B59438" s="1" t="s">
        <v>199134</v>
      </c>
      <c r="C59438" s="1" t="s">
        <v>25</v>
      </c>
      <c r="D59438" s="1" t="s">
        <v>199481</v>
      </c>
      <c r="E59438" s="1" t="s">
        <v>199482</v>
      </c>
      <c r="F59438" s="1" t="s">
        <v>199483</v>
      </c>
      <c r="G59438" s="1" t="s">
        <v>199471</v>
      </c>
      <c r="H59438" s="1" t="s">
        <v>199472</v>
      </c>
      <c r="I59438" s="1" t="s">
        <v>199140</v>
      </c>
      <c r="J59438" s="1" t="s">
        <v>199484</v>
      </c>
    </row>
    <row r="59439" spans="1:10" x14ac:dyDescent="0.35">
      <c r="A59439" s="1" t="s">
        <v>120483</v>
      </c>
      <c r="B59439" s="1" t="s">
        <v>199134</v>
      </c>
      <c r="C59439" s="1" t="s">
        <v>30</v>
      </c>
      <c r="D59439" s="1" t="s">
        <v>33289</v>
      </c>
      <c r="E59439" s="1" t="s">
        <v>199485</v>
      </c>
      <c r="F59439" s="1" t="s">
        <v>199486</v>
      </c>
      <c r="G59439" s="1" t="s">
        <v>199471</v>
      </c>
      <c r="H59439" s="1" t="s">
        <v>199472</v>
      </c>
      <c r="I59439" s="1" t="s">
        <v>199140</v>
      </c>
      <c r="J59439" s="1" t="s">
        <v>199487</v>
      </c>
    </row>
    <row r="59440" spans="1:10" x14ac:dyDescent="0.35">
      <c r="A59440" s="1" t="s">
        <v>120483</v>
      </c>
      <c r="B59440" s="1" t="s">
        <v>199134</v>
      </c>
      <c r="C59440" s="1" t="s">
        <v>35</v>
      </c>
      <c r="D59440" s="1" t="s">
        <v>55529</v>
      </c>
      <c r="E59440" s="1" t="s">
        <v>199488</v>
      </c>
      <c r="F59440" s="1" t="s">
        <v>199489</v>
      </c>
      <c r="G59440" s="1" t="s">
        <v>199471</v>
      </c>
      <c r="H59440" s="1" t="s">
        <v>199472</v>
      </c>
      <c r="I59440" s="1" t="s">
        <v>199140</v>
      </c>
      <c r="J59440" s="1" t="s">
        <v>199490</v>
      </c>
    </row>
    <row r="59441" spans="1:10" x14ac:dyDescent="0.35">
      <c r="A59441" s="1" t="s">
        <v>120483</v>
      </c>
      <c r="B59441" s="1" t="s">
        <v>199134</v>
      </c>
      <c r="C59441" s="1" t="s">
        <v>40</v>
      </c>
      <c r="D59441" s="1" t="s">
        <v>175235</v>
      </c>
      <c r="E59441" s="1" t="s">
        <v>199491</v>
      </c>
      <c r="F59441" s="1" t="s">
        <v>199492</v>
      </c>
      <c r="G59441" s="1" t="s">
        <v>199471</v>
      </c>
      <c r="H59441" s="1" t="s">
        <v>199472</v>
      </c>
      <c r="I59441" s="1" t="s">
        <v>199140</v>
      </c>
      <c r="J59441" s="1" t="s">
        <v>199493</v>
      </c>
    </row>
    <row r="59442" spans="1:10" x14ac:dyDescent="0.35">
      <c r="A59442" s="1" t="s">
        <v>120483</v>
      </c>
      <c r="B59442" s="1" t="s">
        <v>199134</v>
      </c>
      <c r="C59442" s="1" t="s">
        <v>45</v>
      </c>
      <c r="D59442" s="1" t="s">
        <v>199494</v>
      </c>
      <c r="E59442" s="1" t="s">
        <v>199495</v>
      </c>
      <c r="F59442" s="1" t="s">
        <v>199496</v>
      </c>
      <c r="G59442" s="1" t="s">
        <v>199471</v>
      </c>
      <c r="H59442" s="1" t="s">
        <v>199472</v>
      </c>
      <c r="I59442" s="1" t="s">
        <v>199140</v>
      </c>
      <c r="J59442" s="1" t="s">
        <v>199497</v>
      </c>
    </row>
    <row r="59443" spans="1:10" x14ac:dyDescent="0.35">
      <c r="A59443" s="1" t="s">
        <v>120483</v>
      </c>
      <c r="B59443" s="1" t="s">
        <v>199134</v>
      </c>
      <c r="C59443" s="1" t="s">
        <v>50</v>
      </c>
      <c r="D59443" s="1" t="s">
        <v>95980</v>
      </c>
      <c r="E59443" s="1" t="s">
        <v>199498</v>
      </c>
      <c r="F59443" s="1" t="s">
        <v>199499</v>
      </c>
      <c r="G59443" s="1" t="s">
        <v>199471</v>
      </c>
      <c r="H59443" s="1" t="s">
        <v>199472</v>
      </c>
      <c r="I59443" s="1" t="s">
        <v>199140</v>
      </c>
      <c r="J59443" s="1" t="s">
        <v>199500</v>
      </c>
    </row>
    <row r="59444" spans="1:10" x14ac:dyDescent="0.35">
      <c r="A59444" s="1" t="s">
        <v>120483</v>
      </c>
      <c r="B59444" s="1" t="s">
        <v>199134</v>
      </c>
      <c r="C59444" s="1" t="s">
        <v>55</v>
      </c>
      <c r="D59444" s="1" t="s">
        <v>138314</v>
      </c>
      <c r="E59444" s="1" t="s">
        <v>199501</v>
      </c>
      <c r="F59444" s="1" t="s">
        <v>199502</v>
      </c>
      <c r="G59444" s="1" t="s">
        <v>199471</v>
      </c>
      <c r="H59444" s="1" t="s">
        <v>199472</v>
      </c>
      <c r="I59444" s="1" t="s">
        <v>199140</v>
      </c>
      <c r="J59444" s="1" t="s">
        <v>199503</v>
      </c>
    </row>
    <row r="59445" spans="1:10" x14ac:dyDescent="0.35">
      <c r="A59445" s="1" t="s">
        <v>120483</v>
      </c>
      <c r="B59445" s="1" t="s">
        <v>199134</v>
      </c>
      <c r="C59445" s="1" t="s">
        <v>60</v>
      </c>
      <c r="D59445" s="1" t="s">
        <v>24121</v>
      </c>
      <c r="E59445" s="1" t="s">
        <v>199504</v>
      </c>
      <c r="F59445" s="1" t="s">
        <v>199505</v>
      </c>
      <c r="G59445" s="1" t="s">
        <v>199471</v>
      </c>
      <c r="H59445" s="1" t="s">
        <v>199472</v>
      </c>
      <c r="I59445" s="1" t="s">
        <v>199140</v>
      </c>
      <c r="J59445" s="1" t="s">
        <v>199506</v>
      </c>
    </row>
    <row r="59446" spans="1:10" x14ac:dyDescent="0.35">
      <c r="A59446" s="1" t="s">
        <v>120483</v>
      </c>
      <c r="B59446" s="1" t="s">
        <v>199134</v>
      </c>
      <c r="C59446" s="1" t="s">
        <v>65</v>
      </c>
      <c r="D59446" s="1" t="s">
        <v>199507</v>
      </c>
      <c r="E59446" s="1" t="s">
        <v>199508</v>
      </c>
      <c r="F59446" s="1" t="s">
        <v>199509</v>
      </c>
      <c r="G59446" s="1" t="s">
        <v>199471</v>
      </c>
      <c r="H59446" s="1" t="s">
        <v>199472</v>
      </c>
      <c r="I59446" s="1" t="s">
        <v>199140</v>
      </c>
      <c r="J59446" s="1" t="s">
        <v>199510</v>
      </c>
    </row>
    <row r="59447" spans="1:10" x14ac:dyDescent="0.35">
      <c r="A59447" s="1" t="s">
        <v>120483</v>
      </c>
      <c r="B59447" s="1" t="s">
        <v>199134</v>
      </c>
      <c r="C59447" s="1" t="s">
        <v>70</v>
      </c>
      <c r="D59447" s="1" t="s">
        <v>199511</v>
      </c>
      <c r="E59447" s="1" t="s">
        <v>199512</v>
      </c>
      <c r="F59447" s="1" t="s">
        <v>199513</v>
      </c>
      <c r="G59447" s="1" t="s">
        <v>199471</v>
      </c>
      <c r="H59447" s="1" t="s">
        <v>199472</v>
      </c>
      <c r="I59447" s="1" t="s">
        <v>199140</v>
      </c>
      <c r="J59447" s="1" t="s">
        <v>199514</v>
      </c>
    </row>
    <row r="59448" spans="1:10" x14ac:dyDescent="0.35">
      <c r="A59448" s="1" t="s">
        <v>120483</v>
      </c>
      <c r="B59448" s="1" t="s">
        <v>199134</v>
      </c>
      <c r="C59448" s="1" t="s">
        <v>75</v>
      </c>
      <c r="D59448" s="1" t="s">
        <v>199515</v>
      </c>
      <c r="E59448" s="1" t="s">
        <v>199516</v>
      </c>
      <c r="F59448" s="1" t="s">
        <v>199517</v>
      </c>
      <c r="G59448" s="1" t="s">
        <v>199471</v>
      </c>
      <c r="H59448" s="1" t="s">
        <v>199472</v>
      </c>
      <c r="I59448" s="1" t="s">
        <v>199140</v>
      </c>
      <c r="J59448" s="1" t="s">
        <v>199518</v>
      </c>
    </row>
    <row r="59449" spans="1:10" x14ac:dyDescent="0.35">
      <c r="A59449" s="1" t="s">
        <v>120483</v>
      </c>
      <c r="B59449" s="1" t="s">
        <v>199134</v>
      </c>
      <c r="C59449" s="1" t="s">
        <v>80</v>
      </c>
      <c r="D59449" s="1" t="s">
        <v>91107</v>
      </c>
      <c r="E59449" s="1" t="s">
        <v>199519</v>
      </c>
      <c r="F59449" s="1" t="s">
        <v>199520</v>
      </c>
      <c r="G59449" s="1" t="s">
        <v>199471</v>
      </c>
      <c r="H59449" s="1" t="s">
        <v>199472</v>
      </c>
      <c r="I59449" s="1" t="s">
        <v>199140</v>
      </c>
      <c r="J59449" s="1" t="s">
        <v>199521</v>
      </c>
    </row>
    <row r="59450" spans="1:10" x14ac:dyDescent="0.35">
      <c r="A59450" s="1" t="s">
        <v>120483</v>
      </c>
      <c r="B59450" s="1" t="s">
        <v>199134</v>
      </c>
      <c r="C59450" s="1" t="s">
        <v>85</v>
      </c>
      <c r="D59450" s="1" t="s">
        <v>199522</v>
      </c>
      <c r="E59450" s="1" t="s">
        <v>199523</v>
      </c>
      <c r="F59450" s="1" t="s">
        <v>199524</v>
      </c>
      <c r="G59450" s="1" t="s">
        <v>199471</v>
      </c>
      <c r="H59450" s="1" t="s">
        <v>199472</v>
      </c>
      <c r="I59450" s="1" t="s">
        <v>199140</v>
      </c>
      <c r="J59450" s="1" t="s">
        <v>199525</v>
      </c>
    </row>
    <row r="59451" spans="1:10" x14ac:dyDescent="0.35">
      <c r="A59451" s="1" t="s">
        <v>120483</v>
      </c>
      <c r="B59451" s="1" t="s">
        <v>199134</v>
      </c>
      <c r="C59451" s="1" t="s">
        <v>90</v>
      </c>
      <c r="D59451" s="1" t="s">
        <v>134288</v>
      </c>
      <c r="E59451" s="1" t="s">
        <v>199526</v>
      </c>
      <c r="F59451" s="1" t="s">
        <v>199527</v>
      </c>
      <c r="G59451" s="1" t="s">
        <v>199471</v>
      </c>
      <c r="H59451" s="1" t="s">
        <v>199472</v>
      </c>
      <c r="I59451" s="1" t="s">
        <v>199140</v>
      </c>
      <c r="J59451" s="1" t="s">
        <v>199528</v>
      </c>
    </row>
    <row r="59452" spans="1:10" x14ac:dyDescent="0.35">
      <c r="A59452" s="1" t="s">
        <v>120483</v>
      </c>
      <c r="B59452" s="1" t="s">
        <v>199134</v>
      </c>
      <c r="C59452" s="1" t="s">
        <v>95</v>
      </c>
      <c r="D59452" s="1" t="s">
        <v>63197</v>
      </c>
      <c r="E59452" s="1" t="s">
        <v>199529</v>
      </c>
      <c r="F59452" s="1" t="s">
        <v>199530</v>
      </c>
      <c r="G59452" s="1" t="s">
        <v>199471</v>
      </c>
      <c r="H59452" s="1" t="s">
        <v>199472</v>
      </c>
      <c r="I59452" s="1" t="s">
        <v>199140</v>
      </c>
      <c r="J59452" s="1" t="s">
        <v>199531</v>
      </c>
    </row>
    <row r="59453" spans="1:10" x14ac:dyDescent="0.35">
      <c r="A59453" s="1" t="s">
        <v>120483</v>
      </c>
      <c r="B59453" s="1" t="s">
        <v>199134</v>
      </c>
      <c r="C59453" s="1" t="s">
        <v>100</v>
      </c>
      <c r="D59453" s="1" t="s">
        <v>102628</v>
      </c>
      <c r="E59453" s="1" t="s">
        <v>199532</v>
      </c>
      <c r="F59453" s="1" t="s">
        <v>199533</v>
      </c>
      <c r="G59453" s="1" t="s">
        <v>199471</v>
      </c>
      <c r="H59453" s="1" t="s">
        <v>199472</v>
      </c>
      <c r="I59453" s="1" t="s">
        <v>199140</v>
      </c>
      <c r="J59453" s="1" t="s">
        <v>199534</v>
      </c>
    </row>
    <row r="59454" spans="1:10" x14ac:dyDescent="0.35">
      <c r="A59454" s="1" t="s">
        <v>120483</v>
      </c>
      <c r="B59454" s="1" t="s">
        <v>199134</v>
      </c>
      <c r="C59454" s="1" t="s">
        <v>105</v>
      </c>
      <c r="D59454" s="1" t="s">
        <v>52662</v>
      </c>
      <c r="E59454" s="1" t="s">
        <v>199535</v>
      </c>
      <c r="F59454" s="1" t="s">
        <v>199536</v>
      </c>
      <c r="G59454" s="1" t="s">
        <v>199471</v>
      </c>
      <c r="H59454" s="1" t="s">
        <v>199472</v>
      </c>
      <c r="I59454" s="1" t="s">
        <v>199140</v>
      </c>
      <c r="J59454" s="1" t="s">
        <v>199537</v>
      </c>
    </row>
    <row r="59455" spans="1:10" x14ac:dyDescent="0.35">
      <c r="A59455" s="1" t="s">
        <v>120483</v>
      </c>
      <c r="B59455" s="1" t="s">
        <v>199134</v>
      </c>
      <c r="C59455" s="1" t="s">
        <v>110</v>
      </c>
      <c r="D59455" s="1" t="s">
        <v>103551</v>
      </c>
      <c r="E59455" s="1" t="s">
        <v>199538</v>
      </c>
      <c r="F59455" s="1" t="s">
        <v>199539</v>
      </c>
      <c r="G59455" s="1" t="s">
        <v>199471</v>
      </c>
      <c r="H59455" s="1" t="s">
        <v>199472</v>
      </c>
      <c r="I59455" s="1" t="s">
        <v>199140</v>
      </c>
      <c r="J59455" s="1" t="s">
        <v>199540</v>
      </c>
    </row>
    <row r="59456" spans="1:10" x14ac:dyDescent="0.35">
      <c r="A59456" s="1" t="s">
        <v>120483</v>
      </c>
      <c r="B59456" s="1" t="s">
        <v>199134</v>
      </c>
      <c r="C59456" s="1" t="s">
        <v>115</v>
      </c>
      <c r="D59456" s="1" t="s">
        <v>89969</v>
      </c>
      <c r="E59456" s="1" t="s">
        <v>199541</v>
      </c>
      <c r="F59456" s="1" t="s">
        <v>199542</v>
      </c>
      <c r="G59456" s="1" t="s">
        <v>199471</v>
      </c>
      <c r="H59456" s="1" t="s">
        <v>199472</v>
      </c>
      <c r="I59456" s="1" t="s">
        <v>199140</v>
      </c>
      <c r="J59456" s="1" t="s">
        <v>199543</v>
      </c>
    </row>
    <row r="59457" spans="1:10" x14ac:dyDescent="0.35">
      <c r="A59457" s="1" t="s">
        <v>120483</v>
      </c>
      <c r="B59457" s="1" t="s">
        <v>199134</v>
      </c>
      <c r="C59457" s="1" t="s">
        <v>120</v>
      </c>
      <c r="D59457" s="1" t="s">
        <v>24362</v>
      </c>
      <c r="E59457" s="1" t="s">
        <v>199544</v>
      </c>
      <c r="F59457" s="1" t="s">
        <v>199545</v>
      </c>
      <c r="G59457" s="1" t="s">
        <v>199471</v>
      </c>
      <c r="H59457" s="1" t="s">
        <v>199472</v>
      </c>
      <c r="I59457" s="1" t="s">
        <v>199140</v>
      </c>
      <c r="J59457" s="1" t="s">
        <v>199546</v>
      </c>
    </row>
    <row r="59458" spans="1:10" x14ac:dyDescent="0.35">
      <c r="A59458" s="1" t="s">
        <v>120483</v>
      </c>
      <c r="B59458" s="1" t="s">
        <v>199134</v>
      </c>
      <c r="C59458" s="1" t="s">
        <v>125</v>
      </c>
      <c r="D59458" s="1" t="s">
        <v>199547</v>
      </c>
      <c r="E59458" s="1" t="s">
        <v>199548</v>
      </c>
      <c r="F59458" s="1" t="s">
        <v>199549</v>
      </c>
      <c r="G59458" s="1" t="s">
        <v>199471</v>
      </c>
      <c r="H59458" s="1" t="s">
        <v>199472</v>
      </c>
      <c r="I59458" s="1" t="s">
        <v>199140</v>
      </c>
      <c r="J59458" s="1" t="s">
        <v>199550</v>
      </c>
    </row>
    <row r="59459" spans="1:10" x14ac:dyDescent="0.35">
      <c r="A59459" s="1" t="s">
        <v>120483</v>
      </c>
      <c r="B59459" s="1" t="s">
        <v>199134</v>
      </c>
      <c r="C59459" s="1" t="s">
        <v>130</v>
      </c>
      <c r="D59459" s="1" t="s">
        <v>139872</v>
      </c>
      <c r="E59459" s="1" t="s">
        <v>199551</v>
      </c>
      <c r="F59459" s="1" t="s">
        <v>199552</v>
      </c>
      <c r="G59459" s="1" t="s">
        <v>199471</v>
      </c>
      <c r="H59459" s="1" t="s">
        <v>199472</v>
      </c>
      <c r="I59459" s="1" t="s">
        <v>199140</v>
      </c>
      <c r="J59459" s="1" t="s">
        <v>199553</v>
      </c>
    </row>
    <row r="59460" spans="1:10" x14ac:dyDescent="0.35">
      <c r="A59460" s="1" t="s">
        <v>120483</v>
      </c>
      <c r="B59460" s="1" t="s">
        <v>199134</v>
      </c>
      <c r="C59460" s="1" t="s">
        <v>135</v>
      </c>
      <c r="D59460" s="1" t="s">
        <v>90143</v>
      </c>
      <c r="E59460" s="1" t="s">
        <v>199554</v>
      </c>
      <c r="F59460" s="1" t="s">
        <v>199555</v>
      </c>
      <c r="G59460" s="1" t="s">
        <v>199471</v>
      </c>
      <c r="H59460" s="1" t="s">
        <v>199472</v>
      </c>
      <c r="I59460" s="1" t="s">
        <v>199140</v>
      </c>
      <c r="J59460" s="1" t="s">
        <v>199556</v>
      </c>
    </row>
    <row r="59461" spans="1:10" x14ac:dyDescent="0.35">
      <c r="A59461" s="1" t="s">
        <v>120483</v>
      </c>
      <c r="B59461" s="1" t="s">
        <v>199134</v>
      </c>
      <c r="C59461" s="1" t="s">
        <v>140</v>
      </c>
      <c r="D59461" s="1" t="s">
        <v>199557</v>
      </c>
      <c r="E59461" s="1" t="s">
        <v>199558</v>
      </c>
      <c r="F59461" s="1" t="s">
        <v>199559</v>
      </c>
      <c r="G59461" s="1" t="s">
        <v>199471</v>
      </c>
      <c r="H59461" s="1" t="s">
        <v>199472</v>
      </c>
      <c r="I59461" s="1" t="s">
        <v>199140</v>
      </c>
      <c r="J59461" s="1" t="s">
        <v>199560</v>
      </c>
    </row>
    <row r="59462" spans="1:10" x14ac:dyDescent="0.35">
      <c r="A59462" s="1" t="s">
        <v>120483</v>
      </c>
      <c r="B59462" s="1" t="s">
        <v>199134</v>
      </c>
      <c r="C59462" s="1" t="s">
        <v>145</v>
      </c>
      <c r="D59462" s="1" t="s">
        <v>199561</v>
      </c>
      <c r="E59462" s="1" t="s">
        <v>199562</v>
      </c>
      <c r="F59462" s="1" t="s">
        <v>199563</v>
      </c>
      <c r="G59462" s="1" t="s">
        <v>199471</v>
      </c>
      <c r="H59462" s="1" t="s">
        <v>199472</v>
      </c>
      <c r="I59462" s="1" t="s">
        <v>199140</v>
      </c>
      <c r="J59462" s="1" t="s">
        <v>199564</v>
      </c>
    </row>
    <row r="59463" spans="1:10" x14ac:dyDescent="0.35">
      <c r="A59463" s="1" t="s">
        <v>120483</v>
      </c>
      <c r="B59463" s="1" t="s">
        <v>199134</v>
      </c>
      <c r="C59463" s="1" t="s">
        <v>150</v>
      </c>
      <c r="D59463" s="1" t="s">
        <v>199565</v>
      </c>
      <c r="E59463" s="1" t="s">
        <v>199566</v>
      </c>
      <c r="F59463" s="1" t="s">
        <v>199567</v>
      </c>
      <c r="G59463" s="1" t="s">
        <v>199471</v>
      </c>
      <c r="H59463" s="1" t="s">
        <v>199472</v>
      </c>
      <c r="I59463" s="1" t="s">
        <v>199140</v>
      </c>
      <c r="J59463" s="1" t="s">
        <v>199568</v>
      </c>
    </row>
    <row r="59464" spans="1:10" x14ac:dyDescent="0.35">
      <c r="A59464" s="1" t="s">
        <v>120483</v>
      </c>
      <c r="B59464" s="1" t="s">
        <v>199134</v>
      </c>
      <c r="C59464" s="1" t="s">
        <v>155</v>
      </c>
      <c r="D59464" s="1" t="s">
        <v>62882</v>
      </c>
      <c r="E59464" s="1" t="s">
        <v>199569</v>
      </c>
      <c r="F59464" s="1" t="s">
        <v>199570</v>
      </c>
      <c r="G59464" s="1" t="s">
        <v>199471</v>
      </c>
      <c r="H59464" s="1" t="s">
        <v>199472</v>
      </c>
      <c r="I59464" s="1" t="s">
        <v>199140</v>
      </c>
      <c r="J59464" s="1" t="s">
        <v>199571</v>
      </c>
    </row>
    <row r="59465" spans="1:10" x14ac:dyDescent="0.35">
      <c r="A59465" s="1" t="s">
        <v>120483</v>
      </c>
      <c r="B59465" s="1" t="s">
        <v>199134</v>
      </c>
      <c r="C59465" s="1" t="s">
        <v>160</v>
      </c>
      <c r="D59465" s="1" t="s">
        <v>39848</v>
      </c>
      <c r="E59465" s="1" t="s">
        <v>199572</v>
      </c>
      <c r="F59465" s="1" t="s">
        <v>199573</v>
      </c>
      <c r="G59465" s="1" t="s">
        <v>199471</v>
      </c>
      <c r="H59465" s="1" t="s">
        <v>199472</v>
      </c>
      <c r="I59465" s="1" t="s">
        <v>199140</v>
      </c>
      <c r="J59465" s="1" t="s">
        <v>199574</v>
      </c>
    </row>
    <row r="59466" spans="1:10" x14ac:dyDescent="0.35">
      <c r="A59466" s="1" t="s">
        <v>120483</v>
      </c>
      <c r="B59466" s="1" t="s">
        <v>199134</v>
      </c>
      <c r="C59466" s="1" t="s">
        <v>165</v>
      </c>
      <c r="D59466" s="1" t="s">
        <v>199575</v>
      </c>
      <c r="E59466" s="1" t="s">
        <v>199576</v>
      </c>
      <c r="F59466" s="1" t="s">
        <v>199577</v>
      </c>
      <c r="G59466" s="1" t="s">
        <v>199471</v>
      </c>
      <c r="H59466" s="1" t="s">
        <v>199472</v>
      </c>
      <c r="I59466" s="1" t="s">
        <v>199140</v>
      </c>
      <c r="J59466" s="1" t="s">
        <v>199578</v>
      </c>
    </row>
    <row r="59467" spans="1:10" x14ac:dyDescent="0.35">
      <c r="A59467" s="1" t="s">
        <v>120483</v>
      </c>
      <c r="B59467" s="1" t="s">
        <v>199134</v>
      </c>
      <c r="C59467" s="1" t="s">
        <v>170</v>
      </c>
      <c r="D59467" s="1" t="s">
        <v>58897</v>
      </c>
      <c r="E59467" s="1" t="s">
        <v>199579</v>
      </c>
      <c r="F59467" s="1" t="s">
        <v>199580</v>
      </c>
      <c r="G59467" s="1" t="s">
        <v>199471</v>
      </c>
      <c r="H59467" s="1" t="s">
        <v>199472</v>
      </c>
      <c r="I59467" s="1" t="s">
        <v>199140</v>
      </c>
      <c r="J59467" s="1" t="s">
        <v>199581</v>
      </c>
    </row>
    <row r="59468" spans="1:10" x14ac:dyDescent="0.35">
      <c r="A59468" s="1" t="s">
        <v>28532</v>
      </c>
      <c r="B59468" s="1" t="s">
        <v>199134</v>
      </c>
      <c r="C59468" s="1" t="s">
        <v>8</v>
      </c>
      <c r="D59468" s="1" t="s">
        <v>98053</v>
      </c>
      <c r="E59468" s="1" t="s">
        <v>199582</v>
      </c>
      <c r="F59468" s="1" t="s">
        <v>199583</v>
      </c>
      <c r="G59468" s="1" t="s">
        <v>199584</v>
      </c>
      <c r="H59468" s="1" t="s">
        <v>199585</v>
      </c>
      <c r="I59468" s="1" t="s">
        <v>199140</v>
      </c>
      <c r="J59468" s="1" t="s">
        <v>13</v>
      </c>
    </row>
    <row r="59469" spans="1:10" x14ac:dyDescent="0.35">
      <c r="A59469" s="1" t="s">
        <v>28532</v>
      </c>
      <c r="B59469" s="1" t="s">
        <v>199134</v>
      </c>
      <c r="C59469" s="1" t="s">
        <v>15</v>
      </c>
      <c r="D59469" s="1" t="s">
        <v>61953</v>
      </c>
      <c r="E59469" s="1" t="s">
        <v>199586</v>
      </c>
      <c r="F59469" s="1" t="s">
        <v>199587</v>
      </c>
      <c r="G59469" s="1" t="s">
        <v>199584</v>
      </c>
      <c r="H59469" s="1" t="s">
        <v>199585</v>
      </c>
      <c r="I59469" s="1" t="s">
        <v>199140</v>
      </c>
      <c r="J59469" s="1" t="s">
        <v>199588</v>
      </c>
    </row>
    <row r="59470" spans="1:10" x14ac:dyDescent="0.35">
      <c r="A59470" s="1" t="s">
        <v>28532</v>
      </c>
      <c r="B59470" s="1" t="s">
        <v>199134</v>
      </c>
      <c r="C59470" s="1" t="s">
        <v>20</v>
      </c>
      <c r="D59470" s="1" t="s">
        <v>75739</v>
      </c>
      <c r="E59470" s="1" t="s">
        <v>199589</v>
      </c>
      <c r="F59470" s="1" t="s">
        <v>199590</v>
      </c>
      <c r="G59470" s="1" t="s">
        <v>199584</v>
      </c>
      <c r="H59470" s="1" t="s">
        <v>199585</v>
      </c>
      <c r="I59470" s="1" t="s">
        <v>199140</v>
      </c>
      <c r="J59470" s="1" t="s">
        <v>199591</v>
      </c>
    </row>
    <row r="59471" spans="1:10" x14ac:dyDescent="0.35">
      <c r="A59471" s="1" t="s">
        <v>28532</v>
      </c>
      <c r="B59471" s="1" t="s">
        <v>199134</v>
      </c>
      <c r="C59471" s="1" t="s">
        <v>25</v>
      </c>
      <c r="D59471" s="1" t="s">
        <v>69033</v>
      </c>
      <c r="E59471" s="1" t="s">
        <v>199592</v>
      </c>
      <c r="F59471" s="1" t="s">
        <v>199593</v>
      </c>
      <c r="G59471" s="1" t="s">
        <v>199584</v>
      </c>
      <c r="H59471" s="1" t="s">
        <v>199585</v>
      </c>
      <c r="I59471" s="1" t="s">
        <v>199140</v>
      </c>
      <c r="J59471" s="1" t="s">
        <v>199594</v>
      </c>
    </row>
    <row r="59472" spans="1:10" x14ac:dyDescent="0.35">
      <c r="A59472" s="1" t="s">
        <v>28532</v>
      </c>
      <c r="B59472" s="1" t="s">
        <v>199134</v>
      </c>
      <c r="C59472" s="1" t="s">
        <v>30</v>
      </c>
      <c r="D59472" s="1" t="s">
        <v>33289</v>
      </c>
      <c r="E59472" s="1" t="s">
        <v>199595</v>
      </c>
      <c r="F59472" s="1" t="s">
        <v>199596</v>
      </c>
      <c r="G59472" s="1" t="s">
        <v>199584</v>
      </c>
      <c r="H59472" s="1" t="s">
        <v>199585</v>
      </c>
      <c r="I59472" s="1" t="s">
        <v>199140</v>
      </c>
      <c r="J59472" s="1" t="s">
        <v>199597</v>
      </c>
    </row>
    <row r="59473" spans="1:10" x14ac:dyDescent="0.35">
      <c r="A59473" s="1" t="s">
        <v>28532</v>
      </c>
      <c r="B59473" s="1" t="s">
        <v>199134</v>
      </c>
      <c r="C59473" s="1" t="s">
        <v>35</v>
      </c>
      <c r="D59473" s="1" t="s">
        <v>55529</v>
      </c>
      <c r="E59473" s="1" t="s">
        <v>199598</v>
      </c>
      <c r="F59473" s="1" t="s">
        <v>199599</v>
      </c>
      <c r="G59473" s="1" t="s">
        <v>199584</v>
      </c>
      <c r="H59473" s="1" t="s">
        <v>199585</v>
      </c>
      <c r="I59473" s="1" t="s">
        <v>199140</v>
      </c>
      <c r="J59473" s="1" t="s">
        <v>199490</v>
      </c>
    </row>
    <row r="59474" spans="1:10" x14ac:dyDescent="0.35">
      <c r="A59474" s="1" t="s">
        <v>28532</v>
      </c>
      <c r="B59474" s="1" t="s">
        <v>199134</v>
      </c>
      <c r="C59474" s="1" t="s">
        <v>40</v>
      </c>
      <c r="D59474" s="1" t="s">
        <v>68010</v>
      </c>
      <c r="E59474" s="1" t="s">
        <v>199600</v>
      </c>
      <c r="F59474" s="1" t="s">
        <v>199601</v>
      </c>
      <c r="G59474" s="1" t="s">
        <v>199584</v>
      </c>
      <c r="H59474" s="1" t="s">
        <v>199585</v>
      </c>
      <c r="I59474" s="1" t="s">
        <v>199140</v>
      </c>
      <c r="J59474" s="1" t="s">
        <v>199602</v>
      </c>
    </row>
    <row r="59475" spans="1:10" x14ac:dyDescent="0.35">
      <c r="A59475" s="1" t="s">
        <v>28532</v>
      </c>
      <c r="B59475" s="1" t="s">
        <v>199134</v>
      </c>
      <c r="C59475" s="1" t="s">
        <v>45</v>
      </c>
      <c r="D59475" s="1" t="s">
        <v>86942</v>
      </c>
      <c r="E59475" s="1" t="s">
        <v>199603</v>
      </c>
      <c r="F59475" s="1" t="s">
        <v>199604</v>
      </c>
      <c r="G59475" s="1" t="s">
        <v>199584</v>
      </c>
      <c r="H59475" s="1" t="s">
        <v>199585</v>
      </c>
      <c r="I59475" s="1" t="s">
        <v>199140</v>
      </c>
      <c r="J59475" s="1" t="s">
        <v>199605</v>
      </c>
    </row>
    <row r="59476" spans="1:10" x14ac:dyDescent="0.35">
      <c r="A59476" s="1" t="s">
        <v>28532</v>
      </c>
      <c r="B59476" s="1" t="s">
        <v>199134</v>
      </c>
      <c r="C59476" s="1" t="s">
        <v>50</v>
      </c>
      <c r="D59476" s="1" t="s">
        <v>197797</v>
      </c>
      <c r="E59476" s="1" t="s">
        <v>199606</v>
      </c>
      <c r="F59476" s="1" t="s">
        <v>199607</v>
      </c>
      <c r="G59476" s="1" t="s">
        <v>199584</v>
      </c>
      <c r="H59476" s="1" t="s">
        <v>199585</v>
      </c>
      <c r="I59476" s="1" t="s">
        <v>199140</v>
      </c>
      <c r="J59476" s="1" t="s">
        <v>199608</v>
      </c>
    </row>
    <row r="59477" spans="1:10" x14ac:dyDescent="0.35">
      <c r="A59477" s="1" t="s">
        <v>28532</v>
      </c>
      <c r="B59477" s="1" t="s">
        <v>199134</v>
      </c>
      <c r="C59477" s="1" t="s">
        <v>55</v>
      </c>
      <c r="D59477" s="1" t="s">
        <v>24283</v>
      </c>
      <c r="E59477" s="1" t="s">
        <v>199609</v>
      </c>
      <c r="F59477" s="1" t="s">
        <v>199610</v>
      </c>
      <c r="G59477" s="1" t="s">
        <v>199584</v>
      </c>
      <c r="H59477" s="1" t="s">
        <v>199585</v>
      </c>
      <c r="I59477" s="1" t="s">
        <v>199140</v>
      </c>
      <c r="J59477" s="1" t="s">
        <v>199611</v>
      </c>
    </row>
    <row r="59478" spans="1:10" x14ac:dyDescent="0.35">
      <c r="A59478" s="1" t="s">
        <v>28532</v>
      </c>
      <c r="B59478" s="1" t="s">
        <v>199134</v>
      </c>
      <c r="C59478" s="1" t="s">
        <v>60</v>
      </c>
      <c r="D59478" s="1" t="s">
        <v>59938</v>
      </c>
      <c r="E59478" s="1" t="s">
        <v>199612</v>
      </c>
      <c r="F59478" s="1" t="s">
        <v>199613</v>
      </c>
      <c r="G59478" s="1" t="s">
        <v>199584</v>
      </c>
      <c r="H59478" s="1" t="s">
        <v>199585</v>
      </c>
      <c r="I59478" s="1" t="s">
        <v>199140</v>
      </c>
      <c r="J59478" s="1" t="s">
        <v>199614</v>
      </c>
    </row>
    <row r="59479" spans="1:10" x14ac:dyDescent="0.35">
      <c r="A59479" s="1" t="s">
        <v>28532</v>
      </c>
      <c r="B59479" s="1" t="s">
        <v>199134</v>
      </c>
      <c r="C59479" s="1" t="s">
        <v>65</v>
      </c>
      <c r="D59479" s="1" t="s">
        <v>26770</v>
      </c>
      <c r="E59479" s="1" t="s">
        <v>199615</v>
      </c>
      <c r="F59479" s="1" t="s">
        <v>199616</v>
      </c>
      <c r="G59479" s="1" t="s">
        <v>199584</v>
      </c>
      <c r="H59479" s="1" t="s">
        <v>199585</v>
      </c>
      <c r="I59479" s="1" t="s">
        <v>199140</v>
      </c>
      <c r="J59479" s="1" t="s">
        <v>199617</v>
      </c>
    </row>
    <row r="59480" spans="1:10" x14ac:dyDescent="0.35">
      <c r="A59480" s="1" t="s">
        <v>28532</v>
      </c>
      <c r="B59480" s="1" t="s">
        <v>199134</v>
      </c>
      <c r="C59480" s="1" t="s">
        <v>70</v>
      </c>
      <c r="D59480" s="1" t="s">
        <v>55992</v>
      </c>
      <c r="E59480" s="1" t="s">
        <v>199618</v>
      </c>
      <c r="F59480" s="1" t="s">
        <v>199619</v>
      </c>
      <c r="G59480" s="1" t="s">
        <v>199584</v>
      </c>
      <c r="H59480" s="1" t="s">
        <v>199585</v>
      </c>
      <c r="I59480" s="1" t="s">
        <v>199140</v>
      </c>
      <c r="J59480" s="1" t="s">
        <v>199620</v>
      </c>
    </row>
    <row r="59481" spans="1:10" x14ac:dyDescent="0.35">
      <c r="A59481" s="1" t="s">
        <v>28532</v>
      </c>
      <c r="B59481" s="1" t="s">
        <v>199134</v>
      </c>
      <c r="C59481" s="1" t="s">
        <v>75</v>
      </c>
      <c r="D59481" s="1" t="s">
        <v>94165</v>
      </c>
      <c r="E59481" s="1" t="s">
        <v>199621</v>
      </c>
      <c r="F59481" s="1" t="s">
        <v>199622</v>
      </c>
      <c r="G59481" s="1" t="s">
        <v>199584</v>
      </c>
      <c r="H59481" s="1" t="s">
        <v>199585</v>
      </c>
      <c r="I59481" s="1" t="s">
        <v>199140</v>
      </c>
      <c r="J59481" s="1" t="s">
        <v>199623</v>
      </c>
    </row>
    <row r="59482" spans="1:10" x14ac:dyDescent="0.35">
      <c r="A59482" s="1" t="s">
        <v>28532</v>
      </c>
      <c r="B59482" s="1" t="s">
        <v>199134</v>
      </c>
      <c r="C59482" s="1" t="s">
        <v>80</v>
      </c>
      <c r="D59482" s="1" t="s">
        <v>2786</v>
      </c>
      <c r="E59482" s="1" t="s">
        <v>199624</v>
      </c>
      <c r="F59482" s="1" t="s">
        <v>199625</v>
      </c>
      <c r="G59482" s="1" t="s">
        <v>199584</v>
      </c>
      <c r="H59482" s="1" t="s">
        <v>199585</v>
      </c>
      <c r="I59482" s="1" t="s">
        <v>199140</v>
      </c>
      <c r="J59482" s="1" t="s">
        <v>199626</v>
      </c>
    </row>
    <row r="59483" spans="1:10" x14ac:dyDescent="0.35">
      <c r="A59483" s="1" t="s">
        <v>28532</v>
      </c>
      <c r="B59483" s="1" t="s">
        <v>199134</v>
      </c>
      <c r="C59483" s="1" t="s">
        <v>85</v>
      </c>
      <c r="D59483" s="1" t="s">
        <v>98491</v>
      </c>
      <c r="E59483" s="1" t="s">
        <v>199627</v>
      </c>
      <c r="F59483" s="1" t="s">
        <v>199628</v>
      </c>
      <c r="G59483" s="1" t="s">
        <v>199584</v>
      </c>
      <c r="H59483" s="1" t="s">
        <v>199585</v>
      </c>
      <c r="I59483" s="1" t="s">
        <v>199140</v>
      </c>
      <c r="J59483" s="1" t="s">
        <v>199629</v>
      </c>
    </row>
    <row r="59484" spans="1:10" x14ac:dyDescent="0.35">
      <c r="A59484" s="1" t="s">
        <v>28532</v>
      </c>
      <c r="B59484" s="1" t="s">
        <v>199134</v>
      </c>
      <c r="C59484" s="1" t="s">
        <v>90</v>
      </c>
      <c r="D59484" s="1" t="s">
        <v>62114</v>
      </c>
      <c r="E59484" s="1" t="s">
        <v>199630</v>
      </c>
      <c r="F59484" s="1" t="s">
        <v>199631</v>
      </c>
      <c r="G59484" s="1" t="s">
        <v>199584</v>
      </c>
      <c r="H59484" s="1" t="s">
        <v>199585</v>
      </c>
      <c r="I59484" s="1" t="s">
        <v>199140</v>
      </c>
      <c r="J59484" s="1" t="s">
        <v>199632</v>
      </c>
    </row>
    <row r="59485" spans="1:10" x14ac:dyDescent="0.35">
      <c r="A59485" s="1" t="s">
        <v>28532</v>
      </c>
      <c r="B59485" s="1" t="s">
        <v>199134</v>
      </c>
      <c r="C59485" s="1" t="s">
        <v>95</v>
      </c>
      <c r="D59485" s="1" t="s">
        <v>199633</v>
      </c>
      <c r="E59485" s="1" t="s">
        <v>199634</v>
      </c>
      <c r="F59485" s="1" t="s">
        <v>199635</v>
      </c>
      <c r="G59485" s="1" t="s">
        <v>199584</v>
      </c>
      <c r="H59485" s="1" t="s">
        <v>199585</v>
      </c>
      <c r="I59485" s="1" t="s">
        <v>199140</v>
      </c>
      <c r="J59485" s="1" t="s">
        <v>199636</v>
      </c>
    </row>
    <row r="59486" spans="1:10" x14ac:dyDescent="0.35">
      <c r="A59486" s="1" t="s">
        <v>28532</v>
      </c>
      <c r="B59486" s="1" t="s">
        <v>199134</v>
      </c>
      <c r="C59486" s="1" t="s">
        <v>100</v>
      </c>
      <c r="D59486" s="1" t="s">
        <v>56916</v>
      </c>
      <c r="E59486" s="1" t="s">
        <v>199637</v>
      </c>
      <c r="F59486" s="1" t="s">
        <v>199638</v>
      </c>
      <c r="G59486" s="1" t="s">
        <v>199584</v>
      </c>
      <c r="H59486" s="1" t="s">
        <v>199585</v>
      </c>
      <c r="I59486" s="1" t="s">
        <v>199140</v>
      </c>
      <c r="J59486" s="1" t="s">
        <v>199639</v>
      </c>
    </row>
    <row r="59487" spans="1:10" x14ac:dyDescent="0.35">
      <c r="A59487" s="1" t="s">
        <v>28532</v>
      </c>
      <c r="B59487" s="1" t="s">
        <v>199134</v>
      </c>
      <c r="C59487" s="1" t="s">
        <v>105</v>
      </c>
      <c r="D59487" s="1" t="s">
        <v>27173</v>
      </c>
      <c r="E59487" s="1" t="s">
        <v>199640</v>
      </c>
      <c r="F59487" s="1" t="s">
        <v>199641</v>
      </c>
      <c r="G59487" s="1" t="s">
        <v>199584</v>
      </c>
      <c r="H59487" s="1" t="s">
        <v>199585</v>
      </c>
      <c r="I59487" s="1" t="s">
        <v>199140</v>
      </c>
      <c r="J59487" s="1" t="s">
        <v>199642</v>
      </c>
    </row>
    <row r="59488" spans="1:10" x14ac:dyDescent="0.35">
      <c r="A59488" s="1" t="s">
        <v>28532</v>
      </c>
      <c r="B59488" s="1" t="s">
        <v>199134</v>
      </c>
      <c r="C59488" s="1" t="s">
        <v>110</v>
      </c>
      <c r="D59488" s="1" t="s">
        <v>199643</v>
      </c>
      <c r="E59488" s="1" t="s">
        <v>199644</v>
      </c>
      <c r="F59488" s="1" t="s">
        <v>199645</v>
      </c>
      <c r="G59488" s="1" t="s">
        <v>199584</v>
      </c>
      <c r="H59488" s="1" t="s">
        <v>199585</v>
      </c>
      <c r="I59488" s="1" t="s">
        <v>199140</v>
      </c>
      <c r="J59488" s="1" t="s">
        <v>199646</v>
      </c>
    </row>
    <row r="59489" spans="1:10" x14ac:dyDescent="0.35">
      <c r="A59489" s="1" t="s">
        <v>28532</v>
      </c>
      <c r="B59489" s="1" t="s">
        <v>199134</v>
      </c>
      <c r="C59489" s="1" t="s">
        <v>115</v>
      </c>
      <c r="D59489" s="1" t="s">
        <v>68051</v>
      </c>
      <c r="E59489" s="1" t="s">
        <v>199647</v>
      </c>
      <c r="F59489" s="1" t="s">
        <v>199648</v>
      </c>
      <c r="G59489" s="1" t="s">
        <v>199584</v>
      </c>
      <c r="H59489" s="1" t="s">
        <v>199585</v>
      </c>
      <c r="I59489" s="1" t="s">
        <v>199140</v>
      </c>
      <c r="J59489" s="1" t="s">
        <v>199649</v>
      </c>
    </row>
    <row r="59490" spans="1:10" x14ac:dyDescent="0.35">
      <c r="A59490" s="1" t="s">
        <v>28532</v>
      </c>
      <c r="B59490" s="1" t="s">
        <v>199134</v>
      </c>
      <c r="C59490" s="1" t="s">
        <v>120</v>
      </c>
      <c r="D59490" s="1" t="s">
        <v>131128</v>
      </c>
      <c r="E59490" s="1" t="s">
        <v>199650</v>
      </c>
      <c r="F59490" s="1" t="s">
        <v>199651</v>
      </c>
      <c r="G59490" s="1" t="s">
        <v>199584</v>
      </c>
      <c r="H59490" s="1" t="s">
        <v>199585</v>
      </c>
      <c r="I59490" s="1" t="s">
        <v>199140</v>
      </c>
      <c r="J59490" s="1" t="s">
        <v>199652</v>
      </c>
    </row>
    <row r="59491" spans="1:10" x14ac:dyDescent="0.35">
      <c r="A59491" s="1" t="s">
        <v>28532</v>
      </c>
      <c r="B59491" s="1" t="s">
        <v>199134</v>
      </c>
      <c r="C59491" s="1" t="s">
        <v>125</v>
      </c>
      <c r="D59491" s="1" t="s">
        <v>133379</v>
      </c>
      <c r="E59491" s="1" t="s">
        <v>199653</v>
      </c>
      <c r="F59491" s="1" t="s">
        <v>199654</v>
      </c>
      <c r="G59491" s="1" t="s">
        <v>199584</v>
      </c>
      <c r="H59491" s="1" t="s">
        <v>199585</v>
      </c>
      <c r="I59491" s="1" t="s">
        <v>199140</v>
      </c>
      <c r="J59491" s="1" t="s">
        <v>199655</v>
      </c>
    </row>
    <row r="59492" spans="1:10" x14ac:dyDescent="0.35">
      <c r="A59492" s="1" t="s">
        <v>28532</v>
      </c>
      <c r="B59492" s="1" t="s">
        <v>199134</v>
      </c>
      <c r="C59492" s="1" t="s">
        <v>130</v>
      </c>
      <c r="D59492" s="1" t="s">
        <v>199656</v>
      </c>
      <c r="E59492" s="1" t="s">
        <v>199657</v>
      </c>
      <c r="F59492" s="1" t="s">
        <v>199658</v>
      </c>
      <c r="G59492" s="1" t="s">
        <v>199584</v>
      </c>
      <c r="H59492" s="1" t="s">
        <v>199585</v>
      </c>
      <c r="I59492" s="1" t="s">
        <v>199140</v>
      </c>
      <c r="J59492" s="1" t="s">
        <v>199659</v>
      </c>
    </row>
    <row r="59493" spans="1:10" x14ac:dyDescent="0.35">
      <c r="A59493" s="1" t="s">
        <v>28532</v>
      </c>
      <c r="B59493" s="1" t="s">
        <v>199134</v>
      </c>
      <c r="C59493" s="1" t="s">
        <v>135</v>
      </c>
      <c r="D59493" s="1" t="s">
        <v>39381</v>
      </c>
      <c r="E59493" s="1" t="s">
        <v>199660</v>
      </c>
      <c r="F59493" s="1" t="s">
        <v>199661</v>
      </c>
      <c r="G59493" s="1" t="s">
        <v>199584</v>
      </c>
      <c r="H59493" s="1" t="s">
        <v>199585</v>
      </c>
      <c r="I59493" s="1" t="s">
        <v>199140</v>
      </c>
      <c r="J59493" s="1" t="s">
        <v>199662</v>
      </c>
    </row>
    <row r="59494" spans="1:10" x14ac:dyDescent="0.35">
      <c r="A59494" s="1" t="s">
        <v>28532</v>
      </c>
      <c r="B59494" s="1" t="s">
        <v>199134</v>
      </c>
      <c r="C59494" s="1" t="s">
        <v>140</v>
      </c>
      <c r="D59494" s="1" t="s">
        <v>54683</v>
      </c>
      <c r="E59494" s="1" t="s">
        <v>199663</v>
      </c>
      <c r="F59494" s="1" t="s">
        <v>199664</v>
      </c>
      <c r="G59494" s="1" t="s">
        <v>199584</v>
      </c>
      <c r="H59494" s="1" t="s">
        <v>199585</v>
      </c>
      <c r="I59494" s="1" t="s">
        <v>199140</v>
      </c>
      <c r="J59494" s="1" t="s">
        <v>199665</v>
      </c>
    </row>
    <row r="59495" spans="1:10" x14ac:dyDescent="0.35">
      <c r="A59495" s="1" t="s">
        <v>28532</v>
      </c>
      <c r="B59495" s="1" t="s">
        <v>199134</v>
      </c>
      <c r="C59495" s="1" t="s">
        <v>145</v>
      </c>
      <c r="D59495" s="1" t="s">
        <v>92228</v>
      </c>
      <c r="E59495" s="1" t="s">
        <v>199666</v>
      </c>
      <c r="F59495" s="1" t="s">
        <v>199667</v>
      </c>
      <c r="G59495" s="1" t="s">
        <v>199584</v>
      </c>
      <c r="H59495" s="1" t="s">
        <v>199585</v>
      </c>
      <c r="I59495" s="1" t="s">
        <v>199140</v>
      </c>
      <c r="J59495" s="1" t="s">
        <v>199668</v>
      </c>
    </row>
    <row r="59496" spans="1:10" x14ac:dyDescent="0.35">
      <c r="A59496" s="1" t="s">
        <v>28532</v>
      </c>
      <c r="B59496" s="1" t="s">
        <v>199134</v>
      </c>
      <c r="C59496" s="1" t="s">
        <v>150</v>
      </c>
      <c r="D59496" s="1" t="s">
        <v>188675</v>
      </c>
      <c r="E59496" s="1" t="s">
        <v>199669</v>
      </c>
      <c r="F59496" s="1" t="s">
        <v>199670</v>
      </c>
      <c r="G59496" s="1" t="s">
        <v>199584</v>
      </c>
      <c r="H59496" s="1" t="s">
        <v>199585</v>
      </c>
      <c r="I59496" s="1" t="s">
        <v>199140</v>
      </c>
      <c r="J59496" s="1" t="s">
        <v>199671</v>
      </c>
    </row>
    <row r="59497" spans="1:10" x14ac:dyDescent="0.35">
      <c r="A59497" s="1" t="s">
        <v>28532</v>
      </c>
      <c r="B59497" s="1" t="s">
        <v>199134</v>
      </c>
      <c r="C59497" s="1" t="s">
        <v>155</v>
      </c>
      <c r="D59497" s="1" t="s">
        <v>137003</v>
      </c>
      <c r="E59497" s="1" t="s">
        <v>199672</v>
      </c>
      <c r="F59497" s="1" t="s">
        <v>199673</v>
      </c>
      <c r="G59497" s="1" t="s">
        <v>199584</v>
      </c>
      <c r="H59497" s="1" t="s">
        <v>199585</v>
      </c>
      <c r="I59497" s="1" t="s">
        <v>199140</v>
      </c>
      <c r="J59497" s="1" t="s">
        <v>199674</v>
      </c>
    </row>
    <row r="59498" spans="1:10" x14ac:dyDescent="0.35">
      <c r="A59498" s="1" t="s">
        <v>28532</v>
      </c>
      <c r="B59498" s="1" t="s">
        <v>199134</v>
      </c>
      <c r="C59498" s="1" t="s">
        <v>160</v>
      </c>
      <c r="D59498" s="1" t="s">
        <v>55014</v>
      </c>
      <c r="E59498" s="1" t="s">
        <v>199675</v>
      </c>
      <c r="F59498" s="1" t="s">
        <v>199676</v>
      </c>
      <c r="G59498" s="1" t="s">
        <v>199584</v>
      </c>
      <c r="H59498" s="1" t="s">
        <v>199585</v>
      </c>
      <c r="I59498" s="1" t="s">
        <v>199140</v>
      </c>
      <c r="J59498" s="1" t="s">
        <v>199677</v>
      </c>
    </row>
    <row r="59499" spans="1:10" x14ac:dyDescent="0.35">
      <c r="A59499" s="1" t="s">
        <v>28532</v>
      </c>
      <c r="B59499" s="1" t="s">
        <v>199134</v>
      </c>
      <c r="C59499" s="1" t="s">
        <v>165</v>
      </c>
      <c r="D59499" s="1" t="s">
        <v>60634</v>
      </c>
      <c r="E59499" s="1" t="s">
        <v>199678</v>
      </c>
      <c r="F59499" s="1" t="s">
        <v>199679</v>
      </c>
      <c r="G59499" s="1" t="s">
        <v>199584</v>
      </c>
      <c r="H59499" s="1" t="s">
        <v>199585</v>
      </c>
      <c r="I59499" s="1" t="s">
        <v>199140</v>
      </c>
      <c r="J59499" s="1" t="s">
        <v>199680</v>
      </c>
    </row>
    <row r="59500" spans="1:10" x14ac:dyDescent="0.35">
      <c r="A59500" s="1" t="s">
        <v>28532</v>
      </c>
      <c r="B59500" s="1" t="s">
        <v>199134</v>
      </c>
      <c r="C59500" s="1" t="s">
        <v>170</v>
      </c>
      <c r="D59500" s="1" t="s">
        <v>130329</v>
      </c>
      <c r="E59500" s="1" t="s">
        <v>199681</v>
      </c>
      <c r="F59500" s="1" t="s">
        <v>199682</v>
      </c>
      <c r="G59500" s="1" t="s">
        <v>199584</v>
      </c>
      <c r="H59500" s="1" t="s">
        <v>199585</v>
      </c>
      <c r="I59500" s="1" t="s">
        <v>199140</v>
      </c>
      <c r="J59500" s="1" t="s">
        <v>199683</v>
      </c>
    </row>
    <row r="59501" spans="1:10" x14ac:dyDescent="0.35">
      <c r="A59501" s="1" t="s">
        <v>143952</v>
      </c>
      <c r="B59501" s="1" t="s">
        <v>199134</v>
      </c>
      <c r="C59501" s="1" t="s">
        <v>8</v>
      </c>
      <c r="D59501" s="1" t="s">
        <v>138942</v>
      </c>
      <c r="E59501" s="1" t="s">
        <v>199684</v>
      </c>
      <c r="F59501" s="1" t="s">
        <v>199685</v>
      </c>
      <c r="G59501" s="1" t="s">
        <v>199686</v>
      </c>
      <c r="H59501" s="1" t="s">
        <v>199687</v>
      </c>
      <c r="I59501" s="1" t="s">
        <v>199140</v>
      </c>
      <c r="J59501" s="1" t="s">
        <v>13</v>
      </c>
    </row>
    <row r="59502" spans="1:10" x14ac:dyDescent="0.35">
      <c r="A59502" s="1" t="s">
        <v>143952</v>
      </c>
      <c r="B59502" s="1" t="s">
        <v>199134</v>
      </c>
      <c r="C59502" s="1" t="s">
        <v>15</v>
      </c>
      <c r="D59502" s="1" t="s">
        <v>61949</v>
      </c>
      <c r="E59502" s="1" t="s">
        <v>199688</v>
      </c>
      <c r="F59502" s="1" t="s">
        <v>199689</v>
      </c>
      <c r="G59502" s="1" t="s">
        <v>199686</v>
      </c>
      <c r="H59502" s="1" t="s">
        <v>199687</v>
      </c>
      <c r="I59502" s="1" t="s">
        <v>199140</v>
      </c>
      <c r="J59502" s="1" t="s">
        <v>199690</v>
      </c>
    </row>
    <row r="59503" spans="1:10" x14ac:dyDescent="0.35">
      <c r="A59503" s="1" t="s">
        <v>143952</v>
      </c>
      <c r="B59503" s="1" t="s">
        <v>199134</v>
      </c>
      <c r="C59503" s="1" t="s">
        <v>20</v>
      </c>
      <c r="D59503" s="1" t="s">
        <v>199691</v>
      </c>
      <c r="E59503" s="1" t="s">
        <v>199692</v>
      </c>
      <c r="F59503" s="1" t="s">
        <v>199693</v>
      </c>
      <c r="G59503" s="1" t="s">
        <v>199686</v>
      </c>
      <c r="H59503" s="1" t="s">
        <v>199687</v>
      </c>
      <c r="I59503" s="1" t="s">
        <v>199140</v>
      </c>
      <c r="J59503" s="1" t="s">
        <v>199694</v>
      </c>
    </row>
    <row r="59504" spans="1:10" x14ac:dyDescent="0.35">
      <c r="A59504" s="1" t="s">
        <v>143952</v>
      </c>
      <c r="B59504" s="1" t="s">
        <v>199134</v>
      </c>
      <c r="C59504" s="1" t="s">
        <v>25</v>
      </c>
      <c r="D59504" s="1" t="s">
        <v>78721</v>
      </c>
      <c r="E59504" s="1" t="s">
        <v>199695</v>
      </c>
      <c r="F59504" s="1" t="s">
        <v>199696</v>
      </c>
      <c r="G59504" s="1" t="s">
        <v>199686</v>
      </c>
      <c r="H59504" s="1" t="s">
        <v>199687</v>
      </c>
      <c r="I59504" s="1" t="s">
        <v>199140</v>
      </c>
      <c r="J59504" s="1" t="s">
        <v>199697</v>
      </c>
    </row>
    <row r="59505" spans="1:10" x14ac:dyDescent="0.35">
      <c r="A59505" s="1" t="s">
        <v>143952</v>
      </c>
      <c r="B59505" s="1" t="s">
        <v>199134</v>
      </c>
      <c r="C59505" s="1" t="s">
        <v>30</v>
      </c>
      <c r="D59505" s="1" t="s">
        <v>79659</v>
      </c>
      <c r="E59505" s="1" t="s">
        <v>199698</v>
      </c>
      <c r="F59505" s="1" t="s">
        <v>199699</v>
      </c>
      <c r="G59505" s="1" t="s">
        <v>199686</v>
      </c>
      <c r="H59505" s="1" t="s">
        <v>199687</v>
      </c>
      <c r="I59505" s="1" t="s">
        <v>199140</v>
      </c>
      <c r="J59505" s="1" t="s">
        <v>199700</v>
      </c>
    </row>
    <row r="59506" spans="1:10" x14ac:dyDescent="0.35">
      <c r="A59506" s="1" t="s">
        <v>143952</v>
      </c>
      <c r="B59506" s="1" t="s">
        <v>199134</v>
      </c>
      <c r="C59506" s="1" t="s">
        <v>35</v>
      </c>
      <c r="D59506" s="1" t="s">
        <v>68507</v>
      </c>
      <c r="E59506" s="1" t="s">
        <v>199701</v>
      </c>
      <c r="F59506" s="1" t="s">
        <v>199702</v>
      </c>
      <c r="G59506" s="1" t="s">
        <v>199686</v>
      </c>
      <c r="H59506" s="1" t="s">
        <v>199687</v>
      </c>
      <c r="I59506" s="1" t="s">
        <v>199140</v>
      </c>
      <c r="J59506" s="1" t="s">
        <v>199703</v>
      </c>
    </row>
    <row r="59507" spans="1:10" x14ac:dyDescent="0.35">
      <c r="A59507" s="1" t="s">
        <v>143952</v>
      </c>
      <c r="B59507" s="1" t="s">
        <v>199134</v>
      </c>
      <c r="C59507" s="1" t="s">
        <v>40</v>
      </c>
      <c r="D59507" s="1" t="s">
        <v>98979</v>
      </c>
      <c r="E59507" s="1" t="s">
        <v>199704</v>
      </c>
      <c r="F59507" s="1" t="s">
        <v>199705</v>
      </c>
      <c r="G59507" s="1" t="s">
        <v>199686</v>
      </c>
      <c r="H59507" s="1" t="s">
        <v>199687</v>
      </c>
      <c r="I59507" s="1" t="s">
        <v>199140</v>
      </c>
      <c r="J59507" s="1" t="s">
        <v>199706</v>
      </c>
    </row>
    <row r="59508" spans="1:10" x14ac:dyDescent="0.35">
      <c r="A59508" s="1" t="s">
        <v>143952</v>
      </c>
      <c r="B59508" s="1" t="s">
        <v>199134</v>
      </c>
      <c r="C59508" s="1" t="s">
        <v>45</v>
      </c>
      <c r="D59508" s="1" t="s">
        <v>199707</v>
      </c>
      <c r="E59508" s="1" t="s">
        <v>199708</v>
      </c>
      <c r="F59508" s="1" t="s">
        <v>199709</v>
      </c>
      <c r="G59508" s="1" t="s">
        <v>199686</v>
      </c>
      <c r="H59508" s="1" t="s">
        <v>199687</v>
      </c>
      <c r="I59508" s="1" t="s">
        <v>199140</v>
      </c>
      <c r="J59508" s="1" t="s">
        <v>199710</v>
      </c>
    </row>
    <row r="59509" spans="1:10" x14ac:dyDescent="0.35">
      <c r="A59509" s="1" t="s">
        <v>143952</v>
      </c>
      <c r="B59509" s="1" t="s">
        <v>199134</v>
      </c>
      <c r="C59509" s="1" t="s">
        <v>50</v>
      </c>
      <c r="D59509" s="1" t="s">
        <v>136624</v>
      </c>
      <c r="E59509" s="1" t="s">
        <v>199711</v>
      </c>
      <c r="F59509" s="1" t="s">
        <v>199712</v>
      </c>
      <c r="G59509" s="1" t="s">
        <v>199686</v>
      </c>
      <c r="H59509" s="1" t="s">
        <v>199687</v>
      </c>
      <c r="I59509" s="1" t="s">
        <v>199140</v>
      </c>
      <c r="J59509" s="1" t="s">
        <v>199713</v>
      </c>
    </row>
    <row r="59510" spans="1:10" x14ac:dyDescent="0.35">
      <c r="A59510" s="1" t="s">
        <v>143952</v>
      </c>
      <c r="B59510" s="1" t="s">
        <v>199134</v>
      </c>
      <c r="C59510" s="1" t="s">
        <v>55</v>
      </c>
      <c r="D59510" s="1" t="s">
        <v>92746</v>
      </c>
      <c r="E59510" s="1" t="s">
        <v>199714</v>
      </c>
      <c r="F59510" s="1" t="s">
        <v>199715</v>
      </c>
      <c r="G59510" s="1" t="s">
        <v>199686</v>
      </c>
      <c r="H59510" s="1" t="s">
        <v>199687</v>
      </c>
      <c r="I59510" s="1" t="s">
        <v>199140</v>
      </c>
      <c r="J59510" s="1" t="s">
        <v>199716</v>
      </c>
    </row>
    <row r="59511" spans="1:10" x14ac:dyDescent="0.35">
      <c r="A59511" s="1" t="s">
        <v>143952</v>
      </c>
      <c r="B59511" s="1" t="s">
        <v>199134</v>
      </c>
      <c r="C59511" s="1" t="s">
        <v>60</v>
      </c>
      <c r="D59511" s="1" t="s">
        <v>68024</v>
      </c>
      <c r="E59511" s="1" t="s">
        <v>199717</v>
      </c>
      <c r="F59511" s="1" t="s">
        <v>199718</v>
      </c>
      <c r="G59511" s="1" t="s">
        <v>199686</v>
      </c>
      <c r="H59511" s="1" t="s">
        <v>199687</v>
      </c>
      <c r="I59511" s="1" t="s">
        <v>199140</v>
      </c>
      <c r="J59511" s="1" t="s">
        <v>199719</v>
      </c>
    </row>
    <row r="59512" spans="1:10" x14ac:dyDescent="0.35">
      <c r="A59512" s="1" t="s">
        <v>143952</v>
      </c>
      <c r="B59512" s="1" t="s">
        <v>199134</v>
      </c>
      <c r="C59512" s="1" t="s">
        <v>65</v>
      </c>
      <c r="D59512" s="1" t="s">
        <v>106494</v>
      </c>
      <c r="E59512" s="1" t="s">
        <v>199720</v>
      </c>
      <c r="F59512" s="1" t="s">
        <v>199721</v>
      </c>
      <c r="G59512" s="1" t="s">
        <v>199686</v>
      </c>
      <c r="H59512" s="1" t="s">
        <v>199687</v>
      </c>
      <c r="I59512" s="1" t="s">
        <v>199140</v>
      </c>
      <c r="J59512" s="1" t="s">
        <v>199722</v>
      </c>
    </row>
    <row r="59513" spans="1:10" x14ac:dyDescent="0.35">
      <c r="A59513" s="1" t="s">
        <v>143952</v>
      </c>
      <c r="B59513" s="1" t="s">
        <v>199134</v>
      </c>
      <c r="C59513" s="1" t="s">
        <v>70</v>
      </c>
      <c r="D59513" s="1" t="s">
        <v>20700</v>
      </c>
      <c r="E59513" s="1" t="s">
        <v>199723</v>
      </c>
      <c r="F59513" s="1" t="s">
        <v>199724</v>
      </c>
      <c r="G59513" s="1" t="s">
        <v>199686</v>
      </c>
      <c r="H59513" s="1" t="s">
        <v>199687</v>
      </c>
      <c r="I59513" s="1" t="s">
        <v>199140</v>
      </c>
      <c r="J59513" s="1" t="s">
        <v>199725</v>
      </c>
    </row>
    <row r="59514" spans="1:10" x14ac:dyDescent="0.35">
      <c r="A59514" s="1" t="s">
        <v>143952</v>
      </c>
      <c r="B59514" s="1" t="s">
        <v>199134</v>
      </c>
      <c r="C59514" s="1" t="s">
        <v>75</v>
      </c>
      <c r="D59514" s="1" t="s">
        <v>199726</v>
      </c>
      <c r="E59514" s="1" t="s">
        <v>199727</v>
      </c>
      <c r="F59514" s="1" t="s">
        <v>199728</v>
      </c>
      <c r="G59514" s="1" t="s">
        <v>199686</v>
      </c>
      <c r="H59514" s="1" t="s">
        <v>199687</v>
      </c>
      <c r="I59514" s="1" t="s">
        <v>199140</v>
      </c>
      <c r="J59514" s="1" t="s">
        <v>199729</v>
      </c>
    </row>
    <row r="59515" spans="1:10" x14ac:dyDescent="0.35">
      <c r="A59515" s="1" t="s">
        <v>143952</v>
      </c>
      <c r="B59515" s="1" t="s">
        <v>199134</v>
      </c>
      <c r="C59515" s="1" t="s">
        <v>80</v>
      </c>
      <c r="D59515" s="1" t="s">
        <v>95220</v>
      </c>
      <c r="E59515" s="1" t="s">
        <v>199730</v>
      </c>
      <c r="F59515" s="1" t="s">
        <v>199731</v>
      </c>
      <c r="G59515" s="1" t="s">
        <v>199686</v>
      </c>
      <c r="H59515" s="1" t="s">
        <v>199687</v>
      </c>
      <c r="I59515" s="1" t="s">
        <v>199140</v>
      </c>
      <c r="J59515" s="1" t="s">
        <v>199732</v>
      </c>
    </row>
    <row r="59516" spans="1:10" x14ac:dyDescent="0.35">
      <c r="A59516" s="1" t="s">
        <v>143952</v>
      </c>
      <c r="B59516" s="1" t="s">
        <v>199134</v>
      </c>
      <c r="C59516" s="1" t="s">
        <v>85</v>
      </c>
      <c r="D59516" s="1" t="s">
        <v>199733</v>
      </c>
      <c r="E59516" s="1" t="s">
        <v>199734</v>
      </c>
      <c r="F59516" s="1" t="s">
        <v>199735</v>
      </c>
      <c r="G59516" s="1" t="s">
        <v>199686</v>
      </c>
      <c r="H59516" s="1" t="s">
        <v>199687</v>
      </c>
      <c r="I59516" s="1" t="s">
        <v>199140</v>
      </c>
      <c r="J59516" s="1" t="s">
        <v>199736</v>
      </c>
    </row>
    <row r="59517" spans="1:10" x14ac:dyDescent="0.35">
      <c r="A59517" s="1" t="s">
        <v>143952</v>
      </c>
      <c r="B59517" s="1" t="s">
        <v>199134</v>
      </c>
      <c r="C59517" s="1" t="s">
        <v>90</v>
      </c>
      <c r="D59517" s="1" t="s">
        <v>23273</v>
      </c>
      <c r="E59517" s="1" t="s">
        <v>199737</v>
      </c>
      <c r="F59517" s="1" t="s">
        <v>199738</v>
      </c>
      <c r="G59517" s="1" t="s">
        <v>199686</v>
      </c>
      <c r="H59517" s="1" t="s">
        <v>199687</v>
      </c>
      <c r="I59517" s="1" t="s">
        <v>199140</v>
      </c>
      <c r="J59517" s="1" t="s">
        <v>199739</v>
      </c>
    </row>
    <row r="59518" spans="1:10" x14ac:dyDescent="0.35">
      <c r="A59518" s="1" t="s">
        <v>143952</v>
      </c>
      <c r="B59518" s="1" t="s">
        <v>199134</v>
      </c>
      <c r="C59518" s="1" t="s">
        <v>95</v>
      </c>
      <c r="D59518" s="1" t="s">
        <v>60631</v>
      </c>
      <c r="E59518" s="1" t="s">
        <v>199740</v>
      </c>
      <c r="F59518" s="1" t="s">
        <v>199741</v>
      </c>
      <c r="G59518" s="1" t="s">
        <v>199686</v>
      </c>
      <c r="H59518" s="1" t="s">
        <v>199687</v>
      </c>
      <c r="I59518" s="1" t="s">
        <v>199140</v>
      </c>
      <c r="J59518" s="1" t="s">
        <v>199742</v>
      </c>
    </row>
    <row r="59519" spans="1:10" x14ac:dyDescent="0.35">
      <c r="A59519" s="1" t="s">
        <v>143952</v>
      </c>
      <c r="B59519" s="1" t="s">
        <v>199134</v>
      </c>
      <c r="C59519" s="1" t="s">
        <v>100</v>
      </c>
      <c r="D59519" s="1" t="s">
        <v>91335</v>
      </c>
      <c r="E59519" s="1" t="s">
        <v>199743</v>
      </c>
      <c r="F59519" s="1" t="s">
        <v>199744</v>
      </c>
      <c r="G59519" s="1" t="s">
        <v>199686</v>
      </c>
      <c r="H59519" s="1" t="s">
        <v>199687</v>
      </c>
      <c r="I59519" s="1" t="s">
        <v>199140</v>
      </c>
      <c r="J59519" s="1" t="s">
        <v>199745</v>
      </c>
    </row>
    <row r="59520" spans="1:10" x14ac:dyDescent="0.35">
      <c r="A59520" s="1" t="s">
        <v>143952</v>
      </c>
      <c r="B59520" s="1" t="s">
        <v>199134</v>
      </c>
      <c r="C59520" s="1" t="s">
        <v>105</v>
      </c>
      <c r="D59520" s="1" t="s">
        <v>24369</v>
      </c>
      <c r="E59520" s="1" t="s">
        <v>199746</v>
      </c>
      <c r="F59520" s="1" t="s">
        <v>199747</v>
      </c>
      <c r="G59520" s="1" t="s">
        <v>199686</v>
      </c>
      <c r="H59520" s="1" t="s">
        <v>199687</v>
      </c>
      <c r="I59520" s="1" t="s">
        <v>199140</v>
      </c>
      <c r="J59520" s="1" t="s">
        <v>199748</v>
      </c>
    </row>
    <row r="59521" spans="1:10" x14ac:dyDescent="0.35">
      <c r="A59521" s="1" t="s">
        <v>143952</v>
      </c>
      <c r="B59521" s="1" t="s">
        <v>199134</v>
      </c>
      <c r="C59521" s="1" t="s">
        <v>110</v>
      </c>
      <c r="D59521" s="1" t="s">
        <v>21928</v>
      </c>
      <c r="E59521" s="1" t="s">
        <v>199749</v>
      </c>
      <c r="F59521" s="1" t="s">
        <v>199750</v>
      </c>
      <c r="G59521" s="1" t="s">
        <v>199686</v>
      </c>
      <c r="H59521" s="1" t="s">
        <v>199687</v>
      </c>
      <c r="I59521" s="1" t="s">
        <v>199140</v>
      </c>
      <c r="J59521" s="1" t="s">
        <v>199751</v>
      </c>
    </row>
    <row r="59522" spans="1:10" x14ac:dyDescent="0.35">
      <c r="A59522" s="1" t="s">
        <v>143952</v>
      </c>
      <c r="B59522" s="1" t="s">
        <v>199134</v>
      </c>
      <c r="C59522" s="1" t="s">
        <v>115</v>
      </c>
      <c r="D59522" s="1" t="s">
        <v>199752</v>
      </c>
      <c r="E59522" s="1" t="s">
        <v>199753</v>
      </c>
      <c r="F59522" s="1" t="s">
        <v>199754</v>
      </c>
      <c r="G59522" s="1" t="s">
        <v>199686</v>
      </c>
      <c r="H59522" s="1" t="s">
        <v>199687</v>
      </c>
      <c r="I59522" s="1" t="s">
        <v>199140</v>
      </c>
      <c r="J59522" s="1" t="s">
        <v>199755</v>
      </c>
    </row>
    <row r="59523" spans="1:10" x14ac:dyDescent="0.35">
      <c r="A59523" s="1" t="s">
        <v>143952</v>
      </c>
      <c r="B59523" s="1" t="s">
        <v>199134</v>
      </c>
      <c r="C59523" s="1" t="s">
        <v>120</v>
      </c>
      <c r="D59523" s="1" t="s">
        <v>39377</v>
      </c>
      <c r="E59523" s="1" t="s">
        <v>199756</v>
      </c>
      <c r="F59523" s="1" t="s">
        <v>199757</v>
      </c>
      <c r="G59523" s="1" t="s">
        <v>199686</v>
      </c>
      <c r="H59523" s="1" t="s">
        <v>199687</v>
      </c>
      <c r="I59523" s="1" t="s">
        <v>199140</v>
      </c>
      <c r="J59523" s="1" t="s">
        <v>199758</v>
      </c>
    </row>
    <row r="59524" spans="1:10" x14ac:dyDescent="0.35">
      <c r="A59524" s="1" t="s">
        <v>143952</v>
      </c>
      <c r="B59524" s="1" t="s">
        <v>199134</v>
      </c>
      <c r="C59524" s="1" t="s">
        <v>125</v>
      </c>
      <c r="D59524" s="1" t="s">
        <v>199759</v>
      </c>
      <c r="E59524" s="1" t="s">
        <v>199760</v>
      </c>
      <c r="F59524" s="1" t="s">
        <v>199761</v>
      </c>
      <c r="G59524" s="1" t="s">
        <v>199686</v>
      </c>
      <c r="H59524" s="1" t="s">
        <v>199687</v>
      </c>
      <c r="I59524" s="1" t="s">
        <v>199140</v>
      </c>
      <c r="J59524" s="1" t="s">
        <v>199762</v>
      </c>
    </row>
    <row r="59525" spans="1:10" x14ac:dyDescent="0.35">
      <c r="A59525" s="1" t="s">
        <v>143952</v>
      </c>
      <c r="B59525" s="1" t="s">
        <v>199134</v>
      </c>
      <c r="C59525" s="1" t="s">
        <v>130</v>
      </c>
      <c r="D59525" s="1" t="s">
        <v>100857</v>
      </c>
      <c r="E59525" s="1" t="s">
        <v>199763</v>
      </c>
      <c r="F59525" s="1" t="s">
        <v>199764</v>
      </c>
      <c r="G59525" s="1" t="s">
        <v>199686</v>
      </c>
      <c r="H59525" s="1" t="s">
        <v>199687</v>
      </c>
      <c r="I59525" s="1" t="s">
        <v>199140</v>
      </c>
      <c r="J59525" s="1" t="s">
        <v>199765</v>
      </c>
    </row>
    <row r="59526" spans="1:10" x14ac:dyDescent="0.35">
      <c r="A59526" s="1" t="s">
        <v>143952</v>
      </c>
      <c r="B59526" s="1" t="s">
        <v>199134</v>
      </c>
      <c r="C59526" s="1" t="s">
        <v>135</v>
      </c>
      <c r="D59526" s="1" t="s">
        <v>179004</v>
      </c>
      <c r="E59526" s="1" t="s">
        <v>199766</v>
      </c>
      <c r="F59526" s="1" t="s">
        <v>199767</v>
      </c>
      <c r="G59526" s="1" t="s">
        <v>199686</v>
      </c>
      <c r="H59526" s="1" t="s">
        <v>199687</v>
      </c>
      <c r="I59526" s="1" t="s">
        <v>199140</v>
      </c>
      <c r="J59526" s="1" t="s">
        <v>199768</v>
      </c>
    </row>
    <row r="59527" spans="1:10" x14ac:dyDescent="0.35">
      <c r="A59527" s="1" t="s">
        <v>143952</v>
      </c>
      <c r="B59527" s="1" t="s">
        <v>199134</v>
      </c>
      <c r="C59527" s="1" t="s">
        <v>140</v>
      </c>
      <c r="D59527" s="1" t="s">
        <v>85002</v>
      </c>
      <c r="E59527" s="1" t="s">
        <v>199769</v>
      </c>
      <c r="F59527" s="1" t="s">
        <v>199770</v>
      </c>
      <c r="G59527" s="1" t="s">
        <v>199686</v>
      </c>
      <c r="H59527" s="1" t="s">
        <v>199687</v>
      </c>
      <c r="I59527" s="1" t="s">
        <v>199140</v>
      </c>
      <c r="J59527" s="1" t="s">
        <v>199771</v>
      </c>
    </row>
    <row r="59528" spans="1:10" x14ac:dyDescent="0.35">
      <c r="A59528" s="1" t="s">
        <v>143952</v>
      </c>
      <c r="B59528" s="1" t="s">
        <v>199134</v>
      </c>
      <c r="C59528" s="1" t="s">
        <v>145</v>
      </c>
      <c r="D59528" s="1" t="s">
        <v>79382</v>
      </c>
      <c r="E59528" s="1" t="s">
        <v>199772</v>
      </c>
      <c r="F59528" s="1" t="s">
        <v>199773</v>
      </c>
      <c r="G59528" s="1" t="s">
        <v>199686</v>
      </c>
      <c r="H59528" s="1" t="s">
        <v>199687</v>
      </c>
      <c r="I59528" s="1" t="s">
        <v>199140</v>
      </c>
      <c r="J59528" s="1" t="s">
        <v>199774</v>
      </c>
    </row>
    <row r="59529" spans="1:10" x14ac:dyDescent="0.35">
      <c r="A59529" s="1" t="s">
        <v>143952</v>
      </c>
      <c r="B59529" s="1" t="s">
        <v>199134</v>
      </c>
      <c r="C59529" s="1" t="s">
        <v>150</v>
      </c>
      <c r="D59529" s="1" t="s">
        <v>199775</v>
      </c>
      <c r="E59529" s="1" t="s">
        <v>199776</v>
      </c>
      <c r="F59529" s="1" t="s">
        <v>199777</v>
      </c>
      <c r="G59529" s="1" t="s">
        <v>199686</v>
      </c>
      <c r="H59529" s="1" t="s">
        <v>199687</v>
      </c>
      <c r="I59529" s="1" t="s">
        <v>199140</v>
      </c>
      <c r="J59529" s="1" t="s">
        <v>199778</v>
      </c>
    </row>
    <row r="59530" spans="1:10" x14ac:dyDescent="0.35">
      <c r="A59530" s="1" t="s">
        <v>143952</v>
      </c>
      <c r="B59530" s="1" t="s">
        <v>199134</v>
      </c>
      <c r="C59530" s="1" t="s">
        <v>155</v>
      </c>
      <c r="D59530" s="1" t="s">
        <v>55714</v>
      </c>
      <c r="E59530" s="1" t="s">
        <v>199779</v>
      </c>
      <c r="F59530" s="1" t="s">
        <v>199780</v>
      </c>
      <c r="G59530" s="1" t="s">
        <v>199686</v>
      </c>
      <c r="H59530" s="1" t="s">
        <v>199687</v>
      </c>
      <c r="I59530" s="1" t="s">
        <v>199140</v>
      </c>
      <c r="J59530" s="1" t="s">
        <v>199781</v>
      </c>
    </row>
    <row r="59531" spans="1:10" x14ac:dyDescent="0.35">
      <c r="A59531" s="1" t="s">
        <v>143952</v>
      </c>
      <c r="B59531" s="1" t="s">
        <v>199134</v>
      </c>
      <c r="C59531" s="1" t="s">
        <v>160</v>
      </c>
      <c r="D59531" s="1" t="s">
        <v>199782</v>
      </c>
      <c r="E59531" s="1" t="s">
        <v>199783</v>
      </c>
      <c r="F59531" s="1" t="s">
        <v>199784</v>
      </c>
      <c r="G59531" s="1" t="s">
        <v>199686</v>
      </c>
      <c r="H59531" s="1" t="s">
        <v>199687</v>
      </c>
      <c r="I59531" s="1" t="s">
        <v>199140</v>
      </c>
      <c r="J59531" s="1" t="s">
        <v>199785</v>
      </c>
    </row>
    <row r="59532" spans="1:10" x14ac:dyDescent="0.35">
      <c r="A59532" s="1" t="s">
        <v>143952</v>
      </c>
      <c r="B59532" s="1" t="s">
        <v>199134</v>
      </c>
      <c r="C59532" s="1" t="s">
        <v>165</v>
      </c>
      <c r="D59532" s="1" t="s">
        <v>62497</v>
      </c>
      <c r="E59532" s="1" t="s">
        <v>199786</v>
      </c>
      <c r="F59532" s="1" t="s">
        <v>199787</v>
      </c>
      <c r="G59532" s="1" t="s">
        <v>199686</v>
      </c>
      <c r="H59532" s="1" t="s">
        <v>199687</v>
      </c>
      <c r="I59532" s="1" t="s">
        <v>199140</v>
      </c>
      <c r="J59532" s="1" t="s">
        <v>199788</v>
      </c>
    </row>
    <row r="59533" spans="1:10" x14ac:dyDescent="0.35">
      <c r="A59533" s="1" t="s">
        <v>143952</v>
      </c>
      <c r="B59533" s="1" t="s">
        <v>199134</v>
      </c>
      <c r="C59533" s="1" t="s">
        <v>170</v>
      </c>
      <c r="D59533" s="1" t="s">
        <v>199789</v>
      </c>
      <c r="E59533" s="1" t="s">
        <v>199790</v>
      </c>
      <c r="F59533" s="1" t="s">
        <v>199791</v>
      </c>
      <c r="G59533" s="1" t="s">
        <v>199686</v>
      </c>
      <c r="H59533" s="1" t="s">
        <v>199687</v>
      </c>
      <c r="I59533" s="1" t="s">
        <v>199140</v>
      </c>
      <c r="J59533" s="1" t="s">
        <v>199792</v>
      </c>
    </row>
    <row r="59534" spans="1:10" x14ac:dyDescent="0.35">
      <c r="A59534" s="1" t="s">
        <v>120030</v>
      </c>
      <c r="B59534" s="1" t="s">
        <v>199134</v>
      </c>
      <c r="C59534" s="1" t="s">
        <v>8</v>
      </c>
      <c r="D59534" s="1" t="s">
        <v>60131</v>
      </c>
      <c r="E59534" s="1" t="s">
        <v>199793</v>
      </c>
      <c r="F59534" s="1" t="s">
        <v>199794</v>
      </c>
      <c r="G59534" s="1" t="s">
        <v>199795</v>
      </c>
      <c r="H59534" s="1" t="s">
        <v>199796</v>
      </c>
      <c r="I59534" s="1" t="s">
        <v>199140</v>
      </c>
      <c r="J59534" s="1" t="s">
        <v>13</v>
      </c>
    </row>
    <row r="59535" spans="1:10" x14ac:dyDescent="0.35">
      <c r="A59535" s="1" t="s">
        <v>120030</v>
      </c>
      <c r="B59535" s="1" t="s">
        <v>199134</v>
      </c>
      <c r="C59535" s="1" t="s">
        <v>15</v>
      </c>
      <c r="D59535" s="1" t="s">
        <v>76337</v>
      </c>
      <c r="E59535" s="1" t="s">
        <v>199797</v>
      </c>
      <c r="F59535" s="1" t="s">
        <v>199798</v>
      </c>
      <c r="G59535" s="1" t="s">
        <v>199795</v>
      </c>
      <c r="H59535" s="1" t="s">
        <v>199796</v>
      </c>
      <c r="I59535" s="1" t="s">
        <v>199140</v>
      </c>
      <c r="J59535" s="1" t="s">
        <v>199799</v>
      </c>
    </row>
    <row r="59536" spans="1:10" x14ac:dyDescent="0.35">
      <c r="A59536" s="1" t="s">
        <v>120030</v>
      </c>
      <c r="B59536" s="1" t="s">
        <v>199134</v>
      </c>
      <c r="C59536" s="1" t="s">
        <v>20</v>
      </c>
      <c r="D59536" s="1" t="s">
        <v>55218</v>
      </c>
      <c r="E59536" s="1" t="s">
        <v>199800</v>
      </c>
      <c r="F59536" s="1" t="s">
        <v>199801</v>
      </c>
      <c r="G59536" s="1" t="s">
        <v>199795</v>
      </c>
      <c r="H59536" s="1" t="s">
        <v>199796</v>
      </c>
      <c r="I59536" s="1" t="s">
        <v>199140</v>
      </c>
      <c r="J59536" s="1" t="s">
        <v>199802</v>
      </c>
    </row>
    <row r="59537" spans="1:10" x14ac:dyDescent="0.35">
      <c r="A59537" s="1" t="s">
        <v>120030</v>
      </c>
      <c r="B59537" s="1" t="s">
        <v>199134</v>
      </c>
      <c r="C59537" s="1" t="s">
        <v>25</v>
      </c>
      <c r="D59537" s="1" t="s">
        <v>199803</v>
      </c>
      <c r="E59537" s="1" t="s">
        <v>199804</v>
      </c>
      <c r="F59537" s="1" t="s">
        <v>199805</v>
      </c>
      <c r="G59537" s="1" t="s">
        <v>199795</v>
      </c>
      <c r="H59537" s="1" t="s">
        <v>199796</v>
      </c>
      <c r="I59537" s="1" t="s">
        <v>199140</v>
      </c>
      <c r="J59537" s="1" t="s">
        <v>199806</v>
      </c>
    </row>
    <row r="59538" spans="1:10" x14ac:dyDescent="0.35">
      <c r="A59538" s="1" t="s">
        <v>120030</v>
      </c>
      <c r="B59538" s="1" t="s">
        <v>199134</v>
      </c>
      <c r="C59538" s="1" t="s">
        <v>30</v>
      </c>
      <c r="D59538" s="1" t="s">
        <v>199807</v>
      </c>
      <c r="E59538" s="1" t="s">
        <v>199808</v>
      </c>
      <c r="F59538" s="1" t="s">
        <v>199809</v>
      </c>
      <c r="G59538" s="1" t="s">
        <v>199795</v>
      </c>
      <c r="H59538" s="1" t="s">
        <v>199796</v>
      </c>
      <c r="I59538" s="1" t="s">
        <v>199140</v>
      </c>
      <c r="J59538" s="1" t="s">
        <v>199810</v>
      </c>
    </row>
    <row r="59539" spans="1:10" x14ac:dyDescent="0.35">
      <c r="A59539" s="1" t="s">
        <v>120030</v>
      </c>
      <c r="B59539" s="1" t="s">
        <v>199134</v>
      </c>
      <c r="C59539" s="1" t="s">
        <v>35</v>
      </c>
      <c r="D59539" s="1" t="s">
        <v>80332</v>
      </c>
      <c r="E59539" s="1" t="s">
        <v>199811</v>
      </c>
      <c r="F59539" s="1" t="s">
        <v>199812</v>
      </c>
      <c r="G59539" s="1" t="s">
        <v>199795</v>
      </c>
      <c r="H59539" s="1" t="s">
        <v>199796</v>
      </c>
      <c r="I59539" s="1" t="s">
        <v>199140</v>
      </c>
      <c r="J59539" s="1" t="s">
        <v>199813</v>
      </c>
    </row>
    <row r="59540" spans="1:10" x14ac:dyDescent="0.35">
      <c r="A59540" s="1" t="s">
        <v>120030</v>
      </c>
      <c r="B59540" s="1" t="s">
        <v>199134</v>
      </c>
      <c r="C59540" s="1" t="s">
        <v>40</v>
      </c>
      <c r="D59540" s="1" t="s">
        <v>5883</v>
      </c>
      <c r="E59540" s="1" t="s">
        <v>199814</v>
      </c>
      <c r="F59540" s="1" t="s">
        <v>199815</v>
      </c>
      <c r="G59540" s="1" t="s">
        <v>199795</v>
      </c>
      <c r="H59540" s="1" t="s">
        <v>199796</v>
      </c>
      <c r="I59540" s="1" t="s">
        <v>199140</v>
      </c>
      <c r="J59540" s="1" t="s">
        <v>199816</v>
      </c>
    </row>
    <row r="59541" spans="1:10" x14ac:dyDescent="0.35">
      <c r="A59541" s="1" t="s">
        <v>120030</v>
      </c>
      <c r="B59541" s="1" t="s">
        <v>199134</v>
      </c>
      <c r="C59541" s="1" t="s">
        <v>45</v>
      </c>
      <c r="D59541" s="1" t="s">
        <v>88275</v>
      </c>
      <c r="E59541" s="1" t="s">
        <v>199817</v>
      </c>
      <c r="F59541" s="1" t="s">
        <v>199818</v>
      </c>
      <c r="G59541" s="1" t="s">
        <v>199795</v>
      </c>
      <c r="H59541" s="1" t="s">
        <v>199796</v>
      </c>
      <c r="I59541" s="1" t="s">
        <v>199140</v>
      </c>
      <c r="J59541" s="1" t="s">
        <v>199819</v>
      </c>
    </row>
    <row r="59542" spans="1:10" x14ac:dyDescent="0.35">
      <c r="A59542" s="1" t="s">
        <v>120030</v>
      </c>
      <c r="B59542" s="1" t="s">
        <v>199134</v>
      </c>
      <c r="C59542" s="1" t="s">
        <v>50</v>
      </c>
      <c r="D59542" s="1" t="s">
        <v>138020</v>
      </c>
      <c r="E59542" s="1" t="s">
        <v>199820</v>
      </c>
      <c r="F59542" s="1" t="s">
        <v>199821</v>
      </c>
      <c r="G59542" s="1" t="s">
        <v>199795</v>
      </c>
      <c r="H59542" s="1" t="s">
        <v>199796</v>
      </c>
      <c r="I59542" s="1" t="s">
        <v>199140</v>
      </c>
      <c r="J59542" s="1" t="s">
        <v>199822</v>
      </c>
    </row>
    <row r="59543" spans="1:10" x14ac:dyDescent="0.35">
      <c r="A59543" s="1" t="s">
        <v>120030</v>
      </c>
      <c r="B59543" s="1" t="s">
        <v>199134</v>
      </c>
      <c r="C59543" s="1" t="s">
        <v>55</v>
      </c>
      <c r="D59543" s="1" t="s">
        <v>39840</v>
      </c>
      <c r="E59543" s="1" t="s">
        <v>199823</v>
      </c>
      <c r="F59543" s="1" t="s">
        <v>199824</v>
      </c>
      <c r="G59543" s="1" t="s">
        <v>199795</v>
      </c>
      <c r="H59543" s="1" t="s">
        <v>199796</v>
      </c>
      <c r="I59543" s="1" t="s">
        <v>199140</v>
      </c>
      <c r="J59543" s="1" t="s">
        <v>199825</v>
      </c>
    </row>
    <row r="59544" spans="1:10" x14ac:dyDescent="0.35">
      <c r="A59544" s="1" t="s">
        <v>120030</v>
      </c>
      <c r="B59544" s="1" t="s">
        <v>199134</v>
      </c>
      <c r="C59544" s="1" t="s">
        <v>60</v>
      </c>
      <c r="D59544" s="1" t="s">
        <v>57264</v>
      </c>
      <c r="E59544" s="1" t="s">
        <v>199826</v>
      </c>
      <c r="F59544" s="1" t="s">
        <v>199827</v>
      </c>
      <c r="G59544" s="1" t="s">
        <v>199795</v>
      </c>
      <c r="H59544" s="1" t="s">
        <v>199796</v>
      </c>
      <c r="I59544" s="1" t="s">
        <v>199140</v>
      </c>
      <c r="J59544" s="1" t="s">
        <v>199828</v>
      </c>
    </row>
    <row r="59545" spans="1:10" x14ac:dyDescent="0.35">
      <c r="A59545" s="1" t="s">
        <v>120030</v>
      </c>
      <c r="B59545" s="1" t="s">
        <v>199134</v>
      </c>
      <c r="C59545" s="1" t="s">
        <v>65</v>
      </c>
      <c r="D59545" s="1" t="s">
        <v>68426</v>
      </c>
      <c r="E59545" s="1" t="s">
        <v>199829</v>
      </c>
      <c r="F59545" s="1" t="s">
        <v>199830</v>
      </c>
      <c r="G59545" s="1" t="s">
        <v>199795</v>
      </c>
      <c r="H59545" s="1" t="s">
        <v>199796</v>
      </c>
      <c r="I59545" s="1" t="s">
        <v>199140</v>
      </c>
      <c r="J59545" s="1" t="s">
        <v>199831</v>
      </c>
    </row>
    <row r="59546" spans="1:10" x14ac:dyDescent="0.35">
      <c r="A59546" s="1" t="s">
        <v>120030</v>
      </c>
      <c r="B59546" s="1" t="s">
        <v>199134</v>
      </c>
      <c r="C59546" s="1" t="s">
        <v>70</v>
      </c>
      <c r="D59546" s="1" t="s">
        <v>59959</v>
      </c>
      <c r="E59546" s="1" t="s">
        <v>199832</v>
      </c>
      <c r="F59546" s="1" t="s">
        <v>199833</v>
      </c>
      <c r="G59546" s="1" t="s">
        <v>199795</v>
      </c>
      <c r="H59546" s="1" t="s">
        <v>199796</v>
      </c>
      <c r="I59546" s="1" t="s">
        <v>199140</v>
      </c>
      <c r="J59546" s="1" t="s">
        <v>199834</v>
      </c>
    </row>
    <row r="59547" spans="1:10" x14ac:dyDescent="0.35">
      <c r="A59547" s="1" t="s">
        <v>120030</v>
      </c>
      <c r="B59547" s="1" t="s">
        <v>199134</v>
      </c>
      <c r="C59547" s="1" t="s">
        <v>75</v>
      </c>
      <c r="D59547" s="1" t="s">
        <v>103244</v>
      </c>
      <c r="E59547" s="1" t="s">
        <v>199835</v>
      </c>
      <c r="F59547" s="1" t="s">
        <v>199836</v>
      </c>
      <c r="G59547" s="1" t="s">
        <v>199795</v>
      </c>
      <c r="H59547" s="1" t="s">
        <v>199796</v>
      </c>
      <c r="I59547" s="1" t="s">
        <v>199140</v>
      </c>
      <c r="J59547" s="1" t="s">
        <v>199837</v>
      </c>
    </row>
    <row r="59548" spans="1:10" x14ac:dyDescent="0.35">
      <c r="A59548" s="1" t="s">
        <v>120030</v>
      </c>
      <c r="B59548" s="1" t="s">
        <v>199134</v>
      </c>
      <c r="C59548" s="1" t="s">
        <v>80</v>
      </c>
      <c r="D59548" s="1" t="s">
        <v>199838</v>
      </c>
      <c r="E59548" s="1" t="s">
        <v>199839</v>
      </c>
      <c r="F59548" s="1" t="s">
        <v>199840</v>
      </c>
      <c r="G59548" s="1" t="s">
        <v>199795</v>
      </c>
      <c r="H59548" s="1" t="s">
        <v>199796</v>
      </c>
      <c r="I59548" s="1" t="s">
        <v>199140</v>
      </c>
      <c r="J59548" s="1" t="s">
        <v>199841</v>
      </c>
    </row>
    <row r="59549" spans="1:10" x14ac:dyDescent="0.35">
      <c r="A59549" s="1" t="s">
        <v>120030</v>
      </c>
      <c r="B59549" s="1" t="s">
        <v>199134</v>
      </c>
      <c r="C59549" s="1" t="s">
        <v>85</v>
      </c>
      <c r="D59549" s="1" t="s">
        <v>199842</v>
      </c>
      <c r="E59549" s="1" t="s">
        <v>199843</v>
      </c>
      <c r="F59549" s="1" t="s">
        <v>199844</v>
      </c>
      <c r="G59549" s="1" t="s">
        <v>199795</v>
      </c>
      <c r="H59549" s="1" t="s">
        <v>199796</v>
      </c>
      <c r="I59549" s="1" t="s">
        <v>199140</v>
      </c>
      <c r="J59549" s="1" t="s">
        <v>199845</v>
      </c>
    </row>
    <row r="59550" spans="1:10" x14ac:dyDescent="0.35">
      <c r="A59550" s="1" t="s">
        <v>120030</v>
      </c>
      <c r="B59550" s="1" t="s">
        <v>199134</v>
      </c>
      <c r="C59550" s="1" t="s">
        <v>90</v>
      </c>
      <c r="D59550" s="1" t="s">
        <v>69772</v>
      </c>
      <c r="E59550" s="1" t="s">
        <v>199846</v>
      </c>
      <c r="F59550" s="1" t="s">
        <v>199847</v>
      </c>
      <c r="G59550" s="1" t="s">
        <v>199795</v>
      </c>
      <c r="H59550" s="1" t="s">
        <v>199796</v>
      </c>
      <c r="I59550" s="1" t="s">
        <v>199140</v>
      </c>
      <c r="J59550" s="1" t="s">
        <v>199848</v>
      </c>
    </row>
    <row r="59551" spans="1:10" x14ac:dyDescent="0.35">
      <c r="A59551" s="1" t="s">
        <v>120030</v>
      </c>
      <c r="B59551" s="1" t="s">
        <v>199134</v>
      </c>
      <c r="C59551" s="1" t="s">
        <v>95</v>
      </c>
      <c r="D59551" s="1" t="s">
        <v>199849</v>
      </c>
      <c r="E59551" s="1" t="s">
        <v>199850</v>
      </c>
      <c r="F59551" s="1" t="s">
        <v>199851</v>
      </c>
      <c r="G59551" s="1" t="s">
        <v>199795</v>
      </c>
      <c r="H59551" s="1" t="s">
        <v>199796</v>
      </c>
      <c r="I59551" s="1" t="s">
        <v>199140</v>
      </c>
      <c r="J59551" s="1" t="s">
        <v>199852</v>
      </c>
    </row>
    <row r="59552" spans="1:10" x14ac:dyDescent="0.35">
      <c r="A59552" s="1" t="s">
        <v>120030</v>
      </c>
      <c r="B59552" s="1" t="s">
        <v>199134</v>
      </c>
      <c r="C59552" s="1" t="s">
        <v>100</v>
      </c>
      <c r="D59552" s="1" t="s">
        <v>100733</v>
      </c>
      <c r="E59552" s="1" t="s">
        <v>199853</v>
      </c>
      <c r="F59552" s="1" t="s">
        <v>199854</v>
      </c>
      <c r="G59552" s="1" t="s">
        <v>199795</v>
      </c>
      <c r="H59552" s="1" t="s">
        <v>199796</v>
      </c>
      <c r="I59552" s="1" t="s">
        <v>199140</v>
      </c>
      <c r="J59552" s="1" t="s">
        <v>199855</v>
      </c>
    </row>
    <row r="59553" spans="1:10" x14ac:dyDescent="0.35">
      <c r="A59553" s="1" t="s">
        <v>120030</v>
      </c>
      <c r="B59553" s="1" t="s">
        <v>199134</v>
      </c>
      <c r="C59553" s="1" t="s">
        <v>105</v>
      </c>
      <c r="D59553" s="1" t="s">
        <v>199856</v>
      </c>
      <c r="E59553" s="1" t="s">
        <v>199857</v>
      </c>
      <c r="F59553" s="1" t="s">
        <v>199858</v>
      </c>
      <c r="G59553" s="1" t="s">
        <v>199795</v>
      </c>
      <c r="H59553" s="1" t="s">
        <v>199796</v>
      </c>
      <c r="I59553" s="1" t="s">
        <v>199140</v>
      </c>
      <c r="J59553" s="1" t="s">
        <v>199859</v>
      </c>
    </row>
    <row r="59554" spans="1:10" x14ac:dyDescent="0.35">
      <c r="A59554" s="1" t="s">
        <v>120030</v>
      </c>
      <c r="B59554" s="1" t="s">
        <v>199134</v>
      </c>
      <c r="C59554" s="1" t="s">
        <v>110</v>
      </c>
      <c r="D59554" s="1" t="s">
        <v>199860</v>
      </c>
      <c r="E59554" s="1" t="s">
        <v>199861</v>
      </c>
      <c r="F59554" s="1" t="s">
        <v>199862</v>
      </c>
      <c r="G59554" s="1" t="s">
        <v>199795</v>
      </c>
      <c r="H59554" s="1" t="s">
        <v>199796</v>
      </c>
      <c r="I59554" s="1" t="s">
        <v>199140</v>
      </c>
      <c r="J59554" s="1" t="s">
        <v>199863</v>
      </c>
    </row>
    <row r="59555" spans="1:10" x14ac:dyDescent="0.35">
      <c r="A59555" s="1" t="s">
        <v>120030</v>
      </c>
      <c r="B59555" s="1" t="s">
        <v>199134</v>
      </c>
      <c r="C59555" s="1" t="s">
        <v>115</v>
      </c>
      <c r="D59555" s="1" t="s">
        <v>83826</v>
      </c>
      <c r="E59555" s="1" t="s">
        <v>199864</v>
      </c>
      <c r="F59555" s="1" t="s">
        <v>199865</v>
      </c>
      <c r="G59555" s="1" t="s">
        <v>199795</v>
      </c>
      <c r="H59555" s="1" t="s">
        <v>199796</v>
      </c>
      <c r="I59555" s="1" t="s">
        <v>199140</v>
      </c>
      <c r="J59555" s="1" t="s">
        <v>199866</v>
      </c>
    </row>
    <row r="59556" spans="1:10" x14ac:dyDescent="0.35">
      <c r="A59556" s="1" t="s">
        <v>120030</v>
      </c>
      <c r="B59556" s="1" t="s">
        <v>199134</v>
      </c>
      <c r="C59556" s="1" t="s">
        <v>120</v>
      </c>
      <c r="D59556" s="1" t="s">
        <v>55843</v>
      </c>
      <c r="E59556" s="1" t="s">
        <v>199867</v>
      </c>
      <c r="F59556" s="1" t="s">
        <v>199868</v>
      </c>
      <c r="G59556" s="1" t="s">
        <v>199795</v>
      </c>
      <c r="H59556" s="1" t="s">
        <v>199796</v>
      </c>
      <c r="I59556" s="1" t="s">
        <v>199140</v>
      </c>
      <c r="J59556" s="1" t="s">
        <v>199869</v>
      </c>
    </row>
    <row r="59557" spans="1:10" x14ac:dyDescent="0.35">
      <c r="A59557" s="1" t="s">
        <v>120030</v>
      </c>
      <c r="B59557" s="1" t="s">
        <v>199134</v>
      </c>
      <c r="C59557" s="1" t="s">
        <v>125</v>
      </c>
      <c r="D59557" s="1" t="s">
        <v>56357</v>
      </c>
      <c r="E59557" s="1" t="s">
        <v>199870</v>
      </c>
      <c r="F59557" s="1" t="s">
        <v>199871</v>
      </c>
      <c r="G59557" s="1" t="s">
        <v>199795</v>
      </c>
      <c r="H59557" s="1" t="s">
        <v>199796</v>
      </c>
      <c r="I59557" s="1" t="s">
        <v>199140</v>
      </c>
      <c r="J59557" s="1" t="s">
        <v>199872</v>
      </c>
    </row>
    <row r="59558" spans="1:10" x14ac:dyDescent="0.35">
      <c r="A59558" s="1" t="s">
        <v>120030</v>
      </c>
      <c r="B59558" s="1" t="s">
        <v>199134</v>
      </c>
      <c r="C59558" s="1" t="s">
        <v>130</v>
      </c>
      <c r="D59558" s="1" t="s">
        <v>164989</v>
      </c>
      <c r="E59558" s="1" t="s">
        <v>199873</v>
      </c>
      <c r="F59558" s="1" t="s">
        <v>199874</v>
      </c>
      <c r="G59558" s="1" t="s">
        <v>199795</v>
      </c>
      <c r="H59558" s="1" t="s">
        <v>199796</v>
      </c>
      <c r="I59558" s="1" t="s">
        <v>199140</v>
      </c>
      <c r="J59558" s="1" t="s">
        <v>199875</v>
      </c>
    </row>
    <row r="59559" spans="1:10" x14ac:dyDescent="0.35">
      <c r="A59559" s="1" t="s">
        <v>120030</v>
      </c>
      <c r="B59559" s="1" t="s">
        <v>199134</v>
      </c>
      <c r="C59559" s="1" t="s">
        <v>135</v>
      </c>
      <c r="D59559" s="1" t="s">
        <v>100680</v>
      </c>
      <c r="E59559" s="1" t="s">
        <v>199876</v>
      </c>
      <c r="F59559" s="1" t="s">
        <v>199877</v>
      </c>
      <c r="G59559" s="1" t="s">
        <v>199795</v>
      </c>
      <c r="H59559" s="1" t="s">
        <v>199796</v>
      </c>
      <c r="I59559" s="1" t="s">
        <v>199140</v>
      </c>
      <c r="J59559" s="1" t="s">
        <v>199878</v>
      </c>
    </row>
    <row r="59560" spans="1:10" x14ac:dyDescent="0.35">
      <c r="A59560" s="1" t="s">
        <v>120030</v>
      </c>
      <c r="B59560" s="1" t="s">
        <v>199134</v>
      </c>
      <c r="C59560" s="1" t="s">
        <v>140</v>
      </c>
      <c r="D59560" s="1" t="s">
        <v>199879</v>
      </c>
      <c r="E59560" s="1" t="s">
        <v>199880</v>
      </c>
      <c r="F59560" s="1" t="s">
        <v>199881</v>
      </c>
      <c r="G59560" s="1" t="s">
        <v>199795</v>
      </c>
      <c r="H59560" s="1" t="s">
        <v>199796</v>
      </c>
      <c r="I59560" s="1" t="s">
        <v>199140</v>
      </c>
      <c r="J59560" s="1" t="s">
        <v>199882</v>
      </c>
    </row>
    <row r="59561" spans="1:10" x14ac:dyDescent="0.35">
      <c r="A59561" s="1" t="s">
        <v>120030</v>
      </c>
      <c r="B59561" s="1" t="s">
        <v>199134</v>
      </c>
      <c r="C59561" s="1" t="s">
        <v>145</v>
      </c>
      <c r="D59561" s="1" t="s">
        <v>199883</v>
      </c>
      <c r="E59561" s="1" t="s">
        <v>199884</v>
      </c>
      <c r="F59561" s="1" t="s">
        <v>199885</v>
      </c>
      <c r="G59561" s="1" t="s">
        <v>199795</v>
      </c>
      <c r="H59561" s="1" t="s">
        <v>199796</v>
      </c>
      <c r="I59561" s="1" t="s">
        <v>199140</v>
      </c>
      <c r="J59561" s="1" t="s">
        <v>199886</v>
      </c>
    </row>
    <row r="59562" spans="1:10" x14ac:dyDescent="0.35">
      <c r="A59562" s="1" t="s">
        <v>120030</v>
      </c>
      <c r="B59562" s="1" t="s">
        <v>199134</v>
      </c>
      <c r="C59562" s="1" t="s">
        <v>150</v>
      </c>
      <c r="D59562" s="1" t="s">
        <v>199887</v>
      </c>
      <c r="E59562" s="1" t="s">
        <v>199888</v>
      </c>
      <c r="F59562" s="1" t="s">
        <v>199889</v>
      </c>
      <c r="G59562" s="1" t="s">
        <v>199795</v>
      </c>
      <c r="H59562" s="1" t="s">
        <v>199796</v>
      </c>
      <c r="I59562" s="1" t="s">
        <v>199140</v>
      </c>
      <c r="J59562" s="1" t="s">
        <v>199890</v>
      </c>
    </row>
    <row r="59563" spans="1:10" x14ac:dyDescent="0.35">
      <c r="A59563" s="1" t="s">
        <v>120030</v>
      </c>
      <c r="B59563" s="1" t="s">
        <v>199134</v>
      </c>
      <c r="C59563" s="1" t="s">
        <v>155</v>
      </c>
      <c r="D59563" s="1" t="s">
        <v>67308</v>
      </c>
      <c r="E59563" s="1" t="s">
        <v>199891</v>
      </c>
      <c r="F59563" s="1" t="s">
        <v>199892</v>
      </c>
      <c r="G59563" s="1" t="s">
        <v>199795</v>
      </c>
      <c r="H59563" s="1" t="s">
        <v>199796</v>
      </c>
      <c r="I59563" s="1" t="s">
        <v>199140</v>
      </c>
      <c r="J59563" s="1" t="s">
        <v>199893</v>
      </c>
    </row>
    <row r="59564" spans="1:10" x14ac:dyDescent="0.35">
      <c r="A59564" s="1" t="s">
        <v>120030</v>
      </c>
      <c r="B59564" s="1" t="s">
        <v>199134</v>
      </c>
      <c r="C59564" s="1" t="s">
        <v>160</v>
      </c>
      <c r="D59564" s="1" t="s">
        <v>199894</v>
      </c>
      <c r="E59564" s="1" t="s">
        <v>199895</v>
      </c>
      <c r="F59564" s="1" t="s">
        <v>199896</v>
      </c>
      <c r="G59564" s="1" t="s">
        <v>199795</v>
      </c>
      <c r="H59564" s="1" t="s">
        <v>199796</v>
      </c>
      <c r="I59564" s="1" t="s">
        <v>199140</v>
      </c>
      <c r="J59564" s="1" t="s">
        <v>199897</v>
      </c>
    </row>
    <row r="59565" spans="1:10" x14ac:dyDescent="0.35">
      <c r="A59565" s="1" t="s">
        <v>120030</v>
      </c>
      <c r="B59565" s="1" t="s">
        <v>199134</v>
      </c>
      <c r="C59565" s="1" t="s">
        <v>165</v>
      </c>
      <c r="D59565" s="1" t="s">
        <v>103633</v>
      </c>
      <c r="E59565" s="1" t="s">
        <v>199898</v>
      </c>
      <c r="F59565" s="1" t="s">
        <v>199899</v>
      </c>
      <c r="G59565" s="1" t="s">
        <v>199795</v>
      </c>
      <c r="H59565" s="1" t="s">
        <v>199796</v>
      </c>
      <c r="I59565" s="1" t="s">
        <v>199140</v>
      </c>
      <c r="J59565" s="1" t="s">
        <v>199900</v>
      </c>
    </row>
    <row r="59566" spans="1:10" x14ac:dyDescent="0.35">
      <c r="A59566" s="1" t="s">
        <v>120030</v>
      </c>
      <c r="B59566" s="1" t="s">
        <v>199134</v>
      </c>
      <c r="C59566" s="1" t="s">
        <v>170</v>
      </c>
      <c r="D59566" s="1" t="s">
        <v>199901</v>
      </c>
      <c r="E59566" s="1" t="s">
        <v>199902</v>
      </c>
      <c r="F59566" s="1" t="s">
        <v>199903</v>
      </c>
      <c r="G59566" s="1" t="s">
        <v>199795</v>
      </c>
      <c r="H59566" s="1" t="s">
        <v>199796</v>
      </c>
      <c r="I59566" s="1" t="s">
        <v>199140</v>
      </c>
      <c r="J59566" s="1" t="s">
        <v>199904</v>
      </c>
    </row>
    <row r="59567" spans="1:10" x14ac:dyDescent="0.35">
      <c r="A59567" s="1" t="s">
        <v>27395</v>
      </c>
      <c r="B59567" s="1" t="s">
        <v>199134</v>
      </c>
      <c r="C59567" s="1" t="s">
        <v>8</v>
      </c>
      <c r="D59567" s="1" t="s">
        <v>199905</v>
      </c>
      <c r="E59567" s="1" t="s">
        <v>199906</v>
      </c>
      <c r="F59567" s="1" t="s">
        <v>199907</v>
      </c>
      <c r="G59567" s="1" t="s">
        <v>199908</v>
      </c>
      <c r="H59567" s="1" t="s">
        <v>199909</v>
      </c>
      <c r="I59567" s="1" t="s">
        <v>199140</v>
      </c>
      <c r="J59567" s="1" t="s">
        <v>13</v>
      </c>
    </row>
    <row r="59568" spans="1:10" x14ac:dyDescent="0.35">
      <c r="A59568" s="1" t="s">
        <v>27395</v>
      </c>
      <c r="B59568" s="1" t="s">
        <v>199134</v>
      </c>
      <c r="C59568" s="1" t="s">
        <v>15</v>
      </c>
      <c r="D59568" s="1" t="s">
        <v>15145</v>
      </c>
      <c r="E59568" s="1" t="s">
        <v>199910</v>
      </c>
      <c r="F59568" s="1" t="s">
        <v>199911</v>
      </c>
      <c r="G59568" s="1" t="s">
        <v>199908</v>
      </c>
      <c r="H59568" s="1" t="s">
        <v>199909</v>
      </c>
      <c r="I59568" s="1" t="s">
        <v>199140</v>
      </c>
      <c r="J59568" s="1" t="s">
        <v>199912</v>
      </c>
    </row>
    <row r="59569" spans="1:10" x14ac:dyDescent="0.35">
      <c r="A59569" s="1" t="s">
        <v>27395</v>
      </c>
      <c r="B59569" s="1" t="s">
        <v>199134</v>
      </c>
      <c r="C59569" s="1" t="s">
        <v>20</v>
      </c>
      <c r="D59569" s="1" t="s">
        <v>95863</v>
      </c>
      <c r="E59569" s="1" t="s">
        <v>199913</v>
      </c>
      <c r="F59569" s="1" t="s">
        <v>199914</v>
      </c>
      <c r="G59569" s="1" t="s">
        <v>199908</v>
      </c>
      <c r="H59569" s="1" t="s">
        <v>199909</v>
      </c>
      <c r="I59569" s="1" t="s">
        <v>199140</v>
      </c>
      <c r="J59569" s="1" t="s">
        <v>199915</v>
      </c>
    </row>
    <row r="59570" spans="1:10" x14ac:dyDescent="0.35">
      <c r="A59570" s="1" t="s">
        <v>27395</v>
      </c>
      <c r="B59570" s="1" t="s">
        <v>199134</v>
      </c>
      <c r="C59570" s="1" t="s">
        <v>25</v>
      </c>
      <c r="D59570" s="1" t="s">
        <v>199916</v>
      </c>
      <c r="E59570" s="1" t="s">
        <v>199917</v>
      </c>
      <c r="F59570" s="1" t="s">
        <v>199918</v>
      </c>
      <c r="G59570" s="1" t="s">
        <v>199908</v>
      </c>
      <c r="H59570" s="1" t="s">
        <v>199909</v>
      </c>
      <c r="I59570" s="1" t="s">
        <v>199140</v>
      </c>
      <c r="J59570" s="1" t="s">
        <v>199919</v>
      </c>
    </row>
    <row r="59571" spans="1:10" x14ac:dyDescent="0.35">
      <c r="A59571" s="1" t="s">
        <v>27395</v>
      </c>
      <c r="B59571" s="1" t="s">
        <v>199134</v>
      </c>
      <c r="C59571" s="1" t="s">
        <v>30</v>
      </c>
      <c r="D59571" s="1" t="s">
        <v>199920</v>
      </c>
      <c r="E59571" s="1" t="s">
        <v>199921</v>
      </c>
      <c r="F59571" s="1" t="s">
        <v>199922</v>
      </c>
      <c r="G59571" s="1" t="s">
        <v>199908</v>
      </c>
      <c r="H59571" s="1" t="s">
        <v>199909</v>
      </c>
      <c r="I59571" s="1" t="s">
        <v>199140</v>
      </c>
      <c r="J59571" s="1" t="s">
        <v>199923</v>
      </c>
    </row>
    <row r="59572" spans="1:10" x14ac:dyDescent="0.35">
      <c r="A59572" s="1" t="s">
        <v>27395</v>
      </c>
      <c r="B59572" s="1" t="s">
        <v>199134</v>
      </c>
      <c r="C59572" s="1" t="s">
        <v>35</v>
      </c>
      <c r="D59572" s="1" t="s">
        <v>105609</v>
      </c>
      <c r="E59572" s="1" t="s">
        <v>199924</v>
      </c>
      <c r="F59572" s="1" t="s">
        <v>199925</v>
      </c>
      <c r="G59572" s="1" t="s">
        <v>199908</v>
      </c>
      <c r="H59572" s="1" t="s">
        <v>199909</v>
      </c>
      <c r="I59572" s="1" t="s">
        <v>199140</v>
      </c>
      <c r="J59572" s="1" t="s">
        <v>199926</v>
      </c>
    </row>
    <row r="59573" spans="1:10" x14ac:dyDescent="0.35">
      <c r="A59573" s="1" t="s">
        <v>27395</v>
      </c>
      <c r="B59573" s="1" t="s">
        <v>199134</v>
      </c>
      <c r="C59573" s="1" t="s">
        <v>40</v>
      </c>
      <c r="D59573" s="1" t="s">
        <v>199927</v>
      </c>
      <c r="E59573" s="1" t="s">
        <v>199928</v>
      </c>
      <c r="F59573" s="1" t="s">
        <v>199929</v>
      </c>
      <c r="G59573" s="1" t="s">
        <v>199908</v>
      </c>
      <c r="H59573" s="1" t="s">
        <v>199909</v>
      </c>
      <c r="I59573" s="1" t="s">
        <v>199140</v>
      </c>
      <c r="J59573" s="1" t="s">
        <v>199930</v>
      </c>
    </row>
    <row r="59574" spans="1:10" x14ac:dyDescent="0.35">
      <c r="A59574" s="1" t="s">
        <v>27395</v>
      </c>
      <c r="B59574" s="1" t="s">
        <v>199134</v>
      </c>
      <c r="C59574" s="1" t="s">
        <v>45</v>
      </c>
      <c r="D59574" s="1" t="s">
        <v>199931</v>
      </c>
      <c r="E59574" s="1" t="s">
        <v>199932</v>
      </c>
      <c r="F59574" s="1" t="s">
        <v>199933</v>
      </c>
      <c r="G59574" s="1" t="s">
        <v>199908</v>
      </c>
      <c r="H59574" s="1" t="s">
        <v>199909</v>
      </c>
      <c r="I59574" s="1" t="s">
        <v>199140</v>
      </c>
      <c r="J59574" s="1" t="s">
        <v>199934</v>
      </c>
    </row>
    <row r="59575" spans="1:10" x14ac:dyDescent="0.35">
      <c r="A59575" s="1" t="s">
        <v>27395</v>
      </c>
      <c r="B59575" s="1" t="s">
        <v>199134</v>
      </c>
      <c r="C59575" s="1" t="s">
        <v>50</v>
      </c>
      <c r="D59575" s="1" t="s">
        <v>39201</v>
      </c>
      <c r="E59575" s="1" t="s">
        <v>199935</v>
      </c>
      <c r="F59575" s="1" t="s">
        <v>199936</v>
      </c>
      <c r="G59575" s="1" t="s">
        <v>199908</v>
      </c>
      <c r="H59575" s="1" t="s">
        <v>199909</v>
      </c>
      <c r="I59575" s="1" t="s">
        <v>199140</v>
      </c>
      <c r="J59575" s="1" t="s">
        <v>199937</v>
      </c>
    </row>
    <row r="59576" spans="1:10" x14ac:dyDescent="0.35">
      <c r="A59576" s="1" t="s">
        <v>27395</v>
      </c>
      <c r="B59576" s="1" t="s">
        <v>199134</v>
      </c>
      <c r="C59576" s="1" t="s">
        <v>55</v>
      </c>
      <c r="D59576" s="1" t="s">
        <v>96828</v>
      </c>
      <c r="E59576" s="1" t="s">
        <v>199938</v>
      </c>
      <c r="F59576" s="1" t="s">
        <v>199939</v>
      </c>
      <c r="G59576" s="1" t="s">
        <v>199908</v>
      </c>
      <c r="H59576" s="1" t="s">
        <v>199909</v>
      </c>
      <c r="I59576" s="1" t="s">
        <v>199140</v>
      </c>
      <c r="J59576" s="1" t="s">
        <v>199940</v>
      </c>
    </row>
    <row r="59577" spans="1:10" x14ac:dyDescent="0.35">
      <c r="A59577" s="1" t="s">
        <v>27395</v>
      </c>
      <c r="B59577" s="1" t="s">
        <v>199134</v>
      </c>
      <c r="C59577" s="1" t="s">
        <v>60</v>
      </c>
      <c r="D59577" s="1" t="s">
        <v>199941</v>
      </c>
      <c r="E59577" s="1" t="s">
        <v>199942</v>
      </c>
      <c r="F59577" s="1" t="s">
        <v>199943</v>
      </c>
      <c r="G59577" s="1" t="s">
        <v>199908</v>
      </c>
      <c r="H59577" s="1" t="s">
        <v>199909</v>
      </c>
      <c r="I59577" s="1" t="s">
        <v>199140</v>
      </c>
      <c r="J59577" s="1" t="s">
        <v>199944</v>
      </c>
    </row>
    <row r="59578" spans="1:10" x14ac:dyDescent="0.35">
      <c r="A59578" s="1" t="s">
        <v>27395</v>
      </c>
      <c r="B59578" s="1" t="s">
        <v>199134</v>
      </c>
      <c r="C59578" s="1" t="s">
        <v>65</v>
      </c>
      <c r="D59578" s="1" t="s">
        <v>101235</v>
      </c>
      <c r="E59578" s="1" t="s">
        <v>199945</v>
      </c>
      <c r="F59578" s="1" t="s">
        <v>199946</v>
      </c>
      <c r="G59578" s="1" t="s">
        <v>199908</v>
      </c>
      <c r="H59578" s="1" t="s">
        <v>199909</v>
      </c>
      <c r="I59578" s="1" t="s">
        <v>199140</v>
      </c>
      <c r="J59578" s="1" t="s">
        <v>199947</v>
      </c>
    </row>
    <row r="59579" spans="1:10" x14ac:dyDescent="0.35">
      <c r="A59579" s="1" t="s">
        <v>27395</v>
      </c>
      <c r="B59579" s="1" t="s">
        <v>199134</v>
      </c>
      <c r="C59579" s="1" t="s">
        <v>70</v>
      </c>
      <c r="D59579" s="1" t="s">
        <v>199948</v>
      </c>
      <c r="E59579" s="1" t="s">
        <v>199949</v>
      </c>
      <c r="F59579" s="1" t="s">
        <v>199950</v>
      </c>
      <c r="G59579" s="1" t="s">
        <v>199908</v>
      </c>
      <c r="H59579" s="1" t="s">
        <v>199909</v>
      </c>
      <c r="I59579" s="1" t="s">
        <v>199140</v>
      </c>
      <c r="J59579" s="1" t="s">
        <v>199951</v>
      </c>
    </row>
    <row r="59580" spans="1:10" x14ac:dyDescent="0.35">
      <c r="A59580" s="1" t="s">
        <v>27395</v>
      </c>
      <c r="B59580" s="1" t="s">
        <v>199134</v>
      </c>
      <c r="C59580" s="1" t="s">
        <v>75</v>
      </c>
      <c r="D59580" s="1" t="s">
        <v>199952</v>
      </c>
      <c r="E59580" s="1" t="s">
        <v>199953</v>
      </c>
      <c r="F59580" s="1" t="s">
        <v>199954</v>
      </c>
      <c r="G59580" s="1" t="s">
        <v>199908</v>
      </c>
      <c r="H59580" s="1" t="s">
        <v>199909</v>
      </c>
      <c r="I59580" s="1" t="s">
        <v>199140</v>
      </c>
      <c r="J59580" s="1" t="s">
        <v>199955</v>
      </c>
    </row>
    <row r="59581" spans="1:10" x14ac:dyDescent="0.35">
      <c r="A59581" s="1" t="s">
        <v>27395</v>
      </c>
      <c r="B59581" s="1" t="s">
        <v>199134</v>
      </c>
      <c r="C59581" s="1" t="s">
        <v>80</v>
      </c>
      <c r="D59581" s="1" t="s">
        <v>199956</v>
      </c>
      <c r="E59581" s="1" t="s">
        <v>199957</v>
      </c>
      <c r="F59581" s="1" t="s">
        <v>199958</v>
      </c>
      <c r="G59581" s="1" t="s">
        <v>199908</v>
      </c>
      <c r="H59581" s="1" t="s">
        <v>199909</v>
      </c>
      <c r="I59581" s="1" t="s">
        <v>199140</v>
      </c>
      <c r="J59581" s="1" t="s">
        <v>199959</v>
      </c>
    </row>
    <row r="59582" spans="1:10" x14ac:dyDescent="0.35">
      <c r="A59582" s="1" t="s">
        <v>27395</v>
      </c>
      <c r="B59582" s="1" t="s">
        <v>199134</v>
      </c>
      <c r="C59582" s="1" t="s">
        <v>85</v>
      </c>
      <c r="D59582" s="1" t="s">
        <v>103563</v>
      </c>
      <c r="E59582" s="1" t="s">
        <v>199960</v>
      </c>
      <c r="F59582" s="1" t="s">
        <v>199961</v>
      </c>
      <c r="G59582" s="1" t="s">
        <v>199908</v>
      </c>
      <c r="H59582" s="1" t="s">
        <v>199909</v>
      </c>
      <c r="I59582" s="1" t="s">
        <v>199140</v>
      </c>
      <c r="J59582" s="1" t="s">
        <v>199962</v>
      </c>
    </row>
    <row r="59583" spans="1:10" x14ac:dyDescent="0.35">
      <c r="A59583" s="1" t="s">
        <v>27395</v>
      </c>
      <c r="B59583" s="1" t="s">
        <v>199134</v>
      </c>
      <c r="C59583" s="1" t="s">
        <v>90</v>
      </c>
      <c r="D59583" s="1" t="s">
        <v>98182</v>
      </c>
      <c r="E59583" s="1" t="s">
        <v>199963</v>
      </c>
      <c r="F59583" s="1" t="s">
        <v>199964</v>
      </c>
      <c r="G59583" s="1" t="s">
        <v>199908</v>
      </c>
      <c r="H59583" s="1" t="s">
        <v>199909</v>
      </c>
      <c r="I59583" s="1" t="s">
        <v>199140</v>
      </c>
      <c r="J59583" s="1" t="s">
        <v>199965</v>
      </c>
    </row>
    <row r="59584" spans="1:10" x14ac:dyDescent="0.35">
      <c r="A59584" s="1" t="s">
        <v>27395</v>
      </c>
      <c r="B59584" s="1" t="s">
        <v>199134</v>
      </c>
      <c r="C59584" s="1" t="s">
        <v>95</v>
      </c>
      <c r="D59584" s="1" t="s">
        <v>109480</v>
      </c>
      <c r="E59584" s="1" t="s">
        <v>199966</v>
      </c>
      <c r="F59584" s="1" t="s">
        <v>199967</v>
      </c>
      <c r="G59584" s="1" t="s">
        <v>199908</v>
      </c>
      <c r="H59584" s="1" t="s">
        <v>199909</v>
      </c>
      <c r="I59584" s="1" t="s">
        <v>199140</v>
      </c>
      <c r="J59584" s="1" t="s">
        <v>199968</v>
      </c>
    </row>
    <row r="59585" spans="1:10" x14ac:dyDescent="0.35">
      <c r="A59585" s="1" t="s">
        <v>27395</v>
      </c>
      <c r="B59585" s="1" t="s">
        <v>199134</v>
      </c>
      <c r="C59585" s="1" t="s">
        <v>100</v>
      </c>
      <c r="D59585" s="1" t="s">
        <v>199969</v>
      </c>
      <c r="E59585" s="1" t="s">
        <v>199970</v>
      </c>
      <c r="F59585" s="1" t="s">
        <v>199971</v>
      </c>
      <c r="G59585" s="1" t="s">
        <v>199908</v>
      </c>
      <c r="H59585" s="1" t="s">
        <v>199909</v>
      </c>
      <c r="I59585" s="1" t="s">
        <v>199140</v>
      </c>
      <c r="J59585" s="1" t="s">
        <v>199972</v>
      </c>
    </row>
    <row r="59586" spans="1:10" x14ac:dyDescent="0.35">
      <c r="A59586" s="1" t="s">
        <v>27395</v>
      </c>
      <c r="B59586" s="1" t="s">
        <v>199134</v>
      </c>
      <c r="C59586" s="1" t="s">
        <v>105</v>
      </c>
      <c r="D59586" s="1" t="s">
        <v>67590</v>
      </c>
      <c r="E59586" s="1" t="s">
        <v>199973</v>
      </c>
      <c r="F59586" s="1" t="s">
        <v>199974</v>
      </c>
      <c r="G59586" s="1" t="s">
        <v>199908</v>
      </c>
      <c r="H59586" s="1" t="s">
        <v>199909</v>
      </c>
      <c r="I59586" s="1" t="s">
        <v>199140</v>
      </c>
      <c r="J59586" s="1" t="s">
        <v>199975</v>
      </c>
    </row>
    <row r="59587" spans="1:10" x14ac:dyDescent="0.35">
      <c r="A59587" s="1" t="s">
        <v>27395</v>
      </c>
      <c r="B59587" s="1" t="s">
        <v>199134</v>
      </c>
      <c r="C59587" s="1" t="s">
        <v>110</v>
      </c>
      <c r="D59587" s="1" t="s">
        <v>199976</v>
      </c>
      <c r="E59587" s="1" t="s">
        <v>199977</v>
      </c>
      <c r="F59587" s="1" t="s">
        <v>199978</v>
      </c>
      <c r="G59587" s="1" t="s">
        <v>199908</v>
      </c>
      <c r="H59587" s="1" t="s">
        <v>199909</v>
      </c>
      <c r="I59587" s="1" t="s">
        <v>199140</v>
      </c>
      <c r="J59587" s="1" t="s">
        <v>199979</v>
      </c>
    </row>
    <row r="59588" spans="1:10" x14ac:dyDescent="0.35">
      <c r="A59588" s="1" t="s">
        <v>27395</v>
      </c>
      <c r="B59588" s="1" t="s">
        <v>199134</v>
      </c>
      <c r="C59588" s="1" t="s">
        <v>115</v>
      </c>
      <c r="D59588" s="1" t="s">
        <v>88546</v>
      </c>
      <c r="E59588" s="1" t="s">
        <v>199980</v>
      </c>
      <c r="F59588" s="1" t="s">
        <v>199981</v>
      </c>
      <c r="G59588" s="1" t="s">
        <v>199908</v>
      </c>
      <c r="H59588" s="1" t="s">
        <v>199909</v>
      </c>
      <c r="I59588" s="1" t="s">
        <v>199140</v>
      </c>
      <c r="J59588" s="1" t="s">
        <v>199982</v>
      </c>
    </row>
    <row r="59589" spans="1:10" x14ac:dyDescent="0.35">
      <c r="A59589" s="1" t="s">
        <v>27395</v>
      </c>
      <c r="B59589" s="1" t="s">
        <v>199134</v>
      </c>
      <c r="C59589" s="1" t="s">
        <v>120</v>
      </c>
      <c r="D59589" s="1" t="s">
        <v>199983</v>
      </c>
      <c r="E59589" s="1" t="s">
        <v>199984</v>
      </c>
      <c r="F59589" s="1" t="s">
        <v>199985</v>
      </c>
      <c r="G59589" s="1" t="s">
        <v>199908</v>
      </c>
      <c r="H59589" s="1" t="s">
        <v>199909</v>
      </c>
      <c r="I59589" s="1" t="s">
        <v>199140</v>
      </c>
      <c r="J59589" s="1" t="s">
        <v>199986</v>
      </c>
    </row>
    <row r="59590" spans="1:10" x14ac:dyDescent="0.35">
      <c r="A59590" s="1" t="s">
        <v>27395</v>
      </c>
      <c r="B59590" s="1" t="s">
        <v>199134</v>
      </c>
      <c r="C59590" s="1" t="s">
        <v>125</v>
      </c>
      <c r="D59590" s="1" t="s">
        <v>68966</v>
      </c>
      <c r="E59590" s="1" t="s">
        <v>199987</v>
      </c>
      <c r="F59590" s="1" t="s">
        <v>199988</v>
      </c>
      <c r="G59590" s="1" t="s">
        <v>199908</v>
      </c>
      <c r="H59590" s="1" t="s">
        <v>199909</v>
      </c>
      <c r="I59590" s="1" t="s">
        <v>199140</v>
      </c>
      <c r="J59590" s="1" t="s">
        <v>199989</v>
      </c>
    </row>
    <row r="59591" spans="1:10" x14ac:dyDescent="0.35">
      <c r="A59591" s="1" t="s">
        <v>27395</v>
      </c>
      <c r="B59591" s="1" t="s">
        <v>199134</v>
      </c>
      <c r="C59591" s="1" t="s">
        <v>130</v>
      </c>
      <c r="D59591" s="1" t="s">
        <v>22567</v>
      </c>
      <c r="E59591" s="1" t="s">
        <v>199990</v>
      </c>
      <c r="F59591" s="1" t="s">
        <v>199991</v>
      </c>
      <c r="G59591" s="1" t="s">
        <v>199908</v>
      </c>
      <c r="H59591" s="1" t="s">
        <v>199909</v>
      </c>
      <c r="I59591" s="1" t="s">
        <v>199140</v>
      </c>
      <c r="J59591" s="1" t="s">
        <v>199992</v>
      </c>
    </row>
    <row r="59592" spans="1:10" x14ac:dyDescent="0.35">
      <c r="A59592" s="1" t="s">
        <v>27395</v>
      </c>
      <c r="B59592" s="1" t="s">
        <v>199134</v>
      </c>
      <c r="C59592" s="1" t="s">
        <v>135</v>
      </c>
      <c r="D59592" s="1" t="s">
        <v>199993</v>
      </c>
      <c r="E59592" s="1" t="s">
        <v>199994</v>
      </c>
      <c r="F59592" s="1" t="s">
        <v>199995</v>
      </c>
      <c r="G59592" s="1" t="s">
        <v>199908</v>
      </c>
      <c r="H59592" s="1" t="s">
        <v>199909</v>
      </c>
      <c r="I59592" s="1" t="s">
        <v>199140</v>
      </c>
      <c r="J59592" s="1" t="s">
        <v>199996</v>
      </c>
    </row>
    <row r="59593" spans="1:10" x14ac:dyDescent="0.35">
      <c r="A59593" s="1" t="s">
        <v>27395</v>
      </c>
      <c r="B59593" s="1" t="s">
        <v>199134</v>
      </c>
      <c r="C59593" s="1" t="s">
        <v>140</v>
      </c>
      <c r="D59593" s="1" t="s">
        <v>199997</v>
      </c>
      <c r="E59593" s="1" t="s">
        <v>199998</v>
      </c>
      <c r="F59593" s="1" t="s">
        <v>199999</v>
      </c>
      <c r="G59593" s="1" t="s">
        <v>199908</v>
      </c>
      <c r="H59593" s="1" t="s">
        <v>199909</v>
      </c>
      <c r="I59593" s="1" t="s">
        <v>199140</v>
      </c>
      <c r="J59593" s="1" t="s">
        <v>200000</v>
      </c>
    </row>
    <row r="59594" spans="1:10" x14ac:dyDescent="0.35">
      <c r="A59594" s="1" t="s">
        <v>27395</v>
      </c>
      <c r="B59594" s="1" t="s">
        <v>199134</v>
      </c>
      <c r="C59594" s="1" t="s">
        <v>145</v>
      </c>
      <c r="D59594" s="1" t="s">
        <v>200001</v>
      </c>
      <c r="E59594" s="1" t="s">
        <v>200002</v>
      </c>
      <c r="F59594" s="1" t="s">
        <v>200003</v>
      </c>
      <c r="G59594" s="1" t="s">
        <v>199908</v>
      </c>
      <c r="H59594" s="1" t="s">
        <v>199909</v>
      </c>
      <c r="I59594" s="1" t="s">
        <v>199140</v>
      </c>
      <c r="J59594" s="1" t="s">
        <v>200004</v>
      </c>
    </row>
    <row r="59595" spans="1:10" x14ac:dyDescent="0.35">
      <c r="A59595" s="1" t="s">
        <v>27395</v>
      </c>
      <c r="B59595" s="1" t="s">
        <v>199134</v>
      </c>
      <c r="C59595" s="1" t="s">
        <v>150</v>
      </c>
      <c r="D59595" s="1" t="s">
        <v>53544</v>
      </c>
      <c r="E59595" s="1" t="s">
        <v>200005</v>
      </c>
      <c r="F59595" s="1" t="s">
        <v>200006</v>
      </c>
      <c r="G59595" s="1" t="s">
        <v>199908</v>
      </c>
      <c r="H59595" s="1" t="s">
        <v>199909</v>
      </c>
      <c r="I59595" s="1" t="s">
        <v>199140</v>
      </c>
      <c r="J59595" s="1" t="s">
        <v>200007</v>
      </c>
    </row>
    <row r="59596" spans="1:10" x14ac:dyDescent="0.35">
      <c r="A59596" s="1" t="s">
        <v>27395</v>
      </c>
      <c r="B59596" s="1" t="s">
        <v>199134</v>
      </c>
      <c r="C59596" s="1" t="s">
        <v>155</v>
      </c>
      <c r="D59596" s="1" t="s">
        <v>200008</v>
      </c>
      <c r="E59596" s="1" t="s">
        <v>200009</v>
      </c>
      <c r="F59596" s="1" t="s">
        <v>200010</v>
      </c>
      <c r="G59596" s="1" t="s">
        <v>199908</v>
      </c>
      <c r="H59596" s="1" t="s">
        <v>199909</v>
      </c>
      <c r="I59596" s="1" t="s">
        <v>199140</v>
      </c>
      <c r="J59596" s="1" t="s">
        <v>200011</v>
      </c>
    </row>
    <row r="59597" spans="1:10" x14ac:dyDescent="0.35">
      <c r="A59597" s="1" t="s">
        <v>27395</v>
      </c>
      <c r="B59597" s="1" t="s">
        <v>199134</v>
      </c>
      <c r="C59597" s="1" t="s">
        <v>160</v>
      </c>
      <c r="D59597" s="1" t="s">
        <v>200012</v>
      </c>
      <c r="E59597" s="1" t="s">
        <v>200013</v>
      </c>
      <c r="F59597" s="1" t="s">
        <v>200014</v>
      </c>
      <c r="G59597" s="1" t="s">
        <v>199908</v>
      </c>
      <c r="H59597" s="1" t="s">
        <v>199909</v>
      </c>
      <c r="I59597" s="1" t="s">
        <v>199140</v>
      </c>
      <c r="J59597" s="1" t="s">
        <v>200015</v>
      </c>
    </row>
    <row r="59598" spans="1:10" x14ac:dyDescent="0.35">
      <c r="A59598" s="1" t="s">
        <v>27395</v>
      </c>
      <c r="B59598" s="1" t="s">
        <v>199134</v>
      </c>
      <c r="C59598" s="1" t="s">
        <v>165</v>
      </c>
      <c r="D59598" s="1" t="s">
        <v>200016</v>
      </c>
      <c r="E59598" s="1" t="s">
        <v>200017</v>
      </c>
      <c r="F59598" s="1" t="s">
        <v>200018</v>
      </c>
      <c r="G59598" s="1" t="s">
        <v>199908</v>
      </c>
      <c r="H59598" s="1" t="s">
        <v>199909</v>
      </c>
      <c r="I59598" s="1" t="s">
        <v>199140</v>
      </c>
      <c r="J59598" s="1" t="s">
        <v>200019</v>
      </c>
    </row>
    <row r="59599" spans="1:10" x14ac:dyDescent="0.35">
      <c r="A59599" s="1" t="s">
        <v>27395</v>
      </c>
      <c r="B59599" s="1" t="s">
        <v>199134</v>
      </c>
      <c r="C59599" s="1" t="s">
        <v>170</v>
      </c>
      <c r="D59599" s="1" t="s">
        <v>81255</v>
      </c>
      <c r="E59599" s="1" t="s">
        <v>200020</v>
      </c>
      <c r="F59599" s="1" t="s">
        <v>200021</v>
      </c>
      <c r="G59599" s="1" t="s">
        <v>199908</v>
      </c>
      <c r="H59599" s="1" t="s">
        <v>199909</v>
      </c>
      <c r="I59599" s="1" t="s">
        <v>199140</v>
      </c>
      <c r="J59599" s="1" t="s">
        <v>200022</v>
      </c>
    </row>
    <row r="59600" spans="1:10" x14ac:dyDescent="0.35">
      <c r="A59600" s="1" t="s">
        <v>9237</v>
      </c>
      <c r="B59600" s="1" t="s">
        <v>199134</v>
      </c>
      <c r="C59600" s="1" t="s">
        <v>8</v>
      </c>
      <c r="D59600" s="1" t="s">
        <v>200023</v>
      </c>
      <c r="E59600" s="1" t="s">
        <v>200024</v>
      </c>
      <c r="F59600" s="1" t="s">
        <v>200025</v>
      </c>
      <c r="G59600" s="1" t="s">
        <v>200026</v>
      </c>
      <c r="H59600" s="1" t="s">
        <v>200027</v>
      </c>
      <c r="I59600" s="1" t="s">
        <v>199140</v>
      </c>
      <c r="J59600" s="1" t="s">
        <v>13</v>
      </c>
    </row>
    <row r="59601" spans="1:10" x14ac:dyDescent="0.35">
      <c r="A59601" s="1" t="s">
        <v>9237</v>
      </c>
      <c r="B59601" s="1" t="s">
        <v>199134</v>
      </c>
      <c r="C59601" s="1" t="s">
        <v>15</v>
      </c>
      <c r="D59601" s="1" t="s">
        <v>99646</v>
      </c>
      <c r="E59601" s="1" t="s">
        <v>200028</v>
      </c>
      <c r="F59601" s="1" t="s">
        <v>200029</v>
      </c>
      <c r="G59601" s="1" t="s">
        <v>200026</v>
      </c>
      <c r="H59601" s="1" t="s">
        <v>200027</v>
      </c>
      <c r="I59601" s="1" t="s">
        <v>199140</v>
      </c>
      <c r="J59601" s="1" t="s">
        <v>200030</v>
      </c>
    </row>
    <row r="59602" spans="1:10" x14ac:dyDescent="0.35">
      <c r="A59602" s="1" t="s">
        <v>9237</v>
      </c>
      <c r="B59602" s="1" t="s">
        <v>199134</v>
      </c>
      <c r="C59602" s="1" t="s">
        <v>20</v>
      </c>
      <c r="D59602" s="1" t="s">
        <v>163051</v>
      </c>
      <c r="E59602" s="1" t="s">
        <v>200031</v>
      </c>
      <c r="F59602" s="1" t="s">
        <v>200032</v>
      </c>
      <c r="G59602" s="1" t="s">
        <v>200026</v>
      </c>
      <c r="H59602" s="1" t="s">
        <v>200027</v>
      </c>
      <c r="I59602" s="1" t="s">
        <v>199140</v>
      </c>
      <c r="J59602" s="1" t="s">
        <v>200033</v>
      </c>
    </row>
    <row r="59603" spans="1:10" x14ac:dyDescent="0.35">
      <c r="A59603" s="1" t="s">
        <v>9237</v>
      </c>
      <c r="B59603" s="1" t="s">
        <v>199134</v>
      </c>
      <c r="C59603" s="1" t="s">
        <v>25</v>
      </c>
      <c r="D59603" s="1" t="s">
        <v>89790</v>
      </c>
      <c r="E59603" s="1" t="s">
        <v>200034</v>
      </c>
      <c r="F59603" s="1" t="s">
        <v>200035</v>
      </c>
      <c r="G59603" s="1" t="s">
        <v>200026</v>
      </c>
      <c r="H59603" s="1" t="s">
        <v>200027</v>
      </c>
      <c r="I59603" s="1" t="s">
        <v>199140</v>
      </c>
      <c r="J59603" s="1" t="s">
        <v>200036</v>
      </c>
    </row>
    <row r="59604" spans="1:10" x14ac:dyDescent="0.35">
      <c r="A59604" s="1" t="s">
        <v>9237</v>
      </c>
      <c r="B59604" s="1" t="s">
        <v>199134</v>
      </c>
      <c r="C59604" s="1" t="s">
        <v>30</v>
      </c>
      <c r="D59604" s="1" t="s">
        <v>89636</v>
      </c>
      <c r="E59604" s="1" t="s">
        <v>200037</v>
      </c>
      <c r="F59604" s="1" t="s">
        <v>200038</v>
      </c>
      <c r="G59604" s="1" t="s">
        <v>200026</v>
      </c>
      <c r="H59604" s="1" t="s">
        <v>200027</v>
      </c>
      <c r="I59604" s="1" t="s">
        <v>199140</v>
      </c>
      <c r="J59604" s="1" t="s">
        <v>200039</v>
      </c>
    </row>
    <row r="59605" spans="1:10" x14ac:dyDescent="0.35">
      <c r="A59605" s="1" t="s">
        <v>9237</v>
      </c>
      <c r="B59605" s="1" t="s">
        <v>199134</v>
      </c>
      <c r="C59605" s="1" t="s">
        <v>35</v>
      </c>
      <c r="D59605" s="1" t="s">
        <v>94175</v>
      </c>
      <c r="E59605" s="1" t="s">
        <v>200040</v>
      </c>
      <c r="F59605" s="1" t="s">
        <v>200041</v>
      </c>
      <c r="G59605" s="1" t="s">
        <v>200026</v>
      </c>
      <c r="H59605" s="1" t="s">
        <v>200027</v>
      </c>
      <c r="I59605" s="1" t="s">
        <v>199140</v>
      </c>
      <c r="J59605" s="1" t="s">
        <v>200042</v>
      </c>
    </row>
    <row r="59606" spans="1:10" x14ac:dyDescent="0.35">
      <c r="A59606" s="1" t="s">
        <v>9237</v>
      </c>
      <c r="B59606" s="1" t="s">
        <v>199134</v>
      </c>
      <c r="C59606" s="1" t="s">
        <v>40</v>
      </c>
      <c r="D59606" s="1" t="s">
        <v>56736</v>
      </c>
      <c r="E59606" s="1" t="s">
        <v>200043</v>
      </c>
      <c r="F59606" s="1" t="s">
        <v>200044</v>
      </c>
      <c r="G59606" s="1" t="s">
        <v>200026</v>
      </c>
      <c r="H59606" s="1" t="s">
        <v>200027</v>
      </c>
      <c r="I59606" s="1" t="s">
        <v>199140</v>
      </c>
      <c r="J59606" s="1" t="s">
        <v>200045</v>
      </c>
    </row>
    <row r="59607" spans="1:10" x14ac:dyDescent="0.35">
      <c r="A59607" s="1" t="s">
        <v>9237</v>
      </c>
      <c r="B59607" s="1" t="s">
        <v>199134</v>
      </c>
      <c r="C59607" s="1" t="s">
        <v>45</v>
      </c>
      <c r="D59607" s="1" t="s">
        <v>200046</v>
      </c>
      <c r="E59607" s="1" t="s">
        <v>200047</v>
      </c>
      <c r="F59607" s="1" t="s">
        <v>200048</v>
      </c>
      <c r="G59607" s="1" t="s">
        <v>200026</v>
      </c>
      <c r="H59607" s="1" t="s">
        <v>200027</v>
      </c>
      <c r="I59607" s="1" t="s">
        <v>199140</v>
      </c>
      <c r="J59607" s="1" t="s">
        <v>200049</v>
      </c>
    </row>
    <row r="59608" spans="1:10" x14ac:dyDescent="0.35">
      <c r="A59608" s="1" t="s">
        <v>9237</v>
      </c>
      <c r="B59608" s="1" t="s">
        <v>199134</v>
      </c>
      <c r="C59608" s="1" t="s">
        <v>50</v>
      </c>
      <c r="D59608" s="1" t="s">
        <v>67600</v>
      </c>
      <c r="E59608" s="1" t="s">
        <v>200050</v>
      </c>
      <c r="F59608" s="1" t="s">
        <v>200051</v>
      </c>
      <c r="G59608" s="1" t="s">
        <v>200026</v>
      </c>
      <c r="H59608" s="1" t="s">
        <v>200027</v>
      </c>
      <c r="I59608" s="1" t="s">
        <v>199140</v>
      </c>
      <c r="J59608" s="1" t="s">
        <v>200052</v>
      </c>
    </row>
    <row r="59609" spans="1:10" x14ac:dyDescent="0.35">
      <c r="A59609" s="1" t="s">
        <v>9237</v>
      </c>
      <c r="B59609" s="1" t="s">
        <v>199134</v>
      </c>
      <c r="C59609" s="1" t="s">
        <v>55</v>
      </c>
      <c r="D59609" s="1" t="s">
        <v>138314</v>
      </c>
      <c r="E59609" s="1" t="s">
        <v>200053</v>
      </c>
      <c r="F59609" s="1" t="s">
        <v>200054</v>
      </c>
      <c r="G59609" s="1" t="s">
        <v>200026</v>
      </c>
      <c r="H59609" s="1" t="s">
        <v>200027</v>
      </c>
      <c r="I59609" s="1" t="s">
        <v>199140</v>
      </c>
      <c r="J59609" s="1" t="s">
        <v>200055</v>
      </c>
    </row>
    <row r="59610" spans="1:10" x14ac:dyDescent="0.35">
      <c r="A59610" s="1" t="s">
        <v>9237</v>
      </c>
      <c r="B59610" s="1" t="s">
        <v>199134</v>
      </c>
      <c r="C59610" s="1" t="s">
        <v>60</v>
      </c>
      <c r="D59610" s="1" t="s">
        <v>200056</v>
      </c>
      <c r="E59610" s="1" t="s">
        <v>200057</v>
      </c>
      <c r="F59610" s="1" t="s">
        <v>200058</v>
      </c>
      <c r="G59610" s="1" t="s">
        <v>200026</v>
      </c>
      <c r="H59610" s="1" t="s">
        <v>200027</v>
      </c>
      <c r="I59610" s="1" t="s">
        <v>199140</v>
      </c>
      <c r="J59610" s="1" t="s">
        <v>200059</v>
      </c>
    </row>
    <row r="59611" spans="1:10" x14ac:dyDescent="0.35">
      <c r="A59611" s="1" t="s">
        <v>9237</v>
      </c>
      <c r="B59611" s="1" t="s">
        <v>199134</v>
      </c>
      <c r="C59611" s="1" t="s">
        <v>65</v>
      </c>
      <c r="D59611" s="1" t="s">
        <v>199956</v>
      </c>
      <c r="E59611" s="1" t="s">
        <v>200060</v>
      </c>
      <c r="F59611" s="1" t="s">
        <v>200061</v>
      </c>
      <c r="G59611" s="1" t="s">
        <v>200026</v>
      </c>
      <c r="H59611" s="1" t="s">
        <v>200027</v>
      </c>
      <c r="I59611" s="1" t="s">
        <v>199140</v>
      </c>
      <c r="J59611" s="1" t="s">
        <v>200062</v>
      </c>
    </row>
    <row r="59612" spans="1:10" x14ac:dyDescent="0.35">
      <c r="A59612" s="1" t="s">
        <v>9237</v>
      </c>
      <c r="B59612" s="1" t="s">
        <v>199134</v>
      </c>
      <c r="C59612" s="1" t="s">
        <v>70</v>
      </c>
      <c r="D59612" s="1" t="s">
        <v>80346</v>
      </c>
      <c r="E59612" s="1" t="s">
        <v>200063</v>
      </c>
      <c r="F59612" s="1" t="s">
        <v>200064</v>
      </c>
      <c r="G59612" s="1" t="s">
        <v>200026</v>
      </c>
      <c r="H59612" s="1" t="s">
        <v>200027</v>
      </c>
      <c r="I59612" s="1" t="s">
        <v>199140</v>
      </c>
      <c r="J59612" s="1" t="s">
        <v>200065</v>
      </c>
    </row>
    <row r="59613" spans="1:10" x14ac:dyDescent="0.35">
      <c r="A59613" s="1" t="s">
        <v>9237</v>
      </c>
      <c r="B59613" s="1" t="s">
        <v>199134</v>
      </c>
      <c r="C59613" s="1" t="s">
        <v>75</v>
      </c>
      <c r="D59613" s="1" t="s">
        <v>4939</v>
      </c>
      <c r="E59613" s="1" t="s">
        <v>200066</v>
      </c>
      <c r="F59613" s="1" t="s">
        <v>200067</v>
      </c>
      <c r="G59613" s="1" t="s">
        <v>200026</v>
      </c>
      <c r="H59613" s="1" t="s">
        <v>200027</v>
      </c>
      <c r="I59613" s="1" t="s">
        <v>199140</v>
      </c>
      <c r="J59613" s="1" t="s">
        <v>200068</v>
      </c>
    </row>
    <row r="59614" spans="1:10" x14ac:dyDescent="0.35">
      <c r="A59614" s="1" t="s">
        <v>9237</v>
      </c>
      <c r="B59614" s="1" t="s">
        <v>199134</v>
      </c>
      <c r="C59614" s="1" t="s">
        <v>80</v>
      </c>
      <c r="D59614" s="1" t="s">
        <v>166339</v>
      </c>
      <c r="E59614" s="1" t="s">
        <v>200069</v>
      </c>
      <c r="F59614" s="1" t="s">
        <v>200070</v>
      </c>
      <c r="G59614" s="1" t="s">
        <v>200026</v>
      </c>
      <c r="H59614" s="1" t="s">
        <v>200027</v>
      </c>
      <c r="I59614" s="1" t="s">
        <v>199140</v>
      </c>
      <c r="J59614" s="1" t="s">
        <v>200071</v>
      </c>
    </row>
    <row r="59615" spans="1:10" x14ac:dyDescent="0.35">
      <c r="A59615" s="1" t="s">
        <v>9237</v>
      </c>
      <c r="B59615" s="1" t="s">
        <v>199134</v>
      </c>
      <c r="C59615" s="1" t="s">
        <v>85</v>
      </c>
      <c r="D59615" s="1" t="s">
        <v>53544</v>
      </c>
      <c r="E59615" s="1" t="s">
        <v>200072</v>
      </c>
      <c r="F59615" s="1" t="s">
        <v>200073</v>
      </c>
      <c r="G59615" s="1" t="s">
        <v>200026</v>
      </c>
      <c r="H59615" s="1" t="s">
        <v>200027</v>
      </c>
      <c r="I59615" s="1" t="s">
        <v>199140</v>
      </c>
      <c r="J59615" s="1" t="s">
        <v>200074</v>
      </c>
    </row>
    <row r="59616" spans="1:10" x14ac:dyDescent="0.35">
      <c r="A59616" s="1" t="s">
        <v>9237</v>
      </c>
      <c r="B59616" s="1" t="s">
        <v>199134</v>
      </c>
      <c r="C59616" s="1" t="s">
        <v>90</v>
      </c>
      <c r="D59616" s="1" t="s">
        <v>163216</v>
      </c>
      <c r="E59616" s="1" t="s">
        <v>200075</v>
      </c>
      <c r="F59616" s="1" t="s">
        <v>200076</v>
      </c>
      <c r="G59616" s="1" t="s">
        <v>200026</v>
      </c>
      <c r="H59616" s="1" t="s">
        <v>200027</v>
      </c>
      <c r="I59616" s="1" t="s">
        <v>199140</v>
      </c>
      <c r="J59616" s="1" t="s">
        <v>200077</v>
      </c>
    </row>
    <row r="59617" spans="1:10" x14ac:dyDescent="0.35">
      <c r="A59617" s="1" t="s">
        <v>9237</v>
      </c>
      <c r="B59617" s="1" t="s">
        <v>199134</v>
      </c>
      <c r="C59617" s="1" t="s">
        <v>95</v>
      </c>
      <c r="D59617" s="1" t="s">
        <v>200078</v>
      </c>
      <c r="E59617" s="1" t="s">
        <v>200079</v>
      </c>
      <c r="F59617" s="1" t="s">
        <v>200080</v>
      </c>
      <c r="G59617" s="1" t="s">
        <v>200026</v>
      </c>
      <c r="H59617" s="1" t="s">
        <v>200027</v>
      </c>
      <c r="I59617" s="1" t="s">
        <v>199140</v>
      </c>
      <c r="J59617" s="1" t="s">
        <v>200081</v>
      </c>
    </row>
    <row r="59618" spans="1:10" x14ac:dyDescent="0.35">
      <c r="A59618" s="1" t="s">
        <v>9237</v>
      </c>
      <c r="B59618" s="1" t="s">
        <v>199134</v>
      </c>
      <c r="C59618" s="1" t="s">
        <v>100</v>
      </c>
      <c r="D59618" s="1" t="s">
        <v>200082</v>
      </c>
      <c r="E59618" s="1" t="s">
        <v>200083</v>
      </c>
      <c r="F59618" s="1" t="s">
        <v>200084</v>
      </c>
      <c r="G59618" s="1" t="s">
        <v>200026</v>
      </c>
      <c r="H59618" s="1" t="s">
        <v>200027</v>
      </c>
      <c r="I59618" s="1" t="s">
        <v>199140</v>
      </c>
      <c r="J59618" s="1" t="s">
        <v>200085</v>
      </c>
    </row>
    <row r="59619" spans="1:10" x14ac:dyDescent="0.35">
      <c r="A59619" s="1" t="s">
        <v>9237</v>
      </c>
      <c r="B59619" s="1" t="s">
        <v>199134</v>
      </c>
      <c r="C59619" s="1" t="s">
        <v>105</v>
      </c>
      <c r="D59619" s="1" t="s">
        <v>200086</v>
      </c>
      <c r="E59619" s="1" t="s">
        <v>200087</v>
      </c>
      <c r="F59619" s="1" t="s">
        <v>200088</v>
      </c>
      <c r="G59619" s="1" t="s">
        <v>200026</v>
      </c>
      <c r="H59619" s="1" t="s">
        <v>200027</v>
      </c>
      <c r="I59619" s="1" t="s">
        <v>199140</v>
      </c>
      <c r="J59619" s="1" t="s">
        <v>200089</v>
      </c>
    </row>
    <row r="59620" spans="1:10" x14ac:dyDescent="0.35">
      <c r="A59620" s="1" t="s">
        <v>9237</v>
      </c>
      <c r="B59620" s="1" t="s">
        <v>199134</v>
      </c>
      <c r="C59620" s="1" t="s">
        <v>110</v>
      </c>
      <c r="D59620" s="1" t="s">
        <v>90690</v>
      </c>
      <c r="E59620" s="1" t="s">
        <v>200090</v>
      </c>
      <c r="F59620" s="1" t="s">
        <v>200091</v>
      </c>
      <c r="G59620" s="1" t="s">
        <v>200026</v>
      </c>
      <c r="H59620" s="1" t="s">
        <v>200027</v>
      </c>
      <c r="I59620" s="1" t="s">
        <v>199140</v>
      </c>
      <c r="J59620" s="1" t="s">
        <v>200092</v>
      </c>
    </row>
    <row r="59621" spans="1:10" x14ac:dyDescent="0.35">
      <c r="A59621" s="1" t="s">
        <v>9237</v>
      </c>
      <c r="B59621" s="1" t="s">
        <v>199134</v>
      </c>
      <c r="C59621" s="1" t="s">
        <v>115</v>
      </c>
      <c r="D59621" s="1" t="s">
        <v>200093</v>
      </c>
      <c r="E59621" s="1" t="s">
        <v>200094</v>
      </c>
      <c r="F59621" s="1" t="s">
        <v>200095</v>
      </c>
      <c r="G59621" s="1" t="s">
        <v>200026</v>
      </c>
      <c r="H59621" s="1" t="s">
        <v>200027</v>
      </c>
      <c r="I59621" s="1" t="s">
        <v>199140</v>
      </c>
      <c r="J59621" s="1" t="s">
        <v>200096</v>
      </c>
    </row>
    <row r="59622" spans="1:10" x14ac:dyDescent="0.35">
      <c r="A59622" s="1" t="s">
        <v>9237</v>
      </c>
      <c r="B59622" s="1" t="s">
        <v>199134</v>
      </c>
      <c r="C59622" s="1" t="s">
        <v>120</v>
      </c>
      <c r="D59622" s="1" t="s">
        <v>55835</v>
      </c>
      <c r="E59622" s="1" t="s">
        <v>200097</v>
      </c>
      <c r="F59622" s="1" t="s">
        <v>200098</v>
      </c>
      <c r="G59622" s="1" t="s">
        <v>200026</v>
      </c>
      <c r="H59622" s="1" t="s">
        <v>200027</v>
      </c>
      <c r="I59622" s="1" t="s">
        <v>199140</v>
      </c>
      <c r="J59622" s="1" t="s">
        <v>200099</v>
      </c>
    </row>
    <row r="59623" spans="1:10" x14ac:dyDescent="0.35">
      <c r="A59623" s="1" t="s">
        <v>9237</v>
      </c>
      <c r="B59623" s="1" t="s">
        <v>199134</v>
      </c>
      <c r="C59623" s="1" t="s">
        <v>125</v>
      </c>
      <c r="D59623" s="1" t="s">
        <v>23824</v>
      </c>
      <c r="E59623" s="1" t="s">
        <v>200100</v>
      </c>
      <c r="F59623" s="1" t="s">
        <v>200101</v>
      </c>
      <c r="G59623" s="1" t="s">
        <v>200026</v>
      </c>
      <c r="H59623" s="1" t="s">
        <v>200027</v>
      </c>
      <c r="I59623" s="1" t="s">
        <v>199140</v>
      </c>
      <c r="J59623" s="1" t="s">
        <v>200102</v>
      </c>
    </row>
    <row r="59624" spans="1:10" x14ac:dyDescent="0.35">
      <c r="A59624" s="1" t="s">
        <v>9237</v>
      </c>
      <c r="B59624" s="1" t="s">
        <v>199134</v>
      </c>
      <c r="C59624" s="1" t="s">
        <v>130</v>
      </c>
      <c r="D59624" s="1" t="s">
        <v>200103</v>
      </c>
      <c r="E59624" s="1" t="s">
        <v>200104</v>
      </c>
      <c r="F59624" s="1" t="s">
        <v>200105</v>
      </c>
      <c r="G59624" s="1" t="s">
        <v>200026</v>
      </c>
      <c r="H59624" s="1" t="s">
        <v>200027</v>
      </c>
      <c r="I59624" s="1" t="s">
        <v>199140</v>
      </c>
      <c r="J59624" s="1" t="s">
        <v>200106</v>
      </c>
    </row>
    <row r="59625" spans="1:10" x14ac:dyDescent="0.35">
      <c r="A59625" s="1" t="s">
        <v>9237</v>
      </c>
      <c r="B59625" s="1" t="s">
        <v>199134</v>
      </c>
      <c r="C59625" s="1" t="s">
        <v>135</v>
      </c>
      <c r="D59625" s="1" t="s">
        <v>84838</v>
      </c>
      <c r="E59625" s="1" t="s">
        <v>200107</v>
      </c>
      <c r="F59625" s="1" t="s">
        <v>200108</v>
      </c>
      <c r="G59625" s="1" t="s">
        <v>200026</v>
      </c>
      <c r="H59625" s="1" t="s">
        <v>200027</v>
      </c>
      <c r="I59625" s="1" t="s">
        <v>199140</v>
      </c>
      <c r="J59625" s="1" t="s">
        <v>200109</v>
      </c>
    </row>
    <row r="59626" spans="1:10" x14ac:dyDescent="0.35">
      <c r="A59626" s="1" t="s">
        <v>9237</v>
      </c>
      <c r="B59626" s="1" t="s">
        <v>199134</v>
      </c>
      <c r="C59626" s="1" t="s">
        <v>140</v>
      </c>
      <c r="D59626" s="1" t="s">
        <v>200110</v>
      </c>
      <c r="E59626" s="1" t="s">
        <v>200111</v>
      </c>
      <c r="F59626" s="1" t="s">
        <v>200112</v>
      </c>
      <c r="G59626" s="1" t="s">
        <v>200026</v>
      </c>
      <c r="H59626" s="1" t="s">
        <v>200027</v>
      </c>
      <c r="I59626" s="1" t="s">
        <v>199140</v>
      </c>
      <c r="J59626" s="1" t="s">
        <v>200113</v>
      </c>
    </row>
    <row r="59627" spans="1:10" x14ac:dyDescent="0.35">
      <c r="A59627" s="1" t="s">
        <v>9237</v>
      </c>
      <c r="B59627" s="1" t="s">
        <v>199134</v>
      </c>
      <c r="C59627" s="1" t="s">
        <v>145</v>
      </c>
      <c r="D59627" s="1" t="s">
        <v>164201</v>
      </c>
      <c r="E59627" s="1" t="s">
        <v>200114</v>
      </c>
      <c r="F59627" s="1" t="s">
        <v>200115</v>
      </c>
      <c r="G59627" s="1" t="s">
        <v>200026</v>
      </c>
      <c r="H59627" s="1" t="s">
        <v>200027</v>
      </c>
      <c r="I59627" s="1" t="s">
        <v>199140</v>
      </c>
      <c r="J59627" s="1" t="s">
        <v>200116</v>
      </c>
    </row>
    <row r="59628" spans="1:10" x14ac:dyDescent="0.35">
      <c r="A59628" s="1" t="s">
        <v>9237</v>
      </c>
      <c r="B59628" s="1" t="s">
        <v>199134</v>
      </c>
      <c r="C59628" s="1" t="s">
        <v>150</v>
      </c>
      <c r="D59628" s="1" t="s">
        <v>200117</v>
      </c>
      <c r="E59628" s="1" t="s">
        <v>200118</v>
      </c>
      <c r="F59628" s="1" t="s">
        <v>200119</v>
      </c>
      <c r="G59628" s="1" t="s">
        <v>200026</v>
      </c>
      <c r="H59628" s="1" t="s">
        <v>200027</v>
      </c>
      <c r="I59628" s="1" t="s">
        <v>199140</v>
      </c>
      <c r="J59628" s="1" t="s">
        <v>200120</v>
      </c>
    </row>
    <row r="59629" spans="1:10" x14ac:dyDescent="0.35">
      <c r="A59629" s="1" t="s">
        <v>9237</v>
      </c>
      <c r="B59629" s="1" t="s">
        <v>199134</v>
      </c>
      <c r="C59629" s="1" t="s">
        <v>155</v>
      </c>
      <c r="D59629" s="1" t="s">
        <v>200121</v>
      </c>
      <c r="E59629" s="1" t="s">
        <v>200122</v>
      </c>
      <c r="F59629" s="1" t="s">
        <v>200123</v>
      </c>
      <c r="G59629" s="1" t="s">
        <v>200026</v>
      </c>
      <c r="H59629" s="1" t="s">
        <v>200027</v>
      </c>
      <c r="I59629" s="1" t="s">
        <v>199140</v>
      </c>
      <c r="J59629" s="1" t="s">
        <v>200124</v>
      </c>
    </row>
    <row r="59630" spans="1:10" x14ac:dyDescent="0.35">
      <c r="A59630" s="1" t="s">
        <v>9237</v>
      </c>
      <c r="B59630" s="1" t="s">
        <v>199134</v>
      </c>
      <c r="C59630" s="1" t="s">
        <v>160</v>
      </c>
      <c r="D59630" s="1" t="s">
        <v>200125</v>
      </c>
      <c r="E59630" s="1" t="s">
        <v>200126</v>
      </c>
      <c r="F59630" s="1" t="s">
        <v>200127</v>
      </c>
      <c r="G59630" s="1" t="s">
        <v>200026</v>
      </c>
      <c r="H59630" s="1" t="s">
        <v>200027</v>
      </c>
      <c r="I59630" s="1" t="s">
        <v>199140</v>
      </c>
      <c r="J59630" s="1" t="s">
        <v>200128</v>
      </c>
    </row>
    <row r="59631" spans="1:10" x14ac:dyDescent="0.35">
      <c r="A59631" s="1" t="s">
        <v>9237</v>
      </c>
      <c r="B59631" s="1" t="s">
        <v>199134</v>
      </c>
      <c r="C59631" s="1" t="s">
        <v>165</v>
      </c>
      <c r="D59631" s="1" t="s">
        <v>139973</v>
      </c>
      <c r="E59631" s="1" t="s">
        <v>200129</v>
      </c>
      <c r="F59631" s="1" t="s">
        <v>200130</v>
      </c>
      <c r="G59631" s="1" t="s">
        <v>200026</v>
      </c>
      <c r="H59631" s="1" t="s">
        <v>200027</v>
      </c>
      <c r="I59631" s="1" t="s">
        <v>199140</v>
      </c>
      <c r="J59631" s="1" t="s">
        <v>200131</v>
      </c>
    </row>
    <row r="59632" spans="1:10" x14ac:dyDescent="0.35">
      <c r="A59632" s="1" t="s">
        <v>9237</v>
      </c>
      <c r="B59632" s="1" t="s">
        <v>199134</v>
      </c>
      <c r="C59632" s="1" t="s">
        <v>170</v>
      </c>
      <c r="D59632" s="1" t="s">
        <v>200132</v>
      </c>
      <c r="E59632" s="1" t="s">
        <v>200133</v>
      </c>
      <c r="F59632" s="1" t="s">
        <v>200134</v>
      </c>
      <c r="G59632" s="1" t="s">
        <v>200026</v>
      </c>
      <c r="H59632" s="1" t="s">
        <v>200027</v>
      </c>
      <c r="I59632" s="1" t="s">
        <v>199140</v>
      </c>
      <c r="J59632" s="1" t="s">
        <v>200135</v>
      </c>
    </row>
    <row r="59633" spans="1:10" x14ac:dyDescent="0.35">
      <c r="A59633" s="1" t="s">
        <v>4018</v>
      </c>
      <c r="B59633" s="1" t="s">
        <v>199134</v>
      </c>
      <c r="C59633" s="1" t="s">
        <v>8</v>
      </c>
      <c r="D59633" s="1" t="s">
        <v>7385</v>
      </c>
      <c r="E59633" s="1" t="s">
        <v>200136</v>
      </c>
      <c r="F59633" s="1" t="s">
        <v>200137</v>
      </c>
      <c r="G59633" s="1" t="s">
        <v>200138</v>
      </c>
      <c r="H59633" s="1" t="s">
        <v>200139</v>
      </c>
      <c r="I59633" s="1" t="s">
        <v>199140</v>
      </c>
      <c r="J59633" s="1" t="s">
        <v>13</v>
      </c>
    </row>
    <row r="59634" spans="1:10" x14ac:dyDescent="0.35">
      <c r="A59634" s="1" t="s">
        <v>4018</v>
      </c>
      <c r="B59634" s="1" t="s">
        <v>199134</v>
      </c>
      <c r="C59634" s="1" t="s">
        <v>15</v>
      </c>
      <c r="D59634" s="1" t="s">
        <v>26850</v>
      </c>
      <c r="E59634" s="1" t="s">
        <v>200140</v>
      </c>
      <c r="F59634" s="1" t="s">
        <v>200141</v>
      </c>
      <c r="G59634" s="1" t="s">
        <v>200138</v>
      </c>
      <c r="H59634" s="1" t="s">
        <v>200139</v>
      </c>
      <c r="I59634" s="1" t="s">
        <v>199140</v>
      </c>
      <c r="J59634" s="1" t="s">
        <v>200142</v>
      </c>
    </row>
    <row r="59635" spans="1:10" x14ac:dyDescent="0.35">
      <c r="A59635" s="1" t="s">
        <v>4018</v>
      </c>
      <c r="B59635" s="1" t="s">
        <v>199134</v>
      </c>
      <c r="C59635" s="1" t="s">
        <v>20</v>
      </c>
      <c r="D59635" s="1" t="s">
        <v>85757</v>
      </c>
      <c r="E59635" s="1" t="s">
        <v>200143</v>
      </c>
      <c r="F59635" s="1" t="s">
        <v>200144</v>
      </c>
      <c r="G59635" s="1" t="s">
        <v>200138</v>
      </c>
      <c r="H59635" s="1" t="s">
        <v>200139</v>
      </c>
      <c r="I59635" s="1" t="s">
        <v>199140</v>
      </c>
      <c r="J59635" s="1" t="s">
        <v>200145</v>
      </c>
    </row>
    <row r="59636" spans="1:10" x14ac:dyDescent="0.35">
      <c r="A59636" s="1" t="s">
        <v>4018</v>
      </c>
      <c r="B59636" s="1" t="s">
        <v>199134</v>
      </c>
      <c r="C59636" s="1" t="s">
        <v>25</v>
      </c>
      <c r="D59636" s="1" t="s">
        <v>140710</v>
      </c>
      <c r="E59636" s="1" t="s">
        <v>200146</v>
      </c>
      <c r="F59636" s="1" t="s">
        <v>200147</v>
      </c>
      <c r="G59636" s="1" t="s">
        <v>200138</v>
      </c>
      <c r="H59636" s="1" t="s">
        <v>200139</v>
      </c>
      <c r="I59636" s="1" t="s">
        <v>199140</v>
      </c>
      <c r="J59636" s="1" t="s">
        <v>200148</v>
      </c>
    </row>
    <row r="59637" spans="1:10" x14ac:dyDescent="0.35">
      <c r="A59637" s="1" t="s">
        <v>4018</v>
      </c>
      <c r="B59637" s="1" t="s">
        <v>199134</v>
      </c>
      <c r="C59637" s="1" t="s">
        <v>30</v>
      </c>
      <c r="D59637" s="1" t="s">
        <v>26445</v>
      </c>
      <c r="E59637" s="1" t="s">
        <v>200149</v>
      </c>
      <c r="F59637" s="1" t="s">
        <v>200150</v>
      </c>
      <c r="G59637" s="1" t="s">
        <v>200138</v>
      </c>
      <c r="H59637" s="1" t="s">
        <v>200139</v>
      </c>
      <c r="I59637" s="1" t="s">
        <v>199140</v>
      </c>
      <c r="J59637" s="1" t="s">
        <v>200151</v>
      </c>
    </row>
    <row r="59638" spans="1:10" x14ac:dyDescent="0.35">
      <c r="A59638" s="1" t="s">
        <v>4018</v>
      </c>
      <c r="B59638" s="1" t="s">
        <v>199134</v>
      </c>
      <c r="C59638" s="1" t="s">
        <v>35</v>
      </c>
      <c r="D59638" s="1" t="s">
        <v>200152</v>
      </c>
      <c r="E59638" s="1" t="s">
        <v>200153</v>
      </c>
      <c r="F59638" s="1" t="s">
        <v>200154</v>
      </c>
      <c r="G59638" s="1" t="s">
        <v>200138</v>
      </c>
      <c r="H59638" s="1" t="s">
        <v>200139</v>
      </c>
      <c r="I59638" s="1" t="s">
        <v>199140</v>
      </c>
      <c r="J59638" s="1" t="s">
        <v>200155</v>
      </c>
    </row>
    <row r="59639" spans="1:10" x14ac:dyDescent="0.35">
      <c r="A59639" s="1" t="s">
        <v>4018</v>
      </c>
      <c r="B59639" s="1" t="s">
        <v>199134</v>
      </c>
      <c r="C59639" s="1" t="s">
        <v>40</v>
      </c>
      <c r="D59639" s="1" t="s">
        <v>137673</v>
      </c>
      <c r="E59639" s="1" t="s">
        <v>200156</v>
      </c>
      <c r="F59639" s="1" t="s">
        <v>200157</v>
      </c>
      <c r="G59639" s="1" t="s">
        <v>200138</v>
      </c>
      <c r="H59639" s="1" t="s">
        <v>200139</v>
      </c>
      <c r="I59639" s="1" t="s">
        <v>199140</v>
      </c>
      <c r="J59639" s="1" t="s">
        <v>200158</v>
      </c>
    </row>
    <row r="59640" spans="1:10" x14ac:dyDescent="0.35">
      <c r="A59640" s="1" t="s">
        <v>4018</v>
      </c>
      <c r="B59640" s="1" t="s">
        <v>199134</v>
      </c>
      <c r="C59640" s="1" t="s">
        <v>45</v>
      </c>
      <c r="D59640" s="1" t="s">
        <v>88275</v>
      </c>
      <c r="E59640" s="1" t="s">
        <v>200159</v>
      </c>
      <c r="F59640" s="1" t="s">
        <v>200160</v>
      </c>
      <c r="G59640" s="1" t="s">
        <v>200138</v>
      </c>
      <c r="H59640" s="1" t="s">
        <v>200139</v>
      </c>
      <c r="I59640" s="1" t="s">
        <v>199140</v>
      </c>
      <c r="J59640" s="1" t="s">
        <v>200161</v>
      </c>
    </row>
    <row r="59641" spans="1:10" x14ac:dyDescent="0.35">
      <c r="A59641" s="1" t="s">
        <v>4018</v>
      </c>
      <c r="B59641" s="1" t="s">
        <v>199134</v>
      </c>
      <c r="C59641" s="1" t="s">
        <v>50</v>
      </c>
      <c r="D59641" s="1" t="s">
        <v>60622</v>
      </c>
      <c r="E59641" s="1" t="s">
        <v>200162</v>
      </c>
      <c r="F59641" s="1" t="s">
        <v>200163</v>
      </c>
      <c r="G59641" s="1" t="s">
        <v>200138</v>
      </c>
      <c r="H59641" s="1" t="s">
        <v>200139</v>
      </c>
      <c r="I59641" s="1" t="s">
        <v>199140</v>
      </c>
      <c r="J59641" s="1" t="s">
        <v>200164</v>
      </c>
    </row>
    <row r="59642" spans="1:10" x14ac:dyDescent="0.35">
      <c r="A59642" s="1" t="s">
        <v>4018</v>
      </c>
      <c r="B59642" s="1" t="s">
        <v>199134</v>
      </c>
      <c r="C59642" s="1" t="s">
        <v>55</v>
      </c>
      <c r="D59642" s="1" t="s">
        <v>106073</v>
      </c>
      <c r="E59642" s="1" t="s">
        <v>200165</v>
      </c>
      <c r="F59642" s="1" t="s">
        <v>200166</v>
      </c>
      <c r="G59642" s="1" t="s">
        <v>200138</v>
      </c>
      <c r="H59642" s="1" t="s">
        <v>200139</v>
      </c>
      <c r="I59642" s="1" t="s">
        <v>199140</v>
      </c>
      <c r="J59642" s="1" t="s">
        <v>200167</v>
      </c>
    </row>
    <row r="59643" spans="1:10" x14ac:dyDescent="0.35">
      <c r="A59643" s="1" t="s">
        <v>4018</v>
      </c>
      <c r="B59643" s="1" t="s">
        <v>199134</v>
      </c>
      <c r="C59643" s="1" t="s">
        <v>60</v>
      </c>
      <c r="D59643" s="1" t="s">
        <v>103244</v>
      </c>
      <c r="E59643" s="1" t="s">
        <v>200168</v>
      </c>
      <c r="F59643" s="1" t="s">
        <v>200169</v>
      </c>
      <c r="G59643" s="1" t="s">
        <v>200138</v>
      </c>
      <c r="H59643" s="1" t="s">
        <v>200139</v>
      </c>
      <c r="I59643" s="1" t="s">
        <v>199140</v>
      </c>
      <c r="J59643" s="1" t="s">
        <v>200170</v>
      </c>
    </row>
    <row r="59644" spans="1:10" x14ac:dyDescent="0.35">
      <c r="A59644" s="1" t="s">
        <v>4018</v>
      </c>
      <c r="B59644" s="1" t="s">
        <v>199134</v>
      </c>
      <c r="C59644" s="1" t="s">
        <v>65</v>
      </c>
      <c r="D59644" s="1" t="s">
        <v>80354</v>
      </c>
      <c r="E59644" s="1" t="s">
        <v>200171</v>
      </c>
      <c r="F59644" s="1" t="s">
        <v>200172</v>
      </c>
      <c r="G59644" s="1" t="s">
        <v>200138</v>
      </c>
      <c r="H59644" s="1" t="s">
        <v>200139</v>
      </c>
      <c r="I59644" s="1" t="s">
        <v>199140</v>
      </c>
      <c r="J59644" s="1" t="s">
        <v>200173</v>
      </c>
    </row>
    <row r="59645" spans="1:10" x14ac:dyDescent="0.35">
      <c r="A59645" s="1" t="s">
        <v>4018</v>
      </c>
      <c r="B59645" s="1" t="s">
        <v>199134</v>
      </c>
      <c r="C59645" s="1" t="s">
        <v>70</v>
      </c>
      <c r="D59645" s="1" t="s">
        <v>200174</v>
      </c>
      <c r="E59645" s="1" t="s">
        <v>200175</v>
      </c>
      <c r="F59645" s="1" t="s">
        <v>200176</v>
      </c>
      <c r="G59645" s="1" t="s">
        <v>200138</v>
      </c>
      <c r="H59645" s="1" t="s">
        <v>200139</v>
      </c>
      <c r="I59645" s="1" t="s">
        <v>199140</v>
      </c>
      <c r="J59645" s="1" t="s">
        <v>200177</v>
      </c>
    </row>
    <row r="59646" spans="1:10" x14ac:dyDescent="0.35">
      <c r="A59646" s="1" t="s">
        <v>4018</v>
      </c>
      <c r="B59646" s="1" t="s">
        <v>199134</v>
      </c>
      <c r="C59646" s="1" t="s">
        <v>75</v>
      </c>
      <c r="D59646" s="1" t="s">
        <v>58523</v>
      </c>
      <c r="E59646" s="1" t="s">
        <v>200178</v>
      </c>
      <c r="F59646" s="1" t="s">
        <v>200179</v>
      </c>
      <c r="G59646" s="1" t="s">
        <v>200138</v>
      </c>
      <c r="H59646" s="1" t="s">
        <v>200139</v>
      </c>
      <c r="I59646" s="1" t="s">
        <v>199140</v>
      </c>
      <c r="J59646" s="1" t="s">
        <v>200180</v>
      </c>
    </row>
    <row r="59647" spans="1:10" x14ac:dyDescent="0.35">
      <c r="A59647" s="1" t="s">
        <v>4018</v>
      </c>
      <c r="B59647" s="1" t="s">
        <v>199134</v>
      </c>
      <c r="C59647" s="1" t="s">
        <v>80</v>
      </c>
      <c r="D59647" s="1" t="s">
        <v>60490</v>
      </c>
      <c r="E59647" s="1" t="s">
        <v>200181</v>
      </c>
      <c r="F59647" s="1" t="s">
        <v>200182</v>
      </c>
      <c r="G59647" s="1" t="s">
        <v>200138</v>
      </c>
      <c r="H59647" s="1" t="s">
        <v>200139</v>
      </c>
      <c r="I59647" s="1" t="s">
        <v>199140</v>
      </c>
      <c r="J59647" s="1" t="s">
        <v>200183</v>
      </c>
    </row>
    <row r="59648" spans="1:10" x14ac:dyDescent="0.35">
      <c r="A59648" s="1" t="s">
        <v>4018</v>
      </c>
      <c r="B59648" s="1" t="s">
        <v>199134</v>
      </c>
      <c r="C59648" s="1" t="s">
        <v>85</v>
      </c>
      <c r="D59648" s="1" t="s">
        <v>99415</v>
      </c>
      <c r="E59648" s="1" t="s">
        <v>200184</v>
      </c>
      <c r="F59648" s="1" t="s">
        <v>200185</v>
      </c>
      <c r="G59648" s="1" t="s">
        <v>200138</v>
      </c>
      <c r="H59648" s="1" t="s">
        <v>200139</v>
      </c>
      <c r="I59648" s="1" t="s">
        <v>199140</v>
      </c>
      <c r="J59648" s="1" t="s">
        <v>200186</v>
      </c>
    </row>
    <row r="59649" spans="1:10" x14ac:dyDescent="0.35">
      <c r="A59649" s="1" t="s">
        <v>4018</v>
      </c>
      <c r="B59649" s="1" t="s">
        <v>199134</v>
      </c>
      <c r="C59649" s="1" t="s">
        <v>90</v>
      </c>
      <c r="D59649" s="1" t="s">
        <v>128518</v>
      </c>
      <c r="E59649" s="1" t="s">
        <v>200187</v>
      </c>
      <c r="F59649" s="1" t="s">
        <v>200188</v>
      </c>
      <c r="G59649" s="1" t="s">
        <v>200138</v>
      </c>
      <c r="H59649" s="1" t="s">
        <v>200139</v>
      </c>
      <c r="I59649" s="1" t="s">
        <v>199140</v>
      </c>
      <c r="J59649" s="1" t="s">
        <v>200189</v>
      </c>
    </row>
    <row r="59650" spans="1:10" x14ac:dyDescent="0.35">
      <c r="A59650" s="1" t="s">
        <v>4018</v>
      </c>
      <c r="B59650" s="1" t="s">
        <v>199134</v>
      </c>
      <c r="C59650" s="1" t="s">
        <v>95</v>
      </c>
      <c r="D59650" s="1" t="s">
        <v>8173</v>
      </c>
      <c r="E59650" s="1" t="s">
        <v>200190</v>
      </c>
      <c r="F59650" s="1" t="s">
        <v>200191</v>
      </c>
      <c r="G59650" s="1" t="s">
        <v>200138</v>
      </c>
      <c r="H59650" s="1" t="s">
        <v>200139</v>
      </c>
      <c r="I59650" s="1" t="s">
        <v>199140</v>
      </c>
      <c r="J59650" s="1" t="s">
        <v>200192</v>
      </c>
    </row>
    <row r="59651" spans="1:10" x14ac:dyDescent="0.35">
      <c r="A59651" s="1" t="s">
        <v>4018</v>
      </c>
      <c r="B59651" s="1" t="s">
        <v>199134</v>
      </c>
      <c r="C59651" s="1" t="s">
        <v>100</v>
      </c>
      <c r="D59651" s="1" t="s">
        <v>200193</v>
      </c>
      <c r="E59651" s="1" t="s">
        <v>200194</v>
      </c>
      <c r="F59651" s="1" t="s">
        <v>200195</v>
      </c>
      <c r="G59651" s="1" t="s">
        <v>200138</v>
      </c>
      <c r="H59651" s="1" t="s">
        <v>200139</v>
      </c>
      <c r="I59651" s="1" t="s">
        <v>199140</v>
      </c>
      <c r="J59651" s="1" t="s">
        <v>200196</v>
      </c>
    </row>
    <row r="59652" spans="1:10" x14ac:dyDescent="0.35">
      <c r="A59652" s="1" t="s">
        <v>4018</v>
      </c>
      <c r="B59652" s="1" t="s">
        <v>199134</v>
      </c>
      <c r="C59652" s="1" t="s">
        <v>105</v>
      </c>
      <c r="D59652" s="1" t="s">
        <v>67609</v>
      </c>
      <c r="E59652" s="1" t="s">
        <v>200197</v>
      </c>
      <c r="F59652" s="1" t="s">
        <v>200198</v>
      </c>
      <c r="G59652" s="1" t="s">
        <v>200138</v>
      </c>
      <c r="H59652" s="1" t="s">
        <v>200139</v>
      </c>
      <c r="I59652" s="1" t="s">
        <v>199140</v>
      </c>
      <c r="J59652" s="1" t="s">
        <v>200199</v>
      </c>
    </row>
    <row r="59653" spans="1:10" x14ac:dyDescent="0.35">
      <c r="A59653" s="1" t="s">
        <v>4018</v>
      </c>
      <c r="B59653" s="1" t="s">
        <v>199134</v>
      </c>
      <c r="C59653" s="1" t="s">
        <v>110</v>
      </c>
      <c r="D59653" s="1" t="s">
        <v>131571</v>
      </c>
      <c r="E59653" s="1" t="s">
        <v>200200</v>
      </c>
      <c r="F59653" s="1" t="s">
        <v>200201</v>
      </c>
      <c r="G59653" s="1" t="s">
        <v>200138</v>
      </c>
      <c r="H59653" s="1" t="s">
        <v>200139</v>
      </c>
      <c r="I59653" s="1" t="s">
        <v>199140</v>
      </c>
      <c r="J59653" s="1" t="s">
        <v>200202</v>
      </c>
    </row>
    <row r="59654" spans="1:10" x14ac:dyDescent="0.35">
      <c r="A59654" s="1" t="s">
        <v>4018</v>
      </c>
      <c r="B59654" s="1" t="s">
        <v>199134</v>
      </c>
      <c r="C59654" s="1" t="s">
        <v>115</v>
      </c>
      <c r="D59654" s="1" t="s">
        <v>129324</v>
      </c>
      <c r="E59654" s="1" t="s">
        <v>200203</v>
      </c>
      <c r="F59654" s="1" t="s">
        <v>200204</v>
      </c>
      <c r="G59654" s="1" t="s">
        <v>200138</v>
      </c>
      <c r="H59654" s="1" t="s">
        <v>200139</v>
      </c>
      <c r="I59654" s="1" t="s">
        <v>199140</v>
      </c>
      <c r="J59654" s="1" t="s">
        <v>200205</v>
      </c>
    </row>
    <row r="59655" spans="1:10" x14ac:dyDescent="0.35">
      <c r="A59655" s="1" t="s">
        <v>4018</v>
      </c>
      <c r="B59655" s="1" t="s">
        <v>199134</v>
      </c>
      <c r="C59655" s="1" t="s">
        <v>120</v>
      </c>
      <c r="D59655" s="1" t="s">
        <v>26197</v>
      </c>
      <c r="E59655" s="1" t="s">
        <v>200206</v>
      </c>
      <c r="F59655" s="1" t="s">
        <v>200207</v>
      </c>
      <c r="G59655" s="1" t="s">
        <v>200138</v>
      </c>
      <c r="H59655" s="1" t="s">
        <v>200139</v>
      </c>
      <c r="I59655" s="1" t="s">
        <v>199140</v>
      </c>
      <c r="J59655" s="1" t="s">
        <v>200208</v>
      </c>
    </row>
    <row r="59656" spans="1:10" x14ac:dyDescent="0.35">
      <c r="A59656" s="1" t="s">
        <v>4018</v>
      </c>
      <c r="B59656" s="1" t="s">
        <v>199134</v>
      </c>
      <c r="C59656" s="1" t="s">
        <v>125</v>
      </c>
      <c r="D59656" s="1" t="s">
        <v>200209</v>
      </c>
      <c r="E59656" s="1" t="s">
        <v>200210</v>
      </c>
      <c r="F59656" s="1" t="s">
        <v>200211</v>
      </c>
      <c r="G59656" s="1" t="s">
        <v>200138</v>
      </c>
      <c r="H59656" s="1" t="s">
        <v>200139</v>
      </c>
      <c r="I59656" s="1" t="s">
        <v>199140</v>
      </c>
      <c r="J59656" s="1" t="s">
        <v>200212</v>
      </c>
    </row>
    <row r="59657" spans="1:10" x14ac:dyDescent="0.35">
      <c r="A59657" s="1" t="s">
        <v>4018</v>
      </c>
      <c r="B59657" s="1" t="s">
        <v>199134</v>
      </c>
      <c r="C59657" s="1" t="s">
        <v>130</v>
      </c>
      <c r="D59657" s="1" t="s">
        <v>200213</v>
      </c>
      <c r="E59657" s="1" t="s">
        <v>200214</v>
      </c>
      <c r="F59657" s="1" t="s">
        <v>200215</v>
      </c>
      <c r="G59657" s="1" t="s">
        <v>200138</v>
      </c>
      <c r="H59657" s="1" t="s">
        <v>200139</v>
      </c>
      <c r="I59657" s="1" t="s">
        <v>199140</v>
      </c>
      <c r="J59657" s="1" t="s">
        <v>200216</v>
      </c>
    </row>
    <row r="59658" spans="1:10" x14ac:dyDescent="0.35">
      <c r="A59658" s="1" t="s">
        <v>4018</v>
      </c>
      <c r="B59658" s="1" t="s">
        <v>199134</v>
      </c>
      <c r="C59658" s="1" t="s">
        <v>135</v>
      </c>
      <c r="D59658" s="1" t="s">
        <v>140117</v>
      </c>
      <c r="E59658" s="1" t="s">
        <v>200217</v>
      </c>
      <c r="F59658" s="1" t="s">
        <v>200218</v>
      </c>
      <c r="G59658" s="1" t="s">
        <v>200138</v>
      </c>
      <c r="H59658" s="1" t="s">
        <v>200139</v>
      </c>
      <c r="I59658" s="1" t="s">
        <v>199140</v>
      </c>
      <c r="J59658" s="1" t="s">
        <v>200219</v>
      </c>
    </row>
    <row r="59659" spans="1:10" x14ac:dyDescent="0.35">
      <c r="A59659" s="1" t="s">
        <v>4018</v>
      </c>
      <c r="B59659" s="1" t="s">
        <v>199134</v>
      </c>
      <c r="C59659" s="1" t="s">
        <v>140</v>
      </c>
      <c r="D59659" s="1" t="s">
        <v>200220</v>
      </c>
      <c r="E59659" s="1" t="s">
        <v>200221</v>
      </c>
      <c r="F59659" s="1" t="s">
        <v>200222</v>
      </c>
      <c r="G59659" s="1" t="s">
        <v>200138</v>
      </c>
      <c r="H59659" s="1" t="s">
        <v>200139</v>
      </c>
      <c r="I59659" s="1" t="s">
        <v>199140</v>
      </c>
      <c r="J59659" s="1" t="s">
        <v>200223</v>
      </c>
    </row>
    <row r="59660" spans="1:10" x14ac:dyDescent="0.35">
      <c r="A59660" s="1" t="s">
        <v>4018</v>
      </c>
      <c r="B59660" s="1" t="s">
        <v>199134</v>
      </c>
      <c r="C59660" s="1" t="s">
        <v>145</v>
      </c>
      <c r="D59660" s="1" t="s">
        <v>200224</v>
      </c>
      <c r="E59660" s="1" t="s">
        <v>200225</v>
      </c>
      <c r="F59660" s="1" t="s">
        <v>200226</v>
      </c>
      <c r="G59660" s="1" t="s">
        <v>200138</v>
      </c>
      <c r="H59660" s="1" t="s">
        <v>200139</v>
      </c>
      <c r="I59660" s="1" t="s">
        <v>199140</v>
      </c>
      <c r="J59660" s="1" t="s">
        <v>200227</v>
      </c>
    </row>
    <row r="59661" spans="1:10" x14ac:dyDescent="0.35">
      <c r="A59661" s="1" t="s">
        <v>4018</v>
      </c>
      <c r="B59661" s="1" t="s">
        <v>199134</v>
      </c>
      <c r="C59661" s="1" t="s">
        <v>150</v>
      </c>
      <c r="D59661" s="1" t="s">
        <v>41143</v>
      </c>
      <c r="E59661" s="1" t="s">
        <v>200228</v>
      </c>
      <c r="F59661" s="1" t="s">
        <v>200229</v>
      </c>
      <c r="G59661" s="1" t="s">
        <v>200138</v>
      </c>
      <c r="H59661" s="1" t="s">
        <v>200139</v>
      </c>
      <c r="I59661" s="1" t="s">
        <v>199140</v>
      </c>
      <c r="J59661" s="1" t="s">
        <v>200230</v>
      </c>
    </row>
    <row r="59662" spans="1:10" x14ac:dyDescent="0.35">
      <c r="A59662" s="1" t="s">
        <v>4018</v>
      </c>
      <c r="B59662" s="1" t="s">
        <v>199134</v>
      </c>
      <c r="C59662" s="1" t="s">
        <v>155</v>
      </c>
      <c r="D59662" s="1" t="s">
        <v>200231</v>
      </c>
      <c r="E59662" s="1" t="s">
        <v>200232</v>
      </c>
      <c r="F59662" s="1" t="s">
        <v>200233</v>
      </c>
      <c r="G59662" s="1" t="s">
        <v>200138</v>
      </c>
      <c r="H59662" s="1" t="s">
        <v>200139</v>
      </c>
      <c r="I59662" s="1" t="s">
        <v>199140</v>
      </c>
      <c r="J59662" s="1" t="s">
        <v>200234</v>
      </c>
    </row>
    <row r="59663" spans="1:10" x14ac:dyDescent="0.35">
      <c r="A59663" s="1" t="s">
        <v>4018</v>
      </c>
      <c r="B59663" s="1" t="s">
        <v>199134</v>
      </c>
      <c r="C59663" s="1" t="s">
        <v>160</v>
      </c>
      <c r="D59663" s="1" t="s">
        <v>200235</v>
      </c>
      <c r="E59663" s="1" t="s">
        <v>200236</v>
      </c>
      <c r="F59663" s="1" t="s">
        <v>200237</v>
      </c>
      <c r="G59663" s="1" t="s">
        <v>200138</v>
      </c>
      <c r="H59663" s="1" t="s">
        <v>200139</v>
      </c>
      <c r="I59663" s="1" t="s">
        <v>199140</v>
      </c>
      <c r="J59663" s="1" t="s">
        <v>200238</v>
      </c>
    </row>
    <row r="59664" spans="1:10" x14ac:dyDescent="0.35">
      <c r="A59664" s="1" t="s">
        <v>4018</v>
      </c>
      <c r="B59664" s="1" t="s">
        <v>199134</v>
      </c>
      <c r="C59664" s="1" t="s">
        <v>165</v>
      </c>
      <c r="D59664" s="1" t="s">
        <v>200239</v>
      </c>
      <c r="E59664" s="1" t="s">
        <v>200240</v>
      </c>
      <c r="F59664" s="1" t="s">
        <v>200241</v>
      </c>
      <c r="G59664" s="1" t="s">
        <v>200138</v>
      </c>
      <c r="H59664" s="1" t="s">
        <v>200139</v>
      </c>
      <c r="I59664" s="1" t="s">
        <v>199140</v>
      </c>
      <c r="J59664" s="1" t="s">
        <v>200242</v>
      </c>
    </row>
    <row r="59665" spans="1:10" x14ac:dyDescent="0.35">
      <c r="A59665" s="1" t="s">
        <v>4018</v>
      </c>
      <c r="B59665" s="1" t="s">
        <v>199134</v>
      </c>
      <c r="C59665" s="1" t="s">
        <v>170</v>
      </c>
      <c r="D59665" s="1" t="s">
        <v>21540</v>
      </c>
      <c r="E59665" s="1" t="s">
        <v>200243</v>
      </c>
      <c r="F59665" s="1" t="s">
        <v>200244</v>
      </c>
      <c r="G59665" s="1" t="s">
        <v>200138</v>
      </c>
      <c r="H59665" s="1" t="s">
        <v>200139</v>
      </c>
      <c r="I59665" s="1" t="s">
        <v>199140</v>
      </c>
      <c r="J59665" s="1" t="s">
        <v>200245</v>
      </c>
    </row>
    <row r="59666" spans="1:10" x14ac:dyDescent="0.35">
      <c r="A59666" s="1" t="s">
        <v>117919</v>
      </c>
      <c r="B59666" s="1" t="s">
        <v>199134</v>
      </c>
      <c r="C59666" s="1" t="s">
        <v>8</v>
      </c>
      <c r="D59666" s="1" t="s">
        <v>200246</v>
      </c>
      <c r="E59666" s="1" t="s">
        <v>200247</v>
      </c>
      <c r="F59666" s="1" t="s">
        <v>200248</v>
      </c>
      <c r="G59666" s="1" t="s">
        <v>200249</v>
      </c>
      <c r="H59666" s="1" t="s">
        <v>200250</v>
      </c>
      <c r="I59666" s="1" t="s">
        <v>199140</v>
      </c>
      <c r="J59666" s="1" t="s">
        <v>13</v>
      </c>
    </row>
    <row r="59667" spans="1:10" x14ac:dyDescent="0.35">
      <c r="A59667" s="1" t="s">
        <v>117919</v>
      </c>
      <c r="B59667" s="1" t="s">
        <v>199134</v>
      </c>
      <c r="C59667" s="1" t="s">
        <v>15</v>
      </c>
      <c r="D59667" s="1" t="s">
        <v>53742</v>
      </c>
      <c r="E59667" s="1" t="s">
        <v>200251</v>
      </c>
      <c r="F59667" s="1" t="s">
        <v>200252</v>
      </c>
      <c r="G59667" s="1" t="s">
        <v>200249</v>
      </c>
      <c r="H59667" s="1" t="s">
        <v>200250</v>
      </c>
      <c r="I59667" s="1" t="s">
        <v>199140</v>
      </c>
      <c r="J59667" s="1" t="s">
        <v>200253</v>
      </c>
    </row>
    <row r="59668" spans="1:10" x14ac:dyDescent="0.35">
      <c r="A59668" s="1" t="s">
        <v>117919</v>
      </c>
      <c r="B59668" s="1" t="s">
        <v>199134</v>
      </c>
      <c r="C59668" s="1" t="s">
        <v>20</v>
      </c>
      <c r="D59668" s="1" t="s">
        <v>162066</v>
      </c>
      <c r="E59668" s="1" t="s">
        <v>200254</v>
      </c>
      <c r="F59668" s="1" t="s">
        <v>200255</v>
      </c>
      <c r="G59668" s="1" t="s">
        <v>200249</v>
      </c>
      <c r="H59668" s="1" t="s">
        <v>200250</v>
      </c>
      <c r="I59668" s="1" t="s">
        <v>199140</v>
      </c>
      <c r="J59668" s="1" t="s">
        <v>200256</v>
      </c>
    </row>
    <row r="59669" spans="1:10" x14ac:dyDescent="0.35">
      <c r="A59669" s="1" t="s">
        <v>117919</v>
      </c>
      <c r="B59669" s="1" t="s">
        <v>199134</v>
      </c>
      <c r="C59669" s="1" t="s">
        <v>25</v>
      </c>
      <c r="D59669" s="1" t="s">
        <v>200257</v>
      </c>
      <c r="E59669" s="1" t="s">
        <v>200258</v>
      </c>
      <c r="F59669" s="1" t="s">
        <v>200259</v>
      </c>
      <c r="G59669" s="1" t="s">
        <v>200249</v>
      </c>
      <c r="H59669" s="1" t="s">
        <v>200250</v>
      </c>
      <c r="I59669" s="1" t="s">
        <v>199140</v>
      </c>
      <c r="J59669" s="1" t="s">
        <v>200260</v>
      </c>
    </row>
    <row r="59670" spans="1:10" x14ac:dyDescent="0.35">
      <c r="A59670" s="1" t="s">
        <v>117919</v>
      </c>
      <c r="B59670" s="1" t="s">
        <v>199134</v>
      </c>
      <c r="C59670" s="1" t="s">
        <v>30</v>
      </c>
      <c r="D59670" s="1" t="s">
        <v>200261</v>
      </c>
      <c r="E59670" s="1" t="s">
        <v>200262</v>
      </c>
      <c r="F59670" s="1" t="s">
        <v>200263</v>
      </c>
      <c r="G59670" s="1" t="s">
        <v>200249</v>
      </c>
      <c r="H59670" s="1" t="s">
        <v>200250</v>
      </c>
      <c r="I59670" s="1" t="s">
        <v>199140</v>
      </c>
      <c r="J59670" s="1" t="s">
        <v>200264</v>
      </c>
    </row>
    <row r="59671" spans="1:10" x14ac:dyDescent="0.35">
      <c r="A59671" s="1" t="s">
        <v>117919</v>
      </c>
      <c r="B59671" s="1" t="s">
        <v>199134</v>
      </c>
      <c r="C59671" s="1" t="s">
        <v>35</v>
      </c>
      <c r="D59671" s="1" t="s">
        <v>200265</v>
      </c>
      <c r="E59671" s="1" t="s">
        <v>200266</v>
      </c>
      <c r="F59671" s="1" t="s">
        <v>200267</v>
      </c>
      <c r="G59671" s="1" t="s">
        <v>200249</v>
      </c>
      <c r="H59671" s="1" t="s">
        <v>200250</v>
      </c>
      <c r="I59671" s="1" t="s">
        <v>199140</v>
      </c>
      <c r="J59671" s="1" t="s">
        <v>200268</v>
      </c>
    </row>
    <row r="59672" spans="1:10" x14ac:dyDescent="0.35">
      <c r="A59672" s="1" t="s">
        <v>117919</v>
      </c>
      <c r="B59672" s="1" t="s">
        <v>199134</v>
      </c>
      <c r="C59672" s="1" t="s">
        <v>40</v>
      </c>
      <c r="D59672" s="1" t="s">
        <v>43472</v>
      </c>
      <c r="E59672" s="1" t="s">
        <v>200269</v>
      </c>
      <c r="F59672" s="1" t="s">
        <v>200270</v>
      </c>
      <c r="G59672" s="1" t="s">
        <v>200249</v>
      </c>
      <c r="H59672" s="1" t="s">
        <v>200250</v>
      </c>
      <c r="I59672" s="1" t="s">
        <v>199140</v>
      </c>
      <c r="J59672" s="1" t="s">
        <v>200271</v>
      </c>
    </row>
    <row r="59673" spans="1:10" x14ac:dyDescent="0.35">
      <c r="A59673" s="1" t="s">
        <v>117919</v>
      </c>
      <c r="B59673" s="1" t="s">
        <v>199134</v>
      </c>
      <c r="C59673" s="1" t="s">
        <v>45</v>
      </c>
      <c r="D59673" s="1" t="s">
        <v>86942</v>
      </c>
      <c r="E59673" s="1" t="s">
        <v>200272</v>
      </c>
      <c r="F59673" s="1" t="s">
        <v>200273</v>
      </c>
      <c r="G59673" s="1" t="s">
        <v>200249</v>
      </c>
      <c r="H59673" s="1" t="s">
        <v>200250</v>
      </c>
      <c r="I59673" s="1" t="s">
        <v>199140</v>
      </c>
      <c r="J59673" s="1" t="s">
        <v>200274</v>
      </c>
    </row>
    <row r="59674" spans="1:10" x14ac:dyDescent="0.35">
      <c r="A59674" s="1" t="s">
        <v>117919</v>
      </c>
      <c r="B59674" s="1" t="s">
        <v>199134</v>
      </c>
      <c r="C59674" s="1" t="s">
        <v>50</v>
      </c>
      <c r="D59674" s="1" t="s">
        <v>200275</v>
      </c>
      <c r="E59674" s="1" t="s">
        <v>200276</v>
      </c>
      <c r="F59674" s="1" t="s">
        <v>200277</v>
      </c>
      <c r="G59674" s="1" t="s">
        <v>200249</v>
      </c>
      <c r="H59674" s="1" t="s">
        <v>200250</v>
      </c>
      <c r="I59674" s="1" t="s">
        <v>199140</v>
      </c>
      <c r="J59674" s="1" t="s">
        <v>200278</v>
      </c>
    </row>
    <row r="59675" spans="1:10" x14ac:dyDescent="0.35">
      <c r="A59675" s="1" t="s">
        <v>117919</v>
      </c>
      <c r="B59675" s="1" t="s">
        <v>199134</v>
      </c>
      <c r="C59675" s="1" t="s">
        <v>55</v>
      </c>
      <c r="D59675" s="1" t="s">
        <v>199397</v>
      </c>
      <c r="E59675" s="1" t="s">
        <v>200279</v>
      </c>
      <c r="F59675" s="1" t="s">
        <v>200280</v>
      </c>
      <c r="G59675" s="1" t="s">
        <v>200249</v>
      </c>
      <c r="H59675" s="1" t="s">
        <v>200250</v>
      </c>
      <c r="I59675" s="1" t="s">
        <v>199140</v>
      </c>
      <c r="J59675" s="1" t="s">
        <v>200281</v>
      </c>
    </row>
    <row r="59676" spans="1:10" x14ac:dyDescent="0.35">
      <c r="A59676" s="1" t="s">
        <v>117919</v>
      </c>
      <c r="B59676" s="1" t="s">
        <v>199134</v>
      </c>
      <c r="C59676" s="1" t="s">
        <v>60</v>
      </c>
      <c r="D59676" s="1" t="s">
        <v>200282</v>
      </c>
      <c r="E59676" s="1" t="s">
        <v>200283</v>
      </c>
      <c r="F59676" s="1" t="s">
        <v>200284</v>
      </c>
      <c r="G59676" s="1" t="s">
        <v>200249</v>
      </c>
      <c r="H59676" s="1" t="s">
        <v>200250</v>
      </c>
      <c r="I59676" s="1" t="s">
        <v>199140</v>
      </c>
      <c r="J59676" s="1" t="s">
        <v>200285</v>
      </c>
    </row>
    <row r="59677" spans="1:10" x14ac:dyDescent="0.35">
      <c r="A59677" s="1" t="s">
        <v>117919</v>
      </c>
      <c r="B59677" s="1" t="s">
        <v>199134</v>
      </c>
      <c r="C59677" s="1" t="s">
        <v>65</v>
      </c>
      <c r="D59677" s="1" t="s">
        <v>94405</v>
      </c>
      <c r="E59677" s="1" t="s">
        <v>200286</v>
      </c>
      <c r="F59677" s="1" t="s">
        <v>200287</v>
      </c>
      <c r="G59677" s="1" t="s">
        <v>200249</v>
      </c>
      <c r="H59677" s="1" t="s">
        <v>200250</v>
      </c>
      <c r="I59677" s="1" t="s">
        <v>199140</v>
      </c>
      <c r="J59677" s="1" t="s">
        <v>200288</v>
      </c>
    </row>
    <row r="59678" spans="1:10" x14ac:dyDescent="0.35">
      <c r="A59678" s="1" t="s">
        <v>117919</v>
      </c>
      <c r="B59678" s="1" t="s">
        <v>199134</v>
      </c>
      <c r="C59678" s="1" t="s">
        <v>70</v>
      </c>
      <c r="D59678" s="1" t="s">
        <v>200289</v>
      </c>
      <c r="E59678" s="1" t="s">
        <v>200290</v>
      </c>
      <c r="F59678" s="1" t="s">
        <v>200291</v>
      </c>
      <c r="G59678" s="1" t="s">
        <v>200249</v>
      </c>
      <c r="H59678" s="1" t="s">
        <v>200250</v>
      </c>
      <c r="I59678" s="1" t="s">
        <v>199140</v>
      </c>
      <c r="J59678" s="1" t="s">
        <v>200292</v>
      </c>
    </row>
    <row r="59679" spans="1:10" x14ac:dyDescent="0.35">
      <c r="A59679" s="1" t="s">
        <v>117919</v>
      </c>
      <c r="B59679" s="1" t="s">
        <v>199134</v>
      </c>
      <c r="C59679" s="1" t="s">
        <v>75</v>
      </c>
      <c r="D59679" s="1" t="s">
        <v>98804</v>
      </c>
      <c r="E59679" s="1" t="s">
        <v>200293</v>
      </c>
      <c r="F59679" s="1" t="s">
        <v>200294</v>
      </c>
      <c r="G59679" s="1" t="s">
        <v>200249</v>
      </c>
      <c r="H59679" s="1" t="s">
        <v>200250</v>
      </c>
      <c r="I59679" s="1" t="s">
        <v>199140</v>
      </c>
      <c r="J59679" s="1" t="s">
        <v>200295</v>
      </c>
    </row>
    <row r="59680" spans="1:10" x14ac:dyDescent="0.35">
      <c r="A59680" s="1" t="s">
        <v>117919</v>
      </c>
      <c r="B59680" s="1" t="s">
        <v>199134</v>
      </c>
      <c r="C59680" s="1" t="s">
        <v>80</v>
      </c>
      <c r="D59680" s="1" t="s">
        <v>58767</v>
      </c>
      <c r="E59680" s="1" t="s">
        <v>200296</v>
      </c>
      <c r="F59680" s="1" t="s">
        <v>200297</v>
      </c>
      <c r="G59680" s="1" t="s">
        <v>200249</v>
      </c>
      <c r="H59680" s="1" t="s">
        <v>200250</v>
      </c>
      <c r="I59680" s="1" t="s">
        <v>199140</v>
      </c>
      <c r="J59680" s="1" t="s">
        <v>200298</v>
      </c>
    </row>
    <row r="59681" spans="1:10" x14ac:dyDescent="0.35">
      <c r="A59681" s="1" t="s">
        <v>117919</v>
      </c>
      <c r="B59681" s="1" t="s">
        <v>199134</v>
      </c>
      <c r="C59681" s="1" t="s">
        <v>85</v>
      </c>
      <c r="D59681" s="1" t="s">
        <v>200299</v>
      </c>
      <c r="E59681" s="1" t="s">
        <v>200300</v>
      </c>
      <c r="F59681" s="1" t="s">
        <v>200301</v>
      </c>
      <c r="G59681" s="1" t="s">
        <v>200249</v>
      </c>
      <c r="H59681" s="1" t="s">
        <v>200250</v>
      </c>
      <c r="I59681" s="1" t="s">
        <v>199140</v>
      </c>
      <c r="J59681" s="1" t="s">
        <v>200302</v>
      </c>
    </row>
    <row r="59682" spans="1:10" x14ac:dyDescent="0.35">
      <c r="A59682" s="1" t="s">
        <v>117919</v>
      </c>
      <c r="B59682" s="1" t="s">
        <v>199134</v>
      </c>
      <c r="C59682" s="1" t="s">
        <v>90</v>
      </c>
      <c r="D59682" s="1" t="s">
        <v>69562</v>
      </c>
      <c r="E59682" s="1" t="s">
        <v>200303</v>
      </c>
      <c r="F59682" s="1" t="s">
        <v>200304</v>
      </c>
      <c r="G59682" s="1" t="s">
        <v>200249</v>
      </c>
      <c r="H59682" s="1" t="s">
        <v>200250</v>
      </c>
      <c r="I59682" s="1" t="s">
        <v>199140</v>
      </c>
      <c r="J59682" s="1" t="s">
        <v>200305</v>
      </c>
    </row>
    <row r="59683" spans="1:10" x14ac:dyDescent="0.35">
      <c r="A59683" s="1" t="s">
        <v>117919</v>
      </c>
      <c r="B59683" s="1" t="s">
        <v>199134</v>
      </c>
      <c r="C59683" s="1" t="s">
        <v>95</v>
      </c>
      <c r="D59683" s="1" t="s">
        <v>200306</v>
      </c>
      <c r="E59683" s="1" t="s">
        <v>200307</v>
      </c>
      <c r="F59683" s="1" t="s">
        <v>200308</v>
      </c>
      <c r="G59683" s="1" t="s">
        <v>200249</v>
      </c>
      <c r="H59683" s="1" t="s">
        <v>200250</v>
      </c>
      <c r="I59683" s="1" t="s">
        <v>199140</v>
      </c>
      <c r="J59683" s="1" t="s">
        <v>200309</v>
      </c>
    </row>
    <row r="59684" spans="1:10" x14ac:dyDescent="0.35">
      <c r="A59684" s="1" t="s">
        <v>117919</v>
      </c>
      <c r="B59684" s="1" t="s">
        <v>199134</v>
      </c>
      <c r="C59684" s="1" t="s">
        <v>100</v>
      </c>
      <c r="D59684" s="1" t="s">
        <v>200310</v>
      </c>
      <c r="E59684" s="1" t="s">
        <v>200311</v>
      </c>
      <c r="F59684" s="1" t="s">
        <v>200312</v>
      </c>
      <c r="G59684" s="1" t="s">
        <v>200249</v>
      </c>
      <c r="H59684" s="1" t="s">
        <v>200250</v>
      </c>
      <c r="I59684" s="1" t="s">
        <v>199140</v>
      </c>
      <c r="J59684" s="1" t="s">
        <v>200313</v>
      </c>
    </row>
    <row r="59685" spans="1:10" x14ac:dyDescent="0.35">
      <c r="A59685" s="1" t="s">
        <v>117919</v>
      </c>
      <c r="B59685" s="1" t="s">
        <v>199134</v>
      </c>
      <c r="C59685" s="1" t="s">
        <v>105</v>
      </c>
      <c r="D59685" s="1" t="s">
        <v>52273</v>
      </c>
      <c r="E59685" s="1" t="s">
        <v>200314</v>
      </c>
      <c r="F59685" s="1" t="s">
        <v>200315</v>
      </c>
      <c r="G59685" s="1" t="s">
        <v>200249</v>
      </c>
      <c r="H59685" s="1" t="s">
        <v>200250</v>
      </c>
      <c r="I59685" s="1" t="s">
        <v>199140</v>
      </c>
      <c r="J59685" s="1" t="s">
        <v>200316</v>
      </c>
    </row>
    <row r="59686" spans="1:10" x14ac:dyDescent="0.35">
      <c r="A59686" s="1" t="s">
        <v>117919</v>
      </c>
      <c r="B59686" s="1" t="s">
        <v>199134</v>
      </c>
      <c r="C59686" s="1" t="s">
        <v>110</v>
      </c>
      <c r="D59686" s="1" t="s">
        <v>87500</v>
      </c>
      <c r="E59686" s="1" t="s">
        <v>200317</v>
      </c>
      <c r="F59686" s="1" t="s">
        <v>200318</v>
      </c>
      <c r="G59686" s="1" t="s">
        <v>200249</v>
      </c>
      <c r="H59686" s="1" t="s">
        <v>200250</v>
      </c>
      <c r="I59686" s="1" t="s">
        <v>199140</v>
      </c>
      <c r="J59686" s="1" t="s">
        <v>200319</v>
      </c>
    </row>
    <row r="59687" spans="1:10" x14ac:dyDescent="0.35">
      <c r="A59687" s="1" t="s">
        <v>117919</v>
      </c>
      <c r="B59687" s="1" t="s">
        <v>199134</v>
      </c>
      <c r="C59687" s="1" t="s">
        <v>115</v>
      </c>
      <c r="D59687" s="1" t="s">
        <v>200320</v>
      </c>
      <c r="E59687" s="1" t="s">
        <v>200321</v>
      </c>
      <c r="F59687" s="1" t="s">
        <v>200322</v>
      </c>
      <c r="G59687" s="1" t="s">
        <v>200249</v>
      </c>
      <c r="H59687" s="1" t="s">
        <v>200250</v>
      </c>
      <c r="I59687" s="1" t="s">
        <v>199140</v>
      </c>
      <c r="J59687" s="1" t="s">
        <v>200323</v>
      </c>
    </row>
    <row r="59688" spans="1:10" x14ac:dyDescent="0.35">
      <c r="A59688" s="1" t="s">
        <v>117919</v>
      </c>
      <c r="B59688" s="1" t="s">
        <v>199134</v>
      </c>
      <c r="C59688" s="1" t="s">
        <v>120</v>
      </c>
      <c r="D59688" s="1" t="s">
        <v>66662</v>
      </c>
      <c r="E59688" s="1" t="s">
        <v>200324</v>
      </c>
      <c r="F59688" s="1" t="s">
        <v>200325</v>
      </c>
      <c r="G59688" s="1" t="s">
        <v>200249</v>
      </c>
      <c r="H59688" s="1" t="s">
        <v>200250</v>
      </c>
      <c r="I59688" s="1" t="s">
        <v>199140</v>
      </c>
      <c r="J59688" s="1" t="s">
        <v>200326</v>
      </c>
    </row>
    <row r="59689" spans="1:10" x14ac:dyDescent="0.35">
      <c r="A59689" s="1" t="s">
        <v>117919</v>
      </c>
      <c r="B59689" s="1" t="s">
        <v>199134</v>
      </c>
      <c r="C59689" s="1" t="s">
        <v>125</v>
      </c>
      <c r="D59689" s="1" t="s">
        <v>200327</v>
      </c>
      <c r="E59689" s="1" t="s">
        <v>200328</v>
      </c>
      <c r="F59689" s="1" t="s">
        <v>200329</v>
      </c>
      <c r="G59689" s="1" t="s">
        <v>200249</v>
      </c>
      <c r="H59689" s="1" t="s">
        <v>200250</v>
      </c>
      <c r="I59689" s="1" t="s">
        <v>199140</v>
      </c>
      <c r="J59689" s="1" t="s">
        <v>200330</v>
      </c>
    </row>
    <row r="59690" spans="1:10" x14ac:dyDescent="0.35">
      <c r="A59690" s="1" t="s">
        <v>117919</v>
      </c>
      <c r="B59690" s="1" t="s">
        <v>199134</v>
      </c>
      <c r="C59690" s="1" t="s">
        <v>130</v>
      </c>
      <c r="D59690" s="1" t="s">
        <v>93688</v>
      </c>
      <c r="E59690" s="1" t="s">
        <v>200331</v>
      </c>
      <c r="F59690" s="1" t="s">
        <v>200332</v>
      </c>
      <c r="G59690" s="1" t="s">
        <v>200249</v>
      </c>
      <c r="H59690" s="1" t="s">
        <v>200250</v>
      </c>
      <c r="I59690" s="1" t="s">
        <v>199140</v>
      </c>
      <c r="J59690" s="1" t="s">
        <v>200333</v>
      </c>
    </row>
    <row r="59691" spans="1:10" x14ac:dyDescent="0.35">
      <c r="A59691" s="1" t="s">
        <v>117919</v>
      </c>
      <c r="B59691" s="1" t="s">
        <v>199134</v>
      </c>
      <c r="C59691" s="1" t="s">
        <v>135</v>
      </c>
      <c r="D59691" s="1" t="s">
        <v>90587</v>
      </c>
      <c r="E59691" s="1" t="s">
        <v>200334</v>
      </c>
      <c r="F59691" s="1" t="s">
        <v>200335</v>
      </c>
      <c r="G59691" s="1" t="s">
        <v>200249</v>
      </c>
      <c r="H59691" s="1" t="s">
        <v>200250</v>
      </c>
      <c r="I59691" s="1" t="s">
        <v>199140</v>
      </c>
      <c r="J59691" s="1" t="s">
        <v>200336</v>
      </c>
    </row>
    <row r="59692" spans="1:10" x14ac:dyDescent="0.35">
      <c r="A59692" s="1" t="s">
        <v>117919</v>
      </c>
      <c r="B59692" s="1" t="s">
        <v>199134</v>
      </c>
      <c r="C59692" s="1" t="s">
        <v>140</v>
      </c>
      <c r="D59692" s="1" t="s">
        <v>78087</v>
      </c>
      <c r="E59692" s="1" t="s">
        <v>200337</v>
      </c>
      <c r="F59692" s="1" t="s">
        <v>200338</v>
      </c>
      <c r="G59692" s="1" t="s">
        <v>200249</v>
      </c>
      <c r="H59692" s="1" t="s">
        <v>200250</v>
      </c>
      <c r="I59692" s="1" t="s">
        <v>199140</v>
      </c>
      <c r="J59692" s="1" t="s">
        <v>200339</v>
      </c>
    </row>
    <row r="59693" spans="1:10" x14ac:dyDescent="0.35">
      <c r="A59693" s="1" t="s">
        <v>117919</v>
      </c>
      <c r="B59693" s="1" t="s">
        <v>199134</v>
      </c>
      <c r="C59693" s="1" t="s">
        <v>145</v>
      </c>
      <c r="D59693" s="1" t="s">
        <v>20622</v>
      </c>
      <c r="E59693" s="1" t="s">
        <v>200340</v>
      </c>
      <c r="F59693" s="1" t="s">
        <v>200341</v>
      </c>
      <c r="G59693" s="1" t="s">
        <v>200249</v>
      </c>
      <c r="H59693" s="1" t="s">
        <v>200250</v>
      </c>
      <c r="I59693" s="1" t="s">
        <v>199140</v>
      </c>
      <c r="J59693" s="1" t="s">
        <v>200342</v>
      </c>
    </row>
    <row r="59694" spans="1:10" x14ac:dyDescent="0.35">
      <c r="A59694" s="1" t="s">
        <v>117919</v>
      </c>
      <c r="B59694" s="1" t="s">
        <v>199134</v>
      </c>
      <c r="C59694" s="1" t="s">
        <v>150</v>
      </c>
      <c r="D59694" s="1" t="s">
        <v>200343</v>
      </c>
      <c r="E59694" s="1" t="s">
        <v>200344</v>
      </c>
      <c r="F59694" s="1" t="s">
        <v>200345</v>
      </c>
      <c r="G59694" s="1" t="s">
        <v>200249</v>
      </c>
      <c r="H59694" s="1" t="s">
        <v>200250</v>
      </c>
      <c r="I59694" s="1" t="s">
        <v>199140</v>
      </c>
      <c r="J59694" s="1" t="s">
        <v>200346</v>
      </c>
    </row>
    <row r="59695" spans="1:10" x14ac:dyDescent="0.35">
      <c r="A59695" s="1" t="s">
        <v>117919</v>
      </c>
      <c r="B59695" s="1" t="s">
        <v>199134</v>
      </c>
      <c r="C59695" s="1" t="s">
        <v>155</v>
      </c>
      <c r="D59695" s="1" t="s">
        <v>122813</v>
      </c>
      <c r="E59695" s="1" t="s">
        <v>200347</v>
      </c>
      <c r="F59695" s="1" t="s">
        <v>200348</v>
      </c>
      <c r="G59695" s="1" t="s">
        <v>200249</v>
      </c>
      <c r="H59695" s="1" t="s">
        <v>200250</v>
      </c>
      <c r="I59695" s="1" t="s">
        <v>199140</v>
      </c>
      <c r="J59695" s="1" t="s">
        <v>200349</v>
      </c>
    </row>
    <row r="59696" spans="1:10" x14ac:dyDescent="0.35">
      <c r="A59696" s="1" t="s">
        <v>117919</v>
      </c>
      <c r="B59696" s="1" t="s">
        <v>199134</v>
      </c>
      <c r="C59696" s="1" t="s">
        <v>160</v>
      </c>
      <c r="D59696" s="1" t="s">
        <v>200350</v>
      </c>
      <c r="E59696" s="1" t="s">
        <v>200351</v>
      </c>
      <c r="F59696" s="1" t="s">
        <v>200352</v>
      </c>
      <c r="G59696" s="1" t="s">
        <v>200249</v>
      </c>
      <c r="H59696" s="1" t="s">
        <v>200250</v>
      </c>
      <c r="I59696" s="1" t="s">
        <v>199140</v>
      </c>
      <c r="J59696" s="1" t="s">
        <v>200353</v>
      </c>
    </row>
    <row r="59697" spans="1:10" x14ac:dyDescent="0.35">
      <c r="A59697" s="1" t="s">
        <v>117919</v>
      </c>
      <c r="B59697" s="1" t="s">
        <v>199134</v>
      </c>
      <c r="C59697" s="1" t="s">
        <v>165</v>
      </c>
      <c r="D59697" s="1" t="s">
        <v>200354</v>
      </c>
      <c r="E59697" s="1" t="s">
        <v>200355</v>
      </c>
      <c r="F59697" s="1" t="s">
        <v>200356</v>
      </c>
      <c r="G59697" s="1" t="s">
        <v>200249</v>
      </c>
      <c r="H59697" s="1" t="s">
        <v>200250</v>
      </c>
      <c r="I59697" s="1" t="s">
        <v>199140</v>
      </c>
      <c r="J59697" s="1" t="s">
        <v>200357</v>
      </c>
    </row>
    <row r="59698" spans="1:10" x14ac:dyDescent="0.35">
      <c r="A59698" s="1" t="s">
        <v>117919</v>
      </c>
      <c r="B59698" s="1" t="s">
        <v>199134</v>
      </c>
      <c r="C59698" s="1" t="s">
        <v>170</v>
      </c>
      <c r="D59698" s="1" t="s">
        <v>76642</v>
      </c>
      <c r="E59698" s="1" t="s">
        <v>200358</v>
      </c>
      <c r="F59698" s="1" t="s">
        <v>200359</v>
      </c>
      <c r="G59698" s="1" t="s">
        <v>200249</v>
      </c>
      <c r="H59698" s="1" t="s">
        <v>200250</v>
      </c>
      <c r="I59698" s="1" t="s">
        <v>199140</v>
      </c>
      <c r="J59698" s="1" t="s">
        <v>200360</v>
      </c>
    </row>
    <row r="59699" spans="1:10" x14ac:dyDescent="0.35">
      <c r="A59699" s="1" t="s">
        <v>146463</v>
      </c>
      <c r="B59699" s="1" t="s">
        <v>199134</v>
      </c>
      <c r="C59699" s="1" t="s">
        <v>8</v>
      </c>
      <c r="D59699" s="1" t="s">
        <v>60797</v>
      </c>
      <c r="E59699" s="1" t="s">
        <v>200361</v>
      </c>
      <c r="F59699" s="1" t="s">
        <v>200362</v>
      </c>
      <c r="G59699" s="1" t="s">
        <v>200363</v>
      </c>
      <c r="H59699" s="1" t="s">
        <v>200364</v>
      </c>
      <c r="I59699" s="1" t="s">
        <v>199140</v>
      </c>
      <c r="J59699" s="1" t="s">
        <v>13</v>
      </c>
    </row>
    <row r="59700" spans="1:10" x14ac:dyDescent="0.35">
      <c r="A59700" s="1" t="s">
        <v>146463</v>
      </c>
      <c r="B59700" s="1" t="s">
        <v>199134</v>
      </c>
      <c r="C59700" s="1" t="s">
        <v>15</v>
      </c>
      <c r="D59700" s="1" t="s">
        <v>200365</v>
      </c>
      <c r="E59700" s="1" t="s">
        <v>200366</v>
      </c>
      <c r="F59700" s="1" t="s">
        <v>200367</v>
      </c>
      <c r="G59700" s="1" t="s">
        <v>200363</v>
      </c>
      <c r="H59700" s="1" t="s">
        <v>200364</v>
      </c>
      <c r="I59700" s="1" t="s">
        <v>199140</v>
      </c>
      <c r="J59700" s="1" t="s">
        <v>200368</v>
      </c>
    </row>
    <row r="59701" spans="1:10" x14ac:dyDescent="0.35">
      <c r="A59701" s="1" t="s">
        <v>146463</v>
      </c>
      <c r="B59701" s="1" t="s">
        <v>199134</v>
      </c>
      <c r="C59701" s="1" t="s">
        <v>20</v>
      </c>
      <c r="D59701" s="1" t="s">
        <v>129470</v>
      </c>
      <c r="E59701" s="1" t="s">
        <v>200369</v>
      </c>
      <c r="F59701" s="1" t="s">
        <v>200370</v>
      </c>
      <c r="G59701" s="1" t="s">
        <v>200363</v>
      </c>
      <c r="H59701" s="1" t="s">
        <v>200364</v>
      </c>
      <c r="I59701" s="1" t="s">
        <v>199140</v>
      </c>
      <c r="J59701" s="1" t="s">
        <v>200371</v>
      </c>
    </row>
    <row r="59702" spans="1:10" x14ac:dyDescent="0.35">
      <c r="A59702" s="1" t="s">
        <v>146463</v>
      </c>
      <c r="B59702" s="1" t="s">
        <v>199134</v>
      </c>
      <c r="C59702" s="1" t="s">
        <v>25</v>
      </c>
      <c r="D59702" s="1" t="s">
        <v>69033</v>
      </c>
      <c r="E59702" s="1" t="s">
        <v>200372</v>
      </c>
      <c r="F59702" s="1" t="s">
        <v>200373</v>
      </c>
      <c r="G59702" s="1" t="s">
        <v>200363</v>
      </c>
      <c r="H59702" s="1" t="s">
        <v>200364</v>
      </c>
      <c r="I59702" s="1" t="s">
        <v>199140</v>
      </c>
      <c r="J59702" s="1" t="s">
        <v>200374</v>
      </c>
    </row>
    <row r="59703" spans="1:10" x14ac:dyDescent="0.35">
      <c r="A59703" s="1" t="s">
        <v>146463</v>
      </c>
      <c r="B59703" s="1" t="s">
        <v>199134</v>
      </c>
      <c r="C59703" s="1" t="s">
        <v>30</v>
      </c>
      <c r="D59703" s="1" t="s">
        <v>26445</v>
      </c>
      <c r="E59703" s="1" t="s">
        <v>200375</v>
      </c>
      <c r="F59703" s="1" t="s">
        <v>200376</v>
      </c>
      <c r="G59703" s="1" t="s">
        <v>200363</v>
      </c>
      <c r="H59703" s="1" t="s">
        <v>200364</v>
      </c>
      <c r="I59703" s="1" t="s">
        <v>199140</v>
      </c>
      <c r="J59703" s="1" t="s">
        <v>200377</v>
      </c>
    </row>
    <row r="59704" spans="1:10" x14ac:dyDescent="0.35">
      <c r="A59704" s="1" t="s">
        <v>146463</v>
      </c>
      <c r="B59704" s="1" t="s">
        <v>199134</v>
      </c>
      <c r="C59704" s="1" t="s">
        <v>35</v>
      </c>
      <c r="D59704" s="1" t="s">
        <v>53512</v>
      </c>
      <c r="E59704" s="1" t="s">
        <v>200378</v>
      </c>
      <c r="F59704" s="1" t="s">
        <v>200379</v>
      </c>
      <c r="G59704" s="1" t="s">
        <v>200363</v>
      </c>
      <c r="H59704" s="1" t="s">
        <v>200364</v>
      </c>
      <c r="I59704" s="1" t="s">
        <v>199140</v>
      </c>
      <c r="J59704" s="1" t="s">
        <v>200380</v>
      </c>
    </row>
    <row r="59705" spans="1:10" x14ac:dyDescent="0.35">
      <c r="A59705" s="1" t="s">
        <v>146463</v>
      </c>
      <c r="B59705" s="1" t="s">
        <v>199134</v>
      </c>
      <c r="C59705" s="1" t="s">
        <v>40</v>
      </c>
      <c r="D59705" s="1" t="s">
        <v>134830</v>
      </c>
      <c r="E59705" s="1" t="s">
        <v>200381</v>
      </c>
      <c r="F59705" s="1" t="s">
        <v>200382</v>
      </c>
      <c r="G59705" s="1" t="s">
        <v>200363</v>
      </c>
      <c r="H59705" s="1" t="s">
        <v>200364</v>
      </c>
      <c r="I59705" s="1" t="s">
        <v>199140</v>
      </c>
      <c r="J59705" s="1" t="s">
        <v>200383</v>
      </c>
    </row>
    <row r="59706" spans="1:10" x14ac:dyDescent="0.35">
      <c r="A59706" s="1" t="s">
        <v>146463</v>
      </c>
      <c r="B59706" s="1" t="s">
        <v>199134</v>
      </c>
      <c r="C59706" s="1" t="s">
        <v>45</v>
      </c>
      <c r="D59706" s="1" t="s">
        <v>131304</v>
      </c>
      <c r="E59706" s="1" t="s">
        <v>200384</v>
      </c>
      <c r="F59706" s="1" t="s">
        <v>200385</v>
      </c>
      <c r="G59706" s="1" t="s">
        <v>200363</v>
      </c>
      <c r="H59706" s="1" t="s">
        <v>200364</v>
      </c>
      <c r="I59706" s="1" t="s">
        <v>199140</v>
      </c>
      <c r="J59706" s="1" t="s">
        <v>200386</v>
      </c>
    </row>
    <row r="59707" spans="1:10" x14ac:dyDescent="0.35">
      <c r="A59707" s="1" t="s">
        <v>146463</v>
      </c>
      <c r="B59707" s="1" t="s">
        <v>199134</v>
      </c>
      <c r="C59707" s="1" t="s">
        <v>50</v>
      </c>
      <c r="D59707" s="1" t="s">
        <v>136730</v>
      </c>
      <c r="E59707" s="1" t="s">
        <v>200387</v>
      </c>
      <c r="F59707" s="1" t="s">
        <v>200388</v>
      </c>
      <c r="G59707" s="1" t="s">
        <v>200363</v>
      </c>
      <c r="H59707" s="1" t="s">
        <v>200364</v>
      </c>
      <c r="I59707" s="1" t="s">
        <v>199140</v>
      </c>
      <c r="J59707" s="1" t="s">
        <v>200389</v>
      </c>
    </row>
    <row r="59708" spans="1:10" x14ac:dyDescent="0.35">
      <c r="A59708" s="1" t="s">
        <v>146463</v>
      </c>
      <c r="B59708" s="1" t="s">
        <v>199134</v>
      </c>
      <c r="C59708" s="1" t="s">
        <v>55</v>
      </c>
      <c r="D59708" s="1" t="s">
        <v>7488</v>
      </c>
      <c r="E59708" s="1" t="s">
        <v>200390</v>
      </c>
      <c r="F59708" s="1" t="s">
        <v>200391</v>
      </c>
      <c r="G59708" s="1" t="s">
        <v>200363</v>
      </c>
      <c r="H59708" s="1" t="s">
        <v>200364</v>
      </c>
      <c r="I59708" s="1" t="s">
        <v>199140</v>
      </c>
      <c r="J59708" s="1" t="s">
        <v>200392</v>
      </c>
    </row>
    <row r="59709" spans="1:10" x14ac:dyDescent="0.35">
      <c r="A59709" s="1" t="s">
        <v>146463</v>
      </c>
      <c r="B59709" s="1" t="s">
        <v>199134</v>
      </c>
      <c r="C59709" s="1" t="s">
        <v>60</v>
      </c>
      <c r="D59709" s="1" t="s">
        <v>39802</v>
      </c>
      <c r="E59709" s="1" t="s">
        <v>200393</v>
      </c>
      <c r="F59709" s="1" t="s">
        <v>200394</v>
      </c>
      <c r="G59709" s="1" t="s">
        <v>200363</v>
      </c>
      <c r="H59709" s="1" t="s">
        <v>200364</v>
      </c>
      <c r="I59709" s="1" t="s">
        <v>199140</v>
      </c>
      <c r="J59709" s="1" t="s">
        <v>200395</v>
      </c>
    </row>
    <row r="59710" spans="1:10" x14ac:dyDescent="0.35">
      <c r="A59710" s="1" t="s">
        <v>146463</v>
      </c>
      <c r="B59710" s="1" t="s">
        <v>199134</v>
      </c>
      <c r="C59710" s="1" t="s">
        <v>65</v>
      </c>
      <c r="D59710" s="1" t="s">
        <v>97435</v>
      </c>
      <c r="E59710" s="1" t="s">
        <v>200396</v>
      </c>
      <c r="F59710" s="1" t="s">
        <v>200397</v>
      </c>
      <c r="G59710" s="1" t="s">
        <v>200363</v>
      </c>
      <c r="H59710" s="1" t="s">
        <v>200364</v>
      </c>
      <c r="I59710" s="1" t="s">
        <v>199140</v>
      </c>
      <c r="J59710" s="1" t="s">
        <v>200398</v>
      </c>
    </row>
    <row r="59711" spans="1:10" x14ac:dyDescent="0.35">
      <c r="A59711" s="1" t="s">
        <v>146463</v>
      </c>
      <c r="B59711" s="1" t="s">
        <v>199134</v>
      </c>
      <c r="C59711" s="1" t="s">
        <v>70</v>
      </c>
      <c r="D59711" s="1" t="s">
        <v>200399</v>
      </c>
      <c r="E59711" s="1" t="s">
        <v>200400</v>
      </c>
      <c r="F59711" s="1" t="s">
        <v>200401</v>
      </c>
      <c r="G59711" s="1" t="s">
        <v>200363</v>
      </c>
      <c r="H59711" s="1" t="s">
        <v>200364</v>
      </c>
      <c r="I59711" s="1" t="s">
        <v>199140</v>
      </c>
      <c r="J59711" s="1" t="s">
        <v>200402</v>
      </c>
    </row>
    <row r="59712" spans="1:10" x14ac:dyDescent="0.35">
      <c r="A59712" s="1" t="s">
        <v>146463</v>
      </c>
      <c r="B59712" s="1" t="s">
        <v>199134</v>
      </c>
      <c r="C59712" s="1" t="s">
        <v>75</v>
      </c>
      <c r="D59712" s="1" t="s">
        <v>138448</v>
      </c>
      <c r="E59712" s="1" t="s">
        <v>200403</v>
      </c>
      <c r="F59712" s="1" t="s">
        <v>200404</v>
      </c>
      <c r="G59712" s="1" t="s">
        <v>200363</v>
      </c>
      <c r="H59712" s="1" t="s">
        <v>200364</v>
      </c>
      <c r="I59712" s="1" t="s">
        <v>199140</v>
      </c>
      <c r="J59712" s="1" t="s">
        <v>200405</v>
      </c>
    </row>
    <row r="59713" spans="1:10" x14ac:dyDescent="0.35">
      <c r="A59713" s="1" t="s">
        <v>146463</v>
      </c>
      <c r="B59713" s="1" t="s">
        <v>199134</v>
      </c>
      <c r="C59713" s="1" t="s">
        <v>80</v>
      </c>
      <c r="D59713" s="1" t="s">
        <v>21480</v>
      </c>
      <c r="E59713" s="1" t="s">
        <v>200406</v>
      </c>
      <c r="F59713" s="1" t="s">
        <v>200407</v>
      </c>
      <c r="G59713" s="1" t="s">
        <v>200363</v>
      </c>
      <c r="H59713" s="1" t="s">
        <v>200364</v>
      </c>
      <c r="I59713" s="1" t="s">
        <v>199140</v>
      </c>
      <c r="J59713" s="1" t="s">
        <v>200408</v>
      </c>
    </row>
    <row r="59714" spans="1:10" x14ac:dyDescent="0.35">
      <c r="A59714" s="1" t="s">
        <v>146463</v>
      </c>
      <c r="B59714" s="1" t="s">
        <v>199134</v>
      </c>
      <c r="C59714" s="1" t="s">
        <v>85</v>
      </c>
      <c r="D59714" s="1" t="s">
        <v>69156</v>
      </c>
      <c r="E59714" s="1" t="s">
        <v>200409</v>
      </c>
      <c r="F59714" s="1" t="s">
        <v>200410</v>
      </c>
      <c r="G59714" s="1" t="s">
        <v>200363</v>
      </c>
      <c r="H59714" s="1" t="s">
        <v>200364</v>
      </c>
      <c r="I59714" s="1" t="s">
        <v>199140</v>
      </c>
      <c r="J59714" s="1" t="s">
        <v>200411</v>
      </c>
    </row>
    <row r="59715" spans="1:10" x14ac:dyDescent="0.35">
      <c r="A59715" s="1" t="s">
        <v>146463</v>
      </c>
      <c r="B59715" s="1" t="s">
        <v>199134</v>
      </c>
      <c r="C59715" s="1" t="s">
        <v>90</v>
      </c>
      <c r="D59715" s="1" t="s">
        <v>140513</v>
      </c>
      <c r="E59715" s="1" t="s">
        <v>200412</v>
      </c>
      <c r="F59715" s="1" t="s">
        <v>200413</v>
      </c>
      <c r="G59715" s="1" t="s">
        <v>200363</v>
      </c>
      <c r="H59715" s="1" t="s">
        <v>200364</v>
      </c>
      <c r="I59715" s="1" t="s">
        <v>199140</v>
      </c>
      <c r="J59715" s="1" t="s">
        <v>200414</v>
      </c>
    </row>
    <row r="59716" spans="1:10" x14ac:dyDescent="0.35">
      <c r="A59716" s="1" t="s">
        <v>146463</v>
      </c>
      <c r="B59716" s="1" t="s">
        <v>199134</v>
      </c>
      <c r="C59716" s="1" t="s">
        <v>95</v>
      </c>
      <c r="D59716" s="1" t="s">
        <v>129296</v>
      </c>
      <c r="E59716" s="1" t="s">
        <v>200415</v>
      </c>
      <c r="F59716" s="1" t="s">
        <v>200416</v>
      </c>
      <c r="G59716" s="1" t="s">
        <v>200363</v>
      </c>
      <c r="H59716" s="1" t="s">
        <v>200364</v>
      </c>
      <c r="I59716" s="1" t="s">
        <v>199140</v>
      </c>
      <c r="J59716" s="1" t="s">
        <v>200417</v>
      </c>
    </row>
    <row r="59717" spans="1:10" x14ac:dyDescent="0.35">
      <c r="A59717" s="1" t="s">
        <v>146463</v>
      </c>
      <c r="B59717" s="1" t="s">
        <v>199134</v>
      </c>
      <c r="C59717" s="1" t="s">
        <v>100</v>
      </c>
      <c r="D59717" s="1" t="s">
        <v>79346</v>
      </c>
      <c r="E59717" s="1" t="s">
        <v>200418</v>
      </c>
      <c r="F59717" s="1" t="s">
        <v>200419</v>
      </c>
      <c r="G59717" s="1" t="s">
        <v>200363</v>
      </c>
      <c r="H59717" s="1" t="s">
        <v>200364</v>
      </c>
      <c r="I59717" s="1" t="s">
        <v>199140</v>
      </c>
      <c r="J59717" s="1" t="s">
        <v>200420</v>
      </c>
    </row>
    <row r="59718" spans="1:10" x14ac:dyDescent="0.35">
      <c r="A59718" s="1" t="s">
        <v>146463</v>
      </c>
      <c r="B59718" s="1" t="s">
        <v>199134</v>
      </c>
      <c r="C59718" s="1" t="s">
        <v>105</v>
      </c>
      <c r="D59718" s="1" t="s">
        <v>200421</v>
      </c>
      <c r="E59718" s="1" t="s">
        <v>200422</v>
      </c>
      <c r="F59718" s="1" t="s">
        <v>200423</v>
      </c>
      <c r="G59718" s="1" t="s">
        <v>200363</v>
      </c>
      <c r="H59718" s="1" t="s">
        <v>200364</v>
      </c>
      <c r="I59718" s="1" t="s">
        <v>199140</v>
      </c>
      <c r="J59718" s="1" t="s">
        <v>200424</v>
      </c>
    </row>
    <row r="59719" spans="1:10" x14ac:dyDescent="0.35">
      <c r="A59719" s="1" t="s">
        <v>146463</v>
      </c>
      <c r="B59719" s="1" t="s">
        <v>199134</v>
      </c>
      <c r="C59719" s="1" t="s">
        <v>110</v>
      </c>
      <c r="D59719" s="1" t="s">
        <v>54485</v>
      </c>
      <c r="E59719" s="1" t="s">
        <v>200425</v>
      </c>
      <c r="F59719" s="1" t="s">
        <v>200426</v>
      </c>
      <c r="G59719" s="1" t="s">
        <v>200363</v>
      </c>
      <c r="H59719" s="1" t="s">
        <v>200364</v>
      </c>
      <c r="I59719" s="1" t="s">
        <v>199140</v>
      </c>
      <c r="J59719" s="1" t="s">
        <v>200427</v>
      </c>
    </row>
    <row r="59720" spans="1:10" x14ac:dyDescent="0.35">
      <c r="A59720" s="1" t="s">
        <v>146463</v>
      </c>
      <c r="B59720" s="1" t="s">
        <v>199134</v>
      </c>
      <c r="C59720" s="1" t="s">
        <v>115</v>
      </c>
      <c r="D59720" s="1" t="s">
        <v>200428</v>
      </c>
      <c r="E59720" s="1" t="s">
        <v>200429</v>
      </c>
      <c r="F59720" s="1" t="s">
        <v>200430</v>
      </c>
      <c r="G59720" s="1" t="s">
        <v>200363</v>
      </c>
      <c r="H59720" s="1" t="s">
        <v>200364</v>
      </c>
      <c r="I59720" s="1" t="s">
        <v>199140</v>
      </c>
      <c r="J59720" s="1" t="s">
        <v>200431</v>
      </c>
    </row>
    <row r="59721" spans="1:10" x14ac:dyDescent="0.35">
      <c r="A59721" s="1" t="s">
        <v>146463</v>
      </c>
      <c r="B59721" s="1" t="s">
        <v>199134</v>
      </c>
      <c r="C59721" s="1" t="s">
        <v>120</v>
      </c>
      <c r="D59721" s="1" t="s">
        <v>129823</v>
      </c>
      <c r="E59721" s="1" t="s">
        <v>200432</v>
      </c>
      <c r="F59721" s="1" t="s">
        <v>200433</v>
      </c>
      <c r="G59721" s="1" t="s">
        <v>200363</v>
      </c>
      <c r="H59721" s="1" t="s">
        <v>200364</v>
      </c>
      <c r="I59721" s="1" t="s">
        <v>199140</v>
      </c>
      <c r="J59721" s="1" t="s">
        <v>200434</v>
      </c>
    </row>
    <row r="59722" spans="1:10" x14ac:dyDescent="0.35">
      <c r="A59722" s="1" t="s">
        <v>146463</v>
      </c>
      <c r="B59722" s="1" t="s">
        <v>199134</v>
      </c>
      <c r="C59722" s="1" t="s">
        <v>125</v>
      </c>
      <c r="D59722" s="1" t="s">
        <v>78937</v>
      </c>
      <c r="E59722" s="1" t="s">
        <v>200435</v>
      </c>
      <c r="F59722" s="1" t="s">
        <v>200436</v>
      </c>
      <c r="G59722" s="1" t="s">
        <v>200363</v>
      </c>
      <c r="H59722" s="1" t="s">
        <v>200364</v>
      </c>
      <c r="I59722" s="1" t="s">
        <v>199140</v>
      </c>
      <c r="J59722" s="1" t="s">
        <v>200437</v>
      </c>
    </row>
    <row r="59723" spans="1:10" x14ac:dyDescent="0.35">
      <c r="A59723" s="1" t="s">
        <v>146463</v>
      </c>
      <c r="B59723" s="1" t="s">
        <v>199134</v>
      </c>
      <c r="C59723" s="1" t="s">
        <v>130</v>
      </c>
      <c r="D59723" s="1" t="s">
        <v>200438</v>
      </c>
      <c r="E59723" s="1" t="s">
        <v>200439</v>
      </c>
      <c r="F59723" s="1" t="s">
        <v>200440</v>
      </c>
      <c r="G59723" s="1" t="s">
        <v>200363</v>
      </c>
      <c r="H59723" s="1" t="s">
        <v>200364</v>
      </c>
      <c r="I59723" s="1" t="s">
        <v>199140</v>
      </c>
      <c r="J59723" s="1" t="s">
        <v>200441</v>
      </c>
    </row>
    <row r="59724" spans="1:10" x14ac:dyDescent="0.35">
      <c r="A59724" s="1" t="s">
        <v>146463</v>
      </c>
      <c r="B59724" s="1" t="s">
        <v>199134</v>
      </c>
      <c r="C59724" s="1" t="s">
        <v>135</v>
      </c>
      <c r="D59724" s="1" t="s">
        <v>58402</v>
      </c>
      <c r="E59724" s="1" t="s">
        <v>200442</v>
      </c>
      <c r="F59724" s="1" t="s">
        <v>200443</v>
      </c>
      <c r="G59724" s="1" t="s">
        <v>200363</v>
      </c>
      <c r="H59724" s="1" t="s">
        <v>200364</v>
      </c>
      <c r="I59724" s="1" t="s">
        <v>199140</v>
      </c>
      <c r="J59724" s="1" t="s">
        <v>200444</v>
      </c>
    </row>
    <row r="59725" spans="1:10" x14ac:dyDescent="0.35">
      <c r="A59725" s="1" t="s">
        <v>146463</v>
      </c>
      <c r="B59725" s="1" t="s">
        <v>199134</v>
      </c>
      <c r="C59725" s="1" t="s">
        <v>140</v>
      </c>
      <c r="D59725" s="1" t="s">
        <v>200445</v>
      </c>
      <c r="E59725" s="1" t="s">
        <v>200446</v>
      </c>
      <c r="F59725" s="1" t="s">
        <v>200447</v>
      </c>
      <c r="G59725" s="1" t="s">
        <v>200363</v>
      </c>
      <c r="H59725" s="1" t="s">
        <v>200364</v>
      </c>
      <c r="I59725" s="1" t="s">
        <v>199140</v>
      </c>
      <c r="J59725" s="1" t="s">
        <v>200448</v>
      </c>
    </row>
    <row r="59726" spans="1:10" x14ac:dyDescent="0.35">
      <c r="A59726" s="1" t="s">
        <v>146463</v>
      </c>
      <c r="B59726" s="1" t="s">
        <v>199134</v>
      </c>
      <c r="C59726" s="1" t="s">
        <v>145</v>
      </c>
      <c r="D59726" s="1" t="s">
        <v>131096</v>
      </c>
      <c r="E59726" s="1" t="s">
        <v>200449</v>
      </c>
      <c r="F59726" s="1" t="s">
        <v>200450</v>
      </c>
      <c r="G59726" s="1" t="s">
        <v>200363</v>
      </c>
      <c r="H59726" s="1" t="s">
        <v>200364</v>
      </c>
      <c r="I59726" s="1" t="s">
        <v>199140</v>
      </c>
      <c r="J59726" s="1" t="s">
        <v>200451</v>
      </c>
    </row>
    <row r="59727" spans="1:10" x14ac:dyDescent="0.35">
      <c r="A59727" s="1" t="s">
        <v>146463</v>
      </c>
      <c r="B59727" s="1" t="s">
        <v>199134</v>
      </c>
      <c r="C59727" s="1" t="s">
        <v>150</v>
      </c>
      <c r="D59727" s="1" t="s">
        <v>70201</v>
      </c>
      <c r="E59727" s="1" t="s">
        <v>200452</v>
      </c>
      <c r="F59727" s="1" t="s">
        <v>200453</v>
      </c>
      <c r="G59727" s="1" t="s">
        <v>200363</v>
      </c>
      <c r="H59727" s="1" t="s">
        <v>200364</v>
      </c>
      <c r="I59727" s="1" t="s">
        <v>199140</v>
      </c>
      <c r="J59727" s="1" t="s">
        <v>200454</v>
      </c>
    </row>
    <row r="59728" spans="1:10" x14ac:dyDescent="0.35">
      <c r="A59728" s="1" t="s">
        <v>146463</v>
      </c>
      <c r="B59728" s="1" t="s">
        <v>199134</v>
      </c>
      <c r="C59728" s="1" t="s">
        <v>155</v>
      </c>
      <c r="D59728" s="1" t="s">
        <v>200455</v>
      </c>
      <c r="E59728" s="1" t="s">
        <v>200456</v>
      </c>
      <c r="F59728" s="1" t="s">
        <v>200457</v>
      </c>
      <c r="G59728" s="1" t="s">
        <v>200363</v>
      </c>
      <c r="H59728" s="1" t="s">
        <v>200364</v>
      </c>
      <c r="I59728" s="1" t="s">
        <v>199140</v>
      </c>
      <c r="J59728" s="1" t="s">
        <v>200458</v>
      </c>
    </row>
    <row r="59729" spans="1:10" x14ac:dyDescent="0.35">
      <c r="A59729" s="1" t="s">
        <v>146463</v>
      </c>
      <c r="B59729" s="1" t="s">
        <v>199134</v>
      </c>
      <c r="C59729" s="1" t="s">
        <v>160</v>
      </c>
      <c r="D59729" s="1" t="s">
        <v>200459</v>
      </c>
      <c r="E59729" s="1" t="s">
        <v>200460</v>
      </c>
      <c r="F59729" s="1" t="s">
        <v>200461</v>
      </c>
      <c r="G59729" s="1" t="s">
        <v>200363</v>
      </c>
      <c r="H59729" s="1" t="s">
        <v>200364</v>
      </c>
      <c r="I59729" s="1" t="s">
        <v>199140</v>
      </c>
      <c r="J59729" s="1" t="s">
        <v>200462</v>
      </c>
    </row>
    <row r="59730" spans="1:10" x14ac:dyDescent="0.35">
      <c r="A59730" s="1" t="s">
        <v>146463</v>
      </c>
      <c r="B59730" s="1" t="s">
        <v>199134</v>
      </c>
      <c r="C59730" s="1" t="s">
        <v>165</v>
      </c>
      <c r="D59730" s="1" t="s">
        <v>81082</v>
      </c>
      <c r="E59730" s="1" t="s">
        <v>200463</v>
      </c>
      <c r="F59730" s="1" t="s">
        <v>200464</v>
      </c>
      <c r="G59730" s="1" t="s">
        <v>200363</v>
      </c>
      <c r="H59730" s="1" t="s">
        <v>200364</v>
      </c>
      <c r="I59730" s="1" t="s">
        <v>199140</v>
      </c>
      <c r="J59730" s="1" t="s">
        <v>200465</v>
      </c>
    </row>
    <row r="59731" spans="1:10" x14ac:dyDescent="0.35">
      <c r="A59731" s="1" t="s">
        <v>146463</v>
      </c>
      <c r="B59731" s="1" t="s">
        <v>199134</v>
      </c>
      <c r="C59731" s="1" t="s">
        <v>170</v>
      </c>
      <c r="D59731" s="1" t="s">
        <v>79415</v>
      </c>
      <c r="E59731" s="1" t="s">
        <v>200466</v>
      </c>
      <c r="F59731" s="1" t="s">
        <v>200467</v>
      </c>
      <c r="G59731" s="1" t="s">
        <v>200363</v>
      </c>
      <c r="H59731" s="1" t="s">
        <v>200364</v>
      </c>
      <c r="I59731" s="1" t="s">
        <v>199140</v>
      </c>
      <c r="J59731" s="1" t="s">
        <v>200468</v>
      </c>
    </row>
    <row r="59732" spans="1:10" x14ac:dyDescent="0.35">
      <c r="A59732" s="1" t="s">
        <v>121603</v>
      </c>
      <c r="B59732" s="1" t="s">
        <v>199134</v>
      </c>
      <c r="C59732" s="1" t="s">
        <v>8</v>
      </c>
      <c r="D59732" s="1" t="s">
        <v>200469</v>
      </c>
      <c r="E59732" s="1" t="s">
        <v>200470</v>
      </c>
      <c r="F59732" s="1" t="s">
        <v>200471</v>
      </c>
      <c r="G59732" s="1" t="s">
        <v>200472</v>
      </c>
      <c r="H59732" s="1" t="s">
        <v>200473</v>
      </c>
      <c r="I59732" s="1" t="s">
        <v>199140</v>
      </c>
      <c r="J59732" s="1" t="s">
        <v>13</v>
      </c>
    </row>
    <row r="59733" spans="1:10" x14ac:dyDescent="0.35">
      <c r="A59733" s="1" t="s">
        <v>121603</v>
      </c>
      <c r="B59733" s="1" t="s">
        <v>199134</v>
      </c>
      <c r="C59733" s="1" t="s">
        <v>15</v>
      </c>
      <c r="D59733" s="1" t="s">
        <v>133205</v>
      </c>
      <c r="E59733" s="1" t="s">
        <v>200474</v>
      </c>
      <c r="F59733" s="1" t="s">
        <v>200475</v>
      </c>
      <c r="G59733" s="1" t="s">
        <v>200472</v>
      </c>
      <c r="H59733" s="1" t="s">
        <v>200473</v>
      </c>
      <c r="I59733" s="1" t="s">
        <v>199140</v>
      </c>
      <c r="J59733" s="1" t="s">
        <v>200476</v>
      </c>
    </row>
    <row r="59734" spans="1:10" x14ac:dyDescent="0.35">
      <c r="A59734" s="1" t="s">
        <v>121603</v>
      </c>
      <c r="B59734" s="1" t="s">
        <v>199134</v>
      </c>
      <c r="C59734" s="1" t="s">
        <v>20</v>
      </c>
      <c r="D59734" s="1" t="s">
        <v>200477</v>
      </c>
      <c r="E59734" s="1" t="s">
        <v>200478</v>
      </c>
      <c r="F59734" s="1" t="s">
        <v>200479</v>
      </c>
      <c r="G59734" s="1" t="s">
        <v>200472</v>
      </c>
      <c r="H59734" s="1" t="s">
        <v>200473</v>
      </c>
      <c r="I59734" s="1" t="s">
        <v>199140</v>
      </c>
      <c r="J59734" s="1" t="s">
        <v>200480</v>
      </c>
    </row>
    <row r="59735" spans="1:10" x14ac:dyDescent="0.35">
      <c r="A59735" s="1" t="s">
        <v>121603</v>
      </c>
      <c r="B59735" s="1" t="s">
        <v>199134</v>
      </c>
      <c r="C59735" s="1" t="s">
        <v>25</v>
      </c>
      <c r="D59735" s="1" t="s">
        <v>200481</v>
      </c>
      <c r="E59735" s="1" t="s">
        <v>200482</v>
      </c>
      <c r="F59735" s="1" t="s">
        <v>200483</v>
      </c>
      <c r="G59735" s="1" t="s">
        <v>200472</v>
      </c>
      <c r="H59735" s="1" t="s">
        <v>200473</v>
      </c>
      <c r="I59735" s="1" t="s">
        <v>199140</v>
      </c>
      <c r="J59735" s="1" t="s">
        <v>200484</v>
      </c>
    </row>
    <row r="59736" spans="1:10" x14ac:dyDescent="0.35">
      <c r="A59736" s="1" t="s">
        <v>121603</v>
      </c>
      <c r="B59736" s="1" t="s">
        <v>199134</v>
      </c>
      <c r="C59736" s="1" t="s">
        <v>30</v>
      </c>
      <c r="D59736" s="1" t="s">
        <v>200485</v>
      </c>
      <c r="E59736" s="1" t="s">
        <v>200486</v>
      </c>
      <c r="F59736" s="1" t="s">
        <v>200487</v>
      </c>
      <c r="G59736" s="1" t="s">
        <v>200472</v>
      </c>
      <c r="H59736" s="1" t="s">
        <v>200473</v>
      </c>
      <c r="I59736" s="1" t="s">
        <v>199140</v>
      </c>
      <c r="J59736" s="1" t="s">
        <v>200488</v>
      </c>
    </row>
    <row r="59737" spans="1:10" x14ac:dyDescent="0.35">
      <c r="A59737" s="1" t="s">
        <v>121603</v>
      </c>
      <c r="B59737" s="1" t="s">
        <v>199134</v>
      </c>
      <c r="C59737" s="1" t="s">
        <v>35</v>
      </c>
      <c r="D59737" s="1" t="s">
        <v>20407</v>
      </c>
      <c r="E59737" s="1" t="s">
        <v>200489</v>
      </c>
      <c r="F59737" s="1" t="s">
        <v>200490</v>
      </c>
      <c r="G59737" s="1" t="s">
        <v>200472</v>
      </c>
      <c r="H59737" s="1" t="s">
        <v>200473</v>
      </c>
      <c r="I59737" s="1" t="s">
        <v>199140</v>
      </c>
      <c r="J59737" s="1" t="s">
        <v>200491</v>
      </c>
    </row>
    <row r="59738" spans="1:10" x14ac:dyDescent="0.35">
      <c r="A59738" s="1" t="s">
        <v>121603</v>
      </c>
      <c r="B59738" s="1" t="s">
        <v>199134</v>
      </c>
      <c r="C59738" s="1" t="s">
        <v>40</v>
      </c>
      <c r="D59738" s="1" t="s">
        <v>200492</v>
      </c>
      <c r="E59738" s="1" t="s">
        <v>200493</v>
      </c>
      <c r="F59738" s="1" t="s">
        <v>200494</v>
      </c>
      <c r="G59738" s="1" t="s">
        <v>200472</v>
      </c>
      <c r="H59738" s="1" t="s">
        <v>200473</v>
      </c>
      <c r="I59738" s="1" t="s">
        <v>199140</v>
      </c>
      <c r="J59738" s="1" t="s">
        <v>200495</v>
      </c>
    </row>
    <row r="59739" spans="1:10" x14ac:dyDescent="0.35">
      <c r="A59739" s="1" t="s">
        <v>121603</v>
      </c>
      <c r="B59739" s="1" t="s">
        <v>199134</v>
      </c>
      <c r="C59739" s="1" t="s">
        <v>45</v>
      </c>
      <c r="D59739" s="1" t="s">
        <v>60567</v>
      </c>
      <c r="E59739" s="1" t="s">
        <v>200496</v>
      </c>
      <c r="F59739" s="1" t="s">
        <v>200497</v>
      </c>
      <c r="G59739" s="1" t="s">
        <v>200472</v>
      </c>
      <c r="H59739" s="1" t="s">
        <v>200473</v>
      </c>
      <c r="I59739" s="1" t="s">
        <v>199140</v>
      </c>
      <c r="J59739" s="1" t="s">
        <v>200498</v>
      </c>
    </row>
    <row r="59740" spans="1:10" x14ac:dyDescent="0.35">
      <c r="A59740" s="1" t="s">
        <v>121603</v>
      </c>
      <c r="B59740" s="1" t="s">
        <v>199134</v>
      </c>
      <c r="C59740" s="1" t="s">
        <v>50</v>
      </c>
      <c r="D59740" s="1" t="s">
        <v>200499</v>
      </c>
      <c r="E59740" s="1" t="s">
        <v>200500</v>
      </c>
      <c r="F59740" s="1" t="s">
        <v>200501</v>
      </c>
      <c r="G59740" s="1" t="s">
        <v>200472</v>
      </c>
      <c r="H59740" s="1" t="s">
        <v>200473</v>
      </c>
      <c r="I59740" s="1" t="s">
        <v>199140</v>
      </c>
      <c r="J59740" s="1" t="s">
        <v>200502</v>
      </c>
    </row>
    <row r="59741" spans="1:10" x14ac:dyDescent="0.35">
      <c r="A59741" s="1" t="s">
        <v>121603</v>
      </c>
      <c r="B59741" s="1" t="s">
        <v>199134</v>
      </c>
      <c r="C59741" s="1" t="s">
        <v>55</v>
      </c>
      <c r="D59741" s="1" t="s">
        <v>200503</v>
      </c>
      <c r="E59741" s="1" t="s">
        <v>200504</v>
      </c>
      <c r="F59741" s="1" t="s">
        <v>200505</v>
      </c>
      <c r="G59741" s="1" t="s">
        <v>200472</v>
      </c>
      <c r="H59741" s="1" t="s">
        <v>200473</v>
      </c>
      <c r="I59741" s="1" t="s">
        <v>199140</v>
      </c>
      <c r="J59741" s="1" t="s">
        <v>200506</v>
      </c>
    </row>
    <row r="59742" spans="1:10" x14ac:dyDescent="0.35">
      <c r="A59742" s="1" t="s">
        <v>121603</v>
      </c>
      <c r="B59742" s="1" t="s">
        <v>199134</v>
      </c>
      <c r="C59742" s="1" t="s">
        <v>60</v>
      </c>
      <c r="D59742" s="1" t="s">
        <v>200507</v>
      </c>
      <c r="E59742" s="1" t="s">
        <v>200508</v>
      </c>
      <c r="F59742" s="1" t="s">
        <v>200509</v>
      </c>
      <c r="G59742" s="1" t="s">
        <v>200472</v>
      </c>
      <c r="H59742" s="1" t="s">
        <v>200473</v>
      </c>
      <c r="I59742" s="1" t="s">
        <v>199140</v>
      </c>
      <c r="J59742" s="1" t="s">
        <v>200510</v>
      </c>
    </row>
    <row r="59743" spans="1:10" x14ac:dyDescent="0.35">
      <c r="A59743" s="1" t="s">
        <v>121603</v>
      </c>
      <c r="B59743" s="1" t="s">
        <v>199134</v>
      </c>
      <c r="C59743" s="1" t="s">
        <v>65</v>
      </c>
      <c r="D59743" s="1" t="s">
        <v>200511</v>
      </c>
      <c r="E59743" s="1" t="s">
        <v>200512</v>
      </c>
      <c r="F59743" s="1" t="s">
        <v>200513</v>
      </c>
      <c r="G59743" s="1" t="s">
        <v>200472</v>
      </c>
      <c r="H59743" s="1" t="s">
        <v>200473</v>
      </c>
      <c r="I59743" s="1" t="s">
        <v>199140</v>
      </c>
      <c r="J59743" s="1" t="s">
        <v>200514</v>
      </c>
    </row>
    <row r="59744" spans="1:10" x14ac:dyDescent="0.35">
      <c r="A59744" s="1" t="s">
        <v>121603</v>
      </c>
      <c r="B59744" s="1" t="s">
        <v>199134</v>
      </c>
      <c r="C59744" s="1" t="s">
        <v>70</v>
      </c>
      <c r="D59744" s="1" t="s">
        <v>200515</v>
      </c>
      <c r="E59744" s="1" t="s">
        <v>200516</v>
      </c>
      <c r="F59744" s="1" t="s">
        <v>200517</v>
      </c>
      <c r="G59744" s="1" t="s">
        <v>200472</v>
      </c>
      <c r="H59744" s="1" t="s">
        <v>200473</v>
      </c>
      <c r="I59744" s="1" t="s">
        <v>199140</v>
      </c>
      <c r="J59744" s="1" t="s">
        <v>200518</v>
      </c>
    </row>
    <row r="59745" spans="1:10" x14ac:dyDescent="0.35">
      <c r="A59745" s="1" t="s">
        <v>121603</v>
      </c>
      <c r="B59745" s="1" t="s">
        <v>199134</v>
      </c>
      <c r="C59745" s="1" t="s">
        <v>75</v>
      </c>
      <c r="D59745" s="1" t="s">
        <v>200519</v>
      </c>
      <c r="E59745" s="1" t="s">
        <v>200520</v>
      </c>
      <c r="F59745" s="1" t="s">
        <v>200521</v>
      </c>
      <c r="G59745" s="1" t="s">
        <v>200472</v>
      </c>
      <c r="H59745" s="1" t="s">
        <v>200473</v>
      </c>
      <c r="I59745" s="1" t="s">
        <v>199140</v>
      </c>
      <c r="J59745" s="1" t="s">
        <v>200522</v>
      </c>
    </row>
    <row r="59746" spans="1:10" x14ac:dyDescent="0.35">
      <c r="A59746" s="1" t="s">
        <v>121603</v>
      </c>
      <c r="B59746" s="1" t="s">
        <v>199134</v>
      </c>
      <c r="C59746" s="1" t="s">
        <v>80</v>
      </c>
      <c r="D59746" s="1" t="s">
        <v>200523</v>
      </c>
      <c r="E59746" s="1" t="s">
        <v>200524</v>
      </c>
      <c r="F59746" s="1" t="s">
        <v>200525</v>
      </c>
      <c r="G59746" s="1" t="s">
        <v>200472</v>
      </c>
      <c r="H59746" s="1" t="s">
        <v>200473</v>
      </c>
      <c r="I59746" s="1" t="s">
        <v>199140</v>
      </c>
      <c r="J59746" s="1" t="s">
        <v>200526</v>
      </c>
    </row>
    <row r="59747" spans="1:10" x14ac:dyDescent="0.35">
      <c r="A59747" s="1" t="s">
        <v>121603</v>
      </c>
      <c r="B59747" s="1" t="s">
        <v>199134</v>
      </c>
      <c r="C59747" s="1" t="s">
        <v>85</v>
      </c>
      <c r="D59747" s="1" t="s">
        <v>200527</v>
      </c>
      <c r="E59747" s="1" t="s">
        <v>200528</v>
      </c>
      <c r="F59747" s="1" t="s">
        <v>200529</v>
      </c>
      <c r="G59747" s="1" t="s">
        <v>200472</v>
      </c>
      <c r="H59747" s="1" t="s">
        <v>200473</v>
      </c>
      <c r="I59747" s="1" t="s">
        <v>199140</v>
      </c>
      <c r="J59747" s="1" t="s">
        <v>200530</v>
      </c>
    </row>
    <row r="59748" spans="1:10" x14ac:dyDescent="0.35">
      <c r="A59748" s="1" t="s">
        <v>121603</v>
      </c>
      <c r="B59748" s="1" t="s">
        <v>199134</v>
      </c>
      <c r="C59748" s="1" t="s">
        <v>90</v>
      </c>
      <c r="D59748" s="1" t="s">
        <v>200531</v>
      </c>
      <c r="E59748" s="1" t="s">
        <v>200532</v>
      </c>
      <c r="F59748" s="1" t="s">
        <v>200533</v>
      </c>
      <c r="G59748" s="1" t="s">
        <v>200472</v>
      </c>
      <c r="H59748" s="1" t="s">
        <v>200473</v>
      </c>
      <c r="I59748" s="1" t="s">
        <v>199140</v>
      </c>
      <c r="J59748" s="1" t="s">
        <v>200534</v>
      </c>
    </row>
    <row r="59749" spans="1:10" x14ac:dyDescent="0.35">
      <c r="A59749" s="1" t="s">
        <v>121603</v>
      </c>
      <c r="B59749" s="1" t="s">
        <v>199134</v>
      </c>
      <c r="C59749" s="1" t="s">
        <v>95</v>
      </c>
      <c r="D59749" s="1" t="s">
        <v>200535</v>
      </c>
      <c r="E59749" s="1" t="s">
        <v>200536</v>
      </c>
      <c r="F59749" s="1" t="s">
        <v>200537</v>
      </c>
      <c r="G59749" s="1" t="s">
        <v>200472</v>
      </c>
      <c r="H59749" s="1" t="s">
        <v>200473</v>
      </c>
      <c r="I59749" s="1" t="s">
        <v>199140</v>
      </c>
      <c r="J59749" s="1" t="s">
        <v>200538</v>
      </c>
    </row>
    <row r="59750" spans="1:10" x14ac:dyDescent="0.35">
      <c r="A59750" s="1" t="s">
        <v>121603</v>
      </c>
      <c r="B59750" s="1" t="s">
        <v>199134</v>
      </c>
      <c r="C59750" s="1" t="s">
        <v>100</v>
      </c>
      <c r="D59750" s="1" t="s">
        <v>200539</v>
      </c>
      <c r="E59750" s="1" t="s">
        <v>200540</v>
      </c>
      <c r="F59750" s="1" t="s">
        <v>200541</v>
      </c>
      <c r="G59750" s="1" t="s">
        <v>200472</v>
      </c>
      <c r="H59750" s="1" t="s">
        <v>200473</v>
      </c>
      <c r="I59750" s="1" t="s">
        <v>199140</v>
      </c>
      <c r="J59750" s="1" t="s">
        <v>200542</v>
      </c>
    </row>
    <row r="59751" spans="1:10" x14ac:dyDescent="0.35">
      <c r="A59751" s="1" t="s">
        <v>121603</v>
      </c>
      <c r="B59751" s="1" t="s">
        <v>199134</v>
      </c>
      <c r="C59751" s="1" t="s">
        <v>105</v>
      </c>
      <c r="D59751" s="1" t="s">
        <v>200543</v>
      </c>
      <c r="E59751" s="1" t="s">
        <v>200544</v>
      </c>
      <c r="F59751" s="1" t="s">
        <v>200545</v>
      </c>
      <c r="G59751" s="1" t="s">
        <v>200472</v>
      </c>
      <c r="H59751" s="1" t="s">
        <v>200473</v>
      </c>
      <c r="I59751" s="1" t="s">
        <v>199140</v>
      </c>
      <c r="J59751" s="1" t="s">
        <v>200546</v>
      </c>
    </row>
    <row r="59752" spans="1:10" x14ac:dyDescent="0.35">
      <c r="A59752" s="1" t="s">
        <v>121603</v>
      </c>
      <c r="B59752" s="1" t="s">
        <v>199134</v>
      </c>
      <c r="C59752" s="1" t="s">
        <v>110</v>
      </c>
      <c r="D59752" s="1" t="s">
        <v>200547</v>
      </c>
      <c r="E59752" s="1" t="s">
        <v>200548</v>
      </c>
      <c r="F59752" s="1" t="s">
        <v>200549</v>
      </c>
      <c r="G59752" s="1" t="s">
        <v>200472</v>
      </c>
      <c r="H59752" s="1" t="s">
        <v>200473</v>
      </c>
      <c r="I59752" s="1" t="s">
        <v>199140</v>
      </c>
      <c r="J59752" s="1" t="s">
        <v>200550</v>
      </c>
    </row>
    <row r="59753" spans="1:10" x14ac:dyDescent="0.35">
      <c r="A59753" s="1" t="s">
        <v>121603</v>
      </c>
      <c r="B59753" s="1" t="s">
        <v>199134</v>
      </c>
      <c r="C59753" s="1" t="s">
        <v>115</v>
      </c>
      <c r="D59753" s="1" t="s">
        <v>200551</v>
      </c>
      <c r="E59753" s="1" t="s">
        <v>200552</v>
      </c>
      <c r="F59753" s="1" t="s">
        <v>200553</v>
      </c>
      <c r="G59753" s="1" t="s">
        <v>200472</v>
      </c>
      <c r="H59753" s="1" t="s">
        <v>200473</v>
      </c>
      <c r="I59753" s="1" t="s">
        <v>199140</v>
      </c>
      <c r="J59753" s="1" t="s">
        <v>200554</v>
      </c>
    </row>
    <row r="59754" spans="1:10" x14ac:dyDescent="0.35">
      <c r="A59754" s="1" t="s">
        <v>121603</v>
      </c>
      <c r="B59754" s="1" t="s">
        <v>199134</v>
      </c>
      <c r="C59754" s="1" t="s">
        <v>120</v>
      </c>
      <c r="D59754" s="1" t="s">
        <v>200555</v>
      </c>
      <c r="E59754" s="1" t="s">
        <v>200556</v>
      </c>
      <c r="F59754" s="1" t="s">
        <v>200557</v>
      </c>
      <c r="G59754" s="1" t="s">
        <v>200472</v>
      </c>
      <c r="H59754" s="1" t="s">
        <v>200473</v>
      </c>
      <c r="I59754" s="1" t="s">
        <v>199140</v>
      </c>
      <c r="J59754" s="1" t="s">
        <v>200558</v>
      </c>
    </row>
    <row r="59755" spans="1:10" x14ac:dyDescent="0.35">
      <c r="A59755" s="1" t="s">
        <v>121603</v>
      </c>
      <c r="B59755" s="1" t="s">
        <v>199134</v>
      </c>
      <c r="C59755" s="1" t="s">
        <v>125</v>
      </c>
      <c r="D59755" s="1" t="s">
        <v>200559</v>
      </c>
      <c r="E59755" s="1" t="s">
        <v>200560</v>
      </c>
      <c r="F59755" s="1" t="s">
        <v>200561</v>
      </c>
      <c r="G59755" s="1" t="s">
        <v>200472</v>
      </c>
      <c r="H59755" s="1" t="s">
        <v>200473</v>
      </c>
      <c r="I59755" s="1" t="s">
        <v>199140</v>
      </c>
      <c r="J59755" s="1" t="s">
        <v>200562</v>
      </c>
    </row>
    <row r="59756" spans="1:10" x14ac:dyDescent="0.35">
      <c r="A59756" s="1" t="s">
        <v>121603</v>
      </c>
      <c r="B59756" s="1" t="s">
        <v>199134</v>
      </c>
      <c r="C59756" s="1" t="s">
        <v>130</v>
      </c>
      <c r="D59756" s="1" t="s">
        <v>200563</v>
      </c>
      <c r="E59756" s="1" t="s">
        <v>200564</v>
      </c>
      <c r="F59756" s="1" t="s">
        <v>200565</v>
      </c>
      <c r="G59756" s="1" t="s">
        <v>200472</v>
      </c>
      <c r="H59756" s="1" t="s">
        <v>200473</v>
      </c>
      <c r="I59756" s="1" t="s">
        <v>199140</v>
      </c>
      <c r="J59756" s="1" t="s">
        <v>200566</v>
      </c>
    </row>
    <row r="59757" spans="1:10" x14ac:dyDescent="0.35">
      <c r="A59757" s="1" t="s">
        <v>121603</v>
      </c>
      <c r="B59757" s="1" t="s">
        <v>199134</v>
      </c>
      <c r="C59757" s="1" t="s">
        <v>135</v>
      </c>
      <c r="D59757" s="1" t="s">
        <v>200567</v>
      </c>
      <c r="E59757" s="1" t="s">
        <v>200568</v>
      </c>
      <c r="F59757" s="1" t="s">
        <v>200569</v>
      </c>
      <c r="G59757" s="1" t="s">
        <v>200472</v>
      </c>
      <c r="H59757" s="1" t="s">
        <v>200473</v>
      </c>
      <c r="I59757" s="1" t="s">
        <v>199140</v>
      </c>
      <c r="J59757" s="1" t="s">
        <v>200570</v>
      </c>
    </row>
    <row r="59758" spans="1:10" x14ac:dyDescent="0.35">
      <c r="A59758" s="1" t="s">
        <v>121603</v>
      </c>
      <c r="B59758" s="1" t="s">
        <v>199134</v>
      </c>
      <c r="C59758" s="1" t="s">
        <v>140</v>
      </c>
      <c r="D59758" s="1" t="s">
        <v>200571</v>
      </c>
      <c r="E59758" s="1" t="s">
        <v>200572</v>
      </c>
      <c r="F59758" s="1" t="s">
        <v>200573</v>
      </c>
      <c r="G59758" s="1" t="s">
        <v>200472</v>
      </c>
      <c r="H59758" s="1" t="s">
        <v>200473</v>
      </c>
      <c r="I59758" s="1" t="s">
        <v>199140</v>
      </c>
      <c r="J59758" s="1" t="s">
        <v>200574</v>
      </c>
    </row>
    <row r="59759" spans="1:10" x14ac:dyDescent="0.35">
      <c r="A59759" s="1" t="s">
        <v>121603</v>
      </c>
      <c r="B59759" s="1" t="s">
        <v>199134</v>
      </c>
      <c r="C59759" s="1" t="s">
        <v>145</v>
      </c>
      <c r="D59759" s="1" t="s">
        <v>200575</v>
      </c>
      <c r="E59759" s="1" t="s">
        <v>200576</v>
      </c>
      <c r="F59759" s="1" t="s">
        <v>200577</v>
      </c>
      <c r="G59759" s="1" t="s">
        <v>200472</v>
      </c>
      <c r="H59759" s="1" t="s">
        <v>200473</v>
      </c>
      <c r="I59759" s="1" t="s">
        <v>199140</v>
      </c>
      <c r="J59759" s="1" t="s">
        <v>200578</v>
      </c>
    </row>
    <row r="59760" spans="1:10" x14ac:dyDescent="0.35">
      <c r="A59760" s="1" t="s">
        <v>121603</v>
      </c>
      <c r="B59760" s="1" t="s">
        <v>199134</v>
      </c>
      <c r="C59760" s="1" t="s">
        <v>150</v>
      </c>
      <c r="D59760" s="1" t="s">
        <v>200579</v>
      </c>
      <c r="E59760" s="1" t="s">
        <v>200580</v>
      </c>
      <c r="F59760" s="1" t="s">
        <v>200581</v>
      </c>
      <c r="G59760" s="1" t="s">
        <v>200472</v>
      </c>
      <c r="H59760" s="1" t="s">
        <v>200473</v>
      </c>
      <c r="I59760" s="1" t="s">
        <v>199140</v>
      </c>
      <c r="J59760" s="1" t="s">
        <v>200582</v>
      </c>
    </row>
    <row r="59761" spans="1:10" x14ac:dyDescent="0.35">
      <c r="A59761" s="1" t="s">
        <v>121603</v>
      </c>
      <c r="B59761" s="1" t="s">
        <v>199134</v>
      </c>
      <c r="C59761" s="1" t="s">
        <v>155</v>
      </c>
      <c r="D59761" s="1" t="s">
        <v>200583</v>
      </c>
      <c r="E59761" s="1" t="s">
        <v>200584</v>
      </c>
      <c r="F59761" s="1" t="s">
        <v>200585</v>
      </c>
      <c r="G59761" s="1" t="s">
        <v>200472</v>
      </c>
      <c r="H59761" s="1" t="s">
        <v>200473</v>
      </c>
      <c r="I59761" s="1" t="s">
        <v>199140</v>
      </c>
      <c r="J59761" s="1" t="s">
        <v>200586</v>
      </c>
    </row>
    <row r="59762" spans="1:10" x14ac:dyDescent="0.35">
      <c r="A59762" s="1" t="s">
        <v>121603</v>
      </c>
      <c r="B59762" s="1" t="s">
        <v>199134</v>
      </c>
      <c r="C59762" s="1" t="s">
        <v>160</v>
      </c>
      <c r="D59762" s="1" t="s">
        <v>200587</v>
      </c>
      <c r="E59762" s="1" t="s">
        <v>200588</v>
      </c>
      <c r="F59762" s="1" t="s">
        <v>200589</v>
      </c>
      <c r="G59762" s="1" t="s">
        <v>200472</v>
      </c>
      <c r="H59762" s="1" t="s">
        <v>200473</v>
      </c>
      <c r="I59762" s="1" t="s">
        <v>199140</v>
      </c>
      <c r="J59762" s="1" t="s">
        <v>200590</v>
      </c>
    </row>
    <row r="59763" spans="1:10" x14ac:dyDescent="0.35">
      <c r="A59763" s="1" t="s">
        <v>121603</v>
      </c>
      <c r="B59763" s="1" t="s">
        <v>199134</v>
      </c>
      <c r="C59763" s="1" t="s">
        <v>165</v>
      </c>
      <c r="D59763" s="1" t="s">
        <v>200591</v>
      </c>
      <c r="E59763" s="1" t="s">
        <v>200592</v>
      </c>
      <c r="F59763" s="1" t="s">
        <v>200593</v>
      </c>
      <c r="G59763" s="1" t="s">
        <v>200472</v>
      </c>
      <c r="H59763" s="1" t="s">
        <v>200473</v>
      </c>
      <c r="I59763" s="1" t="s">
        <v>199140</v>
      </c>
      <c r="J59763" s="1" t="s">
        <v>200594</v>
      </c>
    </row>
    <row r="59764" spans="1:10" x14ac:dyDescent="0.35">
      <c r="A59764" s="1" t="s">
        <v>121603</v>
      </c>
      <c r="B59764" s="1" t="s">
        <v>199134</v>
      </c>
      <c r="C59764" s="1" t="s">
        <v>170</v>
      </c>
      <c r="D59764" s="1" t="s">
        <v>200595</v>
      </c>
      <c r="E59764" s="1" t="s">
        <v>200596</v>
      </c>
      <c r="F59764" s="1" t="s">
        <v>200597</v>
      </c>
      <c r="G59764" s="1" t="s">
        <v>200472</v>
      </c>
      <c r="H59764" s="1" t="s">
        <v>200473</v>
      </c>
      <c r="I59764" s="1" t="s">
        <v>199140</v>
      </c>
      <c r="J59764" s="1" t="s">
        <v>200598</v>
      </c>
    </row>
    <row r="59765" spans="1:10" x14ac:dyDescent="0.35">
      <c r="A59765" s="1" t="s">
        <v>27981</v>
      </c>
      <c r="B59765" s="1" t="s">
        <v>199134</v>
      </c>
      <c r="C59765" s="1" t="s">
        <v>8</v>
      </c>
      <c r="D59765" s="1" t="s">
        <v>129629</v>
      </c>
      <c r="E59765" s="1" t="s">
        <v>200599</v>
      </c>
      <c r="F59765" s="1" t="s">
        <v>200600</v>
      </c>
      <c r="G59765" s="1" t="s">
        <v>200601</v>
      </c>
      <c r="H59765" s="1" t="s">
        <v>200602</v>
      </c>
      <c r="I59765" s="1" t="s">
        <v>199140</v>
      </c>
      <c r="J59765" s="1" t="s">
        <v>13</v>
      </c>
    </row>
    <row r="59766" spans="1:10" x14ac:dyDescent="0.35">
      <c r="A59766" s="1" t="s">
        <v>27981</v>
      </c>
      <c r="B59766" s="1" t="s">
        <v>199134</v>
      </c>
      <c r="C59766" s="1" t="s">
        <v>15</v>
      </c>
      <c r="D59766" s="1" t="s">
        <v>102705</v>
      </c>
      <c r="E59766" s="1" t="s">
        <v>200603</v>
      </c>
      <c r="F59766" s="1" t="s">
        <v>200604</v>
      </c>
      <c r="G59766" s="1" t="s">
        <v>200601</v>
      </c>
      <c r="H59766" s="1" t="s">
        <v>200602</v>
      </c>
      <c r="I59766" s="1" t="s">
        <v>199140</v>
      </c>
      <c r="J59766" s="1" t="s">
        <v>200605</v>
      </c>
    </row>
    <row r="59767" spans="1:10" x14ac:dyDescent="0.35">
      <c r="A59767" s="1" t="s">
        <v>27981</v>
      </c>
      <c r="B59767" s="1" t="s">
        <v>199134</v>
      </c>
      <c r="C59767" s="1" t="s">
        <v>20</v>
      </c>
      <c r="D59767" s="1" t="s">
        <v>24257</v>
      </c>
      <c r="E59767" s="1" t="s">
        <v>200606</v>
      </c>
      <c r="F59767" s="1" t="s">
        <v>200607</v>
      </c>
      <c r="G59767" s="1" t="s">
        <v>200601</v>
      </c>
      <c r="H59767" s="1" t="s">
        <v>200602</v>
      </c>
      <c r="I59767" s="1" t="s">
        <v>199140</v>
      </c>
      <c r="J59767" s="1" t="s">
        <v>200608</v>
      </c>
    </row>
    <row r="59768" spans="1:10" x14ac:dyDescent="0.35">
      <c r="A59768" s="1" t="s">
        <v>27981</v>
      </c>
      <c r="B59768" s="1" t="s">
        <v>199134</v>
      </c>
      <c r="C59768" s="1" t="s">
        <v>25</v>
      </c>
      <c r="D59768" s="1" t="s">
        <v>69625</v>
      </c>
      <c r="E59768" s="1" t="s">
        <v>200609</v>
      </c>
      <c r="F59768" s="1" t="s">
        <v>200610</v>
      </c>
      <c r="G59768" s="1" t="s">
        <v>200601</v>
      </c>
      <c r="H59768" s="1" t="s">
        <v>200602</v>
      </c>
      <c r="I59768" s="1" t="s">
        <v>199140</v>
      </c>
      <c r="J59768" s="1" t="s">
        <v>200611</v>
      </c>
    </row>
    <row r="59769" spans="1:10" x14ac:dyDescent="0.35">
      <c r="A59769" s="1" t="s">
        <v>27981</v>
      </c>
      <c r="B59769" s="1" t="s">
        <v>199134</v>
      </c>
      <c r="C59769" s="1" t="s">
        <v>30</v>
      </c>
      <c r="D59769" s="1" t="s">
        <v>175826</v>
      </c>
      <c r="E59769" s="1" t="s">
        <v>200612</v>
      </c>
      <c r="F59769" s="1" t="s">
        <v>200613</v>
      </c>
      <c r="G59769" s="1" t="s">
        <v>200601</v>
      </c>
      <c r="H59769" s="1" t="s">
        <v>200602</v>
      </c>
      <c r="I59769" s="1" t="s">
        <v>199140</v>
      </c>
      <c r="J59769" s="1" t="s">
        <v>200614</v>
      </c>
    </row>
    <row r="59770" spans="1:10" x14ac:dyDescent="0.35">
      <c r="A59770" s="1" t="s">
        <v>27981</v>
      </c>
      <c r="B59770" s="1" t="s">
        <v>199134</v>
      </c>
      <c r="C59770" s="1" t="s">
        <v>35</v>
      </c>
      <c r="D59770" s="1" t="s">
        <v>200615</v>
      </c>
      <c r="E59770" s="1" t="s">
        <v>200616</v>
      </c>
      <c r="F59770" s="1" t="s">
        <v>200617</v>
      </c>
      <c r="G59770" s="1" t="s">
        <v>200601</v>
      </c>
      <c r="H59770" s="1" t="s">
        <v>200602</v>
      </c>
      <c r="I59770" s="1" t="s">
        <v>199140</v>
      </c>
      <c r="J59770" s="1" t="s">
        <v>200618</v>
      </c>
    </row>
    <row r="59771" spans="1:10" x14ac:dyDescent="0.35">
      <c r="A59771" s="1" t="s">
        <v>27981</v>
      </c>
      <c r="B59771" s="1" t="s">
        <v>199134</v>
      </c>
      <c r="C59771" s="1" t="s">
        <v>40</v>
      </c>
      <c r="D59771" s="1" t="s">
        <v>81220</v>
      </c>
      <c r="E59771" s="1" t="s">
        <v>200619</v>
      </c>
      <c r="F59771" s="1" t="s">
        <v>200620</v>
      </c>
      <c r="G59771" s="1" t="s">
        <v>200601</v>
      </c>
      <c r="H59771" s="1" t="s">
        <v>200602</v>
      </c>
      <c r="I59771" s="1" t="s">
        <v>199140</v>
      </c>
      <c r="J59771" s="1" t="s">
        <v>200621</v>
      </c>
    </row>
    <row r="59772" spans="1:10" x14ac:dyDescent="0.35">
      <c r="A59772" s="1" t="s">
        <v>27981</v>
      </c>
      <c r="B59772" s="1" t="s">
        <v>199134</v>
      </c>
      <c r="C59772" s="1" t="s">
        <v>45</v>
      </c>
      <c r="D59772" s="1" t="s">
        <v>23460</v>
      </c>
      <c r="E59772" s="1" t="s">
        <v>200622</v>
      </c>
      <c r="F59772" s="1" t="s">
        <v>200623</v>
      </c>
      <c r="G59772" s="1" t="s">
        <v>200601</v>
      </c>
      <c r="H59772" s="1" t="s">
        <v>200602</v>
      </c>
      <c r="I59772" s="1" t="s">
        <v>199140</v>
      </c>
      <c r="J59772" s="1" t="s">
        <v>200624</v>
      </c>
    </row>
    <row r="59773" spans="1:10" x14ac:dyDescent="0.35">
      <c r="A59773" s="1" t="s">
        <v>27981</v>
      </c>
      <c r="B59773" s="1" t="s">
        <v>199134</v>
      </c>
      <c r="C59773" s="1" t="s">
        <v>50</v>
      </c>
      <c r="D59773" s="1" t="s">
        <v>200625</v>
      </c>
      <c r="E59773" s="1" t="s">
        <v>200626</v>
      </c>
      <c r="F59773" s="1" t="s">
        <v>200627</v>
      </c>
      <c r="G59773" s="1" t="s">
        <v>200601</v>
      </c>
      <c r="H59773" s="1" t="s">
        <v>200602</v>
      </c>
      <c r="I59773" s="1" t="s">
        <v>199140</v>
      </c>
      <c r="J59773" s="1" t="s">
        <v>200628</v>
      </c>
    </row>
    <row r="59774" spans="1:10" x14ac:dyDescent="0.35">
      <c r="A59774" s="1" t="s">
        <v>27981</v>
      </c>
      <c r="B59774" s="1" t="s">
        <v>199134</v>
      </c>
      <c r="C59774" s="1" t="s">
        <v>55</v>
      </c>
      <c r="D59774" s="1" t="s">
        <v>200629</v>
      </c>
      <c r="E59774" s="1" t="s">
        <v>200630</v>
      </c>
      <c r="F59774" s="1" t="s">
        <v>200631</v>
      </c>
      <c r="G59774" s="1" t="s">
        <v>200601</v>
      </c>
      <c r="H59774" s="1" t="s">
        <v>200602</v>
      </c>
      <c r="I59774" s="1" t="s">
        <v>199140</v>
      </c>
      <c r="J59774" s="1" t="s">
        <v>200632</v>
      </c>
    </row>
    <row r="59775" spans="1:10" x14ac:dyDescent="0.35">
      <c r="A59775" s="1" t="s">
        <v>27981</v>
      </c>
      <c r="B59775" s="1" t="s">
        <v>199134</v>
      </c>
      <c r="C59775" s="1" t="s">
        <v>60</v>
      </c>
      <c r="D59775" s="1" t="s">
        <v>87089</v>
      </c>
      <c r="E59775" s="1" t="s">
        <v>200633</v>
      </c>
      <c r="F59775" s="1" t="s">
        <v>200634</v>
      </c>
      <c r="G59775" s="1" t="s">
        <v>200601</v>
      </c>
      <c r="H59775" s="1" t="s">
        <v>200602</v>
      </c>
      <c r="I59775" s="1" t="s">
        <v>199140</v>
      </c>
      <c r="J59775" s="1" t="s">
        <v>200635</v>
      </c>
    </row>
    <row r="59776" spans="1:10" x14ac:dyDescent="0.35">
      <c r="A59776" s="1" t="s">
        <v>27981</v>
      </c>
      <c r="B59776" s="1" t="s">
        <v>199134</v>
      </c>
      <c r="C59776" s="1" t="s">
        <v>65</v>
      </c>
      <c r="D59776" s="1" t="s">
        <v>200636</v>
      </c>
      <c r="E59776" s="1" t="s">
        <v>200637</v>
      </c>
      <c r="F59776" s="1" t="s">
        <v>200638</v>
      </c>
      <c r="G59776" s="1" t="s">
        <v>200601</v>
      </c>
      <c r="H59776" s="1" t="s">
        <v>200602</v>
      </c>
      <c r="I59776" s="1" t="s">
        <v>199140</v>
      </c>
      <c r="J59776" s="1" t="s">
        <v>200639</v>
      </c>
    </row>
    <row r="59777" spans="1:10" x14ac:dyDescent="0.35">
      <c r="A59777" s="1" t="s">
        <v>27981</v>
      </c>
      <c r="B59777" s="1" t="s">
        <v>199134</v>
      </c>
      <c r="C59777" s="1" t="s">
        <v>70</v>
      </c>
      <c r="D59777" s="1" t="s">
        <v>80176</v>
      </c>
      <c r="E59777" s="1" t="s">
        <v>200640</v>
      </c>
      <c r="F59777" s="1" t="s">
        <v>200641</v>
      </c>
      <c r="G59777" s="1" t="s">
        <v>200601</v>
      </c>
      <c r="H59777" s="1" t="s">
        <v>200602</v>
      </c>
      <c r="I59777" s="1" t="s">
        <v>199140</v>
      </c>
      <c r="J59777" s="1" t="s">
        <v>200642</v>
      </c>
    </row>
    <row r="59778" spans="1:10" x14ac:dyDescent="0.35">
      <c r="A59778" s="1" t="s">
        <v>27981</v>
      </c>
      <c r="B59778" s="1" t="s">
        <v>199134</v>
      </c>
      <c r="C59778" s="1" t="s">
        <v>75</v>
      </c>
      <c r="D59778" s="1" t="s">
        <v>79579</v>
      </c>
      <c r="E59778" s="1" t="s">
        <v>200643</v>
      </c>
      <c r="F59778" s="1" t="s">
        <v>200644</v>
      </c>
      <c r="G59778" s="1" t="s">
        <v>200601</v>
      </c>
      <c r="H59778" s="1" t="s">
        <v>200602</v>
      </c>
      <c r="I59778" s="1" t="s">
        <v>199140</v>
      </c>
      <c r="J59778" s="1" t="s">
        <v>200645</v>
      </c>
    </row>
    <row r="59779" spans="1:10" x14ac:dyDescent="0.35">
      <c r="A59779" s="1" t="s">
        <v>27981</v>
      </c>
      <c r="B59779" s="1" t="s">
        <v>199134</v>
      </c>
      <c r="C59779" s="1" t="s">
        <v>80</v>
      </c>
      <c r="D59779" s="1" t="s">
        <v>68055</v>
      </c>
      <c r="E59779" s="1" t="s">
        <v>200646</v>
      </c>
      <c r="F59779" s="1" t="s">
        <v>200647</v>
      </c>
      <c r="G59779" s="1" t="s">
        <v>200601</v>
      </c>
      <c r="H59779" s="1" t="s">
        <v>200602</v>
      </c>
      <c r="I59779" s="1" t="s">
        <v>199140</v>
      </c>
      <c r="J59779" s="1" t="s">
        <v>200648</v>
      </c>
    </row>
    <row r="59780" spans="1:10" x14ac:dyDescent="0.35">
      <c r="A59780" s="1" t="s">
        <v>27981</v>
      </c>
      <c r="B59780" s="1" t="s">
        <v>199134</v>
      </c>
      <c r="C59780" s="1" t="s">
        <v>85</v>
      </c>
      <c r="D59780" s="1" t="s">
        <v>127201</v>
      </c>
      <c r="E59780" s="1" t="s">
        <v>200649</v>
      </c>
      <c r="F59780" s="1" t="s">
        <v>200650</v>
      </c>
      <c r="G59780" s="1" t="s">
        <v>200601</v>
      </c>
      <c r="H59780" s="1" t="s">
        <v>200602</v>
      </c>
      <c r="I59780" s="1" t="s">
        <v>199140</v>
      </c>
      <c r="J59780" s="1" t="s">
        <v>200651</v>
      </c>
    </row>
    <row r="59781" spans="1:10" x14ac:dyDescent="0.35">
      <c r="A59781" s="1" t="s">
        <v>27981</v>
      </c>
      <c r="B59781" s="1" t="s">
        <v>199134</v>
      </c>
      <c r="C59781" s="1" t="s">
        <v>90</v>
      </c>
      <c r="D59781" s="1" t="s">
        <v>101960</v>
      </c>
      <c r="E59781" s="1" t="s">
        <v>200652</v>
      </c>
      <c r="F59781" s="1" t="s">
        <v>200653</v>
      </c>
      <c r="G59781" s="1" t="s">
        <v>200601</v>
      </c>
      <c r="H59781" s="1" t="s">
        <v>200602</v>
      </c>
      <c r="I59781" s="1" t="s">
        <v>199140</v>
      </c>
      <c r="J59781" s="1" t="s">
        <v>200654</v>
      </c>
    </row>
    <row r="59782" spans="1:10" x14ac:dyDescent="0.35">
      <c r="A59782" s="1" t="s">
        <v>27981</v>
      </c>
      <c r="B59782" s="1" t="s">
        <v>199134</v>
      </c>
      <c r="C59782" s="1" t="s">
        <v>95</v>
      </c>
      <c r="D59782" s="1" t="s">
        <v>85167</v>
      </c>
      <c r="E59782" s="1" t="s">
        <v>200655</v>
      </c>
      <c r="F59782" s="1" t="s">
        <v>200656</v>
      </c>
      <c r="G59782" s="1" t="s">
        <v>200601</v>
      </c>
      <c r="H59782" s="1" t="s">
        <v>200602</v>
      </c>
      <c r="I59782" s="1" t="s">
        <v>199140</v>
      </c>
      <c r="J59782" s="1" t="s">
        <v>200657</v>
      </c>
    </row>
    <row r="59783" spans="1:10" x14ac:dyDescent="0.35">
      <c r="A59783" s="1" t="s">
        <v>27981</v>
      </c>
      <c r="B59783" s="1" t="s">
        <v>199134</v>
      </c>
      <c r="C59783" s="1" t="s">
        <v>100</v>
      </c>
      <c r="D59783" s="1" t="s">
        <v>200658</v>
      </c>
      <c r="E59783" s="1" t="s">
        <v>200659</v>
      </c>
      <c r="F59783" s="1" t="s">
        <v>200660</v>
      </c>
      <c r="G59783" s="1" t="s">
        <v>200601</v>
      </c>
      <c r="H59783" s="1" t="s">
        <v>200602</v>
      </c>
      <c r="I59783" s="1" t="s">
        <v>199140</v>
      </c>
      <c r="J59783" s="1" t="s">
        <v>200661</v>
      </c>
    </row>
    <row r="59784" spans="1:10" x14ac:dyDescent="0.35">
      <c r="A59784" s="1" t="s">
        <v>27981</v>
      </c>
      <c r="B59784" s="1" t="s">
        <v>199134</v>
      </c>
      <c r="C59784" s="1" t="s">
        <v>105</v>
      </c>
      <c r="D59784" s="1" t="s">
        <v>64612</v>
      </c>
      <c r="E59784" s="1" t="s">
        <v>200662</v>
      </c>
      <c r="F59784" s="1" t="s">
        <v>200663</v>
      </c>
      <c r="G59784" s="1" t="s">
        <v>200601</v>
      </c>
      <c r="H59784" s="1" t="s">
        <v>200602</v>
      </c>
      <c r="I59784" s="1" t="s">
        <v>199140</v>
      </c>
      <c r="J59784" s="1" t="s">
        <v>200664</v>
      </c>
    </row>
    <row r="59785" spans="1:10" x14ac:dyDescent="0.35">
      <c r="A59785" s="1" t="s">
        <v>27981</v>
      </c>
      <c r="B59785" s="1" t="s">
        <v>199134</v>
      </c>
      <c r="C59785" s="1" t="s">
        <v>110</v>
      </c>
      <c r="D59785" s="1" t="s">
        <v>200665</v>
      </c>
      <c r="E59785" s="1" t="s">
        <v>200666</v>
      </c>
      <c r="F59785" s="1" t="s">
        <v>200667</v>
      </c>
      <c r="G59785" s="1" t="s">
        <v>200601</v>
      </c>
      <c r="H59785" s="1" t="s">
        <v>200602</v>
      </c>
      <c r="I59785" s="1" t="s">
        <v>199140</v>
      </c>
      <c r="J59785" s="1" t="s">
        <v>200668</v>
      </c>
    </row>
    <row r="59786" spans="1:10" x14ac:dyDescent="0.35">
      <c r="A59786" s="1" t="s">
        <v>27981</v>
      </c>
      <c r="B59786" s="1" t="s">
        <v>199134</v>
      </c>
      <c r="C59786" s="1" t="s">
        <v>115</v>
      </c>
      <c r="D59786" s="1" t="s">
        <v>200669</v>
      </c>
      <c r="E59786" s="1" t="s">
        <v>200670</v>
      </c>
      <c r="F59786" s="1" t="s">
        <v>200671</v>
      </c>
      <c r="G59786" s="1" t="s">
        <v>200601</v>
      </c>
      <c r="H59786" s="1" t="s">
        <v>200602</v>
      </c>
      <c r="I59786" s="1" t="s">
        <v>199140</v>
      </c>
      <c r="J59786" s="1" t="s">
        <v>200672</v>
      </c>
    </row>
    <row r="59787" spans="1:10" x14ac:dyDescent="0.35">
      <c r="A59787" s="1" t="s">
        <v>27981</v>
      </c>
      <c r="B59787" s="1" t="s">
        <v>199134</v>
      </c>
      <c r="C59787" s="1" t="s">
        <v>120</v>
      </c>
      <c r="D59787" s="1" t="s">
        <v>200673</v>
      </c>
      <c r="E59787" s="1" t="s">
        <v>200674</v>
      </c>
      <c r="F59787" s="1" t="s">
        <v>200675</v>
      </c>
      <c r="G59787" s="1" t="s">
        <v>200601</v>
      </c>
      <c r="H59787" s="1" t="s">
        <v>200602</v>
      </c>
      <c r="I59787" s="1" t="s">
        <v>199140</v>
      </c>
      <c r="J59787" s="1" t="s">
        <v>200676</v>
      </c>
    </row>
    <row r="59788" spans="1:10" x14ac:dyDescent="0.35">
      <c r="A59788" s="1" t="s">
        <v>27981</v>
      </c>
      <c r="B59788" s="1" t="s">
        <v>199134</v>
      </c>
      <c r="C59788" s="1" t="s">
        <v>125</v>
      </c>
      <c r="D59788" s="1" t="s">
        <v>200677</v>
      </c>
      <c r="E59788" s="1" t="s">
        <v>200678</v>
      </c>
      <c r="F59788" s="1" t="s">
        <v>200679</v>
      </c>
      <c r="G59788" s="1" t="s">
        <v>200601</v>
      </c>
      <c r="H59788" s="1" t="s">
        <v>200602</v>
      </c>
      <c r="I59788" s="1" t="s">
        <v>199140</v>
      </c>
      <c r="J59788" s="1" t="s">
        <v>200680</v>
      </c>
    </row>
    <row r="59789" spans="1:10" x14ac:dyDescent="0.35">
      <c r="A59789" s="1" t="s">
        <v>27981</v>
      </c>
      <c r="B59789" s="1" t="s">
        <v>199134</v>
      </c>
      <c r="C59789" s="1" t="s">
        <v>130</v>
      </c>
      <c r="D59789" s="1" t="s">
        <v>127179</v>
      </c>
      <c r="E59789" s="1" t="s">
        <v>200681</v>
      </c>
      <c r="F59789" s="1" t="s">
        <v>200682</v>
      </c>
      <c r="G59789" s="1" t="s">
        <v>200601</v>
      </c>
      <c r="H59789" s="1" t="s">
        <v>200602</v>
      </c>
      <c r="I59789" s="1" t="s">
        <v>199140</v>
      </c>
      <c r="J59789" s="1" t="s">
        <v>200683</v>
      </c>
    </row>
    <row r="59790" spans="1:10" x14ac:dyDescent="0.35">
      <c r="A59790" s="1" t="s">
        <v>27981</v>
      </c>
      <c r="B59790" s="1" t="s">
        <v>199134</v>
      </c>
      <c r="C59790" s="1" t="s">
        <v>135</v>
      </c>
      <c r="D59790" s="1" t="s">
        <v>88574</v>
      </c>
      <c r="E59790" s="1" t="s">
        <v>200684</v>
      </c>
      <c r="F59790" s="1" t="s">
        <v>200685</v>
      </c>
      <c r="G59790" s="1" t="s">
        <v>200601</v>
      </c>
      <c r="H59790" s="1" t="s">
        <v>200602</v>
      </c>
      <c r="I59790" s="1" t="s">
        <v>199140</v>
      </c>
      <c r="J59790" s="1" t="s">
        <v>200686</v>
      </c>
    </row>
    <row r="59791" spans="1:10" x14ac:dyDescent="0.35">
      <c r="A59791" s="1" t="s">
        <v>27981</v>
      </c>
      <c r="B59791" s="1" t="s">
        <v>199134</v>
      </c>
      <c r="C59791" s="1" t="s">
        <v>140</v>
      </c>
      <c r="D59791" s="1" t="s">
        <v>89292</v>
      </c>
      <c r="E59791" s="1" t="s">
        <v>200687</v>
      </c>
      <c r="F59791" s="1" t="s">
        <v>200688</v>
      </c>
      <c r="G59791" s="1" t="s">
        <v>200601</v>
      </c>
      <c r="H59791" s="1" t="s">
        <v>200602</v>
      </c>
      <c r="I59791" s="1" t="s">
        <v>199140</v>
      </c>
      <c r="J59791" s="1" t="s">
        <v>200689</v>
      </c>
    </row>
    <row r="59792" spans="1:10" x14ac:dyDescent="0.35">
      <c r="A59792" s="1" t="s">
        <v>27981</v>
      </c>
      <c r="B59792" s="1" t="s">
        <v>199134</v>
      </c>
      <c r="C59792" s="1" t="s">
        <v>145</v>
      </c>
      <c r="D59792" s="1" t="s">
        <v>200690</v>
      </c>
      <c r="E59792" s="1" t="s">
        <v>200691</v>
      </c>
      <c r="F59792" s="1" t="s">
        <v>200692</v>
      </c>
      <c r="G59792" s="1" t="s">
        <v>200601</v>
      </c>
      <c r="H59792" s="1" t="s">
        <v>200602</v>
      </c>
      <c r="I59792" s="1" t="s">
        <v>199140</v>
      </c>
      <c r="J59792" s="1" t="s">
        <v>200693</v>
      </c>
    </row>
    <row r="59793" spans="1:10" x14ac:dyDescent="0.35">
      <c r="A59793" s="1" t="s">
        <v>27981</v>
      </c>
      <c r="B59793" s="1" t="s">
        <v>199134</v>
      </c>
      <c r="C59793" s="1" t="s">
        <v>150</v>
      </c>
      <c r="D59793" s="1" t="s">
        <v>20090</v>
      </c>
      <c r="E59793" s="1" t="s">
        <v>200694</v>
      </c>
      <c r="F59793" s="1" t="s">
        <v>200695</v>
      </c>
      <c r="G59793" s="1" t="s">
        <v>200601</v>
      </c>
      <c r="H59793" s="1" t="s">
        <v>200602</v>
      </c>
      <c r="I59793" s="1" t="s">
        <v>199140</v>
      </c>
      <c r="J59793" s="1" t="s">
        <v>200696</v>
      </c>
    </row>
    <row r="59794" spans="1:10" x14ac:dyDescent="0.35">
      <c r="A59794" s="1" t="s">
        <v>27981</v>
      </c>
      <c r="B59794" s="1" t="s">
        <v>199134</v>
      </c>
      <c r="C59794" s="1" t="s">
        <v>155</v>
      </c>
      <c r="D59794" s="1" t="s">
        <v>39304</v>
      </c>
      <c r="E59794" s="1" t="s">
        <v>200697</v>
      </c>
      <c r="F59794" s="1" t="s">
        <v>200698</v>
      </c>
      <c r="G59794" s="1" t="s">
        <v>200601</v>
      </c>
      <c r="H59794" s="1" t="s">
        <v>200602</v>
      </c>
      <c r="I59794" s="1" t="s">
        <v>199140</v>
      </c>
      <c r="J59794" s="1" t="s">
        <v>200699</v>
      </c>
    </row>
    <row r="59795" spans="1:10" x14ac:dyDescent="0.35">
      <c r="A59795" s="1" t="s">
        <v>27981</v>
      </c>
      <c r="B59795" s="1" t="s">
        <v>199134</v>
      </c>
      <c r="C59795" s="1" t="s">
        <v>160</v>
      </c>
      <c r="D59795" s="1" t="s">
        <v>200700</v>
      </c>
      <c r="E59795" s="1" t="s">
        <v>200701</v>
      </c>
      <c r="F59795" s="1" t="s">
        <v>200702</v>
      </c>
      <c r="G59795" s="1" t="s">
        <v>200601</v>
      </c>
      <c r="H59795" s="1" t="s">
        <v>200602</v>
      </c>
      <c r="I59795" s="1" t="s">
        <v>199140</v>
      </c>
      <c r="J59795" s="1" t="s">
        <v>200703</v>
      </c>
    </row>
    <row r="59796" spans="1:10" x14ac:dyDescent="0.35">
      <c r="A59796" s="1" t="s">
        <v>27981</v>
      </c>
      <c r="B59796" s="1" t="s">
        <v>199134</v>
      </c>
      <c r="C59796" s="1" t="s">
        <v>165</v>
      </c>
      <c r="D59796" s="1" t="s">
        <v>20804</v>
      </c>
      <c r="E59796" s="1" t="s">
        <v>200704</v>
      </c>
      <c r="F59796" s="1" t="s">
        <v>200705</v>
      </c>
      <c r="G59796" s="1" t="s">
        <v>200601</v>
      </c>
      <c r="H59796" s="1" t="s">
        <v>200602</v>
      </c>
      <c r="I59796" s="1" t="s">
        <v>199140</v>
      </c>
      <c r="J59796" s="1" t="s">
        <v>200706</v>
      </c>
    </row>
    <row r="59797" spans="1:10" x14ac:dyDescent="0.35">
      <c r="A59797" s="1" t="s">
        <v>27981</v>
      </c>
      <c r="B59797" s="1" t="s">
        <v>199134</v>
      </c>
      <c r="C59797" s="1" t="s">
        <v>170</v>
      </c>
      <c r="D59797" s="1" t="s">
        <v>200707</v>
      </c>
      <c r="E59797" s="1" t="s">
        <v>200708</v>
      </c>
      <c r="F59797" s="1" t="s">
        <v>200709</v>
      </c>
      <c r="G59797" s="1" t="s">
        <v>200601</v>
      </c>
      <c r="H59797" s="1" t="s">
        <v>200602</v>
      </c>
      <c r="I59797" s="1" t="s">
        <v>199140</v>
      </c>
      <c r="J59797" s="1" t="s">
        <v>200710</v>
      </c>
    </row>
    <row r="59798" spans="1:10" x14ac:dyDescent="0.35">
      <c r="A59798" s="1" t="s">
        <v>14134</v>
      </c>
      <c r="B59798" s="1" t="s">
        <v>199134</v>
      </c>
      <c r="C59798" s="1" t="s">
        <v>8</v>
      </c>
      <c r="D59798" s="1" t="s">
        <v>137400</v>
      </c>
      <c r="E59798" s="1" t="s">
        <v>200711</v>
      </c>
      <c r="F59798" s="1" t="s">
        <v>200712</v>
      </c>
      <c r="G59798" s="1" t="s">
        <v>200713</v>
      </c>
      <c r="H59798" s="1" t="s">
        <v>200714</v>
      </c>
      <c r="I59798" s="1" t="s">
        <v>199140</v>
      </c>
      <c r="J59798" s="1" t="s">
        <v>13</v>
      </c>
    </row>
    <row r="59799" spans="1:10" x14ac:dyDescent="0.35">
      <c r="A59799" s="1" t="s">
        <v>14134</v>
      </c>
      <c r="B59799" s="1" t="s">
        <v>199134</v>
      </c>
      <c r="C59799" s="1" t="s">
        <v>15</v>
      </c>
      <c r="D59799" s="1" t="s">
        <v>65743</v>
      </c>
      <c r="E59799" s="1" t="s">
        <v>200715</v>
      </c>
      <c r="F59799" s="1" t="s">
        <v>200716</v>
      </c>
      <c r="G59799" s="1" t="s">
        <v>200713</v>
      </c>
      <c r="H59799" s="1" t="s">
        <v>200714</v>
      </c>
      <c r="I59799" s="1" t="s">
        <v>199140</v>
      </c>
      <c r="J59799" s="1" t="s">
        <v>200717</v>
      </c>
    </row>
    <row r="59800" spans="1:10" x14ac:dyDescent="0.35">
      <c r="A59800" s="1" t="s">
        <v>14134</v>
      </c>
      <c r="B59800" s="1" t="s">
        <v>199134</v>
      </c>
      <c r="C59800" s="1" t="s">
        <v>20</v>
      </c>
      <c r="D59800" s="1" t="s">
        <v>66845</v>
      </c>
      <c r="E59800" s="1" t="s">
        <v>200718</v>
      </c>
      <c r="F59800" s="1" t="s">
        <v>200719</v>
      </c>
      <c r="G59800" s="1" t="s">
        <v>200713</v>
      </c>
      <c r="H59800" s="1" t="s">
        <v>200714</v>
      </c>
      <c r="I59800" s="1" t="s">
        <v>199140</v>
      </c>
      <c r="J59800" s="1" t="s">
        <v>200720</v>
      </c>
    </row>
    <row r="59801" spans="1:10" x14ac:dyDescent="0.35">
      <c r="A59801" s="1" t="s">
        <v>14134</v>
      </c>
      <c r="B59801" s="1" t="s">
        <v>199134</v>
      </c>
      <c r="C59801" s="1" t="s">
        <v>25</v>
      </c>
      <c r="D59801" s="1" t="s">
        <v>90225</v>
      </c>
      <c r="E59801" s="1" t="s">
        <v>200721</v>
      </c>
      <c r="F59801" s="1" t="s">
        <v>200722</v>
      </c>
      <c r="G59801" s="1" t="s">
        <v>200713</v>
      </c>
      <c r="H59801" s="1" t="s">
        <v>200714</v>
      </c>
      <c r="I59801" s="1" t="s">
        <v>199140</v>
      </c>
      <c r="J59801" s="1" t="s">
        <v>200723</v>
      </c>
    </row>
    <row r="59802" spans="1:10" x14ac:dyDescent="0.35">
      <c r="A59802" s="1" t="s">
        <v>14134</v>
      </c>
      <c r="B59802" s="1" t="s">
        <v>199134</v>
      </c>
      <c r="C59802" s="1" t="s">
        <v>30</v>
      </c>
      <c r="D59802" s="1" t="s">
        <v>112908</v>
      </c>
      <c r="E59802" s="1" t="s">
        <v>200724</v>
      </c>
      <c r="F59802" s="1" t="s">
        <v>200725</v>
      </c>
      <c r="G59802" s="1" t="s">
        <v>200713</v>
      </c>
      <c r="H59802" s="1" t="s">
        <v>200714</v>
      </c>
      <c r="I59802" s="1" t="s">
        <v>199140</v>
      </c>
      <c r="J59802" s="1" t="s">
        <v>200726</v>
      </c>
    </row>
    <row r="59803" spans="1:10" x14ac:dyDescent="0.35">
      <c r="A59803" s="1" t="s">
        <v>14134</v>
      </c>
      <c r="B59803" s="1" t="s">
        <v>199134</v>
      </c>
      <c r="C59803" s="1" t="s">
        <v>35</v>
      </c>
      <c r="D59803" s="1" t="s">
        <v>93534</v>
      </c>
      <c r="E59803" s="1" t="s">
        <v>200727</v>
      </c>
      <c r="F59803" s="1" t="s">
        <v>200728</v>
      </c>
      <c r="G59803" s="1" t="s">
        <v>200713</v>
      </c>
      <c r="H59803" s="1" t="s">
        <v>200714</v>
      </c>
      <c r="I59803" s="1" t="s">
        <v>199140</v>
      </c>
      <c r="J59803" s="1" t="s">
        <v>200729</v>
      </c>
    </row>
    <row r="59804" spans="1:10" x14ac:dyDescent="0.35">
      <c r="A59804" s="1" t="s">
        <v>14134</v>
      </c>
      <c r="B59804" s="1" t="s">
        <v>199134</v>
      </c>
      <c r="C59804" s="1" t="s">
        <v>40</v>
      </c>
      <c r="D59804" s="1" t="s">
        <v>98979</v>
      </c>
      <c r="E59804" s="1" t="s">
        <v>200730</v>
      </c>
      <c r="F59804" s="1" t="s">
        <v>200731</v>
      </c>
      <c r="G59804" s="1" t="s">
        <v>200713</v>
      </c>
      <c r="H59804" s="1" t="s">
        <v>200714</v>
      </c>
      <c r="I59804" s="1" t="s">
        <v>199140</v>
      </c>
      <c r="J59804" s="1" t="s">
        <v>200732</v>
      </c>
    </row>
    <row r="59805" spans="1:10" x14ac:dyDescent="0.35">
      <c r="A59805" s="1" t="s">
        <v>14134</v>
      </c>
      <c r="B59805" s="1" t="s">
        <v>199134</v>
      </c>
      <c r="C59805" s="1" t="s">
        <v>45</v>
      </c>
      <c r="D59805" s="1" t="s">
        <v>55661</v>
      </c>
      <c r="E59805" s="1" t="s">
        <v>200733</v>
      </c>
      <c r="F59805" s="1" t="s">
        <v>200734</v>
      </c>
      <c r="G59805" s="1" t="s">
        <v>200713</v>
      </c>
      <c r="H59805" s="1" t="s">
        <v>200714</v>
      </c>
      <c r="I59805" s="1" t="s">
        <v>199140</v>
      </c>
      <c r="J59805" s="1" t="s">
        <v>200735</v>
      </c>
    </row>
    <row r="59806" spans="1:10" x14ac:dyDescent="0.35">
      <c r="A59806" s="1" t="s">
        <v>14134</v>
      </c>
      <c r="B59806" s="1" t="s">
        <v>199134</v>
      </c>
      <c r="C59806" s="1" t="s">
        <v>50</v>
      </c>
      <c r="D59806" s="1" t="s">
        <v>67253</v>
      </c>
      <c r="E59806" s="1" t="s">
        <v>200736</v>
      </c>
      <c r="F59806" s="1" t="s">
        <v>200737</v>
      </c>
      <c r="G59806" s="1" t="s">
        <v>200713</v>
      </c>
      <c r="H59806" s="1" t="s">
        <v>200714</v>
      </c>
      <c r="I59806" s="1" t="s">
        <v>199140</v>
      </c>
      <c r="J59806" s="1" t="s">
        <v>200738</v>
      </c>
    </row>
    <row r="59807" spans="1:10" x14ac:dyDescent="0.35">
      <c r="A59807" s="1" t="s">
        <v>14134</v>
      </c>
      <c r="B59807" s="1" t="s">
        <v>199134</v>
      </c>
      <c r="C59807" s="1" t="s">
        <v>55</v>
      </c>
      <c r="D59807" s="1" t="s">
        <v>200629</v>
      </c>
      <c r="E59807" s="1" t="s">
        <v>200739</v>
      </c>
      <c r="F59807" s="1" t="s">
        <v>200740</v>
      </c>
      <c r="G59807" s="1" t="s">
        <v>200713</v>
      </c>
      <c r="H59807" s="1" t="s">
        <v>200714</v>
      </c>
      <c r="I59807" s="1" t="s">
        <v>199140</v>
      </c>
      <c r="J59807" s="1" t="s">
        <v>200741</v>
      </c>
    </row>
    <row r="59808" spans="1:10" x14ac:dyDescent="0.35">
      <c r="A59808" s="1" t="s">
        <v>14134</v>
      </c>
      <c r="B59808" s="1" t="s">
        <v>199134</v>
      </c>
      <c r="C59808" s="1" t="s">
        <v>60</v>
      </c>
      <c r="D59808" s="1" t="s">
        <v>94935</v>
      </c>
      <c r="E59808" s="1" t="s">
        <v>200742</v>
      </c>
      <c r="F59808" s="1" t="s">
        <v>200743</v>
      </c>
      <c r="G59808" s="1" t="s">
        <v>200713</v>
      </c>
      <c r="H59808" s="1" t="s">
        <v>200714</v>
      </c>
      <c r="I59808" s="1" t="s">
        <v>199140</v>
      </c>
      <c r="J59808" s="1" t="s">
        <v>200744</v>
      </c>
    </row>
    <row r="59809" spans="1:10" x14ac:dyDescent="0.35">
      <c r="A59809" s="1" t="s">
        <v>14134</v>
      </c>
      <c r="B59809" s="1" t="s">
        <v>199134</v>
      </c>
      <c r="C59809" s="1" t="s">
        <v>65</v>
      </c>
      <c r="D59809" s="1" t="s">
        <v>101913</v>
      </c>
      <c r="E59809" s="1" t="s">
        <v>200745</v>
      </c>
      <c r="F59809" s="1" t="s">
        <v>200746</v>
      </c>
      <c r="G59809" s="1" t="s">
        <v>200713</v>
      </c>
      <c r="H59809" s="1" t="s">
        <v>200714</v>
      </c>
      <c r="I59809" s="1" t="s">
        <v>199140</v>
      </c>
      <c r="J59809" s="1" t="s">
        <v>200747</v>
      </c>
    </row>
    <row r="59810" spans="1:10" x14ac:dyDescent="0.35">
      <c r="A59810" s="1" t="s">
        <v>14134</v>
      </c>
      <c r="B59810" s="1" t="s">
        <v>199134</v>
      </c>
      <c r="C59810" s="1" t="s">
        <v>70</v>
      </c>
      <c r="D59810" s="1" t="s">
        <v>130224</v>
      </c>
      <c r="E59810" s="1" t="s">
        <v>200748</v>
      </c>
      <c r="F59810" s="1" t="s">
        <v>200749</v>
      </c>
      <c r="G59810" s="1" t="s">
        <v>200713</v>
      </c>
      <c r="H59810" s="1" t="s">
        <v>200714</v>
      </c>
      <c r="I59810" s="1" t="s">
        <v>199140</v>
      </c>
      <c r="J59810" s="1" t="s">
        <v>200750</v>
      </c>
    </row>
    <row r="59811" spans="1:10" x14ac:dyDescent="0.35">
      <c r="A59811" s="1" t="s">
        <v>14134</v>
      </c>
      <c r="B59811" s="1" t="s">
        <v>199134</v>
      </c>
      <c r="C59811" s="1" t="s">
        <v>75</v>
      </c>
      <c r="D59811" s="1" t="s">
        <v>23516</v>
      </c>
      <c r="E59811" s="1" t="s">
        <v>200751</v>
      </c>
      <c r="F59811" s="1" t="s">
        <v>200752</v>
      </c>
      <c r="G59811" s="1" t="s">
        <v>200713</v>
      </c>
      <c r="H59811" s="1" t="s">
        <v>200714</v>
      </c>
      <c r="I59811" s="1" t="s">
        <v>199140</v>
      </c>
      <c r="J59811" s="1" t="s">
        <v>200753</v>
      </c>
    </row>
    <row r="59812" spans="1:10" x14ac:dyDescent="0.35">
      <c r="A59812" s="1" t="s">
        <v>14134</v>
      </c>
      <c r="B59812" s="1" t="s">
        <v>199134</v>
      </c>
      <c r="C59812" s="1" t="s">
        <v>80</v>
      </c>
      <c r="D59812" s="1" t="s">
        <v>54523</v>
      </c>
      <c r="E59812" s="1" t="s">
        <v>200754</v>
      </c>
      <c r="F59812" s="1" t="s">
        <v>200755</v>
      </c>
      <c r="G59812" s="1" t="s">
        <v>200713</v>
      </c>
      <c r="H59812" s="1" t="s">
        <v>200714</v>
      </c>
      <c r="I59812" s="1" t="s">
        <v>199140</v>
      </c>
      <c r="J59812" s="1" t="s">
        <v>200756</v>
      </c>
    </row>
    <row r="59813" spans="1:10" x14ac:dyDescent="0.35">
      <c r="A59813" s="1" t="s">
        <v>14134</v>
      </c>
      <c r="B59813" s="1" t="s">
        <v>199134</v>
      </c>
      <c r="C59813" s="1" t="s">
        <v>85</v>
      </c>
      <c r="D59813" s="1" t="s">
        <v>70157</v>
      </c>
      <c r="E59813" s="1" t="s">
        <v>200757</v>
      </c>
      <c r="F59813" s="1" t="s">
        <v>200758</v>
      </c>
      <c r="G59813" s="1" t="s">
        <v>200713</v>
      </c>
      <c r="H59813" s="1" t="s">
        <v>200714</v>
      </c>
      <c r="I59813" s="1" t="s">
        <v>199140</v>
      </c>
      <c r="J59813" s="1" t="s">
        <v>200759</v>
      </c>
    </row>
    <row r="59814" spans="1:10" x14ac:dyDescent="0.35">
      <c r="A59814" s="1" t="s">
        <v>14134</v>
      </c>
      <c r="B59814" s="1" t="s">
        <v>199134</v>
      </c>
      <c r="C59814" s="1" t="s">
        <v>90</v>
      </c>
      <c r="D59814" s="1" t="s">
        <v>58113</v>
      </c>
      <c r="E59814" s="1" t="s">
        <v>200760</v>
      </c>
      <c r="F59814" s="1" t="s">
        <v>200761</v>
      </c>
      <c r="G59814" s="1" t="s">
        <v>200713</v>
      </c>
      <c r="H59814" s="1" t="s">
        <v>200714</v>
      </c>
      <c r="I59814" s="1" t="s">
        <v>199140</v>
      </c>
      <c r="J59814" s="1" t="s">
        <v>200762</v>
      </c>
    </row>
    <row r="59815" spans="1:10" x14ac:dyDescent="0.35">
      <c r="A59815" s="1" t="s">
        <v>14134</v>
      </c>
      <c r="B59815" s="1" t="s">
        <v>199134</v>
      </c>
      <c r="C59815" s="1" t="s">
        <v>95</v>
      </c>
      <c r="D59815" s="1" t="s">
        <v>200763</v>
      </c>
      <c r="E59815" s="1" t="s">
        <v>200764</v>
      </c>
      <c r="F59815" s="1" t="s">
        <v>200765</v>
      </c>
      <c r="G59815" s="1" t="s">
        <v>200713</v>
      </c>
      <c r="H59815" s="1" t="s">
        <v>200714</v>
      </c>
      <c r="I59815" s="1" t="s">
        <v>199140</v>
      </c>
      <c r="J59815" s="1" t="s">
        <v>200766</v>
      </c>
    </row>
    <row r="59816" spans="1:10" x14ac:dyDescent="0.35">
      <c r="A59816" s="1" t="s">
        <v>14134</v>
      </c>
      <c r="B59816" s="1" t="s">
        <v>199134</v>
      </c>
      <c r="C59816" s="1" t="s">
        <v>100</v>
      </c>
      <c r="D59816" s="1" t="s">
        <v>68962</v>
      </c>
      <c r="E59816" s="1" t="s">
        <v>200767</v>
      </c>
      <c r="F59816" s="1" t="s">
        <v>200768</v>
      </c>
      <c r="G59816" s="1" t="s">
        <v>200713</v>
      </c>
      <c r="H59816" s="1" t="s">
        <v>200714</v>
      </c>
      <c r="I59816" s="1" t="s">
        <v>199140</v>
      </c>
      <c r="J59816" s="1" t="s">
        <v>200769</v>
      </c>
    </row>
    <row r="59817" spans="1:10" x14ac:dyDescent="0.35">
      <c r="A59817" s="1" t="s">
        <v>14134</v>
      </c>
      <c r="B59817" s="1" t="s">
        <v>199134</v>
      </c>
      <c r="C59817" s="1" t="s">
        <v>105</v>
      </c>
      <c r="D59817" s="1" t="s">
        <v>56249</v>
      </c>
      <c r="E59817" s="1" t="s">
        <v>200770</v>
      </c>
      <c r="F59817" s="1" t="s">
        <v>200771</v>
      </c>
      <c r="G59817" s="1" t="s">
        <v>200713</v>
      </c>
      <c r="H59817" s="1" t="s">
        <v>200714</v>
      </c>
      <c r="I59817" s="1" t="s">
        <v>199140</v>
      </c>
      <c r="J59817" s="1" t="s">
        <v>200772</v>
      </c>
    </row>
    <row r="59818" spans="1:10" x14ac:dyDescent="0.35">
      <c r="A59818" s="1" t="s">
        <v>14134</v>
      </c>
      <c r="B59818" s="1" t="s">
        <v>199134</v>
      </c>
      <c r="C59818" s="1" t="s">
        <v>110</v>
      </c>
      <c r="D59818" s="1" t="s">
        <v>147726</v>
      </c>
      <c r="E59818" s="1" t="s">
        <v>200773</v>
      </c>
      <c r="F59818" s="1" t="s">
        <v>200774</v>
      </c>
      <c r="G59818" s="1" t="s">
        <v>200713</v>
      </c>
      <c r="H59818" s="1" t="s">
        <v>200714</v>
      </c>
      <c r="I59818" s="1" t="s">
        <v>199140</v>
      </c>
      <c r="J59818" s="1" t="s">
        <v>200775</v>
      </c>
    </row>
    <row r="59819" spans="1:10" x14ac:dyDescent="0.35">
      <c r="A59819" s="1" t="s">
        <v>14134</v>
      </c>
      <c r="B59819" s="1" t="s">
        <v>199134</v>
      </c>
      <c r="C59819" s="1" t="s">
        <v>115</v>
      </c>
      <c r="D59819" s="1" t="s">
        <v>77679</v>
      </c>
      <c r="E59819" s="1" t="s">
        <v>200776</v>
      </c>
      <c r="F59819" s="1" t="s">
        <v>200777</v>
      </c>
      <c r="G59819" s="1" t="s">
        <v>200713</v>
      </c>
      <c r="H59819" s="1" t="s">
        <v>200714</v>
      </c>
      <c r="I59819" s="1" t="s">
        <v>199140</v>
      </c>
      <c r="J59819" s="1" t="s">
        <v>200778</v>
      </c>
    </row>
    <row r="59820" spans="1:10" x14ac:dyDescent="0.35">
      <c r="A59820" s="1" t="s">
        <v>14134</v>
      </c>
      <c r="B59820" s="1" t="s">
        <v>199134</v>
      </c>
      <c r="C59820" s="1" t="s">
        <v>120</v>
      </c>
      <c r="D59820" s="1" t="s">
        <v>137078</v>
      </c>
      <c r="E59820" s="1" t="s">
        <v>200779</v>
      </c>
      <c r="F59820" s="1" t="s">
        <v>200780</v>
      </c>
      <c r="G59820" s="1" t="s">
        <v>200713</v>
      </c>
      <c r="H59820" s="1" t="s">
        <v>200714</v>
      </c>
      <c r="I59820" s="1" t="s">
        <v>199140</v>
      </c>
      <c r="J59820" s="1" t="s">
        <v>200781</v>
      </c>
    </row>
    <row r="59821" spans="1:10" x14ac:dyDescent="0.35">
      <c r="A59821" s="1" t="s">
        <v>14134</v>
      </c>
      <c r="B59821" s="1" t="s">
        <v>199134</v>
      </c>
      <c r="C59821" s="1" t="s">
        <v>125</v>
      </c>
      <c r="D59821" s="1" t="s">
        <v>163612</v>
      </c>
      <c r="E59821" s="1" t="s">
        <v>200782</v>
      </c>
      <c r="F59821" s="1" t="s">
        <v>200783</v>
      </c>
      <c r="G59821" s="1" t="s">
        <v>200713</v>
      </c>
      <c r="H59821" s="1" t="s">
        <v>200714</v>
      </c>
      <c r="I59821" s="1" t="s">
        <v>199140</v>
      </c>
      <c r="J59821" s="1" t="s">
        <v>200784</v>
      </c>
    </row>
    <row r="59822" spans="1:10" x14ac:dyDescent="0.35">
      <c r="A59822" s="1" t="s">
        <v>14134</v>
      </c>
      <c r="B59822" s="1" t="s">
        <v>199134</v>
      </c>
      <c r="C59822" s="1" t="s">
        <v>130</v>
      </c>
      <c r="D59822" s="1" t="s">
        <v>200785</v>
      </c>
      <c r="E59822" s="1" t="s">
        <v>200786</v>
      </c>
      <c r="F59822" s="1" t="s">
        <v>200787</v>
      </c>
      <c r="G59822" s="1" t="s">
        <v>200713</v>
      </c>
      <c r="H59822" s="1" t="s">
        <v>200714</v>
      </c>
      <c r="I59822" s="1" t="s">
        <v>199140</v>
      </c>
      <c r="J59822" s="1" t="s">
        <v>200788</v>
      </c>
    </row>
    <row r="59823" spans="1:10" x14ac:dyDescent="0.35">
      <c r="A59823" s="1" t="s">
        <v>14134</v>
      </c>
      <c r="B59823" s="1" t="s">
        <v>199134</v>
      </c>
      <c r="C59823" s="1" t="s">
        <v>135</v>
      </c>
      <c r="D59823" s="1" t="s">
        <v>100572</v>
      </c>
      <c r="E59823" s="1" t="s">
        <v>200789</v>
      </c>
      <c r="F59823" s="1" t="s">
        <v>200790</v>
      </c>
      <c r="G59823" s="1" t="s">
        <v>200713</v>
      </c>
      <c r="H59823" s="1" t="s">
        <v>200714</v>
      </c>
      <c r="I59823" s="1" t="s">
        <v>199140</v>
      </c>
      <c r="J59823" s="1" t="s">
        <v>200791</v>
      </c>
    </row>
    <row r="59824" spans="1:10" x14ac:dyDescent="0.35">
      <c r="A59824" s="1" t="s">
        <v>14134</v>
      </c>
      <c r="B59824" s="1" t="s">
        <v>199134</v>
      </c>
      <c r="C59824" s="1" t="s">
        <v>140</v>
      </c>
      <c r="D59824" s="1" t="s">
        <v>26921</v>
      </c>
      <c r="E59824" s="1" t="s">
        <v>200792</v>
      </c>
      <c r="F59824" s="1" t="s">
        <v>200793</v>
      </c>
      <c r="G59824" s="1" t="s">
        <v>200713</v>
      </c>
      <c r="H59824" s="1" t="s">
        <v>200714</v>
      </c>
      <c r="I59824" s="1" t="s">
        <v>199140</v>
      </c>
      <c r="J59824" s="1" t="s">
        <v>200794</v>
      </c>
    </row>
    <row r="59825" spans="1:10" x14ac:dyDescent="0.35">
      <c r="A59825" s="1" t="s">
        <v>14134</v>
      </c>
      <c r="B59825" s="1" t="s">
        <v>199134</v>
      </c>
      <c r="C59825" s="1" t="s">
        <v>145</v>
      </c>
      <c r="D59825" s="1" t="s">
        <v>200795</v>
      </c>
      <c r="E59825" s="1" t="s">
        <v>200796</v>
      </c>
      <c r="F59825" s="1" t="s">
        <v>200797</v>
      </c>
      <c r="G59825" s="1" t="s">
        <v>200713</v>
      </c>
      <c r="H59825" s="1" t="s">
        <v>200714</v>
      </c>
      <c r="I59825" s="1" t="s">
        <v>199140</v>
      </c>
      <c r="J59825" s="1" t="s">
        <v>200798</v>
      </c>
    </row>
    <row r="59826" spans="1:10" x14ac:dyDescent="0.35">
      <c r="A59826" s="1" t="s">
        <v>14134</v>
      </c>
      <c r="B59826" s="1" t="s">
        <v>199134</v>
      </c>
      <c r="C59826" s="1" t="s">
        <v>150</v>
      </c>
      <c r="D59826" s="1" t="s">
        <v>200799</v>
      </c>
      <c r="E59826" s="1" t="s">
        <v>200800</v>
      </c>
      <c r="F59826" s="1" t="s">
        <v>200801</v>
      </c>
      <c r="G59826" s="1" t="s">
        <v>200713</v>
      </c>
      <c r="H59826" s="1" t="s">
        <v>200714</v>
      </c>
      <c r="I59826" s="1" t="s">
        <v>199140</v>
      </c>
      <c r="J59826" s="1" t="s">
        <v>200802</v>
      </c>
    </row>
    <row r="59827" spans="1:10" x14ac:dyDescent="0.35">
      <c r="A59827" s="1" t="s">
        <v>14134</v>
      </c>
      <c r="B59827" s="1" t="s">
        <v>199134</v>
      </c>
      <c r="C59827" s="1" t="s">
        <v>155</v>
      </c>
      <c r="D59827" s="1" t="s">
        <v>69587</v>
      </c>
      <c r="E59827" s="1" t="s">
        <v>200803</v>
      </c>
      <c r="F59827" s="1" t="s">
        <v>200804</v>
      </c>
      <c r="G59827" s="1" t="s">
        <v>200713</v>
      </c>
      <c r="H59827" s="1" t="s">
        <v>200714</v>
      </c>
      <c r="I59827" s="1" t="s">
        <v>199140</v>
      </c>
      <c r="J59827" s="1" t="s">
        <v>200805</v>
      </c>
    </row>
    <row r="59828" spans="1:10" x14ac:dyDescent="0.35">
      <c r="A59828" s="1" t="s">
        <v>14134</v>
      </c>
      <c r="B59828" s="1" t="s">
        <v>199134</v>
      </c>
      <c r="C59828" s="1" t="s">
        <v>160</v>
      </c>
      <c r="D59828" s="1" t="s">
        <v>96150</v>
      </c>
      <c r="E59828" s="1" t="s">
        <v>200806</v>
      </c>
      <c r="F59828" s="1" t="s">
        <v>200807</v>
      </c>
      <c r="G59828" s="1" t="s">
        <v>200713</v>
      </c>
      <c r="H59828" s="1" t="s">
        <v>200714</v>
      </c>
      <c r="I59828" s="1" t="s">
        <v>199140</v>
      </c>
      <c r="J59828" s="1" t="s">
        <v>200808</v>
      </c>
    </row>
    <row r="59829" spans="1:10" x14ac:dyDescent="0.35">
      <c r="A59829" s="1" t="s">
        <v>14134</v>
      </c>
      <c r="B59829" s="1" t="s">
        <v>199134</v>
      </c>
      <c r="C59829" s="1" t="s">
        <v>165</v>
      </c>
      <c r="D59829" s="1" t="s">
        <v>200809</v>
      </c>
      <c r="E59829" s="1" t="s">
        <v>200810</v>
      </c>
      <c r="F59829" s="1" t="s">
        <v>200811</v>
      </c>
      <c r="G59829" s="1" t="s">
        <v>200713</v>
      </c>
      <c r="H59829" s="1" t="s">
        <v>200714</v>
      </c>
      <c r="I59829" s="1" t="s">
        <v>199140</v>
      </c>
      <c r="J59829" s="1" t="s">
        <v>200812</v>
      </c>
    </row>
    <row r="59830" spans="1:10" x14ac:dyDescent="0.35">
      <c r="A59830" s="1" t="s">
        <v>14134</v>
      </c>
      <c r="B59830" s="1" t="s">
        <v>199134</v>
      </c>
      <c r="C59830" s="1" t="s">
        <v>170</v>
      </c>
      <c r="D59830" s="1" t="s">
        <v>134862</v>
      </c>
      <c r="E59830" s="1" t="s">
        <v>200813</v>
      </c>
      <c r="F59830" s="1" t="s">
        <v>200814</v>
      </c>
      <c r="G59830" s="1" t="s">
        <v>200713</v>
      </c>
      <c r="H59830" s="1" t="s">
        <v>200714</v>
      </c>
      <c r="I59830" s="1" t="s">
        <v>199140</v>
      </c>
      <c r="J59830" s="1" t="s">
        <v>200815</v>
      </c>
    </row>
    <row r="59831" spans="1:10" x14ac:dyDescent="0.35">
      <c r="A59831" s="1" t="s">
        <v>15025</v>
      </c>
      <c r="B59831" s="1" t="s">
        <v>199134</v>
      </c>
      <c r="C59831" s="1" t="s">
        <v>8</v>
      </c>
      <c r="D59831" s="1" t="s">
        <v>200816</v>
      </c>
      <c r="E59831" s="1" t="s">
        <v>200817</v>
      </c>
      <c r="F59831" s="1" t="s">
        <v>200818</v>
      </c>
      <c r="G59831" s="1" t="s">
        <v>200819</v>
      </c>
      <c r="H59831" s="1" t="s">
        <v>200820</v>
      </c>
      <c r="I59831" s="1" t="s">
        <v>199140</v>
      </c>
      <c r="J59831" s="1" t="s">
        <v>13</v>
      </c>
    </row>
    <row r="59832" spans="1:10" x14ac:dyDescent="0.35">
      <c r="A59832" s="1" t="s">
        <v>15025</v>
      </c>
      <c r="B59832" s="1" t="s">
        <v>199134</v>
      </c>
      <c r="C59832" s="1" t="s">
        <v>15</v>
      </c>
      <c r="D59832" s="1" t="s">
        <v>81135</v>
      </c>
      <c r="E59832" s="1" t="s">
        <v>200821</v>
      </c>
      <c r="F59832" s="1" t="s">
        <v>200822</v>
      </c>
      <c r="G59832" s="1" t="s">
        <v>200819</v>
      </c>
      <c r="H59832" s="1" t="s">
        <v>200820</v>
      </c>
      <c r="I59832" s="1" t="s">
        <v>199140</v>
      </c>
      <c r="J59832" s="1" t="s">
        <v>200823</v>
      </c>
    </row>
    <row r="59833" spans="1:10" x14ac:dyDescent="0.35">
      <c r="A59833" s="1" t="s">
        <v>15025</v>
      </c>
      <c r="B59833" s="1" t="s">
        <v>199134</v>
      </c>
      <c r="C59833" s="1" t="s">
        <v>20</v>
      </c>
      <c r="D59833" s="1" t="s">
        <v>14442</v>
      </c>
      <c r="E59833" s="1" t="s">
        <v>200824</v>
      </c>
      <c r="F59833" s="1" t="s">
        <v>200825</v>
      </c>
      <c r="G59833" s="1" t="s">
        <v>200819</v>
      </c>
      <c r="H59833" s="1" t="s">
        <v>200820</v>
      </c>
      <c r="I59833" s="1" t="s">
        <v>199140</v>
      </c>
      <c r="J59833" s="1" t="s">
        <v>200826</v>
      </c>
    </row>
    <row r="59834" spans="1:10" x14ac:dyDescent="0.35">
      <c r="A59834" s="1" t="s">
        <v>15025</v>
      </c>
      <c r="B59834" s="1" t="s">
        <v>199134</v>
      </c>
      <c r="C59834" s="1" t="s">
        <v>25</v>
      </c>
      <c r="D59834" s="1" t="s">
        <v>75545</v>
      </c>
      <c r="E59834" s="1" t="s">
        <v>200827</v>
      </c>
      <c r="F59834" s="1" t="s">
        <v>200828</v>
      </c>
      <c r="G59834" s="1" t="s">
        <v>200819</v>
      </c>
      <c r="H59834" s="1" t="s">
        <v>200820</v>
      </c>
      <c r="I59834" s="1" t="s">
        <v>199140</v>
      </c>
      <c r="J59834" s="1" t="s">
        <v>200829</v>
      </c>
    </row>
    <row r="59835" spans="1:10" x14ac:dyDescent="0.35">
      <c r="A59835" s="1" t="s">
        <v>15025</v>
      </c>
      <c r="B59835" s="1" t="s">
        <v>199134</v>
      </c>
      <c r="C59835" s="1" t="s">
        <v>30</v>
      </c>
      <c r="D59835" s="1" t="s">
        <v>60788</v>
      </c>
      <c r="E59835" s="1" t="s">
        <v>200830</v>
      </c>
      <c r="F59835" s="1" t="s">
        <v>200831</v>
      </c>
      <c r="G59835" s="1" t="s">
        <v>200819</v>
      </c>
      <c r="H59835" s="1" t="s">
        <v>200820</v>
      </c>
      <c r="I59835" s="1" t="s">
        <v>199140</v>
      </c>
      <c r="J59835" s="1" t="s">
        <v>200832</v>
      </c>
    </row>
    <row r="59836" spans="1:10" x14ac:dyDescent="0.35">
      <c r="A59836" s="1" t="s">
        <v>15025</v>
      </c>
      <c r="B59836" s="1" t="s">
        <v>199134</v>
      </c>
      <c r="C59836" s="1" t="s">
        <v>35</v>
      </c>
      <c r="D59836" s="1" t="s">
        <v>200833</v>
      </c>
      <c r="E59836" s="1" t="s">
        <v>200834</v>
      </c>
      <c r="F59836" s="1" t="s">
        <v>200835</v>
      </c>
      <c r="G59836" s="1" t="s">
        <v>200819</v>
      </c>
      <c r="H59836" s="1" t="s">
        <v>200820</v>
      </c>
      <c r="I59836" s="1" t="s">
        <v>199140</v>
      </c>
      <c r="J59836" s="1" t="s">
        <v>200836</v>
      </c>
    </row>
    <row r="59837" spans="1:10" x14ac:dyDescent="0.35">
      <c r="A59837" s="1" t="s">
        <v>15025</v>
      </c>
      <c r="B59837" s="1" t="s">
        <v>199134</v>
      </c>
      <c r="C59837" s="1" t="s">
        <v>40</v>
      </c>
      <c r="D59837" s="1" t="s">
        <v>68010</v>
      </c>
      <c r="E59837" s="1" t="s">
        <v>200837</v>
      </c>
      <c r="F59837" s="1" t="s">
        <v>200838</v>
      </c>
      <c r="G59837" s="1" t="s">
        <v>200819</v>
      </c>
      <c r="H59837" s="1" t="s">
        <v>200820</v>
      </c>
      <c r="I59837" s="1" t="s">
        <v>199140</v>
      </c>
      <c r="J59837" s="1" t="s">
        <v>200839</v>
      </c>
    </row>
    <row r="59838" spans="1:10" x14ac:dyDescent="0.35">
      <c r="A59838" s="1" t="s">
        <v>15025</v>
      </c>
      <c r="B59838" s="1" t="s">
        <v>199134</v>
      </c>
      <c r="C59838" s="1" t="s">
        <v>45</v>
      </c>
      <c r="D59838" s="1" t="s">
        <v>200840</v>
      </c>
      <c r="E59838" s="1" t="s">
        <v>200841</v>
      </c>
      <c r="F59838" s="1" t="s">
        <v>200842</v>
      </c>
      <c r="G59838" s="1" t="s">
        <v>200819</v>
      </c>
      <c r="H59838" s="1" t="s">
        <v>200820</v>
      </c>
      <c r="I59838" s="1" t="s">
        <v>199140</v>
      </c>
      <c r="J59838" s="1" t="s">
        <v>200843</v>
      </c>
    </row>
    <row r="59839" spans="1:10" x14ac:dyDescent="0.35">
      <c r="A59839" s="1" t="s">
        <v>15025</v>
      </c>
      <c r="B59839" s="1" t="s">
        <v>199134</v>
      </c>
      <c r="C59839" s="1" t="s">
        <v>50</v>
      </c>
      <c r="D59839" s="1" t="s">
        <v>200844</v>
      </c>
      <c r="E59839" s="1" t="s">
        <v>200845</v>
      </c>
      <c r="F59839" s="1" t="s">
        <v>200846</v>
      </c>
      <c r="G59839" s="1" t="s">
        <v>200819</v>
      </c>
      <c r="H59839" s="1" t="s">
        <v>200820</v>
      </c>
      <c r="I59839" s="1" t="s">
        <v>199140</v>
      </c>
      <c r="J59839" s="1" t="s">
        <v>200847</v>
      </c>
    </row>
    <row r="59840" spans="1:10" x14ac:dyDescent="0.35">
      <c r="A59840" s="1" t="s">
        <v>15025</v>
      </c>
      <c r="B59840" s="1" t="s">
        <v>199134</v>
      </c>
      <c r="C59840" s="1" t="s">
        <v>55</v>
      </c>
      <c r="D59840" s="1" t="s">
        <v>96828</v>
      </c>
      <c r="E59840" s="1" t="s">
        <v>200848</v>
      </c>
      <c r="F59840" s="1" t="s">
        <v>200849</v>
      </c>
      <c r="G59840" s="1" t="s">
        <v>200819</v>
      </c>
      <c r="H59840" s="1" t="s">
        <v>200820</v>
      </c>
      <c r="I59840" s="1" t="s">
        <v>199140</v>
      </c>
      <c r="J59840" s="1" t="s">
        <v>200850</v>
      </c>
    </row>
    <row r="59841" spans="1:10" x14ac:dyDescent="0.35">
      <c r="A59841" s="1" t="s">
        <v>15025</v>
      </c>
      <c r="B59841" s="1" t="s">
        <v>199134</v>
      </c>
      <c r="C59841" s="1" t="s">
        <v>60</v>
      </c>
      <c r="D59841" s="1" t="s">
        <v>160433</v>
      </c>
      <c r="E59841" s="1" t="s">
        <v>200851</v>
      </c>
      <c r="F59841" s="1" t="s">
        <v>200852</v>
      </c>
      <c r="G59841" s="1" t="s">
        <v>200819</v>
      </c>
      <c r="H59841" s="1" t="s">
        <v>200820</v>
      </c>
      <c r="I59841" s="1" t="s">
        <v>199140</v>
      </c>
      <c r="J59841" s="1" t="s">
        <v>200853</v>
      </c>
    </row>
    <row r="59842" spans="1:10" x14ac:dyDescent="0.35">
      <c r="A59842" s="1" t="s">
        <v>15025</v>
      </c>
      <c r="B59842" s="1" t="s">
        <v>199134</v>
      </c>
      <c r="C59842" s="1" t="s">
        <v>65</v>
      </c>
      <c r="D59842" s="1" t="s">
        <v>59833</v>
      </c>
      <c r="E59842" s="1" t="s">
        <v>200854</v>
      </c>
      <c r="F59842" s="1" t="s">
        <v>200855</v>
      </c>
      <c r="G59842" s="1" t="s">
        <v>200819</v>
      </c>
      <c r="H59842" s="1" t="s">
        <v>200820</v>
      </c>
      <c r="I59842" s="1" t="s">
        <v>199140</v>
      </c>
      <c r="J59842" s="1" t="s">
        <v>200856</v>
      </c>
    </row>
    <row r="59843" spans="1:10" x14ac:dyDescent="0.35">
      <c r="A59843" s="1" t="s">
        <v>15025</v>
      </c>
      <c r="B59843" s="1" t="s">
        <v>199134</v>
      </c>
      <c r="C59843" s="1" t="s">
        <v>70</v>
      </c>
      <c r="D59843" s="1" t="s">
        <v>200857</v>
      </c>
      <c r="E59843" s="1" t="s">
        <v>200858</v>
      </c>
      <c r="F59843" s="1" t="s">
        <v>200859</v>
      </c>
      <c r="G59843" s="1" t="s">
        <v>200819</v>
      </c>
      <c r="H59843" s="1" t="s">
        <v>200820</v>
      </c>
      <c r="I59843" s="1" t="s">
        <v>199140</v>
      </c>
      <c r="J59843" s="1" t="s">
        <v>200860</v>
      </c>
    </row>
    <row r="59844" spans="1:10" x14ac:dyDescent="0.35">
      <c r="A59844" s="1" t="s">
        <v>15025</v>
      </c>
      <c r="B59844" s="1" t="s">
        <v>199134</v>
      </c>
      <c r="C59844" s="1" t="s">
        <v>75</v>
      </c>
      <c r="D59844" s="1" t="s">
        <v>20610</v>
      </c>
      <c r="E59844" s="1" t="s">
        <v>200861</v>
      </c>
      <c r="F59844" s="1" t="s">
        <v>200862</v>
      </c>
      <c r="G59844" s="1" t="s">
        <v>200819</v>
      </c>
      <c r="H59844" s="1" t="s">
        <v>200820</v>
      </c>
      <c r="I59844" s="1" t="s">
        <v>199140</v>
      </c>
      <c r="J59844" s="1" t="s">
        <v>200863</v>
      </c>
    </row>
    <row r="59845" spans="1:10" x14ac:dyDescent="0.35">
      <c r="A59845" s="1" t="s">
        <v>15025</v>
      </c>
      <c r="B59845" s="1" t="s">
        <v>199134</v>
      </c>
      <c r="C59845" s="1" t="s">
        <v>80</v>
      </c>
      <c r="D59845" s="1" t="s">
        <v>59027</v>
      </c>
      <c r="E59845" s="1" t="s">
        <v>200864</v>
      </c>
      <c r="F59845" s="1" t="s">
        <v>200865</v>
      </c>
      <c r="G59845" s="1" t="s">
        <v>200819</v>
      </c>
      <c r="H59845" s="1" t="s">
        <v>200820</v>
      </c>
      <c r="I59845" s="1" t="s">
        <v>199140</v>
      </c>
      <c r="J59845" s="1" t="s">
        <v>200866</v>
      </c>
    </row>
    <row r="59846" spans="1:10" x14ac:dyDescent="0.35">
      <c r="A59846" s="1" t="s">
        <v>15025</v>
      </c>
      <c r="B59846" s="1" t="s">
        <v>199134</v>
      </c>
      <c r="C59846" s="1" t="s">
        <v>85</v>
      </c>
      <c r="D59846" s="1" t="s">
        <v>56838</v>
      </c>
      <c r="E59846" s="1" t="s">
        <v>200867</v>
      </c>
      <c r="F59846" s="1" t="s">
        <v>200868</v>
      </c>
      <c r="G59846" s="1" t="s">
        <v>200819</v>
      </c>
      <c r="H59846" s="1" t="s">
        <v>200820</v>
      </c>
      <c r="I59846" s="1" t="s">
        <v>199140</v>
      </c>
      <c r="J59846" s="1" t="s">
        <v>200869</v>
      </c>
    </row>
    <row r="59847" spans="1:10" x14ac:dyDescent="0.35">
      <c r="A59847" s="1" t="s">
        <v>15025</v>
      </c>
      <c r="B59847" s="1" t="s">
        <v>199134</v>
      </c>
      <c r="C59847" s="1" t="s">
        <v>90</v>
      </c>
      <c r="D59847" s="1" t="s">
        <v>78910</v>
      </c>
      <c r="E59847" s="1" t="s">
        <v>200870</v>
      </c>
      <c r="F59847" s="1" t="s">
        <v>200871</v>
      </c>
      <c r="G59847" s="1" t="s">
        <v>200819</v>
      </c>
      <c r="H59847" s="1" t="s">
        <v>200820</v>
      </c>
      <c r="I59847" s="1" t="s">
        <v>199140</v>
      </c>
      <c r="J59847" s="1" t="s">
        <v>200872</v>
      </c>
    </row>
    <row r="59848" spans="1:10" x14ac:dyDescent="0.35">
      <c r="A59848" s="1" t="s">
        <v>15025</v>
      </c>
      <c r="B59848" s="1" t="s">
        <v>199134</v>
      </c>
      <c r="C59848" s="1" t="s">
        <v>95</v>
      </c>
      <c r="D59848" s="1" t="s">
        <v>67206</v>
      </c>
      <c r="E59848" s="1" t="s">
        <v>200873</v>
      </c>
      <c r="F59848" s="1" t="s">
        <v>200874</v>
      </c>
      <c r="G59848" s="1" t="s">
        <v>200819</v>
      </c>
      <c r="H59848" s="1" t="s">
        <v>200820</v>
      </c>
      <c r="I59848" s="1" t="s">
        <v>199140</v>
      </c>
      <c r="J59848" s="1" t="s">
        <v>200875</v>
      </c>
    </row>
    <row r="59849" spans="1:10" x14ac:dyDescent="0.35">
      <c r="A59849" s="1" t="s">
        <v>15025</v>
      </c>
      <c r="B59849" s="1" t="s">
        <v>199134</v>
      </c>
      <c r="C59849" s="1" t="s">
        <v>100</v>
      </c>
      <c r="D59849" s="1" t="s">
        <v>200876</v>
      </c>
      <c r="E59849" s="1" t="s">
        <v>200877</v>
      </c>
      <c r="F59849" s="1" t="s">
        <v>200878</v>
      </c>
      <c r="G59849" s="1" t="s">
        <v>200819</v>
      </c>
      <c r="H59849" s="1" t="s">
        <v>200820</v>
      </c>
      <c r="I59849" s="1" t="s">
        <v>199140</v>
      </c>
      <c r="J59849" s="1" t="s">
        <v>200879</v>
      </c>
    </row>
    <row r="59850" spans="1:10" x14ac:dyDescent="0.35">
      <c r="A59850" s="1" t="s">
        <v>15025</v>
      </c>
      <c r="B59850" s="1" t="s">
        <v>199134</v>
      </c>
      <c r="C59850" s="1" t="s">
        <v>105</v>
      </c>
      <c r="D59850" s="1" t="s">
        <v>137121</v>
      </c>
      <c r="E59850" s="1" t="s">
        <v>200880</v>
      </c>
      <c r="F59850" s="1" t="s">
        <v>200881</v>
      </c>
      <c r="G59850" s="1" t="s">
        <v>200819</v>
      </c>
      <c r="H59850" s="1" t="s">
        <v>200820</v>
      </c>
      <c r="I59850" s="1" t="s">
        <v>199140</v>
      </c>
      <c r="J59850" s="1" t="s">
        <v>200882</v>
      </c>
    </row>
    <row r="59851" spans="1:10" x14ac:dyDescent="0.35">
      <c r="A59851" s="1" t="s">
        <v>15025</v>
      </c>
      <c r="B59851" s="1" t="s">
        <v>199134</v>
      </c>
      <c r="C59851" s="1" t="s">
        <v>110</v>
      </c>
      <c r="D59851" s="1" t="s">
        <v>200883</v>
      </c>
      <c r="E59851" s="1" t="s">
        <v>200884</v>
      </c>
      <c r="F59851" s="1" t="s">
        <v>200885</v>
      </c>
      <c r="G59851" s="1" t="s">
        <v>200819</v>
      </c>
      <c r="H59851" s="1" t="s">
        <v>200820</v>
      </c>
      <c r="I59851" s="1" t="s">
        <v>199140</v>
      </c>
      <c r="J59851" s="1" t="s">
        <v>200886</v>
      </c>
    </row>
    <row r="59852" spans="1:10" x14ac:dyDescent="0.35">
      <c r="A59852" s="1" t="s">
        <v>15025</v>
      </c>
      <c r="B59852" s="1" t="s">
        <v>199134</v>
      </c>
      <c r="C59852" s="1" t="s">
        <v>115</v>
      </c>
      <c r="D59852" s="1" t="s">
        <v>200887</v>
      </c>
      <c r="E59852" s="1" t="s">
        <v>200888</v>
      </c>
      <c r="F59852" s="1" t="s">
        <v>200889</v>
      </c>
      <c r="G59852" s="1" t="s">
        <v>200819</v>
      </c>
      <c r="H59852" s="1" t="s">
        <v>200820</v>
      </c>
      <c r="I59852" s="1" t="s">
        <v>199140</v>
      </c>
      <c r="J59852" s="1" t="s">
        <v>200890</v>
      </c>
    </row>
    <row r="59853" spans="1:10" x14ac:dyDescent="0.35">
      <c r="A59853" s="1" t="s">
        <v>15025</v>
      </c>
      <c r="B59853" s="1" t="s">
        <v>199134</v>
      </c>
      <c r="C59853" s="1" t="s">
        <v>120</v>
      </c>
      <c r="D59853" s="1" t="s">
        <v>66418</v>
      </c>
      <c r="E59853" s="1" t="s">
        <v>200891</v>
      </c>
      <c r="F59853" s="1" t="s">
        <v>200892</v>
      </c>
      <c r="G59853" s="1" t="s">
        <v>200819</v>
      </c>
      <c r="H59853" s="1" t="s">
        <v>200820</v>
      </c>
      <c r="I59853" s="1" t="s">
        <v>199140</v>
      </c>
      <c r="J59853" s="1" t="s">
        <v>200893</v>
      </c>
    </row>
    <row r="59854" spans="1:10" x14ac:dyDescent="0.35">
      <c r="A59854" s="1" t="s">
        <v>15025</v>
      </c>
      <c r="B59854" s="1" t="s">
        <v>199134</v>
      </c>
      <c r="C59854" s="1" t="s">
        <v>125</v>
      </c>
      <c r="D59854" s="1" t="s">
        <v>200894</v>
      </c>
      <c r="E59854" s="1" t="s">
        <v>200895</v>
      </c>
      <c r="F59854" s="1" t="s">
        <v>200896</v>
      </c>
      <c r="G59854" s="1" t="s">
        <v>200819</v>
      </c>
      <c r="H59854" s="1" t="s">
        <v>200820</v>
      </c>
      <c r="I59854" s="1" t="s">
        <v>199140</v>
      </c>
      <c r="J59854" s="1" t="s">
        <v>200897</v>
      </c>
    </row>
    <row r="59855" spans="1:10" x14ac:dyDescent="0.35">
      <c r="A59855" s="1" t="s">
        <v>15025</v>
      </c>
      <c r="B59855" s="1" t="s">
        <v>199134</v>
      </c>
      <c r="C59855" s="1" t="s">
        <v>130</v>
      </c>
      <c r="D59855" s="1" t="s">
        <v>70605</v>
      </c>
      <c r="E59855" s="1" t="s">
        <v>200898</v>
      </c>
      <c r="F59855" s="1" t="s">
        <v>200899</v>
      </c>
      <c r="G59855" s="1" t="s">
        <v>200819</v>
      </c>
      <c r="H59855" s="1" t="s">
        <v>200820</v>
      </c>
      <c r="I59855" s="1" t="s">
        <v>199140</v>
      </c>
      <c r="J59855" s="1" t="s">
        <v>200900</v>
      </c>
    </row>
    <row r="59856" spans="1:10" x14ac:dyDescent="0.35">
      <c r="A59856" s="1" t="s">
        <v>15025</v>
      </c>
      <c r="B59856" s="1" t="s">
        <v>199134</v>
      </c>
      <c r="C59856" s="1" t="s">
        <v>135</v>
      </c>
      <c r="D59856" s="1" t="s">
        <v>200901</v>
      </c>
      <c r="E59856" s="1" t="s">
        <v>200902</v>
      </c>
      <c r="F59856" s="1" t="s">
        <v>200903</v>
      </c>
      <c r="G59856" s="1" t="s">
        <v>200819</v>
      </c>
      <c r="H59856" s="1" t="s">
        <v>200820</v>
      </c>
      <c r="I59856" s="1" t="s">
        <v>199140</v>
      </c>
      <c r="J59856" s="1" t="s">
        <v>200904</v>
      </c>
    </row>
    <row r="59857" spans="1:10" x14ac:dyDescent="0.35">
      <c r="A59857" s="1" t="s">
        <v>15025</v>
      </c>
      <c r="B59857" s="1" t="s">
        <v>199134</v>
      </c>
      <c r="C59857" s="1" t="s">
        <v>140</v>
      </c>
      <c r="D59857" s="1" t="s">
        <v>58342</v>
      </c>
      <c r="E59857" s="1" t="s">
        <v>200905</v>
      </c>
      <c r="F59857" s="1" t="s">
        <v>200906</v>
      </c>
      <c r="G59857" s="1" t="s">
        <v>200819</v>
      </c>
      <c r="H59857" s="1" t="s">
        <v>200820</v>
      </c>
      <c r="I59857" s="1" t="s">
        <v>199140</v>
      </c>
      <c r="J59857" s="1" t="s">
        <v>200907</v>
      </c>
    </row>
    <row r="59858" spans="1:10" x14ac:dyDescent="0.35">
      <c r="A59858" s="1" t="s">
        <v>15025</v>
      </c>
      <c r="B59858" s="1" t="s">
        <v>199134</v>
      </c>
      <c r="C59858" s="1" t="s">
        <v>145</v>
      </c>
      <c r="D59858" s="1" t="s">
        <v>200908</v>
      </c>
      <c r="E59858" s="1" t="s">
        <v>200909</v>
      </c>
      <c r="F59858" s="1" t="s">
        <v>200910</v>
      </c>
      <c r="G59858" s="1" t="s">
        <v>200819</v>
      </c>
      <c r="H59858" s="1" t="s">
        <v>200820</v>
      </c>
      <c r="I59858" s="1" t="s">
        <v>199140</v>
      </c>
      <c r="J59858" s="1" t="s">
        <v>200911</v>
      </c>
    </row>
    <row r="59859" spans="1:10" x14ac:dyDescent="0.35">
      <c r="A59859" s="1" t="s">
        <v>15025</v>
      </c>
      <c r="B59859" s="1" t="s">
        <v>199134</v>
      </c>
      <c r="C59859" s="1" t="s">
        <v>150</v>
      </c>
      <c r="D59859" s="1" t="s">
        <v>96535</v>
      </c>
      <c r="E59859" s="1" t="s">
        <v>200912</v>
      </c>
      <c r="F59859" s="1" t="s">
        <v>200913</v>
      </c>
      <c r="G59859" s="1" t="s">
        <v>200819</v>
      </c>
      <c r="H59859" s="1" t="s">
        <v>200820</v>
      </c>
      <c r="I59859" s="1" t="s">
        <v>199140</v>
      </c>
      <c r="J59859" s="1" t="s">
        <v>200914</v>
      </c>
    </row>
    <row r="59860" spans="1:10" x14ac:dyDescent="0.35">
      <c r="A59860" s="1" t="s">
        <v>15025</v>
      </c>
      <c r="B59860" s="1" t="s">
        <v>199134</v>
      </c>
      <c r="C59860" s="1" t="s">
        <v>155</v>
      </c>
      <c r="D59860" s="1" t="s">
        <v>200915</v>
      </c>
      <c r="E59860" s="1" t="s">
        <v>200916</v>
      </c>
      <c r="F59860" s="1" t="s">
        <v>200917</v>
      </c>
      <c r="G59860" s="1" t="s">
        <v>200819</v>
      </c>
      <c r="H59860" s="1" t="s">
        <v>200820</v>
      </c>
      <c r="I59860" s="1" t="s">
        <v>199140</v>
      </c>
      <c r="J59860" s="1" t="s">
        <v>200918</v>
      </c>
    </row>
    <row r="59861" spans="1:10" x14ac:dyDescent="0.35">
      <c r="A59861" s="1" t="s">
        <v>15025</v>
      </c>
      <c r="B59861" s="1" t="s">
        <v>199134</v>
      </c>
      <c r="C59861" s="1" t="s">
        <v>160</v>
      </c>
      <c r="D59861" s="1" t="s">
        <v>200919</v>
      </c>
      <c r="E59861" s="1" t="s">
        <v>200920</v>
      </c>
      <c r="F59861" s="1" t="s">
        <v>200921</v>
      </c>
      <c r="G59861" s="1" t="s">
        <v>200819</v>
      </c>
      <c r="H59861" s="1" t="s">
        <v>200820</v>
      </c>
      <c r="I59861" s="1" t="s">
        <v>199140</v>
      </c>
      <c r="J59861" s="1" t="s">
        <v>200922</v>
      </c>
    </row>
    <row r="59862" spans="1:10" x14ac:dyDescent="0.35">
      <c r="A59862" s="1" t="s">
        <v>15025</v>
      </c>
      <c r="B59862" s="1" t="s">
        <v>199134</v>
      </c>
      <c r="C59862" s="1" t="s">
        <v>165</v>
      </c>
      <c r="D59862" s="1" t="s">
        <v>41550</v>
      </c>
      <c r="E59862" s="1" t="s">
        <v>200923</v>
      </c>
      <c r="F59862" s="1" t="s">
        <v>200924</v>
      </c>
      <c r="G59862" s="1" t="s">
        <v>200819</v>
      </c>
      <c r="H59862" s="1" t="s">
        <v>200820</v>
      </c>
      <c r="I59862" s="1" t="s">
        <v>199140</v>
      </c>
      <c r="J59862" s="1" t="s">
        <v>200925</v>
      </c>
    </row>
    <row r="59863" spans="1:10" x14ac:dyDescent="0.35">
      <c r="A59863" s="1" t="s">
        <v>15025</v>
      </c>
      <c r="B59863" s="1" t="s">
        <v>199134</v>
      </c>
      <c r="C59863" s="1" t="s">
        <v>170</v>
      </c>
      <c r="D59863" s="1" t="s">
        <v>99450</v>
      </c>
      <c r="E59863" s="1" t="s">
        <v>200926</v>
      </c>
      <c r="F59863" s="1" t="s">
        <v>200927</v>
      </c>
      <c r="G59863" s="1" t="s">
        <v>200819</v>
      </c>
      <c r="H59863" s="1" t="s">
        <v>200820</v>
      </c>
      <c r="I59863" s="1" t="s">
        <v>199140</v>
      </c>
      <c r="J59863" s="1" t="s">
        <v>200928</v>
      </c>
    </row>
    <row r="59864" spans="1:10" x14ac:dyDescent="0.35">
      <c r="A59864" s="1" t="s">
        <v>25393</v>
      </c>
      <c r="B59864" s="1" t="s">
        <v>199134</v>
      </c>
      <c r="C59864" s="1" t="s">
        <v>8</v>
      </c>
      <c r="D59864" s="1" t="s">
        <v>93442</v>
      </c>
      <c r="E59864" s="1" t="s">
        <v>200929</v>
      </c>
      <c r="F59864" s="1" t="s">
        <v>200930</v>
      </c>
      <c r="G59864" s="1" t="s">
        <v>200931</v>
      </c>
      <c r="H59864" s="1" t="s">
        <v>200932</v>
      </c>
      <c r="I59864" s="1" t="s">
        <v>199140</v>
      </c>
      <c r="J59864" s="1" t="s">
        <v>13</v>
      </c>
    </row>
    <row r="59865" spans="1:10" x14ac:dyDescent="0.35">
      <c r="A59865" s="1" t="s">
        <v>25393</v>
      </c>
      <c r="B59865" s="1" t="s">
        <v>199134</v>
      </c>
      <c r="C59865" s="1" t="s">
        <v>15</v>
      </c>
      <c r="D59865" s="1" t="s">
        <v>200933</v>
      </c>
      <c r="E59865" s="1" t="s">
        <v>200934</v>
      </c>
      <c r="F59865" s="1" t="s">
        <v>200935</v>
      </c>
      <c r="G59865" s="1" t="s">
        <v>200931</v>
      </c>
      <c r="H59865" s="1" t="s">
        <v>200932</v>
      </c>
      <c r="I59865" s="1" t="s">
        <v>199140</v>
      </c>
      <c r="J59865" s="1" t="s">
        <v>200936</v>
      </c>
    </row>
    <row r="59866" spans="1:10" x14ac:dyDescent="0.35">
      <c r="A59866" s="1" t="s">
        <v>25393</v>
      </c>
      <c r="B59866" s="1" t="s">
        <v>199134</v>
      </c>
      <c r="C59866" s="1" t="s">
        <v>20</v>
      </c>
      <c r="D59866" s="1" t="s">
        <v>60236</v>
      </c>
      <c r="E59866" s="1" t="s">
        <v>200937</v>
      </c>
      <c r="F59866" s="1" t="s">
        <v>200938</v>
      </c>
      <c r="G59866" s="1" t="s">
        <v>200931</v>
      </c>
      <c r="H59866" s="1" t="s">
        <v>200932</v>
      </c>
      <c r="I59866" s="1" t="s">
        <v>199140</v>
      </c>
      <c r="J59866" s="1" t="s">
        <v>200939</v>
      </c>
    </row>
    <row r="59867" spans="1:10" x14ac:dyDescent="0.35">
      <c r="A59867" s="1" t="s">
        <v>25393</v>
      </c>
      <c r="B59867" s="1" t="s">
        <v>199134</v>
      </c>
      <c r="C59867" s="1" t="s">
        <v>25</v>
      </c>
      <c r="D59867" s="1" t="s">
        <v>89790</v>
      </c>
      <c r="E59867" s="1" t="s">
        <v>200940</v>
      </c>
      <c r="F59867" s="1" t="s">
        <v>200941</v>
      </c>
      <c r="G59867" s="1" t="s">
        <v>200931</v>
      </c>
      <c r="H59867" s="1" t="s">
        <v>200932</v>
      </c>
      <c r="I59867" s="1" t="s">
        <v>199140</v>
      </c>
      <c r="J59867" s="1" t="s">
        <v>200942</v>
      </c>
    </row>
    <row r="59868" spans="1:10" x14ac:dyDescent="0.35">
      <c r="A59868" s="1" t="s">
        <v>25393</v>
      </c>
      <c r="B59868" s="1" t="s">
        <v>199134</v>
      </c>
      <c r="C59868" s="1" t="s">
        <v>30</v>
      </c>
      <c r="D59868" s="1" t="s">
        <v>89636</v>
      </c>
      <c r="E59868" s="1" t="s">
        <v>200943</v>
      </c>
      <c r="F59868" s="1" t="s">
        <v>200944</v>
      </c>
      <c r="G59868" s="1" t="s">
        <v>200931</v>
      </c>
      <c r="H59868" s="1" t="s">
        <v>200932</v>
      </c>
      <c r="I59868" s="1" t="s">
        <v>199140</v>
      </c>
      <c r="J59868" s="1" t="s">
        <v>200039</v>
      </c>
    </row>
    <row r="59869" spans="1:10" x14ac:dyDescent="0.35">
      <c r="A59869" s="1" t="s">
        <v>25393</v>
      </c>
      <c r="B59869" s="1" t="s">
        <v>199134</v>
      </c>
      <c r="C59869" s="1" t="s">
        <v>35</v>
      </c>
      <c r="D59869" s="1" t="s">
        <v>40697</v>
      </c>
      <c r="E59869" s="1" t="s">
        <v>200945</v>
      </c>
      <c r="F59869" s="1" t="s">
        <v>200946</v>
      </c>
      <c r="G59869" s="1" t="s">
        <v>200931</v>
      </c>
      <c r="H59869" s="1" t="s">
        <v>200932</v>
      </c>
      <c r="I59869" s="1" t="s">
        <v>199140</v>
      </c>
      <c r="J59869" s="1" t="s">
        <v>200947</v>
      </c>
    </row>
    <row r="59870" spans="1:10" x14ac:dyDescent="0.35">
      <c r="A59870" s="1" t="s">
        <v>25393</v>
      </c>
      <c r="B59870" s="1" t="s">
        <v>199134</v>
      </c>
      <c r="C59870" s="1" t="s">
        <v>40</v>
      </c>
      <c r="D59870" s="1" t="s">
        <v>200948</v>
      </c>
      <c r="E59870" s="1" t="s">
        <v>200949</v>
      </c>
      <c r="F59870" s="1" t="s">
        <v>200950</v>
      </c>
      <c r="G59870" s="1" t="s">
        <v>200931</v>
      </c>
      <c r="H59870" s="1" t="s">
        <v>200932</v>
      </c>
      <c r="I59870" s="1" t="s">
        <v>199140</v>
      </c>
      <c r="J59870" s="1" t="s">
        <v>200951</v>
      </c>
    </row>
    <row r="59871" spans="1:10" x14ac:dyDescent="0.35">
      <c r="A59871" s="1" t="s">
        <v>25393</v>
      </c>
      <c r="B59871" s="1" t="s">
        <v>199134</v>
      </c>
      <c r="C59871" s="1" t="s">
        <v>45</v>
      </c>
      <c r="D59871" s="1" t="s">
        <v>199160</v>
      </c>
      <c r="E59871" s="1" t="s">
        <v>200952</v>
      </c>
      <c r="F59871" s="1" t="s">
        <v>200953</v>
      </c>
      <c r="G59871" s="1" t="s">
        <v>200931</v>
      </c>
      <c r="H59871" s="1" t="s">
        <v>200932</v>
      </c>
      <c r="I59871" s="1" t="s">
        <v>199140</v>
      </c>
      <c r="J59871" s="1" t="s">
        <v>200954</v>
      </c>
    </row>
    <row r="59872" spans="1:10" x14ac:dyDescent="0.35">
      <c r="A59872" s="1" t="s">
        <v>25393</v>
      </c>
      <c r="B59872" s="1" t="s">
        <v>199134</v>
      </c>
      <c r="C59872" s="1" t="s">
        <v>50</v>
      </c>
      <c r="D59872" s="1" t="s">
        <v>21647</v>
      </c>
      <c r="E59872" s="1" t="s">
        <v>200955</v>
      </c>
      <c r="F59872" s="1" t="s">
        <v>200956</v>
      </c>
      <c r="G59872" s="1" t="s">
        <v>200931</v>
      </c>
      <c r="H59872" s="1" t="s">
        <v>200932</v>
      </c>
      <c r="I59872" s="1" t="s">
        <v>199140</v>
      </c>
      <c r="J59872" s="1" t="s">
        <v>200957</v>
      </c>
    </row>
    <row r="59873" spans="1:10" x14ac:dyDescent="0.35">
      <c r="A59873" s="1" t="s">
        <v>25393</v>
      </c>
      <c r="B59873" s="1" t="s">
        <v>199134</v>
      </c>
      <c r="C59873" s="1" t="s">
        <v>55</v>
      </c>
      <c r="D59873" s="1" t="s">
        <v>133371</v>
      </c>
      <c r="E59873" s="1" t="s">
        <v>200958</v>
      </c>
      <c r="F59873" s="1" t="s">
        <v>200959</v>
      </c>
      <c r="G59873" s="1" t="s">
        <v>200931</v>
      </c>
      <c r="H59873" s="1" t="s">
        <v>200932</v>
      </c>
      <c r="I59873" s="1" t="s">
        <v>199140</v>
      </c>
      <c r="J59873" s="1" t="s">
        <v>200960</v>
      </c>
    </row>
    <row r="59874" spans="1:10" x14ac:dyDescent="0.35">
      <c r="A59874" s="1" t="s">
        <v>25393</v>
      </c>
      <c r="B59874" s="1" t="s">
        <v>199134</v>
      </c>
      <c r="C59874" s="1" t="s">
        <v>60</v>
      </c>
      <c r="D59874" s="1" t="s">
        <v>99374</v>
      </c>
      <c r="E59874" s="1" t="s">
        <v>200961</v>
      </c>
      <c r="F59874" s="1" t="s">
        <v>200962</v>
      </c>
      <c r="G59874" s="1" t="s">
        <v>200931</v>
      </c>
      <c r="H59874" s="1" t="s">
        <v>200932</v>
      </c>
      <c r="I59874" s="1" t="s">
        <v>199140</v>
      </c>
      <c r="J59874" s="1" t="s">
        <v>200963</v>
      </c>
    </row>
    <row r="59875" spans="1:10" x14ac:dyDescent="0.35">
      <c r="A59875" s="1" t="s">
        <v>25393</v>
      </c>
      <c r="B59875" s="1" t="s">
        <v>199134</v>
      </c>
      <c r="C59875" s="1" t="s">
        <v>65</v>
      </c>
      <c r="D59875" s="1" t="s">
        <v>200964</v>
      </c>
      <c r="E59875" s="1" t="s">
        <v>200965</v>
      </c>
      <c r="F59875" s="1" t="s">
        <v>200966</v>
      </c>
      <c r="G59875" s="1" t="s">
        <v>200931</v>
      </c>
      <c r="H59875" s="1" t="s">
        <v>200932</v>
      </c>
      <c r="I59875" s="1" t="s">
        <v>199140</v>
      </c>
      <c r="J59875" s="1" t="s">
        <v>200967</v>
      </c>
    </row>
    <row r="59876" spans="1:10" x14ac:dyDescent="0.35">
      <c r="A59876" s="1" t="s">
        <v>25393</v>
      </c>
      <c r="B59876" s="1" t="s">
        <v>199134</v>
      </c>
      <c r="C59876" s="1" t="s">
        <v>70</v>
      </c>
      <c r="D59876" s="1" t="s">
        <v>138832</v>
      </c>
      <c r="E59876" s="1" t="s">
        <v>200968</v>
      </c>
      <c r="F59876" s="1" t="s">
        <v>200969</v>
      </c>
      <c r="G59876" s="1" t="s">
        <v>200931</v>
      </c>
      <c r="H59876" s="1" t="s">
        <v>200932</v>
      </c>
      <c r="I59876" s="1" t="s">
        <v>199140</v>
      </c>
      <c r="J59876" s="1" t="s">
        <v>200970</v>
      </c>
    </row>
    <row r="59877" spans="1:10" x14ac:dyDescent="0.35">
      <c r="A59877" s="1" t="s">
        <v>25393</v>
      </c>
      <c r="B59877" s="1" t="s">
        <v>199134</v>
      </c>
      <c r="C59877" s="1" t="s">
        <v>75</v>
      </c>
      <c r="D59877" s="1" t="s">
        <v>53882</v>
      </c>
      <c r="E59877" s="1" t="s">
        <v>200971</v>
      </c>
      <c r="F59877" s="1" t="s">
        <v>200972</v>
      </c>
      <c r="G59877" s="1" t="s">
        <v>200931</v>
      </c>
      <c r="H59877" s="1" t="s">
        <v>200932</v>
      </c>
      <c r="I59877" s="1" t="s">
        <v>199140</v>
      </c>
      <c r="J59877" s="1" t="s">
        <v>200973</v>
      </c>
    </row>
    <row r="59878" spans="1:10" x14ac:dyDescent="0.35">
      <c r="A59878" s="1" t="s">
        <v>25393</v>
      </c>
      <c r="B59878" s="1" t="s">
        <v>199134</v>
      </c>
      <c r="C59878" s="1" t="s">
        <v>80</v>
      </c>
      <c r="D59878" s="1" t="s">
        <v>92431</v>
      </c>
      <c r="E59878" s="1" t="s">
        <v>200974</v>
      </c>
      <c r="F59878" s="1" t="s">
        <v>200975</v>
      </c>
      <c r="G59878" s="1" t="s">
        <v>200931</v>
      </c>
      <c r="H59878" s="1" t="s">
        <v>200932</v>
      </c>
      <c r="I59878" s="1" t="s">
        <v>199140</v>
      </c>
      <c r="J59878" s="1" t="s">
        <v>200976</v>
      </c>
    </row>
    <row r="59879" spans="1:10" x14ac:dyDescent="0.35">
      <c r="A59879" s="1" t="s">
        <v>25393</v>
      </c>
      <c r="B59879" s="1" t="s">
        <v>199134</v>
      </c>
      <c r="C59879" s="1" t="s">
        <v>85</v>
      </c>
      <c r="D59879" s="1" t="s">
        <v>200977</v>
      </c>
      <c r="E59879" s="1" t="s">
        <v>200978</v>
      </c>
      <c r="F59879" s="1" t="s">
        <v>200979</v>
      </c>
      <c r="G59879" s="1" t="s">
        <v>200931</v>
      </c>
      <c r="H59879" s="1" t="s">
        <v>200932</v>
      </c>
      <c r="I59879" s="1" t="s">
        <v>199140</v>
      </c>
      <c r="J59879" s="1" t="s">
        <v>200980</v>
      </c>
    </row>
    <row r="59880" spans="1:10" x14ac:dyDescent="0.35">
      <c r="A59880" s="1" t="s">
        <v>25393</v>
      </c>
      <c r="B59880" s="1" t="s">
        <v>199134</v>
      </c>
      <c r="C59880" s="1" t="s">
        <v>90</v>
      </c>
      <c r="D59880" s="1" t="s">
        <v>95292</v>
      </c>
      <c r="E59880" s="1" t="s">
        <v>200981</v>
      </c>
      <c r="F59880" s="1" t="s">
        <v>200982</v>
      </c>
      <c r="G59880" s="1" t="s">
        <v>200931</v>
      </c>
      <c r="H59880" s="1" t="s">
        <v>200932</v>
      </c>
      <c r="I59880" s="1" t="s">
        <v>199140</v>
      </c>
      <c r="J59880" s="1" t="s">
        <v>200983</v>
      </c>
    </row>
    <row r="59881" spans="1:10" x14ac:dyDescent="0.35">
      <c r="A59881" s="1" t="s">
        <v>25393</v>
      </c>
      <c r="B59881" s="1" t="s">
        <v>199134</v>
      </c>
      <c r="C59881" s="1" t="s">
        <v>95</v>
      </c>
      <c r="D59881" s="1" t="s">
        <v>200984</v>
      </c>
      <c r="E59881" s="1" t="s">
        <v>200985</v>
      </c>
      <c r="F59881" s="1" t="s">
        <v>200986</v>
      </c>
      <c r="G59881" s="1" t="s">
        <v>200931</v>
      </c>
      <c r="H59881" s="1" t="s">
        <v>200932</v>
      </c>
      <c r="I59881" s="1" t="s">
        <v>199140</v>
      </c>
      <c r="J59881" s="1" t="s">
        <v>200987</v>
      </c>
    </row>
    <row r="59882" spans="1:10" x14ac:dyDescent="0.35">
      <c r="A59882" s="1" t="s">
        <v>25393</v>
      </c>
      <c r="B59882" s="1" t="s">
        <v>199134</v>
      </c>
      <c r="C59882" s="1" t="s">
        <v>100</v>
      </c>
      <c r="D59882" s="1" t="s">
        <v>200988</v>
      </c>
      <c r="E59882" s="1" t="s">
        <v>200989</v>
      </c>
      <c r="F59882" s="1" t="s">
        <v>200990</v>
      </c>
      <c r="G59882" s="1" t="s">
        <v>200931</v>
      </c>
      <c r="H59882" s="1" t="s">
        <v>200932</v>
      </c>
      <c r="I59882" s="1" t="s">
        <v>199140</v>
      </c>
      <c r="J59882" s="1" t="s">
        <v>200991</v>
      </c>
    </row>
    <row r="59883" spans="1:10" x14ac:dyDescent="0.35">
      <c r="A59883" s="1" t="s">
        <v>25393</v>
      </c>
      <c r="B59883" s="1" t="s">
        <v>199134</v>
      </c>
      <c r="C59883" s="1" t="s">
        <v>105</v>
      </c>
      <c r="D59883" s="1" t="s">
        <v>200992</v>
      </c>
      <c r="E59883" s="1" t="s">
        <v>200993</v>
      </c>
      <c r="F59883" s="1" t="s">
        <v>200994</v>
      </c>
      <c r="G59883" s="1" t="s">
        <v>200931</v>
      </c>
      <c r="H59883" s="1" t="s">
        <v>200932</v>
      </c>
      <c r="I59883" s="1" t="s">
        <v>199140</v>
      </c>
      <c r="J59883" s="1" t="s">
        <v>200995</v>
      </c>
    </row>
    <row r="59884" spans="1:10" x14ac:dyDescent="0.35">
      <c r="A59884" s="1" t="s">
        <v>25393</v>
      </c>
      <c r="B59884" s="1" t="s">
        <v>199134</v>
      </c>
      <c r="C59884" s="1" t="s">
        <v>110</v>
      </c>
      <c r="D59884" s="1" t="s">
        <v>24899</v>
      </c>
      <c r="E59884" s="1" t="s">
        <v>200996</v>
      </c>
      <c r="F59884" s="1" t="s">
        <v>200997</v>
      </c>
      <c r="G59884" s="1" t="s">
        <v>200931</v>
      </c>
      <c r="H59884" s="1" t="s">
        <v>200932</v>
      </c>
      <c r="I59884" s="1" t="s">
        <v>199140</v>
      </c>
      <c r="J59884" s="1" t="s">
        <v>200998</v>
      </c>
    </row>
    <row r="59885" spans="1:10" x14ac:dyDescent="0.35">
      <c r="A59885" s="1" t="s">
        <v>25393</v>
      </c>
      <c r="B59885" s="1" t="s">
        <v>199134</v>
      </c>
      <c r="C59885" s="1" t="s">
        <v>115</v>
      </c>
      <c r="D59885" s="1" t="s">
        <v>60657</v>
      </c>
      <c r="E59885" s="1" t="s">
        <v>200999</v>
      </c>
      <c r="F59885" s="1" t="s">
        <v>201000</v>
      </c>
      <c r="G59885" s="1" t="s">
        <v>200931</v>
      </c>
      <c r="H59885" s="1" t="s">
        <v>200932</v>
      </c>
      <c r="I59885" s="1" t="s">
        <v>199140</v>
      </c>
      <c r="J59885" s="1" t="s">
        <v>201001</v>
      </c>
    </row>
    <row r="59886" spans="1:10" x14ac:dyDescent="0.35">
      <c r="A59886" s="1" t="s">
        <v>25393</v>
      </c>
      <c r="B59886" s="1" t="s">
        <v>199134</v>
      </c>
      <c r="C59886" s="1" t="s">
        <v>120</v>
      </c>
      <c r="D59886" s="1" t="s">
        <v>201002</v>
      </c>
      <c r="E59886" s="1" t="s">
        <v>201003</v>
      </c>
      <c r="F59886" s="1" t="s">
        <v>201004</v>
      </c>
      <c r="G59886" s="1" t="s">
        <v>200931</v>
      </c>
      <c r="H59886" s="1" t="s">
        <v>200932</v>
      </c>
      <c r="I59886" s="1" t="s">
        <v>199140</v>
      </c>
      <c r="J59886" s="1" t="s">
        <v>201005</v>
      </c>
    </row>
    <row r="59887" spans="1:10" x14ac:dyDescent="0.35">
      <c r="A59887" s="1" t="s">
        <v>25393</v>
      </c>
      <c r="B59887" s="1" t="s">
        <v>199134</v>
      </c>
      <c r="C59887" s="1" t="s">
        <v>125</v>
      </c>
      <c r="D59887" s="1" t="s">
        <v>20512</v>
      </c>
      <c r="E59887" s="1" t="s">
        <v>201006</v>
      </c>
      <c r="F59887" s="1" t="s">
        <v>201007</v>
      </c>
      <c r="G59887" s="1" t="s">
        <v>200931</v>
      </c>
      <c r="H59887" s="1" t="s">
        <v>200932</v>
      </c>
      <c r="I59887" s="1" t="s">
        <v>199140</v>
      </c>
      <c r="J59887" s="1" t="s">
        <v>201008</v>
      </c>
    </row>
    <row r="59888" spans="1:10" x14ac:dyDescent="0.35">
      <c r="A59888" s="1" t="s">
        <v>25393</v>
      </c>
      <c r="B59888" s="1" t="s">
        <v>199134</v>
      </c>
      <c r="C59888" s="1" t="s">
        <v>130</v>
      </c>
      <c r="D59888" s="1" t="s">
        <v>102860</v>
      </c>
      <c r="E59888" s="1" t="s">
        <v>201009</v>
      </c>
      <c r="F59888" s="1" t="s">
        <v>201010</v>
      </c>
      <c r="G59888" s="1" t="s">
        <v>200931</v>
      </c>
      <c r="H59888" s="1" t="s">
        <v>200932</v>
      </c>
      <c r="I59888" s="1" t="s">
        <v>199140</v>
      </c>
      <c r="J59888" s="1" t="s">
        <v>201011</v>
      </c>
    </row>
    <row r="59889" spans="1:10" x14ac:dyDescent="0.35">
      <c r="A59889" s="1" t="s">
        <v>25393</v>
      </c>
      <c r="B59889" s="1" t="s">
        <v>199134</v>
      </c>
      <c r="C59889" s="1" t="s">
        <v>135</v>
      </c>
      <c r="D59889" s="1" t="s">
        <v>201012</v>
      </c>
      <c r="E59889" s="1" t="s">
        <v>201013</v>
      </c>
      <c r="F59889" s="1" t="s">
        <v>201014</v>
      </c>
      <c r="G59889" s="1" t="s">
        <v>200931</v>
      </c>
      <c r="H59889" s="1" t="s">
        <v>200932</v>
      </c>
      <c r="I59889" s="1" t="s">
        <v>199140</v>
      </c>
      <c r="J59889" s="1" t="s">
        <v>201015</v>
      </c>
    </row>
    <row r="59890" spans="1:10" x14ac:dyDescent="0.35">
      <c r="A59890" s="1" t="s">
        <v>25393</v>
      </c>
      <c r="B59890" s="1" t="s">
        <v>199134</v>
      </c>
      <c r="C59890" s="1" t="s">
        <v>140</v>
      </c>
      <c r="D59890" s="1" t="s">
        <v>64077</v>
      </c>
      <c r="E59890" s="1" t="s">
        <v>201016</v>
      </c>
      <c r="F59890" s="1" t="s">
        <v>201017</v>
      </c>
      <c r="G59890" s="1" t="s">
        <v>200931</v>
      </c>
      <c r="H59890" s="1" t="s">
        <v>200932</v>
      </c>
      <c r="I59890" s="1" t="s">
        <v>199140</v>
      </c>
      <c r="J59890" s="1" t="s">
        <v>201018</v>
      </c>
    </row>
    <row r="59891" spans="1:10" x14ac:dyDescent="0.35">
      <c r="A59891" s="1" t="s">
        <v>25393</v>
      </c>
      <c r="B59891" s="1" t="s">
        <v>199134</v>
      </c>
      <c r="C59891" s="1" t="s">
        <v>145</v>
      </c>
      <c r="D59891" s="1" t="s">
        <v>201019</v>
      </c>
      <c r="E59891" s="1" t="s">
        <v>201020</v>
      </c>
      <c r="F59891" s="1" t="s">
        <v>201021</v>
      </c>
      <c r="G59891" s="1" t="s">
        <v>200931</v>
      </c>
      <c r="H59891" s="1" t="s">
        <v>200932</v>
      </c>
      <c r="I59891" s="1" t="s">
        <v>199140</v>
      </c>
      <c r="J59891" s="1" t="s">
        <v>201022</v>
      </c>
    </row>
    <row r="59892" spans="1:10" x14ac:dyDescent="0.35">
      <c r="A59892" s="1" t="s">
        <v>25393</v>
      </c>
      <c r="B59892" s="1" t="s">
        <v>199134</v>
      </c>
      <c r="C59892" s="1" t="s">
        <v>150</v>
      </c>
      <c r="D59892" s="1" t="s">
        <v>201023</v>
      </c>
      <c r="E59892" s="1" t="s">
        <v>201024</v>
      </c>
      <c r="F59892" s="1" t="s">
        <v>201025</v>
      </c>
      <c r="G59892" s="1" t="s">
        <v>200931</v>
      </c>
      <c r="H59892" s="1" t="s">
        <v>200932</v>
      </c>
      <c r="I59892" s="1" t="s">
        <v>199140</v>
      </c>
      <c r="J59892" s="1" t="s">
        <v>201026</v>
      </c>
    </row>
    <row r="59893" spans="1:10" x14ac:dyDescent="0.35">
      <c r="A59893" s="1" t="s">
        <v>25393</v>
      </c>
      <c r="B59893" s="1" t="s">
        <v>199134</v>
      </c>
      <c r="C59893" s="1" t="s">
        <v>155</v>
      </c>
      <c r="D59893" s="1" t="s">
        <v>201027</v>
      </c>
      <c r="E59893" s="1" t="s">
        <v>201028</v>
      </c>
      <c r="F59893" s="1" t="s">
        <v>201029</v>
      </c>
      <c r="G59893" s="1" t="s">
        <v>200931</v>
      </c>
      <c r="H59893" s="1" t="s">
        <v>200932</v>
      </c>
      <c r="I59893" s="1" t="s">
        <v>199140</v>
      </c>
      <c r="J59893" s="1" t="s">
        <v>201030</v>
      </c>
    </row>
    <row r="59894" spans="1:10" x14ac:dyDescent="0.35">
      <c r="A59894" s="1" t="s">
        <v>25393</v>
      </c>
      <c r="B59894" s="1" t="s">
        <v>199134</v>
      </c>
      <c r="C59894" s="1" t="s">
        <v>160</v>
      </c>
      <c r="D59894" s="1" t="s">
        <v>201031</v>
      </c>
      <c r="E59894" s="1" t="s">
        <v>201032</v>
      </c>
      <c r="F59894" s="1" t="s">
        <v>201033</v>
      </c>
      <c r="G59894" s="1" t="s">
        <v>200931</v>
      </c>
      <c r="H59894" s="1" t="s">
        <v>200932</v>
      </c>
      <c r="I59894" s="1" t="s">
        <v>199140</v>
      </c>
      <c r="J59894" s="1" t="s">
        <v>201034</v>
      </c>
    </row>
    <row r="59895" spans="1:10" x14ac:dyDescent="0.35">
      <c r="A59895" s="1" t="s">
        <v>25393</v>
      </c>
      <c r="B59895" s="1" t="s">
        <v>199134</v>
      </c>
      <c r="C59895" s="1" t="s">
        <v>165</v>
      </c>
      <c r="D59895" s="1" t="s">
        <v>61186</v>
      </c>
      <c r="E59895" s="1" t="s">
        <v>201035</v>
      </c>
      <c r="F59895" s="1" t="s">
        <v>201036</v>
      </c>
      <c r="G59895" s="1" t="s">
        <v>200931</v>
      </c>
      <c r="H59895" s="1" t="s">
        <v>200932</v>
      </c>
      <c r="I59895" s="1" t="s">
        <v>199140</v>
      </c>
      <c r="J59895" s="1" t="s">
        <v>201037</v>
      </c>
    </row>
    <row r="59896" spans="1:10" x14ac:dyDescent="0.35">
      <c r="A59896" s="1" t="s">
        <v>25393</v>
      </c>
      <c r="B59896" s="1" t="s">
        <v>199134</v>
      </c>
      <c r="C59896" s="1" t="s">
        <v>170</v>
      </c>
      <c r="D59896" s="1" t="s">
        <v>81058</v>
      </c>
      <c r="E59896" s="1" t="s">
        <v>201038</v>
      </c>
      <c r="F59896" s="1" t="s">
        <v>201039</v>
      </c>
      <c r="G59896" s="1" t="s">
        <v>200931</v>
      </c>
      <c r="H59896" s="1" t="s">
        <v>200932</v>
      </c>
      <c r="I59896" s="1" t="s">
        <v>199140</v>
      </c>
      <c r="J59896" s="1" t="s">
        <v>201040</v>
      </c>
    </row>
    <row r="59897" spans="1:10" x14ac:dyDescent="0.35">
      <c r="A59897" s="1" t="s">
        <v>121409</v>
      </c>
      <c r="B59897" s="1" t="s">
        <v>199134</v>
      </c>
      <c r="C59897" s="1" t="s">
        <v>8</v>
      </c>
      <c r="D59897" s="1" t="s">
        <v>201041</v>
      </c>
      <c r="E59897" s="1" t="s">
        <v>201042</v>
      </c>
      <c r="F59897" s="1" t="s">
        <v>201043</v>
      </c>
      <c r="G59897" s="1" t="s">
        <v>201044</v>
      </c>
      <c r="H59897" s="1" t="s">
        <v>201045</v>
      </c>
      <c r="I59897" s="1" t="s">
        <v>199140</v>
      </c>
      <c r="J59897" s="1" t="s">
        <v>13</v>
      </c>
    </row>
    <row r="59898" spans="1:10" x14ac:dyDescent="0.35">
      <c r="A59898" s="1" t="s">
        <v>121409</v>
      </c>
      <c r="B59898" s="1" t="s">
        <v>199134</v>
      </c>
      <c r="C59898" s="1" t="s">
        <v>15</v>
      </c>
      <c r="D59898" s="1" t="s">
        <v>102558</v>
      </c>
      <c r="E59898" s="1" t="s">
        <v>201046</v>
      </c>
      <c r="F59898" s="1" t="s">
        <v>201047</v>
      </c>
      <c r="G59898" s="1" t="s">
        <v>201044</v>
      </c>
      <c r="H59898" s="1" t="s">
        <v>201045</v>
      </c>
      <c r="I59898" s="1" t="s">
        <v>199140</v>
      </c>
      <c r="J59898" s="1" t="s">
        <v>201048</v>
      </c>
    </row>
    <row r="59899" spans="1:10" x14ac:dyDescent="0.35">
      <c r="A59899" s="1" t="s">
        <v>121409</v>
      </c>
      <c r="B59899" s="1" t="s">
        <v>199134</v>
      </c>
      <c r="C59899" s="1" t="s">
        <v>20</v>
      </c>
      <c r="D59899" s="1" t="s">
        <v>201049</v>
      </c>
      <c r="E59899" s="1" t="s">
        <v>201050</v>
      </c>
      <c r="F59899" s="1" t="s">
        <v>201051</v>
      </c>
      <c r="G59899" s="1" t="s">
        <v>201044</v>
      </c>
      <c r="H59899" s="1" t="s">
        <v>201045</v>
      </c>
      <c r="I59899" s="1" t="s">
        <v>199140</v>
      </c>
      <c r="J59899" s="1" t="s">
        <v>201052</v>
      </c>
    </row>
    <row r="59900" spans="1:10" x14ac:dyDescent="0.35">
      <c r="A59900" s="1" t="s">
        <v>121409</v>
      </c>
      <c r="B59900" s="1" t="s">
        <v>199134</v>
      </c>
      <c r="C59900" s="1" t="s">
        <v>25</v>
      </c>
      <c r="D59900" s="1" t="s">
        <v>78721</v>
      </c>
      <c r="E59900" s="1" t="s">
        <v>201053</v>
      </c>
      <c r="F59900" s="1" t="s">
        <v>201054</v>
      </c>
      <c r="G59900" s="1" t="s">
        <v>201044</v>
      </c>
      <c r="H59900" s="1" t="s">
        <v>201045</v>
      </c>
      <c r="I59900" s="1" t="s">
        <v>199140</v>
      </c>
      <c r="J59900" s="1" t="s">
        <v>201055</v>
      </c>
    </row>
    <row r="59901" spans="1:10" x14ac:dyDescent="0.35">
      <c r="A59901" s="1" t="s">
        <v>121409</v>
      </c>
      <c r="B59901" s="1" t="s">
        <v>199134</v>
      </c>
      <c r="C59901" s="1" t="s">
        <v>30</v>
      </c>
      <c r="D59901" s="1" t="s">
        <v>201056</v>
      </c>
      <c r="E59901" s="1" t="s">
        <v>201057</v>
      </c>
      <c r="F59901" s="1" t="s">
        <v>201058</v>
      </c>
      <c r="G59901" s="1" t="s">
        <v>201044</v>
      </c>
      <c r="H59901" s="1" t="s">
        <v>201045</v>
      </c>
      <c r="I59901" s="1" t="s">
        <v>199140</v>
      </c>
      <c r="J59901" s="1" t="s">
        <v>201059</v>
      </c>
    </row>
    <row r="59902" spans="1:10" x14ac:dyDescent="0.35">
      <c r="A59902" s="1" t="s">
        <v>121409</v>
      </c>
      <c r="B59902" s="1" t="s">
        <v>199134</v>
      </c>
      <c r="C59902" s="1" t="s">
        <v>35</v>
      </c>
      <c r="D59902" s="1" t="s">
        <v>80468</v>
      </c>
      <c r="E59902" s="1" t="s">
        <v>201060</v>
      </c>
      <c r="F59902" s="1" t="s">
        <v>201061</v>
      </c>
      <c r="G59902" s="1" t="s">
        <v>201044</v>
      </c>
      <c r="H59902" s="1" t="s">
        <v>201045</v>
      </c>
      <c r="I59902" s="1" t="s">
        <v>199140</v>
      </c>
      <c r="J59902" s="1" t="s">
        <v>201062</v>
      </c>
    </row>
    <row r="59903" spans="1:10" x14ac:dyDescent="0.35">
      <c r="A59903" s="1" t="s">
        <v>121409</v>
      </c>
      <c r="B59903" s="1" t="s">
        <v>199134</v>
      </c>
      <c r="C59903" s="1" t="s">
        <v>40</v>
      </c>
      <c r="D59903" s="1" t="s">
        <v>201063</v>
      </c>
      <c r="E59903" s="1" t="s">
        <v>201064</v>
      </c>
      <c r="F59903" s="1" t="s">
        <v>201065</v>
      </c>
      <c r="G59903" s="1" t="s">
        <v>201044</v>
      </c>
      <c r="H59903" s="1" t="s">
        <v>201045</v>
      </c>
      <c r="I59903" s="1" t="s">
        <v>199140</v>
      </c>
      <c r="J59903" s="1" t="s">
        <v>201066</v>
      </c>
    </row>
    <row r="59904" spans="1:10" x14ac:dyDescent="0.35">
      <c r="A59904" s="1" t="s">
        <v>121409</v>
      </c>
      <c r="B59904" s="1" t="s">
        <v>199134</v>
      </c>
      <c r="C59904" s="1" t="s">
        <v>45</v>
      </c>
      <c r="D59904" s="1" t="s">
        <v>199160</v>
      </c>
      <c r="E59904" s="1" t="s">
        <v>201067</v>
      </c>
      <c r="F59904" s="1" t="s">
        <v>201068</v>
      </c>
      <c r="G59904" s="1" t="s">
        <v>201044</v>
      </c>
      <c r="H59904" s="1" t="s">
        <v>201045</v>
      </c>
      <c r="I59904" s="1" t="s">
        <v>199140</v>
      </c>
      <c r="J59904" s="1" t="s">
        <v>201069</v>
      </c>
    </row>
    <row r="59905" spans="1:10" x14ac:dyDescent="0.35">
      <c r="A59905" s="1" t="s">
        <v>121409</v>
      </c>
      <c r="B59905" s="1" t="s">
        <v>199134</v>
      </c>
      <c r="C59905" s="1" t="s">
        <v>50</v>
      </c>
      <c r="D59905" s="1" t="s">
        <v>201070</v>
      </c>
      <c r="E59905" s="1" t="s">
        <v>201071</v>
      </c>
      <c r="F59905" s="1" t="s">
        <v>201072</v>
      </c>
      <c r="G59905" s="1" t="s">
        <v>201044</v>
      </c>
      <c r="H59905" s="1" t="s">
        <v>201045</v>
      </c>
      <c r="I59905" s="1" t="s">
        <v>199140</v>
      </c>
      <c r="J59905" s="1" t="s">
        <v>201073</v>
      </c>
    </row>
    <row r="59906" spans="1:10" x14ac:dyDescent="0.35">
      <c r="A59906" s="1" t="s">
        <v>121409</v>
      </c>
      <c r="B59906" s="1" t="s">
        <v>199134</v>
      </c>
      <c r="C59906" s="1" t="s">
        <v>55</v>
      </c>
      <c r="D59906" s="1" t="s">
        <v>26862</v>
      </c>
      <c r="E59906" s="1" t="s">
        <v>201074</v>
      </c>
      <c r="F59906" s="1" t="s">
        <v>201075</v>
      </c>
      <c r="G59906" s="1" t="s">
        <v>201044</v>
      </c>
      <c r="H59906" s="1" t="s">
        <v>201045</v>
      </c>
      <c r="I59906" s="1" t="s">
        <v>199140</v>
      </c>
      <c r="J59906" s="1" t="s">
        <v>201076</v>
      </c>
    </row>
    <row r="59907" spans="1:10" x14ac:dyDescent="0.35">
      <c r="A59907" s="1" t="s">
        <v>121409</v>
      </c>
      <c r="B59907" s="1" t="s">
        <v>199134</v>
      </c>
      <c r="C59907" s="1" t="s">
        <v>60</v>
      </c>
      <c r="D59907" s="1" t="s">
        <v>105533</v>
      </c>
      <c r="E59907" s="1" t="s">
        <v>201077</v>
      </c>
      <c r="F59907" s="1" t="s">
        <v>201078</v>
      </c>
      <c r="G59907" s="1" t="s">
        <v>201044</v>
      </c>
      <c r="H59907" s="1" t="s">
        <v>201045</v>
      </c>
      <c r="I59907" s="1" t="s">
        <v>199140</v>
      </c>
      <c r="J59907" s="1" t="s">
        <v>201079</v>
      </c>
    </row>
    <row r="59908" spans="1:10" x14ac:dyDescent="0.35">
      <c r="A59908" s="1" t="s">
        <v>121409</v>
      </c>
      <c r="B59908" s="1" t="s">
        <v>199134</v>
      </c>
      <c r="C59908" s="1" t="s">
        <v>65</v>
      </c>
      <c r="D59908" s="1" t="s">
        <v>89399</v>
      </c>
      <c r="E59908" s="1" t="s">
        <v>201080</v>
      </c>
      <c r="F59908" s="1" t="s">
        <v>201081</v>
      </c>
      <c r="G59908" s="1" t="s">
        <v>201044</v>
      </c>
      <c r="H59908" s="1" t="s">
        <v>201045</v>
      </c>
      <c r="I59908" s="1" t="s">
        <v>199140</v>
      </c>
      <c r="J59908" s="1" t="s">
        <v>201082</v>
      </c>
    </row>
    <row r="59909" spans="1:10" x14ac:dyDescent="0.35">
      <c r="A59909" s="1" t="s">
        <v>121409</v>
      </c>
      <c r="B59909" s="1" t="s">
        <v>199134</v>
      </c>
      <c r="C59909" s="1" t="s">
        <v>70</v>
      </c>
      <c r="D59909" s="1" t="s">
        <v>198600</v>
      </c>
      <c r="E59909" s="1" t="s">
        <v>201083</v>
      </c>
      <c r="F59909" s="1" t="s">
        <v>201084</v>
      </c>
      <c r="G59909" s="1" t="s">
        <v>201044</v>
      </c>
      <c r="H59909" s="1" t="s">
        <v>201045</v>
      </c>
      <c r="I59909" s="1" t="s">
        <v>199140</v>
      </c>
      <c r="J59909" s="1" t="s">
        <v>201085</v>
      </c>
    </row>
    <row r="59910" spans="1:10" x14ac:dyDescent="0.35">
      <c r="A59910" s="1" t="s">
        <v>121409</v>
      </c>
      <c r="B59910" s="1" t="s">
        <v>199134</v>
      </c>
      <c r="C59910" s="1" t="s">
        <v>75</v>
      </c>
      <c r="D59910" s="1" t="s">
        <v>80309</v>
      </c>
      <c r="E59910" s="1" t="s">
        <v>201086</v>
      </c>
      <c r="F59910" s="1" t="s">
        <v>201087</v>
      </c>
      <c r="G59910" s="1" t="s">
        <v>201044</v>
      </c>
      <c r="H59910" s="1" t="s">
        <v>201045</v>
      </c>
      <c r="I59910" s="1" t="s">
        <v>199140</v>
      </c>
      <c r="J59910" s="1" t="s">
        <v>201088</v>
      </c>
    </row>
    <row r="59911" spans="1:10" x14ac:dyDescent="0.35">
      <c r="A59911" s="1" t="s">
        <v>121409</v>
      </c>
      <c r="B59911" s="1" t="s">
        <v>199134</v>
      </c>
      <c r="C59911" s="1" t="s">
        <v>80</v>
      </c>
      <c r="D59911" s="1" t="s">
        <v>63185</v>
      </c>
      <c r="E59911" s="1" t="s">
        <v>201089</v>
      </c>
      <c r="F59911" s="1" t="s">
        <v>201090</v>
      </c>
      <c r="G59911" s="1" t="s">
        <v>201044</v>
      </c>
      <c r="H59911" s="1" t="s">
        <v>201045</v>
      </c>
      <c r="I59911" s="1" t="s">
        <v>199140</v>
      </c>
      <c r="J59911" s="1" t="s">
        <v>201091</v>
      </c>
    </row>
    <row r="59912" spans="1:10" x14ac:dyDescent="0.35">
      <c r="A59912" s="1" t="s">
        <v>121409</v>
      </c>
      <c r="B59912" s="1" t="s">
        <v>199134</v>
      </c>
      <c r="C59912" s="1" t="s">
        <v>85</v>
      </c>
      <c r="D59912" s="1" t="s">
        <v>68420</v>
      </c>
      <c r="E59912" s="1" t="s">
        <v>201092</v>
      </c>
      <c r="F59912" s="1" t="s">
        <v>201093</v>
      </c>
      <c r="G59912" s="1" t="s">
        <v>201044</v>
      </c>
      <c r="H59912" s="1" t="s">
        <v>201045</v>
      </c>
      <c r="I59912" s="1" t="s">
        <v>199140</v>
      </c>
      <c r="J59912" s="1" t="s">
        <v>201094</v>
      </c>
    </row>
    <row r="59913" spans="1:10" x14ac:dyDescent="0.35">
      <c r="A59913" s="1" t="s">
        <v>121409</v>
      </c>
      <c r="B59913" s="1" t="s">
        <v>199134</v>
      </c>
      <c r="C59913" s="1" t="s">
        <v>90</v>
      </c>
      <c r="D59913" s="1" t="s">
        <v>201095</v>
      </c>
      <c r="E59913" s="1" t="s">
        <v>201096</v>
      </c>
      <c r="F59913" s="1" t="s">
        <v>201097</v>
      </c>
      <c r="G59913" s="1" t="s">
        <v>201044</v>
      </c>
      <c r="H59913" s="1" t="s">
        <v>201045</v>
      </c>
      <c r="I59913" s="1" t="s">
        <v>199140</v>
      </c>
      <c r="J59913" s="1" t="s">
        <v>201098</v>
      </c>
    </row>
    <row r="59914" spans="1:10" x14ac:dyDescent="0.35">
      <c r="A59914" s="1" t="s">
        <v>121409</v>
      </c>
      <c r="B59914" s="1" t="s">
        <v>199134</v>
      </c>
      <c r="C59914" s="1" t="s">
        <v>95</v>
      </c>
      <c r="D59914" s="1" t="s">
        <v>201099</v>
      </c>
      <c r="E59914" s="1" t="s">
        <v>201100</v>
      </c>
      <c r="F59914" s="1" t="s">
        <v>201101</v>
      </c>
      <c r="G59914" s="1" t="s">
        <v>201044</v>
      </c>
      <c r="H59914" s="1" t="s">
        <v>201045</v>
      </c>
      <c r="I59914" s="1" t="s">
        <v>199140</v>
      </c>
      <c r="J59914" s="1" t="s">
        <v>201102</v>
      </c>
    </row>
    <row r="59915" spans="1:10" x14ac:dyDescent="0.35">
      <c r="A59915" s="1" t="s">
        <v>121409</v>
      </c>
      <c r="B59915" s="1" t="s">
        <v>199134</v>
      </c>
      <c r="C59915" s="1" t="s">
        <v>100</v>
      </c>
      <c r="D59915" s="1" t="s">
        <v>98193</v>
      </c>
      <c r="E59915" s="1" t="s">
        <v>201103</v>
      </c>
      <c r="F59915" s="1" t="s">
        <v>201104</v>
      </c>
      <c r="G59915" s="1" t="s">
        <v>201044</v>
      </c>
      <c r="H59915" s="1" t="s">
        <v>201045</v>
      </c>
      <c r="I59915" s="1" t="s">
        <v>199140</v>
      </c>
      <c r="J59915" s="1" t="s">
        <v>201105</v>
      </c>
    </row>
    <row r="59916" spans="1:10" x14ac:dyDescent="0.35">
      <c r="A59916" s="1" t="s">
        <v>121409</v>
      </c>
      <c r="B59916" s="1" t="s">
        <v>199134</v>
      </c>
      <c r="C59916" s="1" t="s">
        <v>105</v>
      </c>
      <c r="D59916" s="1" t="s">
        <v>59161</v>
      </c>
      <c r="E59916" s="1" t="s">
        <v>201106</v>
      </c>
      <c r="F59916" s="1" t="s">
        <v>201107</v>
      </c>
      <c r="G59916" s="1" t="s">
        <v>201044</v>
      </c>
      <c r="H59916" s="1" t="s">
        <v>201045</v>
      </c>
      <c r="I59916" s="1" t="s">
        <v>199140</v>
      </c>
      <c r="J59916" s="1" t="s">
        <v>201108</v>
      </c>
    </row>
    <row r="59917" spans="1:10" x14ac:dyDescent="0.35">
      <c r="A59917" s="1" t="s">
        <v>121409</v>
      </c>
      <c r="B59917" s="1" t="s">
        <v>199134</v>
      </c>
      <c r="C59917" s="1" t="s">
        <v>110</v>
      </c>
      <c r="D59917" s="1" t="s">
        <v>199170</v>
      </c>
      <c r="E59917" s="1" t="s">
        <v>201109</v>
      </c>
      <c r="F59917" s="1" t="s">
        <v>201110</v>
      </c>
      <c r="G59917" s="1" t="s">
        <v>201044</v>
      </c>
      <c r="H59917" s="1" t="s">
        <v>201045</v>
      </c>
      <c r="I59917" s="1" t="s">
        <v>199140</v>
      </c>
      <c r="J59917" s="1" t="s">
        <v>201111</v>
      </c>
    </row>
    <row r="59918" spans="1:10" x14ac:dyDescent="0.35">
      <c r="A59918" s="1" t="s">
        <v>121409</v>
      </c>
      <c r="B59918" s="1" t="s">
        <v>199134</v>
      </c>
      <c r="C59918" s="1" t="s">
        <v>115</v>
      </c>
      <c r="D59918" s="1" t="s">
        <v>201112</v>
      </c>
      <c r="E59918" s="1" t="s">
        <v>201113</v>
      </c>
      <c r="F59918" s="1" t="s">
        <v>201114</v>
      </c>
      <c r="G59918" s="1" t="s">
        <v>201044</v>
      </c>
      <c r="H59918" s="1" t="s">
        <v>201045</v>
      </c>
      <c r="I59918" s="1" t="s">
        <v>199140</v>
      </c>
      <c r="J59918" s="1" t="s">
        <v>201115</v>
      </c>
    </row>
    <row r="59919" spans="1:10" x14ac:dyDescent="0.35">
      <c r="A59919" s="1" t="s">
        <v>121409</v>
      </c>
      <c r="B59919" s="1" t="s">
        <v>199134</v>
      </c>
      <c r="C59919" s="1" t="s">
        <v>120</v>
      </c>
      <c r="D59919" s="1" t="s">
        <v>201116</v>
      </c>
      <c r="E59919" s="1" t="s">
        <v>201117</v>
      </c>
      <c r="F59919" s="1" t="s">
        <v>201118</v>
      </c>
      <c r="G59919" s="1" t="s">
        <v>201044</v>
      </c>
      <c r="H59919" s="1" t="s">
        <v>201045</v>
      </c>
      <c r="I59919" s="1" t="s">
        <v>199140</v>
      </c>
      <c r="J59919" s="1" t="s">
        <v>201119</v>
      </c>
    </row>
    <row r="59920" spans="1:10" x14ac:dyDescent="0.35">
      <c r="A59920" s="1" t="s">
        <v>121409</v>
      </c>
      <c r="B59920" s="1" t="s">
        <v>199134</v>
      </c>
      <c r="C59920" s="1" t="s">
        <v>125</v>
      </c>
      <c r="D59920" s="1" t="s">
        <v>201120</v>
      </c>
      <c r="E59920" s="1" t="s">
        <v>201121</v>
      </c>
      <c r="F59920" s="1" t="s">
        <v>201122</v>
      </c>
      <c r="G59920" s="1" t="s">
        <v>201044</v>
      </c>
      <c r="H59920" s="1" t="s">
        <v>201045</v>
      </c>
      <c r="I59920" s="1" t="s">
        <v>199140</v>
      </c>
      <c r="J59920" s="1" t="s">
        <v>201123</v>
      </c>
    </row>
    <row r="59921" spans="1:10" x14ac:dyDescent="0.35">
      <c r="A59921" s="1" t="s">
        <v>121409</v>
      </c>
      <c r="B59921" s="1" t="s">
        <v>199134</v>
      </c>
      <c r="C59921" s="1" t="s">
        <v>130</v>
      </c>
      <c r="D59921" s="1" t="s">
        <v>138813</v>
      </c>
      <c r="E59921" s="1" t="s">
        <v>201124</v>
      </c>
      <c r="F59921" s="1" t="s">
        <v>201125</v>
      </c>
      <c r="G59921" s="1" t="s">
        <v>201044</v>
      </c>
      <c r="H59921" s="1" t="s">
        <v>201045</v>
      </c>
      <c r="I59921" s="1" t="s">
        <v>199140</v>
      </c>
      <c r="J59921" s="1" t="s">
        <v>201126</v>
      </c>
    </row>
    <row r="59922" spans="1:10" x14ac:dyDescent="0.35">
      <c r="A59922" s="1" t="s">
        <v>121409</v>
      </c>
      <c r="B59922" s="1" t="s">
        <v>199134</v>
      </c>
      <c r="C59922" s="1" t="s">
        <v>135</v>
      </c>
      <c r="D59922" s="1" t="s">
        <v>201127</v>
      </c>
      <c r="E59922" s="1" t="s">
        <v>201128</v>
      </c>
      <c r="F59922" s="1" t="s">
        <v>201129</v>
      </c>
      <c r="G59922" s="1" t="s">
        <v>201044</v>
      </c>
      <c r="H59922" s="1" t="s">
        <v>201045</v>
      </c>
      <c r="I59922" s="1" t="s">
        <v>199140</v>
      </c>
      <c r="J59922" s="1" t="s">
        <v>201130</v>
      </c>
    </row>
    <row r="59923" spans="1:10" x14ac:dyDescent="0.35">
      <c r="A59923" s="1" t="s">
        <v>121409</v>
      </c>
      <c r="B59923" s="1" t="s">
        <v>199134</v>
      </c>
      <c r="C59923" s="1" t="s">
        <v>140</v>
      </c>
      <c r="D59923" s="1" t="s">
        <v>123055</v>
      </c>
      <c r="E59923" s="1" t="s">
        <v>201131</v>
      </c>
      <c r="F59923" s="1" t="s">
        <v>201132</v>
      </c>
      <c r="G59923" s="1" t="s">
        <v>201044</v>
      </c>
      <c r="H59923" s="1" t="s">
        <v>201045</v>
      </c>
      <c r="I59923" s="1" t="s">
        <v>199140</v>
      </c>
      <c r="J59923" s="1" t="s">
        <v>201133</v>
      </c>
    </row>
    <row r="59924" spans="1:10" x14ac:dyDescent="0.35">
      <c r="A59924" s="1" t="s">
        <v>121409</v>
      </c>
      <c r="B59924" s="1" t="s">
        <v>199134</v>
      </c>
      <c r="C59924" s="1" t="s">
        <v>145</v>
      </c>
      <c r="D59924" s="1" t="s">
        <v>68458</v>
      </c>
      <c r="E59924" s="1" t="s">
        <v>201134</v>
      </c>
      <c r="F59924" s="1" t="s">
        <v>201135</v>
      </c>
      <c r="G59924" s="1" t="s">
        <v>201044</v>
      </c>
      <c r="H59924" s="1" t="s">
        <v>201045</v>
      </c>
      <c r="I59924" s="1" t="s">
        <v>199140</v>
      </c>
      <c r="J59924" s="1" t="s">
        <v>201136</v>
      </c>
    </row>
    <row r="59925" spans="1:10" x14ac:dyDescent="0.35">
      <c r="A59925" s="1" t="s">
        <v>121409</v>
      </c>
      <c r="B59925" s="1" t="s">
        <v>199134</v>
      </c>
      <c r="C59925" s="1" t="s">
        <v>150</v>
      </c>
      <c r="D59925" s="1" t="s">
        <v>201137</v>
      </c>
      <c r="E59925" s="1" t="s">
        <v>201138</v>
      </c>
      <c r="F59925" s="1" t="s">
        <v>201139</v>
      </c>
      <c r="G59925" s="1" t="s">
        <v>201044</v>
      </c>
      <c r="H59925" s="1" t="s">
        <v>201045</v>
      </c>
      <c r="I59925" s="1" t="s">
        <v>199140</v>
      </c>
      <c r="J59925" s="1" t="s">
        <v>201140</v>
      </c>
    </row>
    <row r="59926" spans="1:10" x14ac:dyDescent="0.35">
      <c r="A59926" s="1" t="s">
        <v>121409</v>
      </c>
      <c r="B59926" s="1" t="s">
        <v>199134</v>
      </c>
      <c r="C59926" s="1" t="s">
        <v>155</v>
      </c>
      <c r="D59926" s="1" t="s">
        <v>65143</v>
      </c>
      <c r="E59926" s="1" t="s">
        <v>201141</v>
      </c>
      <c r="F59926" s="1" t="s">
        <v>201142</v>
      </c>
      <c r="G59926" s="1" t="s">
        <v>201044</v>
      </c>
      <c r="H59926" s="1" t="s">
        <v>201045</v>
      </c>
      <c r="I59926" s="1" t="s">
        <v>199140</v>
      </c>
      <c r="J59926" s="1" t="s">
        <v>201143</v>
      </c>
    </row>
    <row r="59927" spans="1:10" x14ac:dyDescent="0.35">
      <c r="A59927" s="1" t="s">
        <v>121409</v>
      </c>
      <c r="B59927" s="1" t="s">
        <v>199134</v>
      </c>
      <c r="C59927" s="1" t="s">
        <v>160</v>
      </c>
      <c r="D59927" s="1" t="s">
        <v>66404</v>
      </c>
      <c r="E59927" s="1" t="s">
        <v>201144</v>
      </c>
      <c r="F59927" s="1" t="s">
        <v>201145</v>
      </c>
      <c r="G59927" s="1" t="s">
        <v>201044</v>
      </c>
      <c r="H59927" s="1" t="s">
        <v>201045</v>
      </c>
      <c r="I59927" s="1" t="s">
        <v>199140</v>
      </c>
      <c r="J59927" s="1" t="s">
        <v>201146</v>
      </c>
    </row>
    <row r="59928" spans="1:10" x14ac:dyDescent="0.35">
      <c r="A59928" s="1" t="s">
        <v>121409</v>
      </c>
      <c r="B59928" s="1" t="s">
        <v>199134</v>
      </c>
      <c r="C59928" s="1" t="s">
        <v>165</v>
      </c>
      <c r="D59928" s="1" t="s">
        <v>23159</v>
      </c>
      <c r="E59928" s="1" t="s">
        <v>201147</v>
      </c>
      <c r="F59928" s="1" t="s">
        <v>201148</v>
      </c>
      <c r="G59928" s="1" t="s">
        <v>201044</v>
      </c>
      <c r="H59928" s="1" t="s">
        <v>201045</v>
      </c>
      <c r="I59928" s="1" t="s">
        <v>199140</v>
      </c>
      <c r="J59928" s="1" t="s">
        <v>201149</v>
      </c>
    </row>
    <row r="59929" spans="1:10" x14ac:dyDescent="0.35">
      <c r="A59929" s="1" t="s">
        <v>121409</v>
      </c>
      <c r="B59929" s="1" t="s">
        <v>199134</v>
      </c>
      <c r="C59929" s="1" t="s">
        <v>170</v>
      </c>
      <c r="D59929" s="1" t="s">
        <v>201150</v>
      </c>
      <c r="E59929" s="1" t="s">
        <v>201151</v>
      </c>
      <c r="F59929" s="1" t="s">
        <v>201152</v>
      </c>
      <c r="G59929" s="1" t="s">
        <v>201044</v>
      </c>
      <c r="H59929" s="1" t="s">
        <v>201045</v>
      </c>
      <c r="I59929" s="1" t="s">
        <v>199140</v>
      </c>
      <c r="J59929" s="1" t="s">
        <v>201153</v>
      </c>
    </row>
    <row r="59930" spans="1:10" x14ac:dyDescent="0.35">
      <c r="A59930" s="1" t="s">
        <v>46341</v>
      </c>
      <c r="B59930" s="1" t="s">
        <v>199134</v>
      </c>
      <c r="C59930" s="1" t="s">
        <v>8</v>
      </c>
      <c r="D59930" s="1" t="s">
        <v>55541</v>
      </c>
      <c r="E59930" s="1" t="s">
        <v>201154</v>
      </c>
      <c r="F59930" s="1" t="s">
        <v>201155</v>
      </c>
      <c r="G59930" s="1" t="s">
        <v>201156</v>
      </c>
      <c r="H59930" s="1" t="s">
        <v>201157</v>
      </c>
      <c r="I59930" s="1" t="s">
        <v>199140</v>
      </c>
      <c r="J59930" s="1" t="s">
        <v>13</v>
      </c>
    </row>
    <row r="59931" spans="1:10" x14ac:dyDescent="0.35">
      <c r="A59931" s="1" t="s">
        <v>46341</v>
      </c>
      <c r="B59931" s="1" t="s">
        <v>199134</v>
      </c>
      <c r="C59931" s="1" t="s">
        <v>15</v>
      </c>
      <c r="D59931" s="1" t="s">
        <v>131701</v>
      </c>
      <c r="E59931" s="1" t="s">
        <v>201158</v>
      </c>
      <c r="F59931" s="1" t="s">
        <v>201159</v>
      </c>
      <c r="G59931" s="1" t="s">
        <v>201156</v>
      </c>
      <c r="H59931" s="1" t="s">
        <v>201157</v>
      </c>
      <c r="I59931" s="1" t="s">
        <v>199140</v>
      </c>
      <c r="J59931" s="1" t="s">
        <v>201160</v>
      </c>
    </row>
    <row r="59932" spans="1:10" x14ac:dyDescent="0.35">
      <c r="A59932" s="1" t="s">
        <v>46341</v>
      </c>
      <c r="B59932" s="1" t="s">
        <v>199134</v>
      </c>
      <c r="C59932" s="1" t="s">
        <v>20</v>
      </c>
      <c r="D59932" s="1" t="s">
        <v>79098</v>
      </c>
      <c r="E59932" s="1" t="s">
        <v>201161</v>
      </c>
      <c r="F59932" s="1" t="s">
        <v>201162</v>
      </c>
      <c r="G59932" s="1" t="s">
        <v>201156</v>
      </c>
      <c r="H59932" s="1" t="s">
        <v>201157</v>
      </c>
      <c r="I59932" s="1" t="s">
        <v>199140</v>
      </c>
      <c r="J59932" s="1" t="s">
        <v>201163</v>
      </c>
    </row>
    <row r="59933" spans="1:10" x14ac:dyDescent="0.35">
      <c r="A59933" s="1" t="s">
        <v>46341</v>
      </c>
      <c r="B59933" s="1" t="s">
        <v>199134</v>
      </c>
      <c r="C59933" s="1" t="s">
        <v>25</v>
      </c>
      <c r="D59933" s="1" t="s">
        <v>89790</v>
      </c>
      <c r="E59933" s="1" t="s">
        <v>201164</v>
      </c>
      <c r="F59933" s="1" t="s">
        <v>201165</v>
      </c>
      <c r="G59933" s="1" t="s">
        <v>201156</v>
      </c>
      <c r="H59933" s="1" t="s">
        <v>201157</v>
      </c>
      <c r="I59933" s="1" t="s">
        <v>199140</v>
      </c>
      <c r="J59933" s="1" t="s">
        <v>201166</v>
      </c>
    </row>
    <row r="59934" spans="1:10" x14ac:dyDescent="0.35">
      <c r="A59934" s="1" t="s">
        <v>46341</v>
      </c>
      <c r="B59934" s="1" t="s">
        <v>199134</v>
      </c>
      <c r="C59934" s="1" t="s">
        <v>30</v>
      </c>
      <c r="D59934" s="1" t="s">
        <v>24287</v>
      </c>
      <c r="E59934" s="1" t="s">
        <v>201167</v>
      </c>
      <c r="F59934" s="1" t="s">
        <v>201168</v>
      </c>
      <c r="G59934" s="1" t="s">
        <v>201156</v>
      </c>
      <c r="H59934" s="1" t="s">
        <v>201157</v>
      </c>
      <c r="I59934" s="1" t="s">
        <v>199140</v>
      </c>
      <c r="J59934" s="1" t="s">
        <v>201169</v>
      </c>
    </row>
    <row r="59935" spans="1:10" x14ac:dyDescent="0.35">
      <c r="A59935" s="1" t="s">
        <v>46341</v>
      </c>
      <c r="B59935" s="1" t="s">
        <v>199134</v>
      </c>
      <c r="C59935" s="1" t="s">
        <v>35</v>
      </c>
      <c r="D59935" s="1" t="s">
        <v>66651</v>
      </c>
      <c r="E59935" s="1" t="s">
        <v>201170</v>
      </c>
      <c r="F59935" s="1" t="s">
        <v>201171</v>
      </c>
      <c r="G59935" s="1" t="s">
        <v>201156</v>
      </c>
      <c r="H59935" s="1" t="s">
        <v>201157</v>
      </c>
      <c r="I59935" s="1" t="s">
        <v>199140</v>
      </c>
      <c r="J59935" s="1" t="s">
        <v>201172</v>
      </c>
    </row>
    <row r="59936" spans="1:10" x14ac:dyDescent="0.35">
      <c r="A59936" s="1" t="s">
        <v>46341</v>
      </c>
      <c r="B59936" s="1" t="s">
        <v>199134</v>
      </c>
      <c r="C59936" s="1" t="s">
        <v>40</v>
      </c>
      <c r="D59936" s="1" t="s">
        <v>201063</v>
      </c>
      <c r="E59936" s="1" t="s">
        <v>201173</v>
      </c>
      <c r="F59936" s="1" t="s">
        <v>201174</v>
      </c>
      <c r="G59936" s="1" t="s">
        <v>201156</v>
      </c>
      <c r="H59936" s="1" t="s">
        <v>201157</v>
      </c>
      <c r="I59936" s="1" t="s">
        <v>199140</v>
      </c>
      <c r="J59936" s="1" t="s">
        <v>201175</v>
      </c>
    </row>
    <row r="59937" spans="1:10" x14ac:dyDescent="0.35">
      <c r="A59937" s="1" t="s">
        <v>46341</v>
      </c>
      <c r="B59937" s="1" t="s">
        <v>199134</v>
      </c>
      <c r="C59937" s="1" t="s">
        <v>45</v>
      </c>
      <c r="D59937" s="1" t="s">
        <v>201176</v>
      </c>
      <c r="E59937" s="1" t="s">
        <v>201177</v>
      </c>
      <c r="F59937" s="1" t="s">
        <v>201178</v>
      </c>
      <c r="G59937" s="1" t="s">
        <v>201156</v>
      </c>
      <c r="H59937" s="1" t="s">
        <v>201157</v>
      </c>
      <c r="I59937" s="1" t="s">
        <v>199140</v>
      </c>
      <c r="J59937" s="1" t="s">
        <v>201179</v>
      </c>
    </row>
    <row r="59938" spans="1:10" x14ac:dyDescent="0.35">
      <c r="A59938" s="1" t="s">
        <v>46341</v>
      </c>
      <c r="B59938" s="1" t="s">
        <v>199134</v>
      </c>
      <c r="C59938" s="1" t="s">
        <v>50</v>
      </c>
      <c r="D59938" s="1" t="s">
        <v>201180</v>
      </c>
      <c r="E59938" s="1" t="s">
        <v>201181</v>
      </c>
      <c r="F59938" s="1" t="s">
        <v>201182</v>
      </c>
      <c r="G59938" s="1" t="s">
        <v>201156</v>
      </c>
      <c r="H59938" s="1" t="s">
        <v>201157</v>
      </c>
      <c r="I59938" s="1" t="s">
        <v>199140</v>
      </c>
      <c r="J59938" s="1" t="s">
        <v>201183</v>
      </c>
    </row>
    <row r="59939" spans="1:10" x14ac:dyDescent="0.35">
      <c r="A59939" s="1" t="s">
        <v>46341</v>
      </c>
      <c r="B59939" s="1" t="s">
        <v>199134</v>
      </c>
      <c r="C59939" s="1" t="s">
        <v>55</v>
      </c>
      <c r="D59939" s="1" t="s">
        <v>201184</v>
      </c>
      <c r="E59939" s="1" t="s">
        <v>201185</v>
      </c>
      <c r="F59939" s="1" t="s">
        <v>201186</v>
      </c>
      <c r="G59939" s="1" t="s">
        <v>201156</v>
      </c>
      <c r="H59939" s="1" t="s">
        <v>201157</v>
      </c>
      <c r="I59939" s="1" t="s">
        <v>199140</v>
      </c>
      <c r="J59939" s="1" t="s">
        <v>201187</v>
      </c>
    </row>
    <row r="59940" spans="1:10" x14ac:dyDescent="0.35">
      <c r="A59940" s="1" t="s">
        <v>46341</v>
      </c>
      <c r="B59940" s="1" t="s">
        <v>199134</v>
      </c>
      <c r="C59940" s="1" t="s">
        <v>60</v>
      </c>
      <c r="D59940" s="1" t="s">
        <v>91793</v>
      </c>
      <c r="E59940" s="1" t="s">
        <v>201188</v>
      </c>
      <c r="F59940" s="1" t="s">
        <v>201189</v>
      </c>
      <c r="G59940" s="1" t="s">
        <v>201156</v>
      </c>
      <c r="H59940" s="1" t="s">
        <v>201157</v>
      </c>
      <c r="I59940" s="1" t="s">
        <v>199140</v>
      </c>
      <c r="J59940" s="1" t="s">
        <v>201190</v>
      </c>
    </row>
    <row r="59941" spans="1:10" x14ac:dyDescent="0.35">
      <c r="A59941" s="1" t="s">
        <v>46341</v>
      </c>
      <c r="B59941" s="1" t="s">
        <v>199134</v>
      </c>
      <c r="C59941" s="1" t="s">
        <v>65</v>
      </c>
      <c r="D59941" s="1" t="s">
        <v>77645</v>
      </c>
      <c r="E59941" s="1" t="s">
        <v>201191</v>
      </c>
      <c r="F59941" s="1" t="s">
        <v>201192</v>
      </c>
      <c r="G59941" s="1" t="s">
        <v>201156</v>
      </c>
      <c r="H59941" s="1" t="s">
        <v>201157</v>
      </c>
      <c r="I59941" s="1" t="s">
        <v>199140</v>
      </c>
      <c r="J59941" s="1" t="s">
        <v>201193</v>
      </c>
    </row>
    <row r="59942" spans="1:10" x14ac:dyDescent="0.35">
      <c r="A59942" s="1" t="s">
        <v>46341</v>
      </c>
      <c r="B59942" s="1" t="s">
        <v>199134</v>
      </c>
      <c r="C59942" s="1" t="s">
        <v>70</v>
      </c>
      <c r="D59942" s="1" t="s">
        <v>201194</v>
      </c>
      <c r="E59942" s="1" t="s">
        <v>201195</v>
      </c>
      <c r="F59942" s="1" t="s">
        <v>201196</v>
      </c>
      <c r="G59942" s="1" t="s">
        <v>201156</v>
      </c>
      <c r="H59942" s="1" t="s">
        <v>201157</v>
      </c>
      <c r="I59942" s="1" t="s">
        <v>199140</v>
      </c>
      <c r="J59942" s="1" t="s">
        <v>201197</v>
      </c>
    </row>
    <row r="59943" spans="1:10" x14ac:dyDescent="0.35">
      <c r="A59943" s="1" t="s">
        <v>46341</v>
      </c>
      <c r="B59943" s="1" t="s">
        <v>199134</v>
      </c>
      <c r="C59943" s="1" t="s">
        <v>75</v>
      </c>
      <c r="D59943" s="1" t="s">
        <v>201198</v>
      </c>
      <c r="E59943" s="1" t="s">
        <v>201199</v>
      </c>
      <c r="F59943" s="1" t="s">
        <v>201200</v>
      </c>
      <c r="G59943" s="1" t="s">
        <v>201156</v>
      </c>
      <c r="H59943" s="1" t="s">
        <v>201157</v>
      </c>
      <c r="I59943" s="1" t="s">
        <v>199140</v>
      </c>
      <c r="J59943" s="1" t="s">
        <v>201201</v>
      </c>
    </row>
    <row r="59944" spans="1:10" x14ac:dyDescent="0.35">
      <c r="A59944" s="1" t="s">
        <v>46341</v>
      </c>
      <c r="B59944" s="1" t="s">
        <v>199134</v>
      </c>
      <c r="C59944" s="1" t="s">
        <v>80</v>
      </c>
      <c r="D59944" s="1" t="s">
        <v>201202</v>
      </c>
      <c r="E59944" s="1" t="s">
        <v>201203</v>
      </c>
      <c r="F59944" s="1" t="s">
        <v>201204</v>
      </c>
      <c r="G59944" s="1" t="s">
        <v>201156</v>
      </c>
      <c r="H59944" s="1" t="s">
        <v>201157</v>
      </c>
      <c r="I59944" s="1" t="s">
        <v>199140</v>
      </c>
      <c r="J59944" s="1" t="s">
        <v>201205</v>
      </c>
    </row>
    <row r="59945" spans="1:10" x14ac:dyDescent="0.35">
      <c r="A59945" s="1" t="s">
        <v>46341</v>
      </c>
      <c r="B59945" s="1" t="s">
        <v>199134</v>
      </c>
      <c r="C59945" s="1" t="s">
        <v>85</v>
      </c>
      <c r="D59945" s="1" t="s">
        <v>201206</v>
      </c>
      <c r="E59945" s="1" t="s">
        <v>201207</v>
      </c>
      <c r="F59945" s="1" t="s">
        <v>201208</v>
      </c>
      <c r="G59945" s="1" t="s">
        <v>201156</v>
      </c>
      <c r="H59945" s="1" t="s">
        <v>201157</v>
      </c>
      <c r="I59945" s="1" t="s">
        <v>199140</v>
      </c>
      <c r="J59945" s="1" t="s">
        <v>201209</v>
      </c>
    </row>
    <row r="59946" spans="1:10" x14ac:dyDescent="0.35">
      <c r="A59946" s="1" t="s">
        <v>46341</v>
      </c>
      <c r="B59946" s="1" t="s">
        <v>199134</v>
      </c>
      <c r="C59946" s="1" t="s">
        <v>90</v>
      </c>
      <c r="D59946" s="1" t="s">
        <v>201210</v>
      </c>
      <c r="E59946" s="1" t="s">
        <v>201211</v>
      </c>
      <c r="F59946" s="1" t="s">
        <v>201212</v>
      </c>
      <c r="G59946" s="1" t="s">
        <v>201156</v>
      </c>
      <c r="H59946" s="1" t="s">
        <v>201157</v>
      </c>
      <c r="I59946" s="1" t="s">
        <v>199140</v>
      </c>
      <c r="J59946" s="1" t="s">
        <v>201213</v>
      </c>
    </row>
    <row r="59947" spans="1:10" x14ac:dyDescent="0.35">
      <c r="A59947" s="1" t="s">
        <v>46341</v>
      </c>
      <c r="B59947" s="1" t="s">
        <v>199134</v>
      </c>
      <c r="C59947" s="1" t="s">
        <v>95</v>
      </c>
      <c r="D59947" s="1" t="s">
        <v>165256</v>
      </c>
      <c r="E59947" s="1" t="s">
        <v>201214</v>
      </c>
      <c r="F59947" s="1" t="s">
        <v>201215</v>
      </c>
      <c r="G59947" s="1" t="s">
        <v>201156</v>
      </c>
      <c r="H59947" s="1" t="s">
        <v>201157</v>
      </c>
      <c r="I59947" s="1" t="s">
        <v>199140</v>
      </c>
      <c r="J59947" s="1" t="s">
        <v>201216</v>
      </c>
    </row>
    <row r="59948" spans="1:10" x14ac:dyDescent="0.35">
      <c r="A59948" s="1" t="s">
        <v>46341</v>
      </c>
      <c r="B59948" s="1" t="s">
        <v>199134</v>
      </c>
      <c r="C59948" s="1" t="s">
        <v>100</v>
      </c>
      <c r="D59948" s="1" t="s">
        <v>21719</v>
      </c>
      <c r="E59948" s="1" t="s">
        <v>201217</v>
      </c>
      <c r="F59948" s="1" t="s">
        <v>201218</v>
      </c>
      <c r="G59948" s="1" t="s">
        <v>201156</v>
      </c>
      <c r="H59948" s="1" t="s">
        <v>201157</v>
      </c>
      <c r="I59948" s="1" t="s">
        <v>199140</v>
      </c>
      <c r="J59948" s="1" t="s">
        <v>201219</v>
      </c>
    </row>
    <row r="59949" spans="1:10" x14ac:dyDescent="0.35">
      <c r="A59949" s="1" t="s">
        <v>46341</v>
      </c>
      <c r="B59949" s="1" t="s">
        <v>199134</v>
      </c>
      <c r="C59949" s="1" t="s">
        <v>105</v>
      </c>
      <c r="D59949" s="1" t="s">
        <v>201220</v>
      </c>
      <c r="E59949" s="1" t="s">
        <v>201221</v>
      </c>
      <c r="F59949" s="1" t="s">
        <v>201222</v>
      </c>
      <c r="G59949" s="1" t="s">
        <v>201156</v>
      </c>
      <c r="H59949" s="1" t="s">
        <v>201157</v>
      </c>
      <c r="I59949" s="1" t="s">
        <v>199140</v>
      </c>
      <c r="J59949" s="1" t="s">
        <v>201223</v>
      </c>
    </row>
    <row r="59950" spans="1:10" x14ac:dyDescent="0.35">
      <c r="A59950" s="1" t="s">
        <v>46341</v>
      </c>
      <c r="B59950" s="1" t="s">
        <v>199134</v>
      </c>
      <c r="C59950" s="1" t="s">
        <v>110</v>
      </c>
      <c r="D59950" s="1" t="s">
        <v>201224</v>
      </c>
      <c r="E59950" s="1" t="s">
        <v>201225</v>
      </c>
      <c r="F59950" s="1" t="s">
        <v>201226</v>
      </c>
      <c r="G59950" s="1" t="s">
        <v>201156</v>
      </c>
      <c r="H59950" s="1" t="s">
        <v>201157</v>
      </c>
      <c r="I59950" s="1" t="s">
        <v>199140</v>
      </c>
      <c r="J59950" s="1" t="s">
        <v>201227</v>
      </c>
    </row>
    <row r="59951" spans="1:10" x14ac:dyDescent="0.35">
      <c r="A59951" s="1" t="s">
        <v>46341</v>
      </c>
      <c r="B59951" s="1" t="s">
        <v>199134</v>
      </c>
      <c r="C59951" s="1" t="s">
        <v>115</v>
      </c>
      <c r="D59951" s="1" t="s">
        <v>201228</v>
      </c>
      <c r="E59951" s="1" t="s">
        <v>201229</v>
      </c>
      <c r="F59951" s="1" t="s">
        <v>201230</v>
      </c>
      <c r="G59951" s="1" t="s">
        <v>201156</v>
      </c>
      <c r="H59951" s="1" t="s">
        <v>201157</v>
      </c>
      <c r="I59951" s="1" t="s">
        <v>199140</v>
      </c>
      <c r="J59951" s="1" t="s">
        <v>201231</v>
      </c>
    </row>
    <row r="59952" spans="1:10" x14ac:dyDescent="0.35">
      <c r="A59952" s="1" t="s">
        <v>46341</v>
      </c>
      <c r="B59952" s="1" t="s">
        <v>199134</v>
      </c>
      <c r="C59952" s="1" t="s">
        <v>120</v>
      </c>
      <c r="D59952" s="1" t="s">
        <v>134191</v>
      </c>
      <c r="E59952" s="1" t="s">
        <v>201232</v>
      </c>
      <c r="F59952" s="1" t="s">
        <v>201233</v>
      </c>
      <c r="G59952" s="1" t="s">
        <v>201156</v>
      </c>
      <c r="H59952" s="1" t="s">
        <v>201157</v>
      </c>
      <c r="I59952" s="1" t="s">
        <v>199140</v>
      </c>
      <c r="J59952" s="1" t="s">
        <v>201234</v>
      </c>
    </row>
    <row r="59953" spans="1:10" x14ac:dyDescent="0.35">
      <c r="A59953" s="1" t="s">
        <v>46341</v>
      </c>
      <c r="B59953" s="1" t="s">
        <v>199134</v>
      </c>
      <c r="C59953" s="1" t="s">
        <v>125</v>
      </c>
      <c r="D59953" s="1" t="s">
        <v>201235</v>
      </c>
      <c r="E59953" s="1" t="s">
        <v>201236</v>
      </c>
      <c r="F59953" s="1" t="s">
        <v>201237</v>
      </c>
      <c r="G59953" s="1" t="s">
        <v>201156</v>
      </c>
      <c r="H59953" s="1" t="s">
        <v>201157</v>
      </c>
      <c r="I59953" s="1" t="s">
        <v>199140</v>
      </c>
      <c r="J59953" s="1" t="s">
        <v>201238</v>
      </c>
    </row>
    <row r="59954" spans="1:10" x14ac:dyDescent="0.35">
      <c r="A59954" s="1" t="s">
        <v>46341</v>
      </c>
      <c r="B59954" s="1" t="s">
        <v>199134</v>
      </c>
      <c r="C59954" s="1" t="s">
        <v>130</v>
      </c>
      <c r="D59954" s="1" t="s">
        <v>201239</v>
      </c>
      <c r="E59954" s="1" t="s">
        <v>201240</v>
      </c>
      <c r="F59954" s="1" t="s">
        <v>201241</v>
      </c>
      <c r="G59954" s="1" t="s">
        <v>201156</v>
      </c>
      <c r="H59954" s="1" t="s">
        <v>201157</v>
      </c>
      <c r="I59954" s="1" t="s">
        <v>199140</v>
      </c>
      <c r="J59954" s="1" t="s">
        <v>201242</v>
      </c>
    </row>
    <row r="59955" spans="1:10" x14ac:dyDescent="0.35">
      <c r="A59955" s="1" t="s">
        <v>46341</v>
      </c>
      <c r="B59955" s="1" t="s">
        <v>199134</v>
      </c>
      <c r="C59955" s="1" t="s">
        <v>135</v>
      </c>
      <c r="D59955" s="1" t="s">
        <v>201243</v>
      </c>
      <c r="E59955" s="1" t="s">
        <v>201244</v>
      </c>
      <c r="F59955" s="1" t="s">
        <v>201245</v>
      </c>
      <c r="G59955" s="1" t="s">
        <v>201156</v>
      </c>
      <c r="H59955" s="1" t="s">
        <v>201157</v>
      </c>
      <c r="I59955" s="1" t="s">
        <v>199140</v>
      </c>
      <c r="J59955" s="1" t="s">
        <v>201246</v>
      </c>
    </row>
    <row r="59956" spans="1:10" x14ac:dyDescent="0.35">
      <c r="A59956" s="1" t="s">
        <v>46341</v>
      </c>
      <c r="B59956" s="1" t="s">
        <v>199134</v>
      </c>
      <c r="C59956" s="1" t="s">
        <v>140</v>
      </c>
      <c r="D59956" s="1" t="s">
        <v>201247</v>
      </c>
      <c r="E59956" s="1" t="s">
        <v>201248</v>
      </c>
      <c r="F59956" s="1" t="s">
        <v>201249</v>
      </c>
      <c r="G59956" s="1" t="s">
        <v>201156</v>
      </c>
      <c r="H59956" s="1" t="s">
        <v>201157</v>
      </c>
      <c r="I59956" s="1" t="s">
        <v>199140</v>
      </c>
      <c r="J59956" s="1" t="s">
        <v>201250</v>
      </c>
    </row>
    <row r="59957" spans="1:10" x14ac:dyDescent="0.35">
      <c r="A59957" s="1" t="s">
        <v>46341</v>
      </c>
      <c r="B59957" s="1" t="s">
        <v>199134</v>
      </c>
      <c r="C59957" s="1" t="s">
        <v>145</v>
      </c>
      <c r="D59957" s="1" t="s">
        <v>201251</v>
      </c>
      <c r="E59957" s="1" t="s">
        <v>201252</v>
      </c>
      <c r="F59957" s="1" t="s">
        <v>201253</v>
      </c>
      <c r="G59957" s="1" t="s">
        <v>201156</v>
      </c>
      <c r="H59957" s="1" t="s">
        <v>201157</v>
      </c>
      <c r="I59957" s="1" t="s">
        <v>199140</v>
      </c>
      <c r="J59957" s="1" t="s">
        <v>201254</v>
      </c>
    </row>
    <row r="59958" spans="1:10" x14ac:dyDescent="0.35">
      <c r="A59958" s="1" t="s">
        <v>46341</v>
      </c>
      <c r="B59958" s="1" t="s">
        <v>199134</v>
      </c>
      <c r="C59958" s="1" t="s">
        <v>150</v>
      </c>
      <c r="D59958" s="1" t="s">
        <v>165054</v>
      </c>
      <c r="E59958" s="1" t="s">
        <v>201255</v>
      </c>
      <c r="F59958" s="1" t="s">
        <v>201256</v>
      </c>
      <c r="G59958" s="1" t="s">
        <v>201156</v>
      </c>
      <c r="H59958" s="1" t="s">
        <v>201157</v>
      </c>
      <c r="I59958" s="1" t="s">
        <v>199140</v>
      </c>
      <c r="J59958" s="1" t="s">
        <v>201257</v>
      </c>
    </row>
    <row r="59959" spans="1:10" x14ac:dyDescent="0.35">
      <c r="A59959" s="1" t="s">
        <v>46341</v>
      </c>
      <c r="B59959" s="1" t="s">
        <v>199134</v>
      </c>
      <c r="C59959" s="1" t="s">
        <v>155</v>
      </c>
      <c r="D59959" s="1" t="s">
        <v>201258</v>
      </c>
      <c r="E59959" s="1" t="s">
        <v>201259</v>
      </c>
      <c r="F59959" s="1" t="s">
        <v>201260</v>
      </c>
      <c r="G59959" s="1" t="s">
        <v>201156</v>
      </c>
      <c r="H59959" s="1" t="s">
        <v>201157</v>
      </c>
      <c r="I59959" s="1" t="s">
        <v>199140</v>
      </c>
      <c r="J59959" s="1" t="s">
        <v>201261</v>
      </c>
    </row>
    <row r="59960" spans="1:10" x14ac:dyDescent="0.35">
      <c r="A59960" s="1" t="s">
        <v>46341</v>
      </c>
      <c r="B59960" s="1" t="s">
        <v>199134</v>
      </c>
      <c r="C59960" s="1" t="s">
        <v>160</v>
      </c>
      <c r="D59960" s="1" t="s">
        <v>201262</v>
      </c>
      <c r="E59960" s="1" t="s">
        <v>201263</v>
      </c>
      <c r="F59960" s="1" t="s">
        <v>201264</v>
      </c>
      <c r="G59960" s="1" t="s">
        <v>201156</v>
      </c>
      <c r="H59960" s="1" t="s">
        <v>201157</v>
      </c>
      <c r="I59960" s="1" t="s">
        <v>199140</v>
      </c>
      <c r="J59960" s="1" t="s">
        <v>201265</v>
      </c>
    </row>
    <row r="59961" spans="1:10" x14ac:dyDescent="0.35">
      <c r="A59961" s="1" t="s">
        <v>46341</v>
      </c>
      <c r="B59961" s="1" t="s">
        <v>199134</v>
      </c>
      <c r="C59961" s="1" t="s">
        <v>165</v>
      </c>
      <c r="D59961" s="1" t="s">
        <v>27146</v>
      </c>
      <c r="E59961" s="1" t="s">
        <v>201266</v>
      </c>
      <c r="F59961" s="1" t="s">
        <v>201267</v>
      </c>
      <c r="G59961" s="1" t="s">
        <v>201156</v>
      </c>
      <c r="H59961" s="1" t="s">
        <v>201157</v>
      </c>
      <c r="I59961" s="1" t="s">
        <v>199140</v>
      </c>
      <c r="J59961" s="1" t="s">
        <v>201268</v>
      </c>
    </row>
    <row r="59962" spans="1:10" x14ac:dyDescent="0.35">
      <c r="A59962" s="1" t="s">
        <v>46341</v>
      </c>
      <c r="B59962" s="1" t="s">
        <v>199134</v>
      </c>
      <c r="C59962" s="1" t="s">
        <v>170</v>
      </c>
      <c r="D59962" s="1" t="s">
        <v>201269</v>
      </c>
      <c r="E59962" s="1" t="s">
        <v>201270</v>
      </c>
      <c r="F59962" s="1" t="s">
        <v>201271</v>
      </c>
      <c r="G59962" s="1" t="s">
        <v>201156</v>
      </c>
      <c r="H59962" s="1" t="s">
        <v>201157</v>
      </c>
      <c r="I59962" s="1" t="s">
        <v>199140</v>
      </c>
      <c r="J59962" s="1" t="s">
        <v>201272</v>
      </c>
    </row>
    <row r="59963" spans="1:10" x14ac:dyDescent="0.35">
      <c r="A59963" s="1" t="s">
        <v>109867</v>
      </c>
      <c r="B59963" s="1" t="s">
        <v>199134</v>
      </c>
      <c r="C59963" s="1" t="s">
        <v>8</v>
      </c>
      <c r="D59963" s="1" t="s">
        <v>61934</v>
      </c>
      <c r="E59963" s="1" t="s">
        <v>201273</v>
      </c>
      <c r="F59963" s="1" t="s">
        <v>201274</v>
      </c>
      <c r="G59963" s="1" t="s">
        <v>201275</v>
      </c>
      <c r="H59963" s="1" t="s">
        <v>201276</v>
      </c>
      <c r="I59963" s="1" t="s">
        <v>199140</v>
      </c>
      <c r="J59963" s="1" t="s">
        <v>13</v>
      </c>
    </row>
    <row r="59964" spans="1:10" x14ac:dyDescent="0.35">
      <c r="A59964" s="1" t="s">
        <v>109867</v>
      </c>
      <c r="B59964" s="1" t="s">
        <v>199134</v>
      </c>
      <c r="C59964" s="1" t="s">
        <v>15</v>
      </c>
      <c r="D59964" s="1" t="s">
        <v>138506</v>
      </c>
      <c r="E59964" s="1" t="s">
        <v>201277</v>
      </c>
      <c r="F59964" s="1" t="s">
        <v>201278</v>
      </c>
      <c r="G59964" s="1" t="s">
        <v>201275</v>
      </c>
      <c r="H59964" s="1" t="s">
        <v>201276</v>
      </c>
      <c r="I59964" s="1" t="s">
        <v>199140</v>
      </c>
      <c r="J59964" s="1" t="s">
        <v>201279</v>
      </c>
    </row>
    <row r="59965" spans="1:10" x14ac:dyDescent="0.35">
      <c r="A59965" s="1" t="s">
        <v>109867</v>
      </c>
      <c r="B59965" s="1" t="s">
        <v>199134</v>
      </c>
      <c r="C59965" s="1" t="s">
        <v>20</v>
      </c>
      <c r="D59965" s="1" t="s">
        <v>201280</v>
      </c>
      <c r="E59965" s="1" t="s">
        <v>201281</v>
      </c>
      <c r="F59965" s="1" t="s">
        <v>201282</v>
      </c>
      <c r="G59965" s="1" t="s">
        <v>201275</v>
      </c>
      <c r="H59965" s="1" t="s">
        <v>201276</v>
      </c>
      <c r="I59965" s="1" t="s">
        <v>199140</v>
      </c>
      <c r="J59965" s="1" t="s">
        <v>201283</v>
      </c>
    </row>
    <row r="59966" spans="1:10" x14ac:dyDescent="0.35">
      <c r="A59966" s="1" t="s">
        <v>109867</v>
      </c>
      <c r="B59966" s="1" t="s">
        <v>199134</v>
      </c>
      <c r="C59966" s="1" t="s">
        <v>25</v>
      </c>
      <c r="D59966" s="1" t="s">
        <v>199916</v>
      </c>
      <c r="E59966" s="1" t="s">
        <v>201284</v>
      </c>
      <c r="F59966" s="1" t="s">
        <v>201285</v>
      </c>
      <c r="G59966" s="1" t="s">
        <v>201275</v>
      </c>
      <c r="H59966" s="1" t="s">
        <v>201276</v>
      </c>
      <c r="I59966" s="1" t="s">
        <v>199140</v>
      </c>
      <c r="J59966" s="1" t="s">
        <v>201286</v>
      </c>
    </row>
    <row r="59967" spans="1:10" x14ac:dyDescent="0.35">
      <c r="A59967" s="1" t="s">
        <v>109867</v>
      </c>
      <c r="B59967" s="1" t="s">
        <v>199134</v>
      </c>
      <c r="C59967" s="1" t="s">
        <v>30</v>
      </c>
      <c r="D59967" s="1" t="s">
        <v>54390</v>
      </c>
      <c r="E59967" s="1" t="s">
        <v>201287</v>
      </c>
      <c r="F59967" s="1" t="s">
        <v>201288</v>
      </c>
      <c r="G59967" s="1" t="s">
        <v>201275</v>
      </c>
      <c r="H59967" s="1" t="s">
        <v>201276</v>
      </c>
      <c r="I59967" s="1" t="s">
        <v>199140</v>
      </c>
      <c r="J59967" s="1" t="s">
        <v>201289</v>
      </c>
    </row>
    <row r="59968" spans="1:10" x14ac:dyDescent="0.35">
      <c r="A59968" s="1" t="s">
        <v>109867</v>
      </c>
      <c r="B59968" s="1" t="s">
        <v>199134</v>
      </c>
      <c r="C59968" s="1" t="s">
        <v>35</v>
      </c>
      <c r="D59968" s="1" t="s">
        <v>78708</v>
      </c>
      <c r="E59968" s="1" t="s">
        <v>201290</v>
      </c>
      <c r="F59968" s="1" t="s">
        <v>201291</v>
      </c>
      <c r="G59968" s="1" t="s">
        <v>201275</v>
      </c>
      <c r="H59968" s="1" t="s">
        <v>201276</v>
      </c>
      <c r="I59968" s="1" t="s">
        <v>199140</v>
      </c>
      <c r="J59968" s="1" t="s">
        <v>201292</v>
      </c>
    </row>
    <row r="59969" spans="1:10" x14ac:dyDescent="0.35">
      <c r="A59969" s="1" t="s">
        <v>109867</v>
      </c>
      <c r="B59969" s="1" t="s">
        <v>199134</v>
      </c>
      <c r="C59969" s="1" t="s">
        <v>40</v>
      </c>
      <c r="D59969" s="1" t="s">
        <v>100565</v>
      </c>
      <c r="E59969" s="1" t="s">
        <v>201293</v>
      </c>
      <c r="F59969" s="1" t="s">
        <v>201294</v>
      </c>
      <c r="G59969" s="1" t="s">
        <v>201275</v>
      </c>
      <c r="H59969" s="1" t="s">
        <v>201276</v>
      </c>
      <c r="I59969" s="1" t="s">
        <v>199140</v>
      </c>
      <c r="J59969" s="1" t="s">
        <v>201295</v>
      </c>
    </row>
    <row r="59970" spans="1:10" x14ac:dyDescent="0.35">
      <c r="A59970" s="1" t="s">
        <v>109867</v>
      </c>
      <c r="B59970" s="1" t="s">
        <v>199134</v>
      </c>
      <c r="C59970" s="1" t="s">
        <v>45</v>
      </c>
      <c r="D59970" s="1" t="s">
        <v>201296</v>
      </c>
      <c r="E59970" s="1" t="s">
        <v>201297</v>
      </c>
      <c r="F59970" s="1" t="s">
        <v>201298</v>
      </c>
      <c r="G59970" s="1" t="s">
        <v>201275</v>
      </c>
      <c r="H59970" s="1" t="s">
        <v>201276</v>
      </c>
      <c r="I59970" s="1" t="s">
        <v>199140</v>
      </c>
      <c r="J59970" s="1" t="s">
        <v>201299</v>
      </c>
    </row>
    <row r="59971" spans="1:10" x14ac:dyDescent="0.35">
      <c r="A59971" s="1" t="s">
        <v>109867</v>
      </c>
      <c r="B59971" s="1" t="s">
        <v>199134</v>
      </c>
      <c r="C59971" s="1" t="s">
        <v>50</v>
      </c>
      <c r="D59971" s="1" t="s">
        <v>136624</v>
      </c>
      <c r="E59971" s="1" t="s">
        <v>201300</v>
      </c>
      <c r="F59971" s="1" t="s">
        <v>201301</v>
      </c>
      <c r="G59971" s="1" t="s">
        <v>201275</v>
      </c>
      <c r="H59971" s="1" t="s">
        <v>201276</v>
      </c>
      <c r="I59971" s="1" t="s">
        <v>199140</v>
      </c>
      <c r="J59971" s="1" t="s">
        <v>201302</v>
      </c>
    </row>
    <row r="59972" spans="1:10" x14ac:dyDescent="0.35">
      <c r="A59972" s="1" t="s">
        <v>109867</v>
      </c>
      <c r="B59972" s="1" t="s">
        <v>199134</v>
      </c>
      <c r="C59972" s="1" t="s">
        <v>55</v>
      </c>
      <c r="D59972" s="1" t="s">
        <v>128242</v>
      </c>
      <c r="E59972" s="1" t="s">
        <v>201303</v>
      </c>
      <c r="F59972" s="1" t="s">
        <v>201304</v>
      </c>
      <c r="G59972" s="1" t="s">
        <v>201275</v>
      </c>
      <c r="H59972" s="1" t="s">
        <v>201276</v>
      </c>
      <c r="I59972" s="1" t="s">
        <v>199140</v>
      </c>
      <c r="J59972" s="1" t="s">
        <v>201305</v>
      </c>
    </row>
    <row r="59973" spans="1:10" x14ac:dyDescent="0.35">
      <c r="A59973" s="1" t="s">
        <v>109867</v>
      </c>
      <c r="B59973" s="1" t="s">
        <v>199134</v>
      </c>
      <c r="C59973" s="1" t="s">
        <v>60</v>
      </c>
      <c r="D59973" s="1" t="s">
        <v>76214</v>
      </c>
      <c r="E59973" s="1" t="s">
        <v>201306</v>
      </c>
      <c r="F59973" s="1" t="s">
        <v>201307</v>
      </c>
      <c r="G59973" s="1" t="s">
        <v>201275</v>
      </c>
      <c r="H59973" s="1" t="s">
        <v>201276</v>
      </c>
      <c r="I59973" s="1" t="s">
        <v>199140</v>
      </c>
      <c r="J59973" s="1" t="s">
        <v>201308</v>
      </c>
    </row>
    <row r="59974" spans="1:10" x14ac:dyDescent="0.35">
      <c r="A59974" s="1" t="s">
        <v>109867</v>
      </c>
      <c r="B59974" s="1" t="s">
        <v>199134</v>
      </c>
      <c r="C59974" s="1" t="s">
        <v>65</v>
      </c>
      <c r="D59974" s="1" t="s">
        <v>201309</v>
      </c>
      <c r="E59974" s="1" t="s">
        <v>201310</v>
      </c>
      <c r="F59974" s="1" t="s">
        <v>201311</v>
      </c>
      <c r="G59974" s="1" t="s">
        <v>201275</v>
      </c>
      <c r="H59974" s="1" t="s">
        <v>201276</v>
      </c>
      <c r="I59974" s="1" t="s">
        <v>199140</v>
      </c>
      <c r="J59974" s="1" t="s">
        <v>201312</v>
      </c>
    </row>
    <row r="59975" spans="1:10" x14ac:dyDescent="0.35">
      <c r="A59975" s="1" t="s">
        <v>109867</v>
      </c>
      <c r="B59975" s="1" t="s">
        <v>199134</v>
      </c>
      <c r="C59975" s="1" t="s">
        <v>70</v>
      </c>
      <c r="D59975" s="1" t="s">
        <v>65669</v>
      </c>
      <c r="E59975" s="1" t="s">
        <v>201313</v>
      </c>
      <c r="F59975" s="1" t="s">
        <v>201314</v>
      </c>
      <c r="G59975" s="1" t="s">
        <v>201275</v>
      </c>
      <c r="H59975" s="1" t="s">
        <v>201276</v>
      </c>
      <c r="I59975" s="1" t="s">
        <v>199140</v>
      </c>
      <c r="J59975" s="1" t="s">
        <v>201315</v>
      </c>
    </row>
    <row r="59976" spans="1:10" x14ac:dyDescent="0.35">
      <c r="A59976" s="1" t="s">
        <v>109867</v>
      </c>
      <c r="B59976" s="1" t="s">
        <v>199134</v>
      </c>
      <c r="C59976" s="1" t="s">
        <v>75</v>
      </c>
      <c r="D59976" s="1" t="s">
        <v>94595</v>
      </c>
      <c r="E59976" s="1" t="s">
        <v>201316</v>
      </c>
      <c r="F59976" s="1" t="s">
        <v>201317</v>
      </c>
      <c r="G59976" s="1" t="s">
        <v>201275</v>
      </c>
      <c r="H59976" s="1" t="s">
        <v>201276</v>
      </c>
      <c r="I59976" s="1" t="s">
        <v>199140</v>
      </c>
      <c r="J59976" s="1" t="s">
        <v>201318</v>
      </c>
    </row>
    <row r="59977" spans="1:10" x14ac:dyDescent="0.35">
      <c r="A59977" s="1" t="s">
        <v>109867</v>
      </c>
      <c r="B59977" s="1" t="s">
        <v>199134</v>
      </c>
      <c r="C59977" s="1" t="s">
        <v>80</v>
      </c>
      <c r="D59977" s="1" t="s">
        <v>163371</v>
      </c>
      <c r="E59977" s="1" t="s">
        <v>201319</v>
      </c>
      <c r="F59977" s="1" t="s">
        <v>201320</v>
      </c>
      <c r="G59977" s="1" t="s">
        <v>201275</v>
      </c>
      <c r="H59977" s="1" t="s">
        <v>201276</v>
      </c>
      <c r="I59977" s="1" t="s">
        <v>199140</v>
      </c>
      <c r="J59977" s="1" t="s">
        <v>201321</v>
      </c>
    </row>
    <row r="59978" spans="1:10" x14ac:dyDescent="0.35">
      <c r="A59978" s="1" t="s">
        <v>109867</v>
      </c>
      <c r="B59978" s="1" t="s">
        <v>199134</v>
      </c>
      <c r="C59978" s="1" t="s">
        <v>85</v>
      </c>
      <c r="D59978" s="1" t="s">
        <v>201322</v>
      </c>
      <c r="E59978" s="1" t="s">
        <v>201323</v>
      </c>
      <c r="F59978" s="1" t="s">
        <v>201324</v>
      </c>
      <c r="G59978" s="1" t="s">
        <v>201275</v>
      </c>
      <c r="H59978" s="1" t="s">
        <v>201276</v>
      </c>
      <c r="I59978" s="1" t="s">
        <v>199140</v>
      </c>
      <c r="J59978" s="1" t="s">
        <v>201325</v>
      </c>
    </row>
    <row r="59979" spans="1:10" x14ac:dyDescent="0.35">
      <c r="A59979" s="1" t="s">
        <v>109867</v>
      </c>
      <c r="B59979" s="1" t="s">
        <v>199134</v>
      </c>
      <c r="C59979" s="1" t="s">
        <v>90</v>
      </c>
      <c r="D59979" s="1" t="s">
        <v>132939</v>
      </c>
      <c r="E59979" s="1" t="s">
        <v>201326</v>
      </c>
      <c r="F59979" s="1" t="s">
        <v>201327</v>
      </c>
      <c r="G59979" s="1" t="s">
        <v>201275</v>
      </c>
      <c r="H59979" s="1" t="s">
        <v>201276</v>
      </c>
      <c r="I59979" s="1" t="s">
        <v>199140</v>
      </c>
      <c r="J59979" s="1" t="s">
        <v>201328</v>
      </c>
    </row>
    <row r="59980" spans="1:10" x14ac:dyDescent="0.35">
      <c r="A59980" s="1" t="s">
        <v>109867</v>
      </c>
      <c r="B59980" s="1" t="s">
        <v>199134</v>
      </c>
      <c r="C59980" s="1" t="s">
        <v>95</v>
      </c>
      <c r="D59980" s="1" t="s">
        <v>61178</v>
      </c>
      <c r="E59980" s="1" t="s">
        <v>201329</v>
      </c>
      <c r="F59980" s="1" t="s">
        <v>201330</v>
      </c>
      <c r="G59980" s="1" t="s">
        <v>201275</v>
      </c>
      <c r="H59980" s="1" t="s">
        <v>201276</v>
      </c>
      <c r="I59980" s="1" t="s">
        <v>199140</v>
      </c>
      <c r="J59980" s="1" t="s">
        <v>201331</v>
      </c>
    </row>
    <row r="59981" spans="1:10" x14ac:dyDescent="0.35">
      <c r="A59981" s="1" t="s">
        <v>109867</v>
      </c>
      <c r="B59981" s="1" t="s">
        <v>199134</v>
      </c>
      <c r="C59981" s="1" t="s">
        <v>100</v>
      </c>
      <c r="D59981" s="1" t="s">
        <v>201332</v>
      </c>
      <c r="E59981" s="1" t="s">
        <v>201333</v>
      </c>
      <c r="F59981" s="1" t="s">
        <v>201334</v>
      </c>
      <c r="G59981" s="1" t="s">
        <v>201275</v>
      </c>
      <c r="H59981" s="1" t="s">
        <v>201276</v>
      </c>
      <c r="I59981" s="1" t="s">
        <v>199140</v>
      </c>
      <c r="J59981" s="1" t="s">
        <v>201335</v>
      </c>
    </row>
    <row r="59982" spans="1:10" x14ac:dyDescent="0.35">
      <c r="A59982" s="1" t="s">
        <v>109867</v>
      </c>
      <c r="B59982" s="1" t="s">
        <v>199134</v>
      </c>
      <c r="C59982" s="1" t="s">
        <v>105</v>
      </c>
      <c r="D59982" s="1" t="s">
        <v>61558</v>
      </c>
      <c r="E59982" s="1" t="s">
        <v>201336</v>
      </c>
      <c r="F59982" s="1" t="s">
        <v>201337</v>
      </c>
      <c r="G59982" s="1" t="s">
        <v>201275</v>
      </c>
      <c r="H59982" s="1" t="s">
        <v>201276</v>
      </c>
      <c r="I59982" s="1" t="s">
        <v>199140</v>
      </c>
      <c r="J59982" s="1" t="s">
        <v>201338</v>
      </c>
    </row>
    <row r="59983" spans="1:10" x14ac:dyDescent="0.35">
      <c r="A59983" s="1" t="s">
        <v>109867</v>
      </c>
      <c r="B59983" s="1" t="s">
        <v>199134</v>
      </c>
      <c r="C59983" s="1" t="s">
        <v>110</v>
      </c>
      <c r="D59983" s="1" t="s">
        <v>201339</v>
      </c>
      <c r="E59983" s="1" t="s">
        <v>201340</v>
      </c>
      <c r="F59983" s="1" t="s">
        <v>201341</v>
      </c>
      <c r="G59983" s="1" t="s">
        <v>201275</v>
      </c>
      <c r="H59983" s="1" t="s">
        <v>201276</v>
      </c>
      <c r="I59983" s="1" t="s">
        <v>199140</v>
      </c>
      <c r="J59983" s="1" t="s">
        <v>201342</v>
      </c>
    </row>
    <row r="59984" spans="1:10" x14ac:dyDescent="0.35">
      <c r="A59984" s="1" t="s">
        <v>109867</v>
      </c>
      <c r="B59984" s="1" t="s">
        <v>199134</v>
      </c>
      <c r="C59984" s="1" t="s">
        <v>115</v>
      </c>
      <c r="D59984" s="1" t="s">
        <v>201343</v>
      </c>
      <c r="E59984" s="1" t="s">
        <v>201344</v>
      </c>
      <c r="F59984" s="1" t="s">
        <v>201345</v>
      </c>
      <c r="G59984" s="1" t="s">
        <v>201275</v>
      </c>
      <c r="H59984" s="1" t="s">
        <v>201276</v>
      </c>
      <c r="I59984" s="1" t="s">
        <v>199140</v>
      </c>
      <c r="J59984" s="1" t="s">
        <v>201346</v>
      </c>
    </row>
    <row r="59985" spans="1:10" x14ac:dyDescent="0.35">
      <c r="A59985" s="1" t="s">
        <v>109867</v>
      </c>
      <c r="B59985" s="1" t="s">
        <v>199134</v>
      </c>
      <c r="C59985" s="1" t="s">
        <v>120</v>
      </c>
      <c r="D59985" s="1" t="s">
        <v>70052</v>
      </c>
      <c r="E59985" s="1" t="s">
        <v>201347</v>
      </c>
      <c r="F59985" s="1" t="s">
        <v>201348</v>
      </c>
      <c r="G59985" s="1" t="s">
        <v>201275</v>
      </c>
      <c r="H59985" s="1" t="s">
        <v>201276</v>
      </c>
      <c r="I59985" s="1" t="s">
        <v>199140</v>
      </c>
      <c r="J59985" s="1" t="s">
        <v>201349</v>
      </c>
    </row>
    <row r="59986" spans="1:10" x14ac:dyDescent="0.35">
      <c r="A59986" s="1" t="s">
        <v>109867</v>
      </c>
      <c r="B59986" s="1" t="s">
        <v>199134</v>
      </c>
      <c r="C59986" s="1" t="s">
        <v>125</v>
      </c>
      <c r="D59986" s="1" t="s">
        <v>56589</v>
      </c>
      <c r="E59986" s="1" t="s">
        <v>201350</v>
      </c>
      <c r="F59986" s="1" t="s">
        <v>201351</v>
      </c>
      <c r="G59986" s="1" t="s">
        <v>201275</v>
      </c>
      <c r="H59986" s="1" t="s">
        <v>201276</v>
      </c>
      <c r="I59986" s="1" t="s">
        <v>199140</v>
      </c>
      <c r="J59986" s="1" t="s">
        <v>201352</v>
      </c>
    </row>
    <row r="59987" spans="1:10" x14ac:dyDescent="0.35">
      <c r="A59987" s="1" t="s">
        <v>109867</v>
      </c>
      <c r="B59987" s="1" t="s">
        <v>199134</v>
      </c>
      <c r="C59987" s="1" t="s">
        <v>130</v>
      </c>
      <c r="D59987" s="1" t="s">
        <v>39822</v>
      </c>
      <c r="E59987" s="1" t="s">
        <v>201353</v>
      </c>
      <c r="F59987" s="1" t="s">
        <v>201354</v>
      </c>
      <c r="G59987" s="1" t="s">
        <v>201275</v>
      </c>
      <c r="H59987" s="1" t="s">
        <v>201276</v>
      </c>
      <c r="I59987" s="1" t="s">
        <v>199140</v>
      </c>
      <c r="J59987" s="1" t="s">
        <v>201355</v>
      </c>
    </row>
    <row r="59988" spans="1:10" x14ac:dyDescent="0.35">
      <c r="A59988" s="1" t="s">
        <v>109867</v>
      </c>
      <c r="B59988" s="1" t="s">
        <v>199134</v>
      </c>
      <c r="C59988" s="1" t="s">
        <v>135</v>
      </c>
      <c r="D59988" s="1" t="s">
        <v>20047</v>
      </c>
      <c r="E59988" s="1" t="s">
        <v>201356</v>
      </c>
      <c r="F59988" s="1" t="s">
        <v>201357</v>
      </c>
      <c r="G59988" s="1" t="s">
        <v>201275</v>
      </c>
      <c r="H59988" s="1" t="s">
        <v>201276</v>
      </c>
      <c r="I59988" s="1" t="s">
        <v>199140</v>
      </c>
      <c r="J59988" s="1" t="s">
        <v>201358</v>
      </c>
    </row>
    <row r="59989" spans="1:10" x14ac:dyDescent="0.35">
      <c r="A59989" s="1" t="s">
        <v>109867</v>
      </c>
      <c r="B59989" s="1" t="s">
        <v>199134</v>
      </c>
      <c r="C59989" s="1" t="s">
        <v>140</v>
      </c>
      <c r="D59989" s="1" t="s">
        <v>57007</v>
      </c>
      <c r="E59989" s="1" t="s">
        <v>201359</v>
      </c>
      <c r="F59989" s="1" t="s">
        <v>201360</v>
      </c>
      <c r="G59989" s="1" t="s">
        <v>201275</v>
      </c>
      <c r="H59989" s="1" t="s">
        <v>201276</v>
      </c>
      <c r="I59989" s="1" t="s">
        <v>199140</v>
      </c>
      <c r="J59989" s="1" t="s">
        <v>201361</v>
      </c>
    </row>
    <row r="59990" spans="1:10" x14ac:dyDescent="0.35">
      <c r="A59990" s="1" t="s">
        <v>109867</v>
      </c>
      <c r="B59990" s="1" t="s">
        <v>199134</v>
      </c>
      <c r="C59990" s="1" t="s">
        <v>145</v>
      </c>
      <c r="D59990" s="1" t="s">
        <v>201362</v>
      </c>
      <c r="E59990" s="1" t="s">
        <v>201363</v>
      </c>
      <c r="F59990" s="1" t="s">
        <v>201364</v>
      </c>
      <c r="G59990" s="1" t="s">
        <v>201275</v>
      </c>
      <c r="H59990" s="1" t="s">
        <v>201276</v>
      </c>
      <c r="I59990" s="1" t="s">
        <v>199140</v>
      </c>
      <c r="J59990" s="1" t="s">
        <v>201365</v>
      </c>
    </row>
    <row r="59991" spans="1:10" x14ac:dyDescent="0.35">
      <c r="A59991" s="1" t="s">
        <v>109867</v>
      </c>
      <c r="B59991" s="1" t="s">
        <v>199134</v>
      </c>
      <c r="C59991" s="1" t="s">
        <v>150</v>
      </c>
      <c r="D59991" s="1" t="s">
        <v>201366</v>
      </c>
      <c r="E59991" s="1" t="s">
        <v>201367</v>
      </c>
      <c r="F59991" s="1" t="s">
        <v>201368</v>
      </c>
      <c r="G59991" s="1" t="s">
        <v>201275</v>
      </c>
      <c r="H59991" s="1" t="s">
        <v>201276</v>
      </c>
      <c r="I59991" s="1" t="s">
        <v>199140</v>
      </c>
      <c r="J59991" s="1" t="s">
        <v>201369</v>
      </c>
    </row>
    <row r="59992" spans="1:10" x14ac:dyDescent="0.35">
      <c r="A59992" s="1" t="s">
        <v>109867</v>
      </c>
      <c r="B59992" s="1" t="s">
        <v>199134</v>
      </c>
      <c r="C59992" s="1" t="s">
        <v>155</v>
      </c>
      <c r="D59992" s="1" t="s">
        <v>103823</v>
      </c>
      <c r="E59992" s="1" t="s">
        <v>201370</v>
      </c>
      <c r="F59992" s="1" t="s">
        <v>201371</v>
      </c>
      <c r="G59992" s="1" t="s">
        <v>201275</v>
      </c>
      <c r="H59992" s="1" t="s">
        <v>201276</v>
      </c>
      <c r="I59992" s="1" t="s">
        <v>199140</v>
      </c>
      <c r="J59992" s="1" t="s">
        <v>201372</v>
      </c>
    </row>
    <row r="59993" spans="1:10" x14ac:dyDescent="0.35">
      <c r="A59993" s="1" t="s">
        <v>109867</v>
      </c>
      <c r="B59993" s="1" t="s">
        <v>199134</v>
      </c>
      <c r="C59993" s="1" t="s">
        <v>160</v>
      </c>
      <c r="D59993" s="1" t="s">
        <v>60366</v>
      </c>
      <c r="E59993" s="1" t="s">
        <v>201373</v>
      </c>
      <c r="F59993" s="1" t="s">
        <v>201374</v>
      </c>
      <c r="G59993" s="1" t="s">
        <v>201275</v>
      </c>
      <c r="H59993" s="1" t="s">
        <v>201276</v>
      </c>
      <c r="I59993" s="1" t="s">
        <v>199140</v>
      </c>
      <c r="J59993" s="1" t="s">
        <v>201375</v>
      </c>
    </row>
    <row r="59994" spans="1:10" x14ac:dyDescent="0.35">
      <c r="A59994" s="1" t="s">
        <v>109867</v>
      </c>
      <c r="B59994" s="1" t="s">
        <v>199134</v>
      </c>
      <c r="C59994" s="1" t="s">
        <v>165</v>
      </c>
      <c r="D59994" s="1" t="s">
        <v>201376</v>
      </c>
      <c r="E59994" s="1" t="s">
        <v>201377</v>
      </c>
      <c r="F59994" s="1" t="s">
        <v>201378</v>
      </c>
      <c r="G59994" s="1" t="s">
        <v>201275</v>
      </c>
      <c r="H59994" s="1" t="s">
        <v>201276</v>
      </c>
      <c r="I59994" s="1" t="s">
        <v>199140</v>
      </c>
      <c r="J59994" s="1" t="s">
        <v>201379</v>
      </c>
    </row>
    <row r="59995" spans="1:10" x14ac:dyDescent="0.35">
      <c r="A59995" s="1" t="s">
        <v>109867</v>
      </c>
      <c r="B59995" s="1" t="s">
        <v>199134</v>
      </c>
      <c r="C59995" s="1" t="s">
        <v>170</v>
      </c>
      <c r="D59995" s="1" t="s">
        <v>8205</v>
      </c>
      <c r="E59995" s="1" t="s">
        <v>201380</v>
      </c>
      <c r="F59995" s="1" t="s">
        <v>201381</v>
      </c>
      <c r="G59995" s="1" t="s">
        <v>201275</v>
      </c>
      <c r="H59995" s="1" t="s">
        <v>201276</v>
      </c>
      <c r="I59995" s="1" t="s">
        <v>199140</v>
      </c>
      <c r="J59995" s="1" t="s">
        <v>201382</v>
      </c>
    </row>
    <row r="59996" spans="1:10" x14ac:dyDescent="0.35">
      <c r="A59996" s="1" t="s">
        <v>201383</v>
      </c>
      <c r="B59996" s="1" t="s">
        <v>199134</v>
      </c>
      <c r="C59996" s="1" t="s">
        <v>8</v>
      </c>
      <c r="D59996" s="1" t="s">
        <v>64525</v>
      </c>
      <c r="E59996" s="1" t="s">
        <v>201384</v>
      </c>
      <c r="F59996" s="1" t="s">
        <v>201385</v>
      </c>
      <c r="G59996" s="1" t="s">
        <v>201386</v>
      </c>
      <c r="H59996" s="1" t="s">
        <v>201387</v>
      </c>
      <c r="I59996" s="1" t="s">
        <v>199140</v>
      </c>
      <c r="J59996" s="1" t="s">
        <v>13</v>
      </c>
    </row>
    <row r="59997" spans="1:10" x14ac:dyDescent="0.35">
      <c r="A59997" s="1" t="s">
        <v>201383</v>
      </c>
      <c r="B59997" s="1" t="s">
        <v>199134</v>
      </c>
      <c r="C59997" s="1" t="s">
        <v>15</v>
      </c>
      <c r="D59997" s="1" t="s">
        <v>13466</v>
      </c>
      <c r="E59997" s="1" t="s">
        <v>201388</v>
      </c>
      <c r="F59997" s="1" t="s">
        <v>201389</v>
      </c>
      <c r="G59997" s="1" t="s">
        <v>201386</v>
      </c>
      <c r="H59997" s="1" t="s">
        <v>201387</v>
      </c>
      <c r="I59997" s="1" t="s">
        <v>199140</v>
      </c>
      <c r="J59997" s="1" t="s">
        <v>201390</v>
      </c>
    </row>
    <row r="59998" spans="1:10" x14ac:dyDescent="0.35">
      <c r="A59998" s="1" t="s">
        <v>201383</v>
      </c>
      <c r="B59998" s="1" t="s">
        <v>199134</v>
      </c>
      <c r="C59998" s="1" t="s">
        <v>20</v>
      </c>
      <c r="D59998" s="1" t="s">
        <v>54820</v>
      </c>
      <c r="E59998" s="1" t="s">
        <v>201391</v>
      </c>
      <c r="F59998" s="1" t="s">
        <v>201392</v>
      </c>
      <c r="G59998" s="1" t="s">
        <v>201386</v>
      </c>
      <c r="H59998" s="1" t="s">
        <v>201387</v>
      </c>
      <c r="I59998" s="1" t="s">
        <v>199140</v>
      </c>
      <c r="J59998" s="1" t="s">
        <v>201393</v>
      </c>
    </row>
    <row r="59999" spans="1:10" x14ac:dyDescent="0.35">
      <c r="A59999" s="1" t="s">
        <v>201383</v>
      </c>
      <c r="B59999" s="1" t="s">
        <v>199134</v>
      </c>
      <c r="C59999" s="1" t="s">
        <v>25</v>
      </c>
      <c r="D59999" s="1" t="s">
        <v>92571</v>
      </c>
      <c r="E59999" s="1" t="s">
        <v>201394</v>
      </c>
      <c r="F59999" s="1" t="s">
        <v>201395</v>
      </c>
      <c r="G59999" s="1" t="s">
        <v>201386</v>
      </c>
      <c r="H59999" s="1" t="s">
        <v>201387</v>
      </c>
      <c r="I59999" s="1" t="s">
        <v>199140</v>
      </c>
      <c r="J59999" s="1" t="s">
        <v>201396</v>
      </c>
    </row>
    <row r="60000" spans="1:10" x14ac:dyDescent="0.35">
      <c r="A60000" s="1" t="s">
        <v>201383</v>
      </c>
      <c r="B60000" s="1" t="s">
        <v>199134</v>
      </c>
      <c r="C60000" s="1" t="s">
        <v>30</v>
      </c>
      <c r="D60000" s="1" t="s">
        <v>199807</v>
      </c>
      <c r="E60000" s="1" t="s">
        <v>201397</v>
      </c>
      <c r="F60000" s="1" t="s">
        <v>201398</v>
      </c>
      <c r="G60000" s="1" t="s">
        <v>201386</v>
      </c>
      <c r="H60000" s="1" t="s">
        <v>201387</v>
      </c>
      <c r="I60000" s="1" t="s">
        <v>199140</v>
      </c>
      <c r="J60000" s="1" t="s">
        <v>201399</v>
      </c>
    </row>
    <row r="60001" spans="1:10" x14ac:dyDescent="0.35">
      <c r="A60001" s="1" t="s">
        <v>201383</v>
      </c>
      <c r="B60001" s="1" t="s">
        <v>199134</v>
      </c>
      <c r="C60001" s="1" t="s">
        <v>35</v>
      </c>
      <c r="D60001" s="1" t="s">
        <v>78708</v>
      </c>
      <c r="E60001" s="1" t="s">
        <v>201400</v>
      </c>
      <c r="F60001" s="1" t="s">
        <v>201401</v>
      </c>
      <c r="G60001" s="1" t="s">
        <v>201386</v>
      </c>
      <c r="H60001" s="1" t="s">
        <v>201387</v>
      </c>
      <c r="I60001" s="1" t="s">
        <v>199140</v>
      </c>
      <c r="J60001" s="1" t="s">
        <v>201402</v>
      </c>
    </row>
    <row r="60002" spans="1:10" x14ac:dyDescent="0.35">
      <c r="A60002" s="1" t="s">
        <v>201383</v>
      </c>
      <c r="B60002" s="1" t="s">
        <v>199134</v>
      </c>
      <c r="C60002" s="1" t="s">
        <v>40</v>
      </c>
      <c r="D60002" s="1" t="s">
        <v>199927</v>
      </c>
      <c r="E60002" s="1" t="s">
        <v>201403</v>
      </c>
      <c r="F60002" s="1" t="s">
        <v>201404</v>
      </c>
      <c r="G60002" s="1" t="s">
        <v>201386</v>
      </c>
      <c r="H60002" s="1" t="s">
        <v>201387</v>
      </c>
      <c r="I60002" s="1" t="s">
        <v>199140</v>
      </c>
      <c r="J60002" s="1" t="s">
        <v>201405</v>
      </c>
    </row>
    <row r="60003" spans="1:10" x14ac:dyDescent="0.35">
      <c r="A60003" s="1" t="s">
        <v>201383</v>
      </c>
      <c r="B60003" s="1" t="s">
        <v>199134</v>
      </c>
      <c r="C60003" s="1" t="s">
        <v>45</v>
      </c>
      <c r="D60003" s="1" t="s">
        <v>138197</v>
      </c>
      <c r="E60003" s="1" t="s">
        <v>201406</v>
      </c>
      <c r="F60003" s="1" t="s">
        <v>201407</v>
      </c>
      <c r="G60003" s="1" t="s">
        <v>201386</v>
      </c>
      <c r="H60003" s="1" t="s">
        <v>201387</v>
      </c>
      <c r="I60003" s="1" t="s">
        <v>199140</v>
      </c>
      <c r="J60003" s="1" t="s">
        <v>201408</v>
      </c>
    </row>
    <row r="60004" spans="1:10" x14ac:dyDescent="0.35">
      <c r="A60004" s="1" t="s">
        <v>201383</v>
      </c>
      <c r="B60004" s="1" t="s">
        <v>199134</v>
      </c>
      <c r="C60004" s="1" t="s">
        <v>50</v>
      </c>
      <c r="D60004" s="1" t="s">
        <v>201409</v>
      </c>
      <c r="E60004" s="1" t="s">
        <v>201410</v>
      </c>
      <c r="F60004" s="1" t="s">
        <v>201411</v>
      </c>
      <c r="G60004" s="1" t="s">
        <v>201386</v>
      </c>
      <c r="H60004" s="1" t="s">
        <v>201387</v>
      </c>
      <c r="I60004" s="1" t="s">
        <v>199140</v>
      </c>
      <c r="J60004" s="1" t="s">
        <v>201412</v>
      </c>
    </row>
    <row r="60005" spans="1:10" x14ac:dyDescent="0.35">
      <c r="A60005" s="1" t="s">
        <v>201383</v>
      </c>
      <c r="B60005" s="1" t="s">
        <v>199134</v>
      </c>
      <c r="C60005" s="1" t="s">
        <v>55</v>
      </c>
      <c r="D60005" s="1" t="s">
        <v>128242</v>
      </c>
      <c r="E60005" s="1" t="s">
        <v>201413</v>
      </c>
      <c r="F60005" s="1" t="s">
        <v>201414</v>
      </c>
      <c r="G60005" s="1" t="s">
        <v>201386</v>
      </c>
      <c r="H60005" s="1" t="s">
        <v>201387</v>
      </c>
      <c r="I60005" s="1" t="s">
        <v>199140</v>
      </c>
      <c r="J60005" s="1" t="s">
        <v>201415</v>
      </c>
    </row>
    <row r="60006" spans="1:10" x14ac:dyDescent="0.35">
      <c r="A60006" s="1" t="s">
        <v>201383</v>
      </c>
      <c r="B60006" s="1" t="s">
        <v>199134</v>
      </c>
      <c r="C60006" s="1" t="s">
        <v>60</v>
      </c>
      <c r="D60006" s="1" t="s">
        <v>199941</v>
      </c>
      <c r="E60006" s="1" t="s">
        <v>201416</v>
      </c>
      <c r="F60006" s="1" t="s">
        <v>201417</v>
      </c>
      <c r="G60006" s="1" t="s">
        <v>201386</v>
      </c>
      <c r="H60006" s="1" t="s">
        <v>201387</v>
      </c>
      <c r="I60006" s="1" t="s">
        <v>199140</v>
      </c>
      <c r="J60006" s="1" t="s">
        <v>201418</v>
      </c>
    </row>
    <row r="60007" spans="1:10" x14ac:dyDescent="0.35">
      <c r="A60007" s="1" t="s">
        <v>201383</v>
      </c>
      <c r="B60007" s="1" t="s">
        <v>199134</v>
      </c>
      <c r="C60007" s="1" t="s">
        <v>65</v>
      </c>
      <c r="D60007" s="1" t="s">
        <v>66858</v>
      </c>
      <c r="E60007" s="1" t="s">
        <v>201419</v>
      </c>
      <c r="F60007" s="1" t="s">
        <v>201420</v>
      </c>
      <c r="G60007" s="1" t="s">
        <v>201386</v>
      </c>
      <c r="H60007" s="1" t="s">
        <v>201387</v>
      </c>
      <c r="I60007" s="1" t="s">
        <v>199140</v>
      </c>
      <c r="J60007" s="1" t="s">
        <v>201421</v>
      </c>
    </row>
    <row r="60008" spans="1:10" x14ac:dyDescent="0.35">
      <c r="A60008" s="1" t="s">
        <v>201383</v>
      </c>
      <c r="B60008" s="1" t="s">
        <v>199134</v>
      </c>
      <c r="C60008" s="1" t="s">
        <v>70</v>
      </c>
      <c r="D60008" s="1" t="s">
        <v>87063</v>
      </c>
      <c r="E60008" s="1" t="s">
        <v>201422</v>
      </c>
      <c r="F60008" s="1" t="s">
        <v>201423</v>
      </c>
      <c r="G60008" s="1" t="s">
        <v>201386</v>
      </c>
      <c r="H60008" s="1" t="s">
        <v>201387</v>
      </c>
      <c r="I60008" s="1" t="s">
        <v>199140</v>
      </c>
      <c r="J60008" s="1" t="s">
        <v>201424</v>
      </c>
    </row>
    <row r="60009" spans="1:10" x14ac:dyDescent="0.35">
      <c r="A60009" s="1" t="s">
        <v>201383</v>
      </c>
      <c r="B60009" s="1" t="s">
        <v>199134</v>
      </c>
      <c r="C60009" s="1" t="s">
        <v>75</v>
      </c>
      <c r="D60009" s="1" t="s">
        <v>89686</v>
      </c>
      <c r="E60009" s="1" t="s">
        <v>201425</v>
      </c>
      <c r="F60009" s="1" t="s">
        <v>201426</v>
      </c>
      <c r="G60009" s="1" t="s">
        <v>201386</v>
      </c>
      <c r="H60009" s="1" t="s">
        <v>201387</v>
      </c>
      <c r="I60009" s="1" t="s">
        <v>199140</v>
      </c>
      <c r="J60009" s="1" t="s">
        <v>201427</v>
      </c>
    </row>
    <row r="60010" spans="1:10" x14ac:dyDescent="0.35">
      <c r="A60010" s="1" t="s">
        <v>201383</v>
      </c>
      <c r="B60010" s="1" t="s">
        <v>199134</v>
      </c>
      <c r="C60010" s="1" t="s">
        <v>80</v>
      </c>
      <c r="D60010" s="1" t="s">
        <v>137786</v>
      </c>
      <c r="E60010" s="1" t="s">
        <v>201428</v>
      </c>
      <c r="F60010" s="1" t="s">
        <v>201429</v>
      </c>
      <c r="G60010" s="1" t="s">
        <v>201386</v>
      </c>
      <c r="H60010" s="1" t="s">
        <v>201387</v>
      </c>
      <c r="I60010" s="1" t="s">
        <v>199140</v>
      </c>
      <c r="J60010" s="1" t="s">
        <v>201430</v>
      </c>
    </row>
    <row r="60011" spans="1:10" x14ac:dyDescent="0.35">
      <c r="A60011" s="1" t="s">
        <v>201383</v>
      </c>
      <c r="B60011" s="1" t="s">
        <v>199134</v>
      </c>
      <c r="C60011" s="1" t="s">
        <v>85</v>
      </c>
      <c r="D60011" s="1" t="s">
        <v>201431</v>
      </c>
      <c r="E60011" s="1" t="s">
        <v>201432</v>
      </c>
      <c r="F60011" s="1" t="s">
        <v>201433</v>
      </c>
      <c r="G60011" s="1" t="s">
        <v>201386</v>
      </c>
      <c r="H60011" s="1" t="s">
        <v>201387</v>
      </c>
      <c r="I60011" s="1" t="s">
        <v>199140</v>
      </c>
      <c r="J60011" s="1" t="s">
        <v>201434</v>
      </c>
    </row>
    <row r="60012" spans="1:10" x14ac:dyDescent="0.35">
      <c r="A60012" s="1" t="s">
        <v>201383</v>
      </c>
      <c r="B60012" s="1" t="s">
        <v>199134</v>
      </c>
      <c r="C60012" s="1" t="s">
        <v>90</v>
      </c>
      <c r="D60012" s="1" t="s">
        <v>100689</v>
      </c>
      <c r="E60012" s="1" t="s">
        <v>201435</v>
      </c>
      <c r="F60012" s="1" t="s">
        <v>201436</v>
      </c>
      <c r="G60012" s="1" t="s">
        <v>201386</v>
      </c>
      <c r="H60012" s="1" t="s">
        <v>201387</v>
      </c>
      <c r="I60012" s="1" t="s">
        <v>199140</v>
      </c>
      <c r="J60012" s="1" t="s">
        <v>201437</v>
      </c>
    </row>
    <row r="60013" spans="1:10" x14ac:dyDescent="0.35">
      <c r="A60013" s="1" t="s">
        <v>201383</v>
      </c>
      <c r="B60013" s="1" t="s">
        <v>199134</v>
      </c>
      <c r="C60013" s="1" t="s">
        <v>95</v>
      </c>
      <c r="D60013" s="1" t="s">
        <v>201438</v>
      </c>
      <c r="E60013" s="1" t="s">
        <v>201439</v>
      </c>
      <c r="F60013" s="1" t="s">
        <v>201440</v>
      </c>
      <c r="G60013" s="1" t="s">
        <v>201386</v>
      </c>
      <c r="H60013" s="1" t="s">
        <v>201387</v>
      </c>
      <c r="I60013" s="1" t="s">
        <v>199140</v>
      </c>
      <c r="J60013" s="1" t="s">
        <v>201441</v>
      </c>
    </row>
    <row r="60014" spans="1:10" x14ac:dyDescent="0.35">
      <c r="A60014" s="1" t="s">
        <v>201383</v>
      </c>
      <c r="B60014" s="1" t="s">
        <v>199134</v>
      </c>
      <c r="C60014" s="1" t="s">
        <v>100</v>
      </c>
      <c r="D60014" s="1" t="s">
        <v>58529</v>
      </c>
      <c r="E60014" s="1" t="s">
        <v>201442</v>
      </c>
      <c r="F60014" s="1" t="s">
        <v>201443</v>
      </c>
      <c r="G60014" s="1" t="s">
        <v>201386</v>
      </c>
      <c r="H60014" s="1" t="s">
        <v>201387</v>
      </c>
      <c r="I60014" s="1" t="s">
        <v>199140</v>
      </c>
      <c r="J60014" s="1" t="s">
        <v>201444</v>
      </c>
    </row>
    <row r="60015" spans="1:10" x14ac:dyDescent="0.35">
      <c r="A60015" s="1" t="s">
        <v>201383</v>
      </c>
      <c r="B60015" s="1" t="s">
        <v>199134</v>
      </c>
      <c r="C60015" s="1" t="s">
        <v>105</v>
      </c>
      <c r="D60015" s="1" t="s">
        <v>201445</v>
      </c>
      <c r="E60015" s="1" t="s">
        <v>201446</v>
      </c>
      <c r="F60015" s="1" t="s">
        <v>201447</v>
      </c>
      <c r="G60015" s="1" t="s">
        <v>201386</v>
      </c>
      <c r="H60015" s="1" t="s">
        <v>201387</v>
      </c>
      <c r="I60015" s="1" t="s">
        <v>199140</v>
      </c>
      <c r="J60015" s="1" t="s">
        <v>201448</v>
      </c>
    </row>
    <row r="60016" spans="1:10" x14ac:dyDescent="0.35">
      <c r="A60016" s="1" t="s">
        <v>201383</v>
      </c>
      <c r="B60016" s="1" t="s">
        <v>199134</v>
      </c>
      <c r="C60016" s="1" t="s">
        <v>110</v>
      </c>
      <c r="D60016" s="1" t="s">
        <v>201449</v>
      </c>
      <c r="E60016" s="1" t="s">
        <v>201450</v>
      </c>
      <c r="F60016" s="1" t="s">
        <v>201451</v>
      </c>
      <c r="G60016" s="1" t="s">
        <v>201386</v>
      </c>
      <c r="H60016" s="1" t="s">
        <v>201387</v>
      </c>
      <c r="I60016" s="1" t="s">
        <v>199140</v>
      </c>
      <c r="J60016" s="1" t="s">
        <v>201452</v>
      </c>
    </row>
    <row r="60017" spans="1:10" x14ac:dyDescent="0.35">
      <c r="A60017" s="1" t="s">
        <v>201383</v>
      </c>
      <c r="B60017" s="1" t="s">
        <v>199134</v>
      </c>
      <c r="C60017" s="1" t="s">
        <v>115</v>
      </c>
      <c r="D60017" s="1" t="s">
        <v>180280</v>
      </c>
      <c r="E60017" s="1" t="s">
        <v>201453</v>
      </c>
      <c r="F60017" s="1" t="s">
        <v>201454</v>
      </c>
      <c r="G60017" s="1" t="s">
        <v>201386</v>
      </c>
      <c r="H60017" s="1" t="s">
        <v>201387</v>
      </c>
      <c r="I60017" s="1" t="s">
        <v>199140</v>
      </c>
      <c r="J60017" s="1" t="s">
        <v>201455</v>
      </c>
    </row>
    <row r="60018" spans="1:10" x14ac:dyDescent="0.35">
      <c r="A60018" s="1" t="s">
        <v>201383</v>
      </c>
      <c r="B60018" s="1" t="s">
        <v>199134</v>
      </c>
      <c r="C60018" s="1" t="s">
        <v>120</v>
      </c>
      <c r="D60018" s="1" t="s">
        <v>201456</v>
      </c>
      <c r="E60018" s="1" t="s">
        <v>201457</v>
      </c>
      <c r="F60018" s="1" t="s">
        <v>201458</v>
      </c>
      <c r="G60018" s="1" t="s">
        <v>201386</v>
      </c>
      <c r="H60018" s="1" t="s">
        <v>201387</v>
      </c>
      <c r="I60018" s="1" t="s">
        <v>199140</v>
      </c>
      <c r="J60018" s="1" t="s">
        <v>201459</v>
      </c>
    </row>
    <row r="60019" spans="1:10" x14ac:dyDescent="0.35">
      <c r="A60019" s="1" t="s">
        <v>201383</v>
      </c>
      <c r="B60019" s="1" t="s">
        <v>199134</v>
      </c>
      <c r="C60019" s="1" t="s">
        <v>125</v>
      </c>
      <c r="D60019" s="1" t="s">
        <v>201460</v>
      </c>
      <c r="E60019" s="1" t="s">
        <v>201461</v>
      </c>
      <c r="F60019" s="1" t="s">
        <v>201462</v>
      </c>
      <c r="G60019" s="1" t="s">
        <v>201386</v>
      </c>
      <c r="H60019" s="1" t="s">
        <v>201387</v>
      </c>
      <c r="I60019" s="1" t="s">
        <v>199140</v>
      </c>
      <c r="J60019" s="1" t="s">
        <v>201463</v>
      </c>
    </row>
    <row r="60020" spans="1:10" x14ac:dyDescent="0.35">
      <c r="A60020" s="1" t="s">
        <v>201383</v>
      </c>
      <c r="B60020" s="1" t="s">
        <v>199134</v>
      </c>
      <c r="C60020" s="1" t="s">
        <v>130</v>
      </c>
      <c r="D60020" s="1" t="s">
        <v>201464</v>
      </c>
      <c r="E60020" s="1" t="s">
        <v>33861</v>
      </c>
      <c r="F60020" s="1" t="s">
        <v>201465</v>
      </c>
      <c r="G60020" s="1" t="s">
        <v>201386</v>
      </c>
      <c r="H60020" s="1" t="s">
        <v>201387</v>
      </c>
      <c r="I60020" s="1" t="s">
        <v>199140</v>
      </c>
      <c r="J60020" s="1" t="s">
        <v>201466</v>
      </c>
    </row>
    <row r="60021" spans="1:10" x14ac:dyDescent="0.35">
      <c r="A60021" s="1" t="s">
        <v>201383</v>
      </c>
      <c r="B60021" s="1" t="s">
        <v>199134</v>
      </c>
      <c r="C60021" s="1" t="s">
        <v>135</v>
      </c>
      <c r="D60021" s="1" t="s">
        <v>201467</v>
      </c>
      <c r="E60021" s="1" t="s">
        <v>201468</v>
      </c>
      <c r="F60021" s="1" t="s">
        <v>201469</v>
      </c>
      <c r="G60021" s="1" t="s">
        <v>201386</v>
      </c>
      <c r="H60021" s="1" t="s">
        <v>201387</v>
      </c>
      <c r="I60021" s="1" t="s">
        <v>199140</v>
      </c>
      <c r="J60021" s="1" t="s">
        <v>201470</v>
      </c>
    </row>
    <row r="60022" spans="1:10" x14ac:dyDescent="0.35">
      <c r="A60022" s="1" t="s">
        <v>201383</v>
      </c>
      <c r="B60022" s="1" t="s">
        <v>199134</v>
      </c>
      <c r="C60022" s="1" t="s">
        <v>140</v>
      </c>
      <c r="D60022" s="1" t="s">
        <v>96042</v>
      </c>
      <c r="E60022" s="1" t="s">
        <v>201471</v>
      </c>
      <c r="F60022" s="1" t="s">
        <v>201472</v>
      </c>
      <c r="G60022" s="1" t="s">
        <v>201386</v>
      </c>
      <c r="H60022" s="1" t="s">
        <v>201387</v>
      </c>
      <c r="I60022" s="1" t="s">
        <v>199140</v>
      </c>
      <c r="J60022" s="1" t="s">
        <v>201473</v>
      </c>
    </row>
    <row r="60023" spans="1:10" x14ac:dyDescent="0.35">
      <c r="A60023" s="1" t="s">
        <v>201383</v>
      </c>
      <c r="B60023" s="1" t="s">
        <v>199134</v>
      </c>
      <c r="C60023" s="1" t="s">
        <v>145</v>
      </c>
      <c r="D60023" s="1" t="s">
        <v>162910</v>
      </c>
      <c r="E60023" s="1" t="s">
        <v>201474</v>
      </c>
      <c r="F60023" s="1" t="s">
        <v>201475</v>
      </c>
      <c r="G60023" s="1" t="s">
        <v>201386</v>
      </c>
      <c r="H60023" s="1" t="s">
        <v>201387</v>
      </c>
      <c r="I60023" s="1" t="s">
        <v>199140</v>
      </c>
      <c r="J60023" s="1" t="s">
        <v>201476</v>
      </c>
    </row>
    <row r="60024" spans="1:10" x14ac:dyDescent="0.35">
      <c r="A60024" s="1" t="s">
        <v>201383</v>
      </c>
      <c r="B60024" s="1" t="s">
        <v>199134</v>
      </c>
      <c r="C60024" s="1" t="s">
        <v>150</v>
      </c>
      <c r="D60024" s="1" t="s">
        <v>201477</v>
      </c>
      <c r="E60024" s="1" t="s">
        <v>201478</v>
      </c>
      <c r="F60024" s="1" t="s">
        <v>201479</v>
      </c>
      <c r="G60024" s="1" t="s">
        <v>201386</v>
      </c>
      <c r="H60024" s="1" t="s">
        <v>201387</v>
      </c>
      <c r="I60024" s="1" t="s">
        <v>199140</v>
      </c>
      <c r="J60024" s="1" t="s">
        <v>201480</v>
      </c>
    </row>
    <row r="60025" spans="1:10" x14ac:dyDescent="0.35">
      <c r="A60025" s="1" t="s">
        <v>201383</v>
      </c>
      <c r="B60025" s="1" t="s">
        <v>199134</v>
      </c>
      <c r="C60025" s="1" t="s">
        <v>155</v>
      </c>
      <c r="D60025" s="1" t="s">
        <v>65169</v>
      </c>
      <c r="E60025" s="1" t="s">
        <v>201481</v>
      </c>
      <c r="F60025" s="1" t="s">
        <v>201482</v>
      </c>
      <c r="G60025" s="1" t="s">
        <v>201386</v>
      </c>
      <c r="H60025" s="1" t="s">
        <v>201387</v>
      </c>
      <c r="I60025" s="1" t="s">
        <v>199140</v>
      </c>
      <c r="J60025" s="1" t="s">
        <v>201483</v>
      </c>
    </row>
    <row r="60026" spans="1:10" x14ac:dyDescent="0.35">
      <c r="A60026" s="1" t="s">
        <v>201383</v>
      </c>
      <c r="B60026" s="1" t="s">
        <v>199134</v>
      </c>
      <c r="C60026" s="1" t="s">
        <v>160</v>
      </c>
      <c r="D60026" s="1" t="s">
        <v>20968</v>
      </c>
      <c r="E60026" s="1" t="s">
        <v>201484</v>
      </c>
      <c r="F60026" s="1" t="s">
        <v>201485</v>
      </c>
      <c r="G60026" s="1" t="s">
        <v>201386</v>
      </c>
      <c r="H60026" s="1" t="s">
        <v>201387</v>
      </c>
      <c r="I60026" s="1" t="s">
        <v>199140</v>
      </c>
      <c r="J60026" s="1" t="s">
        <v>201486</v>
      </c>
    </row>
    <row r="60027" spans="1:10" x14ac:dyDescent="0.35">
      <c r="A60027" s="1" t="s">
        <v>201383</v>
      </c>
      <c r="B60027" s="1" t="s">
        <v>199134</v>
      </c>
      <c r="C60027" s="1" t="s">
        <v>165</v>
      </c>
      <c r="D60027" s="1" t="s">
        <v>201487</v>
      </c>
      <c r="E60027" s="1" t="s">
        <v>201488</v>
      </c>
      <c r="F60027" s="1" t="s">
        <v>201489</v>
      </c>
      <c r="G60027" s="1" t="s">
        <v>201386</v>
      </c>
      <c r="H60027" s="1" t="s">
        <v>201387</v>
      </c>
      <c r="I60027" s="1" t="s">
        <v>199140</v>
      </c>
      <c r="J60027" s="1" t="s">
        <v>201490</v>
      </c>
    </row>
    <row r="60028" spans="1:10" x14ac:dyDescent="0.35">
      <c r="A60028" s="1" t="s">
        <v>201383</v>
      </c>
      <c r="B60028" s="1" t="s">
        <v>199134</v>
      </c>
      <c r="C60028" s="1" t="s">
        <v>170</v>
      </c>
      <c r="D60028" s="1" t="s">
        <v>201491</v>
      </c>
      <c r="E60028" s="1" t="s">
        <v>201492</v>
      </c>
      <c r="F60028" s="1" t="s">
        <v>201493</v>
      </c>
      <c r="G60028" s="1" t="s">
        <v>201386</v>
      </c>
      <c r="H60028" s="1" t="s">
        <v>201387</v>
      </c>
      <c r="I60028" s="1" t="s">
        <v>199140</v>
      </c>
      <c r="J60028" s="1" t="s">
        <v>201494</v>
      </c>
    </row>
    <row r="60029" spans="1:10" x14ac:dyDescent="0.35">
      <c r="A60029" s="1" t="s">
        <v>110342</v>
      </c>
      <c r="B60029" s="1" t="s">
        <v>201495</v>
      </c>
      <c r="C60029" s="1" t="s">
        <v>8</v>
      </c>
      <c r="D60029" s="1" t="s">
        <v>146295</v>
      </c>
      <c r="E60029" s="1" t="s">
        <v>201496</v>
      </c>
      <c r="F60029" s="1" t="s">
        <v>201497</v>
      </c>
      <c r="G60029" s="1" t="s">
        <v>201498</v>
      </c>
      <c r="H60029" s="1" t="s">
        <v>201499</v>
      </c>
      <c r="I60029" s="1" t="s">
        <v>201500</v>
      </c>
      <c r="J60029" s="1" t="s">
        <v>13</v>
      </c>
    </row>
    <row r="60030" spans="1:10" x14ac:dyDescent="0.35">
      <c r="A60030" s="1" t="s">
        <v>110342</v>
      </c>
      <c r="B60030" s="1" t="s">
        <v>201495</v>
      </c>
      <c r="C60030" s="1" t="s">
        <v>15</v>
      </c>
      <c r="D60030" s="1" t="s">
        <v>143693</v>
      </c>
      <c r="E60030" s="1" t="s">
        <v>201501</v>
      </c>
      <c r="F60030" s="1" t="s">
        <v>201502</v>
      </c>
      <c r="G60030" s="1" t="s">
        <v>201498</v>
      </c>
      <c r="H60030" s="1" t="s">
        <v>201499</v>
      </c>
      <c r="I60030" s="1" t="s">
        <v>201500</v>
      </c>
      <c r="J60030" s="1" t="s">
        <v>201503</v>
      </c>
    </row>
    <row r="60031" spans="1:10" x14ac:dyDescent="0.35">
      <c r="A60031" s="1" t="s">
        <v>110342</v>
      </c>
      <c r="B60031" s="1" t="s">
        <v>201495</v>
      </c>
      <c r="C60031" s="1" t="s">
        <v>20</v>
      </c>
      <c r="D60031" s="1" t="s">
        <v>149221</v>
      </c>
      <c r="E60031" s="1" t="s">
        <v>201504</v>
      </c>
      <c r="F60031" s="1" t="s">
        <v>201505</v>
      </c>
      <c r="G60031" s="1" t="s">
        <v>201498</v>
      </c>
      <c r="H60031" s="1" t="s">
        <v>201499</v>
      </c>
      <c r="I60031" s="1" t="s">
        <v>201500</v>
      </c>
      <c r="J60031" s="1" t="s">
        <v>201506</v>
      </c>
    </row>
    <row r="60032" spans="1:10" x14ac:dyDescent="0.35">
      <c r="A60032" s="1" t="s">
        <v>110342</v>
      </c>
      <c r="B60032" s="1" t="s">
        <v>201495</v>
      </c>
      <c r="C60032" s="1" t="s">
        <v>25</v>
      </c>
      <c r="D60032" s="1" t="s">
        <v>44044</v>
      </c>
      <c r="E60032" s="1" t="s">
        <v>201507</v>
      </c>
      <c r="F60032" s="1" t="s">
        <v>201508</v>
      </c>
      <c r="G60032" s="1" t="s">
        <v>201498</v>
      </c>
      <c r="H60032" s="1" t="s">
        <v>201499</v>
      </c>
      <c r="I60032" s="1" t="s">
        <v>201500</v>
      </c>
      <c r="J60032" s="1" t="s">
        <v>201509</v>
      </c>
    </row>
    <row r="60033" spans="1:10" x14ac:dyDescent="0.35">
      <c r="A60033" s="1" t="s">
        <v>110342</v>
      </c>
      <c r="B60033" s="1" t="s">
        <v>201495</v>
      </c>
      <c r="C60033" s="1" t="s">
        <v>30</v>
      </c>
      <c r="D60033" s="1" t="s">
        <v>29676</v>
      </c>
      <c r="E60033" s="1" t="s">
        <v>201510</v>
      </c>
      <c r="F60033" s="1" t="s">
        <v>201511</v>
      </c>
      <c r="G60033" s="1" t="s">
        <v>201498</v>
      </c>
      <c r="H60033" s="1" t="s">
        <v>201499</v>
      </c>
      <c r="I60033" s="1" t="s">
        <v>201500</v>
      </c>
      <c r="J60033" s="1" t="s">
        <v>201512</v>
      </c>
    </row>
    <row r="60034" spans="1:10" x14ac:dyDescent="0.35">
      <c r="A60034" s="1" t="s">
        <v>110342</v>
      </c>
      <c r="B60034" s="1" t="s">
        <v>201495</v>
      </c>
      <c r="C60034" s="1" t="s">
        <v>35</v>
      </c>
      <c r="D60034" s="1" t="s">
        <v>111607</v>
      </c>
      <c r="E60034" s="1" t="s">
        <v>201513</v>
      </c>
      <c r="F60034" s="1" t="s">
        <v>201514</v>
      </c>
      <c r="G60034" s="1" t="s">
        <v>201498</v>
      </c>
      <c r="H60034" s="1" t="s">
        <v>201499</v>
      </c>
      <c r="I60034" s="1" t="s">
        <v>201500</v>
      </c>
      <c r="J60034" s="1" t="s">
        <v>201515</v>
      </c>
    </row>
    <row r="60035" spans="1:10" x14ac:dyDescent="0.35">
      <c r="A60035" s="1" t="s">
        <v>110342</v>
      </c>
      <c r="B60035" s="1" t="s">
        <v>201495</v>
      </c>
      <c r="C60035" s="1" t="s">
        <v>40</v>
      </c>
      <c r="D60035" s="1" t="s">
        <v>2901</v>
      </c>
      <c r="E60035" s="1" t="s">
        <v>201516</v>
      </c>
      <c r="F60035" s="1" t="s">
        <v>201517</v>
      </c>
      <c r="G60035" s="1" t="s">
        <v>201498</v>
      </c>
      <c r="H60035" s="1" t="s">
        <v>201499</v>
      </c>
      <c r="I60035" s="1" t="s">
        <v>201500</v>
      </c>
      <c r="J60035" s="1" t="s">
        <v>201518</v>
      </c>
    </row>
    <row r="60036" spans="1:10" x14ac:dyDescent="0.35">
      <c r="A60036" s="1" t="s">
        <v>110342</v>
      </c>
      <c r="B60036" s="1" t="s">
        <v>201495</v>
      </c>
      <c r="C60036" s="1" t="s">
        <v>45</v>
      </c>
      <c r="D60036" s="1" t="s">
        <v>169435</v>
      </c>
      <c r="E60036" s="1" t="s">
        <v>201519</v>
      </c>
      <c r="F60036" s="1" t="s">
        <v>201520</v>
      </c>
      <c r="G60036" s="1" t="s">
        <v>201498</v>
      </c>
      <c r="H60036" s="1" t="s">
        <v>201499</v>
      </c>
      <c r="I60036" s="1" t="s">
        <v>201500</v>
      </c>
      <c r="J60036" s="1" t="s">
        <v>201521</v>
      </c>
    </row>
    <row r="60037" spans="1:10" x14ac:dyDescent="0.35">
      <c r="A60037" s="1" t="s">
        <v>110342</v>
      </c>
      <c r="B60037" s="1" t="s">
        <v>201495</v>
      </c>
      <c r="C60037" s="1" t="s">
        <v>50</v>
      </c>
      <c r="D60037" s="1" t="s">
        <v>143353</v>
      </c>
      <c r="E60037" s="1" t="s">
        <v>201522</v>
      </c>
      <c r="F60037" s="1" t="s">
        <v>201523</v>
      </c>
      <c r="G60037" s="1" t="s">
        <v>201498</v>
      </c>
      <c r="H60037" s="1" t="s">
        <v>201499</v>
      </c>
      <c r="I60037" s="1" t="s">
        <v>201500</v>
      </c>
      <c r="J60037" s="1" t="s">
        <v>201524</v>
      </c>
    </row>
    <row r="60038" spans="1:10" x14ac:dyDescent="0.35">
      <c r="A60038" s="1" t="s">
        <v>110342</v>
      </c>
      <c r="B60038" s="1" t="s">
        <v>201495</v>
      </c>
      <c r="C60038" s="1" t="s">
        <v>55</v>
      </c>
      <c r="D60038" s="1" t="s">
        <v>104186</v>
      </c>
      <c r="E60038" s="1" t="s">
        <v>201525</v>
      </c>
      <c r="F60038" s="1" t="s">
        <v>201526</v>
      </c>
      <c r="G60038" s="1" t="s">
        <v>201498</v>
      </c>
      <c r="H60038" s="1" t="s">
        <v>201499</v>
      </c>
      <c r="I60038" s="1" t="s">
        <v>201500</v>
      </c>
      <c r="J60038" s="1" t="s">
        <v>201527</v>
      </c>
    </row>
    <row r="60039" spans="1:10" x14ac:dyDescent="0.35">
      <c r="A60039" s="1" t="s">
        <v>110342</v>
      </c>
      <c r="B60039" s="1" t="s">
        <v>201495</v>
      </c>
      <c r="C60039" s="1" t="s">
        <v>60</v>
      </c>
      <c r="D60039" s="1" t="s">
        <v>27440</v>
      </c>
      <c r="E60039" s="1" t="s">
        <v>201528</v>
      </c>
      <c r="F60039" s="1" t="s">
        <v>201529</v>
      </c>
      <c r="G60039" s="1" t="s">
        <v>201498</v>
      </c>
      <c r="H60039" s="1" t="s">
        <v>201499</v>
      </c>
      <c r="I60039" s="1" t="s">
        <v>201500</v>
      </c>
      <c r="J60039" s="1" t="s">
        <v>201530</v>
      </c>
    </row>
    <row r="60040" spans="1:10" x14ac:dyDescent="0.35">
      <c r="A60040" s="1" t="s">
        <v>110342</v>
      </c>
      <c r="B60040" s="1" t="s">
        <v>201495</v>
      </c>
      <c r="C60040" s="1" t="s">
        <v>65</v>
      </c>
      <c r="D60040" s="1" t="s">
        <v>35167</v>
      </c>
      <c r="E60040" s="1" t="s">
        <v>201531</v>
      </c>
      <c r="F60040" s="1" t="s">
        <v>201532</v>
      </c>
      <c r="G60040" s="1" t="s">
        <v>201498</v>
      </c>
      <c r="H60040" s="1" t="s">
        <v>201499</v>
      </c>
      <c r="I60040" s="1" t="s">
        <v>201500</v>
      </c>
      <c r="J60040" s="1" t="s">
        <v>201533</v>
      </c>
    </row>
    <row r="60041" spans="1:10" x14ac:dyDescent="0.35">
      <c r="A60041" s="1" t="s">
        <v>110342</v>
      </c>
      <c r="B60041" s="1" t="s">
        <v>201495</v>
      </c>
      <c r="C60041" s="1" t="s">
        <v>70</v>
      </c>
      <c r="D60041" s="1" t="s">
        <v>28912</v>
      </c>
      <c r="E60041" s="1" t="s">
        <v>201534</v>
      </c>
      <c r="F60041" s="1" t="s">
        <v>201535</v>
      </c>
      <c r="G60041" s="1" t="s">
        <v>201498</v>
      </c>
      <c r="H60041" s="1" t="s">
        <v>201499</v>
      </c>
      <c r="I60041" s="1" t="s">
        <v>201500</v>
      </c>
      <c r="J60041" s="1" t="s">
        <v>201536</v>
      </c>
    </row>
    <row r="60042" spans="1:10" x14ac:dyDescent="0.35">
      <c r="A60042" s="1" t="s">
        <v>110342</v>
      </c>
      <c r="B60042" s="1" t="s">
        <v>201495</v>
      </c>
      <c r="C60042" s="1" t="s">
        <v>75</v>
      </c>
      <c r="D60042" s="1" t="s">
        <v>30160</v>
      </c>
      <c r="E60042" s="1" t="s">
        <v>201537</v>
      </c>
      <c r="F60042" s="1" t="s">
        <v>201538</v>
      </c>
      <c r="G60042" s="1" t="s">
        <v>201498</v>
      </c>
      <c r="H60042" s="1" t="s">
        <v>201499</v>
      </c>
      <c r="I60042" s="1" t="s">
        <v>201500</v>
      </c>
      <c r="J60042" s="1" t="s">
        <v>201539</v>
      </c>
    </row>
    <row r="60043" spans="1:10" x14ac:dyDescent="0.35">
      <c r="A60043" s="1" t="s">
        <v>110342</v>
      </c>
      <c r="B60043" s="1" t="s">
        <v>201495</v>
      </c>
      <c r="C60043" s="1" t="s">
        <v>80</v>
      </c>
      <c r="D60043" s="1" t="s">
        <v>29798</v>
      </c>
      <c r="E60043" s="1" t="s">
        <v>201540</v>
      </c>
      <c r="F60043" s="1" t="s">
        <v>201541</v>
      </c>
      <c r="G60043" s="1" t="s">
        <v>201498</v>
      </c>
      <c r="H60043" s="1" t="s">
        <v>201499</v>
      </c>
      <c r="I60043" s="1" t="s">
        <v>201500</v>
      </c>
      <c r="J60043" s="1" t="s">
        <v>201542</v>
      </c>
    </row>
    <row r="60044" spans="1:10" x14ac:dyDescent="0.35">
      <c r="A60044" s="1" t="s">
        <v>110342</v>
      </c>
      <c r="B60044" s="1" t="s">
        <v>201495</v>
      </c>
      <c r="C60044" s="1" t="s">
        <v>85</v>
      </c>
      <c r="D60044" s="1" t="s">
        <v>1679</v>
      </c>
      <c r="E60044" s="1" t="s">
        <v>201543</v>
      </c>
      <c r="F60044" s="1" t="s">
        <v>201544</v>
      </c>
      <c r="G60044" s="1" t="s">
        <v>201498</v>
      </c>
      <c r="H60044" s="1" t="s">
        <v>201499</v>
      </c>
      <c r="I60044" s="1" t="s">
        <v>201500</v>
      </c>
      <c r="J60044" s="1" t="s">
        <v>201545</v>
      </c>
    </row>
    <row r="60045" spans="1:10" x14ac:dyDescent="0.35">
      <c r="A60045" s="1" t="s">
        <v>110342</v>
      </c>
      <c r="B60045" s="1" t="s">
        <v>201495</v>
      </c>
      <c r="C60045" s="1" t="s">
        <v>90</v>
      </c>
      <c r="D60045" s="1" t="s">
        <v>5732</v>
      </c>
      <c r="E60045" s="1" t="s">
        <v>201546</v>
      </c>
      <c r="F60045" s="1" t="s">
        <v>201547</v>
      </c>
      <c r="G60045" s="1" t="s">
        <v>201498</v>
      </c>
      <c r="H60045" s="1" t="s">
        <v>201499</v>
      </c>
      <c r="I60045" s="1" t="s">
        <v>201500</v>
      </c>
      <c r="J60045" s="1" t="s">
        <v>201548</v>
      </c>
    </row>
    <row r="60046" spans="1:10" x14ac:dyDescent="0.35">
      <c r="A60046" s="1" t="s">
        <v>110342</v>
      </c>
      <c r="B60046" s="1" t="s">
        <v>201495</v>
      </c>
      <c r="C60046" s="1" t="s">
        <v>95</v>
      </c>
      <c r="D60046" s="1" t="s">
        <v>111560</v>
      </c>
      <c r="E60046" s="1" t="s">
        <v>201549</v>
      </c>
      <c r="F60046" s="1" t="s">
        <v>201550</v>
      </c>
      <c r="G60046" s="1" t="s">
        <v>201498</v>
      </c>
      <c r="H60046" s="1" t="s">
        <v>201499</v>
      </c>
      <c r="I60046" s="1" t="s">
        <v>201500</v>
      </c>
      <c r="J60046" s="1" t="s">
        <v>201551</v>
      </c>
    </row>
    <row r="60047" spans="1:10" x14ac:dyDescent="0.35">
      <c r="A60047" s="1" t="s">
        <v>110342</v>
      </c>
      <c r="B60047" s="1" t="s">
        <v>201495</v>
      </c>
      <c r="C60047" s="1" t="s">
        <v>100</v>
      </c>
      <c r="D60047" s="1" t="s">
        <v>120252</v>
      </c>
      <c r="E60047" s="1" t="s">
        <v>201552</v>
      </c>
      <c r="F60047" s="1" t="s">
        <v>201553</v>
      </c>
      <c r="G60047" s="1" t="s">
        <v>201498</v>
      </c>
      <c r="H60047" s="1" t="s">
        <v>201499</v>
      </c>
      <c r="I60047" s="1" t="s">
        <v>201500</v>
      </c>
      <c r="J60047" s="1" t="s">
        <v>201554</v>
      </c>
    </row>
    <row r="60048" spans="1:10" x14ac:dyDescent="0.35">
      <c r="A60048" s="1" t="s">
        <v>110342</v>
      </c>
      <c r="B60048" s="1" t="s">
        <v>201495</v>
      </c>
      <c r="C60048" s="1" t="s">
        <v>105</v>
      </c>
      <c r="D60048" s="1" t="s">
        <v>121287</v>
      </c>
      <c r="E60048" s="1" t="s">
        <v>201555</v>
      </c>
      <c r="F60048" s="1" t="s">
        <v>201556</v>
      </c>
      <c r="G60048" s="1" t="s">
        <v>201498</v>
      </c>
      <c r="H60048" s="1" t="s">
        <v>201499</v>
      </c>
      <c r="I60048" s="1" t="s">
        <v>201500</v>
      </c>
      <c r="J60048" s="1" t="s">
        <v>201557</v>
      </c>
    </row>
    <row r="60049" spans="1:10" x14ac:dyDescent="0.35">
      <c r="A60049" s="1" t="s">
        <v>110342</v>
      </c>
      <c r="B60049" s="1" t="s">
        <v>201495</v>
      </c>
      <c r="C60049" s="1" t="s">
        <v>110</v>
      </c>
      <c r="D60049" s="1" t="s">
        <v>115335</v>
      </c>
      <c r="E60049" s="1" t="s">
        <v>201558</v>
      </c>
      <c r="F60049" s="1" t="s">
        <v>201559</v>
      </c>
      <c r="G60049" s="1" t="s">
        <v>201498</v>
      </c>
      <c r="H60049" s="1" t="s">
        <v>201499</v>
      </c>
      <c r="I60049" s="1" t="s">
        <v>201500</v>
      </c>
      <c r="J60049" s="1" t="s">
        <v>201560</v>
      </c>
    </row>
    <row r="60050" spans="1:10" x14ac:dyDescent="0.35">
      <c r="A60050" s="1" t="s">
        <v>110342</v>
      </c>
      <c r="B60050" s="1" t="s">
        <v>201495</v>
      </c>
      <c r="C60050" s="1" t="s">
        <v>115</v>
      </c>
      <c r="D60050" s="1" t="s">
        <v>111219</v>
      </c>
      <c r="E60050" s="1" t="s">
        <v>201561</v>
      </c>
      <c r="F60050" s="1" t="s">
        <v>201562</v>
      </c>
      <c r="G60050" s="1" t="s">
        <v>201498</v>
      </c>
      <c r="H60050" s="1" t="s">
        <v>201499</v>
      </c>
      <c r="I60050" s="1" t="s">
        <v>201500</v>
      </c>
      <c r="J60050" s="1" t="s">
        <v>201563</v>
      </c>
    </row>
    <row r="60051" spans="1:10" x14ac:dyDescent="0.35">
      <c r="A60051" s="1" t="s">
        <v>110342</v>
      </c>
      <c r="B60051" s="1" t="s">
        <v>201495</v>
      </c>
      <c r="C60051" s="1" t="s">
        <v>120</v>
      </c>
      <c r="D60051" s="1" t="s">
        <v>51996</v>
      </c>
      <c r="E60051" s="1" t="s">
        <v>201564</v>
      </c>
      <c r="F60051" s="1" t="s">
        <v>201565</v>
      </c>
      <c r="G60051" s="1" t="s">
        <v>201498</v>
      </c>
      <c r="H60051" s="1" t="s">
        <v>201499</v>
      </c>
      <c r="I60051" s="1" t="s">
        <v>201500</v>
      </c>
      <c r="J60051" s="1" t="s">
        <v>201566</v>
      </c>
    </row>
    <row r="60052" spans="1:10" x14ac:dyDescent="0.35">
      <c r="A60052" s="1" t="s">
        <v>110342</v>
      </c>
      <c r="B60052" s="1" t="s">
        <v>201495</v>
      </c>
      <c r="C60052" s="1" t="s">
        <v>125</v>
      </c>
      <c r="D60052" s="1" t="s">
        <v>11779</v>
      </c>
      <c r="E60052" s="1" t="s">
        <v>201567</v>
      </c>
      <c r="F60052" s="1" t="s">
        <v>201568</v>
      </c>
      <c r="G60052" s="1" t="s">
        <v>201498</v>
      </c>
      <c r="H60052" s="1" t="s">
        <v>201499</v>
      </c>
      <c r="I60052" s="1" t="s">
        <v>201500</v>
      </c>
      <c r="J60052" s="1" t="s">
        <v>201569</v>
      </c>
    </row>
    <row r="60053" spans="1:10" x14ac:dyDescent="0.35">
      <c r="A60053" s="1" t="s">
        <v>110342</v>
      </c>
      <c r="B60053" s="1" t="s">
        <v>201495</v>
      </c>
      <c r="C60053" s="1" t="s">
        <v>130</v>
      </c>
      <c r="D60053" s="1" t="s">
        <v>201570</v>
      </c>
      <c r="E60053" s="1" t="s">
        <v>201571</v>
      </c>
      <c r="F60053" s="1" t="s">
        <v>201572</v>
      </c>
      <c r="G60053" s="1" t="s">
        <v>201498</v>
      </c>
      <c r="H60053" s="1" t="s">
        <v>201499</v>
      </c>
      <c r="I60053" s="1" t="s">
        <v>201500</v>
      </c>
      <c r="J60053" s="1" t="s">
        <v>201573</v>
      </c>
    </row>
    <row r="60054" spans="1:10" x14ac:dyDescent="0.35">
      <c r="A60054" s="1" t="s">
        <v>110342</v>
      </c>
      <c r="B60054" s="1" t="s">
        <v>201495</v>
      </c>
      <c r="C60054" s="1" t="s">
        <v>135</v>
      </c>
      <c r="D60054" s="1" t="s">
        <v>6649</v>
      </c>
      <c r="E60054" s="1" t="s">
        <v>201574</v>
      </c>
      <c r="F60054" s="1" t="s">
        <v>201575</v>
      </c>
      <c r="G60054" s="1" t="s">
        <v>201498</v>
      </c>
      <c r="H60054" s="1" t="s">
        <v>201499</v>
      </c>
      <c r="I60054" s="1" t="s">
        <v>201500</v>
      </c>
      <c r="J60054" s="1" t="s">
        <v>201576</v>
      </c>
    </row>
    <row r="60055" spans="1:10" x14ac:dyDescent="0.35">
      <c r="A60055" s="1" t="s">
        <v>110342</v>
      </c>
      <c r="B60055" s="1" t="s">
        <v>201495</v>
      </c>
      <c r="C60055" s="1" t="s">
        <v>140</v>
      </c>
      <c r="D60055" s="1" t="s">
        <v>4118</v>
      </c>
      <c r="E60055" s="1" t="s">
        <v>201577</v>
      </c>
      <c r="F60055" s="1" t="s">
        <v>201578</v>
      </c>
      <c r="G60055" s="1" t="s">
        <v>201498</v>
      </c>
      <c r="H60055" s="1" t="s">
        <v>201499</v>
      </c>
      <c r="I60055" s="1" t="s">
        <v>201500</v>
      </c>
      <c r="J60055" s="1" t="s">
        <v>201579</v>
      </c>
    </row>
    <row r="60056" spans="1:10" x14ac:dyDescent="0.35">
      <c r="A60056" s="1" t="s">
        <v>110342</v>
      </c>
      <c r="B60056" s="1" t="s">
        <v>201495</v>
      </c>
      <c r="C60056" s="1" t="s">
        <v>145</v>
      </c>
      <c r="D60056" s="1" t="s">
        <v>8963</v>
      </c>
      <c r="E60056" s="1" t="s">
        <v>201580</v>
      </c>
      <c r="F60056" s="1" t="s">
        <v>201581</v>
      </c>
      <c r="G60056" s="1" t="s">
        <v>201498</v>
      </c>
      <c r="H60056" s="1" t="s">
        <v>201499</v>
      </c>
      <c r="I60056" s="1" t="s">
        <v>201500</v>
      </c>
      <c r="J60056" s="1" t="s">
        <v>201582</v>
      </c>
    </row>
    <row r="60057" spans="1:10" x14ac:dyDescent="0.35">
      <c r="A60057" s="1" t="s">
        <v>110342</v>
      </c>
      <c r="B60057" s="1" t="s">
        <v>201495</v>
      </c>
      <c r="C60057" s="1" t="s">
        <v>150</v>
      </c>
      <c r="D60057" s="1" t="s">
        <v>28649</v>
      </c>
      <c r="E60057" s="1" t="s">
        <v>201583</v>
      </c>
      <c r="F60057" s="1" t="s">
        <v>201584</v>
      </c>
      <c r="G60057" s="1" t="s">
        <v>201498</v>
      </c>
      <c r="H60057" s="1" t="s">
        <v>201499</v>
      </c>
      <c r="I60057" s="1" t="s">
        <v>201500</v>
      </c>
      <c r="J60057" s="1" t="s">
        <v>201585</v>
      </c>
    </row>
    <row r="60058" spans="1:10" x14ac:dyDescent="0.35">
      <c r="A60058" s="1" t="s">
        <v>110342</v>
      </c>
      <c r="B60058" s="1" t="s">
        <v>201495</v>
      </c>
      <c r="C60058" s="1" t="s">
        <v>155</v>
      </c>
      <c r="D60058" s="1" t="s">
        <v>201586</v>
      </c>
      <c r="E60058" s="1" t="s">
        <v>201587</v>
      </c>
      <c r="F60058" s="1" t="s">
        <v>201588</v>
      </c>
      <c r="G60058" s="1" t="s">
        <v>201498</v>
      </c>
      <c r="H60058" s="1" t="s">
        <v>201499</v>
      </c>
      <c r="I60058" s="1" t="s">
        <v>201500</v>
      </c>
      <c r="J60058" s="1" t="s">
        <v>201589</v>
      </c>
    </row>
    <row r="60059" spans="1:10" x14ac:dyDescent="0.35">
      <c r="A60059" s="1" t="s">
        <v>110342</v>
      </c>
      <c r="B60059" s="1" t="s">
        <v>201495</v>
      </c>
      <c r="C60059" s="1" t="s">
        <v>160</v>
      </c>
      <c r="D60059" s="1" t="s">
        <v>27526</v>
      </c>
      <c r="E60059" s="1" t="s">
        <v>201590</v>
      </c>
      <c r="F60059" s="1" t="s">
        <v>201591</v>
      </c>
      <c r="G60059" s="1" t="s">
        <v>201498</v>
      </c>
      <c r="H60059" s="1" t="s">
        <v>201499</v>
      </c>
      <c r="I60059" s="1" t="s">
        <v>201500</v>
      </c>
      <c r="J60059" s="1" t="s">
        <v>201592</v>
      </c>
    </row>
    <row r="60060" spans="1:10" x14ac:dyDescent="0.35">
      <c r="A60060" s="1" t="s">
        <v>110342</v>
      </c>
      <c r="B60060" s="1" t="s">
        <v>201495</v>
      </c>
      <c r="C60060" s="1" t="s">
        <v>165</v>
      </c>
      <c r="D60060" s="1" t="s">
        <v>116184</v>
      </c>
      <c r="E60060" s="1" t="s">
        <v>201593</v>
      </c>
      <c r="F60060" s="1" t="s">
        <v>201594</v>
      </c>
      <c r="G60060" s="1" t="s">
        <v>201498</v>
      </c>
      <c r="H60060" s="1" t="s">
        <v>201499</v>
      </c>
      <c r="I60060" s="1" t="s">
        <v>201500</v>
      </c>
      <c r="J60060" s="1" t="s">
        <v>201595</v>
      </c>
    </row>
    <row r="60061" spans="1:10" x14ac:dyDescent="0.35">
      <c r="A60061" s="1" t="s">
        <v>110342</v>
      </c>
      <c r="B60061" s="1" t="s">
        <v>201495</v>
      </c>
      <c r="C60061" s="1" t="s">
        <v>170</v>
      </c>
      <c r="D60061" s="1" t="s">
        <v>148193</v>
      </c>
      <c r="E60061" s="1" t="s">
        <v>201596</v>
      </c>
      <c r="F60061" s="1" t="s">
        <v>201597</v>
      </c>
      <c r="G60061" s="1" t="s">
        <v>201498</v>
      </c>
      <c r="H60061" s="1" t="s">
        <v>201499</v>
      </c>
      <c r="I60061" s="1" t="s">
        <v>201500</v>
      </c>
      <c r="J60061" s="1" t="s">
        <v>201598</v>
      </c>
    </row>
    <row r="60062" spans="1:10" x14ac:dyDescent="0.35">
      <c r="A60062" s="1" t="s">
        <v>142495</v>
      </c>
      <c r="B60062" s="1" t="s">
        <v>201495</v>
      </c>
      <c r="C60062" s="1" t="s">
        <v>8</v>
      </c>
      <c r="D60062" s="1" t="s">
        <v>11013</v>
      </c>
      <c r="E60062" s="1" t="s">
        <v>201599</v>
      </c>
      <c r="F60062" s="1" t="s">
        <v>201600</v>
      </c>
      <c r="G60062" s="1" t="s">
        <v>201601</v>
      </c>
      <c r="H60062" s="1" t="s">
        <v>201602</v>
      </c>
      <c r="I60062" s="1" t="s">
        <v>201500</v>
      </c>
      <c r="J60062" s="1" t="s">
        <v>13</v>
      </c>
    </row>
    <row r="60063" spans="1:10" x14ac:dyDescent="0.35">
      <c r="A60063" s="1" t="s">
        <v>142495</v>
      </c>
      <c r="B60063" s="1" t="s">
        <v>201495</v>
      </c>
      <c r="C60063" s="1" t="s">
        <v>15</v>
      </c>
      <c r="D60063" s="1" t="s">
        <v>5099</v>
      </c>
      <c r="E60063" s="1" t="s">
        <v>201603</v>
      </c>
      <c r="F60063" s="1" t="s">
        <v>201604</v>
      </c>
      <c r="G60063" s="1" t="s">
        <v>201601</v>
      </c>
      <c r="H60063" s="1" t="s">
        <v>201602</v>
      </c>
      <c r="I60063" s="1" t="s">
        <v>201500</v>
      </c>
      <c r="J60063" s="1" t="s">
        <v>201605</v>
      </c>
    </row>
    <row r="60064" spans="1:10" x14ac:dyDescent="0.35">
      <c r="A60064" s="1" t="s">
        <v>142495</v>
      </c>
      <c r="B60064" s="1" t="s">
        <v>201495</v>
      </c>
      <c r="C60064" s="1" t="s">
        <v>20</v>
      </c>
      <c r="D60064" s="1" t="s">
        <v>196796</v>
      </c>
      <c r="E60064" s="1" t="s">
        <v>201606</v>
      </c>
      <c r="F60064" s="1" t="s">
        <v>60867</v>
      </c>
      <c r="G60064" s="1" t="s">
        <v>201601</v>
      </c>
      <c r="H60064" s="1" t="s">
        <v>201602</v>
      </c>
      <c r="I60064" s="1" t="s">
        <v>201500</v>
      </c>
      <c r="J60064" s="1" t="s">
        <v>201607</v>
      </c>
    </row>
    <row r="60065" spans="1:10" x14ac:dyDescent="0.35">
      <c r="A60065" s="1" t="s">
        <v>142495</v>
      </c>
      <c r="B60065" s="1" t="s">
        <v>201495</v>
      </c>
      <c r="C60065" s="1" t="s">
        <v>25</v>
      </c>
      <c r="D60065" s="1" t="s">
        <v>48145</v>
      </c>
      <c r="E60065" s="1" t="s">
        <v>201608</v>
      </c>
      <c r="F60065" s="1" t="s">
        <v>201609</v>
      </c>
      <c r="G60065" s="1" t="s">
        <v>201601</v>
      </c>
      <c r="H60065" s="1" t="s">
        <v>201602</v>
      </c>
      <c r="I60065" s="1" t="s">
        <v>201500</v>
      </c>
      <c r="J60065" s="1" t="s">
        <v>201610</v>
      </c>
    </row>
    <row r="60066" spans="1:10" x14ac:dyDescent="0.35">
      <c r="A60066" s="1" t="s">
        <v>142495</v>
      </c>
      <c r="B60066" s="1" t="s">
        <v>201495</v>
      </c>
      <c r="C60066" s="1" t="s">
        <v>30</v>
      </c>
      <c r="D60066" s="1" t="s">
        <v>161190</v>
      </c>
      <c r="E60066" s="1" t="s">
        <v>201611</v>
      </c>
      <c r="F60066" s="1" t="s">
        <v>201612</v>
      </c>
      <c r="G60066" s="1" t="s">
        <v>201601</v>
      </c>
      <c r="H60066" s="1" t="s">
        <v>201602</v>
      </c>
      <c r="I60066" s="1" t="s">
        <v>201500</v>
      </c>
      <c r="J60066" s="1" t="s">
        <v>201613</v>
      </c>
    </row>
    <row r="60067" spans="1:10" x14ac:dyDescent="0.35">
      <c r="A60067" s="1" t="s">
        <v>142495</v>
      </c>
      <c r="B60067" s="1" t="s">
        <v>201495</v>
      </c>
      <c r="C60067" s="1" t="s">
        <v>35</v>
      </c>
      <c r="D60067" s="1" t="s">
        <v>170993</v>
      </c>
      <c r="E60067" s="1" t="s">
        <v>201614</v>
      </c>
      <c r="F60067" s="1" t="s">
        <v>201615</v>
      </c>
      <c r="G60067" s="1" t="s">
        <v>201601</v>
      </c>
      <c r="H60067" s="1" t="s">
        <v>201602</v>
      </c>
      <c r="I60067" s="1" t="s">
        <v>201500</v>
      </c>
      <c r="J60067" s="1" t="s">
        <v>201616</v>
      </c>
    </row>
    <row r="60068" spans="1:10" x14ac:dyDescent="0.35">
      <c r="A60068" s="1" t="s">
        <v>142495</v>
      </c>
      <c r="B60068" s="1" t="s">
        <v>201495</v>
      </c>
      <c r="C60068" s="1" t="s">
        <v>40</v>
      </c>
      <c r="D60068" s="1" t="s">
        <v>3248</v>
      </c>
      <c r="E60068" s="1" t="s">
        <v>201617</v>
      </c>
      <c r="F60068" s="1" t="s">
        <v>201618</v>
      </c>
      <c r="G60068" s="1" t="s">
        <v>201601</v>
      </c>
      <c r="H60068" s="1" t="s">
        <v>201602</v>
      </c>
      <c r="I60068" s="1" t="s">
        <v>201500</v>
      </c>
      <c r="J60068" s="1" t="s">
        <v>201619</v>
      </c>
    </row>
    <row r="60069" spans="1:10" x14ac:dyDescent="0.35">
      <c r="A60069" s="1" t="s">
        <v>142495</v>
      </c>
      <c r="B60069" s="1" t="s">
        <v>201495</v>
      </c>
      <c r="C60069" s="1" t="s">
        <v>45</v>
      </c>
      <c r="D60069" s="1" t="s">
        <v>152470</v>
      </c>
      <c r="E60069" s="1" t="s">
        <v>201620</v>
      </c>
      <c r="F60069" s="1" t="s">
        <v>21827</v>
      </c>
      <c r="G60069" s="1" t="s">
        <v>201601</v>
      </c>
      <c r="H60069" s="1" t="s">
        <v>201602</v>
      </c>
      <c r="I60069" s="1" t="s">
        <v>201500</v>
      </c>
      <c r="J60069" s="1" t="s">
        <v>201621</v>
      </c>
    </row>
    <row r="60070" spans="1:10" x14ac:dyDescent="0.35">
      <c r="A60070" s="1" t="s">
        <v>142495</v>
      </c>
      <c r="B60070" s="1" t="s">
        <v>201495</v>
      </c>
      <c r="C60070" s="1" t="s">
        <v>50</v>
      </c>
      <c r="D60070" s="1" t="s">
        <v>50636</v>
      </c>
      <c r="E60070" s="1" t="s">
        <v>201622</v>
      </c>
      <c r="F60070" s="1" t="s">
        <v>201623</v>
      </c>
      <c r="G60070" s="1" t="s">
        <v>201601</v>
      </c>
      <c r="H60070" s="1" t="s">
        <v>201602</v>
      </c>
      <c r="I60070" s="1" t="s">
        <v>201500</v>
      </c>
      <c r="J60070" s="1" t="s">
        <v>201624</v>
      </c>
    </row>
    <row r="60071" spans="1:10" x14ac:dyDescent="0.35">
      <c r="A60071" s="1" t="s">
        <v>142495</v>
      </c>
      <c r="B60071" s="1" t="s">
        <v>201495</v>
      </c>
      <c r="C60071" s="1" t="s">
        <v>55</v>
      </c>
      <c r="D60071" s="1" t="s">
        <v>3244</v>
      </c>
      <c r="E60071" s="1" t="s">
        <v>110974</v>
      </c>
      <c r="F60071" s="1" t="s">
        <v>201625</v>
      </c>
      <c r="G60071" s="1" t="s">
        <v>201601</v>
      </c>
      <c r="H60071" s="1" t="s">
        <v>201602</v>
      </c>
      <c r="I60071" s="1" t="s">
        <v>201500</v>
      </c>
      <c r="J60071" s="1" t="s">
        <v>201626</v>
      </c>
    </row>
    <row r="60072" spans="1:10" x14ac:dyDescent="0.35">
      <c r="A60072" s="1" t="s">
        <v>142495</v>
      </c>
      <c r="B60072" s="1" t="s">
        <v>201495</v>
      </c>
      <c r="C60072" s="1" t="s">
        <v>60</v>
      </c>
      <c r="D60072" s="1" t="s">
        <v>170224</v>
      </c>
      <c r="E60072" s="1" t="s">
        <v>110952</v>
      </c>
      <c r="F60072" s="1" t="s">
        <v>201627</v>
      </c>
      <c r="G60072" s="1" t="s">
        <v>201601</v>
      </c>
      <c r="H60072" s="1" t="s">
        <v>201602</v>
      </c>
      <c r="I60072" s="1" t="s">
        <v>201500</v>
      </c>
      <c r="J60072" s="1" t="s">
        <v>201628</v>
      </c>
    </row>
    <row r="60073" spans="1:10" x14ac:dyDescent="0.35">
      <c r="A60073" s="1" t="s">
        <v>142495</v>
      </c>
      <c r="B60073" s="1" t="s">
        <v>201495</v>
      </c>
      <c r="C60073" s="1" t="s">
        <v>65</v>
      </c>
      <c r="D60073" s="1" t="s">
        <v>36042</v>
      </c>
      <c r="E60073" s="1" t="s">
        <v>201629</v>
      </c>
      <c r="F60073" s="1" t="s">
        <v>201630</v>
      </c>
      <c r="G60073" s="1" t="s">
        <v>201601</v>
      </c>
      <c r="H60073" s="1" t="s">
        <v>201602</v>
      </c>
      <c r="I60073" s="1" t="s">
        <v>201500</v>
      </c>
      <c r="J60073" s="1" t="s">
        <v>201631</v>
      </c>
    </row>
    <row r="60074" spans="1:10" x14ac:dyDescent="0.35">
      <c r="A60074" s="1" t="s">
        <v>142495</v>
      </c>
      <c r="B60074" s="1" t="s">
        <v>201495</v>
      </c>
      <c r="C60074" s="1" t="s">
        <v>70</v>
      </c>
      <c r="D60074" s="1" t="s">
        <v>201632</v>
      </c>
      <c r="E60074" s="1" t="s">
        <v>201633</v>
      </c>
      <c r="F60074" s="1" t="s">
        <v>98900</v>
      </c>
      <c r="G60074" s="1" t="s">
        <v>201601</v>
      </c>
      <c r="H60074" s="1" t="s">
        <v>201602</v>
      </c>
      <c r="I60074" s="1" t="s">
        <v>201500</v>
      </c>
      <c r="J60074" s="1" t="s">
        <v>201634</v>
      </c>
    </row>
    <row r="60075" spans="1:10" x14ac:dyDescent="0.35">
      <c r="A60075" s="1" t="s">
        <v>142495</v>
      </c>
      <c r="B60075" s="1" t="s">
        <v>201495</v>
      </c>
      <c r="C60075" s="1" t="s">
        <v>75</v>
      </c>
      <c r="D60075" s="1" t="s">
        <v>48709</v>
      </c>
      <c r="E60075" s="1" t="s">
        <v>201633</v>
      </c>
      <c r="F60075" s="1" t="s">
        <v>144675</v>
      </c>
      <c r="G60075" s="1" t="s">
        <v>201601</v>
      </c>
      <c r="H60075" s="1" t="s">
        <v>201602</v>
      </c>
      <c r="I60075" s="1" t="s">
        <v>201500</v>
      </c>
      <c r="J60075" s="1" t="s">
        <v>201635</v>
      </c>
    </row>
    <row r="60076" spans="1:10" x14ac:dyDescent="0.35">
      <c r="A60076" s="1" t="s">
        <v>142495</v>
      </c>
      <c r="B60076" s="1" t="s">
        <v>201495</v>
      </c>
      <c r="C60076" s="1" t="s">
        <v>80</v>
      </c>
      <c r="D60076" s="1" t="s">
        <v>31257</v>
      </c>
      <c r="E60076" s="1" t="s">
        <v>111485</v>
      </c>
      <c r="F60076" s="1" t="s">
        <v>162218</v>
      </c>
      <c r="G60076" s="1" t="s">
        <v>201601</v>
      </c>
      <c r="H60076" s="1" t="s">
        <v>201602</v>
      </c>
      <c r="I60076" s="1" t="s">
        <v>201500</v>
      </c>
      <c r="J60076" s="1" t="s">
        <v>201636</v>
      </c>
    </row>
    <row r="60077" spans="1:10" x14ac:dyDescent="0.35">
      <c r="A60077" s="1" t="s">
        <v>142495</v>
      </c>
      <c r="B60077" s="1" t="s">
        <v>201495</v>
      </c>
      <c r="C60077" s="1" t="s">
        <v>85</v>
      </c>
      <c r="D60077" s="1" t="s">
        <v>117074</v>
      </c>
      <c r="E60077" s="1" t="s">
        <v>201637</v>
      </c>
      <c r="F60077" s="1" t="s">
        <v>201638</v>
      </c>
      <c r="G60077" s="1" t="s">
        <v>201601</v>
      </c>
      <c r="H60077" s="1" t="s">
        <v>201602</v>
      </c>
      <c r="I60077" s="1" t="s">
        <v>201500</v>
      </c>
      <c r="J60077" s="1" t="s">
        <v>201639</v>
      </c>
    </row>
    <row r="60078" spans="1:10" x14ac:dyDescent="0.35">
      <c r="A60078" s="1" t="s">
        <v>142495</v>
      </c>
      <c r="B60078" s="1" t="s">
        <v>201495</v>
      </c>
      <c r="C60078" s="1" t="s">
        <v>90</v>
      </c>
      <c r="D60078" s="1" t="s">
        <v>201640</v>
      </c>
      <c r="E60078" s="1" t="s">
        <v>201641</v>
      </c>
      <c r="F60078" s="1" t="s">
        <v>201642</v>
      </c>
      <c r="G60078" s="1" t="s">
        <v>201601</v>
      </c>
      <c r="H60078" s="1" t="s">
        <v>201602</v>
      </c>
      <c r="I60078" s="1" t="s">
        <v>201500</v>
      </c>
      <c r="J60078" s="1" t="s">
        <v>201643</v>
      </c>
    </row>
    <row r="60079" spans="1:10" x14ac:dyDescent="0.35">
      <c r="A60079" s="1" t="s">
        <v>142495</v>
      </c>
      <c r="B60079" s="1" t="s">
        <v>201495</v>
      </c>
      <c r="C60079" s="1" t="s">
        <v>95</v>
      </c>
      <c r="D60079" s="1" t="s">
        <v>187274</v>
      </c>
      <c r="E60079" s="1" t="s">
        <v>201644</v>
      </c>
      <c r="F60079" s="1" t="s">
        <v>11747</v>
      </c>
      <c r="G60079" s="1" t="s">
        <v>201601</v>
      </c>
      <c r="H60079" s="1" t="s">
        <v>201602</v>
      </c>
      <c r="I60079" s="1" t="s">
        <v>201500</v>
      </c>
      <c r="J60079" s="1" t="s">
        <v>201645</v>
      </c>
    </row>
    <row r="60080" spans="1:10" x14ac:dyDescent="0.35">
      <c r="A60080" s="1" t="s">
        <v>142495</v>
      </c>
      <c r="B60080" s="1" t="s">
        <v>201495</v>
      </c>
      <c r="C60080" s="1" t="s">
        <v>100</v>
      </c>
      <c r="D60080" s="1" t="s">
        <v>17429</v>
      </c>
      <c r="E60080" s="1" t="s">
        <v>201646</v>
      </c>
      <c r="F60080" s="1" t="s">
        <v>144712</v>
      </c>
      <c r="G60080" s="1" t="s">
        <v>201601</v>
      </c>
      <c r="H60080" s="1" t="s">
        <v>201602</v>
      </c>
      <c r="I60080" s="1" t="s">
        <v>201500</v>
      </c>
      <c r="J60080" s="1" t="s">
        <v>2251</v>
      </c>
    </row>
    <row r="60081" spans="1:10" x14ac:dyDescent="0.35">
      <c r="A60081" s="1" t="s">
        <v>142495</v>
      </c>
      <c r="B60081" s="1" t="s">
        <v>201495</v>
      </c>
      <c r="C60081" s="1" t="s">
        <v>105</v>
      </c>
      <c r="D60081" s="1" t="s">
        <v>201647</v>
      </c>
      <c r="E60081" s="1" t="s">
        <v>201648</v>
      </c>
      <c r="F60081" s="1" t="s">
        <v>102468</v>
      </c>
      <c r="G60081" s="1" t="s">
        <v>201601</v>
      </c>
      <c r="H60081" s="1" t="s">
        <v>201602</v>
      </c>
      <c r="I60081" s="1" t="s">
        <v>201500</v>
      </c>
      <c r="J60081" s="1" t="s">
        <v>201649</v>
      </c>
    </row>
    <row r="60082" spans="1:10" x14ac:dyDescent="0.35">
      <c r="A60082" s="1" t="s">
        <v>142495</v>
      </c>
      <c r="B60082" s="1" t="s">
        <v>201495</v>
      </c>
      <c r="C60082" s="1" t="s">
        <v>110</v>
      </c>
      <c r="D60082" s="1" t="s">
        <v>34931</v>
      </c>
      <c r="E60082" s="1" t="s">
        <v>201650</v>
      </c>
      <c r="F60082" s="1" t="s">
        <v>201651</v>
      </c>
      <c r="G60082" s="1" t="s">
        <v>201601</v>
      </c>
      <c r="H60082" s="1" t="s">
        <v>201602</v>
      </c>
      <c r="I60082" s="1" t="s">
        <v>201500</v>
      </c>
      <c r="J60082" s="1" t="s">
        <v>201652</v>
      </c>
    </row>
    <row r="60083" spans="1:10" x14ac:dyDescent="0.35">
      <c r="A60083" s="1" t="s">
        <v>142495</v>
      </c>
      <c r="B60083" s="1" t="s">
        <v>201495</v>
      </c>
      <c r="C60083" s="1" t="s">
        <v>115</v>
      </c>
      <c r="D60083" s="1" t="s">
        <v>111299</v>
      </c>
      <c r="E60083" s="1" t="s">
        <v>201653</v>
      </c>
      <c r="F60083" s="1" t="s">
        <v>201654</v>
      </c>
      <c r="G60083" s="1" t="s">
        <v>201601</v>
      </c>
      <c r="H60083" s="1" t="s">
        <v>201602</v>
      </c>
      <c r="I60083" s="1" t="s">
        <v>201500</v>
      </c>
      <c r="J60083" s="1" t="s">
        <v>201655</v>
      </c>
    </row>
    <row r="60084" spans="1:10" x14ac:dyDescent="0.35">
      <c r="A60084" s="1" t="s">
        <v>142495</v>
      </c>
      <c r="B60084" s="1" t="s">
        <v>201495</v>
      </c>
      <c r="C60084" s="1" t="s">
        <v>120</v>
      </c>
      <c r="D60084" s="1" t="s">
        <v>148327</v>
      </c>
      <c r="E60084" s="1" t="s">
        <v>201656</v>
      </c>
      <c r="F60084" s="1" t="s">
        <v>201657</v>
      </c>
      <c r="G60084" s="1" t="s">
        <v>201601</v>
      </c>
      <c r="H60084" s="1" t="s">
        <v>201602</v>
      </c>
      <c r="I60084" s="1" t="s">
        <v>201500</v>
      </c>
      <c r="J60084" s="1" t="s">
        <v>201658</v>
      </c>
    </row>
    <row r="60085" spans="1:10" x14ac:dyDescent="0.35">
      <c r="A60085" s="1" t="s">
        <v>142495</v>
      </c>
      <c r="B60085" s="1" t="s">
        <v>201495</v>
      </c>
      <c r="C60085" s="1" t="s">
        <v>125</v>
      </c>
      <c r="D60085" s="1" t="s">
        <v>201659</v>
      </c>
      <c r="E60085" s="1" t="s">
        <v>159840</v>
      </c>
      <c r="F60085" s="1" t="s">
        <v>201660</v>
      </c>
      <c r="G60085" s="1" t="s">
        <v>201601</v>
      </c>
      <c r="H60085" s="1" t="s">
        <v>201602</v>
      </c>
      <c r="I60085" s="1" t="s">
        <v>201500</v>
      </c>
      <c r="J60085" s="1" t="s">
        <v>201661</v>
      </c>
    </row>
    <row r="60086" spans="1:10" x14ac:dyDescent="0.35">
      <c r="A60086" s="1" t="s">
        <v>142495</v>
      </c>
      <c r="B60086" s="1" t="s">
        <v>201495</v>
      </c>
      <c r="C60086" s="1" t="s">
        <v>130</v>
      </c>
      <c r="D60086" s="1" t="s">
        <v>168678</v>
      </c>
      <c r="E60086" s="1" t="s">
        <v>201662</v>
      </c>
      <c r="F60086" s="1" t="s">
        <v>201663</v>
      </c>
      <c r="G60086" s="1" t="s">
        <v>201601</v>
      </c>
      <c r="H60086" s="1" t="s">
        <v>201602</v>
      </c>
      <c r="I60086" s="1" t="s">
        <v>201500</v>
      </c>
      <c r="J60086" s="1" t="s">
        <v>201664</v>
      </c>
    </row>
    <row r="60087" spans="1:10" x14ac:dyDescent="0.35">
      <c r="A60087" s="1" t="s">
        <v>142495</v>
      </c>
      <c r="B60087" s="1" t="s">
        <v>201495</v>
      </c>
      <c r="C60087" s="1" t="s">
        <v>135</v>
      </c>
      <c r="D60087" s="1" t="s">
        <v>32566</v>
      </c>
      <c r="E60087" s="1" t="s">
        <v>201665</v>
      </c>
      <c r="F60087" s="1" t="s">
        <v>201666</v>
      </c>
      <c r="G60087" s="1" t="s">
        <v>201601</v>
      </c>
      <c r="H60087" s="1" t="s">
        <v>201602</v>
      </c>
      <c r="I60087" s="1" t="s">
        <v>201500</v>
      </c>
      <c r="J60087" s="1" t="s">
        <v>201667</v>
      </c>
    </row>
    <row r="60088" spans="1:10" x14ac:dyDescent="0.35">
      <c r="A60088" s="1" t="s">
        <v>142495</v>
      </c>
      <c r="B60088" s="1" t="s">
        <v>201495</v>
      </c>
      <c r="C60088" s="1" t="s">
        <v>140</v>
      </c>
      <c r="D60088" s="1" t="s">
        <v>201668</v>
      </c>
      <c r="E60088" s="1" t="s">
        <v>201669</v>
      </c>
      <c r="F60088" s="1" t="s">
        <v>201670</v>
      </c>
      <c r="G60088" s="1" t="s">
        <v>201601</v>
      </c>
      <c r="H60088" s="1" t="s">
        <v>201602</v>
      </c>
      <c r="I60088" s="1" t="s">
        <v>201500</v>
      </c>
      <c r="J60088" s="1" t="s">
        <v>201671</v>
      </c>
    </row>
    <row r="60089" spans="1:10" x14ac:dyDescent="0.35">
      <c r="A60089" s="1" t="s">
        <v>142495</v>
      </c>
      <c r="B60089" s="1" t="s">
        <v>201495</v>
      </c>
      <c r="C60089" s="1" t="s">
        <v>145</v>
      </c>
      <c r="D60089" s="1" t="s">
        <v>14626</v>
      </c>
      <c r="E60089" s="1" t="s">
        <v>201672</v>
      </c>
      <c r="F60089" s="1" t="s">
        <v>201673</v>
      </c>
      <c r="G60089" s="1" t="s">
        <v>201601</v>
      </c>
      <c r="H60089" s="1" t="s">
        <v>201602</v>
      </c>
      <c r="I60089" s="1" t="s">
        <v>201500</v>
      </c>
      <c r="J60089" s="1" t="s">
        <v>201674</v>
      </c>
    </row>
    <row r="60090" spans="1:10" x14ac:dyDescent="0.35">
      <c r="A60090" s="1" t="s">
        <v>142495</v>
      </c>
      <c r="B60090" s="1" t="s">
        <v>201495</v>
      </c>
      <c r="C60090" s="1" t="s">
        <v>150</v>
      </c>
      <c r="D60090" s="1" t="s">
        <v>201675</v>
      </c>
      <c r="E60090" s="1" t="s">
        <v>201676</v>
      </c>
      <c r="F60090" s="1" t="s">
        <v>201677</v>
      </c>
      <c r="G60090" s="1" t="s">
        <v>201601</v>
      </c>
      <c r="H60090" s="1" t="s">
        <v>201602</v>
      </c>
      <c r="I60090" s="1" t="s">
        <v>201500</v>
      </c>
      <c r="J60090" s="1" t="s">
        <v>201678</v>
      </c>
    </row>
    <row r="60091" spans="1:10" x14ac:dyDescent="0.35">
      <c r="A60091" s="1" t="s">
        <v>142495</v>
      </c>
      <c r="B60091" s="1" t="s">
        <v>201495</v>
      </c>
      <c r="C60091" s="1" t="s">
        <v>155</v>
      </c>
      <c r="D60091" s="1" t="s">
        <v>38316</v>
      </c>
      <c r="E60091" s="1" t="s">
        <v>201679</v>
      </c>
      <c r="F60091" s="1" t="s">
        <v>68866</v>
      </c>
      <c r="G60091" s="1" t="s">
        <v>201601</v>
      </c>
      <c r="H60091" s="1" t="s">
        <v>201602</v>
      </c>
      <c r="I60091" s="1" t="s">
        <v>201500</v>
      </c>
      <c r="J60091" s="1" t="s">
        <v>201680</v>
      </c>
    </row>
    <row r="60092" spans="1:10" x14ac:dyDescent="0.35">
      <c r="A60092" s="1" t="s">
        <v>142495</v>
      </c>
      <c r="B60092" s="1" t="s">
        <v>201495</v>
      </c>
      <c r="C60092" s="1" t="s">
        <v>160</v>
      </c>
      <c r="D60092" s="1" t="s">
        <v>33953</v>
      </c>
      <c r="E60092" s="1" t="s">
        <v>201681</v>
      </c>
      <c r="F60092" s="1" t="s">
        <v>201682</v>
      </c>
      <c r="G60092" s="1" t="s">
        <v>201601</v>
      </c>
      <c r="H60092" s="1" t="s">
        <v>201602</v>
      </c>
      <c r="I60092" s="1" t="s">
        <v>201500</v>
      </c>
      <c r="J60092" s="1" t="s">
        <v>201683</v>
      </c>
    </row>
    <row r="60093" spans="1:10" x14ac:dyDescent="0.35">
      <c r="A60093" s="1" t="s">
        <v>142495</v>
      </c>
      <c r="B60093" s="1" t="s">
        <v>201495</v>
      </c>
      <c r="C60093" s="1" t="s">
        <v>165</v>
      </c>
      <c r="D60093" s="1" t="s">
        <v>82980</v>
      </c>
      <c r="E60093" s="1" t="s">
        <v>201608</v>
      </c>
      <c r="F60093" s="1" t="s">
        <v>201684</v>
      </c>
      <c r="G60093" s="1" t="s">
        <v>201601</v>
      </c>
      <c r="H60093" s="1" t="s">
        <v>201602</v>
      </c>
      <c r="I60093" s="1" t="s">
        <v>201500</v>
      </c>
      <c r="J60093" s="1" t="s">
        <v>201685</v>
      </c>
    </row>
    <row r="60094" spans="1:10" x14ac:dyDescent="0.35">
      <c r="A60094" s="1" t="s">
        <v>142495</v>
      </c>
      <c r="B60094" s="1" t="s">
        <v>201495</v>
      </c>
      <c r="C60094" s="1" t="s">
        <v>170</v>
      </c>
      <c r="D60094" s="1" t="s">
        <v>48081</v>
      </c>
      <c r="E60094" s="1" t="s">
        <v>201686</v>
      </c>
      <c r="F60094" s="1" t="s">
        <v>201687</v>
      </c>
      <c r="G60094" s="1" t="s">
        <v>201601</v>
      </c>
      <c r="H60094" s="1" t="s">
        <v>201602</v>
      </c>
      <c r="I60094" s="1" t="s">
        <v>201500</v>
      </c>
      <c r="J60094" s="1" t="s">
        <v>201688</v>
      </c>
    </row>
    <row r="60095" spans="1:10" x14ac:dyDescent="0.35">
      <c r="A60095" s="1" t="s">
        <v>110648</v>
      </c>
      <c r="B60095" s="1" t="s">
        <v>201495</v>
      </c>
      <c r="C60095" s="1" t="s">
        <v>8</v>
      </c>
      <c r="D60095" s="1" t="s">
        <v>201689</v>
      </c>
      <c r="E60095" s="1" t="s">
        <v>201690</v>
      </c>
      <c r="F60095" s="1" t="s">
        <v>23111</v>
      </c>
      <c r="G60095" s="1" t="s">
        <v>201691</v>
      </c>
      <c r="H60095" s="1" t="s">
        <v>201692</v>
      </c>
      <c r="I60095" s="1" t="s">
        <v>201500</v>
      </c>
      <c r="J60095" s="1" t="s">
        <v>13</v>
      </c>
    </row>
    <row r="60096" spans="1:10" x14ac:dyDescent="0.35">
      <c r="A60096" s="1" t="s">
        <v>110648</v>
      </c>
      <c r="B60096" s="1" t="s">
        <v>201495</v>
      </c>
      <c r="C60096" s="1" t="s">
        <v>15</v>
      </c>
      <c r="D60096" s="1" t="s">
        <v>95231</v>
      </c>
      <c r="E60096" s="1" t="s">
        <v>201693</v>
      </c>
      <c r="F60096" s="1" t="s">
        <v>201694</v>
      </c>
      <c r="G60096" s="1" t="s">
        <v>201691</v>
      </c>
      <c r="H60096" s="1" t="s">
        <v>201692</v>
      </c>
      <c r="I60096" s="1" t="s">
        <v>201500</v>
      </c>
      <c r="J60096" s="1" t="s">
        <v>201695</v>
      </c>
    </row>
    <row r="60097" spans="1:10" x14ac:dyDescent="0.35">
      <c r="A60097" s="1" t="s">
        <v>110648</v>
      </c>
      <c r="B60097" s="1" t="s">
        <v>201495</v>
      </c>
      <c r="C60097" s="1" t="s">
        <v>20</v>
      </c>
      <c r="D60097" s="1" t="s">
        <v>60863</v>
      </c>
      <c r="E60097" s="1" t="s">
        <v>201696</v>
      </c>
      <c r="F60097" s="1" t="s">
        <v>201697</v>
      </c>
      <c r="G60097" s="1" t="s">
        <v>201691</v>
      </c>
      <c r="H60097" s="1" t="s">
        <v>201692</v>
      </c>
      <c r="I60097" s="1" t="s">
        <v>201500</v>
      </c>
      <c r="J60097" s="1" t="s">
        <v>201698</v>
      </c>
    </row>
    <row r="60098" spans="1:10" x14ac:dyDescent="0.35">
      <c r="A60098" s="1" t="s">
        <v>110648</v>
      </c>
      <c r="B60098" s="1" t="s">
        <v>201495</v>
      </c>
      <c r="C60098" s="1" t="s">
        <v>25</v>
      </c>
      <c r="D60098" s="1" t="s">
        <v>201699</v>
      </c>
      <c r="E60098" s="1" t="s">
        <v>201700</v>
      </c>
      <c r="F60098" s="1" t="s">
        <v>201701</v>
      </c>
      <c r="G60098" s="1" t="s">
        <v>201691</v>
      </c>
      <c r="H60098" s="1" t="s">
        <v>201692</v>
      </c>
      <c r="I60098" s="1" t="s">
        <v>201500</v>
      </c>
      <c r="J60098" s="1" t="s">
        <v>201702</v>
      </c>
    </row>
    <row r="60099" spans="1:10" x14ac:dyDescent="0.35">
      <c r="A60099" s="1" t="s">
        <v>110648</v>
      </c>
      <c r="B60099" s="1" t="s">
        <v>201495</v>
      </c>
      <c r="C60099" s="1" t="s">
        <v>30</v>
      </c>
      <c r="D60099" s="1" t="s">
        <v>201703</v>
      </c>
      <c r="E60099" s="1" t="s">
        <v>201704</v>
      </c>
      <c r="F60099" s="1" t="s">
        <v>201705</v>
      </c>
      <c r="G60099" s="1" t="s">
        <v>201691</v>
      </c>
      <c r="H60099" s="1" t="s">
        <v>201692</v>
      </c>
      <c r="I60099" s="1" t="s">
        <v>201500</v>
      </c>
      <c r="J60099" s="1" t="s">
        <v>201706</v>
      </c>
    </row>
    <row r="60100" spans="1:10" x14ac:dyDescent="0.35">
      <c r="A60100" s="1" t="s">
        <v>110648</v>
      </c>
      <c r="B60100" s="1" t="s">
        <v>201495</v>
      </c>
      <c r="C60100" s="1" t="s">
        <v>35</v>
      </c>
      <c r="D60100" s="1" t="s">
        <v>83914</v>
      </c>
      <c r="E60100" s="1" t="s">
        <v>201672</v>
      </c>
      <c r="F60100" s="1" t="s">
        <v>201707</v>
      </c>
      <c r="G60100" s="1" t="s">
        <v>201691</v>
      </c>
      <c r="H60100" s="1" t="s">
        <v>201692</v>
      </c>
      <c r="I60100" s="1" t="s">
        <v>201500</v>
      </c>
      <c r="J60100" s="1" t="s">
        <v>201708</v>
      </c>
    </row>
    <row r="60101" spans="1:10" x14ac:dyDescent="0.35">
      <c r="A60101" s="1" t="s">
        <v>110648</v>
      </c>
      <c r="B60101" s="1" t="s">
        <v>201495</v>
      </c>
      <c r="C60101" s="1" t="s">
        <v>40</v>
      </c>
      <c r="D60101" s="1" t="s">
        <v>201709</v>
      </c>
      <c r="E60101" s="1" t="s">
        <v>201710</v>
      </c>
      <c r="F60101" s="1" t="s">
        <v>201711</v>
      </c>
      <c r="G60101" s="1" t="s">
        <v>201691</v>
      </c>
      <c r="H60101" s="1" t="s">
        <v>201692</v>
      </c>
      <c r="I60101" s="1" t="s">
        <v>201500</v>
      </c>
      <c r="J60101" s="1" t="s">
        <v>201712</v>
      </c>
    </row>
    <row r="60102" spans="1:10" x14ac:dyDescent="0.35">
      <c r="A60102" s="1" t="s">
        <v>110648</v>
      </c>
      <c r="B60102" s="1" t="s">
        <v>201495</v>
      </c>
      <c r="C60102" s="1" t="s">
        <v>45</v>
      </c>
      <c r="D60102" s="1" t="s">
        <v>107573</v>
      </c>
      <c r="E60102" s="1" t="s">
        <v>201713</v>
      </c>
      <c r="F60102" s="1" t="s">
        <v>201714</v>
      </c>
      <c r="G60102" s="1" t="s">
        <v>201691</v>
      </c>
      <c r="H60102" s="1" t="s">
        <v>201692</v>
      </c>
      <c r="I60102" s="1" t="s">
        <v>201500</v>
      </c>
      <c r="J60102" s="1" t="s">
        <v>201715</v>
      </c>
    </row>
    <row r="60103" spans="1:10" x14ac:dyDescent="0.35">
      <c r="A60103" s="1" t="s">
        <v>110648</v>
      </c>
      <c r="B60103" s="1" t="s">
        <v>201495</v>
      </c>
      <c r="C60103" s="1" t="s">
        <v>50</v>
      </c>
      <c r="D60103" s="1" t="s">
        <v>127876</v>
      </c>
      <c r="E60103" s="1" t="s">
        <v>201716</v>
      </c>
      <c r="F60103" s="1" t="s">
        <v>201717</v>
      </c>
      <c r="G60103" s="1" t="s">
        <v>201691</v>
      </c>
      <c r="H60103" s="1" t="s">
        <v>201692</v>
      </c>
      <c r="I60103" s="1" t="s">
        <v>201500</v>
      </c>
      <c r="J60103" s="1" t="s">
        <v>201718</v>
      </c>
    </row>
    <row r="60104" spans="1:10" x14ac:dyDescent="0.35">
      <c r="A60104" s="1" t="s">
        <v>110648</v>
      </c>
      <c r="B60104" s="1" t="s">
        <v>201495</v>
      </c>
      <c r="C60104" s="1" t="s">
        <v>55</v>
      </c>
      <c r="D60104" s="1" t="s">
        <v>201719</v>
      </c>
      <c r="E60104" s="1" t="s">
        <v>159903</v>
      </c>
      <c r="F60104" s="1" t="s">
        <v>201720</v>
      </c>
      <c r="G60104" s="1" t="s">
        <v>201691</v>
      </c>
      <c r="H60104" s="1" t="s">
        <v>201692</v>
      </c>
      <c r="I60104" s="1" t="s">
        <v>201500</v>
      </c>
      <c r="J60104" s="1" t="s">
        <v>201721</v>
      </c>
    </row>
    <row r="60105" spans="1:10" x14ac:dyDescent="0.35">
      <c r="A60105" s="1" t="s">
        <v>110648</v>
      </c>
      <c r="B60105" s="1" t="s">
        <v>201495</v>
      </c>
      <c r="C60105" s="1" t="s">
        <v>60</v>
      </c>
      <c r="D60105" s="1" t="s">
        <v>201722</v>
      </c>
      <c r="E60105" s="1" t="s">
        <v>201614</v>
      </c>
      <c r="F60105" s="1" t="s">
        <v>201723</v>
      </c>
      <c r="G60105" s="1" t="s">
        <v>201691</v>
      </c>
      <c r="H60105" s="1" t="s">
        <v>201692</v>
      </c>
      <c r="I60105" s="1" t="s">
        <v>201500</v>
      </c>
      <c r="J60105" s="1" t="s">
        <v>201724</v>
      </c>
    </row>
    <row r="60106" spans="1:10" x14ac:dyDescent="0.35">
      <c r="A60106" s="1" t="s">
        <v>110648</v>
      </c>
      <c r="B60106" s="1" t="s">
        <v>201495</v>
      </c>
      <c r="C60106" s="1" t="s">
        <v>65</v>
      </c>
      <c r="D60106" s="1" t="s">
        <v>201725</v>
      </c>
      <c r="E60106" s="1" t="s">
        <v>201726</v>
      </c>
      <c r="F60106" s="1" t="s">
        <v>201727</v>
      </c>
      <c r="G60106" s="1" t="s">
        <v>201691</v>
      </c>
      <c r="H60106" s="1" t="s">
        <v>201692</v>
      </c>
      <c r="I60106" s="1" t="s">
        <v>201500</v>
      </c>
      <c r="J60106" s="1" t="s">
        <v>201728</v>
      </c>
    </row>
    <row r="60107" spans="1:10" x14ac:dyDescent="0.35">
      <c r="A60107" s="1" t="s">
        <v>110648</v>
      </c>
      <c r="B60107" s="1" t="s">
        <v>201495</v>
      </c>
      <c r="C60107" s="1" t="s">
        <v>70</v>
      </c>
      <c r="D60107" s="1" t="s">
        <v>86216</v>
      </c>
      <c r="E60107" s="1" t="s">
        <v>201704</v>
      </c>
      <c r="F60107" s="1" t="s">
        <v>201729</v>
      </c>
      <c r="G60107" s="1" t="s">
        <v>201691</v>
      </c>
      <c r="H60107" s="1" t="s">
        <v>201692</v>
      </c>
      <c r="I60107" s="1" t="s">
        <v>201500</v>
      </c>
      <c r="J60107" s="1" t="s">
        <v>201730</v>
      </c>
    </row>
    <row r="60108" spans="1:10" x14ac:dyDescent="0.35">
      <c r="A60108" s="1" t="s">
        <v>110648</v>
      </c>
      <c r="B60108" s="1" t="s">
        <v>201495</v>
      </c>
      <c r="C60108" s="1" t="s">
        <v>75</v>
      </c>
      <c r="D60108" s="1" t="s">
        <v>201731</v>
      </c>
      <c r="E60108" s="1" t="s">
        <v>201732</v>
      </c>
      <c r="F60108" s="1" t="s">
        <v>201733</v>
      </c>
      <c r="G60108" s="1" t="s">
        <v>201691</v>
      </c>
      <c r="H60108" s="1" t="s">
        <v>201692</v>
      </c>
      <c r="I60108" s="1" t="s">
        <v>201500</v>
      </c>
      <c r="J60108" s="1" t="s">
        <v>201734</v>
      </c>
    </row>
    <row r="60109" spans="1:10" x14ac:dyDescent="0.35">
      <c r="A60109" s="1" t="s">
        <v>110648</v>
      </c>
      <c r="B60109" s="1" t="s">
        <v>201495</v>
      </c>
      <c r="C60109" s="1" t="s">
        <v>80</v>
      </c>
      <c r="D60109" s="1" t="s">
        <v>63753</v>
      </c>
      <c r="E60109" s="1" t="s">
        <v>201735</v>
      </c>
      <c r="F60109" s="1" t="s">
        <v>137968</v>
      </c>
      <c r="G60109" s="1" t="s">
        <v>201691</v>
      </c>
      <c r="H60109" s="1" t="s">
        <v>201692</v>
      </c>
      <c r="I60109" s="1" t="s">
        <v>201500</v>
      </c>
      <c r="J60109" s="1" t="s">
        <v>201736</v>
      </c>
    </row>
    <row r="60110" spans="1:10" x14ac:dyDescent="0.35">
      <c r="A60110" s="1" t="s">
        <v>110648</v>
      </c>
      <c r="B60110" s="1" t="s">
        <v>201495</v>
      </c>
      <c r="C60110" s="1" t="s">
        <v>85</v>
      </c>
      <c r="D60110" s="1" t="s">
        <v>201737</v>
      </c>
      <c r="E60110" s="1" t="s">
        <v>201738</v>
      </c>
      <c r="F60110" s="1" t="s">
        <v>201739</v>
      </c>
      <c r="G60110" s="1" t="s">
        <v>201691</v>
      </c>
      <c r="H60110" s="1" t="s">
        <v>201692</v>
      </c>
      <c r="I60110" s="1" t="s">
        <v>201500</v>
      </c>
      <c r="J60110" s="1" t="s">
        <v>201740</v>
      </c>
    </row>
    <row r="60111" spans="1:10" x14ac:dyDescent="0.35">
      <c r="A60111" s="1" t="s">
        <v>110648</v>
      </c>
      <c r="B60111" s="1" t="s">
        <v>201495</v>
      </c>
      <c r="C60111" s="1" t="s">
        <v>90</v>
      </c>
      <c r="D60111" s="1" t="s">
        <v>132630</v>
      </c>
      <c r="E60111" s="1" t="s">
        <v>201741</v>
      </c>
      <c r="F60111" s="1" t="s">
        <v>201742</v>
      </c>
      <c r="G60111" s="1" t="s">
        <v>201691</v>
      </c>
      <c r="H60111" s="1" t="s">
        <v>201692</v>
      </c>
      <c r="I60111" s="1" t="s">
        <v>201500</v>
      </c>
      <c r="J60111" s="1" t="s">
        <v>201743</v>
      </c>
    </row>
    <row r="60112" spans="1:10" x14ac:dyDescent="0.35">
      <c r="A60112" s="1" t="s">
        <v>110648</v>
      </c>
      <c r="B60112" s="1" t="s">
        <v>201495</v>
      </c>
      <c r="C60112" s="1" t="s">
        <v>95</v>
      </c>
      <c r="D60112" s="1" t="s">
        <v>201744</v>
      </c>
      <c r="E60112" s="1" t="s">
        <v>201745</v>
      </c>
      <c r="F60112" s="1" t="s">
        <v>201746</v>
      </c>
      <c r="G60112" s="1" t="s">
        <v>201691</v>
      </c>
      <c r="H60112" s="1" t="s">
        <v>201692</v>
      </c>
      <c r="I60112" s="1" t="s">
        <v>201500</v>
      </c>
      <c r="J60112" s="1" t="s">
        <v>201747</v>
      </c>
    </row>
    <row r="60113" spans="1:10" x14ac:dyDescent="0.35">
      <c r="A60113" s="1" t="s">
        <v>110648</v>
      </c>
      <c r="B60113" s="1" t="s">
        <v>201495</v>
      </c>
      <c r="C60113" s="1" t="s">
        <v>100</v>
      </c>
      <c r="D60113" s="1" t="s">
        <v>96303</v>
      </c>
      <c r="E60113" s="1" t="s">
        <v>111335</v>
      </c>
      <c r="F60113" s="1" t="s">
        <v>201748</v>
      </c>
      <c r="G60113" s="1" t="s">
        <v>201691</v>
      </c>
      <c r="H60113" s="1" t="s">
        <v>201692</v>
      </c>
      <c r="I60113" s="1" t="s">
        <v>201500</v>
      </c>
      <c r="J60113" s="1" t="s">
        <v>201749</v>
      </c>
    </row>
    <row r="60114" spans="1:10" x14ac:dyDescent="0.35">
      <c r="A60114" s="1" t="s">
        <v>110648</v>
      </c>
      <c r="B60114" s="1" t="s">
        <v>201495</v>
      </c>
      <c r="C60114" s="1" t="s">
        <v>105</v>
      </c>
      <c r="D60114" s="1" t="s">
        <v>201750</v>
      </c>
      <c r="E60114" s="1" t="s">
        <v>111554</v>
      </c>
      <c r="F60114" s="1" t="s">
        <v>201751</v>
      </c>
      <c r="G60114" s="1" t="s">
        <v>201691</v>
      </c>
      <c r="H60114" s="1" t="s">
        <v>201692</v>
      </c>
      <c r="I60114" s="1" t="s">
        <v>201500</v>
      </c>
      <c r="J60114" s="1" t="s">
        <v>201752</v>
      </c>
    </row>
    <row r="60115" spans="1:10" x14ac:dyDescent="0.35">
      <c r="A60115" s="1" t="s">
        <v>110648</v>
      </c>
      <c r="B60115" s="1" t="s">
        <v>201495</v>
      </c>
      <c r="C60115" s="1" t="s">
        <v>110</v>
      </c>
      <c r="D60115" s="1" t="s">
        <v>92707</v>
      </c>
      <c r="E60115" s="1" t="s">
        <v>201753</v>
      </c>
      <c r="F60115" s="1" t="s">
        <v>142910</v>
      </c>
      <c r="G60115" s="1" t="s">
        <v>201691</v>
      </c>
      <c r="H60115" s="1" t="s">
        <v>201692</v>
      </c>
      <c r="I60115" s="1" t="s">
        <v>201500</v>
      </c>
      <c r="J60115" s="1" t="s">
        <v>201754</v>
      </c>
    </row>
    <row r="60116" spans="1:10" x14ac:dyDescent="0.35">
      <c r="A60116" s="1" t="s">
        <v>110648</v>
      </c>
      <c r="B60116" s="1" t="s">
        <v>201495</v>
      </c>
      <c r="C60116" s="1" t="s">
        <v>115</v>
      </c>
      <c r="D60116" s="1" t="s">
        <v>67177</v>
      </c>
      <c r="E60116" s="1" t="s">
        <v>201755</v>
      </c>
      <c r="F60116" s="1" t="s">
        <v>201756</v>
      </c>
      <c r="G60116" s="1" t="s">
        <v>201691</v>
      </c>
      <c r="H60116" s="1" t="s">
        <v>201692</v>
      </c>
      <c r="I60116" s="1" t="s">
        <v>201500</v>
      </c>
      <c r="J60116" s="1" t="s">
        <v>201757</v>
      </c>
    </row>
    <row r="60117" spans="1:10" x14ac:dyDescent="0.35">
      <c r="A60117" s="1" t="s">
        <v>110648</v>
      </c>
      <c r="B60117" s="1" t="s">
        <v>201495</v>
      </c>
      <c r="C60117" s="1" t="s">
        <v>120</v>
      </c>
      <c r="D60117" s="1" t="s">
        <v>201758</v>
      </c>
      <c r="E60117" s="1" t="s">
        <v>201759</v>
      </c>
      <c r="F60117" s="1" t="s">
        <v>201760</v>
      </c>
      <c r="G60117" s="1" t="s">
        <v>201691</v>
      </c>
      <c r="H60117" s="1" t="s">
        <v>201692</v>
      </c>
      <c r="I60117" s="1" t="s">
        <v>201500</v>
      </c>
      <c r="J60117" s="1" t="s">
        <v>201761</v>
      </c>
    </row>
    <row r="60118" spans="1:10" x14ac:dyDescent="0.35">
      <c r="A60118" s="1" t="s">
        <v>110648</v>
      </c>
      <c r="B60118" s="1" t="s">
        <v>201495</v>
      </c>
      <c r="C60118" s="1" t="s">
        <v>125</v>
      </c>
      <c r="D60118" s="1" t="s">
        <v>168805</v>
      </c>
      <c r="E60118" s="1" t="s">
        <v>201762</v>
      </c>
      <c r="F60118" s="1" t="s">
        <v>201763</v>
      </c>
      <c r="G60118" s="1" t="s">
        <v>201691</v>
      </c>
      <c r="H60118" s="1" t="s">
        <v>201692</v>
      </c>
      <c r="I60118" s="1" t="s">
        <v>201500</v>
      </c>
      <c r="J60118" s="1" t="s">
        <v>201764</v>
      </c>
    </row>
    <row r="60119" spans="1:10" x14ac:dyDescent="0.35">
      <c r="A60119" s="1" t="s">
        <v>110648</v>
      </c>
      <c r="B60119" s="1" t="s">
        <v>201495</v>
      </c>
      <c r="C60119" s="1" t="s">
        <v>130</v>
      </c>
      <c r="D60119" s="1" t="s">
        <v>201765</v>
      </c>
      <c r="E60119" s="1" t="s">
        <v>201766</v>
      </c>
      <c r="F60119" s="1" t="s">
        <v>201767</v>
      </c>
      <c r="G60119" s="1" t="s">
        <v>201691</v>
      </c>
      <c r="H60119" s="1" t="s">
        <v>201692</v>
      </c>
      <c r="I60119" s="1" t="s">
        <v>201500</v>
      </c>
      <c r="J60119" s="1" t="s">
        <v>201768</v>
      </c>
    </row>
    <row r="60120" spans="1:10" x14ac:dyDescent="0.35">
      <c r="A60120" s="1" t="s">
        <v>110648</v>
      </c>
      <c r="B60120" s="1" t="s">
        <v>201495</v>
      </c>
      <c r="C60120" s="1" t="s">
        <v>135</v>
      </c>
      <c r="D60120" s="1" t="s">
        <v>201769</v>
      </c>
      <c r="E60120" s="1" t="s">
        <v>201770</v>
      </c>
      <c r="F60120" s="1" t="s">
        <v>201771</v>
      </c>
      <c r="G60120" s="1" t="s">
        <v>201691</v>
      </c>
      <c r="H60120" s="1" t="s">
        <v>201692</v>
      </c>
      <c r="I60120" s="1" t="s">
        <v>201500</v>
      </c>
      <c r="J60120" s="1" t="s">
        <v>201772</v>
      </c>
    </row>
    <row r="60121" spans="1:10" x14ac:dyDescent="0.35">
      <c r="A60121" s="1" t="s">
        <v>110648</v>
      </c>
      <c r="B60121" s="1" t="s">
        <v>201495</v>
      </c>
      <c r="C60121" s="1" t="s">
        <v>140</v>
      </c>
      <c r="D60121" s="1" t="s">
        <v>201773</v>
      </c>
      <c r="E60121" s="1" t="s">
        <v>201774</v>
      </c>
      <c r="F60121" s="1" t="s">
        <v>201775</v>
      </c>
      <c r="G60121" s="1" t="s">
        <v>201691</v>
      </c>
      <c r="H60121" s="1" t="s">
        <v>201692</v>
      </c>
      <c r="I60121" s="1" t="s">
        <v>201500</v>
      </c>
      <c r="J60121" s="1" t="s">
        <v>201776</v>
      </c>
    </row>
    <row r="60122" spans="1:10" x14ac:dyDescent="0.35">
      <c r="A60122" s="1" t="s">
        <v>110648</v>
      </c>
      <c r="B60122" s="1" t="s">
        <v>201495</v>
      </c>
      <c r="C60122" s="1" t="s">
        <v>145</v>
      </c>
      <c r="D60122" s="1" t="s">
        <v>201777</v>
      </c>
      <c r="E60122" s="1" t="s">
        <v>201778</v>
      </c>
      <c r="F60122" s="1" t="s">
        <v>201779</v>
      </c>
      <c r="G60122" s="1" t="s">
        <v>201691</v>
      </c>
      <c r="H60122" s="1" t="s">
        <v>201692</v>
      </c>
      <c r="I60122" s="1" t="s">
        <v>201500</v>
      </c>
      <c r="J60122" s="1" t="s">
        <v>201780</v>
      </c>
    </row>
    <row r="60123" spans="1:10" x14ac:dyDescent="0.35">
      <c r="A60123" s="1" t="s">
        <v>110648</v>
      </c>
      <c r="B60123" s="1" t="s">
        <v>201495</v>
      </c>
      <c r="C60123" s="1" t="s">
        <v>150</v>
      </c>
      <c r="D60123" s="1" t="s">
        <v>165040</v>
      </c>
      <c r="E60123" s="1" t="s">
        <v>201656</v>
      </c>
      <c r="F60123" s="1" t="s">
        <v>201781</v>
      </c>
      <c r="G60123" s="1" t="s">
        <v>201691</v>
      </c>
      <c r="H60123" s="1" t="s">
        <v>201692</v>
      </c>
      <c r="I60123" s="1" t="s">
        <v>201500</v>
      </c>
      <c r="J60123" s="1" t="s">
        <v>201782</v>
      </c>
    </row>
    <row r="60124" spans="1:10" x14ac:dyDescent="0.35">
      <c r="A60124" s="1" t="s">
        <v>110648</v>
      </c>
      <c r="B60124" s="1" t="s">
        <v>201495</v>
      </c>
      <c r="C60124" s="1" t="s">
        <v>155</v>
      </c>
      <c r="D60124" s="1" t="s">
        <v>20383</v>
      </c>
      <c r="E60124" s="1" t="s">
        <v>201783</v>
      </c>
      <c r="F60124" s="1" t="s">
        <v>201784</v>
      </c>
      <c r="G60124" s="1" t="s">
        <v>201691</v>
      </c>
      <c r="H60124" s="1" t="s">
        <v>201692</v>
      </c>
      <c r="I60124" s="1" t="s">
        <v>201500</v>
      </c>
      <c r="J60124" s="1" t="s">
        <v>201785</v>
      </c>
    </row>
    <row r="60125" spans="1:10" x14ac:dyDescent="0.35">
      <c r="A60125" s="1" t="s">
        <v>110648</v>
      </c>
      <c r="B60125" s="1" t="s">
        <v>201495</v>
      </c>
      <c r="C60125" s="1" t="s">
        <v>160</v>
      </c>
      <c r="D60125" s="1" t="s">
        <v>201786</v>
      </c>
      <c r="E60125" s="1" t="s">
        <v>201787</v>
      </c>
      <c r="F60125" s="1" t="s">
        <v>201788</v>
      </c>
      <c r="G60125" s="1" t="s">
        <v>201691</v>
      </c>
      <c r="H60125" s="1" t="s">
        <v>201692</v>
      </c>
      <c r="I60125" s="1" t="s">
        <v>201500</v>
      </c>
      <c r="J60125" s="1" t="s">
        <v>201789</v>
      </c>
    </row>
    <row r="60126" spans="1:10" x14ac:dyDescent="0.35">
      <c r="A60126" s="1" t="s">
        <v>110648</v>
      </c>
      <c r="B60126" s="1" t="s">
        <v>201495</v>
      </c>
      <c r="C60126" s="1" t="s">
        <v>165</v>
      </c>
      <c r="D60126" s="1" t="s">
        <v>131334</v>
      </c>
      <c r="E60126" s="1" t="s">
        <v>201790</v>
      </c>
      <c r="F60126" s="1" t="s">
        <v>201791</v>
      </c>
      <c r="G60126" s="1" t="s">
        <v>201691</v>
      </c>
      <c r="H60126" s="1" t="s">
        <v>201692</v>
      </c>
      <c r="I60126" s="1" t="s">
        <v>201500</v>
      </c>
      <c r="J60126" s="1" t="s">
        <v>201792</v>
      </c>
    </row>
    <row r="60127" spans="1:10" x14ac:dyDescent="0.35">
      <c r="A60127" s="1" t="s">
        <v>110648</v>
      </c>
      <c r="B60127" s="1" t="s">
        <v>201495</v>
      </c>
      <c r="C60127" s="1" t="s">
        <v>170</v>
      </c>
      <c r="D60127" s="1" t="s">
        <v>201793</v>
      </c>
      <c r="E60127" s="1" t="s">
        <v>201794</v>
      </c>
      <c r="F60127" s="1" t="s">
        <v>201795</v>
      </c>
      <c r="G60127" s="1" t="s">
        <v>201691</v>
      </c>
      <c r="H60127" s="1" t="s">
        <v>201692</v>
      </c>
      <c r="I60127" s="1" t="s">
        <v>201500</v>
      </c>
      <c r="J60127" s="1" t="s">
        <v>201796</v>
      </c>
    </row>
    <row r="60128" spans="1:10" x14ac:dyDescent="0.35">
      <c r="A60128" s="1" t="s">
        <v>29441</v>
      </c>
      <c r="B60128" s="1" t="s">
        <v>201495</v>
      </c>
      <c r="C60128" s="1" t="s">
        <v>8</v>
      </c>
      <c r="D60128" s="1" t="s">
        <v>27607</v>
      </c>
      <c r="E60128" s="1" t="s">
        <v>201797</v>
      </c>
      <c r="F60128" s="1" t="s">
        <v>201798</v>
      </c>
      <c r="G60128" s="1" t="s">
        <v>201799</v>
      </c>
      <c r="H60128" s="1" t="s">
        <v>201800</v>
      </c>
      <c r="I60128" s="1" t="s">
        <v>201500</v>
      </c>
      <c r="J60128" s="1" t="s">
        <v>13</v>
      </c>
    </row>
    <row r="60129" spans="1:10" x14ac:dyDescent="0.35">
      <c r="A60129" s="1" t="s">
        <v>29441</v>
      </c>
      <c r="B60129" s="1" t="s">
        <v>201495</v>
      </c>
      <c r="C60129" s="1" t="s">
        <v>15</v>
      </c>
      <c r="D60129" s="1" t="s">
        <v>8303</v>
      </c>
      <c r="E60129" s="1" t="s">
        <v>201801</v>
      </c>
      <c r="F60129" s="1" t="s">
        <v>201802</v>
      </c>
      <c r="G60129" s="1" t="s">
        <v>201799</v>
      </c>
      <c r="H60129" s="1" t="s">
        <v>201800</v>
      </c>
      <c r="I60129" s="1" t="s">
        <v>201500</v>
      </c>
      <c r="J60129" s="1" t="s">
        <v>201803</v>
      </c>
    </row>
    <row r="60130" spans="1:10" x14ac:dyDescent="0.35">
      <c r="A60130" s="1" t="s">
        <v>29441</v>
      </c>
      <c r="B60130" s="1" t="s">
        <v>201495</v>
      </c>
      <c r="C60130" s="1" t="s">
        <v>20</v>
      </c>
      <c r="D60130" s="1" t="s">
        <v>142373</v>
      </c>
      <c r="E60130" s="1" t="s">
        <v>201804</v>
      </c>
      <c r="F60130" s="1" t="s">
        <v>201805</v>
      </c>
      <c r="G60130" s="1" t="s">
        <v>201799</v>
      </c>
      <c r="H60130" s="1" t="s">
        <v>201800</v>
      </c>
      <c r="I60130" s="1" t="s">
        <v>201500</v>
      </c>
      <c r="J60130" s="1" t="s">
        <v>201806</v>
      </c>
    </row>
    <row r="60131" spans="1:10" x14ac:dyDescent="0.35">
      <c r="A60131" s="1" t="s">
        <v>29441</v>
      </c>
      <c r="B60131" s="1" t="s">
        <v>201495</v>
      </c>
      <c r="C60131" s="1" t="s">
        <v>25</v>
      </c>
      <c r="D60131" s="1" t="s">
        <v>119480</v>
      </c>
      <c r="E60131" s="1" t="s">
        <v>201807</v>
      </c>
      <c r="F60131" s="1" t="s">
        <v>201808</v>
      </c>
      <c r="G60131" s="1" t="s">
        <v>201799</v>
      </c>
      <c r="H60131" s="1" t="s">
        <v>201800</v>
      </c>
      <c r="I60131" s="1" t="s">
        <v>201500</v>
      </c>
      <c r="J60131" s="1" t="s">
        <v>201809</v>
      </c>
    </row>
    <row r="60132" spans="1:10" x14ac:dyDescent="0.35">
      <c r="A60132" s="1" t="s">
        <v>29441</v>
      </c>
      <c r="B60132" s="1" t="s">
        <v>201495</v>
      </c>
      <c r="C60132" s="1" t="s">
        <v>30</v>
      </c>
      <c r="D60132" s="1" t="s">
        <v>8325</v>
      </c>
      <c r="E60132" s="1" t="s">
        <v>201810</v>
      </c>
      <c r="F60132" s="1" t="s">
        <v>201811</v>
      </c>
      <c r="G60132" s="1" t="s">
        <v>201799</v>
      </c>
      <c r="H60132" s="1" t="s">
        <v>201800</v>
      </c>
      <c r="I60132" s="1" t="s">
        <v>201500</v>
      </c>
      <c r="J60132" s="1" t="s">
        <v>201812</v>
      </c>
    </row>
    <row r="60133" spans="1:10" x14ac:dyDescent="0.35">
      <c r="A60133" s="1" t="s">
        <v>29441</v>
      </c>
      <c r="B60133" s="1" t="s">
        <v>201495</v>
      </c>
      <c r="C60133" s="1" t="s">
        <v>35</v>
      </c>
      <c r="D60133" s="1" t="s">
        <v>4717</v>
      </c>
      <c r="E60133" s="1" t="s">
        <v>201813</v>
      </c>
      <c r="F60133" s="1" t="s">
        <v>201814</v>
      </c>
      <c r="G60133" s="1" t="s">
        <v>201799</v>
      </c>
      <c r="H60133" s="1" t="s">
        <v>201800</v>
      </c>
      <c r="I60133" s="1" t="s">
        <v>201500</v>
      </c>
      <c r="J60133" s="1" t="s">
        <v>201815</v>
      </c>
    </row>
    <row r="60134" spans="1:10" x14ac:dyDescent="0.35">
      <c r="A60134" s="1" t="s">
        <v>29441</v>
      </c>
      <c r="B60134" s="1" t="s">
        <v>201495</v>
      </c>
      <c r="C60134" s="1" t="s">
        <v>40</v>
      </c>
      <c r="D60134" s="1" t="s">
        <v>116130</v>
      </c>
      <c r="E60134" s="1" t="s">
        <v>201816</v>
      </c>
      <c r="F60134" s="1" t="s">
        <v>201817</v>
      </c>
      <c r="G60134" s="1" t="s">
        <v>201799</v>
      </c>
      <c r="H60134" s="1" t="s">
        <v>201800</v>
      </c>
      <c r="I60134" s="1" t="s">
        <v>201500</v>
      </c>
      <c r="J60134" s="1" t="s">
        <v>201818</v>
      </c>
    </row>
    <row r="60135" spans="1:10" x14ac:dyDescent="0.35">
      <c r="A60135" s="1" t="s">
        <v>29441</v>
      </c>
      <c r="B60135" s="1" t="s">
        <v>201495</v>
      </c>
      <c r="C60135" s="1" t="s">
        <v>45</v>
      </c>
      <c r="D60135" s="1" t="s">
        <v>9967</v>
      </c>
      <c r="E60135" s="1" t="s">
        <v>201819</v>
      </c>
      <c r="F60135" s="1" t="s">
        <v>201820</v>
      </c>
      <c r="G60135" s="1" t="s">
        <v>201799</v>
      </c>
      <c r="H60135" s="1" t="s">
        <v>201800</v>
      </c>
      <c r="I60135" s="1" t="s">
        <v>201500</v>
      </c>
      <c r="J60135" s="1" t="s">
        <v>201821</v>
      </c>
    </row>
    <row r="60136" spans="1:10" x14ac:dyDescent="0.35">
      <c r="A60136" s="1" t="s">
        <v>29441</v>
      </c>
      <c r="B60136" s="1" t="s">
        <v>201495</v>
      </c>
      <c r="C60136" s="1" t="s">
        <v>50</v>
      </c>
      <c r="D60136" s="1" t="s">
        <v>8691</v>
      </c>
      <c r="E60136" s="1" t="s">
        <v>201822</v>
      </c>
      <c r="F60136" s="1" t="s">
        <v>201823</v>
      </c>
      <c r="G60136" s="1" t="s">
        <v>201799</v>
      </c>
      <c r="H60136" s="1" t="s">
        <v>201800</v>
      </c>
      <c r="I60136" s="1" t="s">
        <v>201500</v>
      </c>
      <c r="J60136" s="1" t="s">
        <v>201824</v>
      </c>
    </row>
    <row r="60137" spans="1:10" x14ac:dyDescent="0.35">
      <c r="A60137" s="1" t="s">
        <v>29441</v>
      </c>
      <c r="B60137" s="1" t="s">
        <v>201495</v>
      </c>
      <c r="C60137" s="1" t="s">
        <v>55</v>
      </c>
      <c r="D60137" s="1" t="s">
        <v>27771</v>
      </c>
      <c r="E60137" s="1" t="s">
        <v>201825</v>
      </c>
      <c r="F60137" s="1" t="s">
        <v>201826</v>
      </c>
      <c r="G60137" s="1" t="s">
        <v>201799</v>
      </c>
      <c r="H60137" s="1" t="s">
        <v>201800</v>
      </c>
      <c r="I60137" s="1" t="s">
        <v>201500</v>
      </c>
      <c r="J60137" s="1" t="s">
        <v>201827</v>
      </c>
    </row>
    <row r="60138" spans="1:10" x14ac:dyDescent="0.35">
      <c r="A60138" s="1" t="s">
        <v>29441</v>
      </c>
      <c r="B60138" s="1" t="s">
        <v>201495</v>
      </c>
      <c r="C60138" s="1" t="s">
        <v>60</v>
      </c>
      <c r="D60138" s="1" t="s">
        <v>142825</v>
      </c>
      <c r="E60138" s="1" t="s">
        <v>201828</v>
      </c>
      <c r="F60138" s="1" t="s">
        <v>201829</v>
      </c>
      <c r="G60138" s="1" t="s">
        <v>201799</v>
      </c>
      <c r="H60138" s="1" t="s">
        <v>201800</v>
      </c>
      <c r="I60138" s="1" t="s">
        <v>201500</v>
      </c>
      <c r="J60138" s="1" t="s">
        <v>201830</v>
      </c>
    </row>
    <row r="60139" spans="1:10" x14ac:dyDescent="0.35">
      <c r="A60139" s="1" t="s">
        <v>29441</v>
      </c>
      <c r="B60139" s="1" t="s">
        <v>201495</v>
      </c>
      <c r="C60139" s="1" t="s">
        <v>65</v>
      </c>
      <c r="D60139" s="1" t="s">
        <v>3608</v>
      </c>
      <c r="E60139" s="1" t="s">
        <v>201831</v>
      </c>
      <c r="F60139" s="1" t="s">
        <v>201832</v>
      </c>
      <c r="G60139" s="1" t="s">
        <v>201799</v>
      </c>
      <c r="H60139" s="1" t="s">
        <v>201800</v>
      </c>
      <c r="I60139" s="1" t="s">
        <v>201500</v>
      </c>
      <c r="J60139" s="1" t="s">
        <v>201833</v>
      </c>
    </row>
    <row r="60140" spans="1:10" x14ac:dyDescent="0.35">
      <c r="A60140" s="1" t="s">
        <v>29441</v>
      </c>
      <c r="B60140" s="1" t="s">
        <v>201495</v>
      </c>
      <c r="C60140" s="1" t="s">
        <v>70</v>
      </c>
      <c r="D60140" s="1" t="s">
        <v>117024</v>
      </c>
      <c r="E60140" s="1" t="s">
        <v>201834</v>
      </c>
      <c r="F60140" s="1" t="s">
        <v>201835</v>
      </c>
      <c r="G60140" s="1" t="s">
        <v>201799</v>
      </c>
      <c r="H60140" s="1" t="s">
        <v>201800</v>
      </c>
      <c r="I60140" s="1" t="s">
        <v>201500</v>
      </c>
      <c r="J60140" s="1" t="s">
        <v>201836</v>
      </c>
    </row>
    <row r="60141" spans="1:10" x14ac:dyDescent="0.35">
      <c r="A60141" s="1" t="s">
        <v>29441</v>
      </c>
      <c r="B60141" s="1" t="s">
        <v>201495</v>
      </c>
      <c r="C60141" s="1" t="s">
        <v>75</v>
      </c>
      <c r="D60141" s="1" t="s">
        <v>122015</v>
      </c>
      <c r="E60141" s="1" t="s">
        <v>201837</v>
      </c>
      <c r="F60141" s="1" t="s">
        <v>201838</v>
      </c>
      <c r="G60141" s="1" t="s">
        <v>201799</v>
      </c>
      <c r="H60141" s="1" t="s">
        <v>201800</v>
      </c>
      <c r="I60141" s="1" t="s">
        <v>201500</v>
      </c>
      <c r="J60141" s="1" t="s">
        <v>201839</v>
      </c>
    </row>
    <row r="60142" spans="1:10" x14ac:dyDescent="0.35">
      <c r="A60142" s="1" t="s">
        <v>29441</v>
      </c>
      <c r="B60142" s="1" t="s">
        <v>201495</v>
      </c>
      <c r="C60142" s="1" t="s">
        <v>80</v>
      </c>
      <c r="D60142" s="1" t="s">
        <v>28256</v>
      </c>
      <c r="E60142" s="1" t="s">
        <v>201840</v>
      </c>
      <c r="F60142" s="1" t="s">
        <v>201841</v>
      </c>
      <c r="G60142" s="1" t="s">
        <v>201799</v>
      </c>
      <c r="H60142" s="1" t="s">
        <v>201800</v>
      </c>
      <c r="I60142" s="1" t="s">
        <v>201500</v>
      </c>
      <c r="J60142" s="1" t="s">
        <v>201842</v>
      </c>
    </row>
    <row r="60143" spans="1:10" x14ac:dyDescent="0.35">
      <c r="A60143" s="1" t="s">
        <v>29441</v>
      </c>
      <c r="B60143" s="1" t="s">
        <v>201495</v>
      </c>
      <c r="C60143" s="1" t="s">
        <v>85</v>
      </c>
      <c r="D60143" s="1" t="s">
        <v>112271</v>
      </c>
      <c r="E60143" s="1" t="s">
        <v>201843</v>
      </c>
      <c r="F60143" s="1" t="s">
        <v>201844</v>
      </c>
      <c r="G60143" s="1" t="s">
        <v>201799</v>
      </c>
      <c r="H60143" s="1" t="s">
        <v>201800</v>
      </c>
      <c r="I60143" s="1" t="s">
        <v>201500</v>
      </c>
      <c r="J60143" s="1" t="s">
        <v>180408</v>
      </c>
    </row>
    <row r="60144" spans="1:10" x14ac:dyDescent="0.35">
      <c r="A60144" s="1" t="s">
        <v>29441</v>
      </c>
      <c r="B60144" s="1" t="s">
        <v>201495</v>
      </c>
      <c r="C60144" s="1" t="s">
        <v>90</v>
      </c>
      <c r="D60144" s="1" t="s">
        <v>14251</v>
      </c>
      <c r="E60144" s="1" t="s">
        <v>201845</v>
      </c>
      <c r="F60144" s="1" t="s">
        <v>201846</v>
      </c>
      <c r="G60144" s="1" t="s">
        <v>201799</v>
      </c>
      <c r="H60144" s="1" t="s">
        <v>201800</v>
      </c>
      <c r="I60144" s="1" t="s">
        <v>201500</v>
      </c>
      <c r="J60144" s="1" t="s">
        <v>201847</v>
      </c>
    </row>
    <row r="60145" spans="1:10" x14ac:dyDescent="0.35">
      <c r="A60145" s="1" t="s">
        <v>29441</v>
      </c>
      <c r="B60145" s="1" t="s">
        <v>201495</v>
      </c>
      <c r="C60145" s="1" t="s">
        <v>95</v>
      </c>
      <c r="D60145" s="1" t="s">
        <v>2101</v>
      </c>
      <c r="E60145" s="1" t="s">
        <v>201848</v>
      </c>
      <c r="F60145" s="1" t="s">
        <v>201849</v>
      </c>
      <c r="G60145" s="1" t="s">
        <v>201799</v>
      </c>
      <c r="H60145" s="1" t="s">
        <v>201800</v>
      </c>
      <c r="I60145" s="1" t="s">
        <v>201500</v>
      </c>
      <c r="J60145" s="1" t="s">
        <v>201850</v>
      </c>
    </row>
    <row r="60146" spans="1:10" x14ac:dyDescent="0.35">
      <c r="A60146" s="1" t="s">
        <v>29441</v>
      </c>
      <c r="B60146" s="1" t="s">
        <v>201495</v>
      </c>
      <c r="C60146" s="1" t="s">
        <v>100</v>
      </c>
      <c r="D60146" s="1" t="s">
        <v>161238</v>
      </c>
      <c r="E60146" s="1" t="s">
        <v>201851</v>
      </c>
      <c r="F60146" s="1" t="s">
        <v>201852</v>
      </c>
      <c r="G60146" s="1" t="s">
        <v>201799</v>
      </c>
      <c r="H60146" s="1" t="s">
        <v>201800</v>
      </c>
      <c r="I60146" s="1" t="s">
        <v>201500</v>
      </c>
      <c r="J60146" s="1" t="s">
        <v>201853</v>
      </c>
    </row>
    <row r="60147" spans="1:10" x14ac:dyDescent="0.35">
      <c r="A60147" s="1" t="s">
        <v>29441</v>
      </c>
      <c r="B60147" s="1" t="s">
        <v>201495</v>
      </c>
      <c r="C60147" s="1" t="s">
        <v>105</v>
      </c>
      <c r="D60147" s="1" t="s">
        <v>117960</v>
      </c>
      <c r="E60147" s="1" t="s">
        <v>201854</v>
      </c>
      <c r="F60147" s="1" t="s">
        <v>201855</v>
      </c>
      <c r="G60147" s="1" t="s">
        <v>201799</v>
      </c>
      <c r="H60147" s="1" t="s">
        <v>201800</v>
      </c>
      <c r="I60147" s="1" t="s">
        <v>201500</v>
      </c>
      <c r="J60147" s="1" t="s">
        <v>201856</v>
      </c>
    </row>
    <row r="60148" spans="1:10" x14ac:dyDescent="0.35">
      <c r="A60148" s="1" t="s">
        <v>29441</v>
      </c>
      <c r="B60148" s="1" t="s">
        <v>201495</v>
      </c>
      <c r="C60148" s="1" t="s">
        <v>110</v>
      </c>
      <c r="D60148" s="1" t="s">
        <v>28805</v>
      </c>
      <c r="E60148" s="1" t="s">
        <v>201857</v>
      </c>
      <c r="F60148" s="1" t="s">
        <v>201858</v>
      </c>
      <c r="G60148" s="1" t="s">
        <v>201799</v>
      </c>
      <c r="H60148" s="1" t="s">
        <v>201800</v>
      </c>
      <c r="I60148" s="1" t="s">
        <v>201500</v>
      </c>
      <c r="J60148" s="1" t="s">
        <v>201859</v>
      </c>
    </row>
    <row r="60149" spans="1:10" x14ac:dyDescent="0.35">
      <c r="A60149" s="1" t="s">
        <v>29441</v>
      </c>
      <c r="B60149" s="1" t="s">
        <v>201495</v>
      </c>
      <c r="C60149" s="1" t="s">
        <v>115</v>
      </c>
      <c r="D60149" s="1" t="s">
        <v>161126</v>
      </c>
      <c r="E60149" s="1" t="s">
        <v>201860</v>
      </c>
      <c r="F60149" s="1" t="s">
        <v>201861</v>
      </c>
      <c r="G60149" s="1" t="s">
        <v>201799</v>
      </c>
      <c r="H60149" s="1" t="s">
        <v>201800</v>
      </c>
      <c r="I60149" s="1" t="s">
        <v>201500</v>
      </c>
      <c r="J60149" s="1" t="s">
        <v>201862</v>
      </c>
    </row>
    <row r="60150" spans="1:10" x14ac:dyDescent="0.35">
      <c r="A60150" s="1" t="s">
        <v>29441</v>
      </c>
      <c r="B60150" s="1" t="s">
        <v>201495</v>
      </c>
      <c r="C60150" s="1" t="s">
        <v>120</v>
      </c>
      <c r="D60150" s="1" t="s">
        <v>10838</v>
      </c>
      <c r="E60150" s="1" t="s">
        <v>201863</v>
      </c>
      <c r="F60150" s="1" t="s">
        <v>201864</v>
      </c>
      <c r="G60150" s="1" t="s">
        <v>201799</v>
      </c>
      <c r="H60150" s="1" t="s">
        <v>201800</v>
      </c>
      <c r="I60150" s="1" t="s">
        <v>201500</v>
      </c>
      <c r="J60150" s="1" t="s">
        <v>201865</v>
      </c>
    </row>
    <row r="60151" spans="1:10" x14ac:dyDescent="0.35">
      <c r="A60151" s="1" t="s">
        <v>29441</v>
      </c>
      <c r="B60151" s="1" t="s">
        <v>201495</v>
      </c>
      <c r="C60151" s="1" t="s">
        <v>125</v>
      </c>
      <c r="D60151" s="1" t="s">
        <v>2283</v>
      </c>
      <c r="E60151" s="1" t="s">
        <v>201866</v>
      </c>
      <c r="F60151" s="1" t="s">
        <v>201867</v>
      </c>
      <c r="G60151" s="1" t="s">
        <v>201799</v>
      </c>
      <c r="H60151" s="1" t="s">
        <v>201800</v>
      </c>
      <c r="I60151" s="1" t="s">
        <v>201500</v>
      </c>
      <c r="J60151" s="1" t="s">
        <v>201868</v>
      </c>
    </row>
    <row r="60152" spans="1:10" x14ac:dyDescent="0.35">
      <c r="A60152" s="1" t="s">
        <v>29441</v>
      </c>
      <c r="B60152" s="1" t="s">
        <v>201495</v>
      </c>
      <c r="C60152" s="1" t="s">
        <v>130</v>
      </c>
      <c r="D60152" s="1" t="s">
        <v>8979</v>
      </c>
      <c r="E60152" s="1" t="s">
        <v>201869</v>
      </c>
      <c r="F60152" s="1" t="s">
        <v>201870</v>
      </c>
      <c r="G60152" s="1" t="s">
        <v>201799</v>
      </c>
      <c r="H60152" s="1" t="s">
        <v>201800</v>
      </c>
      <c r="I60152" s="1" t="s">
        <v>201500</v>
      </c>
      <c r="J60152" s="1" t="s">
        <v>201871</v>
      </c>
    </row>
    <row r="60153" spans="1:10" x14ac:dyDescent="0.35">
      <c r="A60153" s="1" t="s">
        <v>29441</v>
      </c>
      <c r="B60153" s="1" t="s">
        <v>201495</v>
      </c>
      <c r="C60153" s="1" t="s">
        <v>135</v>
      </c>
      <c r="D60153" s="1" t="s">
        <v>35415</v>
      </c>
      <c r="E60153" s="1" t="s">
        <v>201872</v>
      </c>
      <c r="F60153" s="1" t="s">
        <v>201873</v>
      </c>
      <c r="G60153" s="1" t="s">
        <v>201799</v>
      </c>
      <c r="H60153" s="1" t="s">
        <v>201800</v>
      </c>
      <c r="I60153" s="1" t="s">
        <v>201500</v>
      </c>
      <c r="J60153" s="1" t="s">
        <v>201874</v>
      </c>
    </row>
    <row r="60154" spans="1:10" x14ac:dyDescent="0.35">
      <c r="A60154" s="1" t="s">
        <v>29441</v>
      </c>
      <c r="B60154" s="1" t="s">
        <v>201495</v>
      </c>
      <c r="C60154" s="1" t="s">
        <v>140</v>
      </c>
      <c r="D60154" s="1" t="s">
        <v>34614</v>
      </c>
      <c r="E60154" s="1" t="s">
        <v>201875</v>
      </c>
      <c r="F60154" s="1" t="s">
        <v>201876</v>
      </c>
      <c r="G60154" s="1" t="s">
        <v>201799</v>
      </c>
      <c r="H60154" s="1" t="s">
        <v>201800</v>
      </c>
      <c r="I60154" s="1" t="s">
        <v>201500</v>
      </c>
      <c r="J60154" s="1" t="s">
        <v>201877</v>
      </c>
    </row>
    <row r="60155" spans="1:10" x14ac:dyDescent="0.35">
      <c r="A60155" s="1" t="s">
        <v>29441</v>
      </c>
      <c r="B60155" s="1" t="s">
        <v>201495</v>
      </c>
      <c r="C60155" s="1" t="s">
        <v>145</v>
      </c>
      <c r="D60155" s="1" t="s">
        <v>135698</v>
      </c>
      <c r="E60155" s="1" t="s">
        <v>201878</v>
      </c>
      <c r="F60155" s="1" t="s">
        <v>201879</v>
      </c>
      <c r="G60155" s="1" t="s">
        <v>201799</v>
      </c>
      <c r="H60155" s="1" t="s">
        <v>201800</v>
      </c>
      <c r="I60155" s="1" t="s">
        <v>201500</v>
      </c>
      <c r="J60155" s="1" t="s">
        <v>201880</v>
      </c>
    </row>
    <row r="60156" spans="1:10" x14ac:dyDescent="0.35">
      <c r="A60156" s="1" t="s">
        <v>29441</v>
      </c>
      <c r="B60156" s="1" t="s">
        <v>201495</v>
      </c>
      <c r="C60156" s="1" t="s">
        <v>150</v>
      </c>
      <c r="D60156" s="1" t="s">
        <v>48317</v>
      </c>
      <c r="E60156" s="1" t="s">
        <v>201881</v>
      </c>
      <c r="F60156" s="1" t="s">
        <v>201882</v>
      </c>
      <c r="G60156" s="1" t="s">
        <v>201799</v>
      </c>
      <c r="H60156" s="1" t="s">
        <v>201800</v>
      </c>
      <c r="I60156" s="1" t="s">
        <v>201500</v>
      </c>
      <c r="J60156" s="1" t="s">
        <v>201883</v>
      </c>
    </row>
    <row r="60157" spans="1:10" x14ac:dyDescent="0.35">
      <c r="A60157" s="1" t="s">
        <v>29441</v>
      </c>
      <c r="B60157" s="1" t="s">
        <v>201495</v>
      </c>
      <c r="C60157" s="1" t="s">
        <v>155</v>
      </c>
      <c r="D60157" s="1" t="s">
        <v>197152</v>
      </c>
      <c r="E60157" s="1" t="s">
        <v>201884</v>
      </c>
      <c r="F60157" s="1" t="s">
        <v>201885</v>
      </c>
      <c r="G60157" s="1" t="s">
        <v>201799</v>
      </c>
      <c r="H60157" s="1" t="s">
        <v>201800</v>
      </c>
      <c r="I60157" s="1" t="s">
        <v>201500</v>
      </c>
      <c r="J60157" s="1" t="s">
        <v>201886</v>
      </c>
    </row>
    <row r="60158" spans="1:10" x14ac:dyDescent="0.35">
      <c r="A60158" s="1" t="s">
        <v>29441</v>
      </c>
      <c r="B60158" s="1" t="s">
        <v>201495</v>
      </c>
      <c r="C60158" s="1" t="s">
        <v>160</v>
      </c>
      <c r="D60158" s="1" t="s">
        <v>28816</v>
      </c>
      <c r="E60158" s="1" t="s">
        <v>201887</v>
      </c>
      <c r="F60158" s="1" t="s">
        <v>102607</v>
      </c>
      <c r="G60158" s="1" t="s">
        <v>201799</v>
      </c>
      <c r="H60158" s="1" t="s">
        <v>201800</v>
      </c>
      <c r="I60158" s="1" t="s">
        <v>201500</v>
      </c>
      <c r="J60158" s="1" t="s">
        <v>201888</v>
      </c>
    </row>
    <row r="60159" spans="1:10" x14ac:dyDescent="0.35">
      <c r="A60159" s="1" t="s">
        <v>29441</v>
      </c>
      <c r="B60159" s="1" t="s">
        <v>201495</v>
      </c>
      <c r="C60159" s="1" t="s">
        <v>165</v>
      </c>
      <c r="D60159" s="1" t="s">
        <v>9722</v>
      </c>
      <c r="E60159" s="1" t="s">
        <v>201889</v>
      </c>
      <c r="F60159" s="1" t="s">
        <v>201890</v>
      </c>
      <c r="G60159" s="1" t="s">
        <v>201799</v>
      </c>
      <c r="H60159" s="1" t="s">
        <v>201800</v>
      </c>
      <c r="I60159" s="1" t="s">
        <v>201500</v>
      </c>
      <c r="J60159" s="1" t="s">
        <v>201891</v>
      </c>
    </row>
    <row r="60160" spans="1:10" x14ac:dyDescent="0.35">
      <c r="A60160" s="1" t="s">
        <v>29441</v>
      </c>
      <c r="B60160" s="1" t="s">
        <v>201495</v>
      </c>
      <c r="C60160" s="1" t="s">
        <v>170</v>
      </c>
      <c r="D60160" s="1" t="s">
        <v>206</v>
      </c>
      <c r="E60160" s="1" t="s">
        <v>201892</v>
      </c>
      <c r="F60160" s="1" t="s">
        <v>201893</v>
      </c>
      <c r="G60160" s="1" t="s">
        <v>201799</v>
      </c>
      <c r="H60160" s="1" t="s">
        <v>201800</v>
      </c>
      <c r="I60160" s="1" t="s">
        <v>201500</v>
      </c>
      <c r="J60160" s="1" t="s">
        <v>201894</v>
      </c>
    </row>
    <row r="60161" spans="1:10" x14ac:dyDescent="0.35">
      <c r="A60161" s="1" t="s">
        <v>45244</v>
      </c>
      <c r="B60161" s="1" t="s">
        <v>201495</v>
      </c>
      <c r="C60161" s="1" t="s">
        <v>8</v>
      </c>
      <c r="D60161" s="1" t="s">
        <v>181272</v>
      </c>
      <c r="E60161" s="1" t="s">
        <v>201895</v>
      </c>
      <c r="F60161" s="1" t="s">
        <v>201896</v>
      </c>
      <c r="G60161" s="1" t="s">
        <v>201897</v>
      </c>
      <c r="H60161" s="1" t="s">
        <v>201898</v>
      </c>
      <c r="I60161" s="1" t="s">
        <v>201500</v>
      </c>
      <c r="J60161" s="1" t="s">
        <v>13</v>
      </c>
    </row>
    <row r="60162" spans="1:10" x14ac:dyDescent="0.35">
      <c r="A60162" s="1" t="s">
        <v>45244</v>
      </c>
      <c r="B60162" s="1" t="s">
        <v>201495</v>
      </c>
      <c r="C60162" s="1" t="s">
        <v>15</v>
      </c>
      <c r="D60162" s="1" t="s">
        <v>35930</v>
      </c>
      <c r="E60162" s="1" t="s">
        <v>201899</v>
      </c>
      <c r="F60162" s="1" t="s">
        <v>201900</v>
      </c>
      <c r="G60162" s="1" t="s">
        <v>201897</v>
      </c>
      <c r="H60162" s="1" t="s">
        <v>201898</v>
      </c>
      <c r="I60162" s="1" t="s">
        <v>201500</v>
      </c>
      <c r="J60162" s="1" t="s">
        <v>201901</v>
      </c>
    </row>
    <row r="60163" spans="1:10" x14ac:dyDescent="0.35">
      <c r="A60163" s="1" t="s">
        <v>45244</v>
      </c>
      <c r="B60163" s="1" t="s">
        <v>201495</v>
      </c>
      <c r="C60163" s="1" t="s">
        <v>20</v>
      </c>
      <c r="D60163" s="1" t="s">
        <v>125708</v>
      </c>
      <c r="E60163" s="1" t="s">
        <v>201902</v>
      </c>
      <c r="F60163" s="1" t="s">
        <v>201903</v>
      </c>
      <c r="G60163" s="1" t="s">
        <v>201897</v>
      </c>
      <c r="H60163" s="1" t="s">
        <v>201898</v>
      </c>
      <c r="I60163" s="1" t="s">
        <v>201500</v>
      </c>
      <c r="J60163" s="1" t="s">
        <v>201904</v>
      </c>
    </row>
    <row r="60164" spans="1:10" x14ac:dyDescent="0.35">
      <c r="A60164" s="1" t="s">
        <v>45244</v>
      </c>
      <c r="B60164" s="1" t="s">
        <v>201495</v>
      </c>
      <c r="C60164" s="1" t="s">
        <v>25</v>
      </c>
      <c r="D60164" s="1" t="s">
        <v>73504</v>
      </c>
      <c r="E60164" s="1" t="s">
        <v>201905</v>
      </c>
      <c r="F60164" s="1" t="s">
        <v>201906</v>
      </c>
      <c r="G60164" s="1" t="s">
        <v>201897</v>
      </c>
      <c r="H60164" s="1" t="s">
        <v>201898</v>
      </c>
      <c r="I60164" s="1" t="s">
        <v>201500</v>
      </c>
      <c r="J60164" s="1" t="s">
        <v>201907</v>
      </c>
    </row>
    <row r="60165" spans="1:10" x14ac:dyDescent="0.35">
      <c r="A60165" s="1" t="s">
        <v>45244</v>
      </c>
      <c r="B60165" s="1" t="s">
        <v>201495</v>
      </c>
      <c r="C60165" s="1" t="s">
        <v>30</v>
      </c>
      <c r="D60165" s="1" t="s">
        <v>201908</v>
      </c>
      <c r="E60165" s="1" t="s">
        <v>201909</v>
      </c>
      <c r="F60165" s="1" t="s">
        <v>201910</v>
      </c>
      <c r="G60165" s="1" t="s">
        <v>201897</v>
      </c>
      <c r="H60165" s="1" t="s">
        <v>201898</v>
      </c>
      <c r="I60165" s="1" t="s">
        <v>201500</v>
      </c>
      <c r="J60165" s="1" t="s">
        <v>201911</v>
      </c>
    </row>
    <row r="60166" spans="1:10" x14ac:dyDescent="0.35">
      <c r="A60166" s="1" t="s">
        <v>45244</v>
      </c>
      <c r="B60166" s="1" t="s">
        <v>201495</v>
      </c>
      <c r="C60166" s="1" t="s">
        <v>35</v>
      </c>
      <c r="D60166" s="1" t="s">
        <v>185747</v>
      </c>
      <c r="E60166" s="1" t="s">
        <v>201912</v>
      </c>
      <c r="F60166" s="1" t="s">
        <v>201913</v>
      </c>
      <c r="G60166" s="1" t="s">
        <v>201897</v>
      </c>
      <c r="H60166" s="1" t="s">
        <v>201898</v>
      </c>
      <c r="I60166" s="1" t="s">
        <v>201500</v>
      </c>
      <c r="J60166" s="1" t="s">
        <v>201914</v>
      </c>
    </row>
    <row r="60167" spans="1:10" x14ac:dyDescent="0.35">
      <c r="A60167" s="1" t="s">
        <v>45244</v>
      </c>
      <c r="B60167" s="1" t="s">
        <v>201495</v>
      </c>
      <c r="C60167" s="1" t="s">
        <v>40</v>
      </c>
      <c r="D60167" s="1" t="s">
        <v>109427</v>
      </c>
      <c r="E60167" s="1" t="s">
        <v>201915</v>
      </c>
      <c r="F60167" s="1" t="s">
        <v>201916</v>
      </c>
      <c r="G60167" s="1" t="s">
        <v>201897</v>
      </c>
      <c r="H60167" s="1" t="s">
        <v>201898</v>
      </c>
      <c r="I60167" s="1" t="s">
        <v>201500</v>
      </c>
      <c r="J60167" s="1" t="s">
        <v>201917</v>
      </c>
    </row>
    <row r="60168" spans="1:10" x14ac:dyDescent="0.35">
      <c r="A60168" s="1" t="s">
        <v>45244</v>
      </c>
      <c r="B60168" s="1" t="s">
        <v>201495</v>
      </c>
      <c r="C60168" s="1" t="s">
        <v>45</v>
      </c>
      <c r="D60168" s="1" t="s">
        <v>37250</v>
      </c>
      <c r="E60168" s="1" t="s">
        <v>201918</v>
      </c>
      <c r="F60168" s="1" t="s">
        <v>201919</v>
      </c>
      <c r="G60168" s="1" t="s">
        <v>201897</v>
      </c>
      <c r="H60168" s="1" t="s">
        <v>201898</v>
      </c>
      <c r="I60168" s="1" t="s">
        <v>201500</v>
      </c>
      <c r="J60168" s="1" t="s">
        <v>201920</v>
      </c>
    </row>
    <row r="60169" spans="1:10" x14ac:dyDescent="0.35">
      <c r="A60169" s="1" t="s">
        <v>45244</v>
      </c>
      <c r="B60169" s="1" t="s">
        <v>201495</v>
      </c>
      <c r="C60169" s="1" t="s">
        <v>50</v>
      </c>
      <c r="D60169" s="1" t="s">
        <v>201921</v>
      </c>
      <c r="E60169" s="1" t="s">
        <v>201922</v>
      </c>
      <c r="F60169" s="1" t="s">
        <v>201923</v>
      </c>
      <c r="G60169" s="1" t="s">
        <v>201897</v>
      </c>
      <c r="H60169" s="1" t="s">
        <v>201898</v>
      </c>
      <c r="I60169" s="1" t="s">
        <v>201500</v>
      </c>
      <c r="J60169" s="1" t="s">
        <v>201924</v>
      </c>
    </row>
    <row r="60170" spans="1:10" x14ac:dyDescent="0.35">
      <c r="A60170" s="1" t="s">
        <v>45244</v>
      </c>
      <c r="B60170" s="1" t="s">
        <v>201495</v>
      </c>
      <c r="C60170" s="1" t="s">
        <v>55</v>
      </c>
      <c r="D60170" s="1" t="s">
        <v>192292</v>
      </c>
      <c r="E60170" s="1" t="s">
        <v>201925</v>
      </c>
      <c r="F60170" s="1" t="s">
        <v>201926</v>
      </c>
      <c r="G60170" s="1" t="s">
        <v>201897</v>
      </c>
      <c r="H60170" s="1" t="s">
        <v>201898</v>
      </c>
      <c r="I60170" s="1" t="s">
        <v>201500</v>
      </c>
      <c r="J60170" s="1" t="s">
        <v>201927</v>
      </c>
    </row>
    <row r="60171" spans="1:10" x14ac:dyDescent="0.35">
      <c r="A60171" s="1" t="s">
        <v>45244</v>
      </c>
      <c r="B60171" s="1" t="s">
        <v>201495</v>
      </c>
      <c r="C60171" s="1" t="s">
        <v>60</v>
      </c>
      <c r="D60171" s="1" t="s">
        <v>113613</v>
      </c>
      <c r="E60171" s="1" t="s">
        <v>201928</v>
      </c>
      <c r="F60171" s="1" t="s">
        <v>201929</v>
      </c>
      <c r="G60171" s="1" t="s">
        <v>201897</v>
      </c>
      <c r="H60171" s="1" t="s">
        <v>201898</v>
      </c>
      <c r="I60171" s="1" t="s">
        <v>201500</v>
      </c>
      <c r="J60171" s="1" t="s">
        <v>201930</v>
      </c>
    </row>
    <row r="60172" spans="1:10" x14ac:dyDescent="0.35">
      <c r="A60172" s="1" t="s">
        <v>45244</v>
      </c>
      <c r="B60172" s="1" t="s">
        <v>201495</v>
      </c>
      <c r="C60172" s="1" t="s">
        <v>65</v>
      </c>
      <c r="D60172" s="1" t="s">
        <v>201931</v>
      </c>
      <c r="E60172" s="1" t="s">
        <v>201932</v>
      </c>
      <c r="F60172" s="1" t="s">
        <v>201933</v>
      </c>
      <c r="G60172" s="1" t="s">
        <v>201897</v>
      </c>
      <c r="H60172" s="1" t="s">
        <v>201898</v>
      </c>
      <c r="I60172" s="1" t="s">
        <v>201500</v>
      </c>
      <c r="J60172" s="1" t="s">
        <v>201934</v>
      </c>
    </row>
    <row r="60173" spans="1:10" x14ac:dyDescent="0.35">
      <c r="A60173" s="1" t="s">
        <v>45244</v>
      </c>
      <c r="B60173" s="1" t="s">
        <v>201495</v>
      </c>
      <c r="C60173" s="1" t="s">
        <v>70</v>
      </c>
      <c r="D60173" s="1" t="s">
        <v>12275</v>
      </c>
      <c r="E60173" s="1" t="s">
        <v>201935</v>
      </c>
      <c r="F60173" s="1" t="s">
        <v>201936</v>
      </c>
      <c r="G60173" s="1" t="s">
        <v>201897</v>
      </c>
      <c r="H60173" s="1" t="s">
        <v>201898</v>
      </c>
      <c r="I60173" s="1" t="s">
        <v>201500</v>
      </c>
      <c r="J60173" s="1" t="s">
        <v>201937</v>
      </c>
    </row>
    <row r="60174" spans="1:10" x14ac:dyDescent="0.35">
      <c r="A60174" s="1" t="s">
        <v>45244</v>
      </c>
      <c r="B60174" s="1" t="s">
        <v>201495</v>
      </c>
      <c r="C60174" s="1" t="s">
        <v>75</v>
      </c>
      <c r="D60174" s="1" t="s">
        <v>201938</v>
      </c>
      <c r="E60174" s="1" t="s">
        <v>201939</v>
      </c>
      <c r="F60174" s="1" t="s">
        <v>201940</v>
      </c>
      <c r="G60174" s="1" t="s">
        <v>201897</v>
      </c>
      <c r="H60174" s="1" t="s">
        <v>201898</v>
      </c>
      <c r="I60174" s="1" t="s">
        <v>201500</v>
      </c>
      <c r="J60174" s="1" t="s">
        <v>201941</v>
      </c>
    </row>
    <row r="60175" spans="1:10" x14ac:dyDescent="0.35">
      <c r="A60175" s="1" t="s">
        <v>45244</v>
      </c>
      <c r="B60175" s="1" t="s">
        <v>201495</v>
      </c>
      <c r="C60175" s="1" t="s">
        <v>80</v>
      </c>
      <c r="D60175" s="1" t="s">
        <v>201942</v>
      </c>
      <c r="E60175" s="1" t="s">
        <v>201943</v>
      </c>
      <c r="F60175" s="1" t="s">
        <v>201944</v>
      </c>
      <c r="G60175" s="1" t="s">
        <v>201897</v>
      </c>
      <c r="H60175" s="1" t="s">
        <v>201898</v>
      </c>
      <c r="I60175" s="1" t="s">
        <v>201500</v>
      </c>
      <c r="J60175" s="1" t="s">
        <v>201945</v>
      </c>
    </row>
    <row r="60176" spans="1:10" x14ac:dyDescent="0.35">
      <c r="A60176" s="1" t="s">
        <v>45244</v>
      </c>
      <c r="B60176" s="1" t="s">
        <v>201495</v>
      </c>
      <c r="C60176" s="1" t="s">
        <v>85</v>
      </c>
      <c r="D60176" s="1" t="s">
        <v>105732</v>
      </c>
      <c r="E60176" s="1" t="s">
        <v>201946</v>
      </c>
      <c r="F60176" s="1" t="s">
        <v>201947</v>
      </c>
      <c r="G60176" s="1" t="s">
        <v>201897</v>
      </c>
      <c r="H60176" s="1" t="s">
        <v>201898</v>
      </c>
      <c r="I60176" s="1" t="s">
        <v>201500</v>
      </c>
      <c r="J60176" s="1" t="s">
        <v>201948</v>
      </c>
    </row>
    <row r="60177" spans="1:10" x14ac:dyDescent="0.35">
      <c r="A60177" s="1" t="s">
        <v>45244</v>
      </c>
      <c r="B60177" s="1" t="s">
        <v>201495</v>
      </c>
      <c r="C60177" s="1" t="s">
        <v>90</v>
      </c>
      <c r="D60177" s="1" t="s">
        <v>201949</v>
      </c>
      <c r="E60177" s="1" t="s">
        <v>201950</v>
      </c>
      <c r="F60177" s="1" t="s">
        <v>201951</v>
      </c>
      <c r="G60177" s="1" t="s">
        <v>201897</v>
      </c>
      <c r="H60177" s="1" t="s">
        <v>201898</v>
      </c>
      <c r="I60177" s="1" t="s">
        <v>201500</v>
      </c>
      <c r="J60177" s="1" t="s">
        <v>201952</v>
      </c>
    </row>
    <row r="60178" spans="1:10" x14ac:dyDescent="0.35">
      <c r="A60178" s="1" t="s">
        <v>45244</v>
      </c>
      <c r="B60178" s="1" t="s">
        <v>201495</v>
      </c>
      <c r="C60178" s="1" t="s">
        <v>95</v>
      </c>
      <c r="D60178" s="1" t="s">
        <v>201953</v>
      </c>
      <c r="E60178" s="1" t="s">
        <v>201954</v>
      </c>
      <c r="F60178" s="1" t="s">
        <v>201955</v>
      </c>
      <c r="G60178" s="1" t="s">
        <v>201897</v>
      </c>
      <c r="H60178" s="1" t="s">
        <v>201898</v>
      </c>
      <c r="I60178" s="1" t="s">
        <v>201500</v>
      </c>
      <c r="J60178" s="1" t="s">
        <v>201956</v>
      </c>
    </row>
    <row r="60179" spans="1:10" x14ac:dyDescent="0.35">
      <c r="A60179" s="1" t="s">
        <v>45244</v>
      </c>
      <c r="B60179" s="1" t="s">
        <v>201495</v>
      </c>
      <c r="C60179" s="1" t="s">
        <v>100</v>
      </c>
      <c r="D60179" s="1" t="s">
        <v>115022</v>
      </c>
      <c r="E60179" s="1" t="s">
        <v>201957</v>
      </c>
      <c r="F60179" s="1" t="s">
        <v>201958</v>
      </c>
      <c r="G60179" s="1" t="s">
        <v>201897</v>
      </c>
      <c r="H60179" s="1" t="s">
        <v>201898</v>
      </c>
      <c r="I60179" s="1" t="s">
        <v>201500</v>
      </c>
      <c r="J60179" s="1" t="s">
        <v>201959</v>
      </c>
    </row>
    <row r="60180" spans="1:10" x14ac:dyDescent="0.35">
      <c r="A60180" s="1" t="s">
        <v>45244</v>
      </c>
      <c r="B60180" s="1" t="s">
        <v>201495</v>
      </c>
      <c r="C60180" s="1" t="s">
        <v>105</v>
      </c>
      <c r="D60180" s="1" t="s">
        <v>201960</v>
      </c>
      <c r="E60180" s="1" t="s">
        <v>201961</v>
      </c>
      <c r="F60180" s="1" t="s">
        <v>201962</v>
      </c>
      <c r="G60180" s="1" t="s">
        <v>201897</v>
      </c>
      <c r="H60180" s="1" t="s">
        <v>201898</v>
      </c>
      <c r="I60180" s="1" t="s">
        <v>201500</v>
      </c>
      <c r="J60180" s="1" t="s">
        <v>201963</v>
      </c>
    </row>
    <row r="60181" spans="1:10" x14ac:dyDescent="0.35">
      <c r="A60181" s="1" t="s">
        <v>45244</v>
      </c>
      <c r="B60181" s="1" t="s">
        <v>201495</v>
      </c>
      <c r="C60181" s="1" t="s">
        <v>110</v>
      </c>
      <c r="D60181" s="1" t="s">
        <v>75510</v>
      </c>
      <c r="E60181" s="1" t="s">
        <v>201964</v>
      </c>
      <c r="F60181" s="1" t="s">
        <v>201965</v>
      </c>
      <c r="G60181" s="1" t="s">
        <v>201897</v>
      </c>
      <c r="H60181" s="1" t="s">
        <v>201898</v>
      </c>
      <c r="I60181" s="1" t="s">
        <v>201500</v>
      </c>
      <c r="J60181" s="1" t="s">
        <v>201966</v>
      </c>
    </row>
    <row r="60182" spans="1:10" x14ac:dyDescent="0.35">
      <c r="A60182" s="1" t="s">
        <v>45244</v>
      </c>
      <c r="B60182" s="1" t="s">
        <v>201495</v>
      </c>
      <c r="C60182" s="1" t="s">
        <v>115</v>
      </c>
      <c r="D60182" s="1" t="s">
        <v>40246</v>
      </c>
      <c r="E60182" s="1" t="s">
        <v>201967</v>
      </c>
      <c r="F60182" s="1" t="s">
        <v>201968</v>
      </c>
      <c r="G60182" s="1" t="s">
        <v>201897</v>
      </c>
      <c r="H60182" s="1" t="s">
        <v>201898</v>
      </c>
      <c r="I60182" s="1" t="s">
        <v>201500</v>
      </c>
      <c r="J60182" s="1" t="s">
        <v>201969</v>
      </c>
    </row>
    <row r="60183" spans="1:10" x14ac:dyDescent="0.35">
      <c r="A60183" s="1" t="s">
        <v>45244</v>
      </c>
      <c r="B60183" s="1" t="s">
        <v>201495</v>
      </c>
      <c r="C60183" s="1" t="s">
        <v>120</v>
      </c>
      <c r="D60183" s="1" t="s">
        <v>201970</v>
      </c>
      <c r="E60183" s="1" t="s">
        <v>201971</v>
      </c>
      <c r="F60183" s="1" t="s">
        <v>201972</v>
      </c>
      <c r="G60183" s="1" t="s">
        <v>201897</v>
      </c>
      <c r="H60183" s="1" t="s">
        <v>201898</v>
      </c>
      <c r="I60183" s="1" t="s">
        <v>201500</v>
      </c>
      <c r="J60183" s="1" t="s">
        <v>201973</v>
      </c>
    </row>
    <row r="60184" spans="1:10" x14ac:dyDescent="0.35">
      <c r="A60184" s="1" t="s">
        <v>45244</v>
      </c>
      <c r="B60184" s="1" t="s">
        <v>201495</v>
      </c>
      <c r="C60184" s="1" t="s">
        <v>125</v>
      </c>
      <c r="D60184" s="1" t="s">
        <v>201974</v>
      </c>
      <c r="E60184" s="1" t="s">
        <v>201975</v>
      </c>
      <c r="F60184" s="1" t="s">
        <v>201976</v>
      </c>
      <c r="G60184" s="1" t="s">
        <v>201897</v>
      </c>
      <c r="H60184" s="1" t="s">
        <v>201898</v>
      </c>
      <c r="I60184" s="1" t="s">
        <v>201500</v>
      </c>
      <c r="J60184" s="1" t="s">
        <v>201977</v>
      </c>
    </row>
    <row r="60185" spans="1:10" x14ac:dyDescent="0.35">
      <c r="A60185" s="1" t="s">
        <v>45244</v>
      </c>
      <c r="B60185" s="1" t="s">
        <v>201495</v>
      </c>
      <c r="C60185" s="1" t="s">
        <v>130</v>
      </c>
      <c r="D60185" s="1" t="s">
        <v>66576</v>
      </c>
      <c r="E60185" s="1" t="s">
        <v>201978</v>
      </c>
      <c r="F60185" s="1" t="s">
        <v>201979</v>
      </c>
      <c r="G60185" s="1" t="s">
        <v>201897</v>
      </c>
      <c r="H60185" s="1" t="s">
        <v>201898</v>
      </c>
      <c r="I60185" s="1" t="s">
        <v>201500</v>
      </c>
      <c r="J60185" s="1" t="s">
        <v>201980</v>
      </c>
    </row>
    <row r="60186" spans="1:10" x14ac:dyDescent="0.35">
      <c r="A60186" s="1" t="s">
        <v>45244</v>
      </c>
      <c r="B60186" s="1" t="s">
        <v>201495</v>
      </c>
      <c r="C60186" s="1" t="s">
        <v>135</v>
      </c>
      <c r="D60186" s="1" t="s">
        <v>138284</v>
      </c>
      <c r="E60186" s="1" t="s">
        <v>201981</v>
      </c>
      <c r="F60186" s="1" t="s">
        <v>201982</v>
      </c>
      <c r="G60186" s="1" t="s">
        <v>201897</v>
      </c>
      <c r="H60186" s="1" t="s">
        <v>201898</v>
      </c>
      <c r="I60186" s="1" t="s">
        <v>201500</v>
      </c>
      <c r="J60186" s="1" t="s">
        <v>201983</v>
      </c>
    </row>
    <row r="60187" spans="1:10" x14ac:dyDescent="0.35">
      <c r="A60187" s="1" t="s">
        <v>45244</v>
      </c>
      <c r="B60187" s="1" t="s">
        <v>201495</v>
      </c>
      <c r="C60187" s="1" t="s">
        <v>140</v>
      </c>
      <c r="D60187" s="1" t="s">
        <v>201984</v>
      </c>
      <c r="E60187" s="1" t="s">
        <v>201985</v>
      </c>
      <c r="F60187" s="1" t="s">
        <v>201986</v>
      </c>
      <c r="G60187" s="1" t="s">
        <v>201897</v>
      </c>
      <c r="H60187" s="1" t="s">
        <v>201898</v>
      </c>
      <c r="I60187" s="1" t="s">
        <v>201500</v>
      </c>
      <c r="J60187" s="1" t="s">
        <v>201987</v>
      </c>
    </row>
    <row r="60188" spans="1:10" x14ac:dyDescent="0.35">
      <c r="A60188" s="1" t="s">
        <v>45244</v>
      </c>
      <c r="B60188" s="1" t="s">
        <v>201495</v>
      </c>
      <c r="C60188" s="1" t="s">
        <v>145</v>
      </c>
      <c r="D60188" s="1" t="s">
        <v>69552</v>
      </c>
      <c r="E60188" s="1" t="s">
        <v>201988</v>
      </c>
      <c r="F60188" s="1" t="s">
        <v>201989</v>
      </c>
      <c r="G60188" s="1" t="s">
        <v>201897</v>
      </c>
      <c r="H60188" s="1" t="s">
        <v>201898</v>
      </c>
      <c r="I60188" s="1" t="s">
        <v>201500</v>
      </c>
      <c r="J60188" s="1" t="s">
        <v>201990</v>
      </c>
    </row>
    <row r="60189" spans="1:10" x14ac:dyDescent="0.35">
      <c r="A60189" s="1" t="s">
        <v>45244</v>
      </c>
      <c r="B60189" s="1" t="s">
        <v>201495</v>
      </c>
      <c r="C60189" s="1" t="s">
        <v>150</v>
      </c>
      <c r="D60189" s="1" t="s">
        <v>60973</v>
      </c>
      <c r="E60189" s="1" t="s">
        <v>201991</v>
      </c>
      <c r="F60189" s="1" t="s">
        <v>201992</v>
      </c>
      <c r="G60189" s="1" t="s">
        <v>201897</v>
      </c>
      <c r="H60189" s="1" t="s">
        <v>201898</v>
      </c>
      <c r="I60189" s="1" t="s">
        <v>201500</v>
      </c>
      <c r="J60189" s="1" t="s">
        <v>201993</v>
      </c>
    </row>
    <row r="60190" spans="1:10" x14ac:dyDescent="0.35">
      <c r="A60190" s="1" t="s">
        <v>45244</v>
      </c>
      <c r="B60190" s="1" t="s">
        <v>201495</v>
      </c>
      <c r="C60190" s="1" t="s">
        <v>155</v>
      </c>
      <c r="D60190" s="1" t="s">
        <v>201994</v>
      </c>
      <c r="E60190" s="1" t="s">
        <v>201995</v>
      </c>
      <c r="F60190" s="1" t="s">
        <v>201996</v>
      </c>
      <c r="G60190" s="1" t="s">
        <v>201897</v>
      </c>
      <c r="H60190" s="1" t="s">
        <v>201898</v>
      </c>
      <c r="I60190" s="1" t="s">
        <v>201500</v>
      </c>
      <c r="J60190" s="1" t="s">
        <v>201997</v>
      </c>
    </row>
    <row r="60191" spans="1:10" x14ac:dyDescent="0.35">
      <c r="A60191" s="1" t="s">
        <v>45244</v>
      </c>
      <c r="B60191" s="1" t="s">
        <v>201495</v>
      </c>
      <c r="C60191" s="1" t="s">
        <v>160</v>
      </c>
      <c r="D60191" s="1" t="s">
        <v>201998</v>
      </c>
      <c r="E60191" s="1" t="s">
        <v>201999</v>
      </c>
      <c r="F60191" s="1" t="s">
        <v>202000</v>
      </c>
      <c r="G60191" s="1" t="s">
        <v>201897</v>
      </c>
      <c r="H60191" s="1" t="s">
        <v>201898</v>
      </c>
      <c r="I60191" s="1" t="s">
        <v>201500</v>
      </c>
      <c r="J60191" s="1" t="s">
        <v>202001</v>
      </c>
    </row>
    <row r="60192" spans="1:10" x14ac:dyDescent="0.35">
      <c r="A60192" s="1" t="s">
        <v>45244</v>
      </c>
      <c r="B60192" s="1" t="s">
        <v>201495</v>
      </c>
      <c r="C60192" s="1" t="s">
        <v>165</v>
      </c>
      <c r="D60192" s="1" t="s">
        <v>24291</v>
      </c>
      <c r="E60192" s="1" t="s">
        <v>202002</v>
      </c>
      <c r="F60192" s="1" t="s">
        <v>202003</v>
      </c>
      <c r="G60192" s="1" t="s">
        <v>201897</v>
      </c>
      <c r="H60192" s="1" t="s">
        <v>201898</v>
      </c>
      <c r="I60192" s="1" t="s">
        <v>201500</v>
      </c>
      <c r="J60192" s="1" t="s">
        <v>202004</v>
      </c>
    </row>
    <row r="60193" spans="1:10" x14ac:dyDescent="0.35">
      <c r="A60193" s="1" t="s">
        <v>45244</v>
      </c>
      <c r="B60193" s="1" t="s">
        <v>201495</v>
      </c>
      <c r="C60193" s="1" t="s">
        <v>170</v>
      </c>
      <c r="D60193" s="1" t="s">
        <v>66267</v>
      </c>
      <c r="E60193" s="1" t="s">
        <v>202005</v>
      </c>
      <c r="F60193" s="1" t="s">
        <v>202006</v>
      </c>
      <c r="G60193" s="1" t="s">
        <v>201897</v>
      </c>
      <c r="H60193" s="1" t="s">
        <v>201898</v>
      </c>
      <c r="I60193" s="1" t="s">
        <v>201500</v>
      </c>
      <c r="J60193" s="1" t="s">
        <v>202007</v>
      </c>
    </row>
    <row r="60194" spans="1:10" x14ac:dyDescent="0.35">
      <c r="A60194" s="1" t="s">
        <v>25065</v>
      </c>
      <c r="B60194" s="1" t="s">
        <v>201495</v>
      </c>
      <c r="C60194" s="1" t="s">
        <v>8</v>
      </c>
      <c r="D60194" s="1" t="s">
        <v>162051</v>
      </c>
      <c r="E60194" s="1" t="s">
        <v>111485</v>
      </c>
      <c r="F60194" s="1" t="s">
        <v>202008</v>
      </c>
      <c r="G60194" s="1" t="s">
        <v>202009</v>
      </c>
      <c r="H60194" s="1" t="s">
        <v>202010</v>
      </c>
      <c r="I60194" s="1" t="s">
        <v>201500</v>
      </c>
      <c r="J60194" s="1" t="s">
        <v>13</v>
      </c>
    </row>
    <row r="60195" spans="1:10" x14ac:dyDescent="0.35">
      <c r="A60195" s="1" t="s">
        <v>25065</v>
      </c>
      <c r="B60195" s="1" t="s">
        <v>201495</v>
      </c>
      <c r="C60195" s="1" t="s">
        <v>15</v>
      </c>
      <c r="D60195" s="1" t="s">
        <v>8993</v>
      </c>
      <c r="E60195" s="1" t="s">
        <v>202011</v>
      </c>
      <c r="F60195" s="1" t="s">
        <v>202012</v>
      </c>
      <c r="G60195" s="1" t="s">
        <v>202009</v>
      </c>
      <c r="H60195" s="1" t="s">
        <v>202010</v>
      </c>
      <c r="I60195" s="1" t="s">
        <v>201500</v>
      </c>
      <c r="J60195" s="1" t="s">
        <v>202013</v>
      </c>
    </row>
    <row r="60196" spans="1:10" x14ac:dyDescent="0.35">
      <c r="A60196" s="1" t="s">
        <v>25065</v>
      </c>
      <c r="B60196" s="1" t="s">
        <v>201495</v>
      </c>
      <c r="C60196" s="1" t="s">
        <v>20</v>
      </c>
      <c r="D60196" s="1" t="s">
        <v>7078</v>
      </c>
      <c r="E60196" s="1" t="s">
        <v>202014</v>
      </c>
      <c r="F60196" s="1" t="s">
        <v>134307</v>
      </c>
      <c r="G60196" s="1" t="s">
        <v>202009</v>
      </c>
      <c r="H60196" s="1" t="s">
        <v>202010</v>
      </c>
      <c r="I60196" s="1" t="s">
        <v>201500</v>
      </c>
      <c r="J60196" s="1" t="s">
        <v>202015</v>
      </c>
    </row>
    <row r="60197" spans="1:10" x14ac:dyDescent="0.35">
      <c r="A60197" s="1" t="s">
        <v>25065</v>
      </c>
      <c r="B60197" s="1" t="s">
        <v>201495</v>
      </c>
      <c r="C60197" s="1" t="s">
        <v>25</v>
      </c>
      <c r="D60197" s="1" t="s">
        <v>50981</v>
      </c>
      <c r="E60197" s="1" t="s">
        <v>8650</v>
      </c>
      <c r="F60197" s="1" t="s">
        <v>202016</v>
      </c>
      <c r="G60197" s="1" t="s">
        <v>202009</v>
      </c>
      <c r="H60197" s="1" t="s">
        <v>202010</v>
      </c>
      <c r="I60197" s="1" t="s">
        <v>201500</v>
      </c>
      <c r="J60197" s="1" t="s">
        <v>202017</v>
      </c>
    </row>
    <row r="60198" spans="1:10" x14ac:dyDescent="0.35">
      <c r="A60198" s="1" t="s">
        <v>25065</v>
      </c>
      <c r="B60198" s="1" t="s">
        <v>201495</v>
      </c>
      <c r="C60198" s="1" t="s">
        <v>30</v>
      </c>
      <c r="D60198" s="1" t="s">
        <v>35415</v>
      </c>
      <c r="E60198" s="1" t="s">
        <v>202018</v>
      </c>
      <c r="F60198" s="1" t="s">
        <v>202019</v>
      </c>
      <c r="G60198" s="1" t="s">
        <v>202009</v>
      </c>
      <c r="H60198" s="1" t="s">
        <v>202010</v>
      </c>
      <c r="I60198" s="1" t="s">
        <v>201500</v>
      </c>
      <c r="J60198" s="1" t="s">
        <v>202020</v>
      </c>
    </row>
    <row r="60199" spans="1:10" x14ac:dyDescent="0.35">
      <c r="A60199" s="1" t="s">
        <v>25065</v>
      </c>
      <c r="B60199" s="1" t="s">
        <v>201495</v>
      </c>
      <c r="C60199" s="1" t="s">
        <v>35</v>
      </c>
      <c r="D60199" s="1" t="s">
        <v>202021</v>
      </c>
      <c r="E60199" s="1" t="s">
        <v>202022</v>
      </c>
      <c r="F60199" s="1" t="s">
        <v>202023</v>
      </c>
      <c r="G60199" s="1" t="s">
        <v>202009</v>
      </c>
      <c r="H60199" s="1" t="s">
        <v>202010</v>
      </c>
      <c r="I60199" s="1" t="s">
        <v>201500</v>
      </c>
      <c r="J60199" s="1" t="s">
        <v>202024</v>
      </c>
    </row>
    <row r="60200" spans="1:10" x14ac:dyDescent="0.35">
      <c r="A60200" s="1" t="s">
        <v>25065</v>
      </c>
      <c r="B60200" s="1" t="s">
        <v>201495</v>
      </c>
      <c r="C60200" s="1" t="s">
        <v>40</v>
      </c>
      <c r="D60200" s="1" t="s">
        <v>148750</v>
      </c>
      <c r="E60200" s="1" t="s">
        <v>7954</v>
      </c>
      <c r="F60200" s="1" t="s">
        <v>202025</v>
      </c>
      <c r="G60200" s="1" t="s">
        <v>202009</v>
      </c>
      <c r="H60200" s="1" t="s">
        <v>202010</v>
      </c>
      <c r="I60200" s="1" t="s">
        <v>201500</v>
      </c>
      <c r="J60200" s="1" t="s">
        <v>202026</v>
      </c>
    </row>
    <row r="60201" spans="1:10" x14ac:dyDescent="0.35">
      <c r="A60201" s="1" t="s">
        <v>25065</v>
      </c>
      <c r="B60201" s="1" t="s">
        <v>201495</v>
      </c>
      <c r="C60201" s="1" t="s">
        <v>45</v>
      </c>
      <c r="D60201" s="1" t="s">
        <v>151354</v>
      </c>
      <c r="E60201" s="1" t="s">
        <v>12234</v>
      </c>
      <c r="F60201" s="1" t="s">
        <v>63007</v>
      </c>
      <c r="G60201" s="1" t="s">
        <v>202009</v>
      </c>
      <c r="H60201" s="1" t="s">
        <v>202010</v>
      </c>
      <c r="I60201" s="1" t="s">
        <v>201500</v>
      </c>
      <c r="J60201" s="1" t="s">
        <v>202027</v>
      </c>
    </row>
    <row r="60202" spans="1:10" x14ac:dyDescent="0.35">
      <c r="A60202" s="1" t="s">
        <v>25065</v>
      </c>
      <c r="B60202" s="1" t="s">
        <v>201495</v>
      </c>
      <c r="C60202" s="1" t="s">
        <v>50</v>
      </c>
      <c r="D60202" s="1" t="s">
        <v>16215</v>
      </c>
      <c r="E60202" s="1" t="s">
        <v>201794</v>
      </c>
      <c r="F60202" s="1" t="s">
        <v>202028</v>
      </c>
      <c r="G60202" s="1" t="s">
        <v>202009</v>
      </c>
      <c r="H60202" s="1" t="s">
        <v>202010</v>
      </c>
      <c r="I60202" s="1" t="s">
        <v>201500</v>
      </c>
      <c r="J60202" s="1" t="s">
        <v>202029</v>
      </c>
    </row>
    <row r="60203" spans="1:10" x14ac:dyDescent="0.35">
      <c r="A60203" s="1" t="s">
        <v>25065</v>
      </c>
      <c r="B60203" s="1" t="s">
        <v>201495</v>
      </c>
      <c r="C60203" s="1" t="s">
        <v>55</v>
      </c>
      <c r="D60203" s="1" t="s">
        <v>202030</v>
      </c>
      <c r="E60203" s="1" t="s">
        <v>8600</v>
      </c>
      <c r="F60203" s="1" t="s">
        <v>202031</v>
      </c>
      <c r="G60203" s="1" t="s">
        <v>202009</v>
      </c>
      <c r="H60203" s="1" t="s">
        <v>202010</v>
      </c>
      <c r="I60203" s="1" t="s">
        <v>201500</v>
      </c>
      <c r="J60203" s="1" t="s">
        <v>202032</v>
      </c>
    </row>
    <row r="60204" spans="1:10" x14ac:dyDescent="0.35">
      <c r="A60204" s="1" t="s">
        <v>25065</v>
      </c>
      <c r="B60204" s="1" t="s">
        <v>201495</v>
      </c>
      <c r="C60204" s="1" t="s">
        <v>60</v>
      </c>
      <c r="D60204" s="1" t="s">
        <v>34719</v>
      </c>
      <c r="E60204" s="1" t="s">
        <v>8566</v>
      </c>
      <c r="F60204" s="1" t="s">
        <v>202033</v>
      </c>
      <c r="G60204" s="1" t="s">
        <v>202009</v>
      </c>
      <c r="H60204" s="1" t="s">
        <v>202010</v>
      </c>
      <c r="I60204" s="1" t="s">
        <v>201500</v>
      </c>
      <c r="J60204" s="1" t="s">
        <v>202034</v>
      </c>
    </row>
    <row r="60205" spans="1:10" x14ac:dyDescent="0.35">
      <c r="A60205" s="1" t="s">
        <v>25065</v>
      </c>
      <c r="B60205" s="1" t="s">
        <v>201495</v>
      </c>
      <c r="C60205" s="1" t="s">
        <v>65</v>
      </c>
      <c r="D60205" s="1" t="s">
        <v>119187</v>
      </c>
      <c r="E60205" s="1" t="s">
        <v>7993</v>
      </c>
      <c r="F60205" s="1" t="s">
        <v>202035</v>
      </c>
      <c r="G60205" s="1" t="s">
        <v>202009</v>
      </c>
      <c r="H60205" s="1" t="s">
        <v>202010</v>
      </c>
      <c r="I60205" s="1" t="s">
        <v>201500</v>
      </c>
      <c r="J60205" s="1" t="s">
        <v>171434</v>
      </c>
    </row>
    <row r="60206" spans="1:10" x14ac:dyDescent="0.35">
      <c r="A60206" s="1" t="s">
        <v>25065</v>
      </c>
      <c r="B60206" s="1" t="s">
        <v>201495</v>
      </c>
      <c r="C60206" s="1" t="s">
        <v>70</v>
      </c>
      <c r="D60206" s="1" t="s">
        <v>30744</v>
      </c>
      <c r="E60206" s="1" t="s">
        <v>12721</v>
      </c>
      <c r="F60206" s="1" t="s">
        <v>202036</v>
      </c>
      <c r="G60206" s="1" t="s">
        <v>202009</v>
      </c>
      <c r="H60206" s="1" t="s">
        <v>202010</v>
      </c>
      <c r="I60206" s="1" t="s">
        <v>201500</v>
      </c>
      <c r="J60206" s="1" t="s">
        <v>202037</v>
      </c>
    </row>
    <row r="60207" spans="1:10" x14ac:dyDescent="0.35">
      <c r="A60207" s="1" t="s">
        <v>25065</v>
      </c>
      <c r="B60207" s="1" t="s">
        <v>201495</v>
      </c>
      <c r="C60207" s="1" t="s">
        <v>75</v>
      </c>
      <c r="D60207" s="1" t="s">
        <v>44415</v>
      </c>
      <c r="E60207" s="1" t="s">
        <v>12721</v>
      </c>
      <c r="F60207" s="1" t="s">
        <v>202038</v>
      </c>
      <c r="G60207" s="1" t="s">
        <v>202009</v>
      </c>
      <c r="H60207" s="1" t="s">
        <v>202010</v>
      </c>
      <c r="I60207" s="1" t="s">
        <v>201500</v>
      </c>
      <c r="J60207" s="1" t="s">
        <v>202039</v>
      </c>
    </row>
    <row r="60208" spans="1:10" x14ac:dyDescent="0.35">
      <c r="A60208" s="1" t="s">
        <v>25065</v>
      </c>
      <c r="B60208" s="1" t="s">
        <v>201495</v>
      </c>
      <c r="C60208" s="1" t="s">
        <v>80</v>
      </c>
      <c r="D60208" s="1" t="s">
        <v>202040</v>
      </c>
      <c r="E60208" s="1" t="s">
        <v>202041</v>
      </c>
      <c r="F60208" s="1" t="s">
        <v>101595</v>
      </c>
      <c r="G60208" s="1" t="s">
        <v>202009</v>
      </c>
      <c r="H60208" s="1" t="s">
        <v>202010</v>
      </c>
      <c r="I60208" s="1" t="s">
        <v>201500</v>
      </c>
      <c r="J60208" s="1" t="s">
        <v>202042</v>
      </c>
    </row>
    <row r="60209" spans="1:10" x14ac:dyDescent="0.35">
      <c r="A60209" s="1" t="s">
        <v>25065</v>
      </c>
      <c r="B60209" s="1" t="s">
        <v>201495</v>
      </c>
      <c r="C60209" s="1" t="s">
        <v>85</v>
      </c>
      <c r="D60209" s="1" t="s">
        <v>10737</v>
      </c>
      <c r="E60209" s="1" t="s">
        <v>111462</v>
      </c>
      <c r="F60209" s="1" t="s">
        <v>202043</v>
      </c>
      <c r="G60209" s="1" t="s">
        <v>202009</v>
      </c>
      <c r="H60209" s="1" t="s">
        <v>202010</v>
      </c>
      <c r="I60209" s="1" t="s">
        <v>201500</v>
      </c>
      <c r="J60209" s="1" t="s">
        <v>202044</v>
      </c>
    </row>
    <row r="60210" spans="1:10" x14ac:dyDescent="0.35">
      <c r="A60210" s="1" t="s">
        <v>25065</v>
      </c>
      <c r="B60210" s="1" t="s">
        <v>201495</v>
      </c>
      <c r="C60210" s="1" t="s">
        <v>90</v>
      </c>
      <c r="D60210" s="1" t="s">
        <v>35723</v>
      </c>
      <c r="E60210" s="1" t="s">
        <v>27488</v>
      </c>
      <c r="F60210" s="1" t="s">
        <v>202045</v>
      </c>
      <c r="G60210" s="1" t="s">
        <v>202009</v>
      </c>
      <c r="H60210" s="1" t="s">
        <v>202010</v>
      </c>
      <c r="I60210" s="1" t="s">
        <v>201500</v>
      </c>
      <c r="J60210" s="1" t="s">
        <v>202046</v>
      </c>
    </row>
    <row r="60211" spans="1:10" x14ac:dyDescent="0.35">
      <c r="A60211" s="1" t="s">
        <v>25065</v>
      </c>
      <c r="B60211" s="1" t="s">
        <v>201495</v>
      </c>
      <c r="C60211" s="1" t="s">
        <v>95</v>
      </c>
      <c r="D60211" s="1" t="s">
        <v>148207</v>
      </c>
      <c r="E60211" s="1" t="s">
        <v>202047</v>
      </c>
      <c r="F60211" s="1" t="s">
        <v>202048</v>
      </c>
      <c r="G60211" s="1" t="s">
        <v>202009</v>
      </c>
      <c r="H60211" s="1" t="s">
        <v>202010</v>
      </c>
      <c r="I60211" s="1" t="s">
        <v>201500</v>
      </c>
      <c r="J60211" s="1" t="s">
        <v>202049</v>
      </c>
    </row>
    <row r="60212" spans="1:10" x14ac:dyDescent="0.35">
      <c r="A60212" s="1" t="s">
        <v>25065</v>
      </c>
      <c r="B60212" s="1" t="s">
        <v>201495</v>
      </c>
      <c r="C60212" s="1" t="s">
        <v>100</v>
      </c>
      <c r="D60212" s="1" t="s">
        <v>109938</v>
      </c>
      <c r="E60212" s="1" t="s">
        <v>202050</v>
      </c>
      <c r="F60212" s="1" t="s">
        <v>202051</v>
      </c>
      <c r="G60212" s="1" t="s">
        <v>202009</v>
      </c>
      <c r="H60212" s="1" t="s">
        <v>202010</v>
      </c>
      <c r="I60212" s="1" t="s">
        <v>201500</v>
      </c>
      <c r="J60212" s="1" t="s">
        <v>202052</v>
      </c>
    </row>
    <row r="60213" spans="1:10" x14ac:dyDescent="0.35">
      <c r="A60213" s="1" t="s">
        <v>25065</v>
      </c>
      <c r="B60213" s="1" t="s">
        <v>201495</v>
      </c>
      <c r="C60213" s="1" t="s">
        <v>105</v>
      </c>
      <c r="D60213" s="1" t="s">
        <v>135826</v>
      </c>
      <c r="E60213" s="1" t="s">
        <v>12226</v>
      </c>
      <c r="F60213" s="1" t="s">
        <v>202053</v>
      </c>
      <c r="G60213" s="1" t="s">
        <v>202009</v>
      </c>
      <c r="H60213" s="1" t="s">
        <v>202010</v>
      </c>
      <c r="I60213" s="1" t="s">
        <v>201500</v>
      </c>
      <c r="J60213" s="1" t="s">
        <v>202054</v>
      </c>
    </row>
    <row r="60214" spans="1:10" x14ac:dyDescent="0.35">
      <c r="A60214" s="1" t="s">
        <v>25065</v>
      </c>
      <c r="B60214" s="1" t="s">
        <v>201495</v>
      </c>
      <c r="C60214" s="1" t="s">
        <v>110</v>
      </c>
      <c r="D60214" s="1" t="s">
        <v>116641</v>
      </c>
      <c r="E60214" s="1" t="s">
        <v>201629</v>
      </c>
      <c r="F60214" s="1" t="s">
        <v>98444</v>
      </c>
      <c r="G60214" s="1" t="s">
        <v>202009</v>
      </c>
      <c r="H60214" s="1" t="s">
        <v>202010</v>
      </c>
      <c r="I60214" s="1" t="s">
        <v>201500</v>
      </c>
      <c r="J60214" s="1" t="s">
        <v>202055</v>
      </c>
    </row>
    <row r="60215" spans="1:10" x14ac:dyDescent="0.35">
      <c r="A60215" s="1" t="s">
        <v>25065</v>
      </c>
      <c r="B60215" s="1" t="s">
        <v>201495</v>
      </c>
      <c r="C60215" s="1" t="s">
        <v>115</v>
      </c>
      <c r="D60215" s="1" t="s">
        <v>150014</v>
      </c>
      <c r="E60215" s="1" t="s">
        <v>12671</v>
      </c>
      <c r="F60215" s="1" t="s">
        <v>202056</v>
      </c>
      <c r="G60215" s="1" t="s">
        <v>202009</v>
      </c>
      <c r="H60215" s="1" t="s">
        <v>202010</v>
      </c>
      <c r="I60215" s="1" t="s">
        <v>201500</v>
      </c>
      <c r="J60215" s="1" t="s">
        <v>202057</v>
      </c>
    </row>
    <row r="60216" spans="1:10" x14ac:dyDescent="0.35">
      <c r="A60216" s="1" t="s">
        <v>25065</v>
      </c>
      <c r="B60216" s="1" t="s">
        <v>201495</v>
      </c>
      <c r="C60216" s="1" t="s">
        <v>120</v>
      </c>
      <c r="D60216" s="1" t="s">
        <v>31496</v>
      </c>
      <c r="E60216" s="1" t="s">
        <v>202058</v>
      </c>
      <c r="F60216" s="1" t="s">
        <v>202059</v>
      </c>
      <c r="G60216" s="1" t="s">
        <v>202009</v>
      </c>
      <c r="H60216" s="1" t="s">
        <v>202010</v>
      </c>
      <c r="I60216" s="1" t="s">
        <v>201500</v>
      </c>
      <c r="J60216" s="1" t="s">
        <v>202060</v>
      </c>
    </row>
    <row r="60217" spans="1:10" x14ac:dyDescent="0.35">
      <c r="A60217" s="1" t="s">
        <v>25065</v>
      </c>
      <c r="B60217" s="1" t="s">
        <v>201495</v>
      </c>
      <c r="C60217" s="1" t="s">
        <v>125</v>
      </c>
      <c r="D60217" s="1" t="s">
        <v>47526</v>
      </c>
      <c r="E60217" s="1" t="s">
        <v>27477</v>
      </c>
      <c r="F60217" s="1" t="s">
        <v>99939</v>
      </c>
      <c r="G60217" s="1" t="s">
        <v>202009</v>
      </c>
      <c r="H60217" s="1" t="s">
        <v>202010</v>
      </c>
      <c r="I60217" s="1" t="s">
        <v>201500</v>
      </c>
      <c r="J60217" s="1" t="s">
        <v>202061</v>
      </c>
    </row>
    <row r="60218" spans="1:10" x14ac:dyDescent="0.35">
      <c r="A60218" s="1" t="s">
        <v>25065</v>
      </c>
      <c r="B60218" s="1" t="s">
        <v>201495</v>
      </c>
      <c r="C60218" s="1" t="s">
        <v>130</v>
      </c>
      <c r="D60218" s="1" t="s">
        <v>135177</v>
      </c>
      <c r="E60218" s="1" t="s">
        <v>202062</v>
      </c>
      <c r="F60218" s="1" t="s">
        <v>202063</v>
      </c>
      <c r="G60218" s="1" t="s">
        <v>202009</v>
      </c>
      <c r="H60218" s="1" t="s">
        <v>202010</v>
      </c>
      <c r="I60218" s="1" t="s">
        <v>201500</v>
      </c>
      <c r="J60218" s="1" t="s">
        <v>202064</v>
      </c>
    </row>
    <row r="60219" spans="1:10" x14ac:dyDescent="0.35">
      <c r="A60219" s="1" t="s">
        <v>25065</v>
      </c>
      <c r="B60219" s="1" t="s">
        <v>201495</v>
      </c>
      <c r="C60219" s="1" t="s">
        <v>135</v>
      </c>
      <c r="D60219" s="1" t="s">
        <v>48871</v>
      </c>
      <c r="E60219" s="1" t="s">
        <v>202065</v>
      </c>
      <c r="F60219" s="1" t="s">
        <v>202066</v>
      </c>
      <c r="G60219" s="1" t="s">
        <v>202009</v>
      </c>
      <c r="H60219" s="1" t="s">
        <v>202010</v>
      </c>
      <c r="I60219" s="1" t="s">
        <v>201500</v>
      </c>
      <c r="J60219" s="1" t="s">
        <v>202067</v>
      </c>
    </row>
    <row r="60220" spans="1:10" x14ac:dyDescent="0.35">
      <c r="A60220" s="1" t="s">
        <v>25065</v>
      </c>
      <c r="B60220" s="1" t="s">
        <v>201495</v>
      </c>
      <c r="C60220" s="1" t="s">
        <v>140</v>
      </c>
      <c r="D60220" s="1" t="s">
        <v>74303</v>
      </c>
      <c r="E60220" s="1" t="s">
        <v>202068</v>
      </c>
      <c r="F60220" s="1" t="s">
        <v>202069</v>
      </c>
      <c r="G60220" s="1" t="s">
        <v>202009</v>
      </c>
      <c r="H60220" s="1" t="s">
        <v>202010</v>
      </c>
      <c r="I60220" s="1" t="s">
        <v>201500</v>
      </c>
      <c r="J60220" s="1" t="s">
        <v>202070</v>
      </c>
    </row>
    <row r="60221" spans="1:10" x14ac:dyDescent="0.35">
      <c r="A60221" s="1" t="s">
        <v>25065</v>
      </c>
      <c r="B60221" s="1" t="s">
        <v>201495</v>
      </c>
      <c r="C60221" s="1" t="s">
        <v>145</v>
      </c>
      <c r="D60221" s="1" t="s">
        <v>70987</v>
      </c>
      <c r="E60221" s="1" t="s">
        <v>27492</v>
      </c>
      <c r="F60221" s="1" t="s">
        <v>139738</v>
      </c>
      <c r="G60221" s="1" t="s">
        <v>202009</v>
      </c>
      <c r="H60221" s="1" t="s">
        <v>202010</v>
      </c>
      <c r="I60221" s="1" t="s">
        <v>201500</v>
      </c>
      <c r="J60221" s="1" t="s">
        <v>202071</v>
      </c>
    </row>
    <row r="60222" spans="1:10" x14ac:dyDescent="0.35">
      <c r="A60222" s="1" t="s">
        <v>25065</v>
      </c>
      <c r="B60222" s="1" t="s">
        <v>201495</v>
      </c>
      <c r="C60222" s="1" t="s">
        <v>150</v>
      </c>
      <c r="D60222" s="1" t="s">
        <v>202072</v>
      </c>
      <c r="E60222" s="1" t="s">
        <v>201617</v>
      </c>
      <c r="F60222" s="1" t="s">
        <v>202073</v>
      </c>
      <c r="G60222" s="1" t="s">
        <v>202009</v>
      </c>
      <c r="H60222" s="1" t="s">
        <v>202010</v>
      </c>
      <c r="I60222" s="1" t="s">
        <v>201500</v>
      </c>
      <c r="J60222" s="1" t="s">
        <v>202074</v>
      </c>
    </row>
    <row r="60223" spans="1:10" x14ac:dyDescent="0.35">
      <c r="A60223" s="1" t="s">
        <v>25065</v>
      </c>
      <c r="B60223" s="1" t="s">
        <v>201495</v>
      </c>
      <c r="C60223" s="1" t="s">
        <v>155</v>
      </c>
      <c r="D60223" s="1" t="s">
        <v>183739</v>
      </c>
      <c r="E60223" s="1" t="s">
        <v>202075</v>
      </c>
      <c r="F60223" s="1" t="s">
        <v>101047</v>
      </c>
      <c r="G60223" s="1" t="s">
        <v>202009</v>
      </c>
      <c r="H60223" s="1" t="s">
        <v>202010</v>
      </c>
      <c r="I60223" s="1" t="s">
        <v>201500</v>
      </c>
      <c r="J60223" s="1" t="s">
        <v>202076</v>
      </c>
    </row>
    <row r="60224" spans="1:10" x14ac:dyDescent="0.35">
      <c r="A60224" s="1" t="s">
        <v>25065</v>
      </c>
      <c r="B60224" s="1" t="s">
        <v>201495</v>
      </c>
      <c r="C60224" s="1" t="s">
        <v>160</v>
      </c>
      <c r="D60224" s="1" t="s">
        <v>32937</v>
      </c>
      <c r="E60224" s="1" t="s">
        <v>111505</v>
      </c>
      <c r="F60224" s="1" t="s">
        <v>202077</v>
      </c>
      <c r="G60224" s="1" t="s">
        <v>202009</v>
      </c>
      <c r="H60224" s="1" t="s">
        <v>202010</v>
      </c>
      <c r="I60224" s="1" t="s">
        <v>201500</v>
      </c>
      <c r="J60224" s="1" t="s">
        <v>202078</v>
      </c>
    </row>
    <row r="60225" spans="1:10" x14ac:dyDescent="0.35">
      <c r="A60225" s="1" t="s">
        <v>25065</v>
      </c>
      <c r="B60225" s="1" t="s">
        <v>201495</v>
      </c>
      <c r="C60225" s="1" t="s">
        <v>165</v>
      </c>
      <c r="D60225" s="1" t="s">
        <v>104865</v>
      </c>
      <c r="E60225" s="1" t="s">
        <v>202079</v>
      </c>
      <c r="F60225" s="1" t="s">
        <v>202080</v>
      </c>
      <c r="G60225" s="1" t="s">
        <v>202009</v>
      </c>
      <c r="H60225" s="1" t="s">
        <v>202010</v>
      </c>
      <c r="I60225" s="1" t="s">
        <v>201500</v>
      </c>
      <c r="J60225" s="1" t="s">
        <v>202081</v>
      </c>
    </row>
    <row r="60226" spans="1:10" x14ac:dyDescent="0.35">
      <c r="A60226" s="1" t="s">
        <v>25065</v>
      </c>
      <c r="B60226" s="1" t="s">
        <v>201495</v>
      </c>
      <c r="C60226" s="1" t="s">
        <v>170</v>
      </c>
      <c r="D60226" s="1" t="s">
        <v>47825</v>
      </c>
      <c r="E60226" s="1" t="s">
        <v>7958</v>
      </c>
      <c r="F60226" s="1" t="s">
        <v>202082</v>
      </c>
      <c r="G60226" s="1" t="s">
        <v>202009</v>
      </c>
      <c r="H60226" s="1" t="s">
        <v>202010</v>
      </c>
      <c r="I60226" s="1" t="s">
        <v>201500</v>
      </c>
      <c r="J60226" s="1" t="s">
        <v>202083</v>
      </c>
    </row>
    <row r="60227" spans="1:10" x14ac:dyDescent="0.35">
      <c r="A60227" s="1" t="s">
        <v>143276</v>
      </c>
      <c r="B60227" s="1" t="s">
        <v>201495</v>
      </c>
      <c r="C60227" s="1" t="s">
        <v>8</v>
      </c>
      <c r="D60227" s="1" t="s">
        <v>44878</v>
      </c>
      <c r="E60227" s="1" t="s">
        <v>202084</v>
      </c>
      <c r="F60227" s="1" t="s">
        <v>202085</v>
      </c>
      <c r="G60227" s="1" t="s">
        <v>202086</v>
      </c>
      <c r="H60227" s="1" t="s">
        <v>202087</v>
      </c>
      <c r="I60227" s="1" t="s">
        <v>201500</v>
      </c>
      <c r="J60227" s="1" t="s">
        <v>13</v>
      </c>
    </row>
    <row r="60228" spans="1:10" x14ac:dyDescent="0.35">
      <c r="A60228" s="1" t="s">
        <v>143276</v>
      </c>
      <c r="B60228" s="1" t="s">
        <v>201495</v>
      </c>
      <c r="C60228" s="1" t="s">
        <v>15</v>
      </c>
      <c r="D60228" s="1" t="s">
        <v>8353</v>
      </c>
      <c r="E60228" s="1" t="s">
        <v>202088</v>
      </c>
      <c r="F60228" s="1" t="s">
        <v>202089</v>
      </c>
      <c r="G60228" s="1" t="s">
        <v>202086</v>
      </c>
      <c r="H60228" s="1" t="s">
        <v>202087</v>
      </c>
      <c r="I60228" s="1" t="s">
        <v>201500</v>
      </c>
      <c r="J60228" s="1" t="s">
        <v>202090</v>
      </c>
    </row>
    <row r="60229" spans="1:10" x14ac:dyDescent="0.35">
      <c r="A60229" s="1" t="s">
        <v>143276</v>
      </c>
      <c r="B60229" s="1" t="s">
        <v>201495</v>
      </c>
      <c r="C60229" s="1" t="s">
        <v>20</v>
      </c>
      <c r="D60229" s="1" t="s">
        <v>122031</v>
      </c>
      <c r="E60229" s="1" t="s">
        <v>202091</v>
      </c>
      <c r="F60229" s="1" t="s">
        <v>202092</v>
      </c>
      <c r="G60229" s="1" t="s">
        <v>202086</v>
      </c>
      <c r="H60229" s="1" t="s">
        <v>202087</v>
      </c>
      <c r="I60229" s="1" t="s">
        <v>201500</v>
      </c>
      <c r="J60229" s="1" t="s">
        <v>202093</v>
      </c>
    </row>
    <row r="60230" spans="1:10" x14ac:dyDescent="0.35">
      <c r="A60230" s="1" t="s">
        <v>143276</v>
      </c>
      <c r="B60230" s="1" t="s">
        <v>201495</v>
      </c>
      <c r="C60230" s="1" t="s">
        <v>25</v>
      </c>
      <c r="D60230" s="1" t="s">
        <v>27847</v>
      </c>
      <c r="E60230" s="1" t="s">
        <v>202094</v>
      </c>
      <c r="F60230" s="1" t="s">
        <v>202095</v>
      </c>
      <c r="G60230" s="1" t="s">
        <v>202086</v>
      </c>
      <c r="H60230" s="1" t="s">
        <v>202087</v>
      </c>
      <c r="I60230" s="1" t="s">
        <v>201500</v>
      </c>
      <c r="J60230" s="1" t="s">
        <v>202096</v>
      </c>
    </row>
    <row r="60231" spans="1:10" x14ac:dyDescent="0.35">
      <c r="A60231" s="1" t="s">
        <v>143276</v>
      </c>
      <c r="B60231" s="1" t="s">
        <v>201495</v>
      </c>
      <c r="C60231" s="1" t="s">
        <v>30</v>
      </c>
      <c r="D60231" s="1" t="s">
        <v>5728</v>
      </c>
      <c r="E60231" s="1" t="s">
        <v>202097</v>
      </c>
      <c r="F60231" s="1" t="s">
        <v>202098</v>
      </c>
      <c r="G60231" s="1" t="s">
        <v>202086</v>
      </c>
      <c r="H60231" s="1" t="s">
        <v>202087</v>
      </c>
      <c r="I60231" s="1" t="s">
        <v>201500</v>
      </c>
      <c r="J60231" s="1" t="s">
        <v>202099</v>
      </c>
    </row>
    <row r="60232" spans="1:10" x14ac:dyDescent="0.35">
      <c r="A60232" s="1" t="s">
        <v>143276</v>
      </c>
      <c r="B60232" s="1" t="s">
        <v>201495</v>
      </c>
      <c r="C60232" s="1" t="s">
        <v>35</v>
      </c>
      <c r="D60232" s="1" t="s">
        <v>202100</v>
      </c>
      <c r="E60232" s="1" t="s">
        <v>202101</v>
      </c>
      <c r="F60232" s="1" t="s">
        <v>202102</v>
      </c>
      <c r="G60232" s="1" t="s">
        <v>202086</v>
      </c>
      <c r="H60232" s="1" t="s">
        <v>202087</v>
      </c>
      <c r="I60232" s="1" t="s">
        <v>201500</v>
      </c>
      <c r="J60232" s="1" t="s">
        <v>202103</v>
      </c>
    </row>
    <row r="60233" spans="1:10" x14ac:dyDescent="0.35">
      <c r="A60233" s="1" t="s">
        <v>143276</v>
      </c>
      <c r="B60233" s="1" t="s">
        <v>201495</v>
      </c>
      <c r="C60233" s="1" t="s">
        <v>40</v>
      </c>
      <c r="D60233" s="1" t="s">
        <v>121530</v>
      </c>
      <c r="E60233" s="1" t="s">
        <v>202104</v>
      </c>
      <c r="F60233" s="1" t="s">
        <v>202105</v>
      </c>
      <c r="G60233" s="1" t="s">
        <v>202086</v>
      </c>
      <c r="H60233" s="1" t="s">
        <v>202087</v>
      </c>
      <c r="I60233" s="1" t="s">
        <v>201500</v>
      </c>
      <c r="J60233" s="1" t="s">
        <v>202106</v>
      </c>
    </row>
    <row r="60234" spans="1:10" x14ac:dyDescent="0.35">
      <c r="A60234" s="1" t="s">
        <v>143276</v>
      </c>
      <c r="B60234" s="1" t="s">
        <v>201495</v>
      </c>
      <c r="C60234" s="1" t="s">
        <v>45</v>
      </c>
      <c r="D60234" s="1" t="s">
        <v>51259</v>
      </c>
      <c r="E60234" s="1" t="s">
        <v>202107</v>
      </c>
      <c r="F60234" s="1" t="s">
        <v>202108</v>
      </c>
      <c r="G60234" s="1" t="s">
        <v>202086</v>
      </c>
      <c r="H60234" s="1" t="s">
        <v>202087</v>
      </c>
      <c r="I60234" s="1" t="s">
        <v>201500</v>
      </c>
      <c r="J60234" s="1" t="s">
        <v>202109</v>
      </c>
    </row>
    <row r="60235" spans="1:10" x14ac:dyDescent="0.35">
      <c r="A60235" s="1" t="s">
        <v>143276</v>
      </c>
      <c r="B60235" s="1" t="s">
        <v>201495</v>
      </c>
      <c r="C60235" s="1" t="s">
        <v>50</v>
      </c>
      <c r="D60235" s="1" t="s">
        <v>9956</v>
      </c>
      <c r="E60235" s="1" t="s">
        <v>202110</v>
      </c>
      <c r="F60235" s="1" t="s">
        <v>202111</v>
      </c>
      <c r="G60235" s="1" t="s">
        <v>202086</v>
      </c>
      <c r="H60235" s="1" t="s">
        <v>202087</v>
      </c>
      <c r="I60235" s="1" t="s">
        <v>201500</v>
      </c>
      <c r="J60235" s="1" t="s">
        <v>202112</v>
      </c>
    </row>
    <row r="60236" spans="1:10" x14ac:dyDescent="0.35">
      <c r="A60236" s="1" t="s">
        <v>143276</v>
      </c>
      <c r="B60236" s="1" t="s">
        <v>201495</v>
      </c>
      <c r="C60236" s="1" t="s">
        <v>55</v>
      </c>
      <c r="D60236" s="1" t="s">
        <v>142499</v>
      </c>
      <c r="E60236" s="1" t="s">
        <v>202113</v>
      </c>
      <c r="F60236" s="1" t="s">
        <v>202114</v>
      </c>
      <c r="G60236" s="1" t="s">
        <v>202086</v>
      </c>
      <c r="H60236" s="1" t="s">
        <v>202087</v>
      </c>
      <c r="I60236" s="1" t="s">
        <v>201500</v>
      </c>
      <c r="J60236" s="1" t="s">
        <v>202115</v>
      </c>
    </row>
    <row r="60237" spans="1:10" x14ac:dyDescent="0.35">
      <c r="A60237" s="1" t="s">
        <v>143276</v>
      </c>
      <c r="B60237" s="1" t="s">
        <v>201495</v>
      </c>
      <c r="C60237" s="1" t="s">
        <v>60</v>
      </c>
      <c r="D60237" s="1" t="s">
        <v>202116</v>
      </c>
      <c r="E60237" s="1" t="s">
        <v>202117</v>
      </c>
      <c r="F60237" s="1" t="s">
        <v>202118</v>
      </c>
      <c r="G60237" s="1" t="s">
        <v>202086</v>
      </c>
      <c r="H60237" s="1" t="s">
        <v>202087</v>
      </c>
      <c r="I60237" s="1" t="s">
        <v>201500</v>
      </c>
      <c r="J60237" s="1" t="s">
        <v>202119</v>
      </c>
    </row>
    <row r="60238" spans="1:10" x14ac:dyDescent="0.35">
      <c r="A60238" s="1" t="s">
        <v>143276</v>
      </c>
      <c r="B60238" s="1" t="s">
        <v>201495</v>
      </c>
      <c r="C60238" s="1" t="s">
        <v>65</v>
      </c>
      <c r="D60238" s="1" t="s">
        <v>151792</v>
      </c>
      <c r="E60238" s="1" t="s">
        <v>202120</v>
      </c>
      <c r="F60238" s="1" t="s">
        <v>202121</v>
      </c>
      <c r="G60238" s="1" t="s">
        <v>202086</v>
      </c>
      <c r="H60238" s="1" t="s">
        <v>202087</v>
      </c>
      <c r="I60238" s="1" t="s">
        <v>201500</v>
      </c>
      <c r="J60238" s="1" t="s">
        <v>202122</v>
      </c>
    </row>
    <row r="60239" spans="1:10" x14ac:dyDescent="0.35">
      <c r="A60239" s="1" t="s">
        <v>143276</v>
      </c>
      <c r="B60239" s="1" t="s">
        <v>201495</v>
      </c>
      <c r="C60239" s="1" t="s">
        <v>70</v>
      </c>
      <c r="D60239" s="1" t="s">
        <v>202123</v>
      </c>
      <c r="E60239" s="1" t="s">
        <v>202124</v>
      </c>
      <c r="F60239" s="1" t="s">
        <v>202125</v>
      </c>
      <c r="G60239" s="1" t="s">
        <v>202086</v>
      </c>
      <c r="H60239" s="1" t="s">
        <v>202087</v>
      </c>
      <c r="I60239" s="1" t="s">
        <v>201500</v>
      </c>
      <c r="J60239" s="1" t="s">
        <v>202126</v>
      </c>
    </row>
    <row r="60240" spans="1:10" x14ac:dyDescent="0.35">
      <c r="A60240" s="1" t="s">
        <v>143276</v>
      </c>
      <c r="B60240" s="1" t="s">
        <v>201495</v>
      </c>
      <c r="C60240" s="1" t="s">
        <v>75</v>
      </c>
      <c r="D60240" s="1" t="s">
        <v>1580</v>
      </c>
      <c r="E60240" s="1" t="s">
        <v>202127</v>
      </c>
      <c r="F60240" s="1" t="s">
        <v>202128</v>
      </c>
      <c r="G60240" s="1" t="s">
        <v>202086</v>
      </c>
      <c r="H60240" s="1" t="s">
        <v>202087</v>
      </c>
      <c r="I60240" s="1" t="s">
        <v>201500</v>
      </c>
      <c r="J60240" s="1" t="s">
        <v>202129</v>
      </c>
    </row>
    <row r="60241" spans="1:10" x14ac:dyDescent="0.35">
      <c r="A60241" s="1" t="s">
        <v>143276</v>
      </c>
      <c r="B60241" s="1" t="s">
        <v>201495</v>
      </c>
      <c r="C60241" s="1" t="s">
        <v>80</v>
      </c>
      <c r="D60241" s="1" t="s">
        <v>202130</v>
      </c>
      <c r="E60241" s="1" t="s">
        <v>202131</v>
      </c>
      <c r="F60241" s="1" t="s">
        <v>202132</v>
      </c>
      <c r="G60241" s="1" t="s">
        <v>202086</v>
      </c>
      <c r="H60241" s="1" t="s">
        <v>202087</v>
      </c>
      <c r="I60241" s="1" t="s">
        <v>201500</v>
      </c>
      <c r="J60241" s="1" t="s">
        <v>202133</v>
      </c>
    </row>
    <row r="60242" spans="1:10" x14ac:dyDescent="0.35">
      <c r="A60242" s="1" t="s">
        <v>143276</v>
      </c>
      <c r="B60242" s="1" t="s">
        <v>201495</v>
      </c>
      <c r="C60242" s="1" t="s">
        <v>85</v>
      </c>
      <c r="D60242" s="1" t="s">
        <v>157629</v>
      </c>
      <c r="E60242" s="1" t="s">
        <v>73132</v>
      </c>
      <c r="F60242" s="1" t="s">
        <v>202134</v>
      </c>
      <c r="G60242" s="1" t="s">
        <v>202086</v>
      </c>
      <c r="H60242" s="1" t="s">
        <v>202087</v>
      </c>
      <c r="I60242" s="1" t="s">
        <v>201500</v>
      </c>
      <c r="J60242" s="1" t="s">
        <v>202135</v>
      </c>
    </row>
    <row r="60243" spans="1:10" x14ac:dyDescent="0.35">
      <c r="A60243" s="1" t="s">
        <v>143276</v>
      </c>
      <c r="B60243" s="1" t="s">
        <v>201495</v>
      </c>
      <c r="C60243" s="1" t="s">
        <v>90</v>
      </c>
      <c r="D60243" s="1" t="s">
        <v>2113</v>
      </c>
      <c r="E60243" s="1" t="s">
        <v>202136</v>
      </c>
      <c r="F60243" s="1" t="s">
        <v>202137</v>
      </c>
      <c r="G60243" s="1" t="s">
        <v>202086</v>
      </c>
      <c r="H60243" s="1" t="s">
        <v>202087</v>
      </c>
      <c r="I60243" s="1" t="s">
        <v>201500</v>
      </c>
      <c r="J60243" s="1" t="s">
        <v>202138</v>
      </c>
    </row>
    <row r="60244" spans="1:10" x14ac:dyDescent="0.35">
      <c r="A60244" s="1" t="s">
        <v>143276</v>
      </c>
      <c r="B60244" s="1" t="s">
        <v>201495</v>
      </c>
      <c r="C60244" s="1" t="s">
        <v>95</v>
      </c>
      <c r="D60244" s="1" t="s">
        <v>202139</v>
      </c>
      <c r="E60244" s="1" t="s">
        <v>202140</v>
      </c>
      <c r="F60244" s="1" t="s">
        <v>202141</v>
      </c>
      <c r="G60244" s="1" t="s">
        <v>202086</v>
      </c>
      <c r="H60244" s="1" t="s">
        <v>202087</v>
      </c>
      <c r="I60244" s="1" t="s">
        <v>201500</v>
      </c>
      <c r="J60244" s="1" t="s">
        <v>202142</v>
      </c>
    </row>
    <row r="60245" spans="1:10" x14ac:dyDescent="0.35">
      <c r="A60245" s="1" t="s">
        <v>143276</v>
      </c>
      <c r="B60245" s="1" t="s">
        <v>201495</v>
      </c>
      <c r="C60245" s="1" t="s">
        <v>100</v>
      </c>
      <c r="D60245" s="1" t="s">
        <v>6532</v>
      </c>
      <c r="E60245" s="1" t="s">
        <v>202143</v>
      </c>
      <c r="F60245" s="1" t="s">
        <v>202144</v>
      </c>
      <c r="G60245" s="1" t="s">
        <v>202086</v>
      </c>
      <c r="H60245" s="1" t="s">
        <v>202087</v>
      </c>
      <c r="I60245" s="1" t="s">
        <v>201500</v>
      </c>
      <c r="J60245" s="1" t="s">
        <v>202145</v>
      </c>
    </row>
    <row r="60246" spans="1:10" x14ac:dyDescent="0.35">
      <c r="A60246" s="1" t="s">
        <v>143276</v>
      </c>
      <c r="B60246" s="1" t="s">
        <v>201495</v>
      </c>
      <c r="C60246" s="1" t="s">
        <v>105</v>
      </c>
      <c r="D60246" s="1" t="s">
        <v>6543</v>
      </c>
      <c r="E60246" s="1" t="s">
        <v>202146</v>
      </c>
      <c r="F60246" s="1" t="s">
        <v>202147</v>
      </c>
      <c r="G60246" s="1" t="s">
        <v>202086</v>
      </c>
      <c r="H60246" s="1" t="s">
        <v>202087</v>
      </c>
      <c r="I60246" s="1" t="s">
        <v>201500</v>
      </c>
      <c r="J60246" s="1" t="s">
        <v>202148</v>
      </c>
    </row>
    <row r="60247" spans="1:10" x14ac:dyDescent="0.35">
      <c r="A60247" s="1" t="s">
        <v>143276</v>
      </c>
      <c r="B60247" s="1" t="s">
        <v>201495</v>
      </c>
      <c r="C60247" s="1" t="s">
        <v>110</v>
      </c>
      <c r="D60247" s="1" t="s">
        <v>198</v>
      </c>
      <c r="E60247" s="1" t="s">
        <v>202149</v>
      </c>
      <c r="F60247" s="1" t="s">
        <v>202150</v>
      </c>
      <c r="G60247" s="1" t="s">
        <v>202086</v>
      </c>
      <c r="H60247" s="1" t="s">
        <v>202087</v>
      </c>
      <c r="I60247" s="1" t="s">
        <v>201500</v>
      </c>
      <c r="J60247" s="1" t="s">
        <v>202151</v>
      </c>
    </row>
    <row r="60248" spans="1:10" x14ac:dyDescent="0.35">
      <c r="A60248" s="1" t="s">
        <v>143276</v>
      </c>
      <c r="B60248" s="1" t="s">
        <v>201495</v>
      </c>
      <c r="C60248" s="1" t="s">
        <v>115</v>
      </c>
      <c r="D60248" s="1" t="s">
        <v>2580</v>
      </c>
      <c r="E60248" s="1" t="s">
        <v>202152</v>
      </c>
      <c r="F60248" s="1" t="s">
        <v>202153</v>
      </c>
      <c r="G60248" s="1" t="s">
        <v>202086</v>
      </c>
      <c r="H60248" s="1" t="s">
        <v>202087</v>
      </c>
      <c r="I60248" s="1" t="s">
        <v>201500</v>
      </c>
      <c r="J60248" s="1" t="s">
        <v>202154</v>
      </c>
    </row>
    <row r="60249" spans="1:10" x14ac:dyDescent="0.35">
      <c r="A60249" s="1" t="s">
        <v>143276</v>
      </c>
      <c r="B60249" s="1" t="s">
        <v>201495</v>
      </c>
      <c r="C60249" s="1" t="s">
        <v>120</v>
      </c>
      <c r="D60249" s="1" t="s">
        <v>112487</v>
      </c>
      <c r="E60249" s="1" t="s">
        <v>202155</v>
      </c>
      <c r="F60249" s="1" t="s">
        <v>202156</v>
      </c>
      <c r="G60249" s="1" t="s">
        <v>202086</v>
      </c>
      <c r="H60249" s="1" t="s">
        <v>202087</v>
      </c>
      <c r="I60249" s="1" t="s">
        <v>201500</v>
      </c>
      <c r="J60249" s="1" t="s">
        <v>202157</v>
      </c>
    </row>
    <row r="60250" spans="1:10" x14ac:dyDescent="0.35">
      <c r="A60250" s="1" t="s">
        <v>143276</v>
      </c>
      <c r="B60250" s="1" t="s">
        <v>201495</v>
      </c>
      <c r="C60250" s="1" t="s">
        <v>125</v>
      </c>
      <c r="D60250" s="1" t="s">
        <v>7942</v>
      </c>
      <c r="E60250" s="1" t="s">
        <v>202158</v>
      </c>
      <c r="F60250" s="1" t="s">
        <v>202159</v>
      </c>
      <c r="G60250" s="1" t="s">
        <v>202086</v>
      </c>
      <c r="H60250" s="1" t="s">
        <v>202087</v>
      </c>
      <c r="I60250" s="1" t="s">
        <v>201500</v>
      </c>
      <c r="J60250" s="1" t="s">
        <v>202160</v>
      </c>
    </row>
    <row r="60251" spans="1:10" x14ac:dyDescent="0.35">
      <c r="A60251" s="1" t="s">
        <v>143276</v>
      </c>
      <c r="B60251" s="1" t="s">
        <v>201495</v>
      </c>
      <c r="C60251" s="1" t="s">
        <v>130</v>
      </c>
      <c r="D60251" s="1" t="s">
        <v>49107</v>
      </c>
      <c r="E60251" s="1" t="s">
        <v>202161</v>
      </c>
      <c r="F60251" s="1" t="s">
        <v>202162</v>
      </c>
      <c r="G60251" s="1" t="s">
        <v>202086</v>
      </c>
      <c r="H60251" s="1" t="s">
        <v>202087</v>
      </c>
      <c r="I60251" s="1" t="s">
        <v>201500</v>
      </c>
      <c r="J60251" s="1" t="s">
        <v>202163</v>
      </c>
    </row>
    <row r="60252" spans="1:10" x14ac:dyDescent="0.35">
      <c r="A60252" s="1" t="s">
        <v>143276</v>
      </c>
      <c r="B60252" s="1" t="s">
        <v>201495</v>
      </c>
      <c r="C60252" s="1" t="s">
        <v>135</v>
      </c>
      <c r="D60252" s="1" t="s">
        <v>48290</v>
      </c>
      <c r="E60252" s="1" t="s">
        <v>202164</v>
      </c>
      <c r="F60252" s="1" t="s">
        <v>202165</v>
      </c>
      <c r="G60252" s="1" t="s">
        <v>202086</v>
      </c>
      <c r="H60252" s="1" t="s">
        <v>202087</v>
      </c>
      <c r="I60252" s="1" t="s">
        <v>201500</v>
      </c>
      <c r="J60252" s="1" t="s">
        <v>202166</v>
      </c>
    </row>
    <row r="60253" spans="1:10" x14ac:dyDescent="0.35">
      <c r="A60253" s="1" t="s">
        <v>143276</v>
      </c>
      <c r="B60253" s="1" t="s">
        <v>201495</v>
      </c>
      <c r="C60253" s="1" t="s">
        <v>140</v>
      </c>
      <c r="D60253" s="1" t="s">
        <v>25289</v>
      </c>
      <c r="E60253" s="1" t="s">
        <v>202167</v>
      </c>
      <c r="F60253" s="1" t="s">
        <v>202168</v>
      </c>
      <c r="G60253" s="1" t="s">
        <v>202086</v>
      </c>
      <c r="H60253" s="1" t="s">
        <v>202087</v>
      </c>
      <c r="I60253" s="1" t="s">
        <v>201500</v>
      </c>
      <c r="J60253" s="1" t="s">
        <v>202169</v>
      </c>
    </row>
    <row r="60254" spans="1:10" x14ac:dyDescent="0.35">
      <c r="A60254" s="1" t="s">
        <v>143276</v>
      </c>
      <c r="B60254" s="1" t="s">
        <v>201495</v>
      </c>
      <c r="C60254" s="1" t="s">
        <v>145</v>
      </c>
      <c r="D60254" s="1" t="s">
        <v>10725</v>
      </c>
      <c r="E60254" s="1" t="s">
        <v>202170</v>
      </c>
      <c r="F60254" s="1" t="s">
        <v>202171</v>
      </c>
      <c r="G60254" s="1" t="s">
        <v>202086</v>
      </c>
      <c r="H60254" s="1" t="s">
        <v>202087</v>
      </c>
      <c r="I60254" s="1" t="s">
        <v>201500</v>
      </c>
      <c r="J60254" s="1" t="s">
        <v>171362</v>
      </c>
    </row>
    <row r="60255" spans="1:10" x14ac:dyDescent="0.35">
      <c r="A60255" s="1" t="s">
        <v>143276</v>
      </c>
      <c r="B60255" s="1" t="s">
        <v>201495</v>
      </c>
      <c r="C60255" s="1" t="s">
        <v>150</v>
      </c>
      <c r="D60255" s="1" t="s">
        <v>157957</v>
      </c>
      <c r="E60255" s="1" t="s">
        <v>202172</v>
      </c>
      <c r="F60255" s="1" t="s">
        <v>202173</v>
      </c>
      <c r="G60255" s="1" t="s">
        <v>202086</v>
      </c>
      <c r="H60255" s="1" t="s">
        <v>202087</v>
      </c>
      <c r="I60255" s="1" t="s">
        <v>201500</v>
      </c>
      <c r="J60255" s="1" t="s">
        <v>202174</v>
      </c>
    </row>
    <row r="60256" spans="1:10" x14ac:dyDescent="0.35">
      <c r="A60256" s="1" t="s">
        <v>143276</v>
      </c>
      <c r="B60256" s="1" t="s">
        <v>201495</v>
      </c>
      <c r="C60256" s="1" t="s">
        <v>155</v>
      </c>
      <c r="D60256" s="1" t="s">
        <v>74770</v>
      </c>
      <c r="E60256" s="1" t="s">
        <v>202175</v>
      </c>
      <c r="F60256" s="1" t="s">
        <v>202176</v>
      </c>
      <c r="G60256" s="1" t="s">
        <v>202086</v>
      </c>
      <c r="H60256" s="1" t="s">
        <v>202087</v>
      </c>
      <c r="I60256" s="1" t="s">
        <v>201500</v>
      </c>
      <c r="J60256" s="1" t="s">
        <v>202177</v>
      </c>
    </row>
    <row r="60257" spans="1:10" x14ac:dyDescent="0.35">
      <c r="A60257" s="1" t="s">
        <v>143276</v>
      </c>
      <c r="B60257" s="1" t="s">
        <v>201495</v>
      </c>
      <c r="C60257" s="1" t="s">
        <v>160</v>
      </c>
      <c r="D60257" s="1" t="s">
        <v>72700</v>
      </c>
      <c r="E60257" s="1" t="s">
        <v>202178</v>
      </c>
      <c r="F60257" s="1" t="s">
        <v>202179</v>
      </c>
      <c r="G60257" s="1" t="s">
        <v>202086</v>
      </c>
      <c r="H60257" s="1" t="s">
        <v>202087</v>
      </c>
      <c r="I60257" s="1" t="s">
        <v>201500</v>
      </c>
      <c r="J60257" s="1" t="s">
        <v>202180</v>
      </c>
    </row>
    <row r="60258" spans="1:10" x14ac:dyDescent="0.35">
      <c r="A60258" s="1" t="s">
        <v>143276</v>
      </c>
      <c r="B60258" s="1" t="s">
        <v>201495</v>
      </c>
      <c r="C60258" s="1" t="s">
        <v>165</v>
      </c>
      <c r="D60258" s="1" t="s">
        <v>47424</v>
      </c>
      <c r="E60258" s="1" t="s">
        <v>202181</v>
      </c>
      <c r="F60258" s="1" t="s">
        <v>202182</v>
      </c>
      <c r="G60258" s="1" t="s">
        <v>202086</v>
      </c>
      <c r="H60258" s="1" t="s">
        <v>202087</v>
      </c>
      <c r="I60258" s="1" t="s">
        <v>201500</v>
      </c>
      <c r="J60258" s="1" t="s">
        <v>202183</v>
      </c>
    </row>
    <row r="60259" spans="1:10" x14ac:dyDescent="0.35">
      <c r="A60259" s="1" t="s">
        <v>143276</v>
      </c>
      <c r="B60259" s="1" t="s">
        <v>201495</v>
      </c>
      <c r="C60259" s="1" t="s">
        <v>170</v>
      </c>
      <c r="D60259" s="1" t="s">
        <v>117663</v>
      </c>
      <c r="E60259" s="1" t="s">
        <v>202184</v>
      </c>
      <c r="F60259" s="1" t="s">
        <v>202185</v>
      </c>
      <c r="G60259" s="1" t="s">
        <v>202086</v>
      </c>
      <c r="H60259" s="1" t="s">
        <v>202087</v>
      </c>
      <c r="I60259" s="1" t="s">
        <v>201500</v>
      </c>
      <c r="J60259" s="1" t="s">
        <v>202186</v>
      </c>
    </row>
    <row r="60260" spans="1:10" x14ac:dyDescent="0.35">
      <c r="A60260" s="1" t="s">
        <v>45131</v>
      </c>
      <c r="B60260" s="1" t="s">
        <v>201495</v>
      </c>
      <c r="C60260" s="1" t="s">
        <v>8</v>
      </c>
      <c r="D60260" s="1" t="s">
        <v>27530</v>
      </c>
      <c r="E60260" s="1" t="s">
        <v>202187</v>
      </c>
      <c r="F60260" s="1" t="s">
        <v>202188</v>
      </c>
      <c r="G60260" s="1" t="s">
        <v>202189</v>
      </c>
      <c r="H60260" s="1" t="s">
        <v>202190</v>
      </c>
      <c r="I60260" s="1" t="s">
        <v>201500</v>
      </c>
      <c r="J60260" s="1" t="s">
        <v>13</v>
      </c>
    </row>
    <row r="60261" spans="1:10" x14ac:dyDescent="0.35">
      <c r="A60261" s="1" t="s">
        <v>45131</v>
      </c>
      <c r="B60261" s="1" t="s">
        <v>201495</v>
      </c>
      <c r="C60261" s="1" t="s">
        <v>15</v>
      </c>
      <c r="D60261" s="1" t="s">
        <v>10865</v>
      </c>
      <c r="E60261" s="1" t="s">
        <v>202191</v>
      </c>
      <c r="F60261" s="1" t="s">
        <v>202192</v>
      </c>
      <c r="G60261" s="1" t="s">
        <v>202189</v>
      </c>
      <c r="H60261" s="1" t="s">
        <v>202190</v>
      </c>
      <c r="I60261" s="1" t="s">
        <v>201500</v>
      </c>
      <c r="J60261" s="1" t="s">
        <v>202193</v>
      </c>
    </row>
    <row r="60262" spans="1:10" x14ac:dyDescent="0.35">
      <c r="A60262" s="1" t="s">
        <v>45131</v>
      </c>
      <c r="B60262" s="1" t="s">
        <v>201495</v>
      </c>
      <c r="C60262" s="1" t="s">
        <v>20</v>
      </c>
      <c r="D60262" s="1" t="s">
        <v>83399</v>
      </c>
      <c r="E60262" s="1" t="s">
        <v>202194</v>
      </c>
      <c r="F60262" s="1" t="s">
        <v>202195</v>
      </c>
      <c r="G60262" s="1" t="s">
        <v>202189</v>
      </c>
      <c r="H60262" s="1" t="s">
        <v>202190</v>
      </c>
      <c r="I60262" s="1" t="s">
        <v>201500</v>
      </c>
      <c r="J60262" s="1" t="s">
        <v>202196</v>
      </c>
    </row>
    <row r="60263" spans="1:10" x14ac:dyDescent="0.35">
      <c r="A60263" s="1" t="s">
        <v>45131</v>
      </c>
      <c r="B60263" s="1" t="s">
        <v>201495</v>
      </c>
      <c r="C60263" s="1" t="s">
        <v>25</v>
      </c>
      <c r="D60263" s="1" t="s">
        <v>104361</v>
      </c>
      <c r="E60263" s="1" t="s">
        <v>202197</v>
      </c>
      <c r="F60263" s="1" t="s">
        <v>202198</v>
      </c>
      <c r="G60263" s="1" t="s">
        <v>202189</v>
      </c>
      <c r="H60263" s="1" t="s">
        <v>202190</v>
      </c>
      <c r="I60263" s="1" t="s">
        <v>201500</v>
      </c>
      <c r="J60263" s="1" t="s">
        <v>202199</v>
      </c>
    </row>
    <row r="60264" spans="1:10" x14ac:dyDescent="0.35">
      <c r="A60264" s="1" t="s">
        <v>45131</v>
      </c>
      <c r="B60264" s="1" t="s">
        <v>201495</v>
      </c>
      <c r="C60264" s="1" t="s">
        <v>30</v>
      </c>
      <c r="D60264" s="1" t="s">
        <v>70998</v>
      </c>
      <c r="E60264" s="1" t="s">
        <v>202200</v>
      </c>
      <c r="F60264" s="1" t="s">
        <v>202201</v>
      </c>
      <c r="G60264" s="1" t="s">
        <v>202189</v>
      </c>
      <c r="H60264" s="1" t="s">
        <v>202190</v>
      </c>
      <c r="I60264" s="1" t="s">
        <v>201500</v>
      </c>
      <c r="J60264" s="1" t="s">
        <v>202202</v>
      </c>
    </row>
    <row r="60265" spans="1:10" x14ac:dyDescent="0.35">
      <c r="A60265" s="1" t="s">
        <v>45131</v>
      </c>
      <c r="B60265" s="1" t="s">
        <v>201495</v>
      </c>
      <c r="C60265" s="1" t="s">
        <v>35</v>
      </c>
      <c r="D60265" s="1" t="s">
        <v>42889</v>
      </c>
      <c r="E60265" s="1" t="s">
        <v>202203</v>
      </c>
      <c r="F60265" s="1" t="s">
        <v>202204</v>
      </c>
      <c r="G60265" s="1" t="s">
        <v>202189</v>
      </c>
      <c r="H60265" s="1" t="s">
        <v>202190</v>
      </c>
      <c r="I60265" s="1" t="s">
        <v>201500</v>
      </c>
      <c r="J60265" s="1" t="s">
        <v>202205</v>
      </c>
    </row>
    <row r="60266" spans="1:10" x14ac:dyDescent="0.35">
      <c r="A60266" s="1" t="s">
        <v>45131</v>
      </c>
      <c r="B60266" s="1" t="s">
        <v>201495</v>
      </c>
      <c r="C60266" s="1" t="s">
        <v>40</v>
      </c>
      <c r="D60266" s="1" t="s">
        <v>31265</v>
      </c>
      <c r="E60266" s="1" t="s">
        <v>202206</v>
      </c>
      <c r="F60266" s="1" t="s">
        <v>202207</v>
      </c>
      <c r="G60266" s="1" t="s">
        <v>202189</v>
      </c>
      <c r="H60266" s="1" t="s">
        <v>202190</v>
      </c>
      <c r="I60266" s="1" t="s">
        <v>201500</v>
      </c>
      <c r="J60266" s="1" t="s">
        <v>202208</v>
      </c>
    </row>
    <row r="60267" spans="1:10" x14ac:dyDescent="0.35">
      <c r="A60267" s="1" t="s">
        <v>45131</v>
      </c>
      <c r="B60267" s="1" t="s">
        <v>201495</v>
      </c>
      <c r="C60267" s="1" t="s">
        <v>45</v>
      </c>
      <c r="D60267" s="1" t="s">
        <v>35291</v>
      </c>
      <c r="E60267" s="1" t="s">
        <v>202209</v>
      </c>
      <c r="F60267" s="1" t="s">
        <v>202210</v>
      </c>
      <c r="G60267" s="1" t="s">
        <v>202189</v>
      </c>
      <c r="H60267" s="1" t="s">
        <v>202190</v>
      </c>
      <c r="I60267" s="1" t="s">
        <v>201500</v>
      </c>
      <c r="J60267" s="1" t="s">
        <v>202211</v>
      </c>
    </row>
    <row r="60268" spans="1:10" x14ac:dyDescent="0.35">
      <c r="A60268" s="1" t="s">
        <v>45131</v>
      </c>
      <c r="B60268" s="1" t="s">
        <v>201495</v>
      </c>
      <c r="C60268" s="1" t="s">
        <v>50</v>
      </c>
      <c r="D60268" s="1" t="s">
        <v>47793</v>
      </c>
      <c r="E60268" s="1" t="s">
        <v>202212</v>
      </c>
      <c r="F60268" s="1" t="s">
        <v>202213</v>
      </c>
      <c r="G60268" s="1" t="s">
        <v>202189</v>
      </c>
      <c r="H60268" s="1" t="s">
        <v>202190</v>
      </c>
      <c r="I60268" s="1" t="s">
        <v>201500</v>
      </c>
      <c r="J60268" s="1" t="s">
        <v>202214</v>
      </c>
    </row>
    <row r="60269" spans="1:10" x14ac:dyDescent="0.35">
      <c r="A60269" s="1" t="s">
        <v>45131</v>
      </c>
      <c r="B60269" s="1" t="s">
        <v>201495</v>
      </c>
      <c r="C60269" s="1" t="s">
        <v>55</v>
      </c>
      <c r="D60269" s="1" t="s">
        <v>9682</v>
      </c>
      <c r="E60269" s="1" t="s">
        <v>202215</v>
      </c>
      <c r="F60269" s="1" t="s">
        <v>202216</v>
      </c>
      <c r="G60269" s="1" t="s">
        <v>202189</v>
      </c>
      <c r="H60269" s="1" t="s">
        <v>202190</v>
      </c>
      <c r="I60269" s="1" t="s">
        <v>201500</v>
      </c>
      <c r="J60269" s="1" t="s">
        <v>202217</v>
      </c>
    </row>
    <row r="60270" spans="1:10" x14ac:dyDescent="0.35">
      <c r="A60270" s="1" t="s">
        <v>45131</v>
      </c>
      <c r="B60270" s="1" t="s">
        <v>201495</v>
      </c>
      <c r="C60270" s="1" t="s">
        <v>60</v>
      </c>
      <c r="D60270" s="1" t="s">
        <v>48160</v>
      </c>
      <c r="E60270" s="1" t="s">
        <v>202218</v>
      </c>
      <c r="F60270" s="1" t="s">
        <v>202219</v>
      </c>
      <c r="G60270" s="1" t="s">
        <v>202189</v>
      </c>
      <c r="H60270" s="1" t="s">
        <v>202190</v>
      </c>
      <c r="I60270" s="1" t="s">
        <v>201500</v>
      </c>
      <c r="J60270" s="1" t="s">
        <v>202220</v>
      </c>
    </row>
    <row r="60271" spans="1:10" x14ac:dyDescent="0.35">
      <c r="A60271" s="1" t="s">
        <v>45131</v>
      </c>
      <c r="B60271" s="1" t="s">
        <v>201495</v>
      </c>
      <c r="C60271" s="1" t="s">
        <v>65</v>
      </c>
      <c r="D60271" s="1" t="s">
        <v>35251</v>
      </c>
      <c r="E60271" s="1" t="s">
        <v>202221</v>
      </c>
      <c r="F60271" s="1" t="s">
        <v>202222</v>
      </c>
      <c r="G60271" s="1" t="s">
        <v>202189</v>
      </c>
      <c r="H60271" s="1" t="s">
        <v>202190</v>
      </c>
      <c r="I60271" s="1" t="s">
        <v>201500</v>
      </c>
      <c r="J60271" s="1" t="s">
        <v>202223</v>
      </c>
    </row>
    <row r="60272" spans="1:10" x14ac:dyDescent="0.35">
      <c r="A60272" s="1" t="s">
        <v>45131</v>
      </c>
      <c r="B60272" s="1" t="s">
        <v>201495</v>
      </c>
      <c r="C60272" s="1" t="s">
        <v>70</v>
      </c>
      <c r="D60272" s="1" t="s">
        <v>37443</v>
      </c>
      <c r="E60272" s="1" t="s">
        <v>202224</v>
      </c>
      <c r="F60272" s="1" t="s">
        <v>202225</v>
      </c>
      <c r="G60272" s="1" t="s">
        <v>202189</v>
      </c>
      <c r="H60272" s="1" t="s">
        <v>202190</v>
      </c>
      <c r="I60272" s="1" t="s">
        <v>201500</v>
      </c>
      <c r="J60272" s="1" t="s">
        <v>202226</v>
      </c>
    </row>
    <row r="60273" spans="1:10" x14ac:dyDescent="0.35">
      <c r="A60273" s="1" t="s">
        <v>45131</v>
      </c>
      <c r="B60273" s="1" t="s">
        <v>201495</v>
      </c>
      <c r="C60273" s="1" t="s">
        <v>75</v>
      </c>
      <c r="D60273" s="1" t="s">
        <v>70773</v>
      </c>
      <c r="E60273" s="1" t="s">
        <v>202227</v>
      </c>
      <c r="F60273" s="1" t="s">
        <v>202228</v>
      </c>
      <c r="G60273" s="1" t="s">
        <v>202189</v>
      </c>
      <c r="H60273" s="1" t="s">
        <v>202190</v>
      </c>
      <c r="I60273" s="1" t="s">
        <v>201500</v>
      </c>
      <c r="J60273" s="1" t="s">
        <v>202229</v>
      </c>
    </row>
    <row r="60274" spans="1:10" x14ac:dyDescent="0.35">
      <c r="A60274" s="1" t="s">
        <v>45131</v>
      </c>
      <c r="B60274" s="1" t="s">
        <v>201495</v>
      </c>
      <c r="C60274" s="1" t="s">
        <v>80</v>
      </c>
      <c r="D60274" s="1" t="s">
        <v>202230</v>
      </c>
      <c r="E60274" s="1" t="s">
        <v>202231</v>
      </c>
      <c r="F60274" s="1" t="s">
        <v>202232</v>
      </c>
      <c r="G60274" s="1" t="s">
        <v>202189</v>
      </c>
      <c r="H60274" s="1" t="s">
        <v>202190</v>
      </c>
      <c r="I60274" s="1" t="s">
        <v>201500</v>
      </c>
      <c r="J60274" s="1" t="s">
        <v>202233</v>
      </c>
    </row>
    <row r="60275" spans="1:10" x14ac:dyDescent="0.35">
      <c r="A60275" s="1" t="s">
        <v>45131</v>
      </c>
      <c r="B60275" s="1" t="s">
        <v>201495</v>
      </c>
      <c r="C60275" s="1" t="s">
        <v>85</v>
      </c>
      <c r="D60275" s="1" t="s">
        <v>15372</v>
      </c>
      <c r="E60275" s="1" t="s">
        <v>202234</v>
      </c>
      <c r="F60275" s="1" t="s">
        <v>202235</v>
      </c>
      <c r="G60275" s="1" t="s">
        <v>202189</v>
      </c>
      <c r="H60275" s="1" t="s">
        <v>202190</v>
      </c>
      <c r="I60275" s="1" t="s">
        <v>201500</v>
      </c>
      <c r="J60275" s="1" t="s">
        <v>202236</v>
      </c>
    </row>
    <row r="60276" spans="1:10" x14ac:dyDescent="0.35">
      <c r="A60276" s="1" t="s">
        <v>45131</v>
      </c>
      <c r="B60276" s="1" t="s">
        <v>201495</v>
      </c>
      <c r="C60276" s="1" t="s">
        <v>90</v>
      </c>
      <c r="D60276" s="1" t="s">
        <v>202237</v>
      </c>
      <c r="E60276" s="1" t="s">
        <v>202238</v>
      </c>
      <c r="F60276" s="1" t="s">
        <v>202239</v>
      </c>
      <c r="G60276" s="1" t="s">
        <v>202189</v>
      </c>
      <c r="H60276" s="1" t="s">
        <v>202190</v>
      </c>
      <c r="I60276" s="1" t="s">
        <v>201500</v>
      </c>
      <c r="J60276" s="1" t="s">
        <v>202240</v>
      </c>
    </row>
    <row r="60277" spans="1:10" x14ac:dyDescent="0.35">
      <c r="A60277" s="1" t="s">
        <v>45131</v>
      </c>
      <c r="B60277" s="1" t="s">
        <v>201495</v>
      </c>
      <c r="C60277" s="1" t="s">
        <v>95</v>
      </c>
      <c r="D60277" s="1" t="s">
        <v>7151</v>
      </c>
      <c r="E60277" s="1" t="s">
        <v>202241</v>
      </c>
      <c r="F60277" s="1" t="s">
        <v>202242</v>
      </c>
      <c r="G60277" s="1" t="s">
        <v>202189</v>
      </c>
      <c r="H60277" s="1" t="s">
        <v>202190</v>
      </c>
      <c r="I60277" s="1" t="s">
        <v>201500</v>
      </c>
      <c r="J60277" s="1" t="s">
        <v>202243</v>
      </c>
    </row>
    <row r="60278" spans="1:10" x14ac:dyDescent="0.35">
      <c r="A60278" s="1" t="s">
        <v>45131</v>
      </c>
      <c r="B60278" s="1" t="s">
        <v>201495</v>
      </c>
      <c r="C60278" s="1" t="s">
        <v>100</v>
      </c>
      <c r="D60278" s="1" t="s">
        <v>202244</v>
      </c>
      <c r="E60278" s="1" t="s">
        <v>202245</v>
      </c>
      <c r="F60278" s="1" t="s">
        <v>202246</v>
      </c>
      <c r="G60278" s="1" t="s">
        <v>202189</v>
      </c>
      <c r="H60278" s="1" t="s">
        <v>202190</v>
      </c>
      <c r="I60278" s="1" t="s">
        <v>201500</v>
      </c>
      <c r="J60278" s="1" t="s">
        <v>202247</v>
      </c>
    </row>
    <row r="60279" spans="1:10" x14ac:dyDescent="0.35">
      <c r="A60279" s="1" t="s">
        <v>45131</v>
      </c>
      <c r="B60279" s="1" t="s">
        <v>201495</v>
      </c>
      <c r="C60279" s="1" t="s">
        <v>105</v>
      </c>
      <c r="D60279" s="1" t="s">
        <v>30748</v>
      </c>
      <c r="E60279" s="1" t="s">
        <v>202248</v>
      </c>
      <c r="F60279" s="1" t="s">
        <v>202249</v>
      </c>
      <c r="G60279" s="1" t="s">
        <v>202189</v>
      </c>
      <c r="H60279" s="1" t="s">
        <v>202190</v>
      </c>
      <c r="I60279" s="1" t="s">
        <v>201500</v>
      </c>
      <c r="J60279" s="1" t="s">
        <v>202250</v>
      </c>
    </row>
    <row r="60280" spans="1:10" x14ac:dyDescent="0.35">
      <c r="A60280" s="1" t="s">
        <v>45131</v>
      </c>
      <c r="B60280" s="1" t="s">
        <v>201495</v>
      </c>
      <c r="C60280" s="1" t="s">
        <v>110</v>
      </c>
      <c r="D60280" s="1" t="s">
        <v>202251</v>
      </c>
      <c r="E60280" s="1" t="s">
        <v>202252</v>
      </c>
      <c r="F60280" s="1" t="s">
        <v>202253</v>
      </c>
      <c r="G60280" s="1" t="s">
        <v>202189</v>
      </c>
      <c r="H60280" s="1" t="s">
        <v>202190</v>
      </c>
      <c r="I60280" s="1" t="s">
        <v>201500</v>
      </c>
      <c r="J60280" s="1" t="s">
        <v>202254</v>
      </c>
    </row>
    <row r="60281" spans="1:10" x14ac:dyDescent="0.35">
      <c r="A60281" s="1" t="s">
        <v>45131</v>
      </c>
      <c r="B60281" s="1" t="s">
        <v>201495</v>
      </c>
      <c r="C60281" s="1" t="s">
        <v>115</v>
      </c>
      <c r="D60281" s="1" t="s">
        <v>30443</v>
      </c>
      <c r="E60281" s="1" t="s">
        <v>202255</v>
      </c>
      <c r="F60281" s="1" t="s">
        <v>202256</v>
      </c>
      <c r="G60281" s="1" t="s">
        <v>202189</v>
      </c>
      <c r="H60281" s="1" t="s">
        <v>202190</v>
      </c>
      <c r="I60281" s="1" t="s">
        <v>201500</v>
      </c>
      <c r="J60281" s="1" t="s">
        <v>202257</v>
      </c>
    </row>
    <row r="60282" spans="1:10" x14ac:dyDescent="0.35">
      <c r="A60282" s="1" t="s">
        <v>45131</v>
      </c>
      <c r="B60282" s="1" t="s">
        <v>201495</v>
      </c>
      <c r="C60282" s="1" t="s">
        <v>120</v>
      </c>
      <c r="D60282" s="1" t="s">
        <v>172976</v>
      </c>
      <c r="E60282" s="1" t="s">
        <v>202258</v>
      </c>
      <c r="F60282" s="1" t="s">
        <v>202259</v>
      </c>
      <c r="G60282" s="1" t="s">
        <v>202189</v>
      </c>
      <c r="H60282" s="1" t="s">
        <v>202190</v>
      </c>
      <c r="I60282" s="1" t="s">
        <v>201500</v>
      </c>
      <c r="J60282" s="1" t="s">
        <v>202260</v>
      </c>
    </row>
    <row r="60283" spans="1:10" x14ac:dyDescent="0.35">
      <c r="A60283" s="1" t="s">
        <v>45131</v>
      </c>
      <c r="B60283" s="1" t="s">
        <v>201495</v>
      </c>
      <c r="C60283" s="1" t="s">
        <v>125</v>
      </c>
      <c r="D60283" s="1" t="s">
        <v>202261</v>
      </c>
      <c r="E60283" s="1" t="s">
        <v>202262</v>
      </c>
      <c r="F60283" s="1" t="s">
        <v>202263</v>
      </c>
      <c r="G60283" s="1" t="s">
        <v>202189</v>
      </c>
      <c r="H60283" s="1" t="s">
        <v>202190</v>
      </c>
      <c r="I60283" s="1" t="s">
        <v>201500</v>
      </c>
      <c r="J60283" s="1" t="s">
        <v>202264</v>
      </c>
    </row>
    <row r="60284" spans="1:10" x14ac:dyDescent="0.35">
      <c r="A60284" s="1" t="s">
        <v>45131</v>
      </c>
      <c r="B60284" s="1" t="s">
        <v>201495</v>
      </c>
      <c r="C60284" s="1" t="s">
        <v>130</v>
      </c>
      <c r="D60284" s="1" t="s">
        <v>202265</v>
      </c>
      <c r="E60284" s="1" t="s">
        <v>202266</v>
      </c>
      <c r="F60284" s="1" t="s">
        <v>202267</v>
      </c>
      <c r="G60284" s="1" t="s">
        <v>202189</v>
      </c>
      <c r="H60284" s="1" t="s">
        <v>202190</v>
      </c>
      <c r="I60284" s="1" t="s">
        <v>201500</v>
      </c>
      <c r="J60284" s="1" t="s">
        <v>202268</v>
      </c>
    </row>
    <row r="60285" spans="1:10" x14ac:dyDescent="0.35">
      <c r="A60285" s="1" t="s">
        <v>45131</v>
      </c>
      <c r="B60285" s="1" t="s">
        <v>201495</v>
      </c>
      <c r="C60285" s="1" t="s">
        <v>135</v>
      </c>
      <c r="D60285" s="1" t="s">
        <v>153796</v>
      </c>
      <c r="E60285" s="1" t="s">
        <v>202269</v>
      </c>
      <c r="F60285" s="1" t="s">
        <v>202270</v>
      </c>
      <c r="G60285" s="1" t="s">
        <v>202189</v>
      </c>
      <c r="H60285" s="1" t="s">
        <v>202190</v>
      </c>
      <c r="I60285" s="1" t="s">
        <v>201500</v>
      </c>
      <c r="J60285" s="1" t="s">
        <v>202271</v>
      </c>
    </row>
    <row r="60286" spans="1:10" x14ac:dyDescent="0.35">
      <c r="A60286" s="1" t="s">
        <v>45131</v>
      </c>
      <c r="B60286" s="1" t="s">
        <v>201495</v>
      </c>
      <c r="C60286" s="1" t="s">
        <v>140</v>
      </c>
      <c r="D60286" s="1" t="s">
        <v>18035</v>
      </c>
      <c r="E60286" s="1" t="s">
        <v>202272</v>
      </c>
      <c r="F60286" s="1" t="s">
        <v>202273</v>
      </c>
      <c r="G60286" s="1" t="s">
        <v>202189</v>
      </c>
      <c r="H60286" s="1" t="s">
        <v>202190</v>
      </c>
      <c r="I60286" s="1" t="s">
        <v>201500</v>
      </c>
      <c r="J60286" s="1" t="s">
        <v>202274</v>
      </c>
    </row>
    <row r="60287" spans="1:10" x14ac:dyDescent="0.35">
      <c r="A60287" s="1" t="s">
        <v>45131</v>
      </c>
      <c r="B60287" s="1" t="s">
        <v>201495</v>
      </c>
      <c r="C60287" s="1" t="s">
        <v>145</v>
      </c>
      <c r="D60287" s="1" t="s">
        <v>202275</v>
      </c>
      <c r="E60287" s="1" t="s">
        <v>202276</v>
      </c>
      <c r="F60287" s="1" t="s">
        <v>202277</v>
      </c>
      <c r="G60287" s="1" t="s">
        <v>202189</v>
      </c>
      <c r="H60287" s="1" t="s">
        <v>202190</v>
      </c>
      <c r="I60287" s="1" t="s">
        <v>201500</v>
      </c>
      <c r="J60287" s="1" t="s">
        <v>202278</v>
      </c>
    </row>
    <row r="60288" spans="1:10" x14ac:dyDescent="0.35">
      <c r="A60288" s="1" t="s">
        <v>45131</v>
      </c>
      <c r="B60288" s="1" t="s">
        <v>201495</v>
      </c>
      <c r="C60288" s="1" t="s">
        <v>150</v>
      </c>
      <c r="D60288" s="1" t="s">
        <v>48014</v>
      </c>
      <c r="E60288" s="1" t="s">
        <v>202279</v>
      </c>
      <c r="F60288" s="1" t="s">
        <v>202280</v>
      </c>
      <c r="G60288" s="1" t="s">
        <v>202189</v>
      </c>
      <c r="H60288" s="1" t="s">
        <v>202190</v>
      </c>
      <c r="I60288" s="1" t="s">
        <v>201500</v>
      </c>
      <c r="J60288" s="1" t="s">
        <v>202281</v>
      </c>
    </row>
    <row r="60289" spans="1:10" x14ac:dyDescent="0.35">
      <c r="A60289" s="1" t="s">
        <v>45131</v>
      </c>
      <c r="B60289" s="1" t="s">
        <v>201495</v>
      </c>
      <c r="C60289" s="1" t="s">
        <v>155</v>
      </c>
      <c r="D60289" s="1" t="s">
        <v>184979</v>
      </c>
      <c r="E60289" s="1" t="s">
        <v>202282</v>
      </c>
      <c r="F60289" s="1" t="s">
        <v>202283</v>
      </c>
      <c r="G60289" s="1" t="s">
        <v>202189</v>
      </c>
      <c r="H60289" s="1" t="s">
        <v>202190</v>
      </c>
      <c r="I60289" s="1" t="s">
        <v>201500</v>
      </c>
      <c r="J60289" s="1" t="s">
        <v>202284</v>
      </c>
    </row>
    <row r="60290" spans="1:10" x14ac:dyDescent="0.35">
      <c r="A60290" s="1" t="s">
        <v>45131</v>
      </c>
      <c r="B60290" s="1" t="s">
        <v>201495</v>
      </c>
      <c r="C60290" s="1" t="s">
        <v>160</v>
      </c>
      <c r="D60290" s="1" t="s">
        <v>75131</v>
      </c>
      <c r="E60290" s="1" t="s">
        <v>202285</v>
      </c>
      <c r="F60290" s="1" t="s">
        <v>202286</v>
      </c>
      <c r="G60290" s="1" t="s">
        <v>202189</v>
      </c>
      <c r="H60290" s="1" t="s">
        <v>202190</v>
      </c>
      <c r="I60290" s="1" t="s">
        <v>201500</v>
      </c>
      <c r="J60290" s="1" t="s">
        <v>202287</v>
      </c>
    </row>
    <row r="60291" spans="1:10" x14ac:dyDescent="0.35">
      <c r="A60291" s="1" t="s">
        <v>45131</v>
      </c>
      <c r="B60291" s="1" t="s">
        <v>201495</v>
      </c>
      <c r="C60291" s="1" t="s">
        <v>165</v>
      </c>
      <c r="D60291" s="1" t="s">
        <v>193246</v>
      </c>
      <c r="E60291" s="1" t="s">
        <v>202288</v>
      </c>
      <c r="F60291" s="1" t="s">
        <v>202289</v>
      </c>
      <c r="G60291" s="1" t="s">
        <v>202189</v>
      </c>
      <c r="H60291" s="1" t="s">
        <v>202190</v>
      </c>
      <c r="I60291" s="1" t="s">
        <v>201500</v>
      </c>
      <c r="J60291" s="1" t="s">
        <v>202290</v>
      </c>
    </row>
    <row r="60292" spans="1:10" x14ac:dyDescent="0.35">
      <c r="A60292" s="1" t="s">
        <v>45131</v>
      </c>
      <c r="B60292" s="1" t="s">
        <v>201495</v>
      </c>
      <c r="C60292" s="1" t="s">
        <v>170</v>
      </c>
      <c r="D60292" s="1" t="s">
        <v>116924</v>
      </c>
      <c r="E60292" s="1" t="s">
        <v>202291</v>
      </c>
      <c r="F60292" s="1" t="s">
        <v>202292</v>
      </c>
      <c r="G60292" s="1" t="s">
        <v>202189</v>
      </c>
      <c r="H60292" s="1" t="s">
        <v>202190</v>
      </c>
      <c r="I60292" s="1" t="s">
        <v>201500</v>
      </c>
      <c r="J60292" s="1" t="s">
        <v>202293</v>
      </c>
    </row>
    <row r="60293" spans="1:10" x14ac:dyDescent="0.35">
      <c r="A60293" s="1" t="s">
        <v>3608</v>
      </c>
      <c r="B60293" s="1" t="s">
        <v>201495</v>
      </c>
      <c r="C60293" s="1" t="s">
        <v>8</v>
      </c>
      <c r="D60293" s="1" t="s">
        <v>34508</v>
      </c>
      <c r="E60293" s="1" t="s">
        <v>202294</v>
      </c>
      <c r="F60293" s="1" t="s">
        <v>202295</v>
      </c>
      <c r="G60293" s="1" t="s">
        <v>202296</v>
      </c>
      <c r="H60293" s="1" t="s">
        <v>202297</v>
      </c>
      <c r="I60293" s="1" t="s">
        <v>201500</v>
      </c>
      <c r="J60293" s="1" t="s">
        <v>13</v>
      </c>
    </row>
    <row r="60294" spans="1:10" x14ac:dyDescent="0.35">
      <c r="A60294" s="1" t="s">
        <v>3608</v>
      </c>
      <c r="B60294" s="1" t="s">
        <v>201495</v>
      </c>
      <c r="C60294" s="1" t="s">
        <v>15</v>
      </c>
      <c r="D60294" s="1" t="s">
        <v>115759</v>
      </c>
      <c r="E60294" s="1" t="s">
        <v>202298</v>
      </c>
      <c r="F60294" s="1" t="s">
        <v>202299</v>
      </c>
      <c r="G60294" s="1" t="s">
        <v>202296</v>
      </c>
      <c r="H60294" s="1" t="s">
        <v>202297</v>
      </c>
      <c r="I60294" s="1" t="s">
        <v>201500</v>
      </c>
      <c r="J60294" s="1" t="s">
        <v>202300</v>
      </c>
    </row>
    <row r="60295" spans="1:10" x14ac:dyDescent="0.35">
      <c r="A60295" s="1" t="s">
        <v>3608</v>
      </c>
      <c r="B60295" s="1" t="s">
        <v>201495</v>
      </c>
      <c r="C60295" s="1" t="s">
        <v>20</v>
      </c>
      <c r="D60295" s="1" t="s">
        <v>46261</v>
      </c>
      <c r="E60295" s="1" t="s">
        <v>202301</v>
      </c>
      <c r="F60295" s="1" t="s">
        <v>202302</v>
      </c>
      <c r="G60295" s="1" t="s">
        <v>202296</v>
      </c>
      <c r="H60295" s="1" t="s">
        <v>202297</v>
      </c>
      <c r="I60295" s="1" t="s">
        <v>201500</v>
      </c>
      <c r="J60295" s="1" t="s">
        <v>202303</v>
      </c>
    </row>
    <row r="60296" spans="1:10" x14ac:dyDescent="0.35">
      <c r="A60296" s="1" t="s">
        <v>3608</v>
      </c>
      <c r="B60296" s="1" t="s">
        <v>201495</v>
      </c>
      <c r="C60296" s="1" t="s">
        <v>25</v>
      </c>
      <c r="D60296" s="1" t="s">
        <v>30720</v>
      </c>
      <c r="E60296" s="1" t="s">
        <v>202304</v>
      </c>
      <c r="F60296" s="1" t="s">
        <v>202305</v>
      </c>
      <c r="G60296" s="1" t="s">
        <v>202296</v>
      </c>
      <c r="H60296" s="1" t="s">
        <v>202297</v>
      </c>
      <c r="I60296" s="1" t="s">
        <v>201500</v>
      </c>
      <c r="J60296" s="1" t="s">
        <v>202306</v>
      </c>
    </row>
    <row r="60297" spans="1:10" x14ac:dyDescent="0.35">
      <c r="A60297" s="1" t="s">
        <v>3608</v>
      </c>
      <c r="B60297" s="1" t="s">
        <v>201495</v>
      </c>
      <c r="C60297" s="1" t="s">
        <v>30</v>
      </c>
      <c r="D60297" s="1" t="s">
        <v>35017</v>
      </c>
      <c r="E60297" s="1" t="s">
        <v>202307</v>
      </c>
      <c r="F60297" s="1" t="s">
        <v>202308</v>
      </c>
      <c r="G60297" s="1" t="s">
        <v>202296</v>
      </c>
      <c r="H60297" s="1" t="s">
        <v>202297</v>
      </c>
      <c r="I60297" s="1" t="s">
        <v>201500</v>
      </c>
      <c r="J60297" s="1" t="s">
        <v>202309</v>
      </c>
    </row>
    <row r="60298" spans="1:10" x14ac:dyDescent="0.35">
      <c r="A60298" s="1" t="s">
        <v>3608</v>
      </c>
      <c r="B60298" s="1" t="s">
        <v>201495</v>
      </c>
      <c r="C60298" s="1" t="s">
        <v>35</v>
      </c>
      <c r="D60298" s="1" t="s">
        <v>197211</v>
      </c>
      <c r="E60298" s="1" t="s">
        <v>202310</v>
      </c>
      <c r="F60298" s="1" t="s">
        <v>202311</v>
      </c>
      <c r="G60298" s="1" t="s">
        <v>202296</v>
      </c>
      <c r="H60298" s="1" t="s">
        <v>202297</v>
      </c>
      <c r="I60298" s="1" t="s">
        <v>201500</v>
      </c>
      <c r="J60298" s="1" t="s">
        <v>202312</v>
      </c>
    </row>
    <row r="60299" spans="1:10" x14ac:dyDescent="0.35">
      <c r="A60299" s="1" t="s">
        <v>3608</v>
      </c>
      <c r="B60299" s="1" t="s">
        <v>201495</v>
      </c>
      <c r="C60299" s="1" t="s">
        <v>40</v>
      </c>
      <c r="D60299" s="1" t="s">
        <v>48736</v>
      </c>
      <c r="E60299" s="1" t="s">
        <v>202313</v>
      </c>
      <c r="F60299" s="1" t="s">
        <v>202314</v>
      </c>
      <c r="G60299" s="1" t="s">
        <v>202296</v>
      </c>
      <c r="H60299" s="1" t="s">
        <v>202297</v>
      </c>
      <c r="I60299" s="1" t="s">
        <v>201500</v>
      </c>
      <c r="J60299" s="1" t="s">
        <v>202315</v>
      </c>
    </row>
    <row r="60300" spans="1:10" x14ac:dyDescent="0.35">
      <c r="A60300" s="1" t="s">
        <v>3608</v>
      </c>
      <c r="B60300" s="1" t="s">
        <v>201495</v>
      </c>
      <c r="C60300" s="1" t="s">
        <v>45</v>
      </c>
      <c r="D60300" s="1" t="s">
        <v>82415</v>
      </c>
      <c r="E60300" s="1" t="s">
        <v>202316</v>
      </c>
      <c r="F60300" s="1" t="s">
        <v>202317</v>
      </c>
      <c r="G60300" s="1" t="s">
        <v>202296</v>
      </c>
      <c r="H60300" s="1" t="s">
        <v>202297</v>
      </c>
      <c r="I60300" s="1" t="s">
        <v>201500</v>
      </c>
      <c r="J60300" s="1" t="s">
        <v>202318</v>
      </c>
    </row>
    <row r="60301" spans="1:10" x14ac:dyDescent="0.35">
      <c r="A60301" s="1" t="s">
        <v>3608</v>
      </c>
      <c r="B60301" s="1" t="s">
        <v>201495</v>
      </c>
      <c r="C60301" s="1" t="s">
        <v>50</v>
      </c>
      <c r="D60301" s="1" t="s">
        <v>118864</v>
      </c>
      <c r="E60301" s="1" t="s">
        <v>202319</v>
      </c>
      <c r="F60301" s="1" t="s">
        <v>202320</v>
      </c>
      <c r="G60301" s="1" t="s">
        <v>202296</v>
      </c>
      <c r="H60301" s="1" t="s">
        <v>202297</v>
      </c>
      <c r="I60301" s="1" t="s">
        <v>201500</v>
      </c>
      <c r="J60301" s="1" t="s">
        <v>202321</v>
      </c>
    </row>
    <row r="60302" spans="1:10" x14ac:dyDescent="0.35">
      <c r="A60302" s="1" t="s">
        <v>3608</v>
      </c>
      <c r="B60302" s="1" t="s">
        <v>201495</v>
      </c>
      <c r="C60302" s="1" t="s">
        <v>55</v>
      </c>
      <c r="D60302" s="1" t="s">
        <v>15488</v>
      </c>
      <c r="E60302" s="1" t="s">
        <v>202322</v>
      </c>
      <c r="F60302" s="1" t="s">
        <v>202323</v>
      </c>
      <c r="G60302" s="1" t="s">
        <v>202296</v>
      </c>
      <c r="H60302" s="1" t="s">
        <v>202297</v>
      </c>
      <c r="I60302" s="1" t="s">
        <v>201500</v>
      </c>
      <c r="J60302" s="1" t="s">
        <v>202324</v>
      </c>
    </row>
    <row r="60303" spans="1:10" x14ac:dyDescent="0.35">
      <c r="A60303" s="1" t="s">
        <v>3608</v>
      </c>
      <c r="B60303" s="1" t="s">
        <v>201495</v>
      </c>
      <c r="C60303" s="1" t="s">
        <v>60</v>
      </c>
      <c r="D60303" s="1" t="s">
        <v>37569</v>
      </c>
      <c r="E60303" s="1" t="s">
        <v>202325</v>
      </c>
      <c r="F60303" s="1" t="s">
        <v>202326</v>
      </c>
      <c r="G60303" s="1" t="s">
        <v>202296</v>
      </c>
      <c r="H60303" s="1" t="s">
        <v>202297</v>
      </c>
      <c r="I60303" s="1" t="s">
        <v>201500</v>
      </c>
      <c r="J60303" s="1" t="s">
        <v>202327</v>
      </c>
    </row>
    <row r="60304" spans="1:10" x14ac:dyDescent="0.35">
      <c r="A60304" s="1" t="s">
        <v>3608</v>
      </c>
      <c r="B60304" s="1" t="s">
        <v>201495</v>
      </c>
      <c r="C60304" s="1" t="s">
        <v>65</v>
      </c>
      <c r="D60304" s="1" t="s">
        <v>110915</v>
      </c>
      <c r="E60304" s="1" t="s">
        <v>202328</v>
      </c>
      <c r="F60304" s="1" t="s">
        <v>202329</v>
      </c>
      <c r="G60304" s="1" t="s">
        <v>202296</v>
      </c>
      <c r="H60304" s="1" t="s">
        <v>202297</v>
      </c>
      <c r="I60304" s="1" t="s">
        <v>201500</v>
      </c>
      <c r="J60304" s="1" t="s">
        <v>202330</v>
      </c>
    </row>
    <row r="60305" spans="1:10" x14ac:dyDescent="0.35">
      <c r="A60305" s="1" t="s">
        <v>3608</v>
      </c>
      <c r="B60305" s="1" t="s">
        <v>201495</v>
      </c>
      <c r="C60305" s="1" t="s">
        <v>70</v>
      </c>
      <c r="D60305" s="1" t="s">
        <v>115471</v>
      </c>
      <c r="E60305" s="1" t="s">
        <v>202331</v>
      </c>
      <c r="F60305" s="1" t="s">
        <v>202332</v>
      </c>
      <c r="G60305" s="1" t="s">
        <v>202296</v>
      </c>
      <c r="H60305" s="1" t="s">
        <v>202297</v>
      </c>
      <c r="I60305" s="1" t="s">
        <v>201500</v>
      </c>
      <c r="J60305" s="1" t="s">
        <v>202333</v>
      </c>
    </row>
    <row r="60306" spans="1:10" x14ac:dyDescent="0.35">
      <c r="A60306" s="1" t="s">
        <v>3608</v>
      </c>
      <c r="B60306" s="1" t="s">
        <v>201495</v>
      </c>
      <c r="C60306" s="1" t="s">
        <v>75</v>
      </c>
      <c r="D60306" s="1" t="s">
        <v>202334</v>
      </c>
      <c r="E60306" s="1" t="s">
        <v>202335</v>
      </c>
      <c r="F60306" s="1" t="s">
        <v>202336</v>
      </c>
      <c r="G60306" s="1" t="s">
        <v>202296</v>
      </c>
      <c r="H60306" s="1" t="s">
        <v>202297</v>
      </c>
      <c r="I60306" s="1" t="s">
        <v>201500</v>
      </c>
      <c r="J60306" s="1" t="s">
        <v>202337</v>
      </c>
    </row>
    <row r="60307" spans="1:10" x14ac:dyDescent="0.35">
      <c r="A60307" s="1" t="s">
        <v>3608</v>
      </c>
      <c r="B60307" s="1" t="s">
        <v>201495</v>
      </c>
      <c r="C60307" s="1" t="s">
        <v>80</v>
      </c>
      <c r="D60307" s="1" t="s">
        <v>202338</v>
      </c>
      <c r="E60307" s="1" t="s">
        <v>202339</v>
      </c>
      <c r="F60307" s="1" t="s">
        <v>202340</v>
      </c>
      <c r="G60307" s="1" t="s">
        <v>202296</v>
      </c>
      <c r="H60307" s="1" t="s">
        <v>202297</v>
      </c>
      <c r="I60307" s="1" t="s">
        <v>201500</v>
      </c>
      <c r="J60307" s="1" t="s">
        <v>202341</v>
      </c>
    </row>
    <row r="60308" spans="1:10" x14ac:dyDescent="0.35">
      <c r="A60308" s="1" t="s">
        <v>3608</v>
      </c>
      <c r="B60308" s="1" t="s">
        <v>201495</v>
      </c>
      <c r="C60308" s="1" t="s">
        <v>85</v>
      </c>
      <c r="D60308" s="1" t="s">
        <v>48227</v>
      </c>
      <c r="E60308" s="1" t="s">
        <v>202342</v>
      </c>
      <c r="F60308" s="1" t="s">
        <v>202343</v>
      </c>
      <c r="G60308" s="1" t="s">
        <v>202296</v>
      </c>
      <c r="H60308" s="1" t="s">
        <v>202297</v>
      </c>
      <c r="I60308" s="1" t="s">
        <v>201500</v>
      </c>
      <c r="J60308" s="1" t="s">
        <v>202344</v>
      </c>
    </row>
    <row r="60309" spans="1:10" x14ac:dyDescent="0.35">
      <c r="A60309" s="1" t="s">
        <v>3608</v>
      </c>
      <c r="B60309" s="1" t="s">
        <v>201495</v>
      </c>
      <c r="C60309" s="1" t="s">
        <v>90</v>
      </c>
      <c r="D60309" s="1" t="s">
        <v>42759</v>
      </c>
      <c r="E60309" s="1" t="s">
        <v>202345</v>
      </c>
      <c r="F60309" s="1" t="s">
        <v>202346</v>
      </c>
      <c r="G60309" s="1" t="s">
        <v>202296</v>
      </c>
      <c r="H60309" s="1" t="s">
        <v>202297</v>
      </c>
      <c r="I60309" s="1" t="s">
        <v>201500</v>
      </c>
      <c r="J60309" s="1" t="s">
        <v>202347</v>
      </c>
    </row>
    <row r="60310" spans="1:10" x14ac:dyDescent="0.35">
      <c r="A60310" s="1" t="s">
        <v>3608</v>
      </c>
      <c r="B60310" s="1" t="s">
        <v>201495</v>
      </c>
      <c r="C60310" s="1" t="s">
        <v>95</v>
      </c>
      <c r="D60310" s="1" t="s">
        <v>37761</v>
      </c>
      <c r="E60310" s="1" t="s">
        <v>202348</v>
      </c>
      <c r="F60310" s="1" t="s">
        <v>202349</v>
      </c>
      <c r="G60310" s="1" t="s">
        <v>202296</v>
      </c>
      <c r="H60310" s="1" t="s">
        <v>202297</v>
      </c>
      <c r="I60310" s="1" t="s">
        <v>201500</v>
      </c>
      <c r="J60310" s="1" t="s">
        <v>202350</v>
      </c>
    </row>
    <row r="60311" spans="1:10" x14ac:dyDescent="0.35">
      <c r="A60311" s="1" t="s">
        <v>3608</v>
      </c>
      <c r="B60311" s="1" t="s">
        <v>201495</v>
      </c>
      <c r="C60311" s="1" t="s">
        <v>100</v>
      </c>
      <c r="D60311" s="1" t="s">
        <v>37754</v>
      </c>
      <c r="E60311" s="1" t="s">
        <v>202351</v>
      </c>
      <c r="F60311" s="1" t="s">
        <v>202352</v>
      </c>
      <c r="G60311" s="1" t="s">
        <v>202296</v>
      </c>
      <c r="H60311" s="1" t="s">
        <v>202297</v>
      </c>
      <c r="I60311" s="1" t="s">
        <v>201500</v>
      </c>
      <c r="J60311" s="1" t="s">
        <v>202353</v>
      </c>
    </row>
    <row r="60312" spans="1:10" x14ac:dyDescent="0.35">
      <c r="A60312" s="1" t="s">
        <v>3608</v>
      </c>
      <c r="B60312" s="1" t="s">
        <v>201495</v>
      </c>
      <c r="C60312" s="1" t="s">
        <v>105</v>
      </c>
      <c r="D60312" s="1" t="s">
        <v>35545</v>
      </c>
      <c r="E60312" s="1" t="s">
        <v>202354</v>
      </c>
      <c r="F60312" s="1" t="s">
        <v>202355</v>
      </c>
      <c r="G60312" s="1" t="s">
        <v>202296</v>
      </c>
      <c r="H60312" s="1" t="s">
        <v>202297</v>
      </c>
      <c r="I60312" s="1" t="s">
        <v>201500</v>
      </c>
      <c r="J60312" s="1" t="s">
        <v>202356</v>
      </c>
    </row>
    <row r="60313" spans="1:10" x14ac:dyDescent="0.35">
      <c r="A60313" s="1" t="s">
        <v>3608</v>
      </c>
      <c r="B60313" s="1" t="s">
        <v>201495</v>
      </c>
      <c r="C60313" s="1" t="s">
        <v>110</v>
      </c>
      <c r="D60313" s="1" t="s">
        <v>19525</v>
      </c>
      <c r="E60313" s="1" t="s">
        <v>202357</v>
      </c>
      <c r="F60313" s="1" t="s">
        <v>202358</v>
      </c>
      <c r="G60313" s="1" t="s">
        <v>202296</v>
      </c>
      <c r="H60313" s="1" t="s">
        <v>202297</v>
      </c>
      <c r="I60313" s="1" t="s">
        <v>201500</v>
      </c>
      <c r="J60313" s="1" t="s">
        <v>202359</v>
      </c>
    </row>
    <row r="60314" spans="1:10" x14ac:dyDescent="0.35">
      <c r="A60314" s="1" t="s">
        <v>3608</v>
      </c>
      <c r="B60314" s="1" t="s">
        <v>201495</v>
      </c>
      <c r="C60314" s="1" t="s">
        <v>115</v>
      </c>
      <c r="D60314" s="1" t="s">
        <v>202360</v>
      </c>
      <c r="E60314" s="1" t="s">
        <v>202361</v>
      </c>
      <c r="F60314" s="1" t="s">
        <v>202362</v>
      </c>
      <c r="G60314" s="1" t="s">
        <v>202296</v>
      </c>
      <c r="H60314" s="1" t="s">
        <v>202297</v>
      </c>
      <c r="I60314" s="1" t="s">
        <v>201500</v>
      </c>
      <c r="J60314" s="1" t="s">
        <v>202363</v>
      </c>
    </row>
    <row r="60315" spans="1:10" x14ac:dyDescent="0.35">
      <c r="A60315" s="1" t="s">
        <v>3608</v>
      </c>
      <c r="B60315" s="1" t="s">
        <v>201495</v>
      </c>
      <c r="C60315" s="1" t="s">
        <v>120</v>
      </c>
      <c r="D60315" s="1" t="s">
        <v>194154</v>
      </c>
      <c r="E60315" s="1" t="s">
        <v>202364</v>
      </c>
      <c r="F60315" s="1" t="s">
        <v>202365</v>
      </c>
      <c r="G60315" s="1" t="s">
        <v>202296</v>
      </c>
      <c r="H60315" s="1" t="s">
        <v>202297</v>
      </c>
      <c r="I60315" s="1" t="s">
        <v>201500</v>
      </c>
      <c r="J60315" s="1" t="s">
        <v>202366</v>
      </c>
    </row>
    <row r="60316" spans="1:10" x14ac:dyDescent="0.35">
      <c r="A60316" s="1" t="s">
        <v>3608</v>
      </c>
      <c r="B60316" s="1" t="s">
        <v>201495</v>
      </c>
      <c r="C60316" s="1" t="s">
        <v>125</v>
      </c>
      <c r="D60316" s="1" t="s">
        <v>182709</v>
      </c>
      <c r="E60316" s="1" t="s">
        <v>202367</v>
      </c>
      <c r="F60316" s="1" t="s">
        <v>202368</v>
      </c>
      <c r="G60316" s="1" t="s">
        <v>202296</v>
      </c>
      <c r="H60316" s="1" t="s">
        <v>202297</v>
      </c>
      <c r="I60316" s="1" t="s">
        <v>201500</v>
      </c>
      <c r="J60316" s="1" t="s">
        <v>202369</v>
      </c>
    </row>
    <row r="60317" spans="1:10" x14ac:dyDescent="0.35">
      <c r="A60317" s="1" t="s">
        <v>3608</v>
      </c>
      <c r="B60317" s="1" t="s">
        <v>201495</v>
      </c>
      <c r="C60317" s="1" t="s">
        <v>130</v>
      </c>
      <c r="D60317" s="1" t="s">
        <v>42902</v>
      </c>
      <c r="E60317" s="1" t="s">
        <v>202370</v>
      </c>
      <c r="F60317" s="1" t="s">
        <v>202371</v>
      </c>
      <c r="G60317" s="1" t="s">
        <v>202296</v>
      </c>
      <c r="H60317" s="1" t="s">
        <v>202297</v>
      </c>
      <c r="I60317" s="1" t="s">
        <v>201500</v>
      </c>
      <c r="J60317" s="1" t="s">
        <v>202372</v>
      </c>
    </row>
    <row r="60318" spans="1:10" x14ac:dyDescent="0.35">
      <c r="A60318" s="1" t="s">
        <v>3608</v>
      </c>
      <c r="B60318" s="1" t="s">
        <v>201495</v>
      </c>
      <c r="C60318" s="1" t="s">
        <v>135</v>
      </c>
      <c r="D60318" s="1" t="s">
        <v>33826</v>
      </c>
      <c r="E60318" s="1" t="s">
        <v>202373</v>
      </c>
      <c r="F60318" s="1" t="s">
        <v>202374</v>
      </c>
      <c r="G60318" s="1" t="s">
        <v>202296</v>
      </c>
      <c r="H60318" s="1" t="s">
        <v>202297</v>
      </c>
      <c r="I60318" s="1" t="s">
        <v>201500</v>
      </c>
      <c r="J60318" s="1" t="s">
        <v>202375</v>
      </c>
    </row>
    <row r="60319" spans="1:10" x14ac:dyDescent="0.35">
      <c r="A60319" s="1" t="s">
        <v>3608</v>
      </c>
      <c r="B60319" s="1" t="s">
        <v>201495</v>
      </c>
      <c r="C60319" s="1" t="s">
        <v>140</v>
      </c>
      <c r="D60319" s="1" t="s">
        <v>202376</v>
      </c>
      <c r="E60319" s="1" t="s">
        <v>202377</v>
      </c>
      <c r="F60319" s="1" t="s">
        <v>202378</v>
      </c>
      <c r="G60319" s="1" t="s">
        <v>202296</v>
      </c>
      <c r="H60319" s="1" t="s">
        <v>202297</v>
      </c>
      <c r="I60319" s="1" t="s">
        <v>201500</v>
      </c>
      <c r="J60319" s="1" t="s">
        <v>202379</v>
      </c>
    </row>
    <row r="60320" spans="1:10" x14ac:dyDescent="0.35">
      <c r="A60320" s="1" t="s">
        <v>3608</v>
      </c>
      <c r="B60320" s="1" t="s">
        <v>201495</v>
      </c>
      <c r="C60320" s="1" t="s">
        <v>145</v>
      </c>
      <c r="D60320" s="1" t="s">
        <v>202380</v>
      </c>
      <c r="E60320" s="1" t="s">
        <v>202381</v>
      </c>
      <c r="F60320" s="1" t="s">
        <v>202382</v>
      </c>
      <c r="G60320" s="1" t="s">
        <v>202296</v>
      </c>
      <c r="H60320" s="1" t="s">
        <v>202297</v>
      </c>
      <c r="I60320" s="1" t="s">
        <v>201500</v>
      </c>
      <c r="J60320" s="1" t="s">
        <v>202383</v>
      </c>
    </row>
    <row r="60321" spans="1:10" x14ac:dyDescent="0.35">
      <c r="A60321" s="1" t="s">
        <v>3608</v>
      </c>
      <c r="B60321" s="1" t="s">
        <v>201495</v>
      </c>
      <c r="C60321" s="1" t="s">
        <v>150</v>
      </c>
      <c r="D60321" s="1" t="s">
        <v>13527</v>
      </c>
      <c r="E60321" s="1" t="s">
        <v>202384</v>
      </c>
      <c r="F60321" s="1" t="s">
        <v>202385</v>
      </c>
      <c r="G60321" s="1" t="s">
        <v>202296</v>
      </c>
      <c r="H60321" s="1" t="s">
        <v>202297</v>
      </c>
      <c r="I60321" s="1" t="s">
        <v>201500</v>
      </c>
      <c r="J60321" s="1" t="s">
        <v>146754</v>
      </c>
    </row>
    <row r="60322" spans="1:10" x14ac:dyDescent="0.35">
      <c r="A60322" s="1" t="s">
        <v>3608</v>
      </c>
      <c r="B60322" s="1" t="s">
        <v>201495</v>
      </c>
      <c r="C60322" s="1" t="s">
        <v>155</v>
      </c>
      <c r="D60322" s="1" t="s">
        <v>49278</v>
      </c>
      <c r="E60322" s="1" t="s">
        <v>119335</v>
      </c>
      <c r="F60322" s="1" t="s">
        <v>202386</v>
      </c>
      <c r="G60322" s="1" t="s">
        <v>202296</v>
      </c>
      <c r="H60322" s="1" t="s">
        <v>202297</v>
      </c>
      <c r="I60322" s="1" t="s">
        <v>201500</v>
      </c>
      <c r="J60322" s="1" t="s">
        <v>202387</v>
      </c>
    </row>
    <row r="60323" spans="1:10" x14ac:dyDescent="0.35">
      <c r="A60323" s="1" t="s">
        <v>3608</v>
      </c>
      <c r="B60323" s="1" t="s">
        <v>201495</v>
      </c>
      <c r="C60323" s="1" t="s">
        <v>160</v>
      </c>
      <c r="D60323" s="1" t="s">
        <v>183100</v>
      </c>
      <c r="E60323" s="1" t="s">
        <v>202388</v>
      </c>
      <c r="F60323" s="1" t="s">
        <v>202389</v>
      </c>
      <c r="G60323" s="1" t="s">
        <v>202296</v>
      </c>
      <c r="H60323" s="1" t="s">
        <v>202297</v>
      </c>
      <c r="I60323" s="1" t="s">
        <v>201500</v>
      </c>
      <c r="J60323" s="1" t="s">
        <v>202390</v>
      </c>
    </row>
    <row r="60324" spans="1:10" x14ac:dyDescent="0.35">
      <c r="A60324" s="1" t="s">
        <v>3608</v>
      </c>
      <c r="B60324" s="1" t="s">
        <v>201495</v>
      </c>
      <c r="C60324" s="1" t="s">
        <v>165</v>
      </c>
      <c r="D60324" s="1" t="s">
        <v>184408</v>
      </c>
      <c r="E60324" s="1" t="s">
        <v>202391</v>
      </c>
      <c r="F60324" s="1" t="s">
        <v>202392</v>
      </c>
      <c r="G60324" s="1" t="s">
        <v>202296</v>
      </c>
      <c r="H60324" s="1" t="s">
        <v>202297</v>
      </c>
      <c r="I60324" s="1" t="s">
        <v>201500</v>
      </c>
      <c r="J60324" s="1" t="s">
        <v>202393</v>
      </c>
    </row>
    <row r="60325" spans="1:10" x14ac:dyDescent="0.35">
      <c r="A60325" s="1" t="s">
        <v>3608</v>
      </c>
      <c r="B60325" s="1" t="s">
        <v>201495</v>
      </c>
      <c r="C60325" s="1" t="s">
        <v>170</v>
      </c>
      <c r="D60325" s="1" t="s">
        <v>202394</v>
      </c>
      <c r="E60325" s="1" t="s">
        <v>202395</v>
      </c>
      <c r="F60325" s="1" t="s">
        <v>202396</v>
      </c>
      <c r="G60325" s="1" t="s">
        <v>202296</v>
      </c>
      <c r="H60325" s="1" t="s">
        <v>202297</v>
      </c>
      <c r="I60325" s="1" t="s">
        <v>201500</v>
      </c>
      <c r="J60325" s="1" t="s">
        <v>202397</v>
      </c>
    </row>
    <row r="60326" spans="1:10" x14ac:dyDescent="0.35">
      <c r="A60326" s="1" t="s">
        <v>51749</v>
      </c>
      <c r="B60326" s="1" t="s">
        <v>201495</v>
      </c>
      <c r="C60326" s="1" t="s">
        <v>8</v>
      </c>
      <c r="D60326" s="1" t="s">
        <v>202398</v>
      </c>
      <c r="E60326" s="1" t="s">
        <v>202399</v>
      </c>
      <c r="F60326" s="1" t="s">
        <v>202400</v>
      </c>
      <c r="G60326" s="1" t="s">
        <v>202401</v>
      </c>
      <c r="H60326" s="1" t="s">
        <v>202402</v>
      </c>
      <c r="I60326" s="1" t="s">
        <v>201500</v>
      </c>
      <c r="J60326" s="1" t="s">
        <v>13</v>
      </c>
    </row>
    <row r="60327" spans="1:10" x14ac:dyDescent="0.35">
      <c r="A60327" s="1" t="s">
        <v>51749</v>
      </c>
      <c r="B60327" s="1" t="s">
        <v>201495</v>
      </c>
      <c r="C60327" s="1" t="s">
        <v>15</v>
      </c>
      <c r="D60327" s="1" t="s">
        <v>48501</v>
      </c>
      <c r="E60327" s="1" t="s">
        <v>202403</v>
      </c>
      <c r="F60327" s="1" t="s">
        <v>202404</v>
      </c>
      <c r="G60327" s="1" t="s">
        <v>202401</v>
      </c>
      <c r="H60327" s="1" t="s">
        <v>202402</v>
      </c>
      <c r="I60327" s="1" t="s">
        <v>201500</v>
      </c>
      <c r="J60327" s="1" t="s">
        <v>202405</v>
      </c>
    </row>
    <row r="60328" spans="1:10" x14ac:dyDescent="0.35">
      <c r="A60328" s="1" t="s">
        <v>51749</v>
      </c>
      <c r="B60328" s="1" t="s">
        <v>201495</v>
      </c>
      <c r="C60328" s="1" t="s">
        <v>20</v>
      </c>
      <c r="D60328" s="1" t="s">
        <v>118141</v>
      </c>
      <c r="E60328" s="1" t="s">
        <v>202406</v>
      </c>
      <c r="F60328" s="1" t="s">
        <v>202407</v>
      </c>
      <c r="G60328" s="1" t="s">
        <v>202401</v>
      </c>
      <c r="H60328" s="1" t="s">
        <v>202402</v>
      </c>
      <c r="I60328" s="1" t="s">
        <v>201500</v>
      </c>
      <c r="J60328" s="1" t="s">
        <v>202408</v>
      </c>
    </row>
    <row r="60329" spans="1:10" x14ac:dyDescent="0.35">
      <c r="A60329" s="1" t="s">
        <v>51749</v>
      </c>
      <c r="B60329" s="1" t="s">
        <v>201495</v>
      </c>
      <c r="C60329" s="1" t="s">
        <v>25</v>
      </c>
      <c r="D60329" s="1" t="s">
        <v>6551</v>
      </c>
      <c r="E60329" s="1" t="s">
        <v>202409</v>
      </c>
      <c r="F60329" s="1" t="s">
        <v>202410</v>
      </c>
      <c r="G60329" s="1" t="s">
        <v>202401</v>
      </c>
      <c r="H60329" s="1" t="s">
        <v>202402</v>
      </c>
      <c r="I60329" s="1" t="s">
        <v>201500</v>
      </c>
      <c r="J60329" s="1" t="s">
        <v>202411</v>
      </c>
    </row>
    <row r="60330" spans="1:10" x14ac:dyDescent="0.35">
      <c r="A60330" s="1" t="s">
        <v>51749</v>
      </c>
      <c r="B60330" s="1" t="s">
        <v>201495</v>
      </c>
      <c r="C60330" s="1" t="s">
        <v>30</v>
      </c>
      <c r="D60330" s="1" t="s">
        <v>142972</v>
      </c>
      <c r="E60330" s="1" t="s">
        <v>202412</v>
      </c>
      <c r="F60330" s="1" t="s">
        <v>202413</v>
      </c>
      <c r="G60330" s="1" t="s">
        <v>202401</v>
      </c>
      <c r="H60330" s="1" t="s">
        <v>202402</v>
      </c>
      <c r="I60330" s="1" t="s">
        <v>201500</v>
      </c>
      <c r="J60330" s="1" t="s">
        <v>202414</v>
      </c>
    </row>
    <row r="60331" spans="1:10" x14ac:dyDescent="0.35">
      <c r="A60331" s="1" t="s">
        <v>51749</v>
      </c>
      <c r="B60331" s="1" t="s">
        <v>201495</v>
      </c>
      <c r="C60331" s="1" t="s">
        <v>35</v>
      </c>
      <c r="D60331" s="1" t="s">
        <v>143429</v>
      </c>
      <c r="E60331" s="1" t="s">
        <v>202415</v>
      </c>
      <c r="F60331" s="1" t="s">
        <v>202416</v>
      </c>
      <c r="G60331" s="1" t="s">
        <v>202401</v>
      </c>
      <c r="H60331" s="1" t="s">
        <v>202402</v>
      </c>
      <c r="I60331" s="1" t="s">
        <v>201500</v>
      </c>
      <c r="J60331" s="1" t="s">
        <v>202417</v>
      </c>
    </row>
    <row r="60332" spans="1:10" x14ac:dyDescent="0.35">
      <c r="A60332" s="1" t="s">
        <v>51749</v>
      </c>
      <c r="B60332" s="1" t="s">
        <v>201495</v>
      </c>
      <c r="C60332" s="1" t="s">
        <v>40</v>
      </c>
      <c r="D60332" s="1" t="s">
        <v>202418</v>
      </c>
      <c r="E60332" s="1" t="s">
        <v>202419</v>
      </c>
      <c r="F60332" s="1" t="s">
        <v>202420</v>
      </c>
      <c r="G60332" s="1" t="s">
        <v>202401</v>
      </c>
      <c r="H60332" s="1" t="s">
        <v>202402</v>
      </c>
      <c r="I60332" s="1" t="s">
        <v>201500</v>
      </c>
      <c r="J60332" s="1" t="s">
        <v>202421</v>
      </c>
    </row>
    <row r="60333" spans="1:10" x14ac:dyDescent="0.35">
      <c r="A60333" s="1" t="s">
        <v>51749</v>
      </c>
      <c r="B60333" s="1" t="s">
        <v>201495</v>
      </c>
      <c r="C60333" s="1" t="s">
        <v>45</v>
      </c>
      <c r="D60333" s="1" t="s">
        <v>10820</v>
      </c>
      <c r="E60333" s="1" t="s">
        <v>202422</v>
      </c>
      <c r="F60333" s="1" t="s">
        <v>202423</v>
      </c>
      <c r="G60333" s="1" t="s">
        <v>202401</v>
      </c>
      <c r="H60333" s="1" t="s">
        <v>202402</v>
      </c>
      <c r="I60333" s="1" t="s">
        <v>201500</v>
      </c>
      <c r="J60333" s="1" t="s">
        <v>202424</v>
      </c>
    </row>
    <row r="60334" spans="1:10" x14ac:dyDescent="0.35">
      <c r="A60334" s="1" t="s">
        <v>51749</v>
      </c>
      <c r="B60334" s="1" t="s">
        <v>201495</v>
      </c>
      <c r="C60334" s="1" t="s">
        <v>50</v>
      </c>
      <c r="D60334" s="1" t="s">
        <v>115727</v>
      </c>
      <c r="E60334" s="1" t="s">
        <v>202425</v>
      </c>
      <c r="F60334" s="1" t="s">
        <v>202426</v>
      </c>
      <c r="G60334" s="1" t="s">
        <v>202401</v>
      </c>
      <c r="H60334" s="1" t="s">
        <v>202402</v>
      </c>
      <c r="I60334" s="1" t="s">
        <v>201500</v>
      </c>
      <c r="J60334" s="1" t="s">
        <v>202427</v>
      </c>
    </row>
    <row r="60335" spans="1:10" x14ac:dyDescent="0.35">
      <c r="A60335" s="1" t="s">
        <v>51749</v>
      </c>
      <c r="B60335" s="1" t="s">
        <v>201495</v>
      </c>
      <c r="C60335" s="1" t="s">
        <v>55</v>
      </c>
      <c r="D60335" s="1" t="s">
        <v>46117</v>
      </c>
      <c r="E60335" s="1" t="s">
        <v>202428</v>
      </c>
      <c r="F60335" s="1" t="s">
        <v>202429</v>
      </c>
      <c r="G60335" s="1" t="s">
        <v>202401</v>
      </c>
      <c r="H60335" s="1" t="s">
        <v>202402</v>
      </c>
      <c r="I60335" s="1" t="s">
        <v>201500</v>
      </c>
      <c r="J60335" s="1" t="s">
        <v>202430</v>
      </c>
    </row>
    <row r="60336" spans="1:10" x14ac:dyDescent="0.35">
      <c r="A60336" s="1" t="s">
        <v>51749</v>
      </c>
      <c r="B60336" s="1" t="s">
        <v>201495</v>
      </c>
      <c r="C60336" s="1" t="s">
        <v>60</v>
      </c>
      <c r="D60336" s="1" t="s">
        <v>5736</v>
      </c>
      <c r="E60336" s="1" t="s">
        <v>202431</v>
      </c>
      <c r="F60336" s="1" t="s">
        <v>202432</v>
      </c>
      <c r="G60336" s="1" t="s">
        <v>202401</v>
      </c>
      <c r="H60336" s="1" t="s">
        <v>202402</v>
      </c>
      <c r="I60336" s="1" t="s">
        <v>201500</v>
      </c>
      <c r="J60336" s="1" t="s">
        <v>202433</v>
      </c>
    </row>
    <row r="60337" spans="1:10" x14ac:dyDescent="0.35">
      <c r="A60337" s="1" t="s">
        <v>51749</v>
      </c>
      <c r="B60337" s="1" t="s">
        <v>201495</v>
      </c>
      <c r="C60337" s="1" t="s">
        <v>65</v>
      </c>
      <c r="D60337" s="1" t="s">
        <v>28102</v>
      </c>
      <c r="E60337" s="1" t="s">
        <v>202434</v>
      </c>
      <c r="F60337" s="1" t="s">
        <v>202435</v>
      </c>
      <c r="G60337" s="1" t="s">
        <v>202401</v>
      </c>
      <c r="H60337" s="1" t="s">
        <v>202402</v>
      </c>
      <c r="I60337" s="1" t="s">
        <v>201500</v>
      </c>
      <c r="J60337" s="1" t="s">
        <v>202436</v>
      </c>
    </row>
    <row r="60338" spans="1:10" x14ac:dyDescent="0.35">
      <c r="A60338" s="1" t="s">
        <v>51749</v>
      </c>
      <c r="B60338" s="1" t="s">
        <v>201495</v>
      </c>
      <c r="C60338" s="1" t="s">
        <v>70</v>
      </c>
      <c r="D60338" s="1" t="s">
        <v>202437</v>
      </c>
      <c r="E60338" s="1" t="s">
        <v>202438</v>
      </c>
      <c r="F60338" s="1" t="s">
        <v>202439</v>
      </c>
      <c r="G60338" s="1" t="s">
        <v>202401</v>
      </c>
      <c r="H60338" s="1" t="s">
        <v>202402</v>
      </c>
      <c r="I60338" s="1" t="s">
        <v>201500</v>
      </c>
      <c r="J60338" s="1" t="s">
        <v>202440</v>
      </c>
    </row>
    <row r="60339" spans="1:10" x14ac:dyDescent="0.35">
      <c r="A60339" s="1" t="s">
        <v>51749</v>
      </c>
      <c r="B60339" s="1" t="s">
        <v>201495</v>
      </c>
      <c r="C60339" s="1" t="s">
        <v>75</v>
      </c>
      <c r="D60339" s="1" t="s">
        <v>202441</v>
      </c>
      <c r="E60339" s="1" t="s">
        <v>202442</v>
      </c>
      <c r="F60339" s="1" t="s">
        <v>202443</v>
      </c>
      <c r="G60339" s="1" t="s">
        <v>202401</v>
      </c>
      <c r="H60339" s="1" t="s">
        <v>202402</v>
      </c>
      <c r="I60339" s="1" t="s">
        <v>201500</v>
      </c>
      <c r="J60339" s="1" t="s">
        <v>202444</v>
      </c>
    </row>
    <row r="60340" spans="1:10" x14ac:dyDescent="0.35">
      <c r="A60340" s="1" t="s">
        <v>51749</v>
      </c>
      <c r="B60340" s="1" t="s">
        <v>201495</v>
      </c>
      <c r="C60340" s="1" t="s">
        <v>80</v>
      </c>
      <c r="D60340" s="1" t="s">
        <v>145201</v>
      </c>
      <c r="E60340" s="1" t="s">
        <v>202445</v>
      </c>
      <c r="F60340" s="1" t="s">
        <v>202446</v>
      </c>
      <c r="G60340" s="1" t="s">
        <v>202401</v>
      </c>
      <c r="H60340" s="1" t="s">
        <v>202402</v>
      </c>
      <c r="I60340" s="1" t="s">
        <v>201500</v>
      </c>
      <c r="J60340" s="1" t="s">
        <v>202447</v>
      </c>
    </row>
    <row r="60341" spans="1:10" x14ac:dyDescent="0.35">
      <c r="A60341" s="1" t="s">
        <v>51749</v>
      </c>
      <c r="B60341" s="1" t="s">
        <v>201495</v>
      </c>
      <c r="C60341" s="1" t="s">
        <v>85</v>
      </c>
      <c r="D60341" s="1" t="s">
        <v>111046</v>
      </c>
      <c r="E60341" s="1" t="s">
        <v>202448</v>
      </c>
      <c r="F60341" s="1" t="s">
        <v>202449</v>
      </c>
      <c r="G60341" s="1" t="s">
        <v>202401</v>
      </c>
      <c r="H60341" s="1" t="s">
        <v>202402</v>
      </c>
      <c r="I60341" s="1" t="s">
        <v>201500</v>
      </c>
      <c r="J60341" s="1" t="s">
        <v>202450</v>
      </c>
    </row>
    <row r="60342" spans="1:10" x14ac:dyDescent="0.35">
      <c r="A60342" s="1" t="s">
        <v>51749</v>
      </c>
      <c r="B60342" s="1" t="s">
        <v>201495</v>
      </c>
      <c r="C60342" s="1" t="s">
        <v>90</v>
      </c>
      <c r="D60342" s="1" t="s">
        <v>10987</v>
      </c>
      <c r="E60342" s="1" t="s">
        <v>202451</v>
      </c>
      <c r="F60342" s="1" t="s">
        <v>202452</v>
      </c>
      <c r="G60342" s="1" t="s">
        <v>202401</v>
      </c>
      <c r="H60342" s="1" t="s">
        <v>202402</v>
      </c>
      <c r="I60342" s="1" t="s">
        <v>201500</v>
      </c>
      <c r="J60342" s="1" t="s">
        <v>202453</v>
      </c>
    </row>
    <row r="60343" spans="1:10" x14ac:dyDescent="0.35">
      <c r="A60343" s="1" t="s">
        <v>51749</v>
      </c>
      <c r="B60343" s="1" t="s">
        <v>201495</v>
      </c>
      <c r="C60343" s="1" t="s">
        <v>95</v>
      </c>
      <c r="D60343" s="1" t="s">
        <v>202454</v>
      </c>
      <c r="E60343" s="1" t="s">
        <v>202455</v>
      </c>
      <c r="F60343" s="1" t="s">
        <v>202456</v>
      </c>
      <c r="G60343" s="1" t="s">
        <v>202401</v>
      </c>
      <c r="H60343" s="1" t="s">
        <v>202402</v>
      </c>
      <c r="I60343" s="1" t="s">
        <v>201500</v>
      </c>
      <c r="J60343" s="1" t="s">
        <v>202457</v>
      </c>
    </row>
    <row r="60344" spans="1:10" x14ac:dyDescent="0.35">
      <c r="A60344" s="1" t="s">
        <v>51749</v>
      </c>
      <c r="B60344" s="1" t="s">
        <v>201495</v>
      </c>
      <c r="C60344" s="1" t="s">
        <v>100</v>
      </c>
      <c r="D60344" s="1" t="s">
        <v>202458</v>
      </c>
      <c r="E60344" s="1" t="s">
        <v>202459</v>
      </c>
      <c r="F60344" s="1" t="s">
        <v>202460</v>
      </c>
      <c r="G60344" s="1" t="s">
        <v>202401</v>
      </c>
      <c r="H60344" s="1" t="s">
        <v>202402</v>
      </c>
      <c r="I60344" s="1" t="s">
        <v>201500</v>
      </c>
      <c r="J60344" s="1" t="s">
        <v>202461</v>
      </c>
    </row>
    <row r="60345" spans="1:10" x14ac:dyDescent="0.35">
      <c r="A60345" s="1" t="s">
        <v>51749</v>
      </c>
      <c r="B60345" s="1" t="s">
        <v>201495</v>
      </c>
      <c r="C60345" s="1" t="s">
        <v>105</v>
      </c>
      <c r="D60345" s="1" t="s">
        <v>117185</v>
      </c>
      <c r="E60345" s="1" t="s">
        <v>202462</v>
      </c>
      <c r="F60345" s="1" t="s">
        <v>202463</v>
      </c>
      <c r="G60345" s="1" t="s">
        <v>202401</v>
      </c>
      <c r="H60345" s="1" t="s">
        <v>202402</v>
      </c>
      <c r="I60345" s="1" t="s">
        <v>201500</v>
      </c>
      <c r="J60345" s="1" t="s">
        <v>202464</v>
      </c>
    </row>
    <row r="60346" spans="1:10" x14ac:dyDescent="0.35">
      <c r="A60346" s="1" t="s">
        <v>51749</v>
      </c>
      <c r="B60346" s="1" t="s">
        <v>201495</v>
      </c>
      <c r="C60346" s="1" t="s">
        <v>110</v>
      </c>
      <c r="D60346" s="1" t="s">
        <v>6657</v>
      </c>
      <c r="E60346" s="1" t="s">
        <v>202465</v>
      </c>
      <c r="F60346" s="1" t="s">
        <v>202466</v>
      </c>
      <c r="G60346" s="1" t="s">
        <v>202401</v>
      </c>
      <c r="H60346" s="1" t="s">
        <v>202402</v>
      </c>
      <c r="I60346" s="1" t="s">
        <v>201500</v>
      </c>
      <c r="J60346" s="1" t="s">
        <v>202467</v>
      </c>
    </row>
    <row r="60347" spans="1:10" x14ac:dyDescent="0.35">
      <c r="A60347" s="1" t="s">
        <v>51749</v>
      </c>
      <c r="B60347" s="1" t="s">
        <v>201495</v>
      </c>
      <c r="C60347" s="1" t="s">
        <v>115</v>
      </c>
      <c r="D60347" s="1" t="s">
        <v>49143</v>
      </c>
      <c r="E60347" s="1" t="s">
        <v>202468</v>
      </c>
      <c r="F60347" s="1" t="s">
        <v>202469</v>
      </c>
      <c r="G60347" s="1" t="s">
        <v>202401</v>
      </c>
      <c r="H60347" s="1" t="s">
        <v>202402</v>
      </c>
      <c r="I60347" s="1" t="s">
        <v>201500</v>
      </c>
      <c r="J60347" s="1" t="s">
        <v>202470</v>
      </c>
    </row>
    <row r="60348" spans="1:10" x14ac:dyDescent="0.35">
      <c r="A60348" s="1" t="s">
        <v>51749</v>
      </c>
      <c r="B60348" s="1" t="s">
        <v>201495</v>
      </c>
      <c r="C60348" s="1" t="s">
        <v>120</v>
      </c>
      <c r="D60348" s="1" t="s">
        <v>121664</v>
      </c>
      <c r="E60348" s="1" t="s">
        <v>202471</v>
      </c>
      <c r="F60348" s="1" t="s">
        <v>202472</v>
      </c>
      <c r="G60348" s="1" t="s">
        <v>202401</v>
      </c>
      <c r="H60348" s="1" t="s">
        <v>202402</v>
      </c>
      <c r="I60348" s="1" t="s">
        <v>201500</v>
      </c>
      <c r="J60348" s="1" t="s">
        <v>202473</v>
      </c>
    </row>
    <row r="60349" spans="1:10" x14ac:dyDescent="0.35">
      <c r="A60349" s="1" t="s">
        <v>51749</v>
      </c>
      <c r="B60349" s="1" t="s">
        <v>201495</v>
      </c>
      <c r="C60349" s="1" t="s">
        <v>125</v>
      </c>
      <c r="D60349" s="1" t="s">
        <v>35537</v>
      </c>
      <c r="E60349" s="1" t="s">
        <v>202474</v>
      </c>
      <c r="F60349" s="1" t="s">
        <v>202475</v>
      </c>
      <c r="G60349" s="1" t="s">
        <v>202401</v>
      </c>
      <c r="H60349" s="1" t="s">
        <v>202402</v>
      </c>
      <c r="I60349" s="1" t="s">
        <v>201500</v>
      </c>
      <c r="J60349" s="1" t="s">
        <v>202476</v>
      </c>
    </row>
    <row r="60350" spans="1:10" x14ac:dyDescent="0.35">
      <c r="A60350" s="1" t="s">
        <v>51749</v>
      </c>
      <c r="B60350" s="1" t="s">
        <v>201495</v>
      </c>
      <c r="C60350" s="1" t="s">
        <v>130</v>
      </c>
      <c r="D60350" s="1" t="s">
        <v>48176</v>
      </c>
      <c r="E60350" s="1" t="s">
        <v>202477</v>
      </c>
      <c r="F60350" s="1" t="s">
        <v>202478</v>
      </c>
      <c r="G60350" s="1" t="s">
        <v>202401</v>
      </c>
      <c r="H60350" s="1" t="s">
        <v>202402</v>
      </c>
      <c r="I60350" s="1" t="s">
        <v>201500</v>
      </c>
      <c r="J60350" s="1" t="s">
        <v>202479</v>
      </c>
    </row>
    <row r="60351" spans="1:10" x14ac:dyDescent="0.35">
      <c r="A60351" s="1" t="s">
        <v>51749</v>
      </c>
      <c r="B60351" s="1" t="s">
        <v>201495</v>
      </c>
      <c r="C60351" s="1" t="s">
        <v>135</v>
      </c>
      <c r="D60351" s="1" t="s">
        <v>202480</v>
      </c>
      <c r="E60351" s="1" t="s">
        <v>202481</v>
      </c>
      <c r="F60351" s="1" t="s">
        <v>202482</v>
      </c>
      <c r="G60351" s="1" t="s">
        <v>202401</v>
      </c>
      <c r="H60351" s="1" t="s">
        <v>202402</v>
      </c>
      <c r="I60351" s="1" t="s">
        <v>201500</v>
      </c>
      <c r="J60351" s="1" t="s">
        <v>202483</v>
      </c>
    </row>
    <row r="60352" spans="1:10" x14ac:dyDescent="0.35">
      <c r="A60352" s="1" t="s">
        <v>51749</v>
      </c>
      <c r="B60352" s="1" t="s">
        <v>201495</v>
      </c>
      <c r="C60352" s="1" t="s">
        <v>140</v>
      </c>
      <c r="D60352" s="1" t="s">
        <v>72074</v>
      </c>
      <c r="E60352" s="1" t="s">
        <v>202484</v>
      </c>
      <c r="F60352" s="1" t="s">
        <v>202485</v>
      </c>
      <c r="G60352" s="1" t="s">
        <v>202401</v>
      </c>
      <c r="H60352" s="1" t="s">
        <v>202402</v>
      </c>
      <c r="I60352" s="1" t="s">
        <v>201500</v>
      </c>
      <c r="J60352" s="1" t="s">
        <v>202486</v>
      </c>
    </row>
    <row r="60353" spans="1:10" x14ac:dyDescent="0.35">
      <c r="A60353" s="1" t="s">
        <v>51749</v>
      </c>
      <c r="B60353" s="1" t="s">
        <v>201495</v>
      </c>
      <c r="C60353" s="1" t="s">
        <v>145</v>
      </c>
      <c r="D60353" s="1" t="s">
        <v>135559</v>
      </c>
      <c r="E60353" s="1" t="s">
        <v>202487</v>
      </c>
      <c r="F60353" s="1" t="s">
        <v>202488</v>
      </c>
      <c r="G60353" s="1" t="s">
        <v>202401</v>
      </c>
      <c r="H60353" s="1" t="s">
        <v>202402</v>
      </c>
      <c r="I60353" s="1" t="s">
        <v>201500</v>
      </c>
      <c r="J60353" s="1" t="s">
        <v>202489</v>
      </c>
    </row>
    <row r="60354" spans="1:10" x14ac:dyDescent="0.35">
      <c r="A60354" s="1" t="s">
        <v>51749</v>
      </c>
      <c r="B60354" s="1" t="s">
        <v>201495</v>
      </c>
      <c r="C60354" s="1" t="s">
        <v>150</v>
      </c>
      <c r="D60354" s="1" t="s">
        <v>38192</v>
      </c>
      <c r="E60354" s="1" t="s">
        <v>202490</v>
      </c>
      <c r="F60354" s="1" t="s">
        <v>202491</v>
      </c>
      <c r="G60354" s="1" t="s">
        <v>202401</v>
      </c>
      <c r="H60354" s="1" t="s">
        <v>202402</v>
      </c>
      <c r="I60354" s="1" t="s">
        <v>201500</v>
      </c>
      <c r="J60354" s="1" t="s">
        <v>202492</v>
      </c>
    </row>
    <row r="60355" spans="1:10" x14ac:dyDescent="0.35">
      <c r="A60355" s="1" t="s">
        <v>51749</v>
      </c>
      <c r="B60355" s="1" t="s">
        <v>201495</v>
      </c>
      <c r="C60355" s="1" t="s">
        <v>155</v>
      </c>
      <c r="D60355" s="1" t="s">
        <v>19536</v>
      </c>
      <c r="E60355" s="1" t="s">
        <v>202493</v>
      </c>
      <c r="F60355" s="1" t="s">
        <v>202494</v>
      </c>
      <c r="G60355" s="1" t="s">
        <v>202401</v>
      </c>
      <c r="H60355" s="1" t="s">
        <v>202402</v>
      </c>
      <c r="I60355" s="1" t="s">
        <v>201500</v>
      </c>
      <c r="J60355" s="1" t="s">
        <v>202495</v>
      </c>
    </row>
    <row r="60356" spans="1:10" x14ac:dyDescent="0.35">
      <c r="A60356" s="1" t="s">
        <v>51749</v>
      </c>
      <c r="B60356" s="1" t="s">
        <v>201495</v>
      </c>
      <c r="C60356" s="1" t="s">
        <v>160</v>
      </c>
      <c r="D60356" s="1" t="s">
        <v>202496</v>
      </c>
      <c r="E60356" s="1" t="s">
        <v>202497</v>
      </c>
      <c r="F60356" s="1" t="s">
        <v>202498</v>
      </c>
      <c r="G60356" s="1" t="s">
        <v>202401</v>
      </c>
      <c r="H60356" s="1" t="s">
        <v>202402</v>
      </c>
      <c r="I60356" s="1" t="s">
        <v>201500</v>
      </c>
      <c r="J60356" s="1" t="s">
        <v>202499</v>
      </c>
    </row>
    <row r="60357" spans="1:10" x14ac:dyDescent="0.35">
      <c r="A60357" s="1" t="s">
        <v>51749</v>
      </c>
      <c r="B60357" s="1" t="s">
        <v>201495</v>
      </c>
      <c r="C60357" s="1" t="s">
        <v>165</v>
      </c>
      <c r="D60357" s="1" t="s">
        <v>34730</v>
      </c>
      <c r="E60357" s="1" t="s">
        <v>202500</v>
      </c>
      <c r="F60357" s="1" t="s">
        <v>202501</v>
      </c>
      <c r="G60357" s="1" t="s">
        <v>202401</v>
      </c>
      <c r="H60357" s="1" t="s">
        <v>202402</v>
      </c>
      <c r="I60357" s="1" t="s">
        <v>201500</v>
      </c>
      <c r="J60357" s="1" t="s">
        <v>202502</v>
      </c>
    </row>
    <row r="60358" spans="1:10" x14ac:dyDescent="0.35">
      <c r="A60358" s="1" t="s">
        <v>51749</v>
      </c>
      <c r="B60358" s="1" t="s">
        <v>201495</v>
      </c>
      <c r="C60358" s="1" t="s">
        <v>170</v>
      </c>
      <c r="D60358" s="1" t="s">
        <v>34946</v>
      </c>
      <c r="E60358" s="1" t="s">
        <v>202503</v>
      </c>
      <c r="F60358" s="1" t="s">
        <v>202504</v>
      </c>
      <c r="G60358" s="1" t="s">
        <v>202401</v>
      </c>
      <c r="H60358" s="1" t="s">
        <v>202402</v>
      </c>
      <c r="I60358" s="1" t="s">
        <v>201500</v>
      </c>
      <c r="J60358" s="1" t="s">
        <v>202505</v>
      </c>
    </row>
    <row r="60359" spans="1:10" x14ac:dyDescent="0.35">
      <c r="A60359" s="1" t="s">
        <v>111016</v>
      </c>
      <c r="B60359" s="1" t="s">
        <v>201495</v>
      </c>
      <c r="C60359" s="1" t="s">
        <v>8</v>
      </c>
      <c r="D60359" s="1" t="s">
        <v>159935</v>
      </c>
      <c r="E60359" s="1" t="s">
        <v>202506</v>
      </c>
      <c r="F60359" s="1" t="s">
        <v>202507</v>
      </c>
      <c r="G60359" s="1" t="s">
        <v>202508</v>
      </c>
      <c r="H60359" s="1" t="s">
        <v>202509</v>
      </c>
      <c r="I60359" s="1" t="s">
        <v>201500</v>
      </c>
      <c r="J60359" s="1" t="s">
        <v>13</v>
      </c>
    </row>
    <row r="60360" spans="1:10" x14ac:dyDescent="0.35">
      <c r="A60360" s="1" t="s">
        <v>111016</v>
      </c>
      <c r="B60360" s="1" t="s">
        <v>201495</v>
      </c>
      <c r="C60360" s="1" t="s">
        <v>15</v>
      </c>
      <c r="D60360" s="1" t="s">
        <v>177809</v>
      </c>
      <c r="E60360" s="1" t="s">
        <v>202510</v>
      </c>
      <c r="F60360" s="1" t="s">
        <v>202511</v>
      </c>
      <c r="G60360" s="1" t="s">
        <v>202508</v>
      </c>
      <c r="H60360" s="1" t="s">
        <v>202509</v>
      </c>
      <c r="I60360" s="1" t="s">
        <v>201500</v>
      </c>
      <c r="J60360" s="1" t="s">
        <v>202512</v>
      </c>
    </row>
    <row r="60361" spans="1:10" x14ac:dyDescent="0.35">
      <c r="A60361" s="1" t="s">
        <v>111016</v>
      </c>
      <c r="B60361" s="1" t="s">
        <v>201495</v>
      </c>
      <c r="C60361" s="1" t="s">
        <v>20</v>
      </c>
      <c r="D60361" s="1" t="s">
        <v>174556</v>
      </c>
      <c r="E60361" s="1" t="s">
        <v>202513</v>
      </c>
      <c r="F60361" s="1" t="s">
        <v>202514</v>
      </c>
      <c r="G60361" s="1" t="s">
        <v>202508</v>
      </c>
      <c r="H60361" s="1" t="s">
        <v>202509</v>
      </c>
      <c r="I60361" s="1" t="s">
        <v>201500</v>
      </c>
      <c r="J60361" s="1" t="s">
        <v>202515</v>
      </c>
    </row>
    <row r="60362" spans="1:10" x14ac:dyDescent="0.35">
      <c r="A60362" s="1" t="s">
        <v>111016</v>
      </c>
      <c r="B60362" s="1" t="s">
        <v>201495</v>
      </c>
      <c r="C60362" s="1" t="s">
        <v>25</v>
      </c>
      <c r="D60362" s="1" t="s">
        <v>18784</v>
      </c>
      <c r="E60362" s="1" t="s">
        <v>202516</v>
      </c>
      <c r="F60362" s="1" t="s">
        <v>202517</v>
      </c>
      <c r="G60362" s="1" t="s">
        <v>202508</v>
      </c>
      <c r="H60362" s="1" t="s">
        <v>202509</v>
      </c>
      <c r="I60362" s="1" t="s">
        <v>201500</v>
      </c>
      <c r="J60362" s="1" t="s">
        <v>202518</v>
      </c>
    </row>
    <row r="60363" spans="1:10" x14ac:dyDescent="0.35">
      <c r="A60363" s="1" t="s">
        <v>111016</v>
      </c>
      <c r="B60363" s="1" t="s">
        <v>201495</v>
      </c>
      <c r="C60363" s="1" t="s">
        <v>30</v>
      </c>
      <c r="D60363" s="1" t="s">
        <v>129617</v>
      </c>
      <c r="E60363" s="1" t="s">
        <v>202519</v>
      </c>
      <c r="F60363" s="1" t="s">
        <v>202520</v>
      </c>
      <c r="G60363" s="1" t="s">
        <v>202508</v>
      </c>
      <c r="H60363" s="1" t="s">
        <v>202509</v>
      </c>
      <c r="I60363" s="1" t="s">
        <v>201500</v>
      </c>
      <c r="J60363" s="1" t="s">
        <v>202521</v>
      </c>
    </row>
    <row r="60364" spans="1:10" x14ac:dyDescent="0.35">
      <c r="A60364" s="1" t="s">
        <v>111016</v>
      </c>
      <c r="B60364" s="1" t="s">
        <v>201495</v>
      </c>
      <c r="C60364" s="1" t="s">
        <v>35</v>
      </c>
      <c r="D60364" s="1" t="s">
        <v>101293</v>
      </c>
      <c r="E60364" s="1" t="s">
        <v>159878</v>
      </c>
      <c r="F60364" s="1" t="s">
        <v>202522</v>
      </c>
      <c r="G60364" s="1" t="s">
        <v>202508</v>
      </c>
      <c r="H60364" s="1" t="s">
        <v>202509</v>
      </c>
      <c r="I60364" s="1" t="s">
        <v>201500</v>
      </c>
      <c r="J60364" s="1" t="s">
        <v>202523</v>
      </c>
    </row>
    <row r="60365" spans="1:10" x14ac:dyDescent="0.35">
      <c r="A60365" s="1" t="s">
        <v>111016</v>
      </c>
      <c r="B60365" s="1" t="s">
        <v>201495</v>
      </c>
      <c r="C60365" s="1" t="s">
        <v>40</v>
      </c>
      <c r="D60365" s="1" t="s">
        <v>103127</v>
      </c>
      <c r="E60365" s="1" t="s">
        <v>12164</v>
      </c>
      <c r="F60365" s="1" t="s">
        <v>202524</v>
      </c>
      <c r="G60365" s="1" t="s">
        <v>202508</v>
      </c>
      <c r="H60365" s="1" t="s">
        <v>202509</v>
      </c>
      <c r="I60365" s="1" t="s">
        <v>201500</v>
      </c>
      <c r="J60365" s="1" t="s">
        <v>202525</v>
      </c>
    </row>
    <row r="60366" spans="1:10" x14ac:dyDescent="0.35">
      <c r="A60366" s="1" t="s">
        <v>111016</v>
      </c>
      <c r="B60366" s="1" t="s">
        <v>201495</v>
      </c>
      <c r="C60366" s="1" t="s">
        <v>45</v>
      </c>
      <c r="D60366" s="1" t="s">
        <v>61854</v>
      </c>
      <c r="E60366" s="1" t="s">
        <v>202526</v>
      </c>
      <c r="F60366" s="1" t="s">
        <v>202527</v>
      </c>
      <c r="G60366" s="1" t="s">
        <v>202508</v>
      </c>
      <c r="H60366" s="1" t="s">
        <v>202509</v>
      </c>
      <c r="I60366" s="1" t="s">
        <v>201500</v>
      </c>
      <c r="J60366" s="1" t="s">
        <v>202528</v>
      </c>
    </row>
    <row r="60367" spans="1:10" x14ac:dyDescent="0.35">
      <c r="A60367" s="1" t="s">
        <v>111016</v>
      </c>
      <c r="B60367" s="1" t="s">
        <v>201495</v>
      </c>
      <c r="C60367" s="1" t="s">
        <v>50</v>
      </c>
      <c r="D60367" s="1" t="s">
        <v>77264</v>
      </c>
      <c r="E60367" s="1" t="s">
        <v>202529</v>
      </c>
      <c r="F60367" s="1" t="s">
        <v>202530</v>
      </c>
      <c r="G60367" s="1" t="s">
        <v>202508</v>
      </c>
      <c r="H60367" s="1" t="s">
        <v>202509</v>
      </c>
      <c r="I60367" s="1" t="s">
        <v>201500</v>
      </c>
      <c r="J60367" s="1" t="s">
        <v>202531</v>
      </c>
    </row>
    <row r="60368" spans="1:10" x14ac:dyDescent="0.35">
      <c r="A60368" s="1" t="s">
        <v>111016</v>
      </c>
      <c r="B60368" s="1" t="s">
        <v>201495</v>
      </c>
      <c r="C60368" s="1" t="s">
        <v>55</v>
      </c>
      <c r="D60368" s="1" t="s">
        <v>202532</v>
      </c>
      <c r="E60368" s="1" t="s">
        <v>202533</v>
      </c>
      <c r="F60368" s="1" t="s">
        <v>202534</v>
      </c>
      <c r="G60368" s="1" t="s">
        <v>202508</v>
      </c>
      <c r="H60368" s="1" t="s">
        <v>202509</v>
      </c>
      <c r="I60368" s="1" t="s">
        <v>201500</v>
      </c>
      <c r="J60368" s="1" t="s">
        <v>202535</v>
      </c>
    </row>
    <row r="60369" spans="1:10" x14ac:dyDescent="0.35">
      <c r="A60369" s="1" t="s">
        <v>111016</v>
      </c>
      <c r="B60369" s="1" t="s">
        <v>201495</v>
      </c>
      <c r="C60369" s="1" t="s">
        <v>60</v>
      </c>
      <c r="D60369" s="1" t="s">
        <v>93508</v>
      </c>
      <c r="E60369" s="1" t="s">
        <v>13712</v>
      </c>
      <c r="F60369" s="1" t="s">
        <v>202536</v>
      </c>
      <c r="G60369" s="1" t="s">
        <v>202508</v>
      </c>
      <c r="H60369" s="1" t="s">
        <v>202509</v>
      </c>
      <c r="I60369" s="1" t="s">
        <v>201500</v>
      </c>
      <c r="J60369" s="1" t="s">
        <v>202537</v>
      </c>
    </row>
    <row r="60370" spans="1:10" x14ac:dyDescent="0.35">
      <c r="A60370" s="1" t="s">
        <v>111016</v>
      </c>
      <c r="B60370" s="1" t="s">
        <v>201495</v>
      </c>
      <c r="C60370" s="1" t="s">
        <v>65</v>
      </c>
      <c r="D60370" s="1" t="s">
        <v>202538</v>
      </c>
      <c r="E60370" s="1" t="s">
        <v>159846</v>
      </c>
      <c r="F60370" s="1" t="s">
        <v>202539</v>
      </c>
      <c r="G60370" s="1" t="s">
        <v>202508</v>
      </c>
      <c r="H60370" s="1" t="s">
        <v>202509</v>
      </c>
      <c r="I60370" s="1" t="s">
        <v>201500</v>
      </c>
      <c r="J60370" s="1" t="s">
        <v>202540</v>
      </c>
    </row>
    <row r="60371" spans="1:10" x14ac:dyDescent="0.35">
      <c r="A60371" s="1" t="s">
        <v>111016</v>
      </c>
      <c r="B60371" s="1" t="s">
        <v>201495</v>
      </c>
      <c r="C60371" s="1" t="s">
        <v>70</v>
      </c>
      <c r="D60371" s="1" t="s">
        <v>55495</v>
      </c>
      <c r="E60371" s="1" t="s">
        <v>202541</v>
      </c>
      <c r="F60371" s="1" t="s">
        <v>202542</v>
      </c>
      <c r="G60371" s="1" t="s">
        <v>202508</v>
      </c>
      <c r="H60371" s="1" t="s">
        <v>202509</v>
      </c>
      <c r="I60371" s="1" t="s">
        <v>201500</v>
      </c>
      <c r="J60371" s="1" t="s">
        <v>202543</v>
      </c>
    </row>
    <row r="60372" spans="1:10" x14ac:dyDescent="0.35">
      <c r="A60372" s="1" t="s">
        <v>111016</v>
      </c>
      <c r="B60372" s="1" t="s">
        <v>201495</v>
      </c>
      <c r="C60372" s="1" t="s">
        <v>75</v>
      </c>
      <c r="D60372" s="1" t="s">
        <v>179864</v>
      </c>
      <c r="E60372" s="1" t="s">
        <v>202544</v>
      </c>
      <c r="F60372" s="1" t="s">
        <v>202545</v>
      </c>
      <c r="G60372" s="1" t="s">
        <v>202508</v>
      </c>
      <c r="H60372" s="1" t="s">
        <v>202509</v>
      </c>
      <c r="I60372" s="1" t="s">
        <v>201500</v>
      </c>
      <c r="J60372" s="1" t="s">
        <v>202546</v>
      </c>
    </row>
    <row r="60373" spans="1:10" x14ac:dyDescent="0.35">
      <c r="A60373" s="1" t="s">
        <v>111016</v>
      </c>
      <c r="B60373" s="1" t="s">
        <v>201495</v>
      </c>
      <c r="C60373" s="1" t="s">
        <v>80</v>
      </c>
      <c r="D60373" s="1" t="s">
        <v>90896</v>
      </c>
      <c r="E60373" s="1" t="s">
        <v>12219</v>
      </c>
      <c r="F60373" s="1" t="s">
        <v>202547</v>
      </c>
      <c r="G60373" s="1" t="s">
        <v>202508</v>
      </c>
      <c r="H60373" s="1" t="s">
        <v>202509</v>
      </c>
      <c r="I60373" s="1" t="s">
        <v>201500</v>
      </c>
      <c r="J60373" s="1" t="s">
        <v>202548</v>
      </c>
    </row>
    <row r="60374" spans="1:10" x14ac:dyDescent="0.35">
      <c r="A60374" s="1" t="s">
        <v>111016</v>
      </c>
      <c r="B60374" s="1" t="s">
        <v>201495</v>
      </c>
      <c r="C60374" s="1" t="s">
        <v>85</v>
      </c>
      <c r="D60374" s="1" t="s">
        <v>55747</v>
      </c>
      <c r="E60374" s="1" t="s">
        <v>202549</v>
      </c>
      <c r="F60374" s="1" t="s">
        <v>130077</v>
      </c>
      <c r="G60374" s="1" t="s">
        <v>202508</v>
      </c>
      <c r="H60374" s="1" t="s">
        <v>202509</v>
      </c>
      <c r="I60374" s="1" t="s">
        <v>201500</v>
      </c>
      <c r="J60374" s="1" t="s">
        <v>202550</v>
      </c>
    </row>
    <row r="60375" spans="1:10" x14ac:dyDescent="0.35">
      <c r="A60375" s="1" t="s">
        <v>111016</v>
      </c>
      <c r="B60375" s="1" t="s">
        <v>201495</v>
      </c>
      <c r="C60375" s="1" t="s">
        <v>90</v>
      </c>
      <c r="D60375" s="1" t="s">
        <v>202551</v>
      </c>
      <c r="E60375" s="1" t="s">
        <v>111472</v>
      </c>
      <c r="F60375" s="1" t="s">
        <v>202552</v>
      </c>
      <c r="G60375" s="1" t="s">
        <v>202508</v>
      </c>
      <c r="H60375" s="1" t="s">
        <v>202509</v>
      </c>
      <c r="I60375" s="1" t="s">
        <v>201500</v>
      </c>
      <c r="J60375" s="1" t="s">
        <v>202553</v>
      </c>
    </row>
    <row r="60376" spans="1:10" x14ac:dyDescent="0.35">
      <c r="A60376" s="1" t="s">
        <v>111016</v>
      </c>
      <c r="B60376" s="1" t="s">
        <v>201495</v>
      </c>
      <c r="C60376" s="1" t="s">
        <v>95</v>
      </c>
      <c r="D60376" s="1" t="s">
        <v>56576</v>
      </c>
      <c r="E60376" s="1" t="s">
        <v>159878</v>
      </c>
      <c r="F60376" s="1" t="s">
        <v>202554</v>
      </c>
      <c r="G60376" s="1" t="s">
        <v>202508</v>
      </c>
      <c r="H60376" s="1" t="s">
        <v>202509</v>
      </c>
      <c r="I60376" s="1" t="s">
        <v>201500</v>
      </c>
      <c r="J60376" s="1" t="s">
        <v>202555</v>
      </c>
    </row>
    <row r="60377" spans="1:10" x14ac:dyDescent="0.35">
      <c r="A60377" s="1" t="s">
        <v>111016</v>
      </c>
      <c r="B60377" s="1" t="s">
        <v>201495</v>
      </c>
      <c r="C60377" s="1" t="s">
        <v>100</v>
      </c>
      <c r="D60377" s="1" t="s">
        <v>69575</v>
      </c>
      <c r="E60377" s="1" t="s">
        <v>202556</v>
      </c>
      <c r="F60377" s="1" t="s">
        <v>202557</v>
      </c>
      <c r="G60377" s="1" t="s">
        <v>202508</v>
      </c>
      <c r="H60377" s="1" t="s">
        <v>202509</v>
      </c>
      <c r="I60377" s="1" t="s">
        <v>201500</v>
      </c>
      <c r="J60377" s="1" t="s">
        <v>202558</v>
      </c>
    </row>
    <row r="60378" spans="1:10" x14ac:dyDescent="0.35">
      <c r="A60378" s="1" t="s">
        <v>111016</v>
      </c>
      <c r="B60378" s="1" t="s">
        <v>201495</v>
      </c>
      <c r="C60378" s="1" t="s">
        <v>105</v>
      </c>
      <c r="D60378" s="1" t="s">
        <v>139868</v>
      </c>
      <c r="E60378" s="1" t="s">
        <v>27527</v>
      </c>
      <c r="F60378" s="1" t="s">
        <v>202559</v>
      </c>
      <c r="G60378" s="1" t="s">
        <v>202508</v>
      </c>
      <c r="H60378" s="1" t="s">
        <v>202509</v>
      </c>
      <c r="I60378" s="1" t="s">
        <v>201500</v>
      </c>
      <c r="J60378" s="1" t="s">
        <v>202560</v>
      </c>
    </row>
    <row r="60379" spans="1:10" x14ac:dyDescent="0.35">
      <c r="A60379" s="1" t="s">
        <v>111016</v>
      </c>
      <c r="B60379" s="1" t="s">
        <v>201495</v>
      </c>
      <c r="C60379" s="1" t="s">
        <v>110</v>
      </c>
      <c r="D60379" s="1" t="s">
        <v>69234</v>
      </c>
      <c r="E60379" s="1" t="s">
        <v>201726</v>
      </c>
      <c r="F60379" s="1" t="s">
        <v>202559</v>
      </c>
      <c r="G60379" s="1" t="s">
        <v>202508</v>
      </c>
      <c r="H60379" s="1" t="s">
        <v>202509</v>
      </c>
      <c r="I60379" s="1" t="s">
        <v>201500</v>
      </c>
      <c r="J60379" s="1" t="s">
        <v>202561</v>
      </c>
    </row>
    <row r="60380" spans="1:10" x14ac:dyDescent="0.35">
      <c r="A60380" s="1" t="s">
        <v>111016</v>
      </c>
      <c r="B60380" s="1" t="s">
        <v>201495</v>
      </c>
      <c r="C60380" s="1" t="s">
        <v>115</v>
      </c>
      <c r="D60380" s="1" t="s">
        <v>202562</v>
      </c>
      <c r="E60380" s="1" t="s">
        <v>12185</v>
      </c>
      <c r="F60380" s="1" t="s">
        <v>202563</v>
      </c>
      <c r="G60380" s="1" t="s">
        <v>202508</v>
      </c>
      <c r="H60380" s="1" t="s">
        <v>202509</v>
      </c>
      <c r="I60380" s="1" t="s">
        <v>201500</v>
      </c>
      <c r="J60380" s="1" t="s">
        <v>202564</v>
      </c>
    </row>
    <row r="60381" spans="1:10" x14ac:dyDescent="0.35">
      <c r="A60381" s="1" t="s">
        <v>111016</v>
      </c>
      <c r="B60381" s="1" t="s">
        <v>201495</v>
      </c>
      <c r="C60381" s="1" t="s">
        <v>120</v>
      </c>
      <c r="D60381" s="1" t="s">
        <v>96828</v>
      </c>
      <c r="E60381" s="1" t="s">
        <v>111499</v>
      </c>
      <c r="F60381" s="1" t="s">
        <v>202565</v>
      </c>
      <c r="G60381" s="1" t="s">
        <v>202508</v>
      </c>
      <c r="H60381" s="1" t="s">
        <v>202509</v>
      </c>
      <c r="I60381" s="1" t="s">
        <v>201500</v>
      </c>
      <c r="J60381" s="1" t="s">
        <v>202566</v>
      </c>
    </row>
    <row r="60382" spans="1:10" x14ac:dyDescent="0.35">
      <c r="A60382" s="1" t="s">
        <v>111016</v>
      </c>
      <c r="B60382" s="1" t="s">
        <v>201495</v>
      </c>
      <c r="C60382" s="1" t="s">
        <v>125</v>
      </c>
      <c r="D60382" s="1" t="s">
        <v>202567</v>
      </c>
      <c r="E60382" s="1" t="s">
        <v>27488</v>
      </c>
      <c r="F60382" s="1" t="s">
        <v>202568</v>
      </c>
      <c r="G60382" s="1" t="s">
        <v>202508</v>
      </c>
      <c r="H60382" s="1" t="s">
        <v>202509</v>
      </c>
      <c r="I60382" s="1" t="s">
        <v>201500</v>
      </c>
      <c r="J60382" s="1" t="s">
        <v>202569</v>
      </c>
    </row>
    <row r="60383" spans="1:10" x14ac:dyDescent="0.35">
      <c r="A60383" s="1" t="s">
        <v>111016</v>
      </c>
      <c r="B60383" s="1" t="s">
        <v>201495</v>
      </c>
      <c r="C60383" s="1" t="s">
        <v>130</v>
      </c>
      <c r="D60383" s="1" t="s">
        <v>202570</v>
      </c>
      <c r="E60383" s="1" t="s">
        <v>73471</v>
      </c>
      <c r="F60383" s="1" t="s">
        <v>202571</v>
      </c>
      <c r="G60383" s="1" t="s">
        <v>202508</v>
      </c>
      <c r="H60383" s="1" t="s">
        <v>202509</v>
      </c>
      <c r="I60383" s="1" t="s">
        <v>201500</v>
      </c>
      <c r="J60383" s="1" t="s">
        <v>202572</v>
      </c>
    </row>
    <row r="60384" spans="1:10" x14ac:dyDescent="0.35">
      <c r="A60384" s="1" t="s">
        <v>111016</v>
      </c>
      <c r="B60384" s="1" t="s">
        <v>201495</v>
      </c>
      <c r="C60384" s="1" t="s">
        <v>135</v>
      </c>
      <c r="D60384" s="1" t="s">
        <v>202573</v>
      </c>
      <c r="E60384" s="1" t="s">
        <v>201672</v>
      </c>
      <c r="F60384" s="1" t="s">
        <v>202574</v>
      </c>
      <c r="G60384" s="1" t="s">
        <v>202508</v>
      </c>
      <c r="H60384" s="1" t="s">
        <v>202509</v>
      </c>
      <c r="I60384" s="1" t="s">
        <v>201500</v>
      </c>
      <c r="J60384" s="1" t="s">
        <v>202575</v>
      </c>
    </row>
    <row r="60385" spans="1:10" x14ac:dyDescent="0.35">
      <c r="A60385" s="1" t="s">
        <v>111016</v>
      </c>
      <c r="B60385" s="1" t="s">
        <v>201495</v>
      </c>
      <c r="C60385" s="1" t="s">
        <v>140</v>
      </c>
      <c r="D60385" s="1" t="s">
        <v>134137</v>
      </c>
      <c r="E60385" s="1" t="s">
        <v>201700</v>
      </c>
      <c r="F60385" s="1" t="s">
        <v>202576</v>
      </c>
      <c r="G60385" s="1" t="s">
        <v>202508</v>
      </c>
      <c r="H60385" s="1" t="s">
        <v>202509</v>
      </c>
      <c r="I60385" s="1" t="s">
        <v>201500</v>
      </c>
      <c r="J60385" s="1" t="s">
        <v>202577</v>
      </c>
    </row>
    <row r="60386" spans="1:10" x14ac:dyDescent="0.35">
      <c r="A60386" s="1" t="s">
        <v>111016</v>
      </c>
      <c r="B60386" s="1" t="s">
        <v>201495</v>
      </c>
      <c r="C60386" s="1" t="s">
        <v>145</v>
      </c>
      <c r="D60386" s="1" t="s">
        <v>78949</v>
      </c>
      <c r="E60386" s="1" t="s">
        <v>202519</v>
      </c>
      <c r="F60386" s="1" t="s">
        <v>202578</v>
      </c>
      <c r="G60386" s="1" t="s">
        <v>202508</v>
      </c>
      <c r="H60386" s="1" t="s">
        <v>202509</v>
      </c>
      <c r="I60386" s="1" t="s">
        <v>201500</v>
      </c>
      <c r="J60386" s="1" t="s">
        <v>202579</v>
      </c>
    </row>
    <row r="60387" spans="1:10" x14ac:dyDescent="0.35">
      <c r="A60387" s="1" t="s">
        <v>111016</v>
      </c>
      <c r="B60387" s="1" t="s">
        <v>201495</v>
      </c>
      <c r="C60387" s="1" t="s">
        <v>150</v>
      </c>
      <c r="D60387" s="1" t="s">
        <v>202580</v>
      </c>
      <c r="E60387" s="1" t="s">
        <v>111549</v>
      </c>
      <c r="F60387" s="1" t="s">
        <v>202031</v>
      </c>
      <c r="G60387" s="1" t="s">
        <v>202508</v>
      </c>
      <c r="H60387" s="1" t="s">
        <v>202509</v>
      </c>
      <c r="I60387" s="1" t="s">
        <v>201500</v>
      </c>
      <c r="J60387" s="1" t="s">
        <v>202581</v>
      </c>
    </row>
    <row r="60388" spans="1:10" x14ac:dyDescent="0.35">
      <c r="A60388" s="1" t="s">
        <v>111016</v>
      </c>
      <c r="B60388" s="1" t="s">
        <v>201495</v>
      </c>
      <c r="C60388" s="1" t="s">
        <v>155</v>
      </c>
      <c r="D60388" s="1" t="s">
        <v>128875</v>
      </c>
      <c r="E60388" s="1" t="s">
        <v>202582</v>
      </c>
      <c r="F60388" s="1" t="s">
        <v>134364</v>
      </c>
      <c r="G60388" s="1" t="s">
        <v>202508</v>
      </c>
      <c r="H60388" s="1" t="s">
        <v>202509</v>
      </c>
      <c r="I60388" s="1" t="s">
        <v>201500</v>
      </c>
      <c r="J60388" s="1" t="s">
        <v>202583</v>
      </c>
    </row>
    <row r="60389" spans="1:10" x14ac:dyDescent="0.35">
      <c r="A60389" s="1" t="s">
        <v>111016</v>
      </c>
      <c r="B60389" s="1" t="s">
        <v>201495</v>
      </c>
      <c r="C60389" s="1" t="s">
        <v>160</v>
      </c>
      <c r="D60389" s="1" t="s">
        <v>103957</v>
      </c>
      <c r="E60389" s="1" t="s">
        <v>202584</v>
      </c>
      <c r="F60389" s="1" t="s">
        <v>202585</v>
      </c>
      <c r="G60389" s="1" t="s">
        <v>202508</v>
      </c>
      <c r="H60389" s="1" t="s">
        <v>202509</v>
      </c>
      <c r="I60389" s="1" t="s">
        <v>201500</v>
      </c>
      <c r="J60389" s="1" t="s">
        <v>202586</v>
      </c>
    </row>
    <row r="60390" spans="1:10" x14ac:dyDescent="0.35">
      <c r="A60390" s="1" t="s">
        <v>111016</v>
      </c>
      <c r="B60390" s="1" t="s">
        <v>201495</v>
      </c>
      <c r="C60390" s="1" t="s">
        <v>165</v>
      </c>
      <c r="D60390" s="1" t="s">
        <v>150415</v>
      </c>
      <c r="E60390" s="1" t="s">
        <v>202587</v>
      </c>
      <c r="F60390" s="1" t="s">
        <v>202588</v>
      </c>
      <c r="G60390" s="1" t="s">
        <v>202508</v>
      </c>
      <c r="H60390" s="1" t="s">
        <v>202509</v>
      </c>
      <c r="I60390" s="1" t="s">
        <v>201500</v>
      </c>
      <c r="J60390" s="1" t="s">
        <v>202589</v>
      </c>
    </row>
    <row r="60391" spans="1:10" x14ac:dyDescent="0.35">
      <c r="A60391" s="1" t="s">
        <v>111016</v>
      </c>
      <c r="B60391" s="1" t="s">
        <v>201495</v>
      </c>
      <c r="C60391" s="1" t="s">
        <v>170</v>
      </c>
      <c r="D60391" s="1" t="s">
        <v>23680</v>
      </c>
      <c r="E60391" s="1" t="s">
        <v>27514</v>
      </c>
      <c r="F60391" s="1" t="s">
        <v>202590</v>
      </c>
      <c r="G60391" s="1" t="s">
        <v>202508</v>
      </c>
      <c r="H60391" s="1" t="s">
        <v>202509</v>
      </c>
      <c r="I60391" s="1" t="s">
        <v>201500</v>
      </c>
      <c r="J60391" s="1" t="s">
        <v>202591</v>
      </c>
    </row>
    <row r="60392" spans="1:10" x14ac:dyDescent="0.35">
      <c r="A60392" s="1" t="s">
        <v>4384</v>
      </c>
      <c r="B60392" s="1" t="s">
        <v>201495</v>
      </c>
      <c r="C60392" s="1" t="s">
        <v>8</v>
      </c>
      <c r="D60392" s="1" t="s">
        <v>14526</v>
      </c>
      <c r="E60392" s="1" t="s">
        <v>202592</v>
      </c>
      <c r="F60392" s="1" t="s">
        <v>202593</v>
      </c>
      <c r="G60392" s="1" t="s">
        <v>202594</v>
      </c>
      <c r="H60392" s="1" t="s">
        <v>202595</v>
      </c>
      <c r="I60392" s="1" t="s">
        <v>201500</v>
      </c>
      <c r="J60392" s="1" t="s">
        <v>13</v>
      </c>
    </row>
    <row r="60393" spans="1:10" x14ac:dyDescent="0.35">
      <c r="A60393" s="1" t="s">
        <v>4384</v>
      </c>
      <c r="B60393" s="1" t="s">
        <v>201495</v>
      </c>
      <c r="C60393" s="1" t="s">
        <v>15</v>
      </c>
      <c r="D60393" s="1" t="s">
        <v>158406</v>
      </c>
      <c r="E60393" s="1" t="s">
        <v>202596</v>
      </c>
      <c r="F60393" s="1" t="s">
        <v>202597</v>
      </c>
      <c r="G60393" s="1" t="s">
        <v>202594</v>
      </c>
      <c r="H60393" s="1" t="s">
        <v>202595</v>
      </c>
      <c r="I60393" s="1" t="s">
        <v>201500</v>
      </c>
      <c r="J60393" s="1" t="s">
        <v>202598</v>
      </c>
    </row>
    <row r="60394" spans="1:10" x14ac:dyDescent="0.35">
      <c r="A60394" s="1" t="s">
        <v>4384</v>
      </c>
      <c r="B60394" s="1" t="s">
        <v>201495</v>
      </c>
      <c r="C60394" s="1" t="s">
        <v>20</v>
      </c>
      <c r="D60394" s="1" t="s">
        <v>111448</v>
      </c>
      <c r="E60394" s="1" t="s">
        <v>202599</v>
      </c>
      <c r="F60394" s="1" t="s">
        <v>202600</v>
      </c>
      <c r="G60394" s="1" t="s">
        <v>202594</v>
      </c>
      <c r="H60394" s="1" t="s">
        <v>202595</v>
      </c>
      <c r="I60394" s="1" t="s">
        <v>201500</v>
      </c>
      <c r="J60394" s="1" t="s">
        <v>202601</v>
      </c>
    </row>
    <row r="60395" spans="1:10" x14ac:dyDescent="0.35">
      <c r="A60395" s="1" t="s">
        <v>4384</v>
      </c>
      <c r="B60395" s="1" t="s">
        <v>201495</v>
      </c>
      <c r="C60395" s="1" t="s">
        <v>25</v>
      </c>
      <c r="D60395" s="1" t="s">
        <v>42873</v>
      </c>
      <c r="E60395" s="1" t="s">
        <v>202602</v>
      </c>
      <c r="F60395" s="1" t="s">
        <v>202603</v>
      </c>
      <c r="G60395" s="1" t="s">
        <v>202594</v>
      </c>
      <c r="H60395" s="1" t="s">
        <v>202595</v>
      </c>
      <c r="I60395" s="1" t="s">
        <v>201500</v>
      </c>
      <c r="J60395" s="1" t="s">
        <v>202604</v>
      </c>
    </row>
    <row r="60396" spans="1:10" x14ac:dyDescent="0.35">
      <c r="A60396" s="1" t="s">
        <v>4384</v>
      </c>
      <c r="B60396" s="1" t="s">
        <v>201495</v>
      </c>
      <c r="C60396" s="1" t="s">
        <v>30</v>
      </c>
      <c r="D60396" s="1" t="s">
        <v>46261</v>
      </c>
      <c r="E60396" s="1" t="s">
        <v>202605</v>
      </c>
      <c r="F60396" s="1" t="s">
        <v>202606</v>
      </c>
      <c r="G60396" s="1" t="s">
        <v>202594</v>
      </c>
      <c r="H60396" s="1" t="s">
        <v>202595</v>
      </c>
      <c r="I60396" s="1" t="s">
        <v>201500</v>
      </c>
      <c r="J60396" s="1" t="s">
        <v>202607</v>
      </c>
    </row>
    <row r="60397" spans="1:10" x14ac:dyDescent="0.35">
      <c r="A60397" s="1" t="s">
        <v>4384</v>
      </c>
      <c r="B60397" s="1" t="s">
        <v>201495</v>
      </c>
      <c r="C60397" s="1" t="s">
        <v>35</v>
      </c>
      <c r="D60397" s="1" t="s">
        <v>35545</v>
      </c>
      <c r="E60397" s="1" t="s">
        <v>202608</v>
      </c>
      <c r="F60397" s="1" t="s">
        <v>202609</v>
      </c>
      <c r="G60397" s="1" t="s">
        <v>202594</v>
      </c>
      <c r="H60397" s="1" t="s">
        <v>202595</v>
      </c>
      <c r="I60397" s="1" t="s">
        <v>201500</v>
      </c>
      <c r="J60397" s="1" t="s">
        <v>202610</v>
      </c>
    </row>
    <row r="60398" spans="1:10" x14ac:dyDescent="0.35">
      <c r="A60398" s="1" t="s">
        <v>4384</v>
      </c>
      <c r="B60398" s="1" t="s">
        <v>201495</v>
      </c>
      <c r="C60398" s="1" t="s">
        <v>40</v>
      </c>
      <c r="D60398" s="1" t="s">
        <v>181527</v>
      </c>
      <c r="E60398" s="1" t="s">
        <v>202611</v>
      </c>
      <c r="F60398" s="1" t="s">
        <v>202612</v>
      </c>
      <c r="G60398" s="1" t="s">
        <v>202594</v>
      </c>
      <c r="H60398" s="1" t="s">
        <v>202595</v>
      </c>
      <c r="I60398" s="1" t="s">
        <v>201500</v>
      </c>
      <c r="J60398" s="1" t="s">
        <v>202613</v>
      </c>
    </row>
    <row r="60399" spans="1:10" x14ac:dyDescent="0.35">
      <c r="A60399" s="1" t="s">
        <v>4384</v>
      </c>
      <c r="B60399" s="1" t="s">
        <v>201495</v>
      </c>
      <c r="C60399" s="1" t="s">
        <v>45</v>
      </c>
      <c r="D60399" s="1" t="s">
        <v>120944</v>
      </c>
      <c r="E60399" s="1" t="s">
        <v>202614</v>
      </c>
      <c r="F60399" s="1" t="s">
        <v>202615</v>
      </c>
      <c r="G60399" s="1" t="s">
        <v>202594</v>
      </c>
      <c r="H60399" s="1" t="s">
        <v>202595</v>
      </c>
      <c r="I60399" s="1" t="s">
        <v>201500</v>
      </c>
      <c r="J60399" s="1" t="s">
        <v>202616</v>
      </c>
    </row>
    <row r="60400" spans="1:10" x14ac:dyDescent="0.35">
      <c r="A60400" s="1" t="s">
        <v>4384</v>
      </c>
      <c r="B60400" s="1" t="s">
        <v>201495</v>
      </c>
      <c r="C60400" s="1" t="s">
        <v>50</v>
      </c>
      <c r="D60400" s="1" t="s">
        <v>83208</v>
      </c>
      <c r="E60400" s="1" t="s">
        <v>202617</v>
      </c>
      <c r="F60400" s="1" t="s">
        <v>202618</v>
      </c>
      <c r="G60400" s="1" t="s">
        <v>202594</v>
      </c>
      <c r="H60400" s="1" t="s">
        <v>202595</v>
      </c>
      <c r="I60400" s="1" t="s">
        <v>201500</v>
      </c>
      <c r="J60400" s="1" t="s">
        <v>202619</v>
      </c>
    </row>
    <row r="60401" spans="1:10" x14ac:dyDescent="0.35">
      <c r="A60401" s="1" t="s">
        <v>4384</v>
      </c>
      <c r="B60401" s="1" t="s">
        <v>201495</v>
      </c>
      <c r="C60401" s="1" t="s">
        <v>55</v>
      </c>
      <c r="D60401" s="1" t="s">
        <v>202620</v>
      </c>
      <c r="E60401" s="1" t="s">
        <v>202621</v>
      </c>
      <c r="F60401" s="1" t="s">
        <v>202622</v>
      </c>
      <c r="G60401" s="1" t="s">
        <v>202594</v>
      </c>
      <c r="H60401" s="1" t="s">
        <v>202595</v>
      </c>
      <c r="I60401" s="1" t="s">
        <v>201500</v>
      </c>
      <c r="J60401" s="1" t="s">
        <v>202623</v>
      </c>
    </row>
    <row r="60402" spans="1:10" x14ac:dyDescent="0.35">
      <c r="A60402" s="1" t="s">
        <v>4384</v>
      </c>
      <c r="B60402" s="1" t="s">
        <v>201495</v>
      </c>
      <c r="C60402" s="1" t="s">
        <v>60</v>
      </c>
      <c r="D60402" s="1" t="s">
        <v>70777</v>
      </c>
      <c r="E60402" s="1" t="s">
        <v>202624</v>
      </c>
      <c r="F60402" s="1" t="s">
        <v>202625</v>
      </c>
      <c r="G60402" s="1" t="s">
        <v>202594</v>
      </c>
      <c r="H60402" s="1" t="s">
        <v>202595</v>
      </c>
      <c r="I60402" s="1" t="s">
        <v>201500</v>
      </c>
      <c r="J60402" s="1" t="s">
        <v>202626</v>
      </c>
    </row>
    <row r="60403" spans="1:10" x14ac:dyDescent="0.35">
      <c r="A60403" s="1" t="s">
        <v>4384</v>
      </c>
      <c r="B60403" s="1" t="s">
        <v>201495</v>
      </c>
      <c r="C60403" s="1" t="s">
        <v>65</v>
      </c>
      <c r="D60403" s="1" t="s">
        <v>123236</v>
      </c>
      <c r="E60403" s="1" t="s">
        <v>202627</v>
      </c>
      <c r="F60403" s="1" t="s">
        <v>202628</v>
      </c>
      <c r="G60403" s="1" t="s">
        <v>202594</v>
      </c>
      <c r="H60403" s="1" t="s">
        <v>202595</v>
      </c>
      <c r="I60403" s="1" t="s">
        <v>201500</v>
      </c>
      <c r="J60403" s="1" t="s">
        <v>202629</v>
      </c>
    </row>
    <row r="60404" spans="1:10" x14ac:dyDescent="0.35">
      <c r="A60404" s="1" t="s">
        <v>4384</v>
      </c>
      <c r="B60404" s="1" t="s">
        <v>201495</v>
      </c>
      <c r="C60404" s="1" t="s">
        <v>70</v>
      </c>
      <c r="D60404" s="1" t="s">
        <v>46745</v>
      </c>
      <c r="E60404" s="1" t="s">
        <v>202630</v>
      </c>
      <c r="F60404" s="1" t="s">
        <v>202631</v>
      </c>
      <c r="G60404" s="1" t="s">
        <v>202594</v>
      </c>
      <c r="H60404" s="1" t="s">
        <v>202595</v>
      </c>
      <c r="I60404" s="1" t="s">
        <v>201500</v>
      </c>
      <c r="J60404" s="1" t="s">
        <v>202632</v>
      </c>
    </row>
    <row r="60405" spans="1:10" x14ac:dyDescent="0.35">
      <c r="A60405" s="1" t="s">
        <v>4384</v>
      </c>
      <c r="B60405" s="1" t="s">
        <v>201495</v>
      </c>
      <c r="C60405" s="1" t="s">
        <v>75</v>
      </c>
      <c r="D60405" s="1" t="s">
        <v>35136</v>
      </c>
      <c r="E60405" s="1" t="s">
        <v>202633</v>
      </c>
      <c r="F60405" s="1" t="s">
        <v>202634</v>
      </c>
      <c r="G60405" s="1" t="s">
        <v>202594</v>
      </c>
      <c r="H60405" s="1" t="s">
        <v>202595</v>
      </c>
      <c r="I60405" s="1" t="s">
        <v>201500</v>
      </c>
      <c r="J60405" s="1" t="s">
        <v>202635</v>
      </c>
    </row>
    <row r="60406" spans="1:10" x14ac:dyDescent="0.35">
      <c r="A60406" s="1" t="s">
        <v>4384</v>
      </c>
      <c r="B60406" s="1" t="s">
        <v>201495</v>
      </c>
      <c r="C60406" s="1" t="s">
        <v>80</v>
      </c>
      <c r="D60406" s="1" t="s">
        <v>150818</v>
      </c>
      <c r="E60406" s="1" t="s">
        <v>202636</v>
      </c>
      <c r="F60406" s="1" t="s">
        <v>202637</v>
      </c>
      <c r="G60406" s="1" t="s">
        <v>202594</v>
      </c>
      <c r="H60406" s="1" t="s">
        <v>202595</v>
      </c>
      <c r="I60406" s="1" t="s">
        <v>201500</v>
      </c>
      <c r="J60406" s="1" t="s">
        <v>202638</v>
      </c>
    </row>
    <row r="60407" spans="1:10" x14ac:dyDescent="0.35">
      <c r="A60407" s="1" t="s">
        <v>4384</v>
      </c>
      <c r="B60407" s="1" t="s">
        <v>201495</v>
      </c>
      <c r="C60407" s="1" t="s">
        <v>85</v>
      </c>
      <c r="D60407" s="1" t="s">
        <v>31226</v>
      </c>
      <c r="E60407" s="1" t="s">
        <v>202639</v>
      </c>
      <c r="F60407" s="1" t="s">
        <v>202640</v>
      </c>
      <c r="G60407" s="1" t="s">
        <v>202594</v>
      </c>
      <c r="H60407" s="1" t="s">
        <v>202595</v>
      </c>
      <c r="I60407" s="1" t="s">
        <v>201500</v>
      </c>
      <c r="J60407" s="1" t="s">
        <v>202641</v>
      </c>
    </row>
    <row r="60408" spans="1:10" x14ac:dyDescent="0.35">
      <c r="A60408" s="1" t="s">
        <v>4384</v>
      </c>
      <c r="B60408" s="1" t="s">
        <v>201495</v>
      </c>
      <c r="C60408" s="1" t="s">
        <v>90</v>
      </c>
      <c r="D60408" s="1" t="s">
        <v>46753</v>
      </c>
      <c r="E60408" s="1" t="s">
        <v>202642</v>
      </c>
      <c r="F60408" s="1" t="s">
        <v>202643</v>
      </c>
      <c r="G60408" s="1" t="s">
        <v>202594</v>
      </c>
      <c r="H60408" s="1" t="s">
        <v>202595</v>
      </c>
      <c r="I60408" s="1" t="s">
        <v>201500</v>
      </c>
      <c r="J60408" s="1" t="s">
        <v>202644</v>
      </c>
    </row>
    <row r="60409" spans="1:10" x14ac:dyDescent="0.35">
      <c r="A60409" s="1" t="s">
        <v>4384</v>
      </c>
      <c r="B60409" s="1" t="s">
        <v>201495</v>
      </c>
      <c r="C60409" s="1" t="s">
        <v>95</v>
      </c>
      <c r="D60409" s="1" t="s">
        <v>126143</v>
      </c>
      <c r="E60409" s="1" t="s">
        <v>202645</v>
      </c>
      <c r="F60409" s="1" t="s">
        <v>202646</v>
      </c>
      <c r="G60409" s="1" t="s">
        <v>202594</v>
      </c>
      <c r="H60409" s="1" t="s">
        <v>202595</v>
      </c>
      <c r="I60409" s="1" t="s">
        <v>201500</v>
      </c>
      <c r="J60409" s="1" t="s">
        <v>202647</v>
      </c>
    </row>
    <row r="60410" spans="1:10" x14ac:dyDescent="0.35">
      <c r="A60410" s="1" t="s">
        <v>4384</v>
      </c>
      <c r="B60410" s="1" t="s">
        <v>201495</v>
      </c>
      <c r="C60410" s="1" t="s">
        <v>100</v>
      </c>
      <c r="D60410" s="1" t="s">
        <v>202648</v>
      </c>
      <c r="E60410" s="1" t="s">
        <v>202649</v>
      </c>
      <c r="F60410" s="1" t="s">
        <v>202650</v>
      </c>
      <c r="G60410" s="1" t="s">
        <v>202594</v>
      </c>
      <c r="H60410" s="1" t="s">
        <v>202595</v>
      </c>
      <c r="I60410" s="1" t="s">
        <v>201500</v>
      </c>
      <c r="J60410" s="1" t="s">
        <v>202651</v>
      </c>
    </row>
    <row r="60411" spans="1:10" x14ac:dyDescent="0.35">
      <c r="A60411" s="1" t="s">
        <v>4384</v>
      </c>
      <c r="B60411" s="1" t="s">
        <v>201495</v>
      </c>
      <c r="C60411" s="1" t="s">
        <v>105</v>
      </c>
      <c r="D60411" s="1" t="s">
        <v>152451</v>
      </c>
      <c r="E60411" s="1" t="s">
        <v>202652</v>
      </c>
      <c r="F60411" s="1" t="s">
        <v>202653</v>
      </c>
      <c r="G60411" s="1" t="s">
        <v>202594</v>
      </c>
      <c r="H60411" s="1" t="s">
        <v>202595</v>
      </c>
      <c r="I60411" s="1" t="s">
        <v>201500</v>
      </c>
      <c r="J60411" s="1" t="s">
        <v>202654</v>
      </c>
    </row>
    <row r="60412" spans="1:10" x14ac:dyDescent="0.35">
      <c r="A60412" s="1" t="s">
        <v>4384</v>
      </c>
      <c r="B60412" s="1" t="s">
        <v>201495</v>
      </c>
      <c r="C60412" s="1" t="s">
        <v>110</v>
      </c>
      <c r="D60412" s="1" t="s">
        <v>202655</v>
      </c>
      <c r="E60412" s="1" t="s">
        <v>202656</v>
      </c>
      <c r="F60412" s="1" t="s">
        <v>202657</v>
      </c>
      <c r="G60412" s="1" t="s">
        <v>202594</v>
      </c>
      <c r="H60412" s="1" t="s">
        <v>202595</v>
      </c>
      <c r="I60412" s="1" t="s">
        <v>201500</v>
      </c>
      <c r="J60412" s="1" t="s">
        <v>202658</v>
      </c>
    </row>
    <row r="60413" spans="1:10" x14ac:dyDescent="0.35">
      <c r="A60413" s="1" t="s">
        <v>4384</v>
      </c>
      <c r="B60413" s="1" t="s">
        <v>201495</v>
      </c>
      <c r="C60413" s="1" t="s">
        <v>115</v>
      </c>
      <c r="D60413" s="1" t="s">
        <v>3044</v>
      </c>
      <c r="E60413" s="1" t="s">
        <v>202659</v>
      </c>
      <c r="F60413" s="1" t="s">
        <v>202660</v>
      </c>
      <c r="G60413" s="1" t="s">
        <v>202594</v>
      </c>
      <c r="H60413" s="1" t="s">
        <v>202595</v>
      </c>
      <c r="I60413" s="1" t="s">
        <v>201500</v>
      </c>
      <c r="J60413" s="1" t="s">
        <v>202661</v>
      </c>
    </row>
    <row r="60414" spans="1:10" x14ac:dyDescent="0.35">
      <c r="A60414" s="1" t="s">
        <v>4384</v>
      </c>
      <c r="B60414" s="1" t="s">
        <v>201495</v>
      </c>
      <c r="C60414" s="1" t="s">
        <v>120</v>
      </c>
      <c r="D60414" s="1" t="s">
        <v>123882</v>
      </c>
      <c r="E60414" s="1" t="s">
        <v>202662</v>
      </c>
      <c r="F60414" s="1" t="s">
        <v>202663</v>
      </c>
      <c r="G60414" s="1" t="s">
        <v>202594</v>
      </c>
      <c r="H60414" s="1" t="s">
        <v>202595</v>
      </c>
      <c r="I60414" s="1" t="s">
        <v>201500</v>
      </c>
      <c r="J60414" s="1" t="s">
        <v>202664</v>
      </c>
    </row>
    <row r="60415" spans="1:10" x14ac:dyDescent="0.35">
      <c r="A60415" s="1" t="s">
        <v>4384</v>
      </c>
      <c r="B60415" s="1" t="s">
        <v>201495</v>
      </c>
      <c r="C60415" s="1" t="s">
        <v>125</v>
      </c>
      <c r="D60415" s="1" t="s">
        <v>12405</v>
      </c>
      <c r="E60415" s="1" t="s">
        <v>202665</v>
      </c>
      <c r="F60415" s="1" t="s">
        <v>202666</v>
      </c>
      <c r="G60415" s="1" t="s">
        <v>202594</v>
      </c>
      <c r="H60415" s="1" t="s">
        <v>202595</v>
      </c>
      <c r="I60415" s="1" t="s">
        <v>201500</v>
      </c>
      <c r="J60415" s="1" t="s">
        <v>202667</v>
      </c>
    </row>
    <row r="60416" spans="1:10" x14ac:dyDescent="0.35">
      <c r="A60416" s="1" t="s">
        <v>4384</v>
      </c>
      <c r="B60416" s="1" t="s">
        <v>201495</v>
      </c>
      <c r="C60416" s="1" t="s">
        <v>130</v>
      </c>
      <c r="D60416" s="1" t="s">
        <v>119600</v>
      </c>
      <c r="E60416" s="1" t="s">
        <v>202668</v>
      </c>
      <c r="F60416" s="1" t="s">
        <v>202669</v>
      </c>
      <c r="G60416" s="1" t="s">
        <v>202594</v>
      </c>
      <c r="H60416" s="1" t="s">
        <v>202595</v>
      </c>
      <c r="I60416" s="1" t="s">
        <v>201500</v>
      </c>
      <c r="J60416" s="1" t="s">
        <v>202670</v>
      </c>
    </row>
    <row r="60417" spans="1:10" x14ac:dyDescent="0.35">
      <c r="A60417" s="1" t="s">
        <v>4384</v>
      </c>
      <c r="B60417" s="1" t="s">
        <v>201495</v>
      </c>
      <c r="C60417" s="1" t="s">
        <v>135</v>
      </c>
      <c r="D60417" s="1" t="s">
        <v>43658</v>
      </c>
      <c r="E60417" s="1" t="s">
        <v>202671</v>
      </c>
      <c r="F60417" s="1" t="s">
        <v>202672</v>
      </c>
      <c r="G60417" s="1" t="s">
        <v>202594</v>
      </c>
      <c r="H60417" s="1" t="s">
        <v>202595</v>
      </c>
      <c r="I60417" s="1" t="s">
        <v>201500</v>
      </c>
      <c r="J60417" s="1" t="s">
        <v>202673</v>
      </c>
    </row>
    <row r="60418" spans="1:10" x14ac:dyDescent="0.35">
      <c r="A60418" s="1" t="s">
        <v>4384</v>
      </c>
      <c r="B60418" s="1" t="s">
        <v>201495</v>
      </c>
      <c r="C60418" s="1" t="s">
        <v>140</v>
      </c>
      <c r="D60418" s="1" t="s">
        <v>182885</v>
      </c>
      <c r="E60418" s="1" t="s">
        <v>202674</v>
      </c>
      <c r="F60418" s="1" t="s">
        <v>202675</v>
      </c>
      <c r="G60418" s="1" t="s">
        <v>202594</v>
      </c>
      <c r="H60418" s="1" t="s">
        <v>202595</v>
      </c>
      <c r="I60418" s="1" t="s">
        <v>201500</v>
      </c>
      <c r="J60418" s="1" t="s">
        <v>202676</v>
      </c>
    </row>
    <row r="60419" spans="1:10" x14ac:dyDescent="0.35">
      <c r="A60419" s="1" t="s">
        <v>4384</v>
      </c>
      <c r="B60419" s="1" t="s">
        <v>201495</v>
      </c>
      <c r="C60419" s="1" t="s">
        <v>145</v>
      </c>
      <c r="D60419" s="1" t="s">
        <v>30558</v>
      </c>
      <c r="E60419" s="1" t="s">
        <v>202677</v>
      </c>
      <c r="F60419" s="1" t="s">
        <v>202678</v>
      </c>
      <c r="G60419" s="1" t="s">
        <v>202594</v>
      </c>
      <c r="H60419" s="1" t="s">
        <v>202595</v>
      </c>
      <c r="I60419" s="1" t="s">
        <v>201500</v>
      </c>
      <c r="J60419" s="1" t="s">
        <v>202679</v>
      </c>
    </row>
    <row r="60420" spans="1:10" x14ac:dyDescent="0.35">
      <c r="A60420" s="1" t="s">
        <v>4384</v>
      </c>
      <c r="B60420" s="1" t="s">
        <v>201495</v>
      </c>
      <c r="C60420" s="1" t="s">
        <v>150</v>
      </c>
      <c r="D60420" s="1" t="s">
        <v>202680</v>
      </c>
      <c r="E60420" s="1" t="s">
        <v>202681</v>
      </c>
      <c r="F60420" s="1" t="s">
        <v>202682</v>
      </c>
      <c r="G60420" s="1" t="s">
        <v>202594</v>
      </c>
      <c r="H60420" s="1" t="s">
        <v>202595</v>
      </c>
      <c r="I60420" s="1" t="s">
        <v>201500</v>
      </c>
      <c r="J60420" s="1" t="s">
        <v>202683</v>
      </c>
    </row>
    <row r="60421" spans="1:10" x14ac:dyDescent="0.35">
      <c r="A60421" s="1" t="s">
        <v>4384</v>
      </c>
      <c r="B60421" s="1" t="s">
        <v>201495</v>
      </c>
      <c r="C60421" s="1" t="s">
        <v>155</v>
      </c>
      <c r="D60421" s="1" t="s">
        <v>171066</v>
      </c>
      <c r="E60421" s="1" t="s">
        <v>202684</v>
      </c>
      <c r="F60421" s="1" t="s">
        <v>202685</v>
      </c>
      <c r="G60421" s="1" t="s">
        <v>202594</v>
      </c>
      <c r="H60421" s="1" t="s">
        <v>202595</v>
      </c>
      <c r="I60421" s="1" t="s">
        <v>201500</v>
      </c>
      <c r="J60421" s="1" t="s">
        <v>202686</v>
      </c>
    </row>
    <row r="60422" spans="1:10" x14ac:dyDescent="0.35">
      <c r="A60422" s="1" t="s">
        <v>4384</v>
      </c>
      <c r="B60422" s="1" t="s">
        <v>201495</v>
      </c>
      <c r="C60422" s="1" t="s">
        <v>160</v>
      </c>
      <c r="D60422" s="1" t="s">
        <v>18966</v>
      </c>
      <c r="E60422" s="1" t="s">
        <v>202687</v>
      </c>
      <c r="F60422" s="1" t="s">
        <v>202688</v>
      </c>
      <c r="G60422" s="1" t="s">
        <v>202594</v>
      </c>
      <c r="H60422" s="1" t="s">
        <v>202595</v>
      </c>
      <c r="I60422" s="1" t="s">
        <v>201500</v>
      </c>
      <c r="J60422" s="1" t="s">
        <v>202689</v>
      </c>
    </row>
    <row r="60423" spans="1:10" x14ac:dyDescent="0.35">
      <c r="A60423" s="1" t="s">
        <v>4384</v>
      </c>
      <c r="B60423" s="1" t="s">
        <v>201495</v>
      </c>
      <c r="C60423" s="1" t="s">
        <v>165</v>
      </c>
      <c r="D60423" s="1" t="s">
        <v>4646</v>
      </c>
      <c r="E60423" s="1" t="s">
        <v>202690</v>
      </c>
      <c r="F60423" s="1" t="s">
        <v>202691</v>
      </c>
      <c r="G60423" s="1" t="s">
        <v>202594</v>
      </c>
      <c r="H60423" s="1" t="s">
        <v>202595</v>
      </c>
      <c r="I60423" s="1" t="s">
        <v>201500</v>
      </c>
      <c r="J60423" s="1" t="s">
        <v>202692</v>
      </c>
    </row>
    <row r="60424" spans="1:10" x14ac:dyDescent="0.35">
      <c r="A60424" s="1" t="s">
        <v>4384</v>
      </c>
      <c r="B60424" s="1" t="s">
        <v>201495</v>
      </c>
      <c r="C60424" s="1" t="s">
        <v>170</v>
      </c>
      <c r="D60424" s="1" t="s">
        <v>202693</v>
      </c>
      <c r="E60424" s="1" t="s">
        <v>202694</v>
      </c>
      <c r="F60424" s="1" t="s">
        <v>202695</v>
      </c>
      <c r="G60424" s="1" t="s">
        <v>202594</v>
      </c>
      <c r="H60424" s="1" t="s">
        <v>202595</v>
      </c>
      <c r="I60424" s="1" t="s">
        <v>201500</v>
      </c>
      <c r="J60424" s="1" t="s">
        <v>202696</v>
      </c>
    </row>
    <row r="60425" spans="1:10" x14ac:dyDescent="0.35">
      <c r="A60425" s="1" t="s">
        <v>28766</v>
      </c>
      <c r="B60425" s="1" t="s">
        <v>201495</v>
      </c>
      <c r="C60425" s="1" t="s">
        <v>8</v>
      </c>
      <c r="D60425" s="1" t="s">
        <v>142479</v>
      </c>
      <c r="E60425" s="1" t="s">
        <v>202697</v>
      </c>
      <c r="F60425" s="1" t="s">
        <v>202698</v>
      </c>
      <c r="G60425" s="1" t="s">
        <v>202699</v>
      </c>
      <c r="H60425" s="1" t="s">
        <v>202700</v>
      </c>
      <c r="I60425" s="1" t="s">
        <v>201500</v>
      </c>
      <c r="J60425" s="1" t="s">
        <v>13</v>
      </c>
    </row>
    <row r="60426" spans="1:10" x14ac:dyDescent="0.35">
      <c r="A60426" s="1" t="s">
        <v>28766</v>
      </c>
      <c r="B60426" s="1" t="s">
        <v>201495</v>
      </c>
      <c r="C60426" s="1" t="s">
        <v>15</v>
      </c>
      <c r="D60426" s="1" t="s">
        <v>9237</v>
      </c>
      <c r="E60426" s="1" t="s">
        <v>202701</v>
      </c>
      <c r="F60426" s="1" t="s">
        <v>202702</v>
      </c>
      <c r="G60426" s="1" t="s">
        <v>202699</v>
      </c>
      <c r="H60426" s="1" t="s">
        <v>202700</v>
      </c>
      <c r="I60426" s="1" t="s">
        <v>201500</v>
      </c>
      <c r="J60426" s="1" t="s">
        <v>202703</v>
      </c>
    </row>
    <row r="60427" spans="1:10" x14ac:dyDescent="0.35">
      <c r="A60427" s="1" t="s">
        <v>28766</v>
      </c>
      <c r="B60427" s="1" t="s">
        <v>201495</v>
      </c>
      <c r="C60427" s="1" t="s">
        <v>20</v>
      </c>
      <c r="D60427" s="1" t="s">
        <v>202704</v>
      </c>
      <c r="E60427" s="1" t="s">
        <v>202705</v>
      </c>
      <c r="F60427" s="1" t="s">
        <v>202706</v>
      </c>
      <c r="G60427" s="1" t="s">
        <v>202699</v>
      </c>
      <c r="H60427" s="1" t="s">
        <v>202700</v>
      </c>
      <c r="I60427" s="1" t="s">
        <v>201500</v>
      </c>
      <c r="J60427" s="1" t="s">
        <v>202707</v>
      </c>
    </row>
    <row r="60428" spans="1:10" x14ac:dyDescent="0.35">
      <c r="A60428" s="1" t="s">
        <v>28766</v>
      </c>
      <c r="B60428" s="1" t="s">
        <v>201495</v>
      </c>
      <c r="C60428" s="1" t="s">
        <v>25</v>
      </c>
      <c r="D60428" s="1" t="s">
        <v>146417</v>
      </c>
      <c r="E60428" s="1" t="s">
        <v>202708</v>
      </c>
      <c r="F60428" s="1" t="s">
        <v>202709</v>
      </c>
      <c r="G60428" s="1" t="s">
        <v>202699</v>
      </c>
      <c r="H60428" s="1" t="s">
        <v>202700</v>
      </c>
      <c r="I60428" s="1" t="s">
        <v>201500</v>
      </c>
      <c r="J60428" s="1" t="s">
        <v>202710</v>
      </c>
    </row>
    <row r="60429" spans="1:10" x14ac:dyDescent="0.35">
      <c r="A60429" s="1" t="s">
        <v>28766</v>
      </c>
      <c r="B60429" s="1" t="s">
        <v>201495</v>
      </c>
      <c r="C60429" s="1" t="s">
        <v>30</v>
      </c>
      <c r="D60429" s="1" t="s">
        <v>104311</v>
      </c>
      <c r="E60429" s="1" t="s">
        <v>202711</v>
      </c>
      <c r="F60429" s="1" t="s">
        <v>202712</v>
      </c>
      <c r="G60429" s="1" t="s">
        <v>202699</v>
      </c>
      <c r="H60429" s="1" t="s">
        <v>202700</v>
      </c>
      <c r="I60429" s="1" t="s">
        <v>201500</v>
      </c>
      <c r="J60429" s="1" t="s">
        <v>202713</v>
      </c>
    </row>
    <row r="60430" spans="1:10" x14ac:dyDescent="0.35">
      <c r="A60430" s="1" t="s">
        <v>28766</v>
      </c>
      <c r="B60430" s="1" t="s">
        <v>201495</v>
      </c>
      <c r="C60430" s="1" t="s">
        <v>35</v>
      </c>
      <c r="D60430" s="1" t="s">
        <v>118018</v>
      </c>
      <c r="E60430" s="1" t="s">
        <v>202714</v>
      </c>
      <c r="F60430" s="1" t="s">
        <v>202715</v>
      </c>
      <c r="G60430" s="1" t="s">
        <v>202699</v>
      </c>
      <c r="H60430" s="1" t="s">
        <v>202700</v>
      </c>
      <c r="I60430" s="1" t="s">
        <v>201500</v>
      </c>
      <c r="J60430" s="1" t="s">
        <v>202716</v>
      </c>
    </row>
    <row r="60431" spans="1:10" x14ac:dyDescent="0.35">
      <c r="A60431" s="1" t="s">
        <v>28766</v>
      </c>
      <c r="B60431" s="1" t="s">
        <v>201495</v>
      </c>
      <c r="C60431" s="1" t="s">
        <v>40</v>
      </c>
      <c r="D60431" s="1" t="s">
        <v>170276</v>
      </c>
      <c r="E60431" s="1" t="s">
        <v>202717</v>
      </c>
      <c r="F60431" s="1" t="s">
        <v>202718</v>
      </c>
      <c r="G60431" s="1" t="s">
        <v>202699</v>
      </c>
      <c r="H60431" s="1" t="s">
        <v>202700</v>
      </c>
      <c r="I60431" s="1" t="s">
        <v>201500</v>
      </c>
      <c r="J60431" s="1" t="s">
        <v>202719</v>
      </c>
    </row>
    <row r="60432" spans="1:10" x14ac:dyDescent="0.35">
      <c r="A60432" s="1" t="s">
        <v>28766</v>
      </c>
      <c r="B60432" s="1" t="s">
        <v>201495</v>
      </c>
      <c r="C60432" s="1" t="s">
        <v>45</v>
      </c>
      <c r="D60432" s="1" t="s">
        <v>10023</v>
      </c>
      <c r="E60432" s="1" t="s">
        <v>202720</v>
      </c>
      <c r="F60432" s="1" t="s">
        <v>202721</v>
      </c>
      <c r="G60432" s="1" t="s">
        <v>202699</v>
      </c>
      <c r="H60432" s="1" t="s">
        <v>202700</v>
      </c>
      <c r="I60432" s="1" t="s">
        <v>201500</v>
      </c>
      <c r="J60432" s="1" t="s">
        <v>202722</v>
      </c>
    </row>
    <row r="60433" spans="1:10" x14ac:dyDescent="0.35">
      <c r="A60433" s="1" t="s">
        <v>28766</v>
      </c>
      <c r="B60433" s="1" t="s">
        <v>201495</v>
      </c>
      <c r="C60433" s="1" t="s">
        <v>50</v>
      </c>
      <c r="D60433" s="1" t="s">
        <v>158243</v>
      </c>
      <c r="E60433" s="1" t="s">
        <v>202723</v>
      </c>
      <c r="F60433" s="1" t="s">
        <v>202724</v>
      </c>
      <c r="G60433" s="1" t="s">
        <v>202699</v>
      </c>
      <c r="H60433" s="1" t="s">
        <v>202700</v>
      </c>
      <c r="I60433" s="1" t="s">
        <v>201500</v>
      </c>
      <c r="J60433" s="1" t="s">
        <v>202725</v>
      </c>
    </row>
    <row r="60434" spans="1:10" x14ac:dyDescent="0.35">
      <c r="A60434" s="1" t="s">
        <v>28766</v>
      </c>
      <c r="B60434" s="1" t="s">
        <v>201495</v>
      </c>
      <c r="C60434" s="1" t="s">
        <v>55</v>
      </c>
      <c r="D60434" s="1" t="s">
        <v>112515</v>
      </c>
      <c r="E60434" s="1" t="s">
        <v>202726</v>
      </c>
      <c r="F60434" s="1" t="s">
        <v>202727</v>
      </c>
      <c r="G60434" s="1" t="s">
        <v>202699</v>
      </c>
      <c r="H60434" s="1" t="s">
        <v>202700</v>
      </c>
      <c r="I60434" s="1" t="s">
        <v>201500</v>
      </c>
      <c r="J60434" s="1" t="s">
        <v>202728</v>
      </c>
    </row>
    <row r="60435" spans="1:10" x14ac:dyDescent="0.35">
      <c r="A60435" s="1" t="s">
        <v>28766</v>
      </c>
      <c r="B60435" s="1" t="s">
        <v>201495</v>
      </c>
      <c r="C60435" s="1" t="s">
        <v>60</v>
      </c>
      <c r="D60435" s="1" t="s">
        <v>11767</v>
      </c>
      <c r="E60435" s="1" t="s">
        <v>202729</v>
      </c>
      <c r="F60435" s="1" t="s">
        <v>202730</v>
      </c>
      <c r="G60435" s="1" t="s">
        <v>202699</v>
      </c>
      <c r="H60435" s="1" t="s">
        <v>202700</v>
      </c>
      <c r="I60435" s="1" t="s">
        <v>201500</v>
      </c>
      <c r="J60435" s="1" t="s">
        <v>202731</v>
      </c>
    </row>
    <row r="60436" spans="1:10" x14ac:dyDescent="0.35">
      <c r="A60436" s="1" t="s">
        <v>28766</v>
      </c>
      <c r="B60436" s="1" t="s">
        <v>201495</v>
      </c>
      <c r="C60436" s="1" t="s">
        <v>65</v>
      </c>
      <c r="D60436" s="1" t="s">
        <v>45135</v>
      </c>
      <c r="E60436" s="1" t="s">
        <v>202732</v>
      </c>
      <c r="F60436" s="1" t="s">
        <v>202733</v>
      </c>
      <c r="G60436" s="1" t="s">
        <v>202699</v>
      </c>
      <c r="H60436" s="1" t="s">
        <v>202700</v>
      </c>
      <c r="I60436" s="1" t="s">
        <v>201500</v>
      </c>
      <c r="J60436" s="1" t="s">
        <v>202734</v>
      </c>
    </row>
    <row r="60437" spans="1:10" x14ac:dyDescent="0.35">
      <c r="A60437" s="1" t="s">
        <v>28766</v>
      </c>
      <c r="B60437" s="1" t="s">
        <v>201495</v>
      </c>
      <c r="C60437" s="1" t="s">
        <v>70</v>
      </c>
      <c r="D60437" s="1" t="s">
        <v>202123</v>
      </c>
      <c r="E60437" s="1" t="s">
        <v>202735</v>
      </c>
      <c r="F60437" s="1" t="s">
        <v>202736</v>
      </c>
      <c r="G60437" s="1" t="s">
        <v>202699</v>
      </c>
      <c r="H60437" s="1" t="s">
        <v>202700</v>
      </c>
      <c r="I60437" s="1" t="s">
        <v>201500</v>
      </c>
      <c r="J60437" s="1" t="s">
        <v>45114</v>
      </c>
    </row>
    <row r="60438" spans="1:10" x14ac:dyDescent="0.35">
      <c r="A60438" s="1" t="s">
        <v>28766</v>
      </c>
      <c r="B60438" s="1" t="s">
        <v>201495</v>
      </c>
      <c r="C60438" s="1" t="s">
        <v>75</v>
      </c>
      <c r="D60438" s="1" t="s">
        <v>29581</v>
      </c>
      <c r="E60438" s="1" t="s">
        <v>202737</v>
      </c>
      <c r="F60438" s="1" t="s">
        <v>202738</v>
      </c>
      <c r="G60438" s="1" t="s">
        <v>202699</v>
      </c>
      <c r="H60438" s="1" t="s">
        <v>202700</v>
      </c>
      <c r="I60438" s="1" t="s">
        <v>201500</v>
      </c>
      <c r="J60438" s="1" t="s">
        <v>202739</v>
      </c>
    </row>
    <row r="60439" spans="1:10" x14ac:dyDescent="0.35">
      <c r="A60439" s="1" t="s">
        <v>28766</v>
      </c>
      <c r="B60439" s="1" t="s">
        <v>201495</v>
      </c>
      <c r="C60439" s="1" t="s">
        <v>80</v>
      </c>
      <c r="D60439" s="1" t="s">
        <v>51934</v>
      </c>
      <c r="E60439" s="1" t="s">
        <v>202740</v>
      </c>
      <c r="F60439" s="1" t="s">
        <v>202741</v>
      </c>
      <c r="G60439" s="1" t="s">
        <v>202699</v>
      </c>
      <c r="H60439" s="1" t="s">
        <v>202700</v>
      </c>
      <c r="I60439" s="1" t="s">
        <v>201500</v>
      </c>
      <c r="J60439" s="1" t="s">
        <v>202742</v>
      </c>
    </row>
    <row r="60440" spans="1:10" x14ac:dyDescent="0.35">
      <c r="A60440" s="1" t="s">
        <v>28766</v>
      </c>
      <c r="B60440" s="1" t="s">
        <v>201495</v>
      </c>
      <c r="C60440" s="1" t="s">
        <v>85</v>
      </c>
      <c r="D60440" s="1" t="s">
        <v>104445</v>
      </c>
      <c r="E60440" s="1" t="s">
        <v>202701</v>
      </c>
      <c r="F60440" s="1" t="s">
        <v>202743</v>
      </c>
      <c r="G60440" s="1" t="s">
        <v>202699</v>
      </c>
      <c r="H60440" s="1" t="s">
        <v>202700</v>
      </c>
      <c r="I60440" s="1" t="s">
        <v>201500</v>
      </c>
      <c r="J60440" s="1" t="s">
        <v>202744</v>
      </c>
    </row>
    <row r="60441" spans="1:10" x14ac:dyDescent="0.35">
      <c r="A60441" s="1" t="s">
        <v>28766</v>
      </c>
      <c r="B60441" s="1" t="s">
        <v>201495</v>
      </c>
      <c r="C60441" s="1" t="s">
        <v>90</v>
      </c>
      <c r="D60441" s="1" t="s">
        <v>14537</v>
      </c>
      <c r="E60441" s="1" t="s">
        <v>202745</v>
      </c>
      <c r="F60441" s="1" t="s">
        <v>202746</v>
      </c>
      <c r="G60441" s="1" t="s">
        <v>202699</v>
      </c>
      <c r="H60441" s="1" t="s">
        <v>202700</v>
      </c>
      <c r="I60441" s="1" t="s">
        <v>201500</v>
      </c>
      <c r="J60441" s="1" t="s">
        <v>202747</v>
      </c>
    </row>
    <row r="60442" spans="1:10" x14ac:dyDescent="0.35">
      <c r="A60442" s="1" t="s">
        <v>28766</v>
      </c>
      <c r="B60442" s="1" t="s">
        <v>201495</v>
      </c>
      <c r="C60442" s="1" t="s">
        <v>95</v>
      </c>
      <c r="D60442" s="1" t="s">
        <v>29928</v>
      </c>
      <c r="E60442" s="1" t="s">
        <v>202748</v>
      </c>
      <c r="F60442" s="1" t="s">
        <v>202749</v>
      </c>
      <c r="G60442" s="1" t="s">
        <v>202699</v>
      </c>
      <c r="H60442" s="1" t="s">
        <v>202700</v>
      </c>
      <c r="I60442" s="1" t="s">
        <v>201500</v>
      </c>
      <c r="J60442" s="1" t="s">
        <v>202750</v>
      </c>
    </row>
    <row r="60443" spans="1:10" x14ac:dyDescent="0.35">
      <c r="A60443" s="1" t="s">
        <v>28766</v>
      </c>
      <c r="B60443" s="1" t="s">
        <v>201495</v>
      </c>
      <c r="C60443" s="1" t="s">
        <v>100</v>
      </c>
      <c r="D60443" s="1" t="s">
        <v>202751</v>
      </c>
      <c r="E60443" s="1" t="s">
        <v>202752</v>
      </c>
      <c r="F60443" s="1" t="s">
        <v>202753</v>
      </c>
      <c r="G60443" s="1" t="s">
        <v>202699</v>
      </c>
      <c r="H60443" s="1" t="s">
        <v>202700</v>
      </c>
      <c r="I60443" s="1" t="s">
        <v>201500</v>
      </c>
      <c r="J60443" s="1" t="s">
        <v>202754</v>
      </c>
    </row>
    <row r="60444" spans="1:10" x14ac:dyDescent="0.35">
      <c r="A60444" s="1" t="s">
        <v>28766</v>
      </c>
      <c r="B60444" s="1" t="s">
        <v>201495</v>
      </c>
      <c r="C60444" s="1" t="s">
        <v>105</v>
      </c>
      <c r="D60444" s="1" t="s">
        <v>104820</v>
      </c>
      <c r="E60444" s="1" t="s">
        <v>202755</v>
      </c>
      <c r="F60444" s="1" t="s">
        <v>202756</v>
      </c>
      <c r="G60444" s="1" t="s">
        <v>202699</v>
      </c>
      <c r="H60444" s="1" t="s">
        <v>202700</v>
      </c>
      <c r="I60444" s="1" t="s">
        <v>201500</v>
      </c>
      <c r="J60444" s="1" t="s">
        <v>202757</v>
      </c>
    </row>
    <row r="60445" spans="1:10" x14ac:dyDescent="0.35">
      <c r="A60445" s="1" t="s">
        <v>28766</v>
      </c>
      <c r="B60445" s="1" t="s">
        <v>201495</v>
      </c>
      <c r="C60445" s="1" t="s">
        <v>110</v>
      </c>
      <c r="D60445" s="1" t="s">
        <v>75377</v>
      </c>
      <c r="E60445" s="1" t="s">
        <v>202758</v>
      </c>
      <c r="F60445" s="1" t="s">
        <v>202759</v>
      </c>
      <c r="G60445" s="1" t="s">
        <v>202699</v>
      </c>
      <c r="H60445" s="1" t="s">
        <v>202700</v>
      </c>
      <c r="I60445" s="1" t="s">
        <v>201500</v>
      </c>
      <c r="J60445" s="1" t="s">
        <v>202760</v>
      </c>
    </row>
    <row r="60446" spans="1:10" x14ac:dyDescent="0.35">
      <c r="A60446" s="1" t="s">
        <v>28766</v>
      </c>
      <c r="B60446" s="1" t="s">
        <v>201495</v>
      </c>
      <c r="C60446" s="1" t="s">
        <v>115</v>
      </c>
      <c r="D60446" s="1" t="s">
        <v>120270</v>
      </c>
      <c r="E60446" s="1" t="s">
        <v>202761</v>
      </c>
      <c r="F60446" s="1" t="s">
        <v>202762</v>
      </c>
      <c r="G60446" s="1" t="s">
        <v>202699</v>
      </c>
      <c r="H60446" s="1" t="s">
        <v>202700</v>
      </c>
      <c r="I60446" s="1" t="s">
        <v>201500</v>
      </c>
      <c r="J60446" s="1" t="s">
        <v>202763</v>
      </c>
    </row>
    <row r="60447" spans="1:10" x14ac:dyDescent="0.35">
      <c r="A60447" s="1" t="s">
        <v>28766</v>
      </c>
      <c r="B60447" s="1" t="s">
        <v>201495</v>
      </c>
      <c r="C60447" s="1" t="s">
        <v>120</v>
      </c>
      <c r="D60447" s="1" t="s">
        <v>37325</v>
      </c>
      <c r="E60447" s="1" t="s">
        <v>202764</v>
      </c>
      <c r="F60447" s="1" t="s">
        <v>202765</v>
      </c>
      <c r="G60447" s="1" t="s">
        <v>202699</v>
      </c>
      <c r="H60447" s="1" t="s">
        <v>202700</v>
      </c>
      <c r="I60447" s="1" t="s">
        <v>201500</v>
      </c>
      <c r="J60447" s="1" t="s">
        <v>202766</v>
      </c>
    </row>
    <row r="60448" spans="1:10" x14ac:dyDescent="0.35">
      <c r="A60448" s="1" t="s">
        <v>28766</v>
      </c>
      <c r="B60448" s="1" t="s">
        <v>201495</v>
      </c>
      <c r="C60448" s="1" t="s">
        <v>125</v>
      </c>
      <c r="D60448" s="1" t="s">
        <v>124593</v>
      </c>
      <c r="E60448" s="1" t="s">
        <v>202767</v>
      </c>
      <c r="F60448" s="1" t="s">
        <v>202768</v>
      </c>
      <c r="G60448" s="1" t="s">
        <v>202699</v>
      </c>
      <c r="H60448" s="1" t="s">
        <v>202700</v>
      </c>
      <c r="I60448" s="1" t="s">
        <v>201500</v>
      </c>
      <c r="J60448" s="1" t="s">
        <v>202769</v>
      </c>
    </row>
    <row r="60449" spans="1:10" x14ac:dyDescent="0.35">
      <c r="A60449" s="1" t="s">
        <v>28766</v>
      </c>
      <c r="B60449" s="1" t="s">
        <v>201495</v>
      </c>
      <c r="C60449" s="1" t="s">
        <v>130</v>
      </c>
      <c r="D60449" s="1" t="s">
        <v>44403</v>
      </c>
      <c r="E60449" s="1" t="s">
        <v>202770</v>
      </c>
      <c r="F60449" s="1" t="s">
        <v>202771</v>
      </c>
      <c r="G60449" s="1" t="s">
        <v>202699</v>
      </c>
      <c r="H60449" s="1" t="s">
        <v>202700</v>
      </c>
      <c r="I60449" s="1" t="s">
        <v>201500</v>
      </c>
      <c r="J60449" s="1" t="s">
        <v>202772</v>
      </c>
    </row>
    <row r="60450" spans="1:10" x14ac:dyDescent="0.35">
      <c r="A60450" s="1" t="s">
        <v>28766</v>
      </c>
      <c r="B60450" s="1" t="s">
        <v>201495</v>
      </c>
      <c r="C60450" s="1" t="s">
        <v>135</v>
      </c>
      <c r="D60450" s="1" t="s">
        <v>118476</v>
      </c>
      <c r="E60450" s="1" t="s">
        <v>202773</v>
      </c>
      <c r="F60450" s="1" t="s">
        <v>202774</v>
      </c>
      <c r="G60450" s="1" t="s">
        <v>202699</v>
      </c>
      <c r="H60450" s="1" t="s">
        <v>202700</v>
      </c>
      <c r="I60450" s="1" t="s">
        <v>201500</v>
      </c>
      <c r="J60450" s="1" t="s">
        <v>202775</v>
      </c>
    </row>
    <row r="60451" spans="1:10" x14ac:dyDescent="0.35">
      <c r="A60451" s="1" t="s">
        <v>28766</v>
      </c>
      <c r="B60451" s="1" t="s">
        <v>201495</v>
      </c>
      <c r="C60451" s="1" t="s">
        <v>140</v>
      </c>
      <c r="D60451" s="1" t="s">
        <v>115591</v>
      </c>
      <c r="E60451" s="1" t="s">
        <v>202776</v>
      </c>
      <c r="F60451" s="1" t="s">
        <v>202777</v>
      </c>
      <c r="G60451" s="1" t="s">
        <v>202699</v>
      </c>
      <c r="H60451" s="1" t="s">
        <v>202700</v>
      </c>
      <c r="I60451" s="1" t="s">
        <v>201500</v>
      </c>
      <c r="J60451" s="1" t="s">
        <v>202778</v>
      </c>
    </row>
    <row r="60452" spans="1:10" x14ac:dyDescent="0.35">
      <c r="A60452" s="1" t="s">
        <v>28766</v>
      </c>
      <c r="B60452" s="1" t="s">
        <v>201495</v>
      </c>
      <c r="C60452" s="1" t="s">
        <v>145</v>
      </c>
      <c r="D60452" s="1" t="s">
        <v>194920</v>
      </c>
      <c r="E60452" s="1" t="s">
        <v>202779</v>
      </c>
      <c r="F60452" s="1" t="s">
        <v>202780</v>
      </c>
      <c r="G60452" s="1" t="s">
        <v>202699</v>
      </c>
      <c r="H60452" s="1" t="s">
        <v>202700</v>
      </c>
      <c r="I60452" s="1" t="s">
        <v>201500</v>
      </c>
      <c r="J60452" s="1" t="s">
        <v>202781</v>
      </c>
    </row>
    <row r="60453" spans="1:10" x14ac:dyDescent="0.35">
      <c r="A60453" s="1" t="s">
        <v>28766</v>
      </c>
      <c r="B60453" s="1" t="s">
        <v>201495</v>
      </c>
      <c r="C60453" s="1" t="s">
        <v>150</v>
      </c>
      <c r="D60453" s="1" t="s">
        <v>3391</v>
      </c>
      <c r="E60453" s="1" t="s">
        <v>202782</v>
      </c>
      <c r="F60453" s="1" t="s">
        <v>202783</v>
      </c>
      <c r="G60453" s="1" t="s">
        <v>202699</v>
      </c>
      <c r="H60453" s="1" t="s">
        <v>202700</v>
      </c>
      <c r="I60453" s="1" t="s">
        <v>201500</v>
      </c>
      <c r="J60453" s="1" t="s">
        <v>202784</v>
      </c>
    </row>
    <row r="60454" spans="1:10" x14ac:dyDescent="0.35">
      <c r="A60454" s="1" t="s">
        <v>28766</v>
      </c>
      <c r="B60454" s="1" t="s">
        <v>201495</v>
      </c>
      <c r="C60454" s="1" t="s">
        <v>155</v>
      </c>
      <c r="D60454" s="1" t="s">
        <v>25774</v>
      </c>
      <c r="E60454" s="1" t="s">
        <v>202785</v>
      </c>
      <c r="F60454" s="1" t="s">
        <v>202786</v>
      </c>
      <c r="G60454" s="1" t="s">
        <v>202699</v>
      </c>
      <c r="H60454" s="1" t="s">
        <v>202700</v>
      </c>
      <c r="I60454" s="1" t="s">
        <v>201500</v>
      </c>
      <c r="J60454" s="1" t="s">
        <v>202787</v>
      </c>
    </row>
    <row r="60455" spans="1:10" x14ac:dyDescent="0.35">
      <c r="A60455" s="1" t="s">
        <v>28766</v>
      </c>
      <c r="B60455" s="1" t="s">
        <v>201495</v>
      </c>
      <c r="C60455" s="1" t="s">
        <v>160</v>
      </c>
      <c r="D60455" s="1" t="s">
        <v>36192</v>
      </c>
      <c r="E60455" s="1" t="s">
        <v>202788</v>
      </c>
      <c r="F60455" s="1" t="s">
        <v>202789</v>
      </c>
      <c r="G60455" s="1" t="s">
        <v>202699</v>
      </c>
      <c r="H60455" s="1" t="s">
        <v>202700</v>
      </c>
      <c r="I60455" s="1" t="s">
        <v>201500</v>
      </c>
      <c r="J60455" s="1" t="s">
        <v>202790</v>
      </c>
    </row>
    <row r="60456" spans="1:10" x14ac:dyDescent="0.35">
      <c r="A60456" s="1" t="s">
        <v>28766</v>
      </c>
      <c r="B60456" s="1" t="s">
        <v>201495</v>
      </c>
      <c r="C60456" s="1" t="s">
        <v>165</v>
      </c>
      <c r="D60456" s="1" t="s">
        <v>188740</v>
      </c>
      <c r="E60456" s="1" t="s">
        <v>202791</v>
      </c>
      <c r="F60456" s="1" t="s">
        <v>202792</v>
      </c>
      <c r="G60456" s="1" t="s">
        <v>202699</v>
      </c>
      <c r="H60456" s="1" t="s">
        <v>202700</v>
      </c>
      <c r="I60456" s="1" t="s">
        <v>201500</v>
      </c>
      <c r="J60456" s="1" t="s">
        <v>202793</v>
      </c>
    </row>
    <row r="60457" spans="1:10" x14ac:dyDescent="0.35">
      <c r="A60457" s="1" t="s">
        <v>28766</v>
      </c>
      <c r="B60457" s="1" t="s">
        <v>201495</v>
      </c>
      <c r="C60457" s="1" t="s">
        <v>170</v>
      </c>
      <c r="D60457" s="1" t="s">
        <v>25281</v>
      </c>
      <c r="E60457" s="1" t="s">
        <v>202794</v>
      </c>
      <c r="F60457" s="1" t="s">
        <v>202795</v>
      </c>
      <c r="G60457" s="1" t="s">
        <v>202699</v>
      </c>
      <c r="H60457" s="1" t="s">
        <v>202700</v>
      </c>
      <c r="I60457" s="1" t="s">
        <v>201500</v>
      </c>
      <c r="J60457" s="1" t="s">
        <v>202796</v>
      </c>
    </row>
    <row r="60458" spans="1:10" x14ac:dyDescent="0.35">
      <c r="A60458" s="1" t="s">
        <v>8303</v>
      </c>
      <c r="B60458" s="1" t="s">
        <v>201495</v>
      </c>
      <c r="C60458" s="1" t="s">
        <v>8</v>
      </c>
      <c r="D60458" s="1" t="s">
        <v>3355</v>
      </c>
      <c r="E60458" s="1" t="s">
        <v>202797</v>
      </c>
      <c r="F60458" s="1" t="s">
        <v>202798</v>
      </c>
      <c r="G60458" s="1" t="s">
        <v>202799</v>
      </c>
      <c r="H60458" s="1" t="s">
        <v>202800</v>
      </c>
      <c r="I60458" s="1" t="s">
        <v>201500</v>
      </c>
      <c r="J60458" s="1" t="s">
        <v>13</v>
      </c>
    </row>
    <row r="60459" spans="1:10" x14ac:dyDescent="0.35">
      <c r="A60459" s="1" t="s">
        <v>8303</v>
      </c>
      <c r="B60459" s="1" t="s">
        <v>201495</v>
      </c>
      <c r="C60459" s="1" t="s">
        <v>15</v>
      </c>
      <c r="D60459" s="1" t="s">
        <v>111730</v>
      </c>
      <c r="E60459" s="1" t="s">
        <v>202801</v>
      </c>
      <c r="F60459" s="1" t="s">
        <v>202802</v>
      </c>
      <c r="G60459" s="1" t="s">
        <v>202799</v>
      </c>
      <c r="H60459" s="1" t="s">
        <v>202800</v>
      </c>
      <c r="I60459" s="1" t="s">
        <v>201500</v>
      </c>
      <c r="J60459" s="1" t="s">
        <v>202803</v>
      </c>
    </row>
    <row r="60460" spans="1:10" x14ac:dyDescent="0.35">
      <c r="A60460" s="1" t="s">
        <v>8303</v>
      </c>
      <c r="B60460" s="1" t="s">
        <v>201495</v>
      </c>
      <c r="C60460" s="1" t="s">
        <v>20</v>
      </c>
      <c r="D60460" s="1" t="s">
        <v>202804</v>
      </c>
      <c r="E60460" s="1" t="s">
        <v>202805</v>
      </c>
      <c r="F60460" s="1" t="s">
        <v>202806</v>
      </c>
      <c r="G60460" s="1" t="s">
        <v>202799</v>
      </c>
      <c r="H60460" s="1" t="s">
        <v>202800</v>
      </c>
      <c r="I60460" s="1" t="s">
        <v>201500</v>
      </c>
      <c r="J60460" s="1" t="s">
        <v>202807</v>
      </c>
    </row>
    <row r="60461" spans="1:10" x14ac:dyDescent="0.35">
      <c r="A60461" s="1" t="s">
        <v>8303</v>
      </c>
      <c r="B60461" s="1" t="s">
        <v>201495</v>
      </c>
      <c r="C60461" s="1" t="s">
        <v>25</v>
      </c>
      <c r="D60461" s="1" t="s">
        <v>116499</v>
      </c>
      <c r="E60461" s="1" t="s">
        <v>202808</v>
      </c>
      <c r="F60461" s="1" t="s">
        <v>202809</v>
      </c>
      <c r="G60461" s="1" t="s">
        <v>202799</v>
      </c>
      <c r="H60461" s="1" t="s">
        <v>202800</v>
      </c>
      <c r="I60461" s="1" t="s">
        <v>201500</v>
      </c>
      <c r="J60461" s="1" t="s">
        <v>202810</v>
      </c>
    </row>
    <row r="60462" spans="1:10" x14ac:dyDescent="0.35">
      <c r="A60462" s="1" t="s">
        <v>8303</v>
      </c>
      <c r="B60462" s="1" t="s">
        <v>201495</v>
      </c>
      <c r="C60462" s="1" t="s">
        <v>30</v>
      </c>
      <c r="D60462" s="1" t="s">
        <v>25289</v>
      </c>
      <c r="E60462" s="1" t="s">
        <v>202811</v>
      </c>
      <c r="F60462" s="1" t="s">
        <v>202812</v>
      </c>
      <c r="G60462" s="1" t="s">
        <v>202799</v>
      </c>
      <c r="H60462" s="1" t="s">
        <v>202800</v>
      </c>
      <c r="I60462" s="1" t="s">
        <v>201500</v>
      </c>
      <c r="J60462" s="1" t="s">
        <v>202813</v>
      </c>
    </row>
    <row r="60463" spans="1:10" x14ac:dyDescent="0.35">
      <c r="A60463" s="1" t="s">
        <v>8303</v>
      </c>
      <c r="B60463" s="1" t="s">
        <v>201495</v>
      </c>
      <c r="C60463" s="1" t="s">
        <v>35</v>
      </c>
      <c r="D60463" s="1" t="s">
        <v>202814</v>
      </c>
      <c r="E60463" s="1" t="s">
        <v>202815</v>
      </c>
      <c r="F60463" s="1" t="s">
        <v>202816</v>
      </c>
      <c r="G60463" s="1" t="s">
        <v>202799</v>
      </c>
      <c r="H60463" s="1" t="s">
        <v>202800</v>
      </c>
      <c r="I60463" s="1" t="s">
        <v>201500</v>
      </c>
      <c r="J60463" s="1" t="s">
        <v>202817</v>
      </c>
    </row>
    <row r="60464" spans="1:10" x14ac:dyDescent="0.35">
      <c r="A60464" s="1" t="s">
        <v>8303</v>
      </c>
      <c r="B60464" s="1" t="s">
        <v>201495</v>
      </c>
      <c r="C60464" s="1" t="s">
        <v>40</v>
      </c>
      <c r="D60464" s="1" t="s">
        <v>33917</v>
      </c>
      <c r="E60464" s="1" t="s">
        <v>202818</v>
      </c>
      <c r="F60464" s="1" t="s">
        <v>202819</v>
      </c>
      <c r="G60464" s="1" t="s">
        <v>202799</v>
      </c>
      <c r="H60464" s="1" t="s">
        <v>202800</v>
      </c>
      <c r="I60464" s="1" t="s">
        <v>201500</v>
      </c>
      <c r="J60464" s="1" t="s">
        <v>202820</v>
      </c>
    </row>
    <row r="60465" spans="1:10" x14ac:dyDescent="0.35">
      <c r="A60465" s="1" t="s">
        <v>8303</v>
      </c>
      <c r="B60465" s="1" t="s">
        <v>201495</v>
      </c>
      <c r="C60465" s="1" t="s">
        <v>45</v>
      </c>
      <c r="D60465" s="1" t="s">
        <v>119180</v>
      </c>
      <c r="E60465" s="1" t="s">
        <v>202821</v>
      </c>
      <c r="F60465" s="1" t="s">
        <v>202822</v>
      </c>
      <c r="G60465" s="1" t="s">
        <v>202799</v>
      </c>
      <c r="H60465" s="1" t="s">
        <v>202800</v>
      </c>
      <c r="I60465" s="1" t="s">
        <v>201500</v>
      </c>
      <c r="J60465" s="1" t="s">
        <v>202823</v>
      </c>
    </row>
    <row r="60466" spans="1:10" x14ac:dyDescent="0.35">
      <c r="A60466" s="1" t="s">
        <v>8303</v>
      </c>
      <c r="B60466" s="1" t="s">
        <v>201495</v>
      </c>
      <c r="C60466" s="1" t="s">
        <v>50</v>
      </c>
      <c r="D60466" s="1" t="s">
        <v>34614</v>
      </c>
      <c r="E60466" s="1" t="s">
        <v>202824</v>
      </c>
      <c r="F60466" s="1" t="s">
        <v>202825</v>
      </c>
      <c r="G60466" s="1" t="s">
        <v>202799</v>
      </c>
      <c r="H60466" s="1" t="s">
        <v>202800</v>
      </c>
      <c r="I60466" s="1" t="s">
        <v>201500</v>
      </c>
      <c r="J60466" s="1" t="s">
        <v>202826</v>
      </c>
    </row>
    <row r="60467" spans="1:10" x14ac:dyDescent="0.35">
      <c r="A60467" s="1" t="s">
        <v>8303</v>
      </c>
      <c r="B60467" s="1" t="s">
        <v>201495</v>
      </c>
      <c r="C60467" s="1" t="s">
        <v>55</v>
      </c>
      <c r="D60467" s="1" t="s">
        <v>197051</v>
      </c>
      <c r="E60467" s="1" t="s">
        <v>202827</v>
      </c>
      <c r="F60467" s="1" t="s">
        <v>202828</v>
      </c>
      <c r="G60467" s="1" t="s">
        <v>202799</v>
      </c>
      <c r="H60467" s="1" t="s">
        <v>202800</v>
      </c>
      <c r="I60467" s="1" t="s">
        <v>201500</v>
      </c>
      <c r="J60467" s="1" t="s">
        <v>202829</v>
      </c>
    </row>
    <row r="60468" spans="1:10" x14ac:dyDescent="0.35">
      <c r="A60468" s="1" t="s">
        <v>8303</v>
      </c>
      <c r="B60468" s="1" t="s">
        <v>201495</v>
      </c>
      <c r="C60468" s="1" t="s">
        <v>60</v>
      </c>
      <c r="D60468" s="1" t="s">
        <v>51015</v>
      </c>
      <c r="E60468" s="1" t="s">
        <v>202830</v>
      </c>
      <c r="F60468" s="1" t="s">
        <v>202831</v>
      </c>
      <c r="G60468" s="1" t="s">
        <v>202799</v>
      </c>
      <c r="H60468" s="1" t="s">
        <v>202800</v>
      </c>
      <c r="I60468" s="1" t="s">
        <v>201500</v>
      </c>
      <c r="J60468" s="1" t="s">
        <v>202832</v>
      </c>
    </row>
    <row r="60469" spans="1:10" x14ac:dyDescent="0.35">
      <c r="A60469" s="1" t="s">
        <v>8303</v>
      </c>
      <c r="B60469" s="1" t="s">
        <v>201495</v>
      </c>
      <c r="C60469" s="1" t="s">
        <v>65</v>
      </c>
      <c r="D60469" s="1" t="s">
        <v>202833</v>
      </c>
      <c r="E60469" s="1" t="s">
        <v>202834</v>
      </c>
      <c r="F60469" s="1" t="s">
        <v>202835</v>
      </c>
      <c r="G60469" s="1" t="s">
        <v>202799</v>
      </c>
      <c r="H60469" s="1" t="s">
        <v>202800</v>
      </c>
      <c r="I60469" s="1" t="s">
        <v>201500</v>
      </c>
      <c r="J60469" s="1" t="s">
        <v>202836</v>
      </c>
    </row>
    <row r="60470" spans="1:10" x14ac:dyDescent="0.35">
      <c r="A60470" s="1" t="s">
        <v>8303</v>
      </c>
      <c r="B60470" s="1" t="s">
        <v>201495</v>
      </c>
      <c r="C60470" s="1" t="s">
        <v>70</v>
      </c>
      <c r="D60470" s="1" t="s">
        <v>15997</v>
      </c>
      <c r="E60470" s="1" t="s">
        <v>202837</v>
      </c>
      <c r="F60470" s="1" t="s">
        <v>202838</v>
      </c>
      <c r="G60470" s="1" t="s">
        <v>202799</v>
      </c>
      <c r="H60470" s="1" t="s">
        <v>202800</v>
      </c>
      <c r="I60470" s="1" t="s">
        <v>201500</v>
      </c>
      <c r="J60470" s="1" t="s">
        <v>202839</v>
      </c>
    </row>
    <row r="60471" spans="1:10" x14ac:dyDescent="0.35">
      <c r="A60471" s="1" t="s">
        <v>8303</v>
      </c>
      <c r="B60471" s="1" t="s">
        <v>201495</v>
      </c>
      <c r="C60471" s="1" t="s">
        <v>75</v>
      </c>
      <c r="D60471" s="1" t="s">
        <v>38334</v>
      </c>
      <c r="E60471" s="1" t="s">
        <v>202840</v>
      </c>
      <c r="F60471" s="1" t="s">
        <v>202841</v>
      </c>
      <c r="G60471" s="1" t="s">
        <v>202799</v>
      </c>
      <c r="H60471" s="1" t="s">
        <v>202800</v>
      </c>
      <c r="I60471" s="1" t="s">
        <v>201500</v>
      </c>
      <c r="J60471" s="1" t="s">
        <v>202842</v>
      </c>
    </row>
    <row r="60472" spans="1:10" x14ac:dyDescent="0.35">
      <c r="A60472" s="1" t="s">
        <v>8303</v>
      </c>
      <c r="B60472" s="1" t="s">
        <v>201495</v>
      </c>
      <c r="C60472" s="1" t="s">
        <v>80</v>
      </c>
      <c r="D60472" s="1" t="s">
        <v>202843</v>
      </c>
      <c r="E60472" s="1" t="s">
        <v>202844</v>
      </c>
      <c r="F60472" s="1" t="s">
        <v>202845</v>
      </c>
      <c r="G60472" s="1" t="s">
        <v>202799</v>
      </c>
      <c r="H60472" s="1" t="s">
        <v>202800</v>
      </c>
      <c r="I60472" s="1" t="s">
        <v>201500</v>
      </c>
      <c r="J60472" s="1" t="s">
        <v>202846</v>
      </c>
    </row>
    <row r="60473" spans="1:10" x14ac:dyDescent="0.35">
      <c r="A60473" s="1" t="s">
        <v>8303</v>
      </c>
      <c r="B60473" s="1" t="s">
        <v>201495</v>
      </c>
      <c r="C60473" s="1" t="s">
        <v>85</v>
      </c>
      <c r="D60473" s="1" t="s">
        <v>192416</v>
      </c>
      <c r="E60473" s="1" t="s">
        <v>202847</v>
      </c>
      <c r="F60473" s="1" t="s">
        <v>202848</v>
      </c>
      <c r="G60473" s="1" t="s">
        <v>202799</v>
      </c>
      <c r="H60473" s="1" t="s">
        <v>202800</v>
      </c>
      <c r="I60473" s="1" t="s">
        <v>201500</v>
      </c>
      <c r="J60473" s="1" t="s">
        <v>202849</v>
      </c>
    </row>
    <row r="60474" spans="1:10" x14ac:dyDescent="0.35">
      <c r="A60474" s="1" t="s">
        <v>8303</v>
      </c>
      <c r="B60474" s="1" t="s">
        <v>201495</v>
      </c>
      <c r="C60474" s="1" t="s">
        <v>90</v>
      </c>
      <c r="D60474" s="1" t="s">
        <v>196832</v>
      </c>
      <c r="E60474" s="1" t="s">
        <v>202850</v>
      </c>
      <c r="F60474" s="1" t="s">
        <v>202851</v>
      </c>
      <c r="G60474" s="1" t="s">
        <v>202799</v>
      </c>
      <c r="H60474" s="1" t="s">
        <v>202800</v>
      </c>
      <c r="I60474" s="1" t="s">
        <v>201500</v>
      </c>
      <c r="J60474" s="1" t="s">
        <v>202852</v>
      </c>
    </row>
    <row r="60475" spans="1:10" x14ac:dyDescent="0.35">
      <c r="A60475" s="1" t="s">
        <v>8303</v>
      </c>
      <c r="B60475" s="1" t="s">
        <v>201495</v>
      </c>
      <c r="C60475" s="1" t="s">
        <v>95</v>
      </c>
      <c r="D60475" s="1" t="s">
        <v>5385</v>
      </c>
      <c r="E60475" s="1" t="s">
        <v>202853</v>
      </c>
      <c r="F60475" s="1" t="s">
        <v>202854</v>
      </c>
      <c r="G60475" s="1" t="s">
        <v>202799</v>
      </c>
      <c r="H60475" s="1" t="s">
        <v>202800</v>
      </c>
      <c r="I60475" s="1" t="s">
        <v>201500</v>
      </c>
      <c r="J60475" s="1" t="s">
        <v>202855</v>
      </c>
    </row>
    <row r="60476" spans="1:10" x14ac:dyDescent="0.35">
      <c r="A60476" s="1" t="s">
        <v>8303</v>
      </c>
      <c r="B60476" s="1" t="s">
        <v>201495</v>
      </c>
      <c r="C60476" s="1" t="s">
        <v>100</v>
      </c>
      <c r="D60476" s="1" t="s">
        <v>38354</v>
      </c>
      <c r="E60476" s="1" t="s">
        <v>202856</v>
      </c>
      <c r="F60476" s="1" t="s">
        <v>202857</v>
      </c>
      <c r="G60476" s="1" t="s">
        <v>202799</v>
      </c>
      <c r="H60476" s="1" t="s">
        <v>202800</v>
      </c>
      <c r="I60476" s="1" t="s">
        <v>201500</v>
      </c>
      <c r="J60476" s="1" t="s">
        <v>202858</v>
      </c>
    </row>
    <row r="60477" spans="1:10" x14ac:dyDescent="0.35">
      <c r="A60477" s="1" t="s">
        <v>8303</v>
      </c>
      <c r="B60477" s="1" t="s">
        <v>201495</v>
      </c>
      <c r="C60477" s="1" t="s">
        <v>105</v>
      </c>
      <c r="D60477" s="1" t="s">
        <v>71304</v>
      </c>
      <c r="E60477" s="1" t="s">
        <v>202859</v>
      </c>
      <c r="F60477" s="1" t="s">
        <v>202860</v>
      </c>
      <c r="G60477" s="1" t="s">
        <v>202799</v>
      </c>
      <c r="H60477" s="1" t="s">
        <v>202800</v>
      </c>
      <c r="I60477" s="1" t="s">
        <v>201500</v>
      </c>
      <c r="J60477" s="1" t="s">
        <v>202861</v>
      </c>
    </row>
    <row r="60478" spans="1:10" x14ac:dyDescent="0.35">
      <c r="A60478" s="1" t="s">
        <v>8303</v>
      </c>
      <c r="B60478" s="1" t="s">
        <v>201495</v>
      </c>
      <c r="C60478" s="1" t="s">
        <v>110</v>
      </c>
      <c r="D60478" s="1" t="s">
        <v>49812</v>
      </c>
      <c r="E60478" s="1" t="s">
        <v>202862</v>
      </c>
      <c r="F60478" s="1" t="s">
        <v>202863</v>
      </c>
      <c r="G60478" s="1" t="s">
        <v>202799</v>
      </c>
      <c r="H60478" s="1" t="s">
        <v>202800</v>
      </c>
      <c r="I60478" s="1" t="s">
        <v>201500</v>
      </c>
      <c r="J60478" s="1" t="s">
        <v>202864</v>
      </c>
    </row>
    <row r="60479" spans="1:10" x14ac:dyDescent="0.35">
      <c r="A60479" s="1" t="s">
        <v>8303</v>
      </c>
      <c r="B60479" s="1" t="s">
        <v>201495</v>
      </c>
      <c r="C60479" s="1" t="s">
        <v>115</v>
      </c>
      <c r="D60479" s="1" t="s">
        <v>82764</v>
      </c>
      <c r="E60479" s="1" t="s">
        <v>202865</v>
      </c>
      <c r="F60479" s="1" t="s">
        <v>202866</v>
      </c>
      <c r="G60479" s="1" t="s">
        <v>202799</v>
      </c>
      <c r="H60479" s="1" t="s">
        <v>202800</v>
      </c>
      <c r="I60479" s="1" t="s">
        <v>201500</v>
      </c>
      <c r="J60479" s="1" t="s">
        <v>202867</v>
      </c>
    </row>
    <row r="60480" spans="1:10" x14ac:dyDescent="0.35">
      <c r="A60480" s="1" t="s">
        <v>8303</v>
      </c>
      <c r="B60480" s="1" t="s">
        <v>201495</v>
      </c>
      <c r="C60480" s="1" t="s">
        <v>120</v>
      </c>
      <c r="D60480" s="1" t="s">
        <v>17698</v>
      </c>
      <c r="E60480" s="1" t="s">
        <v>202868</v>
      </c>
      <c r="F60480" s="1" t="s">
        <v>202869</v>
      </c>
      <c r="G60480" s="1" t="s">
        <v>202799</v>
      </c>
      <c r="H60480" s="1" t="s">
        <v>202800</v>
      </c>
      <c r="I60480" s="1" t="s">
        <v>201500</v>
      </c>
      <c r="J60480" s="1" t="s">
        <v>202870</v>
      </c>
    </row>
    <row r="60481" spans="1:10" x14ac:dyDescent="0.35">
      <c r="A60481" s="1" t="s">
        <v>8303</v>
      </c>
      <c r="B60481" s="1" t="s">
        <v>201495</v>
      </c>
      <c r="C60481" s="1" t="s">
        <v>125</v>
      </c>
      <c r="D60481" s="1" t="s">
        <v>892</v>
      </c>
      <c r="E60481" s="1" t="s">
        <v>202871</v>
      </c>
      <c r="F60481" s="1" t="s">
        <v>202872</v>
      </c>
      <c r="G60481" s="1" t="s">
        <v>202799</v>
      </c>
      <c r="H60481" s="1" t="s">
        <v>202800</v>
      </c>
      <c r="I60481" s="1" t="s">
        <v>201500</v>
      </c>
      <c r="J60481" s="1" t="s">
        <v>202873</v>
      </c>
    </row>
    <row r="60482" spans="1:10" x14ac:dyDescent="0.35">
      <c r="A60482" s="1" t="s">
        <v>8303</v>
      </c>
      <c r="B60482" s="1" t="s">
        <v>201495</v>
      </c>
      <c r="C60482" s="1" t="s">
        <v>130</v>
      </c>
      <c r="D60482" s="1" t="s">
        <v>188901</v>
      </c>
      <c r="E60482" s="1" t="s">
        <v>202874</v>
      </c>
      <c r="F60482" s="1" t="s">
        <v>202875</v>
      </c>
      <c r="G60482" s="1" t="s">
        <v>202799</v>
      </c>
      <c r="H60482" s="1" t="s">
        <v>202800</v>
      </c>
      <c r="I60482" s="1" t="s">
        <v>201500</v>
      </c>
      <c r="J60482" s="1" t="s">
        <v>202876</v>
      </c>
    </row>
    <row r="60483" spans="1:10" x14ac:dyDescent="0.35">
      <c r="A60483" s="1" t="s">
        <v>8303</v>
      </c>
      <c r="B60483" s="1" t="s">
        <v>201495</v>
      </c>
      <c r="C60483" s="1" t="s">
        <v>135</v>
      </c>
      <c r="D60483" s="1" t="s">
        <v>193256</v>
      </c>
      <c r="E60483" s="1" t="s">
        <v>202877</v>
      </c>
      <c r="F60483" s="1" t="s">
        <v>202878</v>
      </c>
      <c r="G60483" s="1" t="s">
        <v>202799</v>
      </c>
      <c r="H60483" s="1" t="s">
        <v>202800</v>
      </c>
      <c r="I60483" s="1" t="s">
        <v>201500</v>
      </c>
      <c r="J60483" s="1" t="s">
        <v>202879</v>
      </c>
    </row>
    <row r="60484" spans="1:10" x14ac:dyDescent="0.35">
      <c r="A60484" s="1" t="s">
        <v>8303</v>
      </c>
      <c r="B60484" s="1" t="s">
        <v>201495</v>
      </c>
      <c r="C60484" s="1" t="s">
        <v>140</v>
      </c>
      <c r="D60484" s="1" t="s">
        <v>202880</v>
      </c>
      <c r="E60484" s="1" t="s">
        <v>202881</v>
      </c>
      <c r="F60484" s="1" t="s">
        <v>202882</v>
      </c>
      <c r="G60484" s="1" t="s">
        <v>202799</v>
      </c>
      <c r="H60484" s="1" t="s">
        <v>202800</v>
      </c>
      <c r="I60484" s="1" t="s">
        <v>201500</v>
      </c>
      <c r="J60484" s="1" t="s">
        <v>202883</v>
      </c>
    </row>
    <row r="60485" spans="1:10" x14ac:dyDescent="0.35">
      <c r="A60485" s="1" t="s">
        <v>8303</v>
      </c>
      <c r="B60485" s="1" t="s">
        <v>201495</v>
      </c>
      <c r="C60485" s="1" t="s">
        <v>145</v>
      </c>
      <c r="D60485" s="1" t="s">
        <v>75299</v>
      </c>
      <c r="E60485" s="1" t="s">
        <v>168360</v>
      </c>
      <c r="F60485" s="1" t="s">
        <v>202884</v>
      </c>
      <c r="G60485" s="1" t="s">
        <v>202799</v>
      </c>
      <c r="H60485" s="1" t="s">
        <v>202800</v>
      </c>
      <c r="I60485" s="1" t="s">
        <v>201500</v>
      </c>
      <c r="J60485" s="1" t="s">
        <v>202885</v>
      </c>
    </row>
    <row r="60486" spans="1:10" x14ac:dyDescent="0.35">
      <c r="A60486" s="1" t="s">
        <v>8303</v>
      </c>
      <c r="B60486" s="1" t="s">
        <v>201495</v>
      </c>
      <c r="C60486" s="1" t="s">
        <v>150</v>
      </c>
      <c r="D60486" s="1" t="s">
        <v>178447</v>
      </c>
      <c r="E60486" s="1" t="s">
        <v>202886</v>
      </c>
      <c r="F60486" s="1" t="s">
        <v>202887</v>
      </c>
      <c r="G60486" s="1" t="s">
        <v>202799</v>
      </c>
      <c r="H60486" s="1" t="s">
        <v>202800</v>
      </c>
      <c r="I60486" s="1" t="s">
        <v>201500</v>
      </c>
      <c r="J60486" s="1" t="s">
        <v>202888</v>
      </c>
    </row>
    <row r="60487" spans="1:10" x14ac:dyDescent="0.35">
      <c r="A60487" s="1" t="s">
        <v>8303</v>
      </c>
      <c r="B60487" s="1" t="s">
        <v>201495</v>
      </c>
      <c r="C60487" s="1" t="s">
        <v>155</v>
      </c>
      <c r="D60487" s="1" t="s">
        <v>202889</v>
      </c>
      <c r="E60487" s="1" t="s">
        <v>202890</v>
      </c>
      <c r="F60487" s="1" t="s">
        <v>202891</v>
      </c>
      <c r="G60487" s="1" t="s">
        <v>202799</v>
      </c>
      <c r="H60487" s="1" t="s">
        <v>202800</v>
      </c>
      <c r="I60487" s="1" t="s">
        <v>201500</v>
      </c>
      <c r="J60487" s="1" t="s">
        <v>202892</v>
      </c>
    </row>
    <row r="60488" spans="1:10" x14ac:dyDescent="0.35">
      <c r="A60488" s="1" t="s">
        <v>8303</v>
      </c>
      <c r="B60488" s="1" t="s">
        <v>201495</v>
      </c>
      <c r="C60488" s="1" t="s">
        <v>160</v>
      </c>
      <c r="D60488" s="1" t="s">
        <v>194147</v>
      </c>
      <c r="E60488" s="1" t="s">
        <v>202893</v>
      </c>
      <c r="F60488" s="1" t="s">
        <v>202894</v>
      </c>
      <c r="G60488" s="1" t="s">
        <v>202799</v>
      </c>
      <c r="H60488" s="1" t="s">
        <v>202800</v>
      </c>
      <c r="I60488" s="1" t="s">
        <v>201500</v>
      </c>
      <c r="J60488" s="1" t="s">
        <v>202895</v>
      </c>
    </row>
    <row r="60489" spans="1:10" x14ac:dyDescent="0.35">
      <c r="A60489" s="1" t="s">
        <v>8303</v>
      </c>
      <c r="B60489" s="1" t="s">
        <v>201495</v>
      </c>
      <c r="C60489" s="1" t="s">
        <v>165</v>
      </c>
      <c r="D60489" s="1" t="s">
        <v>38396</v>
      </c>
      <c r="E60489" s="1" t="s">
        <v>202896</v>
      </c>
      <c r="F60489" s="1" t="s">
        <v>202897</v>
      </c>
      <c r="G60489" s="1" t="s">
        <v>202799</v>
      </c>
      <c r="H60489" s="1" t="s">
        <v>202800</v>
      </c>
      <c r="I60489" s="1" t="s">
        <v>201500</v>
      </c>
      <c r="J60489" s="1" t="s">
        <v>202898</v>
      </c>
    </row>
    <row r="60490" spans="1:10" x14ac:dyDescent="0.35">
      <c r="A60490" s="1" t="s">
        <v>8303</v>
      </c>
      <c r="B60490" s="1" t="s">
        <v>201495</v>
      </c>
      <c r="C60490" s="1" t="s">
        <v>170</v>
      </c>
      <c r="D60490" s="1" t="s">
        <v>31626</v>
      </c>
      <c r="E60490" s="1" t="s">
        <v>202899</v>
      </c>
      <c r="F60490" s="1" t="s">
        <v>202900</v>
      </c>
      <c r="G60490" s="1" t="s">
        <v>202799</v>
      </c>
      <c r="H60490" s="1" t="s">
        <v>202800</v>
      </c>
      <c r="I60490" s="1" t="s">
        <v>201500</v>
      </c>
      <c r="J60490" s="1" t="s">
        <v>202901</v>
      </c>
    </row>
    <row r="60491" spans="1:10" x14ac:dyDescent="0.35">
      <c r="A60491" s="1" t="s">
        <v>143761</v>
      </c>
      <c r="B60491" s="1" t="s">
        <v>201495</v>
      </c>
      <c r="C60491" s="1" t="s">
        <v>8</v>
      </c>
      <c r="D60491" s="1" t="s">
        <v>3096</v>
      </c>
      <c r="E60491" s="1" t="s">
        <v>202902</v>
      </c>
      <c r="F60491" s="1" t="s">
        <v>202903</v>
      </c>
      <c r="G60491" s="1" t="s">
        <v>202904</v>
      </c>
      <c r="H60491" s="1" t="s">
        <v>202905</v>
      </c>
      <c r="I60491" s="1" t="s">
        <v>201500</v>
      </c>
      <c r="J60491" s="1" t="s">
        <v>13</v>
      </c>
    </row>
    <row r="60492" spans="1:10" x14ac:dyDescent="0.35">
      <c r="A60492" s="1" t="s">
        <v>143761</v>
      </c>
      <c r="B60492" s="1" t="s">
        <v>201495</v>
      </c>
      <c r="C60492" s="1" t="s">
        <v>15</v>
      </c>
      <c r="D60492" s="1" t="s">
        <v>13063</v>
      </c>
      <c r="E60492" s="1" t="s">
        <v>202906</v>
      </c>
      <c r="F60492" s="1" t="s">
        <v>202907</v>
      </c>
      <c r="G60492" s="1" t="s">
        <v>202904</v>
      </c>
      <c r="H60492" s="1" t="s">
        <v>202905</v>
      </c>
      <c r="I60492" s="1" t="s">
        <v>201500</v>
      </c>
      <c r="J60492" s="1" t="s">
        <v>202908</v>
      </c>
    </row>
    <row r="60493" spans="1:10" x14ac:dyDescent="0.35">
      <c r="A60493" s="1" t="s">
        <v>143761</v>
      </c>
      <c r="B60493" s="1" t="s">
        <v>201495</v>
      </c>
      <c r="C60493" s="1" t="s">
        <v>20</v>
      </c>
      <c r="D60493" s="1" t="s">
        <v>71737</v>
      </c>
      <c r="E60493" s="1" t="s">
        <v>202909</v>
      </c>
      <c r="F60493" s="1" t="s">
        <v>202910</v>
      </c>
      <c r="G60493" s="1" t="s">
        <v>202904</v>
      </c>
      <c r="H60493" s="1" t="s">
        <v>202905</v>
      </c>
      <c r="I60493" s="1" t="s">
        <v>201500</v>
      </c>
      <c r="J60493" s="1" t="s">
        <v>202911</v>
      </c>
    </row>
    <row r="60494" spans="1:10" x14ac:dyDescent="0.35">
      <c r="A60494" s="1" t="s">
        <v>143761</v>
      </c>
      <c r="B60494" s="1" t="s">
        <v>201495</v>
      </c>
      <c r="C60494" s="1" t="s">
        <v>25</v>
      </c>
      <c r="D60494" s="1" t="s">
        <v>202912</v>
      </c>
      <c r="E60494" s="1" t="s">
        <v>202913</v>
      </c>
      <c r="F60494" s="1" t="s">
        <v>202914</v>
      </c>
      <c r="G60494" s="1" t="s">
        <v>202904</v>
      </c>
      <c r="H60494" s="1" t="s">
        <v>202905</v>
      </c>
      <c r="I60494" s="1" t="s">
        <v>201500</v>
      </c>
      <c r="J60494" s="1" t="s">
        <v>202915</v>
      </c>
    </row>
    <row r="60495" spans="1:10" x14ac:dyDescent="0.35">
      <c r="A60495" s="1" t="s">
        <v>143761</v>
      </c>
      <c r="B60495" s="1" t="s">
        <v>201495</v>
      </c>
      <c r="C60495" s="1" t="s">
        <v>30</v>
      </c>
      <c r="D60495" s="1" t="s">
        <v>48889</v>
      </c>
      <c r="E60495" s="1" t="s">
        <v>202916</v>
      </c>
      <c r="F60495" s="1" t="s">
        <v>202917</v>
      </c>
      <c r="G60495" s="1" t="s">
        <v>202904</v>
      </c>
      <c r="H60495" s="1" t="s">
        <v>202905</v>
      </c>
      <c r="I60495" s="1" t="s">
        <v>201500</v>
      </c>
      <c r="J60495" s="1" t="s">
        <v>202918</v>
      </c>
    </row>
    <row r="60496" spans="1:10" x14ac:dyDescent="0.35">
      <c r="A60496" s="1" t="s">
        <v>143761</v>
      </c>
      <c r="B60496" s="1" t="s">
        <v>201495</v>
      </c>
      <c r="C60496" s="1" t="s">
        <v>35</v>
      </c>
      <c r="D60496" s="1" t="s">
        <v>202919</v>
      </c>
      <c r="E60496" s="1" t="s">
        <v>202920</v>
      </c>
      <c r="F60496" s="1" t="s">
        <v>202921</v>
      </c>
      <c r="G60496" s="1" t="s">
        <v>202904</v>
      </c>
      <c r="H60496" s="1" t="s">
        <v>202905</v>
      </c>
      <c r="I60496" s="1" t="s">
        <v>201500</v>
      </c>
      <c r="J60496" s="1" t="s">
        <v>202922</v>
      </c>
    </row>
    <row r="60497" spans="1:10" x14ac:dyDescent="0.35">
      <c r="A60497" s="1" t="s">
        <v>143761</v>
      </c>
      <c r="B60497" s="1" t="s">
        <v>201495</v>
      </c>
      <c r="C60497" s="1" t="s">
        <v>40</v>
      </c>
      <c r="D60497" s="1" t="s">
        <v>36545</v>
      </c>
      <c r="E60497" s="1" t="s">
        <v>202923</v>
      </c>
      <c r="F60497" s="1" t="s">
        <v>202924</v>
      </c>
      <c r="G60497" s="1" t="s">
        <v>202904</v>
      </c>
      <c r="H60497" s="1" t="s">
        <v>202905</v>
      </c>
      <c r="I60497" s="1" t="s">
        <v>201500</v>
      </c>
      <c r="J60497" s="1" t="s">
        <v>202925</v>
      </c>
    </row>
    <row r="60498" spans="1:10" x14ac:dyDescent="0.35">
      <c r="A60498" s="1" t="s">
        <v>143761</v>
      </c>
      <c r="B60498" s="1" t="s">
        <v>201495</v>
      </c>
      <c r="C60498" s="1" t="s">
        <v>45</v>
      </c>
      <c r="D60498" s="1" t="s">
        <v>3252</v>
      </c>
      <c r="E60498" s="1" t="s">
        <v>202926</v>
      </c>
      <c r="F60498" s="1" t="s">
        <v>202927</v>
      </c>
      <c r="G60498" s="1" t="s">
        <v>202904</v>
      </c>
      <c r="H60498" s="1" t="s">
        <v>202905</v>
      </c>
      <c r="I60498" s="1" t="s">
        <v>201500</v>
      </c>
      <c r="J60498" s="1" t="s">
        <v>202928</v>
      </c>
    </row>
    <row r="60499" spans="1:10" x14ac:dyDescent="0.35">
      <c r="A60499" s="1" t="s">
        <v>143761</v>
      </c>
      <c r="B60499" s="1" t="s">
        <v>201495</v>
      </c>
      <c r="C60499" s="1" t="s">
        <v>50</v>
      </c>
      <c r="D60499" s="1" t="s">
        <v>202929</v>
      </c>
      <c r="E60499" s="1" t="s">
        <v>202930</v>
      </c>
      <c r="F60499" s="1" t="s">
        <v>202931</v>
      </c>
      <c r="G60499" s="1" t="s">
        <v>202904</v>
      </c>
      <c r="H60499" s="1" t="s">
        <v>202905</v>
      </c>
      <c r="I60499" s="1" t="s">
        <v>201500</v>
      </c>
      <c r="J60499" s="1" t="s">
        <v>202932</v>
      </c>
    </row>
    <row r="60500" spans="1:10" x14ac:dyDescent="0.35">
      <c r="A60500" s="1" t="s">
        <v>143761</v>
      </c>
      <c r="B60500" s="1" t="s">
        <v>201495</v>
      </c>
      <c r="C60500" s="1" t="s">
        <v>55</v>
      </c>
      <c r="D60500" s="1" t="s">
        <v>202933</v>
      </c>
      <c r="E60500" s="1" t="s">
        <v>202934</v>
      </c>
      <c r="F60500" s="1" t="s">
        <v>202935</v>
      </c>
      <c r="G60500" s="1" t="s">
        <v>202904</v>
      </c>
      <c r="H60500" s="1" t="s">
        <v>202905</v>
      </c>
      <c r="I60500" s="1" t="s">
        <v>201500</v>
      </c>
      <c r="J60500" s="1" t="s">
        <v>202936</v>
      </c>
    </row>
    <row r="60501" spans="1:10" x14ac:dyDescent="0.35">
      <c r="A60501" s="1" t="s">
        <v>143761</v>
      </c>
      <c r="B60501" s="1" t="s">
        <v>201495</v>
      </c>
      <c r="C60501" s="1" t="s">
        <v>60</v>
      </c>
      <c r="D60501" s="1" t="s">
        <v>49030</v>
      </c>
      <c r="E60501" s="1" t="s">
        <v>202937</v>
      </c>
      <c r="F60501" s="1" t="s">
        <v>202938</v>
      </c>
      <c r="G60501" s="1" t="s">
        <v>202904</v>
      </c>
      <c r="H60501" s="1" t="s">
        <v>202905</v>
      </c>
      <c r="I60501" s="1" t="s">
        <v>201500</v>
      </c>
      <c r="J60501" s="1" t="s">
        <v>202939</v>
      </c>
    </row>
    <row r="60502" spans="1:10" x14ac:dyDescent="0.35">
      <c r="A60502" s="1" t="s">
        <v>143761</v>
      </c>
      <c r="B60502" s="1" t="s">
        <v>201495</v>
      </c>
      <c r="C60502" s="1" t="s">
        <v>65</v>
      </c>
      <c r="D60502" s="1" t="s">
        <v>35583</v>
      </c>
      <c r="E60502" s="1" t="s">
        <v>202940</v>
      </c>
      <c r="F60502" s="1" t="s">
        <v>202941</v>
      </c>
      <c r="G60502" s="1" t="s">
        <v>202904</v>
      </c>
      <c r="H60502" s="1" t="s">
        <v>202905</v>
      </c>
      <c r="I60502" s="1" t="s">
        <v>201500</v>
      </c>
      <c r="J60502" s="1" t="s">
        <v>202942</v>
      </c>
    </row>
    <row r="60503" spans="1:10" x14ac:dyDescent="0.35">
      <c r="A60503" s="1" t="s">
        <v>143761</v>
      </c>
      <c r="B60503" s="1" t="s">
        <v>201495</v>
      </c>
      <c r="C60503" s="1" t="s">
        <v>70</v>
      </c>
      <c r="D60503" s="1" t="s">
        <v>202943</v>
      </c>
      <c r="E60503" s="1" t="s">
        <v>202944</v>
      </c>
      <c r="F60503" s="1" t="s">
        <v>202945</v>
      </c>
      <c r="G60503" s="1" t="s">
        <v>202904</v>
      </c>
      <c r="H60503" s="1" t="s">
        <v>202905</v>
      </c>
      <c r="I60503" s="1" t="s">
        <v>201500</v>
      </c>
      <c r="J60503" s="1" t="s">
        <v>202946</v>
      </c>
    </row>
    <row r="60504" spans="1:10" x14ac:dyDescent="0.35">
      <c r="A60504" s="1" t="s">
        <v>143761</v>
      </c>
      <c r="B60504" s="1" t="s">
        <v>201495</v>
      </c>
      <c r="C60504" s="1" t="s">
        <v>75</v>
      </c>
      <c r="D60504" s="1" t="s">
        <v>32093</v>
      </c>
      <c r="E60504" s="1" t="s">
        <v>202947</v>
      </c>
      <c r="F60504" s="1" t="s">
        <v>202948</v>
      </c>
      <c r="G60504" s="1" t="s">
        <v>202904</v>
      </c>
      <c r="H60504" s="1" t="s">
        <v>202905</v>
      </c>
      <c r="I60504" s="1" t="s">
        <v>201500</v>
      </c>
      <c r="J60504" s="1" t="s">
        <v>202949</v>
      </c>
    </row>
    <row r="60505" spans="1:10" x14ac:dyDescent="0.35">
      <c r="A60505" s="1" t="s">
        <v>143761</v>
      </c>
      <c r="B60505" s="1" t="s">
        <v>201495</v>
      </c>
      <c r="C60505" s="1" t="s">
        <v>80</v>
      </c>
      <c r="D60505" s="1" t="s">
        <v>202950</v>
      </c>
      <c r="E60505" s="1" t="s">
        <v>202951</v>
      </c>
      <c r="F60505" s="1" t="s">
        <v>202952</v>
      </c>
      <c r="G60505" s="1" t="s">
        <v>202904</v>
      </c>
      <c r="H60505" s="1" t="s">
        <v>202905</v>
      </c>
      <c r="I60505" s="1" t="s">
        <v>201500</v>
      </c>
      <c r="J60505" s="1" t="s">
        <v>202953</v>
      </c>
    </row>
    <row r="60506" spans="1:10" x14ac:dyDescent="0.35">
      <c r="A60506" s="1" t="s">
        <v>143761</v>
      </c>
      <c r="B60506" s="1" t="s">
        <v>201495</v>
      </c>
      <c r="C60506" s="1" t="s">
        <v>85</v>
      </c>
      <c r="D60506" s="1" t="s">
        <v>31975</v>
      </c>
      <c r="E60506" s="1" t="s">
        <v>202954</v>
      </c>
      <c r="F60506" s="1" t="s">
        <v>202955</v>
      </c>
      <c r="G60506" s="1" t="s">
        <v>202904</v>
      </c>
      <c r="H60506" s="1" t="s">
        <v>202905</v>
      </c>
      <c r="I60506" s="1" t="s">
        <v>201500</v>
      </c>
      <c r="J60506" s="1" t="s">
        <v>202956</v>
      </c>
    </row>
    <row r="60507" spans="1:10" x14ac:dyDescent="0.35">
      <c r="A60507" s="1" t="s">
        <v>143761</v>
      </c>
      <c r="B60507" s="1" t="s">
        <v>201495</v>
      </c>
      <c r="C60507" s="1" t="s">
        <v>90</v>
      </c>
      <c r="D60507" s="1" t="s">
        <v>152377</v>
      </c>
      <c r="E60507" s="1" t="s">
        <v>202957</v>
      </c>
      <c r="F60507" s="1" t="s">
        <v>202958</v>
      </c>
      <c r="G60507" s="1" t="s">
        <v>202904</v>
      </c>
      <c r="H60507" s="1" t="s">
        <v>202905</v>
      </c>
      <c r="I60507" s="1" t="s">
        <v>201500</v>
      </c>
      <c r="J60507" s="1" t="s">
        <v>202959</v>
      </c>
    </row>
    <row r="60508" spans="1:10" x14ac:dyDescent="0.35">
      <c r="A60508" s="1" t="s">
        <v>143761</v>
      </c>
      <c r="B60508" s="1" t="s">
        <v>201495</v>
      </c>
      <c r="C60508" s="1" t="s">
        <v>95</v>
      </c>
      <c r="D60508" s="1" t="s">
        <v>148316</v>
      </c>
      <c r="E60508" s="1" t="s">
        <v>202960</v>
      </c>
      <c r="F60508" s="1" t="s">
        <v>202961</v>
      </c>
      <c r="G60508" s="1" t="s">
        <v>202904</v>
      </c>
      <c r="H60508" s="1" t="s">
        <v>202905</v>
      </c>
      <c r="I60508" s="1" t="s">
        <v>201500</v>
      </c>
      <c r="J60508" s="1" t="s">
        <v>202962</v>
      </c>
    </row>
    <row r="60509" spans="1:10" x14ac:dyDescent="0.35">
      <c r="A60509" s="1" t="s">
        <v>143761</v>
      </c>
      <c r="B60509" s="1" t="s">
        <v>201495</v>
      </c>
      <c r="C60509" s="1" t="s">
        <v>100</v>
      </c>
      <c r="D60509" s="1" t="s">
        <v>699</v>
      </c>
      <c r="E60509" s="1" t="s">
        <v>202963</v>
      </c>
      <c r="F60509" s="1" t="s">
        <v>202964</v>
      </c>
      <c r="G60509" s="1" t="s">
        <v>202904</v>
      </c>
      <c r="H60509" s="1" t="s">
        <v>202905</v>
      </c>
      <c r="I60509" s="1" t="s">
        <v>201500</v>
      </c>
      <c r="J60509" s="1" t="s">
        <v>202965</v>
      </c>
    </row>
    <row r="60510" spans="1:10" x14ac:dyDescent="0.35">
      <c r="A60510" s="1" t="s">
        <v>143761</v>
      </c>
      <c r="B60510" s="1" t="s">
        <v>201495</v>
      </c>
      <c r="C60510" s="1" t="s">
        <v>105</v>
      </c>
      <c r="D60510" s="1" t="s">
        <v>5794</v>
      </c>
      <c r="E60510" s="1" t="s">
        <v>202966</v>
      </c>
      <c r="F60510" s="1" t="s">
        <v>202967</v>
      </c>
      <c r="G60510" s="1" t="s">
        <v>202904</v>
      </c>
      <c r="H60510" s="1" t="s">
        <v>202905</v>
      </c>
      <c r="I60510" s="1" t="s">
        <v>201500</v>
      </c>
      <c r="J60510" s="1" t="s">
        <v>202968</v>
      </c>
    </row>
    <row r="60511" spans="1:10" x14ac:dyDescent="0.35">
      <c r="A60511" s="1" t="s">
        <v>143761</v>
      </c>
      <c r="B60511" s="1" t="s">
        <v>201495</v>
      </c>
      <c r="C60511" s="1" t="s">
        <v>110</v>
      </c>
      <c r="D60511" s="1" t="s">
        <v>74545</v>
      </c>
      <c r="E60511" s="1" t="s">
        <v>202969</v>
      </c>
      <c r="F60511" s="1" t="s">
        <v>202970</v>
      </c>
      <c r="G60511" s="1" t="s">
        <v>202904</v>
      </c>
      <c r="H60511" s="1" t="s">
        <v>202905</v>
      </c>
      <c r="I60511" s="1" t="s">
        <v>201500</v>
      </c>
      <c r="J60511" s="1" t="s">
        <v>202971</v>
      </c>
    </row>
    <row r="60512" spans="1:10" x14ac:dyDescent="0.35">
      <c r="A60512" s="1" t="s">
        <v>143761</v>
      </c>
      <c r="B60512" s="1" t="s">
        <v>201495</v>
      </c>
      <c r="C60512" s="1" t="s">
        <v>115</v>
      </c>
      <c r="D60512" s="1" t="s">
        <v>202972</v>
      </c>
      <c r="E60512" s="1" t="s">
        <v>202973</v>
      </c>
      <c r="F60512" s="1" t="s">
        <v>202974</v>
      </c>
      <c r="G60512" s="1" t="s">
        <v>202904</v>
      </c>
      <c r="H60512" s="1" t="s">
        <v>202905</v>
      </c>
      <c r="I60512" s="1" t="s">
        <v>201500</v>
      </c>
      <c r="J60512" s="1" t="s">
        <v>202975</v>
      </c>
    </row>
    <row r="60513" spans="1:10" x14ac:dyDescent="0.35">
      <c r="A60513" s="1" t="s">
        <v>143761</v>
      </c>
      <c r="B60513" s="1" t="s">
        <v>201495</v>
      </c>
      <c r="C60513" s="1" t="s">
        <v>120</v>
      </c>
      <c r="D60513" s="1" t="s">
        <v>51600</v>
      </c>
      <c r="E60513" s="1" t="s">
        <v>202976</v>
      </c>
      <c r="F60513" s="1" t="s">
        <v>202977</v>
      </c>
      <c r="G60513" s="1" t="s">
        <v>202904</v>
      </c>
      <c r="H60513" s="1" t="s">
        <v>202905</v>
      </c>
      <c r="I60513" s="1" t="s">
        <v>201500</v>
      </c>
      <c r="J60513" s="1" t="s">
        <v>202978</v>
      </c>
    </row>
    <row r="60514" spans="1:10" x14ac:dyDescent="0.35">
      <c r="A60514" s="1" t="s">
        <v>143761</v>
      </c>
      <c r="B60514" s="1" t="s">
        <v>201495</v>
      </c>
      <c r="C60514" s="1" t="s">
        <v>125</v>
      </c>
      <c r="D60514" s="1" t="s">
        <v>4148</v>
      </c>
      <c r="E60514" s="1" t="s">
        <v>202979</v>
      </c>
      <c r="F60514" s="1" t="s">
        <v>202980</v>
      </c>
      <c r="G60514" s="1" t="s">
        <v>202904</v>
      </c>
      <c r="H60514" s="1" t="s">
        <v>202905</v>
      </c>
      <c r="I60514" s="1" t="s">
        <v>201500</v>
      </c>
      <c r="J60514" s="1" t="s">
        <v>202981</v>
      </c>
    </row>
    <row r="60515" spans="1:10" x14ac:dyDescent="0.35">
      <c r="A60515" s="1" t="s">
        <v>143761</v>
      </c>
      <c r="B60515" s="1" t="s">
        <v>201495</v>
      </c>
      <c r="C60515" s="1" t="s">
        <v>130</v>
      </c>
      <c r="D60515" s="1" t="s">
        <v>31603</v>
      </c>
      <c r="E60515" s="1" t="s">
        <v>202982</v>
      </c>
      <c r="F60515" s="1" t="s">
        <v>202983</v>
      </c>
      <c r="G60515" s="1" t="s">
        <v>202904</v>
      </c>
      <c r="H60515" s="1" t="s">
        <v>202905</v>
      </c>
      <c r="I60515" s="1" t="s">
        <v>201500</v>
      </c>
      <c r="J60515" s="1" t="s">
        <v>202984</v>
      </c>
    </row>
    <row r="60516" spans="1:10" x14ac:dyDescent="0.35">
      <c r="A60516" s="1" t="s">
        <v>143761</v>
      </c>
      <c r="B60516" s="1" t="s">
        <v>201495</v>
      </c>
      <c r="C60516" s="1" t="s">
        <v>135</v>
      </c>
      <c r="D60516" s="1" t="s">
        <v>19004</v>
      </c>
      <c r="E60516" s="1" t="s">
        <v>202985</v>
      </c>
      <c r="F60516" s="1" t="s">
        <v>202986</v>
      </c>
      <c r="G60516" s="1" t="s">
        <v>202904</v>
      </c>
      <c r="H60516" s="1" t="s">
        <v>202905</v>
      </c>
      <c r="I60516" s="1" t="s">
        <v>201500</v>
      </c>
      <c r="J60516" s="1" t="s">
        <v>202987</v>
      </c>
    </row>
    <row r="60517" spans="1:10" x14ac:dyDescent="0.35">
      <c r="A60517" s="1" t="s">
        <v>143761</v>
      </c>
      <c r="B60517" s="1" t="s">
        <v>201495</v>
      </c>
      <c r="C60517" s="1" t="s">
        <v>140</v>
      </c>
      <c r="D60517" s="1" t="s">
        <v>202988</v>
      </c>
      <c r="E60517" s="1" t="s">
        <v>202989</v>
      </c>
      <c r="F60517" s="1" t="s">
        <v>202990</v>
      </c>
      <c r="G60517" s="1" t="s">
        <v>202904</v>
      </c>
      <c r="H60517" s="1" t="s">
        <v>202905</v>
      </c>
      <c r="I60517" s="1" t="s">
        <v>201500</v>
      </c>
      <c r="J60517" s="1" t="s">
        <v>202991</v>
      </c>
    </row>
    <row r="60518" spans="1:10" x14ac:dyDescent="0.35">
      <c r="A60518" s="1" t="s">
        <v>143761</v>
      </c>
      <c r="B60518" s="1" t="s">
        <v>201495</v>
      </c>
      <c r="C60518" s="1" t="s">
        <v>145</v>
      </c>
      <c r="D60518" s="1" t="s">
        <v>82078</v>
      </c>
      <c r="E60518" s="1" t="s">
        <v>202992</v>
      </c>
      <c r="F60518" s="1" t="s">
        <v>202993</v>
      </c>
      <c r="G60518" s="1" t="s">
        <v>202904</v>
      </c>
      <c r="H60518" s="1" t="s">
        <v>202905</v>
      </c>
      <c r="I60518" s="1" t="s">
        <v>201500</v>
      </c>
      <c r="J60518" s="1" t="s">
        <v>202994</v>
      </c>
    </row>
    <row r="60519" spans="1:10" x14ac:dyDescent="0.35">
      <c r="A60519" s="1" t="s">
        <v>143761</v>
      </c>
      <c r="B60519" s="1" t="s">
        <v>201495</v>
      </c>
      <c r="C60519" s="1" t="s">
        <v>150</v>
      </c>
      <c r="D60519" s="1" t="s">
        <v>155712</v>
      </c>
      <c r="E60519" s="1" t="s">
        <v>202995</v>
      </c>
      <c r="F60519" s="1" t="s">
        <v>202996</v>
      </c>
      <c r="G60519" s="1" t="s">
        <v>202904</v>
      </c>
      <c r="H60519" s="1" t="s">
        <v>202905</v>
      </c>
      <c r="I60519" s="1" t="s">
        <v>201500</v>
      </c>
      <c r="J60519" s="1" t="s">
        <v>202997</v>
      </c>
    </row>
    <row r="60520" spans="1:10" x14ac:dyDescent="0.35">
      <c r="A60520" s="1" t="s">
        <v>143761</v>
      </c>
      <c r="B60520" s="1" t="s">
        <v>201495</v>
      </c>
      <c r="C60520" s="1" t="s">
        <v>155</v>
      </c>
      <c r="D60520" s="1" t="s">
        <v>47540</v>
      </c>
      <c r="E60520" s="1" t="s">
        <v>202998</v>
      </c>
      <c r="F60520" s="1" t="s">
        <v>202999</v>
      </c>
      <c r="G60520" s="1" t="s">
        <v>202904</v>
      </c>
      <c r="H60520" s="1" t="s">
        <v>202905</v>
      </c>
      <c r="I60520" s="1" t="s">
        <v>201500</v>
      </c>
      <c r="J60520" s="1" t="s">
        <v>203000</v>
      </c>
    </row>
    <row r="60521" spans="1:10" x14ac:dyDescent="0.35">
      <c r="A60521" s="1" t="s">
        <v>143761</v>
      </c>
      <c r="B60521" s="1" t="s">
        <v>201495</v>
      </c>
      <c r="C60521" s="1" t="s">
        <v>160</v>
      </c>
      <c r="D60521" s="1" t="s">
        <v>37614</v>
      </c>
      <c r="E60521" s="1" t="s">
        <v>203001</v>
      </c>
      <c r="F60521" s="1" t="s">
        <v>203002</v>
      </c>
      <c r="G60521" s="1" t="s">
        <v>202904</v>
      </c>
      <c r="H60521" s="1" t="s">
        <v>202905</v>
      </c>
      <c r="I60521" s="1" t="s">
        <v>201500</v>
      </c>
      <c r="J60521" s="1" t="s">
        <v>203003</v>
      </c>
    </row>
    <row r="60522" spans="1:10" x14ac:dyDescent="0.35">
      <c r="A60522" s="1" t="s">
        <v>143761</v>
      </c>
      <c r="B60522" s="1" t="s">
        <v>201495</v>
      </c>
      <c r="C60522" s="1" t="s">
        <v>165</v>
      </c>
      <c r="D60522" s="1" t="s">
        <v>149883</v>
      </c>
      <c r="E60522" s="1" t="s">
        <v>203004</v>
      </c>
      <c r="F60522" s="1" t="s">
        <v>203005</v>
      </c>
      <c r="G60522" s="1" t="s">
        <v>202904</v>
      </c>
      <c r="H60522" s="1" t="s">
        <v>202905</v>
      </c>
      <c r="I60522" s="1" t="s">
        <v>201500</v>
      </c>
      <c r="J60522" s="1" t="s">
        <v>203006</v>
      </c>
    </row>
    <row r="60523" spans="1:10" x14ac:dyDescent="0.35">
      <c r="A60523" s="1" t="s">
        <v>143761</v>
      </c>
      <c r="B60523" s="1" t="s">
        <v>201495</v>
      </c>
      <c r="C60523" s="1" t="s">
        <v>170</v>
      </c>
      <c r="D60523" s="1" t="s">
        <v>18470</v>
      </c>
      <c r="E60523" s="1" t="s">
        <v>203007</v>
      </c>
      <c r="F60523" s="1" t="s">
        <v>203008</v>
      </c>
      <c r="G60523" s="1" t="s">
        <v>202904</v>
      </c>
      <c r="H60523" s="1" t="s">
        <v>202905</v>
      </c>
      <c r="I60523" s="1" t="s">
        <v>201500</v>
      </c>
      <c r="J60523" s="1" t="s">
        <v>203009</v>
      </c>
    </row>
    <row r="60524" spans="1:10" x14ac:dyDescent="0.35">
      <c r="A60524" s="1" t="s">
        <v>119136</v>
      </c>
      <c r="B60524" s="1" t="s">
        <v>201495</v>
      </c>
      <c r="C60524" s="1" t="s">
        <v>8</v>
      </c>
      <c r="D60524" s="1" t="s">
        <v>146340</v>
      </c>
      <c r="E60524" s="1" t="s">
        <v>203010</v>
      </c>
      <c r="F60524" s="1" t="s">
        <v>203011</v>
      </c>
      <c r="G60524" s="1" t="s">
        <v>203012</v>
      </c>
      <c r="H60524" s="1" t="s">
        <v>203013</v>
      </c>
      <c r="I60524" s="1" t="s">
        <v>201500</v>
      </c>
      <c r="J60524" s="1" t="s">
        <v>13</v>
      </c>
    </row>
    <row r="60525" spans="1:10" x14ac:dyDescent="0.35">
      <c r="A60525" s="1" t="s">
        <v>119136</v>
      </c>
      <c r="B60525" s="1" t="s">
        <v>201495</v>
      </c>
      <c r="C60525" s="1" t="s">
        <v>15</v>
      </c>
      <c r="D60525" s="1" t="s">
        <v>142514</v>
      </c>
      <c r="E60525" s="1" t="s">
        <v>203014</v>
      </c>
      <c r="F60525" s="1" t="s">
        <v>203015</v>
      </c>
      <c r="G60525" s="1" t="s">
        <v>203012</v>
      </c>
      <c r="H60525" s="1" t="s">
        <v>203013</v>
      </c>
      <c r="I60525" s="1" t="s">
        <v>201500</v>
      </c>
      <c r="J60525" s="1" t="s">
        <v>203016</v>
      </c>
    </row>
    <row r="60526" spans="1:10" x14ac:dyDescent="0.35">
      <c r="A60526" s="1" t="s">
        <v>119136</v>
      </c>
      <c r="B60526" s="1" t="s">
        <v>201495</v>
      </c>
      <c r="C60526" s="1" t="s">
        <v>20</v>
      </c>
      <c r="D60526" s="1" t="s">
        <v>112544</v>
      </c>
      <c r="E60526" s="1" t="s">
        <v>203017</v>
      </c>
      <c r="F60526" s="1" t="s">
        <v>203018</v>
      </c>
      <c r="G60526" s="1" t="s">
        <v>203012</v>
      </c>
      <c r="H60526" s="1" t="s">
        <v>203013</v>
      </c>
      <c r="I60526" s="1" t="s">
        <v>201500</v>
      </c>
      <c r="J60526" s="1" t="s">
        <v>203019</v>
      </c>
    </row>
    <row r="60527" spans="1:10" x14ac:dyDescent="0.35">
      <c r="A60527" s="1" t="s">
        <v>119136</v>
      </c>
      <c r="B60527" s="1" t="s">
        <v>201495</v>
      </c>
      <c r="C60527" s="1" t="s">
        <v>25</v>
      </c>
      <c r="D60527" s="1" t="s">
        <v>203020</v>
      </c>
      <c r="E60527" s="1" t="s">
        <v>203021</v>
      </c>
      <c r="F60527" s="1" t="s">
        <v>203022</v>
      </c>
      <c r="G60527" s="1" t="s">
        <v>203012</v>
      </c>
      <c r="H60527" s="1" t="s">
        <v>203013</v>
      </c>
      <c r="I60527" s="1" t="s">
        <v>201500</v>
      </c>
      <c r="J60527" s="1" t="s">
        <v>203023</v>
      </c>
    </row>
    <row r="60528" spans="1:10" x14ac:dyDescent="0.35">
      <c r="A60528" s="1" t="s">
        <v>119136</v>
      </c>
      <c r="B60528" s="1" t="s">
        <v>201495</v>
      </c>
      <c r="C60528" s="1" t="s">
        <v>30</v>
      </c>
      <c r="D60528" s="1" t="s">
        <v>162036</v>
      </c>
      <c r="E60528" s="1" t="s">
        <v>203024</v>
      </c>
      <c r="F60528" s="1" t="s">
        <v>203025</v>
      </c>
      <c r="G60528" s="1" t="s">
        <v>203012</v>
      </c>
      <c r="H60528" s="1" t="s">
        <v>203013</v>
      </c>
      <c r="I60528" s="1" t="s">
        <v>201500</v>
      </c>
      <c r="J60528" s="1" t="s">
        <v>203026</v>
      </c>
    </row>
    <row r="60529" spans="1:10" x14ac:dyDescent="0.35">
      <c r="A60529" s="1" t="s">
        <v>119136</v>
      </c>
      <c r="B60529" s="1" t="s">
        <v>201495</v>
      </c>
      <c r="C60529" s="1" t="s">
        <v>35</v>
      </c>
      <c r="D60529" s="1" t="s">
        <v>203027</v>
      </c>
      <c r="E60529" s="1" t="s">
        <v>203028</v>
      </c>
      <c r="F60529" s="1" t="s">
        <v>203029</v>
      </c>
      <c r="G60529" s="1" t="s">
        <v>203012</v>
      </c>
      <c r="H60529" s="1" t="s">
        <v>203013</v>
      </c>
      <c r="I60529" s="1" t="s">
        <v>201500</v>
      </c>
      <c r="J60529" s="1" t="s">
        <v>203030</v>
      </c>
    </row>
    <row r="60530" spans="1:10" x14ac:dyDescent="0.35">
      <c r="A60530" s="1" t="s">
        <v>119136</v>
      </c>
      <c r="B60530" s="1" t="s">
        <v>201495</v>
      </c>
      <c r="C60530" s="1" t="s">
        <v>40</v>
      </c>
      <c r="D60530" s="1" t="s">
        <v>170308</v>
      </c>
      <c r="E60530" s="1" t="s">
        <v>203031</v>
      </c>
      <c r="F60530" s="1" t="s">
        <v>203032</v>
      </c>
      <c r="G60530" s="1" t="s">
        <v>203012</v>
      </c>
      <c r="H60530" s="1" t="s">
        <v>203013</v>
      </c>
      <c r="I60530" s="1" t="s">
        <v>201500</v>
      </c>
      <c r="J60530" s="1" t="s">
        <v>203033</v>
      </c>
    </row>
    <row r="60531" spans="1:10" x14ac:dyDescent="0.35">
      <c r="A60531" s="1" t="s">
        <v>119136</v>
      </c>
      <c r="B60531" s="1" t="s">
        <v>201495</v>
      </c>
      <c r="C60531" s="1" t="s">
        <v>45</v>
      </c>
      <c r="D60531" s="1" t="s">
        <v>168284</v>
      </c>
      <c r="E60531" s="1" t="s">
        <v>203034</v>
      </c>
      <c r="F60531" s="1" t="s">
        <v>203035</v>
      </c>
      <c r="G60531" s="1" t="s">
        <v>203012</v>
      </c>
      <c r="H60531" s="1" t="s">
        <v>203013</v>
      </c>
      <c r="I60531" s="1" t="s">
        <v>201500</v>
      </c>
      <c r="J60531" s="1" t="s">
        <v>203036</v>
      </c>
    </row>
    <row r="60532" spans="1:10" x14ac:dyDescent="0.35">
      <c r="A60532" s="1" t="s">
        <v>119136</v>
      </c>
      <c r="B60532" s="1" t="s">
        <v>201495</v>
      </c>
      <c r="C60532" s="1" t="s">
        <v>50</v>
      </c>
      <c r="D60532" s="1" t="s">
        <v>70870</v>
      </c>
      <c r="E60532" s="1" t="s">
        <v>203037</v>
      </c>
      <c r="F60532" s="1" t="s">
        <v>203038</v>
      </c>
      <c r="G60532" s="1" t="s">
        <v>203012</v>
      </c>
      <c r="H60532" s="1" t="s">
        <v>203013</v>
      </c>
      <c r="I60532" s="1" t="s">
        <v>201500</v>
      </c>
      <c r="J60532" s="1" t="s">
        <v>203039</v>
      </c>
    </row>
    <row r="60533" spans="1:10" x14ac:dyDescent="0.35">
      <c r="A60533" s="1" t="s">
        <v>119136</v>
      </c>
      <c r="B60533" s="1" t="s">
        <v>201495</v>
      </c>
      <c r="C60533" s="1" t="s">
        <v>55</v>
      </c>
      <c r="D60533" s="1" t="s">
        <v>157107</v>
      </c>
      <c r="E60533" s="1" t="s">
        <v>203040</v>
      </c>
      <c r="F60533" s="1" t="s">
        <v>203041</v>
      </c>
      <c r="G60533" s="1" t="s">
        <v>203012</v>
      </c>
      <c r="H60533" s="1" t="s">
        <v>203013</v>
      </c>
      <c r="I60533" s="1" t="s">
        <v>201500</v>
      </c>
      <c r="J60533" s="1" t="s">
        <v>203042</v>
      </c>
    </row>
    <row r="60534" spans="1:10" x14ac:dyDescent="0.35">
      <c r="A60534" s="1" t="s">
        <v>119136</v>
      </c>
      <c r="B60534" s="1" t="s">
        <v>201495</v>
      </c>
      <c r="C60534" s="1" t="s">
        <v>60</v>
      </c>
      <c r="D60534" s="1" t="s">
        <v>161174</v>
      </c>
      <c r="E60534" s="1" t="s">
        <v>203043</v>
      </c>
      <c r="F60534" s="1" t="s">
        <v>203044</v>
      </c>
      <c r="G60534" s="1" t="s">
        <v>203012</v>
      </c>
      <c r="H60534" s="1" t="s">
        <v>203013</v>
      </c>
      <c r="I60534" s="1" t="s">
        <v>201500</v>
      </c>
      <c r="J60534" s="1" t="s">
        <v>203045</v>
      </c>
    </row>
    <row r="60535" spans="1:10" x14ac:dyDescent="0.35">
      <c r="A60535" s="1" t="s">
        <v>119136</v>
      </c>
      <c r="B60535" s="1" t="s">
        <v>201495</v>
      </c>
      <c r="C60535" s="1" t="s">
        <v>65</v>
      </c>
      <c r="D60535" s="1" t="s">
        <v>52004</v>
      </c>
      <c r="E60535" s="1" t="s">
        <v>203046</v>
      </c>
      <c r="F60535" s="1" t="s">
        <v>203047</v>
      </c>
      <c r="G60535" s="1" t="s">
        <v>203012</v>
      </c>
      <c r="H60535" s="1" t="s">
        <v>203013</v>
      </c>
      <c r="I60535" s="1" t="s">
        <v>201500</v>
      </c>
      <c r="J60535" s="1" t="s">
        <v>203048</v>
      </c>
    </row>
    <row r="60536" spans="1:10" x14ac:dyDescent="0.35">
      <c r="A60536" s="1" t="s">
        <v>119136</v>
      </c>
      <c r="B60536" s="1" t="s">
        <v>201495</v>
      </c>
      <c r="C60536" s="1" t="s">
        <v>70</v>
      </c>
      <c r="D60536" s="1" t="s">
        <v>29231</v>
      </c>
      <c r="E60536" s="1" t="s">
        <v>203049</v>
      </c>
      <c r="F60536" s="1" t="s">
        <v>203050</v>
      </c>
      <c r="G60536" s="1" t="s">
        <v>203012</v>
      </c>
      <c r="H60536" s="1" t="s">
        <v>203013</v>
      </c>
      <c r="I60536" s="1" t="s">
        <v>201500</v>
      </c>
      <c r="J60536" s="1" t="s">
        <v>203051</v>
      </c>
    </row>
    <row r="60537" spans="1:10" x14ac:dyDescent="0.35">
      <c r="A60537" s="1" t="s">
        <v>119136</v>
      </c>
      <c r="B60537" s="1" t="s">
        <v>201495</v>
      </c>
      <c r="C60537" s="1" t="s">
        <v>75</v>
      </c>
      <c r="D60537" s="1" t="s">
        <v>10895</v>
      </c>
      <c r="E60537" s="1" t="s">
        <v>203052</v>
      </c>
      <c r="F60537" s="1" t="s">
        <v>203053</v>
      </c>
      <c r="G60537" s="1" t="s">
        <v>203012</v>
      </c>
      <c r="H60537" s="1" t="s">
        <v>203013</v>
      </c>
      <c r="I60537" s="1" t="s">
        <v>201500</v>
      </c>
      <c r="J60537" s="1" t="s">
        <v>203054</v>
      </c>
    </row>
    <row r="60538" spans="1:10" x14ac:dyDescent="0.35">
      <c r="A60538" s="1" t="s">
        <v>119136</v>
      </c>
      <c r="B60538" s="1" t="s">
        <v>201495</v>
      </c>
      <c r="C60538" s="1" t="s">
        <v>80</v>
      </c>
      <c r="D60538" s="1" t="s">
        <v>196753</v>
      </c>
      <c r="E60538" s="1" t="s">
        <v>203055</v>
      </c>
      <c r="F60538" s="1" t="s">
        <v>203056</v>
      </c>
      <c r="G60538" s="1" t="s">
        <v>203012</v>
      </c>
      <c r="H60538" s="1" t="s">
        <v>203013</v>
      </c>
      <c r="I60538" s="1" t="s">
        <v>201500</v>
      </c>
      <c r="J60538" s="1" t="s">
        <v>203057</v>
      </c>
    </row>
    <row r="60539" spans="1:10" x14ac:dyDescent="0.35">
      <c r="A60539" s="1" t="s">
        <v>119136</v>
      </c>
      <c r="B60539" s="1" t="s">
        <v>201495</v>
      </c>
      <c r="C60539" s="1" t="s">
        <v>85</v>
      </c>
      <c r="D60539" s="1" t="s">
        <v>15364</v>
      </c>
      <c r="E60539" s="1" t="s">
        <v>203058</v>
      </c>
      <c r="F60539" s="1" t="s">
        <v>203059</v>
      </c>
      <c r="G60539" s="1" t="s">
        <v>203012</v>
      </c>
      <c r="H60539" s="1" t="s">
        <v>203013</v>
      </c>
      <c r="I60539" s="1" t="s">
        <v>201500</v>
      </c>
      <c r="J60539" s="1" t="s">
        <v>203060</v>
      </c>
    </row>
    <row r="60540" spans="1:10" x14ac:dyDescent="0.35">
      <c r="A60540" s="1" t="s">
        <v>119136</v>
      </c>
      <c r="B60540" s="1" t="s">
        <v>201495</v>
      </c>
      <c r="C60540" s="1" t="s">
        <v>90</v>
      </c>
      <c r="D60540" s="1" t="s">
        <v>104479</v>
      </c>
      <c r="E60540" s="1" t="s">
        <v>203061</v>
      </c>
      <c r="F60540" s="1" t="s">
        <v>203062</v>
      </c>
      <c r="G60540" s="1" t="s">
        <v>203012</v>
      </c>
      <c r="H60540" s="1" t="s">
        <v>203013</v>
      </c>
      <c r="I60540" s="1" t="s">
        <v>201500</v>
      </c>
      <c r="J60540" s="1" t="s">
        <v>203063</v>
      </c>
    </row>
    <row r="60541" spans="1:10" x14ac:dyDescent="0.35">
      <c r="A60541" s="1" t="s">
        <v>119136</v>
      </c>
      <c r="B60541" s="1" t="s">
        <v>201495</v>
      </c>
      <c r="C60541" s="1" t="s">
        <v>95</v>
      </c>
      <c r="D60541" s="1" t="s">
        <v>181942</v>
      </c>
      <c r="E60541" s="1" t="s">
        <v>203064</v>
      </c>
      <c r="F60541" s="1" t="s">
        <v>203065</v>
      </c>
      <c r="G60541" s="1" t="s">
        <v>203012</v>
      </c>
      <c r="H60541" s="1" t="s">
        <v>203013</v>
      </c>
      <c r="I60541" s="1" t="s">
        <v>201500</v>
      </c>
      <c r="J60541" s="1" t="s">
        <v>203066</v>
      </c>
    </row>
    <row r="60542" spans="1:10" x14ac:dyDescent="0.35">
      <c r="A60542" s="1" t="s">
        <v>119136</v>
      </c>
      <c r="B60542" s="1" t="s">
        <v>201495</v>
      </c>
      <c r="C60542" s="1" t="s">
        <v>100</v>
      </c>
      <c r="D60542" s="1" t="s">
        <v>156929</v>
      </c>
      <c r="E60542" s="1" t="s">
        <v>203067</v>
      </c>
      <c r="F60542" s="1" t="s">
        <v>203068</v>
      </c>
      <c r="G60542" s="1" t="s">
        <v>203012</v>
      </c>
      <c r="H60542" s="1" t="s">
        <v>203013</v>
      </c>
      <c r="I60542" s="1" t="s">
        <v>201500</v>
      </c>
      <c r="J60542" s="1" t="s">
        <v>203069</v>
      </c>
    </row>
    <row r="60543" spans="1:10" x14ac:dyDescent="0.35">
      <c r="A60543" s="1" t="s">
        <v>119136</v>
      </c>
      <c r="B60543" s="1" t="s">
        <v>201495</v>
      </c>
      <c r="C60543" s="1" t="s">
        <v>105</v>
      </c>
      <c r="D60543" s="1" t="s">
        <v>15997</v>
      </c>
      <c r="E60543" s="1" t="s">
        <v>203070</v>
      </c>
      <c r="F60543" s="1" t="s">
        <v>203071</v>
      </c>
      <c r="G60543" s="1" t="s">
        <v>203012</v>
      </c>
      <c r="H60543" s="1" t="s">
        <v>203013</v>
      </c>
      <c r="I60543" s="1" t="s">
        <v>201500</v>
      </c>
      <c r="J60543" s="1" t="s">
        <v>203072</v>
      </c>
    </row>
    <row r="60544" spans="1:10" x14ac:dyDescent="0.35">
      <c r="A60544" s="1" t="s">
        <v>119136</v>
      </c>
      <c r="B60544" s="1" t="s">
        <v>201495</v>
      </c>
      <c r="C60544" s="1" t="s">
        <v>110</v>
      </c>
      <c r="D60544" s="1" t="s">
        <v>157859</v>
      </c>
      <c r="E60544" s="1" t="s">
        <v>203073</v>
      </c>
      <c r="F60544" s="1" t="s">
        <v>203074</v>
      </c>
      <c r="G60544" s="1" t="s">
        <v>203012</v>
      </c>
      <c r="H60544" s="1" t="s">
        <v>203013</v>
      </c>
      <c r="I60544" s="1" t="s">
        <v>201500</v>
      </c>
      <c r="J60544" s="1" t="s">
        <v>203075</v>
      </c>
    </row>
    <row r="60545" spans="1:10" x14ac:dyDescent="0.35">
      <c r="A60545" s="1" t="s">
        <v>119136</v>
      </c>
      <c r="B60545" s="1" t="s">
        <v>201495</v>
      </c>
      <c r="C60545" s="1" t="s">
        <v>115</v>
      </c>
      <c r="D60545" s="1" t="s">
        <v>203076</v>
      </c>
      <c r="E60545" s="1" t="s">
        <v>203077</v>
      </c>
      <c r="F60545" s="1" t="s">
        <v>203078</v>
      </c>
      <c r="G60545" s="1" t="s">
        <v>203012</v>
      </c>
      <c r="H60545" s="1" t="s">
        <v>203013</v>
      </c>
      <c r="I60545" s="1" t="s">
        <v>201500</v>
      </c>
      <c r="J60545" s="1" t="s">
        <v>203079</v>
      </c>
    </row>
    <row r="60546" spans="1:10" x14ac:dyDescent="0.35">
      <c r="A60546" s="1" t="s">
        <v>119136</v>
      </c>
      <c r="B60546" s="1" t="s">
        <v>201495</v>
      </c>
      <c r="C60546" s="1" t="s">
        <v>120</v>
      </c>
      <c r="D60546" s="1" t="s">
        <v>49081</v>
      </c>
      <c r="E60546" s="1" t="s">
        <v>203080</v>
      </c>
      <c r="F60546" s="1" t="s">
        <v>203081</v>
      </c>
      <c r="G60546" s="1" t="s">
        <v>203012</v>
      </c>
      <c r="H60546" s="1" t="s">
        <v>203013</v>
      </c>
      <c r="I60546" s="1" t="s">
        <v>201500</v>
      </c>
      <c r="J60546" s="1" t="s">
        <v>203082</v>
      </c>
    </row>
    <row r="60547" spans="1:10" x14ac:dyDescent="0.35">
      <c r="A60547" s="1" t="s">
        <v>119136</v>
      </c>
      <c r="B60547" s="1" t="s">
        <v>201495</v>
      </c>
      <c r="C60547" s="1" t="s">
        <v>125</v>
      </c>
      <c r="D60547" s="1" t="s">
        <v>72311</v>
      </c>
      <c r="E60547" s="1" t="s">
        <v>203083</v>
      </c>
      <c r="F60547" s="1" t="s">
        <v>203084</v>
      </c>
      <c r="G60547" s="1" t="s">
        <v>203012</v>
      </c>
      <c r="H60547" s="1" t="s">
        <v>203013</v>
      </c>
      <c r="I60547" s="1" t="s">
        <v>201500</v>
      </c>
      <c r="J60547" s="1" t="s">
        <v>203085</v>
      </c>
    </row>
    <row r="60548" spans="1:10" x14ac:dyDescent="0.35">
      <c r="A60548" s="1" t="s">
        <v>119136</v>
      </c>
      <c r="B60548" s="1" t="s">
        <v>201495</v>
      </c>
      <c r="C60548" s="1" t="s">
        <v>130</v>
      </c>
      <c r="D60548" s="1" t="s">
        <v>48095</v>
      </c>
      <c r="E60548" s="1" t="s">
        <v>203086</v>
      </c>
      <c r="F60548" s="1" t="s">
        <v>203087</v>
      </c>
      <c r="G60548" s="1" t="s">
        <v>203012</v>
      </c>
      <c r="H60548" s="1" t="s">
        <v>203013</v>
      </c>
      <c r="I60548" s="1" t="s">
        <v>201500</v>
      </c>
      <c r="J60548" s="1" t="s">
        <v>203088</v>
      </c>
    </row>
    <row r="60549" spans="1:10" x14ac:dyDescent="0.35">
      <c r="A60549" s="1" t="s">
        <v>119136</v>
      </c>
      <c r="B60549" s="1" t="s">
        <v>201495</v>
      </c>
      <c r="C60549" s="1" t="s">
        <v>135</v>
      </c>
      <c r="D60549" s="1" t="s">
        <v>31492</v>
      </c>
      <c r="E60549" s="1" t="s">
        <v>203089</v>
      </c>
      <c r="F60549" s="1" t="s">
        <v>203090</v>
      </c>
      <c r="G60549" s="1" t="s">
        <v>203012</v>
      </c>
      <c r="H60549" s="1" t="s">
        <v>203013</v>
      </c>
      <c r="I60549" s="1" t="s">
        <v>201500</v>
      </c>
      <c r="J60549" s="1" t="s">
        <v>203091</v>
      </c>
    </row>
    <row r="60550" spans="1:10" x14ac:dyDescent="0.35">
      <c r="A60550" s="1" t="s">
        <v>119136</v>
      </c>
      <c r="B60550" s="1" t="s">
        <v>201495</v>
      </c>
      <c r="C60550" s="1" t="s">
        <v>140</v>
      </c>
      <c r="D60550" s="1" t="s">
        <v>47248</v>
      </c>
      <c r="E60550" s="1" t="s">
        <v>203092</v>
      </c>
      <c r="F60550" s="1" t="s">
        <v>203093</v>
      </c>
      <c r="G60550" s="1" t="s">
        <v>203012</v>
      </c>
      <c r="H60550" s="1" t="s">
        <v>203013</v>
      </c>
      <c r="I60550" s="1" t="s">
        <v>201500</v>
      </c>
      <c r="J60550" s="1" t="s">
        <v>203094</v>
      </c>
    </row>
    <row r="60551" spans="1:10" x14ac:dyDescent="0.35">
      <c r="A60551" s="1" t="s">
        <v>119136</v>
      </c>
      <c r="B60551" s="1" t="s">
        <v>201495</v>
      </c>
      <c r="C60551" s="1" t="s">
        <v>145</v>
      </c>
      <c r="D60551" s="1" t="s">
        <v>203095</v>
      </c>
      <c r="E60551" s="1" t="s">
        <v>203096</v>
      </c>
      <c r="F60551" s="1" t="s">
        <v>203097</v>
      </c>
      <c r="G60551" s="1" t="s">
        <v>203012</v>
      </c>
      <c r="H60551" s="1" t="s">
        <v>203013</v>
      </c>
      <c r="I60551" s="1" t="s">
        <v>201500</v>
      </c>
      <c r="J60551" s="1" t="s">
        <v>203098</v>
      </c>
    </row>
    <row r="60552" spans="1:10" x14ac:dyDescent="0.35">
      <c r="A60552" s="1" t="s">
        <v>119136</v>
      </c>
      <c r="B60552" s="1" t="s">
        <v>201495</v>
      </c>
      <c r="C60552" s="1" t="s">
        <v>150</v>
      </c>
      <c r="D60552" s="1" t="s">
        <v>203099</v>
      </c>
      <c r="E60552" s="1" t="s">
        <v>203100</v>
      </c>
      <c r="F60552" s="1" t="s">
        <v>203101</v>
      </c>
      <c r="G60552" s="1" t="s">
        <v>203012</v>
      </c>
      <c r="H60552" s="1" t="s">
        <v>203013</v>
      </c>
      <c r="I60552" s="1" t="s">
        <v>201500</v>
      </c>
      <c r="J60552" s="1" t="s">
        <v>203102</v>
      </c>
    </row>
    <row r="60553" spans="1:10" x14ac:dyDescent="0.35">
      <c r="A60553" s="1" t="s">
        <v>119136</v>
      </c>
      <c r="B60553" s="1" t="s">
        <v>201495</v>
      </c>
      <c r="C60553" s="1" t="s">
        <v>155</v>
      </c>
      <c r="D60553" s="1" t="s">
        <v>28698</v>
      </c>
      <c r="E60553" s="1" t="s">
        <v>203103</v>
      </c>
      <c r="F60553" s="1" t="s">
        <v>203104</v>
      </c>
      <c r="G60553" s="1" t="s">
        <v>203012</v>
      </c>
      <c r="H60553" s="1" t="s">
        <v>203013</v>
      </c>
      <c r="I60553" s="1" t="s">
        <v>201500</v>
      </c>
      <c r="J60553" s="1" t="s">
        <v>203105</v>
      </c>
    </row>
    <row r="60554" spans="1:10" x14ac:dyDescent="0.35">
      <c r="A60554" s="1" t="s">
        <v>119136</v>
      </c>
      <c r="B60554" s="1" t="s">
        <v>201495</v>
      </c>
      <c r="C60554" s="1" t="s">
        <v>160</v>
      </c>
      <c r="D60554" s="1" t="s">
        <v>70990</v>
      </c>
      <c r="E60554" s="1" t="s">
        <v>203106</v>
      </c>
      <c r="F60554" s="1" t="s">
        <v>203107</v>
      </c>
      <c r="G60554" s="1" t="s">
        <v>203012</v>
      </c>
      <c r="H60554" s="1" t="s">
        <v>203013</v>
      </c>
      <c r="I60554" s="1" t="s">
        <v>201500</v>
      </c>
      <c r="J60554" s="1" t="s">
        <v>203108</v>
      </c>
    </row>
    <row r="60555" spans="1:10" x14ac:dyDescent="0.35">
      <c r="A60555" s="1" t="s">
        <v>119136</v>
      </c>
      <c r="B60555" s="1" t="s">
        <v>201495</v>
      </c>
      <c r="C60555" s="1" t="s">
        <v>165</v>
      </c>
      <c r="D60555" s="1" t="s">
        <v>203109</v>
      </c>
      <c r="E60555" s="1" t="s">
        <v>203110</v>
      </c>
      <c r="F60555" s="1" t="s">
        <v>203111</v>
      </c>
      <c r="G60555" s="1" t="s">
        <v>203012</v>
      </c>
      <c r="H60555" s="1" t="s">
        <v>203013</v>
      </c>
      <c r="I60555" s="1" t="s">
        <v>201500</v>
      </c>
      <c r="J60555" s="1" t="s">
        <v>203112</v>
      </c>
    </row>
    <row r="60556" spans="1:10" x14ac:dyDescent="0.35">
      <c r="A60556" s="1" t="s">
        <v>119136</v>
      </c>
      <c r="B60556" s="1" t="s">
        <v>201495</v>
      </c>
      <c r="C60556" s="1" t="s">
        <v>170</v>
      </c>
      <c r="D60556" s="1" t="s">
        <v>73888</v>
      </c>
      <c r="E60556" s="1" t="s">
        <v>203113</v>
      </c>
      <c r="F60556" s="1" t="s">
        <v>203114</v>
      </c>
      <c r="G60556" s="1" t="s">
        <v>203012</v>
      </c>
      <c r="H60556" s="1" t="s">
        <v>203013</v>
      </c>
      <c r="I60556" s="1" t="s">
        <v>201500</v>
      </c>
      <c r="J60556" s="1" t="s">
        <v>203115</v>
      </c>
    </row>
    <row r="60557" spans="1:10" x14ac:dyDescent="0.35">
      <c r="A60557" s="1" t="s">
        <v>29082</v>
      </c>
      <c r="B60557" s="1" t="s">
        <v>201495</v>
      </c>
      <c r="C60557" s="1" t="s">
        <v>8</v>
      </c>
      <c r="D60557" s="1" t="s">
        <v>25157</v>
      </c>
      <c r="E60557" s="1" t="s">
        <v>203116</v>
      </c>
      <c r="F60557" s="1" t="s">
        <v>203117</v>
      </c>
      <c r="G60557" s="1" t="s">
        <v>203118</v>
      </c>
      <c r="H60557" s="1" t="s">
        <v>203119</v>
      </c>
      <c r="I60557" s="1" t="s">
        <v>201500</v>
      </c>
      <c r="J60557" s="1" t="s">
        <v>13</v>
      </c>
    </row>
    <row r="60558" spans="1:10" x14ac:dyDescent="0.35">
      <c r="A60558" s="1" t="s">
        <v>29082</v>
      </c>
      <c r="B60558" s="1" t="s">
        <v>201495</v>
      </c>
      <c r="C60558" s="1" t="s">
        <v>15</v>
      </c>
      <c r="D60558" s="1" t="s">
        <v>34639</v>
      </c>
      <c r="E60558" s="1" t="s">
        <v>203120</v>
      </c>
      <c r="F60558" s="1" t="s">
        <v>203121</v>
      </c>
      <c r="G60558" s="1" t="s">
        <v>203118</v>
      </c>
      <c r="H60558" s="1" t="s">
        <v>203119</v>
      </c>
      <c r="I60558" s="1" t="s">
        <v>201500</v>
      </c>
      <c r="J60558" s="1" t="s">
        <v>203122</v>
      </c>
    </row>
    <row r="60559" spans="1:10" x14ac:dyDescent="0.35">
      <c r="A60559" s="1" t="s">
        <v>29082</v>
      </c>
      <c r="B60559" s="1" t="s">
        <v>201495</v>
      </c>
      <c r="C60559" s="1" t="s">
        <v>20</v>
      </c>
      <c r="D60559" s="1" t="s">
        <v>116522</v>
      </c>
      <c r="E60559" s="1" t="s">
        <v>203123</v>
      </c>
      <c r="F60559" s="1" t="s">
        <v>203124</v>
      </c>
      <c r="G60559" s="1" t="s">
        <v>203118</v>
      </c>
      <c r="H60559" s="1" t="s">
        <v>203119</v>
      </c>
      <c r="I60559" s="1" t="s">
        <v>201500</v>
      </c>
      <c r="J60559" s="1" t="s">
        <v>203125</v>
      </c>
    </row>
    <row r="60560" spans="1:10" x14ac:dyDescent="0.35">
      <c r="A60560" s="1" t="s">
        <v>29082</v>
      </c>
      <c r="B60560" s="1" t="s">
        <v>201495</v>
      </c>
      <c r="C60560" s="1" t="s">
        <v>25</v>
      </c>
      <c r="D60560" s="1" t="s">
        <v>150925</v>
      </c>
      <c r="E60560" s="1" t="s">
        <v>203126</v>
      </c>
      <c r="F60560" s="1" t="s">
        <v>203127</v>
      </c>
      <c r="G60560" s="1" t="s">
        <v>203118</v>
      </c>
      <c r="H60560" s="1" t="s">
        <v>203119</v>
      </c>
      <c r="I60560" s="1" t="s">
        <v>201500</v>
      </c>
      <c r="J60560" s="1" t="s">
        <v>203128</v>
      </c>
    </row>
    <row r="60561" spans="1:10" x14ac:dyDescent="0.35">
      <c r="A60561" s="1" t="s">
        <v>29082</v>
      </c>
      <c r="B60561" s="1" t="s">
        <v>201495</v>
      </c>
      <c r="C60561" s="1" t="s">
        <v>30</v>
      </c>
      <c r="D60561" s="1" t="s">
        <v>203129</v>
      </c>
      <c r="E60561" s="1" t="s">
        <v>203130</v>
      </c>
      <c r="F60561" s="1" t="s">
        <v>203131</v>
      </c>
      <c r="G60561" s="1" t="s">
        <v>203118</v>
      </c>
      <c r="H60561" s="1" t="s">
        <v>203119</v>
      </c>
      <c r="I60561" s="1" t="s">
        <v>201500</v>
      </c>
      <c r="J60561" s="1" t="s">
        <v>203132</v>
      </c>
    </row>
    <row r="60562" spans="1:10" x14ac:dyDescent="0.35">
      <c r="A60562" s="1" t="s">
        <v>29082</v>
      </c>
      <c r="B60562" s="1" t="s">
        <v>201495</v>
      </c>
      <c r="C60562" s="1" t="s">
        <v>35</v>
      </c>
      <c r="D60562" s="1" t="s">
        <v>35587</v>
      </c>
      <c r="E60562" s="1" t="s">
        <v>203133</v>
      </c>
      <c r="F60562" s="1" t="s">
        <v>203134</v>
      </c>
      <c r="G60562" s="1" t="s">
        <v>203118</v>
      </c>
      <c r="H60562" s="1" t="s">
        <v>203119</v>
      </c>
      <c r="I60562" s="1" t="s">
        <v>201500</v>
      </c>
      <c r="J60562" s="1" t="s">
        <v>203135</v>
      </c>
    </row>
    <row r="60563" spans="1:10" x14ac:dyDescent="0.35">
      <c r="A60563" s="1" t="s">
        <v>29082</v>
      </c>
      <c r="B60563" s="1" t="s">
        <v>201495</v>
      </c>
      <c r="C60563" s="1" t="s">
        <v>40</v>
      </c>
      <c r="D60563" s="1" t="s">
        <v>203136</v>
      </c>
      <c r="E60563" s="1" t="s">
        <v>203137</v>
      </c>
      <c r="F60563" s="1" t="s">
        <v>203138</v>
      </c>
      <c r="G60563" s="1" t="s">
        <v>203118</v>
      </c>
      <c r="H60563" s="1" t="s">
        <v>203119</v>
      </c>
      <c r="I60563" s="1" t="s">
        <v>201500</v>
      </c>
      <c r="J60563" s="1" t="s">
        <v>203139</v>
      </c>
    </row>
    <row r="60564" spans="1:10" x14ac:dyDescent="0.35">
      <c r="A60564" s="1" t="s">
        <v>29082</v>
      </c>
      <c r="B60564" s="1" t="s">
        <v>201495</v>
      </c>
      <c r="C60564" s="1" t="s">
        <v>45</v>
      </c>
      <c r="D60564" s="1" t="s">
        <v>257</v>
      </c>
      <c r="E60564" s="1" t="s">
        <v>203140</v>
      </c>
      <c r="F60564" s="1" t="s">
        <v>203141</v>
      </c>
      <c r="G60564" s="1" t="s">
        <v>203118</v>
      </c>
      <c r="H60564" s="1" t="s">
        <v>203119</v>
      </c>
      <c r="I60564" s="1" t="s">
        <v>201500</v>
      </c>
      <c r="J60564" s="1" t="s">
        <v>203142</v>
      </c>
    </row>
    <row r="60565" spans="1:10" x14ac:dyDescent="0.35">
      <c r="A60565" s="1" t="s">
        <v>29082</v>
      </c>
      <c r="B60565" s="1" t="s">
        <v>201495</v>
      </c>
      <c r="C60565" s="1" t="s">
        <v>50</v>
      </c>
      <c r="D60565" s="1" t="s">
        <v>182651</v>
      </c>
      <c r="E60565" s="1" t="s">
        <v>203143</v>
      </c>
      <c r="F60565" s="1" t="s">
        <v>203144</v>
      </c>
      <c r="G60565" s="1" t="s">
        <v>203118</v>
      </c>
      <c r="H60565" s="1" t="s">
        <v>203119</v>
      </c>
      <c r="I60565" s="1" t="s">
        <v>201500</v>
      </c>
      <c r="J60565" s="1" t="s">
        <v>203145</v>
      </c>
    </row>
    <row r="60566" spans="1:10" x14ac:dyDescent="0.35">
      <c r="A60566" s="1" t="s">
        <v>29082</v>
      </c>
      <c r="B60566" s="1" t="s">
        <v>201495</v>
      </c>
      <c r="C60566" s="1" t="s">
        <v>55</v>
      </c>
      <c r="D60566" s="1" t="s">
        <v>31265</v>
      </c>
      <c r="E60566" s="1" t="s">
        <v>203146</v>
      </c>
      <c r="F60566" s="1" t="s">
        <v>203147</v>
      </c>
      <c r="G60566" s="1" t="s">
        <v>203118</v>
      </c>
      <c r="H60566" s="1" t="s">
        <v>203119</v>
      </c>
      <c r="I60566" s="1" t="s">
        <v>201500</v>
      </c>
      <c r="J60566" s="1" t="s">
        <v>203148</v>
      </c>
    </row>
    <row r="60567" spans="1:10" x14ac:dyDescent="0.35">
      <c r="A60567" s="1" t="s">
        <v>29082</v>
      </c>
      <c r="B60567" s="1" t="s">
        <v>201495</v>
      </c>
      <c r="C60567" s="1" t="s">
        <v>60</v>
      </c>
      <c r="D60567" s="1" t="s">
        <v>161795</v>
      </c>
      <c r="E60567" s="1" t="s">
        <v>203149</v>
      </c>
      <c r="F60567" s="1" t="s">
        <v>203150</v>
      </c>
      <c r="G60567" s="1" t="s">
        <v>203118</v>
      </c>
      <c r="H60567" s="1" t="s">
        <v>203119</v>
      </c>
      <c r="I60567" s="1" t="s">
        <v>201500</v>
      </c>
      <c r="J60567" s="1" t="s">
        <v>203151</v>
      </c>
    </row>
    <row r="60568" spans="1:10" x14ac:dyDescent="0.35">
      <c r="A60568" s="1" t="s">
        <v>29082</v>
      </c>
      <c r="B60568" s="1" t="s">
        <v>201495</v>
      </c>
      <c r="C60568" s="1" t="s">
        <v>65</v>
      </c>
      <c r="D60568" s="1" t="s">
        <v>203152</v>
      </c>
      <c r="E60568" s="1" t="s">
        <v>203153</v>
      </c>
      <c r="F60568" s="1" t="s">
        <v>203154</v>
      </c>
      <c r="G60568" s="1" t="s">
        <v>203118</v>
      </c>
      <c r="H60568" s="1" t="s">
        <v>203119</v>
      </c>
      <c r="I60568" s="1" t="s">
        <v>201500</v>
      </c>
      <c r="J60568" s="1" t="s">
        <v>203155</v>
      </c>
    </row>
    <row r="60569" spans="1:10" x14ac:dyDescent="0.35">
      <c r="A60569" s="1" t="s">
        <v>29082</v>
      </c>
      <c r="B60569" s="1" t="s">
        <v>201495</v>
      </c>
      <c r="C60569" s="1" t="s">
        <v>70</v>
      </c>
      <c r="D60569" s="1" t="s">
        <v>31971</v>
      </c>
      <c r="E60569" s="1" t="s">
        <v>203156</v>
      </c>
      <c r="F60569" s="1" t="s">
        <v>203157</v>
      </c>
      <c r="G60569" s="1" t="s">
        <v>203118</v>
      </c>
      <c r="H60569" s="1" t="s">
        <v>203119</v>
      </c>
      <c r="I60569" s="1" t="s">
        <v>201500</v>
      </c>
      <c r="J60569" s="1" t="s">
        <v>203158</v>
      </c>
    </row>
    <row r="60570" spans="1:10" x14ac:dyDescent="0.35">
      <c r="A60570" s="1" t="s">
        <v>29082</v>
      </c>
      <c r="B60570" s="1" t="s">
        <v>201495</v>
      </c>
      <c r="C60570" s="1" t="s">
        <v>75</v>
      </c>
      <c r="D60570" s="1" t="s">
        <v>72572</v>
      </c>
      <c r="E60570" s="1" t="s">
        <v>203159</v>
      </c>
      <c r="F60570" s="1" t="s">
        <v>203160</v>
      </c>
      <c r="G60570" s="1" t="s">
        <v>203118</v>
      </c>
      <c r="H60570" s="1" t="s">
        <v>203119</v>
      </c>
      <c r="I60570" s="1" t="s">
        <v>201500</v>
      </c>
      <c r="J60570" s="1" t="s">
        <v>203161</v>
      </c>
    </row>
    <row r="60571" spans="1:10" x14ac:dyDescent="0.35">
      <c r="A60571" s="1" t="s">
        <v>29082</v>
      </c>
      <c r="B60571" s="1" t="s">
        <v>201495</v>
      </c>
      <c r="C60571" s="1" t="s">
        <v>80</v>
      </c>
      <c r="D60571" s="1" t="s">
        <v>175492</v>
      </c>
      <c r="E60571" s="1" t="s">
        <v>203162</v>
      </c>
      <c r="F60571" s="1" t="s">
        <v>203163</v>
      </c>
      <c r="G60571" s="1" t="s">
        <v>203118</v>
      </c>
      <c r="H60571" s="1" t="s">
        <v>203119</v>
      </c>
      <c r="I60571" s="1" t="s">
        <v>201500</v>
      </c>
      <c r="J60571" s="1" t="s">
        <v>203164</v>
      </c>
    </row>
    <row r="60572" spans="1:10" x14ac:dyDescent="0.35">
      <c r="A60572" s="1" t="s">
        <v>29082</v>
      </c>
      <c r="B60572" s="1" t="s">
        <v>201495</v>
      </c>
      <c r="C60572" s="1" t="s">
        <v>85</v>
      </c>
      <c r="D60572" s="1" t="s">
        <v>46156</v>
      </c>
      <c r="E60572" s="1" t="s">
        <v>203165</v>
      </c>
      <c r="F60572" s="1" t="s">
        <v>203166</v>
      </c>
      <c r="G60572" s="1" t="s">
        <v>203118</v>
      </c>
      <c r="H60572" s="1" t="s">
        <v>203119</v>
      </c>
      <c r="I60572" s="1" t="s">
        <v>201500</v>
      </c>
      <c r="J60572" s="1" t="s">
        <v>203167</v>
      </c>
    </row>
    <row r="60573" spans="1:10" x14ac:dyDescent="0.35">
      <c r="A60573" s="1" t="s">
        <v>29082</v>
      </c>
      <c r="B60573" s="1" t="s">
        <v>201495</v>
      </c>
      <c r="C60573" s="1" t="s">
        <v>90</v>
      </c>
      <c r="D60573" s="1" t="s">
        <v>153683</v>
      </c>
      <c r="E60573" s="1" t="s">
        <v>203168</v>
      </c>
      <c r="F60573" s="1" t="s">
        <v>203169</v>
      </c>
      <c r="G60573" s="1" t="s">
        <v>203118</v>
      </c>
      <c r="H60573" s="1" t="s">
        <v>203119</v>
      </c>
      <c r="I60573" s="1" t="s">
        <v>201500</v>
      </c>
      <c r="J60573" s="1" t="s">
        <v>203170</v>
      </c>
    </row>
    <row r="60574" spans="1:10" x14ac:dyDescent="0.35">
      <c r="A60574" s="1" t="s">
        <v>29082</v>
      </c>
      <c r="B60574" s="1" t="s">
        <v>201495</v>
      </c>
      <c r="C60574" s="1" t="s">
        <v>95</v>
      </c>
      <c r="D60574" s="1" t="s">
        <v>203171</v>
      </c>
      <c r="E60574" s="1" t="s">
        <v>203172</v>
      </c>
      <c r="F60574" s="1" t="s">
        <v>203173</v>
      </c>
      <c r="G60574" s="1" t="s">
        <v>203118</v>
      </c>
      <c r="H60574" s="1" t="s">
        <v>203119</v>
      </c>
      <c r="I60574" s="1" t="s">
        <v>201500</v>
      </c>
      <c r="J60574" s="1" t="s">
        <v>203174</v>
      </c>
    </row>
    <row r="60575" spans="1:10" x14ac:dyDescent="0.35">
      <c r="A60575" s="1" t="s">
        <v>29082</v>
      </c>
      <c r="B60575" s="1" t="s">
        <v>201495</v>
      </c>
      <c r="C60575" s="1" t="s">
        <v>100</v>
      </c>
      <c r="D60575" s="1" t="s">
        <v>114777</v>
      </c>
      <c r="E60575" s="1" t="s">
        <v>203175</v>
      </c>
      <c r="F60575" s="1" t="s">
        <v>203176</v>
      </c>
      <c r="G60575" s="1" t="s">
        <v>203118</v>
      </c>
      <c r="H60575" s="1" t="s">
        <v>203119</v>
      </c>
      <c r="I60575" s="1" t="s">
        <v>201500</v>
      </c>
      <c r="J60575" s="1" t="s">
        <v>203177</v>
      </c>
    </row>
    <row r="60576" spans="1:10" x14ac:dyDescent="0.35">
      <c r="A60576" s="1" t="s">
        <v>29082</v>
      </c>
      <c r="B60576" s="1" t="s">
        <v>201495</v>
      </c>
      <c r="C60576" s="1" t="s">
        <v>105</v>
      </c>
      <c r="D60576" s="1" t="s">
        <v>203178</v>
      </c>
      <c r="E60576" s="1" t="s">
        <v>203179</v>
      </c>
      <c r="F60576" s="1" t="s">
        <v>203180</v>
      </c>
      <c r="G60576" s="1" t="s">
        <v>203118</v>
      </c>
      <c r="H60576" s="1" t="s">
        <v>203119</v>
      </c>
      <c r="I60576" s="1" t="s">
        <v>201500</v>
      </c>
      <c r="J60576" s="1" t="s">
        <v>203181</v>
      </c>
    </row>
    <row r="60577" spans="1:10" x14ac:dyDescent="0.35">
      <c r="A60577" s="1" t="s">
        <v>29082</v>
      </c>
      <c r="B60577" s="1" t="s">
        <v>201495</v>
      </c>
      <c r="C60577" s="1" t="s">
        <v>110</v>
      </c>
      <c r="D60577" s="1" t="s">
        <v>31882</v>
      </c>
      <c r="E60577" s="1" t="s">
        <v>203182</v>
      </c>
      <c r="F60577" s="1" t="s">
        <v>203183</v>
      </c>
      <c r="G60577" s="1" t="s">
        <v>203118</v>
      </c>
      <c r="H60577" s="1" t="s">
        <v>203119</v>
      </c>
      <c r="I60577" s="1" t="s">
        <v>201500</v>
      </c>
      <c r="J60577" s="1" t="s">
        <v>203184</v>
      </c>
    </row>
    <row r="60578" spans="1:10" x14ac:dyDescent="0.35">
      <c r="A60578" s="1" t="s">
        <v>29082</v>
      </c>
      <c r="B60578" s="1" t="s">
        <v>201495</v>
      </c>
      <c r="C60578" s="1" t="s">
        <v>115</v>
      </c>
      <c r="D60578" s="1" t="s">
        <v>203185</v>
      </c>
      <c r="E60578" s="1" t="s">
        <v>203186</v>
      </c>
      <c r="F60578" s="1" t="s">
        <v>203187</v>
      </c>
      <c r="G60578" s="1" t="s">
        <v>203118</v>
      </c>
      <c r="H60578" s="1" t="s">
        <v>203119</v>
      </c>
      <c r="I60578" s="1" t="s">
        <v>201500</v>
      </c>
      <c r="J60578" s="1" t="s">
        <v>203188</v>
      </c>
    </row>
    <row r="60579" spans="1:10" x14ac:dyDescent="0.35">
      <c r="A60579" s="1" t="s">
        <v>29082</v>
      </c>
      <c r="B60579" s="1" t="s">
        <v>201495</v>
      </c>
      <c r="C60579" s="1" t="s">
        <v>120</v>
      </c>
      <c r="D60579" s="1" t="s">
        <v>185303</v>
      </c>
      <c r="E60579" s="1" t="s">
        <v>203189</v>
      </c>
      <c r="F60579" s="1" t="s">
        <v>203190</v>
      </c>
      <c r="G60579" s="1" t="s">
        <v>203118</v>
      </c>
      <c r="H60579" s="1" t="s">
        <v>203119</v>
      </c>
      <c r="I60579" s="1" t="s">
        <v>201500</v>
      </c>
      <c r="J60579" s="1" t="s">
        <v>203191</v>
      </c>
    </row>
    <row r="60580" spans="1:10" x14ac:dyDescent="0.35">
      <c r="A60580" s="1" t="s">
        <v>29082</v>
      </c>
      <c r="B60580" s="1" t="s">
        <v>201495</v>
      </c>
      <c r="C60580" s="1" t="s">
        <v>125</v>
      </c>
      <c r="D60580" s="1" t="s">
        <v>75131</v>
      </c>
      <c r="E60580" s="1" t="s">
        <v>203192</v>
      </c>
      <c r="F60580" s="1" t="s">
        <v>203193</v>
      </c>
      <c r="G60580" s="1" t="s">
        <v>203118</v>
      </c>
      <c r="H60580" s="1" t="s">
        <v>203119</v>
      </c>
      <c r="I60580" s="1" t="s">
        <v>201500</v>
      </c>
      <c r="J60580" s="1" t="s">
        <v>203194</v>
      </c>
    </row>
    <row r="60581" spans="1:10" x14ac:dyDescent="0.35">
      <c r="A60581" s="1" t="s">
        <v>29082</v>
      </c>
      <c r="B60581" s="1" t="s">
        <v>201495</v>
      </c>
      <c r="C60581" s="1" t="s">
        <v>130</v>
      </c>
      <c r="D60581" s="1" t="s">
        <v>189930</v>
      </c>
      <c r="E60581" s="1" t="s">
        <v>203195</v>
      </c>
      <c r="F60581" s="1" t="s">
        <v>203196</v>
      </c>
      <c r="G60581" s="1" t="s">
        <v>203118</v>
      </c>
      <c r="H60581" s="1" t="s">
        <v>203119</v>
      </c>
      <c r="I60581" s="1" t="s">
        <v>201500</v>
      </c>
      <c r="J60581" s="1" t="s">
        <v>203197</v>
      </c>
    </row>
    <row r="60582" spans="1:10" x14ac:dyDescent="0.35">
      <c r="A60582" s="1" t="s">
        <v>29082</v>
      </c>
      <c r="B60582" s="1" t="s">
        <v>201495</v>
      </c>
      <c r="C60582" s="1" t="s">
        <v>135</v>
      </c>
      <c r="D60582" s="1" t="s">
        <v>125589</v>
      </c>
      <c r="E60582" s="1" t="s">
        <v>203198</v>
      </c>
      <c r="F60582" s="1" t="s">
        <v>203199</v>
      </c>
      <c r="G60582" s="1" t="s">
        <v>203118</v>
      </c>
      <c r="H60582" s="1" t="s">
        <v>203119</v>
      </c>
      <c r="I60582" s="1" t="s">
        <v>201500</v>
      </c>
      <c r="J60582" s="1" t="s">
        <v>203200</v>
      </c>
    </row>
    <row r="60583" spans="1:10" x14ac:dyDescent="0.35">
      <c r="A60583" s="1" t="s">
        <v>29082</v>
      </c>
      <c r="B60583" s="1" t="s">
        <v>201495</v>
      </c>
      <c r="C60583" s="1" t="s">
        <v>140</v>
      </c>
      <c r="D60583" s="1" t="s">
        <v>203201</v>
      </c>
      <c r="E60583" s="1" t="s">
        <v>203202</v>
      </c>
      <c r="F60583" s="1" t="s">
        <v>203203</v>
      </c>
      <c r="G60583" s="1" t="s">
        <v>203118</v>
      </c>
      <c r="H60583" s="1" t="s">
        <v>203119</v>
      </c>
      <c r="I60583" s="1" t="s">
        <v>201500</v>
      </c>
      <c r="J60583" s="1" t="s">
        <v>203204</v>
      </c>
    </row>
    <row r="60584" spans="1:10" x14ac:dyDescent="0.35">
      <c r="A60584" s="1" t="s">
        <v>29082</v>
      </c>
      <c r="B60584" s="1" t="s">
        <v>201495</v>
      </c>
      <c r="C60584" s="1" t="s">
        <v>145</v>
      </c>
      <c r="D60584" s="1" t="s">
        <v>82112</v>
      </c>
      <c r="E60584" s="1" t="s">
        <v>203205</v>
      </c>
      <c r="F60584" s="1" t="s">
        <v>203206</v>
      </c>
      <c r="G60584" s="1" t="s">
        <v>203118</v>
      </c>
      <c r="H60584" s="1" t="s">
        <v>203119</v>
      </c>
      <c r="I60584" s="1" t="s">
        <v>201500</v>
      </c>
      <c r="J60584" s="1" t="s">
        <v>203207</v>
      </c>
    </row>
    <row r="60585" spans="1:10" x14ac:dyDescent="0.35">
      <c r="A60585" s="1" t="s">
        <v>29082</v>
      </c>
      <c r="B60585" s="1" t="s">
        <v>201495</v>
      </c>
      <c r="C60585" s="1" t="s">
        <v>150</v>
      </c>
      <c r="D60585" s="1" t="s">
        <v>33761</v>
      </c>
      <c r="E60585" s="1" t="s">
        <v>203208</v>
      </c>
      <c r="F60585" s="1" t="s">
        <v>203209</v>
      </c>
      <c r="G60585" s="1" t="s">
        <v>203118</v>
      </c>
      <c r="H60585" s="1" t="s">
        <v>203119</v>
      </c>
      <c r="I60585" s="1" t="s">
        <v>201500</v>
      </c>
      <c r="J60585" s="1" t="s">
        <v>203210</v>
      </c>
    </row>
    <row r="60586" spans="1:10" x14ac:dyDescent="0.35">
      <c r="A60586" s="1" t="s">
        <v>29082</v>
      </c>
      <c r="B60586" s="1" t="s">
        <v>201495</v>
      </c>
      <c r="C60586" s="1" t="s">
        <v>155</v>
      </c>
      <c r="D60586" s="1" t="s">
        <v>3802</v>
      </c>
      <c r="E60586" s="1" t="s">
        <v>203211</v>
      </c>
      <c r="F60586" s="1" t="s">
        <v>203212</v>
      </c>
      <c r="G60586" s="1" t="s">
        <v>203118</v>
      </c>
      <c r="H60586" s="1" t="s">
        <v>203119</v>
      </c>
      <c r="I60586" s="1" t="s">
        <v>201500</v>
      </c>
      <c r="J60586" s="1" t="s">
        <v>203213</v>
      </c>
    </row>
    <row r="60587" spans="1:10" x14ac:dyDescent="0.35">
      <c r="A60587" s="1" t="s">
        <v>29082</v>
      </c>
      <c r="B60587" s="1" t="s">
        <v>201495</v>
      </c>
      <c r="C60587" s="1" t="s">
        <v>160</v>
      </c>
      <c r="D60587" s="1" t="s">
        <v>203214</v>
      </c>
      <c r="E60587" s="1" t="s">
        <v>203215</v>
      </c>
      <c r="F60587" s="1" t="s">
        <v>203216</v>
      </c>
      <c r="G60587" s="1" t="s">
        <v>203118</v>
      </c>
      <c r="H60587" s="1" t="s">
        <v>203119</v>
      </c>
      <c r="I60587" s="1" t="s">
        <v>201500</v>
      </c>
      <c r="J60587" s="1" t="s">
        <v>203217</v>
      </c>
    </row>
    <row r="60588" spans="1:10" x14ac:dyDescent="0.35">
      <c r="A60588" s="1" t="s">
        <v>29082</v>
      </c>
      <c r="B60588" s="1" t="s">
        <v>201495</v>
      </c>
      <c r="C60588" s="1" t="s">
        <v>165</v>
      </c>
      <c r="D60588" s="1" t="s">
        <v>203218</v>
      </c>
      <c r="E60588" s="1" t="s">
        <v>203219</v>
      </c>
      <c r="F60588" s="1" t="s">
        <v>203220</v>
      </c>
      <c r="G60588" s="1" t="s">
        <v>203118</v>
      </c>
      <c r="H60588" s="1" t="s">
        <v>203119</v>
      </c>
      <c r="I60588" s="1" t="s">
        <v>201500</v>
      </c>
      <c r="J60588" s="1" t="s">
        <v>203221</v>
      </c>
    </row>
    <row r="60589" spans="1:10" x14ac:dyDescent="0.35">
      <c r="A60589" s="1" t="s">
        <v>29082</v>
      </c>
      <c r="B60589" s="1" t="s">
        <v>201495</v>
      </c>
      <c r="C60589" s="1" t="s">
        <v>170</v>
      </c>
      <c r="D60589" s="1" t="s">
        <v>203222</v>
      </c>
      <c r="E60589" s="1" t="s">
        <v>203223</v>
      </c>
      <c r="F60589" s="1" t="s">
        <v>203224</v>
      </c>
      <c r="G60589" s="1" t="s">
        <v>203118</v>
      </c>
      <c r="H60589" s="1" t="s">
        <v>203119</v>
      </c>
      <c r="I60589" s="1" t="s">
        <v>201500</v>
      </c>
      <c r="J60589" s="1" t="s">
        <v>203225</v>
      </c>
    </row>
    <row r="60590" spans="1:10" x14ac:dyDescent="0.35">
      <c r="A60590" s="1" t="s">
        <v>158152</v>
      </c>
      <c r="B60590" s="1" t="s">
        <v>201495</v>
      </c>
      <c r="C60590" s="1" t="s">
        <v>8</v>
      </c>
      <c r="D60590" s="1" t="s">
        <v>172102</v>
      </c>
      <c r="E60590" s="1" t="s">
        <v>203226</v>
      </c>
      <c r="F60590" s="1" t="s">
        <v>203227</v>
      </c>
      <c r="G60590" s="1" t="s">
        <v>203228</v>
      </c>
      <c r="H60590" s="1" t="s">
        <v>203229</v>
      </c>
      <c r="I60590" s="1" t="s">
        <v>201500</v>
      </c>
      <c r="J60590" s="1" t="s">
        <v>13</v>
      </c>
    </row>
    <row r="60591" spans="1:10" x14ac:dyDescent="0.35">
      <c r="A60591" s="1" t="s">
        <v>158152</v>
      </c>
      <c r="B60591" s="1" t="s">
        <v>201495</v>
      </c>
      <c r="C60591" s="1" t="s">
        <v>15</v>
      </c>
      <c r="D60591" s="1" t="s">
        <v>144287</v>
      </c>
      <c r="E60591" s="1" t="s">
        <v>203230</v>
      </c>
      <c r="F60591" s="1" t="s">
        <v>203231</v>
      </c>
      <c r="G60591" s="1" t="s">
        <v>203228</v>
      </c>
      <c r="H60591" s="1" t="s">
        <v>203229</v>
      </c>
      <c r="I60591" s="1" t="s">
        <v>201500</v>
      </c>
      <c r="J60591" s="1" t="s">
        <v>203232</v>
      </c>
    </row>
    <row r="60592" spans="1:10" x14ac:dyDescent="0.35">
      <c r="A60592" s="1" t="s">
        <v>158152</v>
      </c>
      <c r="B60592" s="1" t="s">
        <v>201495</v>
      </c>
      <c r="C60592" s="1" t="s">
        <v>20</v>
      </c>
      <c r="D60592" s="1" t="s">
        <v>203233</v>
      </c>
      <c r="E60592" s="1" t="s">
        <v>203234</v>
      </c>
      <c r="F60592" s="1" t="s">
        <v>203235</v>
      </c>
      <c r="G60592" s="1" t="s">
        <v>203228</v>
      </c>
      <c r="H60592" s="1" t="s">
        <v>203229</v>
      </c>
      <c r="I60592" s="1" t="s">
        <v>201500</v>
      </c>
      <c r="J60592" s="1" t="s">
        <v>203236</v>
      </c>
    </row>
    <row r="60593" spans="1:10" x14ac:dyDescent="0.35">
      <c r="A60593" s="1" t="s">
        <v>158152</v>
      </c>
      <c r="B60593" s="1" t="s">
        <v>201495</v>
      </c>
      <c r="C60593" s="1" t="s">
        <v>25</v>
      </c>
      <c r="D60593" s="1" t="s">
        <v>115384</v>
      </c>
      <c r="E60593" s="1" t="s">
        <v>203237</v>
      </c>
      <c r="F60593" s="1" t="s">
        <v>203238</v>
      </c>
      <c r="G60593" s="1" t="s">
        <v>203228</v>
      </c>
      <c r="H60593" s="1" t="s">
        <v>203229</v>
      </c>
      <c r="I60593" s="1" t="s">
        <v>201500</v>
      </c>
      <c r="J60593" s="1" t="s">
        <v>203239</v>
      </c>
    </row>
    <row r="60594" spans="1:10" x14ac:dyDescent="0.35">
      <c r="A60594" s="1" t="s">
        <v>158152</v>
      </c>
      <c r="B60594" s="1" t="s">
        <v>201495</v>
      </c>
      <c r="C60594" s="1" t="s">
        <v>30</v>
      </c>
      <c r="D60594" s="1" t="s">
        <v>197066</v>
      </c>
      <c r="E60594" s="1" t="s">
        <v>203240</v>
      </c>
      <c r="F60594" s="1" t="s">
        <v>203241</v>
      </c>
      <c r="G60594" s="1" t="s">
        <v>203228</v>
      </c>
      <c r="H60594" s="1" t="s">
        <v>203229</v>
      </c>
      <c r="I60594" s="1" t="s">
        <v>201500</v>
      </c>
      <c r="J60594" s="1" t="s">
        <v>203242</v>
      </c>
    </row>
    <row r="60595" spans="1:10" x14ac:dyDescent="0.35">
      <c r="A60595" s="1" t="s">
        <v>158152</v>
      </c>
      <c r="B60595" s="1" t="s">
        <v>201495</v>
      </c>
      <c r="C60595" s="1" t="s">
        <v>35</v>
      </c>
      <c r="D60595" s="1" t="s">
        <v>203243</v>
      </c>
      <c r="E60595" s="1" t="s">
        <v>203244</v>
      </c>
      <c r="F60595" s="1" t="s">
        <v>203245</v>
      </c>
      <c r="G60595" s="1" t="s">
        <v>203228</v>
      </c>
      <c r="H60595" s="1" t="s">
        <v>203229</v>
      </c>
      <c r="I60595" s="1" t="s">
        <v>201500</v>
      </c>
      <c r="J60595" s="1" t="s">
        <v>203246</v>
      </c>
    </row>
    <row r="60596" spans="1:10" x14ac:dyDescent="0.35">
      <c r="A60596" s="1" t="s">
        <v>158152</v>
      </c>
      <c r="B60596" s="1" t="s">
        <v>201495</v>
      </c>
      <c r="C60596" s="1" t="s">
        <v>40</v>
      </c>
      <c r="D60596" s="1" t="s">
        <v>155876</v>
      </c>
      <c r="E60596" s="1" t="s">
        <v>203247</v>
      </c>
      <c r="F60596" s="1" t="s">
        <v>203248</v>
      </c>
      <c r="G60596" s="1" t="s">
        <v>203228</v>
      </c>
      <c r="H60596" s="1" t="s">
        <v>203229</v>
      </c>
      <c r="I60596" s="1" t="s">
        <v>201500</v>
      </c>
      <c r="J60596" s="1" t="s">
        <v>203249</v>
      </c>
    </row>
    <row r="60597" spans="1:10" x14ac:dyDescent="0.35">
      <c r="A60597" s="1" t="s">
        <v>158152</v>
      </c>
      <c r="B60597" s="1" t="s">
        <v>201495</v>
      </c>
      <c r="C60597" s="1" t="s">
        <v>45</v>
      </c>
      <c r="D60597" s="1" t="s">
        <v>196993</v>
      </c>
      <c r="E60597" s="1" t="s">
        <v>203250</v>
      </c>
      <c r="F60597" s="1" t="s">
        <v>203251</v>
      </c>
      <c r="G60597" s="1" t="s">
        <v>203228</v>
      </c>
      <c r="H60597" s="1" t="s">
        <v>203229</v>
      </c>
      <c r="I60597" s="1" t="s">
        <v>201500</v>
      </c>
      <c r="J60597" s="1" t="s">
        <v>203252</v>
      </c>
    </row>
    <row r="60598" spans="1:10" x14ac:dyDescent="0.35">
      <c r="A60598" s="1" t="s">
        <v>158152</v>
      </c>
      <c r="B60598" s="1" t="s">
        <v>201495</v>
      </c>
      <c r="C60598" s="1" t="s">
        <v>50</v>
      </c>
      <c r="D60598" s="1" t="s">
        <v>25016</v>
      </c>
      <c r="E60598" s="1" t="s">
        <v>203253</v>
      </c>
      <c r="F60598" s="1" t="s">
        <v>203254</v>
      </c>
      <c r="G60598" s="1" t="s">
        <v>203228</v>
      </c>
      <c r="H60598" s="1" t="s">
        <v>203229</v>
      </c>
      <c r="I60598" s="1" t="s">
        <v>201500</v>
      </c>
      <c r="J60598" s="1" t="s">
        <v>203255</v>
      </c>
    </row>
    <row r="60599" spans="1:10" x14ac:dyDescent="0.35">
      <c r="A60599" s="1" t="s">
        <v>158152</v>
      </c>
      <c r="B60599" s="1" t="s">
        <v>201495</v>
      </c>
      <c r="C60599" s="1" t="s">
        <v>55</v>
      </c>
      <c r="D60599" s="1" t="s">
        <v>8014</v>
      </c>
      <c r="E60599" s="1" t="s">
        <v>203256</v>
      </c>
      <c r="F60599" s="1" t="s">
        <v>203257</v>
      </c>
      <c r="G60599" s="1" t="s">
        <v>203228</v>
      </c>
      <c r="H60599" s="1" t="s">
        <v>203229</v>
      </c>
      <c r="I60599" s="1" t="s">
        <v>201500</v>
      </c>
      <c r="J60599" s="1" t="s">
        <v>203258</v>
      </c>
    </row>
    <row r="60600" spans="1:10" x14ac:dyDescent="0.35">
      <c r="A60600" s="1" t="s">
        <v>158152</v>
      </c>
      <c r="B60600" s="1" t="s">
        <v>201495</v>
      </c>
      <c r="C60600" s="1" t="s">
        <v>60</v>
      </c>
      <c r="D60600" s="1" t="s">
        <v>111850</v>
      </c>
      <c r="E60600" s="1" t="s">
        <v>203259</v>
      </c>
      <c r="F60600" s="1" t="s">
        <v>203260</v>
      </c>
      <c r="G60600" s="1" t="s">
        <v>203228</v>
      </c>
      <c r="H60600" s="1" t="s">
        <v>203229</v>
      </c>
      <c r="I60600" s="1" t="s">
        <v>201500</v>
      </c>
      <c r="J60600" s="1" t="s">
        <v>203261</v>
      </c>
    </row>
    <row r="60601" spans="1:10" x14ac:dyDescent="0.35">
      <c r="A60601" s="1" t="s">
        <v>158152</v>
      </c>
      <c r="B60601" s="1" t="s">
        <v>201495</v>
      </c>
      <c r="C60601" s="1" t="s">
        <v>65</v>
      </c>
      <c r="D60601" s="1" t="s">
        <v>10873</v>
      </c>
      <c r="E60601" s="1" t="s">
        <v>203262</v>
      </c>
      <c r="F60601" s="1" t="s">
        <v>203263</v>
      </c>
      <c r="G60601" s="1" t="s">
        <v>203228</v>
      </c>
      <c r="H60601" s="1" t="s">
        <v>203229</v>
      </c>
      <c r="I60601" s="1" t="s">
        <v>201500</v>
      </c>
      <c r="J60601" s="1" t="s">
        <v>203264</v>
      </c>
    </row>
    <row r="60602" spans="1:10" x14ac:dyDescent="0.35">
      <c r="A60602" s="1" t="s">
        <v>158152</v>
      </c>
      <c r="B60602" s="1" t="s">
        <v>201495</v>
      </c>
      <c r="C60602" s="1" t="s">
        <v>70</v>
      </c>
      <c r="D60602" s="1" t="s">
        <v>111141</v>
      </c>
      <c r="E60602" s="1" t="s">
        <v>203265</v>
      </c>
      <c r="F60602" s="1" t="s">
        <v>203266</v>
      </c>
      <c r="G60602" s="1" t="s">
        <v>203228</v>
      </c>
      <c r="H60602" s="1" t="s">
        <v>203229</v>
      </c>
      <c r="I60602" s="1" t="s">
        <v>201500</v>
      </c>
      <c r="J60602" s="1" t="s">
        <v>203267</v>
      </c>
    </row>
    <row r="60603" spans="1:10" x14ac:dyDescent="0.35">
      <c r="A60603" s="1" t="s">
        <v>158152</v>
      </c>
      <c r="B60603" s="1" t="s">
        <v>201495</v>
      </c>
      <c r="C60603" s="1" t="s">
        <v>75</v>
      </c>
      <c r="D60603" s="1" t="s">
        <v>6653</v>
      </c>
      <c r="E60603" s="1" t="s">
        <v>203268</v>
      </c>
      <c r="F60603" s="1" t="s">
        <v>203269</v>
      </c>
      <c r="G60603" s="1" t="s">
        <v>203228</v>
      </c>
      <c r="H60603" s="1" t="s">
        <v>203229</v>
      </c>
      <c r="I60603" s="1" t="s">
        <v>201500</v>
      </c>
      <c r="J60603" s="1" t="s">
        <v>203270</v>
      </c>
    </row>
    <row r="60604" spans="1:10" x14ac:dyDescent="0.35">
      <c r="A60604" s="1" t="s">
        <v>158152</v>
      </c>
      <c r="B60604" s="1" t="s">
        <v>201495</v>
      </c>
      <c r="C60604" s="1" t="s">
        <v>80</v>
      </c>
      <c r="D60604" s="1" t="s">
        <v>48140</v>
      </c>
      <c r="E60604" s="1" t="s">
        <v>203271</v>
      </c>
      <c r="F60604" s="1" t="s">
        <v>203272</v>
      </c>
      <c r="G60604" s="1" t="s">
        <v>203228</v>
      </c>
      <c r="H60604" s="1" t="s">
        <v>203229</v>
      </c>
      <c r="I60604" s="1" t="s">
        <v>201500</v>
      </c>
      <c r="J60604" s="1" t="s">
        <v>203273</v>
      </c>
    </row>
    <row r="60605" spans="1:10" x14ac:dyDescent="0.35">
      <c r="A60605" s="1" t="s">
        <v>158152</v>
      </c>
      <c r="B60605" s="1" t="s">
        <v>201495</v>
      </c>
      <c r="C60605" s="1" t="s">
        <v>85</v>
      </c>
      <c r="D60605" s="1" t="s">
        <v>4543</v>
      </c>
      <c r="E60605" s="1" t="s">
        <v>203274</v>
      </c>
      <c r="F60605" s="1" t="s">
        <v>203275</v>
      </c>
      <c r="G60605" s="1" t="s">
        <v>203228</v>
      </c>
      <c r="H60605" s="1" t="s">
        <v>203229</v>
      </c>
      <c r="I60605" s="1" t="s">
        <v>201500</v>
      </c>
      <c r="J60605" s="1" t="s">
        <v>203276</v>
      </c>
    </row>
    <row r="60606" spans="1:10" x14ac:dyDescent="0.35">
      <c r="A60606" s="1" t="s">
        <v>158152</v>
      </c>
      <c r="B60606" s="1" t="s">
        <v>201495</v>
      </c>
      <c r="C60606" s="1" t="s">
        <v>90</v>
      </c>
      <c r="D60606" s="1" t="s">
        <v>15740</v>
      </c>
      <c r="E60606" s="1" t="s">
        <v>203277</v>
      </c>
      <c r="F60606" s="1" t="s">
        <v>203278</v>
      </c>
      <c r="G60606" s="1" t="s">
        <v>203228</v>
      </c>
      <c r="H60606" s="1" t="s">
        <v>203229</v>
      </c>
      <c r="I60606" s="1" t="s">
        <v>201500</v>
      </c>
      <c r="J60606" s="1" t="s">
        <v>203279</v>
      </c>
    </row>
    <row r="60607" spans="1:10" x14ac:dyDescent="0.35">
      <c r="A60607" s="1" t="s">
        <v>158152</v>
      </c>
      <c r="B60607" s="1" t="s">
        <v>201495</v>
      </c>
      <c r="C60607" s="1" t="s">
        <v>95</v>
      </c>
      <c r="D60607" s="1" t="s">
        <v>35419</v>
      </c>
      <c r="E60607" s="1" t="s">
        <v>203280</v>
      </c>
      <c r="F60607" s="1" t="s">
        <v>203281</v>
      </c>
      <c r="G60607" s="1" t="s">
        <v>203228</v>
      </c>
      <c r="H60607" s="1" t="s">
        <v>203229</v>
      </c>
      <c r="I60607" s="1" t="s">
        <v>201500</v>
      </c>
      <c r="J60607" s="1" t="s">
        <v>203282</v>
      </c>
    </row>
    <row r="60608" spans="1:10" x14ac:dyDescent="0.35">
      <c r="A60608" s="1" t="s">
        <v>158152</v>
      </c>
      <c r="B60608" s="1" t="s">
        <v>201495</v>
      </c>
      <c r="C60608" s="1" t="s">
        <v>100</v>
      </c>
      <c r="D60608" s="1" t="s">
        <v>203283</v>
      </c>
      <c r="E60608" s="1" t="s">
        <v>203284</v>
      </c>
      <c r="F60608" s="1" t="s">
        <v>203285</v>
      </c>
      <c r="G60608" s="1" t="s">
        <v>203228</v>
      </c>
      <c r="H60608" s="1" t="s">
        <v>203229</v>
      </c>
      <c r="I60608" s="1" t="s">
        <v>201500</v>
      </c>
      <c r="J60608" s="1" t="s">
        <v>203286</v>
      </c>
    </row>
    <row r="60609" spans="1:10" x14ac:dyDescent="0.35">
      <c r="A60609" s="1" t="s">
        <v>158152</v>
      </c>
      <c r="B60609" s="1" t="s">
        <v>201495</v>
      </c>
      <c r="C60609" s="1" t="s">
        <v>105</v>
      </c>
      <c r="D60609" s="1" t="s">
        <v>203287</v>
      </c>
      <c r="E60609" s="1" t="s">
        <v>203288</v>
      </c>
      <c r="F60609" s="1" t="s">
        <v>203289</v>
      </c>
      <c r="G60609" s="1" t="s">
        <v>203228</v>
      </c>
      <c r="H60609" s="1" t="s">
        <v>203229</v>
      </c>
      <c r="I60609" s="1" t="s">
        <v>201500</v>
      </c>
      <c r="J60609" s="1" t="s">
        <v>203290</v>
      </c>
    </row>
    <row r="60610" spans="1:10" x14ac:dyDescent="0.35">
      <c r="A60610" s="1" t="s">
        <v>158152</v>
      </c>
      <c r="B60610" s="1" t="s">
        <v>201495</v>
      </c>
      <c r="C60610" s="1" t="s">
        <v>110</v>
      </c>
      <c r="D60610" s="1" t="s">
        <v>74284</v>
      </c>
      <c r="E60610" s="1" t="s">
        <v>203291</v>
      </c>
      <c r="F60610" s="1" t="s">
        <v>203292</v>
      </c>
      <c r="G60610" s="1" t="s">
        <v>203228</v>
      </c>
      <c r="H60610" s="1" t="s">
        <v>203229</v>
      </c>
      <c r="I60610" s="1" t="s">
        <v>201500</v>
      </c>
      <c r="J60610" s="1" t="s">
        <v>203293</v>
      </c>
    </row>
    <row r="60611" spans="1:10" x14ac:dyDescent="0.35">
      <c r="A60611" s="1" t="s">
        <v>158152</v>
      </c>
      <c r="B60611" s="1" t="s">
        <v>201495</v>
      </c>
      <c r="C60611" s="1" t="s">
        <v>115</v>
      </c>
      <c r="D60611" s="1" t="s">
        <v>181519</v>
      </c>
      <c r="E60611" s="1" t="s">
        <v>203294</v>
      </c>
      <c r="F60611" s="1" t="s">
        <v>203295</v>
      </c>
      <c r="G60611" s="1" t="s">
        <v>203228</v>
      </c>
      <c r="H60611" s="1" t="s">
        <v>203229</v>
      </c>
      <c r="I60611" s="1" t="s">
        <v>201500</v>
      </c>
      <c r="J60611" s="1" t="s">
        <v>203296</v>
      </c>
    </row>
    <row r="60612" spans="1:10" x14ac:dyDescent="0.35">
      <c r="A60612" s="1" t="s">
        <v>158152</v>
      </c>
      <c r="B60612" s="1" t="s">
        <v>201495</v>
      </c>
      <c r="C60612" s="1" t="s">
        <v>120</v>
      </c>
      <c r="D60612" s="1" t="s">
        <v>45284</v>
      </c>
      <c r="E60612" s="1" t="s">
        <v>203297</v>
      </c>
      <c r="F60612" s="1" t="s">
        <v>203298</v>
      </c>
      <c r="G60612" s="1" t="s">
        <v>203228</v>
      </c>
      <c r="H60612" s="1" t="s">
        <v>203229</v>
      </c>
      <c r="I60612" s="1" t="s">
        <v>201500</v>
      </c>
      <c r="J60612" s="1" t="s">
        <v>203299</v>
      </c>
    </row>
    <row r="60613" spans="1:10" x14ac:dyDescent="0.35">
      <c r="A60613" s="1" t="s">
        <v>158152</v>
      </c>
      <c r="B60613" s="1" t="s">
        <v>201495</v>
      </c>
      <c r="C60613" s="1" t="s">
        <v>125</v>
      </c>
      <c r="D60613" s="1" t="s">
        <v>35754</v>
      </c>
      <c r="E60613" s="1" t="s">
        <v>203300</v>
      </c>
      <c r="F60613" s="1" t="s">
        <v>203301</v>
      </c>
      <c r="G60613" s="1" t="s">
        <v>203228</v>
      </c>
      <c r="H60613" s="1" t="s">
        <v>203229</v>
      </c>
      <c r="I60613" s="1" t="s">
        <v>201500</v>
      </c>
      <c r="J60613" s="1" t="s">
        <v>203302</v>
      </c>
    </row>
    <row r="60614" spans="1:10" x14ac:dyDescent="0.35">
      <c r="A60614" s="1" t="s">
        <v>158152</v>
      </c>
      <c r="B60614" s="1" t="s">
        <v>201495</v>
      </c>
      <c r="C60614" s="1" t="s">
        <v>130</v>
      </c>
      <c r="D60614" s="1" t="s">
        <v>49580</v>
      </c>
      <c r="E60614" s="1" t="s">
        <v>203303</v>
      </c>
      <c r="F60614" s="1" t="s">
        <v>203304</v>
      </c>
      <c r="G60614" s="1" t="s">
        <v>203228</v>
      </c>
      <c r="H60614" s="1" t="s">
        <v>203229</v>
      </c>
      <c r="I60614" s="1" t="s">
        <v>201500</v>
      </c>
      <c r="J60614" s="1" t="s">
        <v>203305</v>
      </c>
    </row>
    <row r="60615" spans="1:10" x14ac:dyDescent="0.35">
      <c r="A60615" s="1" t="s">
        <v>158152</v>
      </c>
      <c r="B60615" s="1" t="s">
        <v>201495</v>
      </c>
      <c r="C60615" s="1" t="s">
        <v>135</v>
      </c>
      <c r="D60615" s="1" t="s">
        <v>189836</v>
      </c>
      <c r="E60615" s="1" t="s">
        <v>203306</v>
      </c>
      <c r="F60615" s="1" t="s">
        <v>203307</v>
      </c>
      <c r="G60615" s="1" t="s">
        <v>203228</v>
      </c>
      <c r="H60615" s="1" t="s">
        <v>203229</v>
      </c>
      <c r="I60615" s="1" t="s">
        <v>201500</v>
      </c>
      <c r="J60615" s="1" t="s">
        <v>203308</v>
      </c>
    </row>
    <row r="60616" spans="1:10" x14ac:dyDescent="0.35">
      <c r="A60616" s="1" t="s">
        <v>158152</v>
      </c>
      <c r="B60616" s="1" t="s">
        <v>201495</v>
      </c>
      <c r="C60616" s="1" t="s">
        <v>140</v>
      </c>
      <c r="D60616" s="1" t="s">
        <v>173023</v>
      </c>
      <c r="E60616" s="1" t="s">
        <v>203309</v>
      </c>
      <c r="F60616" s="1" t="s">
        <v>203310</v>
      </c>
      <c r="G60616" s="1" t="s">
        <v>203228</v>
      </c>
      <c r="H60616" s="1" t="s">
        <v>203229</v>
      </c>
      <c r="I60616" s="1" t="s">
        <v>201500</v>
      </c>
      <c r="J60616" s="1" t="s">
        <v>203311</v>
      </c>
    </row>
    <row r="60617" spans="1:10" x14ac:dyDescent="0.35">
      <c r="A60617" s="1" t="s">
        <v>158152</v>
      </c>
      <c r="B60617" s="1" t="s">
        <v>201495</v>
      </c>
      <c r="C60617" s="1" t="s">
        <v>145</v>
      </c>
      <c r="D60617" s="1" t="s">
        <v>72798</v>
      </c>
      <c r="E60617" s="1" t="s">
        <v>203312</v>
      </c>
      <c r="F60617" s="1" t="s">
        <v>203313</v>
      </c>
      <c r="G60617" s="1" t="s">
        <v>203228</v>
      </c>
      <c r="H60617" s="1" t="s">
        <v>203229</v>
      </c>
      <c r="I60617" s="1" t="s">
        <v>201500</v>
      </c>
      <c r="J60617" s="1" t="s">
        <v>203314</v>
      </c>
    </row>
    <row r="60618" spans="1:10" x14ac:dyDescent="0.35">
      <c r="A60618" s="1" t="s">
        <v>158152</v>
      </c>
      <c r="B60618" s="1" t="s">
        <v>201495</v>
      </c>
      <c r="C60618" s="1" t="s">
        <v>150</v>
      </c>
      <c r="D60618" s="1" t="s">
        <v>9578</v>
      </c>
      <c r="E60618" s="1" t="s">
        <v>203315</v>
      </c>
      <c r="F60618" s="1" t="s">
        <v>203316</v>
      </c>
      <c r="G60618" s="1" t="s">
        <v>203228</v>
      </c>
      <c r="H60618" s="1" t="s">
        <v>203229</v>
      </c>
      <c r="I60618" s="1" t="s">
        <v>201500</v>
      </c>
      <c r="J60618" s="1" t="s">
        <v>203317</v>
      </c>
    </row>
    <row r="60619" spans="1:10" x14ac:dyDescent="0.35">
      <c r="A60619" s="1" t="s">
        <v>158152</v>
      </c>
      <c r="B60619" s="1" t="s">
        <v>201495</v>
      </c>
      <c r="C60619" s="1" t="s">
        <v>155</v>
      </c>
      <c r="D60619" s="1" t="s">
        <v>36257</v>
      </c>
      <c r="E60619" s="1" t="s">
        <v>203318</v>
      </c>
      <c r="F60619" s="1" t="s">
        <v>203319</v>
      </c>
      <c r="G60619" s="1" t="s">
        <v>203228</v>
      </c>
      <c r="H60619" s="1" t="s">
        <v>203229</v>
      </c>
      <c r="I60619" s="1" t="s">
        <v>201500</v>
      </c>
      <c r="J60619" s="1" t="s">
        <v>203320</v>
      </c>
    </row>
    <row r="60620" spans="1:10" x14ac:dyDescent="0.35">
      <c r="A60620" s="1" t="s">
        <v>158152</v>
      </c>
      <c r="B60620" s="1" t="s">
        <v>201495</v>
      </c>
      <c r="C60620" s="1" t="s">
        <v>160</v>
      </c>
      <c r="D60620" s="1" t="s">
        <v>15495</v>
      </c>
      <c r="E60620" s="1" t="s">
        <v>203321</v>
      </c>
      <c r="F60620" s="1" t="s">
        <v>203322</v>
      </c>
      <c r="G60620" s="1" t="s">
        <v>203228</v>
      </c>
      <c r="H60620" s="1" t="s">
        <v>203229</v>
      </c>
      <c r="I60620" s="1" t="s">
        <v>201500</v>
      </c>
      <c r="J60620" s="1" t="s">
        <v>203323</v>
      </c>
    </row>
    <row r="60621" spans="1:10" x14ac:dyDescent="0.35">
      <c r="A60621" s="1" t="s">
        <v>158152</v>
      </c>
      <c r="B60621" s="1" t="s">
        <v>201495</v>
      </c>
      <c r="C60621" s="1" t="s">
        <v>165</v>
      </c>
      <c r="D60621" s="1" t="s">
        <v>33649</v>
      </c>
      <c r="E60621" s="1" t="s">
        <v>203324</v>
      </c>
      <c r="F60621" s="1" t="s">
        <v>203325</v>
      </c>
      <c r="G60621" s="1" t="s">
        <v>203228</v>
      </c>
      <c r="H60621" s="1" t="s">
        <v>203229</v>
      </c>
      <c r="I60621" s="1" t="s">
        <v>201500</v>
      </c>
      <c r="J60621" s="1" t="s">
        <v>203326</v>
      </c>
    </row>
    <row r="60622" spans="1:10" x14ac:dyDescent="0.35">
      <c r="A60622" s="1" t="s">
        <v>158152</v>
      </c>
      <c r="B60622" s="1" t="s">
        <v>201495</v>
      </c>
      <c r="C60622" s="1" t="s">
        <v>170</v>
      </c>
      <c r="D60622" s="1" t="s">
        <v>151191</v>
      </c>
      <c r="E60622" s="1" t="s">
        <v>203327</v>
      </c>
      <c r="F60622" s="1" t="s">
        <v>203328</v>
      </c>
      <c r="G60622" s="1" t="s">
        <v>203228</v>
      </c>
      <c r="H60622" s="1" t="s">
        <v>203229</v>
      </c>
      <c r="I60622" s="1" t="s">
        <v>201500</v>
      </c>
      <c r="J60622" s="1" t="s">
        <v>203329</v>
      </c>
    </row>
    <row r="60623" spans="1:10" x14ac:dyDescent="0.35">
      <c r="A60623" s="1" t="s">
        <v>203330</v>
      </c>
      <c r="B60623" s="1" t="s">
        <v>201495</v>
      </c>
      <c r="C60623" s="1" t="s">
        <v>8</v>
      </c>
      <c r="D60623" s="1" t="s">
        <v>1735</v>
      </c>
      <c r="E60623" s="1" t="s">
        <v>203331</v>
      </c>
      <c r="F60623" s="1" t="s">
        <v>203332</v>
      </c>
      <c r="G60623" s="1" t="s">
        <v>203333</v>
      </c>
      <c r="H60623" s="1" t="s">
        <v>203334</v>
      </c>
      <c r="I60623" s="1" t="s">
        <v>201500</v>
      </c>
      <c r="J60623" s="1" t="s">
        <v>13</v>
      </c>
    </row>
    <row r="60624" spans="1:10" x14ac:dyDescent="0.35">
      <c r="A60624" s="1" t="s">
        <v>203330</v>
      </c>
      <c r="B60624" s="1" t="s">
        <v>201495</v>
      </c>
      <c r="C60624" s="1" t="s">
        <v>15</v>
      </c>
      <c r="D60624" s="1" t="s">
        <v>73176</v>
      </c>
      <c r="E60624" s="1" t="s">
        <v>203335</v>
      </c>
      <c r="F60624" s="1" t="s">
        <v>203336</v>
      </c>
      <c r="G60624" s="1" t="s">
        <v>203333</v>
      </c>
      <c r="H60624" s="1" t="s">
        <v>203334</v>
      </c>
      <c r="I60624" s="1" t="s">
        <v>201500</v>
      </c>
      <c r="J60624" s="1" t="s">
        <v>203337</v>
      </c>
    </row>
    <row r="60625" spans="1:10" x14ac:dyDescent="0.35">
      <c r="A60625" s="1" t="s">
        <v>203330</v>
      </c>
      <c r="B60625" s="1" t="s">
        <v>201495</v>
      </c>
      <c r="C60625" s="1" t="s">
        <v>20</v>
      </c>
      <c r="D60625" s="1" t="s">
        <v>72083</v>
      </c>
      <c r="E60625" s="1" t="s">
        <v>203338</v>
      </c>
      <c r="F60625" s="1" t="s">
        <v>203339</v>
      </c>
      <c r="G60625" s="1" t="s">
        <v>203333</v>
      </c>
      <c r="H60625" s="1" t="s">
        <v>203334</v>
      </c>
      <c r="I60625" s="1" t="s">
        <v>201500</v>
      </c>
      <c r="J60625" s="1" t="s">
        <v>203340</v>
      </c>
    </row>
    <row r="60626" spans="1:10" x14ac:dyDescent="0.35">
      <c r="A60626" s="1" t="s">
        <v>203330</v>
      </c>
      <c r="B60626" s="1" t="s">
        <v>201495</v>
      </c>
      <c r="C60626" s="1" t="s">
        <v>25</v>
      </c>
      <c r="D60626" s="1" t="s">
        <v>109938</v>
      </c>
      <c r="E60626" s="1" t="s">
        <v>203341</v>
      </c>
      <c r="F60626" s="1" t="s">
        <v>203342</v>
      </c>
      <c r="G60626" s="1" t="s">
        <v>203333</v>
      </c>
      <c r="H60626" s="1" t="s">
        <v>203334</v>
      </c>
      <c r="I60626" s="1" t="s">
        <v>201500</v>
      </c>
      <c r="J60626" s="1" t="s">
        <v>203343</v>
      </c>
    </row>
    <row r="60627" spans="1:10" x14ac:dyDescent="0.35">
      <c r="A60627" s="1" t="s">
        <v>203330</v>
      </c>
      <c r="B60627" s="1" t="s">
        <v>201495</v>
      </c>
      <c r="C60627" s="1" t="s">
        <v>30</v>
      </c>
      <c r="D60627" s="1" t="s">
        <v>74834</v>
      </c>
      <c r="E60627" s="1" t="s">
        <v>203344</v>
      </c>
      <c r="F60627" s="1" t="s">
        <v>203345</v>
      </c>
      <c r="G60627" s="1" t="s">
        <v>203333</v>
      </c>
      <c r="H60627" s="1" t="s">
        <v>203334</v>
      </c>
      <c r="I60627" s="1" t="s">
        <v>201500</v>
      </c>
      <c r="J60627" s="1" t="s">
        <v>203346</v>
      </c>
    </row>
    <row r="60628" spans="1:10" x14ac:dyDescent="0.35">
      <c r="A60628" s="1" t="s">
        <v>203330</v>
      </c>
      <c r="B60628" s="1" t="s">
        <v>201495</v>
      </c>
      <c r="C60628" s="1" t="s">
        <v>35</v>
      </c>
      <c r="D60628" s="1" t="s">
        <v>30229</v>
      </c>
      <c r="E60628" s="1" t="s">
        <v>203347</v>
      </c>
      <c r="F60628" s="1" t="s">
        <v>203348</v>
      </c>
      <c r="G60628" s="1" t="s">
        <v>203333</v>
      </c>
      <c r="H60628" s="1" t="s">
        <v>203334</v>
      </c>
      <c r="I60628" s="1" t="s">
        <v>201500</v>
      </c>
      <c r="J60628" s="1" t="s">
        <v>203349</v>
      </c>
    </row>
    <row r="60629" spans="1:10" x14ac:dyDescent="0.35">
      <c r="A60629" s="1" t="s">
        <v>203330</v>
      </c>
      <c r="B60629" s="1" t="s">
        <v>201495</v>
      </c>
      <c r="C60629" s="1" t="s">
        <v>40</v>
      </c>
      <c r="D60629" s="1" t="s">
        <v>203350</v>
      </c>
      <c r="E60629" s="1" t="s">
        <v>203351</v>
      </c>
      <c r="F60629" s="1" t="s">
        <v>203352</v>
      </c>
      <c r="G60629" s="1" t="s">
        <v>203333</v>
      </c>
      <c r="H60629" s="1" t="s">
        <v>203334</v>
      </c>
      <c r="I60629" s="1" t="s">
        <v>201500</v>
      </c>
      <c r="J60629" s="1" t="s">
        <v>203353</v>
      </c>
    </row>
    <row r="60630" spans="1:10" x14ac:dyDescent="0.35">
      <c r="A60630" s="1" t="s">
        <v>203330</v>
      </c>
      <c r="B60630" s="1" t="s">
        <v>201495</v>
      </c>
      <c r="C60630" s="1" t="s">
        <v>45</v>
      </c>
      <c r="D60630" s="1" t="s">
        <v>188116</v>
      </c>
      <c r="E60630" s="1" t="s">
        <v>203354</v>
      </c>
      <c r="F60630" s="1" t="s">
        <v>203355</v>
      </c>
      <c r="G60630" s="1" t="s">
        <v>203333</v>
      </c>
      <c r="H60630" s="1" t="s">
        <v>203334</v>
      </c>
      <c r="I60630" s="1" t="s">
        <v>201500</v>
      </c>
      <c r="J60630" s="1" t="s">
        <v>203356</v>
      </c>
    </row>
    <row r="60631" spans="1:10" x14ac:dyDescent="0.35">
      <c r="A60631" s="1" t="s">
        <v>203330</v>
      </c>
      <c r="B60631" s="1" t="s">
        <v>201495</v>
      </c>
      <c r="C60631" s="1" t="s">
        <v>50</v>
      </c>
      <c r="D60631" s="1" t="s">
        <v>30948</v>
      </c>
      <c r="E60631" s="1" t="s">
        <v>203357</v>
      </c>
      <c r="F60631" s="1" t="s">
        <v>203358</v>
      </c>
      <c r="G60631" s="1" t="s">
        <v>203333</v>
      </c>
      <c r="H60631" s="1" t="s">
        <v>203334</v>
      </c>
      <c r="I60631" s="1" t="s">
        <v>201500</v>
      </c>
      <c r="J60631" s="1" t="s">
        <v>203359</v>
      </c>
    </row>
    <row r="60632" spans="1:10" x14ac:dyDescent="0.35">
      <c r="A60632" s="1" t="s">
        <v>203330</v>
      </c>
      <c r="B60632" s="1" t="s">
        <v>201495</v>
      </c>
      <c r="C60632" s="1" t="s">
        <v>55</v>
      </c>
      <c r="D60632" s="1" t="s">
        <v>74149</v>
      </c>
      <c r="E60632" s="1" t="s">
        <v>203360</v>
      </c>
      <c r="F60632" s="1" t="s">
        <v>203361</v>
      </c>
      <c r="G60632" s="1" t="s">
        <v>203333</v>
      </c>
      <c r="H60632" s="1" t="s">
        <v>203334</v>
      </c>
      <c r="I60632" s="1" t="s">
        <v>201500</v>
      </c>
      <c r="J60632" s="1" t="s">
        <v>203362</v>
      </c>
    </row>
    <row r="60633" spans="1:10" x14ac:dyDescent="0.35">
      <c r="A60633" s="1" t="s">
        <v>203330</v>
      </c>
      <c r="B60633" s="1" t="s">
        <v>201495</v>
      </c>
      <c r="C60633" s="1" t="s">
        <v>60</v>
      </c>
      <c r="D60633" s="1" t="s">
        <v>125379</v>
      </c>
      <c r="E60633" s="1" t="s">
        <v>203363</v>
      </c>
      <c r="F60633" s="1" t="s">
        <v>203364</v>
      </c>
      <c r="G60633" s="1" t="s">
        <v>203333</v>
      </c>
      <c r="H60633" s="1" t="s">
        <v>203334</v>
      </c>
      <c r="I60633" s="1" t="s">
        <v>201500</v>
      </c>
      <c r="J60633" s="1" t="s">
        <v>203365</v>
      </c>
    </row>
    <row r="60634" spans="1:10" x14ac:dyDescent="0.35">
      <c r="A60634" s="1" t="s">
        <v>203330</v>
      </c>
      <c r="B60634" s="1" t="s">
        <v>201495</v>
      </c>
      <c r="C60634" s="1" t="s">
        <v>65</v>
      </c>
      <c r="D60634" s="1" t="s">
        <v>117611</v>
      </c>
      <c r="E60634" s="1" t="s">
        <v>203366</v>
      </c>
      <c r="F60634" s="1" t="s">
        <v>203367</v>
      </c>
      <c r="G60634" s="1" t="s">
        <v>203333</v>
      </c>
      <c r="H60634" s="1" t="s">
        <v>203334</v>
      </c>
      <c r="I60634" s="1" t="s">
        <v>201500</v>
      </c>
      <c r="J60634" s="1" t="s">
        <v>203368</v>
      </c>
    </row>
    <row r="60635" spans="1:10" x14ac:dyDescent="0.35">
      <c r="A60635" s="1" t="s">
        <v>203330</v>
      </c>
      <c r="B60635" s="1" t="s">
        <v>201495</v>
      </c>
      <c r="C60635" s="1" t="s">
        <v>70</v>
      </c>
      <c r="D60635" s="1" t="s">
        <v>30693</v>
      </c>
      <c r="E60635" s="1" t="s">
        <v>203369</v>
      </c>
      <c r="F60635" s="1" t="s">
        <v>203370</v>
      </c>
      <c r="G60635" s="1" t="s">
        <v>203333</v>
      </c>
      <c r="H60635" s="1" t="s">
        <v>203334</v>
      </c>
      <c r="I60635" s="1" t="s">
        <v>201500</v>
      </c>
      <c r="J60635" s="1" t="s">
        <v>203371</v>
      </c>
    </row>
    <row r="60636" spans="1:10" x14ac:dyDescent="0.35">
      <c r="A60636" s="1" t="s">
        <v>203330</v>
      </c>
      <c r="B60636" s="1" t="s">
        <v>201495</v>
      </c>
      <c r="C60636" s="1" t="s">
        <v>75</v>
      </c>
      <c r="D60636" s="1" t="s">
        <v>203372</v>
      </c>
      <c r="E60636" s="1" t="s">
        <v>203373</v>
      </c>
      <c r="F60636" s="1" t="s">
        <v>203374</v>
      </c>
      <c r="G60636" s="1" t="s">
        <v>203333</v>
      </c>
      <c r="H60636" s="1" t="s">
        <v>203334</v>
      </c>
      <c r="I60636" s="1" t="s">
        <v>201500</v>
      </c>
      <c r="J60636" s="1" t="s">
        <v>203375</v>
      </c>
    </row>
    <row r="60637" spans="1:10" x14ac:dyDescent="0.35">
      <c r="A60637" s="1" t="s">
        <v>203330</v>
      </c>
      <c r="B60637" s="1" t="s">
        <v>201495</v>
      </c>
      <c r="C60637" s="1" t="s">
        <v>80</v>
      </c>
      <c r="D60637" s="1" t="s">
        <v>203376</v>
      </c>
      <c r="E60637" s="1" t="s">
        <v>203377</v>
      </c>
      <c r="F60637" s="1" t="s">
        <v>203378</v>
      </c>
      <c r="G60637" s="1" t="s">
        <v>203333</v>
      </c>
      <c r="H60637" s="1" t="s">
        <v>203334</v>
      </c>
      <c r="I60637" s="1" t="s">
        <v>201500</v>
      </c>
      <c r="J60637" s="1" t="s">
        <v>203379</v>
      </c>
    </row>
    <row r="60638" spans="1:10" x14ac:dyDescent="0.35">
      <c r="A60638" s="1" t="s">
        <v>203330</v>
      </c>
      <c r="B60638" s="1" t="s">
        <v>201495</v>
      </c>
      <c r="C60638" s="1" t="s">
        <v>85</v>
      </c>
      <c r="D60638" s="1" t="s">
        <v>191133</v>
      </c>
      <c r="E60638" s="1" t="s">
        <v>203380</v>
      </c>
      <c r="F60638" s="1" t="s">
        <v>203381</v>
      </c>
      <c r="G60638" s="1" t="s">
        <v>203333</v>
      </c>
      <c r="H60638" s="1" t="s">
        <v>203334</v>
      </c>
      <c r="I60638" s="1" t="s">
        <v>201500</v>
      </c>
      <c r="J60638" s="1" t="s">
        <v>203382</v>
      </c>
    </row>
    <row r="60639" spans="1:10" x14ac:dyDescent="0.35">
      <c r="A60639" s="1" t="s">
        <v>203330</v>
      </c>
      <c r="B60639" s="1" t="s">
        <v>201495</v>
      </c>
      <c r="C60639" s="1" t="s">
        <v>90</v>
      </c>
      <c r="D60639" s="1" t="s">
        <v>203383</v>
      </c>
      <c r="E60639" s="1" t="s">
        <v>203384</v>
      </c>
      <c r="F60639" s="1" t="s">
        <v>203385</v>
      </c>
      <c r="G60639" s="1" t="s">
        <v>203333</v>
      </c>
      <c r="H60639" s="1" t="s">
        <v>203334</v>
      </c>
      <c r="I60639" s="1" t="s">
        <v>201500</v>
      </c>
      <c r="J60639" s="1" t="s">
        <v>203386</v>
      </c>
    </row>
    <row r="60640" spans="1:10" x14ac:dyDescent="0.35">
      <c r="A60640" s="1" t="s">
        <v>203330</v>
      </c>
      <c r="B60640" s="1" t="s">
        <v>201495</v>
      </c>
      <c r="C60640" s="1" t="s">
        <v>95</v>
      </c>
      <c r="D60640" s="1" t="s">
        <v>34215</v>
      </c>
      <c r="E60640" s="1" t="s">
        <v>203387</v>
      </c>
      <c r="F60640" s="1" t="s">
        <v>203388</v>
      </c>
      <c r="G60640" s="1" t="s">
        <v>203333</v>
      </c>
      <c r="H60640" s="1" t="s">
        <v>203334</v>
      </c>
      <c r="I60640" s="1" t="s">
        <v>201500</v>
      </c>
      <c r="J60640" s="1" t="s">
        <v>203389</v>
      </c>
    </row>
    <row r="60641" spans="1:10" x14ac:dyDescent="0.35">
      <c r="A60641" s="1" t="s">
        <v>203330</v>
      </c>
      <c r="B60641" s="1" t="s">
        <v>201495</v>
      </c>
      <c r="C60641" s="1" t="s">
        <v>100</v>
      </c>
      <c r="D60641" s="1" t="s">
        <v>49294</v>
      </c>
      <c r="E60641" s="1" t="s">
        <v>203390</v>
      </c>
      <c r="F60641" s="1" t="s">
        <v>203391</v>
      </c>
      <c r="G60641" s="1" t="s">
        <v>203333</v>
      </c>
      <c r="H60641" s="1" t="s">
        <v>203334</v>
      </c>
      <c r="I60641" s="1" t="s">
        <v>201500</v>
      </c>
      <c r="J60641" s="1" t="s">
        <v>203392</v>
      </c>
    </row>
    <row r="60642" spans="1:10" x14ac:dyDescent="0.35">
      <c r="A60642" s="1" t="s">
        <v>203330</v>
      </c>
      <c r="B60642" s="1" t="s">
        <v>201495</v>
      </c>
      <c r="C60642" s="1" t="s">
        <v>105</v>
      </c>
      <c r="D60642" s="1" t="s">
        <v>191128</v>
      </c>
      <c r="E60642" s="1" t="s">
        <v>203393</v>
      </c>
      <c r="F60642" s="1" t="s">
        <v>203394</v>
      </c>
      <c r="G60642" s="1" t="s">
        <v>203333</v>
      </c>
      <c r="H60642" s="1" t="s">
        <v>203334</v>
      </c>
      <c r="I60642" s="1" t="s">
        <v>201500</v>
      </c>
      <c r="J60642" s="1" t="s">
        <v>203395</v>
      </c>
    </row>
    <row r="60643" spans="1:10" x14ac:dyDescent="0.35">
      <c r="A60643" s="1" t="s">
        <v>203330</v>
      </c>
      <c r="B60643" s="1" t="s">
        <v>201495</v>
      </c>
      <c r="C60643" s="1" t="s">
        <v>110</v>
      </c>
      <c r="D60643" s="1" t="s">
        <v>203396</v>
      </c>
      <c r="E60643" s="1" t="s">
        <v>203397</v>
      </c>
      <c r="F60643" s="1" t="s">
        <v>203398</v>
      </c>
      <c r="G60643" s="1" t="s">
        <v>203333</v>
      </c>
      <c r="H60643" s="1" t="s">
        <v>203334</v>
      </c>
      <c r="I60643" s="1" t="s">
        <v>201500</v>
      </c>
      <c r="J60643" s="1" t="s">
        <v>203399</v>
      </c>
    </row>
    <row r="60644" spans="1:10" x14ac:dyDescent="0.35">
      <c r="A60644" s="1" t="s">
        <v>203330</v>
      </c>
      <c r="B60644" s="1" t="s">
        <v>201495</v>
      </c>
      <c r="C60644" s="1" t="s">
        <v>115</v>
      </c>
      <c r="D60644" s="1" t="s">
        <v>203400</v>
      </c>
      <c r="E60644" s="1" t="s">
        <v>203401</v>
      </c>
      <c r="F60644" s="1" t="s">
        <v>203402</v>
      </c>
      <c r="G60644" s="1" t="s">
        <v>203333</v>
      </c>
      <c r="H60644" s="1" t="s">
        <v>203334</v>
      </c>
      <c r="I60644" s="1" t="s">
        <v>201500</v>
      </c>
      <c r="J60644" s="1" t="s">
        <v>203403</v>
      </c>
    </row>
    <row r="60645" spans="1:10" x14ac:dyDescent="0.35">
      <c r="A60645" s="1" t="s">
        <v>203330</v>
      </c>
      <c r="B60645" s="1" t="s">
        <v>201495</v>
      </c>
      <c r="C60645" s="1" t="s">
        <v>120</v>
      </c>
      <c r="D60645" s="1" t="s">
        <v>73424</v>
      </c>
      <c r="E60645" s="1" t="s">
        <v>203404</v>
      </c>
      <c r="F60645" s="1" t="s">
        <v>203405</v>
      </c>
      <c r="G60645" s="1" t="s">
        <v>203333</v>
      </c>
      <c r="H60645" s="1" t="s">
        <v>203334</v>
      </c>
      <c r="I60645" s="1" t="s">
        <v>201500</v>
      </c>
      <c r="J60645" s="1" t="s">
        <v>203406</v>
      </c>
    </row>
    <row r="60646" spans="1:10" x14ac:dyDescent="0.35">
      <c r="A60646" s="1" t="s">
        <v>203330</v>
      </c>
      <c r="B60646" s="1" t="s">
        <v>201495</v>
      </c>
      <c r="C60646" s="1" t="s">
        <v>125</v>
      </c>
      <c r="D60646" s="1" t="s">
        <v>15547</v>
      </c>
      <c r="E60646" s="1" t="s">
        <v>203407</v>
      </c>
      <c r="F60646" s="1" t="s">
        <v>203408</v>
      </c>
      <c r="G60646" s="1" t="s">
        <v>203333</v>
      </c>
      <c r="H60646" s="1" t="s">
        <v>203334</v>
      </c>
      <c r="I60646" s="1" t="s">
        <v>201500</v>
      </c>
      <c r="J60646" s="1" t="s">
        <v>203409</v>
      </c>
    </row>
    <row r="60647" spans="1:10" x14ac:dyDescent="0.35">
      <c r="A60647" s="1" t="s">
        <v>203330</v>
      </c>
      <c r="B60647" s="1" t="s">
        <v>201495</v>
      </c>
      <c r="C60647" s="1" t="s">
        <v>130</v>
      </c>
      <c r="D60647" s="1" t="s">
        <v>203410</v>
      </c>
      <c r="E60647" s="1" t="s">
        <v>203411</v>
      </c>
      <c r="F60647" s="1" t="s">
        <v>203412</v>
      </c>
      <c r="G60647" s="1" t="s">
        <v>203333</v>
      </c>
      <c r="H60647" s="1" t="s">
        <v>203334</v>
      </c>
      <c r="I60647" s="1" t="s">
        <v>201500</v>
      </c>
      <c r="J60647" s="1" t="s">
        <v>203413</v>
      </c>
    </row>
    <row r="60648" spans="1:10" x14ac:dyDescent="0.35">
      <c r="A60648" s="1" t="s">
        <v>203330</v>
      </c>
      <c r="B60648" s="1" t="s">
        <v>201495</v>
      </c>
      <c r="C60648" s="1" t="s">
        <v>135</v>
      </c>
      <c r="D60648" s="1" t="s">
        <v>184553</v>
      </c>
      <c r="E60648" s="1" t="s">
        <v>203414</v>
      </c>
      <c r="F60648" s="1" t="s">
        <v>203415</v>
      </c>
      <c r="G60648" s="1" t="s">
        <v>203333</v>
      </c>
      <c r="H60648" s="1" t="s">
        <v>203334</v>
      </c>
      <c r="I60648" s="1" t="s">
        <v>201500</v>
      </c>
      <c r="J60648" s="1" t="s">
        <v>203416</v>
      </c>
    </row>
    <row r="60649" spans="1:10" x14ac:dyDescent="0.35">
      <c r="A60649" s="1" t="s">
        <v>203330</v>
      </c>
      <c r="B60649" s="1" t="s">
        <v>201495</v>
      </c>
      <c r="C60649" s="1" t="s">
        <v>140</v>
      </c>
      <c r="D60649" s="1" t="s">
        <v>82897</v>
      </c>
      <c r="E60649" s="1" t="s">
        <v>203417</v>
      </c>
      <c r="F60649" s="1" t="s">
        <v>203418</v>
      </c>
      <c r="G60649" s="1" t="s">
        <v>203333</v>
      </c>
      <c r="H60649" s="1" t="s">
        <v>203334</v>
      </c>
      <c r="I60649" s="1" t="s">
        <v>201500</v>
      </c>
      <c r="J60649" s="1" t="s">
        <v>203419</v>
      </c>
    </row>
    <row r="60650" spans="1:10" x14ac:dyDescent="0.35">
      <c r="A60650" s="1" t="s">
        <v>203330</v>
      </c>
      <c r="B60650" s="1" t="s">
        <v>201495</v>
      </c>
      <c r="C60650" s="1" t="s">
        <v>145</v>
      </c>
      <c r="D60650" s="1" t="s">
        <v>155270</v>
      </c>
      <c r="E60650" s="1" t="s">
        <v>203420</v>
      </c>
      <c r="F60650" s="1" t="s">
        <v>203421</v>
      </c>
      <c r="G60650" s="1" t="s">
        <v>203333</v>
      </c>
      <c r="H60650" s="1" t="s">
        <v>203334</v>
      </c>
      <c r="I60650" s="1" t="s">
        <v>201500</v>
      </c>
      <c r="J60650" s="1" t="s">
        <v>203422</v>
      </c>
    </row>
    <row r="60651" spans="1:10" x14ac:dyDescent="0.35">
      <c r="A60651" s="1" t="s">
        <v>203330</v>
      </c>
      <c r="B60651" s="1" t="s">
        <v>201495</v>
      </c>
      <c r="C60651" s="1" t="s">
        <v>150</v>
      </c>
      <c r="D60651" s="1" t="s">
        <v>74601</v>
      </c>
      <c r="E60651" s="1" t="s">
        <v>203423</v>
      </c>
      <c r="F60651" s="1" t="s">
        <v>203424</v>
      </c>
      <c r="G60651" s="1" t="s">
        <v>203333</v>
      </c>
      <c r="H60651" s="1" t="s">
        <v>203334</v>
      </c>
      <c r="I60651" s="1" t="s">
        <v>201500</v>
      </c>
      <c r="J60651" s="1" t="s">
        <v>203425</v>
      </c>
    </row>
    <row r="60652" spans="1:10" x14ac:dyDescent="0.35">
      <c r="A60652" s="1" t="s">
        <v>203330</v>
      </c>
      <c r="B60652" s="1" t="s">
        <v>201495</v>
      </c>
      <c r="C60652" s="1" t="s">
        <v>155</v>
      </c>
      <c r="D60652" s="1" t="s">
        <v>188290</v>
      </c>
      <c r="E60652" s="1" t="s">
        <v>203426</v>
      </c>
      <c r="F60652" s="1" t="s">
        <v>203427</v>
      </c>
      <c r="G60652" s="1" t="s">
        <v>203333</v>
      </c>
      <c r="H60652" s="1" t="s">
        <v>203334</v>
      </c>
      <c r="I60652" s="1" t="s">
        <v>201500</v>
      </c>
      <c r="J60652" s="1" t="s">
        <v>203428</v>
      </c>
    </row>
    <row r="60653" spans="1:10" x14ac:dyDescent="0.35">
      <c r="A60653" s="1" t="s">
        <v>203330</v>
      </c>
      <c r="B60653" s="1" t="s">
        <v>201495</v>
      </c>
      <c r="C60653" s="1" t="s">
        <v>160</v>
      </c>
      <c r="D60653" s="1" t="s">
        <v>203429</v>
      </c>
      <c r="E60653" s="1" t="s">
        <v>203430</v>
      </c>
      <c r="F60653" s="1" t="s">
        <v>203431</v>
      </c>
      <c r="G60653" s="1" t="s">
        <v>203333</v>
      </c>
      <c r="H60653" s="1" t="s">
        <v>203334</v>
      </c>
      <c r="I60653" s="1" t="s">
        <v>201500</v>
      </c>
      <c r="J60653" s="1" t="s">
        <v>203432</v>
      </c>
    </row>
    <row r="60654" spans="1:10" x14ac:dyDescent="0.35">
      <c r="A60654" s="1" t="s">
        <v>203330</v>
      </c>
      <c r="B60654" s="1" t="s">
        <v>201495</v>
      </c>
      <c r="C60654" s="1" t="s">
        <v>165</v>
      </c>
      <c r="D60654" s="1" t="s">
        <v>203433</v>
      </c>
      <c r="E60654" s="1" t="s">
        <v>203434</v>
      </c>
      <c r="F60654" s="1" t="s">
        <v>203435</v>
      </c>
      <c r="G60654" s="1" t="s">
        <v>203333</v>
      </c>
      <c r="H60654" s="1" t="s">
        <v>203334</v>
      </c>
      <c r="I60654" s="1" t="s">
        <v>201500</v>
      </c>
      <c r="J60654" s="1" t="s">
        <v>203436</v>
      </c>
    </row>
    <row r="60655" spans="1:10" x14ac:dyDescent="0.35">
      <c r="A60655" s="1" t="s">
        <v>203330</v>
      </c>
      <c r="B60655" s="1" t="s">
        <v>201495</v>
      </c>
      <c r="C60655" s="1" t="s">
        <v>170</v>
      </c>
      <c r="D60655" s="1" t="s">
        <v>113376</v>
      </c>
      <c r="E60655" s="1" t="s">
        <v>203437</v>
      </c>
      <c r="F60655" s="1" t="s">
        <v>203438</v>
      </c>
      <c r="G60655" s="1" t="s">
        <v>203333</v>
      </c>
      <c r="H60655" s="1" t="s">
        <v>203334</v>
      </c>
      <c r="I60655" s="1" t="s">
        <v>201500</v>
      </c>
      <c r="J60655" s="1" t="s">
        <v>203439</v>
      </c>
    </row>
    <row r="60656" spans="1:10" x14ac:dyDescent="0.35">
      <c r="A60656" s="1" t="s">
        <v>4022</v>
      </c>
      <c r="B60656" s="1" t="s">
        <v>201495</v>
      </c>
      <c r="C60656" s="1" t="s">
        <v>8</v>
      </c>
      <c r="D60656" s="1" t="s">
        <v>203440</v>
      </c>
      <c r="E60656" s="1" t="s">
        <v>203441</v>
      </c>
      <c r="F60656" s="1" t="s">
        <v>203442</v>
      </c>
      <c r="G60656" s="1" t="s">
        <v>203443</v>
      </c>
      <c r="H60656" s="1" t="s">
        <v>203444</v>
      </c>
      <c r="I60656" s="1" t="s">
        <v>201500</v>
      </c>
      <c r="J60656" s="1" t="s">
        <v>13</v>
      </c>
    </row>
    <row r="60657" spans="1:10" x14ac:dyDescent="0.35">
      <c r="A60657" s="1" t="s">
        <v>4022</v>
      </c>
      <c r="B60657" s="1" t="s">
        <v>201495</v>
      </c>
      <c r="C60657" s="1" t="s">
        <v>15</v>
      </c>
      <c r="D60657" s="1" t="s">
        <v>120800</v>
      </c>
      <c r="E60657" s="1" t="s">
        <v>203445</v>
      </c>
      <c r="F60657" s="1" t="s">
        <v>203446</v>
      </c>
      <c r="G60657" s="1" t="s">
        <v>203443</v>
      </c>
      <c r="H60657" s="1" t="s">
        <v>203444</v>
      </c>
      <c r="I60657" s="1" t="s">
        <v>201500</v>
      </c>
      <c r="J60657" s="1" t="s">
        <v>203447</v>
      </c>
    </row>
    <row r="60658" spans="1:10" x14ac:dyDescent="0.35">
      <c r="A60658" s="1" t="s">
        <v>4022</v>
      </c>
      <c r="B60658" s="1" t="s">
        <v>201495</v>
      </c>
      <c r="C60658" s="1" t="s">
        <v>20</v>
      </c>
      <c r="D60658" s="1" t="s">
        <v>14537</v>
      </c>
      <c r="E60658" s="1" t="s">
        <v>203448</v>
      </c>
      <c r="F60658" s="1" t="s">
        <v>203449</v>
      </c>
      <c r="G60658" s="1" t="s">
        <v>203443</v>
      </c>
      <c r="H60658" s="1" t="s">
        <v>203444</v>
      </c>
      <c r="I60658" s="1" t="s">
        <v>201500</v>
      </c>
      <c r="J60658" s="1" t="s">
        <v>203450</v>
      </c>
    </row>
    <row r="60659" spans="1:10" x14ac:dyDescent="0.35">
      <c r="A60659" s="1" t="s">
        <v>4022</v>
      </c>
      <c r="B60659" s="1" t="s">
        <v>201495</v>
      </c>
      <c r="C60659" s="1" t="s">
        <v>25</v>
      </c>
      <c r="D60659" s="1" t="s">
        <v>105057</v>
      </c>
      <c r="E60659" s="1" t="s">
        <v>203451</v>
      </c>
      <c r="F60659" s="1" t="s">
        <v>203452</v>
      </c>
      <c r="G60659" s="1" t="s">
        <v>203443</v>
      </c>
      <c r="H60659" s="1" t="s">
        <v>203444</v>
      </c>
      <c r="I60659" s="1" t="s">
        <v>201500</v>
      </c>
      <c r="J60659" s="1" t="s">
        <v>203453</v>
      </c>
    </row>
    <row r="60660" spans="1:10" x14ac:dyDescent="0.35">
      <c r="A60660" s="1" t="s">
        <v>4022</v>
      </c>
      <c r="B60660" s="1" t="s">
        <v>201495</v>
      </c>
      <c r="C60660" s="1" t="s">
        <v>30</v>
      </c>
      <c r="D60660" s="1" t="s">
        <v>25538</v>
      </c>
      <c r="E60660" s="1" t="s">
        <v>203454</v>
      </c>
      <c r="F60660" s="1" t="s">
        <v>203455</v>
      </c>
      <c r="G60660" s="1" t="s">
        <v>203443</v>
      </c>
      <c r="H60660" s="1" t="s">
        <v>203444</v>
      </c>
      <c r="I60660" s="1" t="s">
        <v>201500</v>
      </c>
      <c r="J60660" s="1" t="s">
        <v>203456</v>
      </c>
    </row>
    <row r="60661" spans="1:10" x14ac:dyDescent="0.35">
      <c r="A60661" s="1" t="s">
        <v>4022</v>
      </c>
      <c r="B60661" s="1" t="s">
        <v>201495</v>
      </c>
      <c r="C60661" s="1" t="s">
        <v>35</v>
      </c>
      <c r="D60661" s="1" t="s">
        <v>203457</v>
      </c>
      <c r="E60661" s="1" t="s">
        <v>203458</v>
      </c>
      <c r="F60661" s="1" t="s">
        <v>203459</v>
      </c>
      <c r="G60661" s="1" t="s">
        <v>203443</v>
      </c>
      <c r="H60661" s="1" t="s">
        <v>203444</v>
      </c>
      <c r="I60661" s="1" t="s">
        <v>201500</v>
      </c>
      <c r="J60661" s="1" t="s">
        <v>203460</v>
      </c>
    </row>
    <row r="60662" spans="1:10" x14ac:dyDescent="0.35">
      <c r="A60662" s="1" t="s">
        <v>4022</v>
      </c>
      <c r="B60662" s="1" t="s">
        <v>201495</v>
      </c>
      <c r="C60662" s="1" t="s">
        <v>40</v>
      </c>
      <c r="D60662" s="1" t="s">
        <v>168247</v>
      </c>
      <c r="E60662" s="1" t="s">
        <v>203461</v>
      </c>
      <c r="F60662" s="1" t="s">
        <v>203462</v>
      </c>
      <c r="G60662" s="1" t="s">
        <v>203443</v>
      </c>
      <c r="H60662" s="1" t="s">
        <v>203444</v>
      </c>
      <c r="I60662" s="1" t="s">
        <v>201500</v>
      </c>
      <c r="J60662" s="1" t="s">
        <v>203463</v>
      </c>
    </row>
    <row r="60663" spans="1:10" x14ac:dyDescent="0.35">
      <c r="A60663" s="1" t="s">
        <v>4022</v>
      </c>
      <c r="B60663" s="1" t="s">
        <v>201495</v>
      </c>
      <c r="C60663" s="1" t="s">
        <v>45</v>
      </c>
      <c r="D60663" s="1" t="s">
        <v>47080</v>
      </c>
      <c r="E60663" s="1" t="s">
        <v>203464</v>
      </c>
      <c r="F60663" s="1" t="s">
        <v>203465</v>
      </c>
      <c r="G60663" s="1" t="s">
        <v>203443</v>
      </c>
      <c r="H60663" s="1" t="s">
        <v>203444</v>
      </c>
      <c r="I60663" s="1" t="s">
        <v>201500</v>
      </c>
      <c r="J60663" s="1" t="s">
        <v>203466</v>
      </c>
    </row>
    <row r="60664" spans="1:10" x14ac:dyDescent="0.35">
      <c r="A60664" s="1" t="s">
        <v>4022</v>
      </c>
      <c r="B60664" s="1" t="s">
        <v>201495</v>
      </c>
      <c r="C60664" s="1" t="s">
        <v>50</v>
      </c>
      <c r="D60664" s="1" t="s">
        <v>9265</v>
      </c>
      <c r="E60664" s="1" t="s">
        <v>203467</v>
      </c>
      <c r="F60664" s="1" t="s">
        <v>203468</v>
      </c>
      <c r="G60664" s="1" t="s">
        <v>203443</v>
      </c>
      <c r="H60664" s="1" t="s">
        <v>203444</v>
      </c>
      <c r="I60664" s="1" t="s">
        <v>201500</v>
      </c>
      <c r="J60664" s="1" t="s">
        <v>203469</v>
      </c>
    </row>
    <row r="60665" spans="1:10" x14ac:dyDescent="0.35">
      <c r="A60665" s="1" t="s">
        <v>4022</v>
      </c>
      <c r="B60665" s="1" t="s">
        <v>201495</v>
      </c>
      <c r="C60665" s="1" t="s">
        <v>55</v>
      </c>
      <c r="D60665" s="1" t="s">
        <v>4685</v>
      </c>
      <c r="E60665" s="1" t="s">
        <v>203470</v>
      </c>
      <c r="F60665" s="1" t="s">
        <v>203471</v>
      </c>
      <c r="G60665" s="1" t="s">
        <v>203443</v>
      </c>
      <c r="H60665" s="1" t="s">
        <v>203444</v>
      </c>
      <c r="I60665" s="1" t="s">
        <v>201500</v>
      </c>
      <c r="J60665" s="1" t="s">
        <v>203472</v>
      </c>
    </row>
    <row r="60666" spans="1:10" x14ac:dyDescent="0.35">
      <c r="A60666" s="1" t="s">
        <v>4022</v>
      </c>
      <c r="B60666" s="1" t="s">
        <v>201495</v>
      </c>
      <c r="C60666" s="1" t="s">
        <v>60</v>
      </c>
      <c r="D60666" s="1" t="s">
        <v>1707</v>
      </c>
      <c r="E60666" s="1" t="s">
        <v>203473</v>
      </c>
      <c r="F60666" s="1" t="s">
        <v>203474</v>
      </c>
      <c r="G60666" s="1" t="s">
        <v>203443</v>
      </c>
      <c r="H60666" s="1" t="s">
        <v>203444</v>
      </c>
      <c r="I60666" s="1" t="s">
        <v>201500</v>
      </c>
      <c r="J60666" s="1" t="s">
        <v>203475</v>
      </c>
    </row>
    <row r="60667" spans="1:10" x14ac:dyDescent="0.35">
      <c r="A60667" s="1" t="s">
        <v>4022</v>
      </c>
      <c r="B60667" s="1" t="s">
        <v>201495</v>
      </c>
      <c r="C60667" s="1" t="s">
        <v>65</v>
      </c>
      <c r="D60667" s="1" t="s">
        <v>45016</v>
      </c>
      <c r="E60667" s="1" t="s">
        <v>203476</v>
      </c>
      <c r="F60667" s="1" t="s">
        <v>203477</v>
      </c>
      <c r="G60667" s="1" t="s">
        <v>203443</v>
      </c>
      <c r="H60667" s="1" t="s">
        <v>203444</v>
      </c>
      <c r="I60667" s="1" t="s">
        <v>201500</v>
      </c>
      <c r="J60667" s="1" t="s">
        <v>203478</v>
      </c>
    </row>
    <row r="60668" spans="1:10" x14ac:dyDescent="0.35">
      <c r="A60668" s="1" t="s">
        <v>4022</v>
      </c>
      <c r="B60668" s="1" t="s">
        <v>201495</v>
      </c>
      <c r="C60668" s="1" t="s">
        <v>70</v>
      </c>
      <c r="D60668" s="1" t="s">
        <v>202100</v>
      </c>
      <c r="E60668" s="1" t="s">
        <v>203479</v>
      </c>
      <c r="F60668" s="1" t="s">
        <v>203480</v>
      </c>
      <c r="G60668" s="1" t="s">
        <v>203443</v>
      </c>
      <c r="H60668" s="1" t="s">
        <v>203444</v>
      </c>
      <c r="I60668" s="1" t="s">
        <v>201500</v>
      </c>
      <c r="J60668" s="1" t="s">
        <v>203481</v>
      </c>
    </row>
    <row r="60669" spans="1:10" x14ac:dyDescent="0.35">
      <c r="A60669" s="1" t="s">
        <v>4022</v>
      </c>
      <c r="B60669" s="1" t="s">
        <v>201495</v>
      </c>
      <c r="C60669" s="1" t="s">
        <v>75</v>
      </c>
      <c r="D60669" s="1" t="s">
        <v>203482</v>
      </c>
      <c r="E60669" s="1" t="s">
        <v>203483</v>
      </c>
      <c r="F60669" s="1" t="s">
        <v>203484</v>
      </c>
      <c r="G60669" s="1" t="s">
        <v>203443</v>
      </c>
      <c r="H60669" s="1" t="s">
        <v>203444</v>
      </c>
      <c r="I60669" s="1" t="s">
        <v>201500</v>
      </c>
      <c r="J60669" s="1" t="s">
        <v>203485</v>
      </c>
    </row>
    <row r="60670" spans="1:10" x14ac:dyDescent="0.35">
      <c r="A60670" s="1" t="s">
        <v>4022</v>
      </c>
      <c r="B60670" s="1" t="s">
        <v>201495</v>
      </c>
      <c r="C60670" s="1" t="s">
        <v>80</v>
      </c>
      <c r="D60670" s="1" t="s">
        <v>6539</v>
      </c>
      <c r="E60670" s="1" t="s">
        <v>203486</v>
      </c>
      <c r="F60670" s="1" t="s">
        <v>203487</v>
      </c>
      <c r="G60670" s="1" t="s">
        <v>203443</v>
      </c>
      <c r="H60670" s="1" t="s">
        <v>203444</v>
      </c>
      <c r="I60670" s="1" t="s">
        <v>201500</v>
      </c>
      <c r="J60670" s="1" t="s">
        <v>203488</v>
      </c>
    </row>
    <row r="60671" spans="1:10" x14ac:dyDescent="0.35">
      <c r="A60671" s="1" t="s">
        <v>4022</v>
      </c>
      <c r="B60671" s="1" t="s">
        <v>201495</v>
      </c>
      <c r="C60671" s="1" t="s">
        <v>85</v>
      </c>
      <c r="D60671" s="1" t="s">
        <v>167875</v>
      </c>
      <c r="E60671" s="1" t="s">
        <v>203489</v>
      </c>
      <c r="F60671" s="1" t="s">
        <v>203490</v>
      </c>
      <c r="G60671" s="1" t="s">
        <v>203443</v>
      </c>
      <c r="H60671" s="1" t="s">
        <v>203444</v>
      </c>
      <c r="I60671" s="1" t="s">
        <v>201500</v>
      </c>
      <c r="J60671" s="1" t="s">
        <v>203491</v>
      </c>
    </row>
    <row r="60672" spans="1:10" x14ac:dyDescent="0.35">
      <c r="A60672" s="1" t="s">
        <v>4022</v>
      </c>
      <c r="B60672" s="1" t="s">
        <v>201495</v>
      </c>
      <c r="C60672" s="1" t="s">
        <v>90</v>
      </c>
      <c r="D60672" s="1" t="s">
        <v>25525</v>
      </c>
      <c r="E60672" s="1" t="s">
        <v>121938</v>
      </c>
      <c r="F60672" s="1" t="s">
        <v>203492</v>
      </c>
      <c r="G60672" s="1" t="s">
        <v>203443</v>
      </c>
      <c r="H60672" s="1" t="s">
        <v>203444</v>
      </c>
      <c r="I60672" s="1" t="s">
        <v>201500</v>
      </c>
      <c r="J60672" s="1" t="s">
        <v>203493</v>
      </c>
    </row>
    <row r="60673" spans="1:10" x14ac:dyDescent="0.35">
      <c r="A60673" s="1" t="s">
        <v>4022</v>
      </c>
      <c r="B60673" s="1" t="s">
        <v>201495</v>
      </c>
      <c r="C60673" s="1" t="s">
        <v>95</v>
      </c>
      <c r="D60673" s="1" t="s">
        <v>73176</v>
      </c>
      <c r="E60673" s="1" t="s">
        <v>203494</v>
      </c>
      <c r="F60673" s="1" t="s">
        <v>203495</v>
      </c>
      <c r="G60673" s="1" t="s">
        <v>203443</v>
      </c>
      <c r="H60673" s="1" t="s">
        <v>203444</v>
      </c>
      <c r="I60673" s="1" t="s">
        <v>201500</v>
      </c>
      <c r="J60673" s="1" t="s">
        <v>203496</v>
      </c>
    </row>
    <row r="60674" spans="1:10" x14ac:dyDescent="0.35">
      <c r="A60674" s="1" t="s">
        <v>4022</v>
      </c>
      <c r="B60674" s="1" t="s">
        <v>201495</v>
      </c>
      <c r="C60674" s="1" t="s">
        <v>100</v>
      </c>
      <c r="D60674" s="1" t="s">
        <v>10338</v>
      </c>
      <c r="E60674" s="1" t="s">
        <v>203497</v>
      </c>
      <c r="F60674" s="1" t="s">
        <v>203498</v>
      </c>
      <c r="G60674" s="1" t="s">
        <v>203443</v>
      </c>
      <c r="H60674" s="1" t="s">
        <v>203444</v>
      </c>
      <c r="I60674" s="1" t="s">
        <v>201500</v>
      </c>
      <c r="J60674" s="1" t="s">
        <v>203499</v>
      </c>
    </row>
    <row r="60675" spans="1:10" x14ac:dyDescent="0.35">
      <c r="A60675" s="1" t="s">
        <v>4022</v>
      </c>
      <c r="B60675" s="1" t="s">
        <v>201495</v>
      </c>
      <c r="C60675" s="1" t="s">
        <v>105</v>
      </c>
      <c r="D60675" s="1" t="s">
        <v>33674</v>
      </c>
      <c r="E60675" s="1" t="s">
        <v>203500</v>
      </c>
      <c r="F60675" s="1" t="s">
        <v>203501</v>
      </c>
      <c r="G60675" s="1" t="s">
        <v>203443</v>
      </c>
      <c r="H60675" s="1" t="s">
        <v>203444</v>
      </c>
      <c r="I60675" s="1" t="s">
        <v>201500</v>
      </c>
      <c r="J60675" s="1" t="s">
        <v>203502</v>
      </c>
    </row>
    <row r="60676" spans="1:10" x14ac:dyDescent="0.35">
      <c r="A60676" s="1" t="s">
        <v>4022</v>
      </c>
      <c r="B60676" s="1" t="s">
        <v>201495</v>
      </c>
      <c r="C60676" s="1" t="s">
        <v>110</v>
      </c>
      <c r="D60676" s="1" t="s">
        <v>203503</v>
      </c>
      <c r="E60676" s="1" t="s">
        <v>203504</v>
      </c>
      <c r="F60676" s="1" t="s">
        <v>203505</v>
      </c>
      <c r="G60676" s="1" t="s">
        <v>203443</v>
      </c>
      <c r="H60676" s="1" t="s">
        <v>203444</v>
      </c>
      <c r="I60676" s="1" t="s">
        <v>201500</v>
      </c>
      <c r="J60676" s="1" t="s">
        <v>203506</v>
      </c>
    </row>
    <row r="60677" spans="1:10" x14ac:dyDescent="0.35">
      <c r="A60677" s="1" t="s">
        <v>4022</v>
      </c>
      <c r="B60677" s="1" t="s">
        <v>201495</v>
      </c>
      <c r="C60677" s="1" t="s">
        <v>115</v>
      </c>
      <c r="D60677" s="1" t="s">
        <v>203507</v>
      </c>
      <c r="E60677" s="1" t="s">
        <v>203508</v>
      </c>
      <c r="F60677" s="1" t="s">
        <v>203509</v>
      </c>
      <c r="G60677" s="1" t="s">
        <v>203443</v>
      </c>
      <c r="H60677" s="1" t="s">
        <v>203444</v>
      </c>
      <c r="I60677" s="1" t="s">
        <v>201500</v>
      </c>
      <c r="J60677" s="1" t="s">
        <v>203510</v>
      </c>
    </row>
    <row r="60678" spans="1:10" x14ac:dyDescent="0.35">
      <c r="A60678" s="1" t="s">
        <v>4022</v>
      </c>
      <c r="B60678" s="1" t="s">
        <v>201495</v>
      </c>
      <c r="C60678" s="1" t="s">
        <v>120</v>
      </c>
      <c r="D60678" s="1" t="s">
        <v>48610</v>
      </c>
      <c r="E60678" s="1" t="s">
        <v>203511</v>
      </c>
      <c r="F60678" s="1" t="s">
        <v>203512</v>
      </c>
      <c r="G60678" s="1" t="s">
        <v>203443</v>
      </c>
      <c r="H60678" s="1" t="s">
        <v>203444</v>
      </c>
      <c r="I60678" s="1" t="s">
        <v>201500</v>
      </c>
      <c r="J60678" s="1" t="s">
        <v>203513</v>
      </c>
    </row>
    <row r="60679" spans="1:10" x14ac:dyDescent="0.35">
      <c r="A60679" s="1" t="s">
        <v>4022</v>
      </c>
      <c r="B60679" s="1" t="s">
        <v>201495</v>
      </c>
      <c r="C60679" s="1" t="s">
        <v>125</v>
      </c>
      <c r="D60679" s="1" t="s">
        <v>74522</v>
      </c>
      <c r="E60679" s="1" t="s">
        <v>203514</v>
      </c>
      <c r="F60679" s="1" t="s">
        <v>203515</v>
      </c>
      <c r="G60679" s="1" t="s">
        <v>203443</v>
      </c>
      <c r="H60679" s="1" t="s">
        <v>203444</v>
      </c>
      <c r="I60679" s="1" t="s">
        <v>201500</v>
      </c>
      <c r="J60679" s="1" t="s">
        <v>203516</v>
      </c>
    </row>
    <row r="60680" spans="1:10" x14ac:dyDescent="0.35">
      <c r="A60680" s="1" t="s">
        <v>4022</v>
      </c>
      <c r="B60680" s="1" t="s">
        <v>201495</v>
      </c>
      <c r="C60680" s="1" t="s">
        <v>130</v>
      </c>
      <c r="D60680" s="1" t="s">
        <v>37792</v>
      </c>
      <c r="E60680" s="1" t="s">
        <v>203517</v>
      </c>
      <c r="F60680" s="1" t="s">
        <v>203518</v>
      </c>
      <c r="G60680" s="1" t="s">
        <v>203443</v>
      </c>
      <c r="H60680" s="1" t="s">
        <v>203444</v>
      </c>
      <c r="I60680" s="1" t="s">
        <v>201500</v>
      </c>
      <c r="J60680" s="1" t="s">
        <v>203519</v>
      </c>
    </row>
    <row r="60681" spans="1:10" x14ac:dyDescent="0.35">
      <c r="A60681" s="1" t="s">
        <v>4022</v>
      </c>
      <c r="B60681" s="1" t="s">
        <v>201495</v>
      </c>
      <c r="C60681" s="1" t="s">
        <v>135</v>
      </c>
      <c r="D60681" s="1" t="s">
        <v>169034</v>
      </c>
      <c r="E60681" s="1" t="s">
        <v>203520</v>
      </c>
      <c r="F60681" s="1" t="s">
        <v>203521</v>
      </c>
      <c r="G60681" s="1" t="s">
        <v>203443</v>
      </c>
      <c r="H60681" s="1" t="s">
        <v>203444</v>
      </c>
      <c r="I60681" s="1" t="s">
        <v>201500</v>
      </c>
      <c r="J60681" s="1" t="s">
        <v>203522</v>
      </c>
    </row>
    <row r="60682" spans="1:10" x14ac:dyDescent="0.35">
      <c r="A60682" s="1" t="s">
        <v>4022</v>
      </c>
      <c r="B60682" s="1" t="s">
        <v>201495</v>
      </c>
      <c r="C60682" s="1" t="s">
        <v>140</v>
      </c>
      <c r="D60682" s="1" t="s">
        <v>7131</v>
      </c>
      <c r="E60682" s="1" t="s">
        <v>203523</v>
      </c>
      <c r="F60682" s="1" t="s">
        <v>203524</v>
      </c>
      <c r="G60682" s="1" t="s">
        <v>203443</v>
      </c>
      <c r="H60682" s="1" t="s">
        <v>203444</v>
      </c>
      <c r="I60682" s="1" t="s">
        <v>201500</v>
      </c>
      <c r="J60682" s="1" t="s">
        <v>203525</v>
      </c>
    </row>
    <row r="60683" spans="1:10" x14ac:dyDescent="0.35">
      <c r="A60683" s="1" t="s">
        <v>4022</v>
      </c>
      <c r="B60683" s="1" t="s">
        <v>201495</v>
      </c>
      <c r="C60683" s="1" t="s">
        <v>145</v>
      </c>
      <c r="D60683" s="1" t="s">
        <v>172348</v>
      </c>
      <c r="E60683" s="1" t="s">
        <v>203526</v>
      </c>
      <c r="F60683" s="1" t="s">
        <v>203527</v>
      </c>
      <c r="G60683" s="1" t="s">
        <v>203443</v>
      </c>
      <c r="H60683" s="1" t="s">
        <v>203444</v>
      </c>
      <c r="I60683" s="1" t="s">
        <v>201500</v>
      </c>
      <c r="J60683" s="1" t="s">
        <v>203528</v>
      </c>
    </row>
    <row r="60684" spans="1:10" x14ac:dyDescent="0.35">
      <c r="A60684" s="1" t="s">
        <v>4022</v>
      </c>
      <c r="B60684" s="1" t="s">
        <v>201495</v>
      </c>
      <c r="C60684" s="1" t="s">
        <v>150</v>
      </c>
      <c r="D60684" s="1" t="s">
        <v>123921</v>
      </c>
      <c r="E60684" s="1" t="s">
        <v>203529</v>
      </c>
      <c r="F60684" s="1" t="s">
        <v>203530</v>
      </c>
      <c r="G60684" s="1" t="s">
        <v>203443</v>
      </c>
      <c r="H60684" s="1" t="s">
        <v>203444</v>
      </c>
      <c r="I60684" s="1" t="s">
        <v>201500</v>
      </c>
      <c r="J60684" s="1" t="s">
        <v>203531</v>
      </c>
    </row>
    <row r="60685" spans="1:10" x14ac:dyDescent="0.35">
      <c r="A60685" s="1" t="s">
        <v>4022</v>
      </c>
      <c r="B60685" s="1" t="s">
        <v>201495</v>
      </c>
      <c r="C60685" s="1" t="s">
        <v>155</v>
      </c>
      <c r="D60685" s="1" t="s">
        <v>188512</v>
      </c>
      <c r="E60685" s="1" t="s">
        <v>203532</v>
      </c>
      <c r="F60685" s="1" t="s">
        <v>203533</v>
      </c>
      <c r="G60685" s="1" t="s">
        <v>203443</v>
      </c>
      <c r="H60685" s="1" t="s">
        <v>203444</v>
      </c>
      <c r="I60685" s="1" t="s">
        <v>201500</v>
      </c>
      <c r="J60685" s="1" t="s">
        <v>203534</v>
      </c>
    </row>
    <row r="60686" spans="1:10" x14ac:dyDescent="0.35">
      <c r="A60686" s="1" t="s">
        <v>4022</v>
      </c>
      <c r="B60686" s="1" t="s">
        <v>201495</v>
      </c>
      <c r="C60686" s="1" t="s">
        <v>160</v>
      </c>
      <c r="D60686" s="1" t="s">
        <v>203535</v>
      </c>
      <c r="E60686" s="1" t="s">
        <v>203536</v>
      </c>
      <c r="F60686" s="1" t="s">
        <v>203537</v>
      </c>
      <c r="G60686" s="1" t="s">
        <v>203443</v>
      </c>
      <c r="H60686" s="1" t="s">
        <v>203444</v>
      </c>
      <c r="I60686" s="1" t="s">
        <v>201500</v>
      </c>
      <c r="J60686" s="1" t="s">
        <v>203538</v>
      </c>
    </row>
    <row r="60687" spans="1:10" x14ac:dyDescent="0.35">
      <c r="A60687" s="1" t="s">
        <v>4022</v>
      </c>
      <c r="B60687" s="1" t="s">
        <v>201495</v>
      </c>
      <c r="C60687" s="1" t="s">
        <v>165</v>
      </c>
      <c r="D60687" s="1" t="s">
        <v>71763</v>
      </c>
      <c r="E60687" s="1" t="s">
        <v>203539</v>
      </c>
      <c r="F60687" s="1" t="s">
        <v>203540</v>
      </c>
      <c r="G60687" s="1" t="s">
        <v>203443</v>
      </c>
      <c r="H60687" s="1" t="s">
        <v>203444</v>
      </c>
      <c r="I60687" s="1" t="s">
        <v>201500</v>
      </c>
      <c r="J60687" s="1" t="s">
        <v>203541</v>
      </c>
    </row>
    <row r="60688" spans="1:10" x14ac:dyDescent="0.35">
      <c r="A60688" s="1" t="s">
        <v>4022</v>
      </c>
      <c r="B60688" s="1" t="s">
        <v>201495</v>
      </c>
      <c r="C60688" s="1" t="s">
        <v>170</v>
      </c>
      <c r="D60688" s="1" t="s">
        <v>35742</v>
      </c>
      <c r="E60688" s="1" t="s">
        <v>203542</v>
      </c>
      <c r="F60688" s="1" t="s">
        <v>203543</v>
      </c>
      <c r="G60688" s="1" t="s">
        <v>203443</v>
      </c>
      <c r="H60688" s="1" t="s">
        <v>203444</v>
      </c>
      <c r="I60688" s="1" t="s">
        <v>201500</v>
      </c>
      <c r="J60688" s="1" t="s">
        <v>203544</v>
      </c>
    </row>
    <row r="60689" spans="1:10" x14ac:dyDescent="0.35">
      <c r="A60689" s="1" t="s">
        <v>169838</v>
      </c>
      <c r="B60689" s="1" t="s">
        <v>201495</v>
      </c>
      <c r="C60689" s="1" t="s">
        <v>8</v>
      </c>
      <c r="D60689" s="1" t="s">
        <v>6551</v>
      </c>
      <c r="E60689" s="1" t="s">
        <v>203545</v>
      </c>
      <c r="F60689" s="1" t="s">
        <v>203546</v>
      </c>
      <c r="G60689" s="1" t="s">
        <v>203547</v>
      </c>
      <c r="H60689" s="1" t="s">
        <v>203548</v>
      </c>
      <c r="I60689" s="1" t="s">
        <v>201500</v>
      </c>
      <c r="J60689" s="1" t="s">
        <v>13</v>
      </c>
    </row>
    <row r="60690" spans="1:10" x14ac:dyDescent="0.35">
      <c r="A60690" s="1" t="s">
        <v>169838</v>
      </c>
      <c r="B60690" s="1" t="s">
        <v>201495</v>
      </c>
      <c r="C60690" s="1" t="s">
        <v>15</v>
      </c>
      <c r="D60690" s="1" t="s">
        <v>29941</v>
      </c>
      <c r="E60690" s="1" t="s">
        <v>203549</v>
      </c>
      <c r="F60690" s="1" t="s">
        <v>203550</v>
      </c>
      <c r="G60690" s="1" t="s">
        <v>203547</v>
      </c>
      <c r="H60690" s="1" t="s">
        <v>203548</v>
      </c>
      <c r="I60690" s="1" t="s">
        <v>201500</v>
      </c>
      <c r="J60690" s="1" t="s">
        <v>203551</v>
      </c>
    </row>
    <row r="60691" spans="1:10" x14ac:dyDescent="0.35">
      <c r="A60691" s="1" t="s">
        <v>169838</v>
      </c>
      <c r="B60691" s="1" t="s">
        <v>201495</v>
      </c>
      <c r="C60691" s="1" t="s">
        <v>20</v>
      </c>
      <c r="D60691" s="1" t="s">
        <v>5758</v>
      </c>
      <c r="E60691" s="1" t="s">
        <v>203552</v>
      </c>
      <c r="F60691" s="1" t="s">
        <v>203553</v>
      </c>
      <c r="G60691" s="1" t="s">
        <v>203547</v>
      </c>
      <c r="H60691" s="1" t="s">
        <v>203548</v>
      </c>
      <c r="I60691" s="1" t="s">
        <v>201500</v>
      </c>
      <c r="J60691" s="1" t="s">
        <v>203554</v>
      </c>
    </row>
    <row r="60692" spans="1:10" x14ac:dyDescent="0.35">
      <c r="A60692" s="1" t="s">
        <v>169838</v>
      </c>
      <c r="B60692" s="1" t="s">
        <v>201495</v>
      </c>
      <c r="C60692" s="1" t="s">
        <v>25</v>
      </c>
      <c r="D60692" s="1" t="s">
        <v>162040</v>
      </c>
      <c r="E60692" s="1" t="s">
        <v>203555</v>
      </c>
      <c r="F60692" s="1" t="s">
        <v>203556</v>
      </c>
      <c r="G60692" s="1" t="s">
        <v>203547</v>
      </c>
      <c r="H60692" s="1" t="s">
        <v>203548</v>
      </c>
      <c r="I60692" s="1" t="s">
        <v>201500</v>
      </c>
      <c r="J60692" s="1" t="s">
        <v>203557</v>
      </c>
    </row>
    <row r="60693" spans="1:10" x14ac:dyDescent="0.35">
      <c r="A60693" s="1" t="s">
        <v>169838</v>
      </c>
      <c r="B60693" s="1" t="s">
        <v>201495</v>
      </c>
      <c r="C60693" s="1" t="s">
        <v>30</v>
      </c>
      <c r="D60693" s="1" t="s">
        <v>161190</v>
      </c>
      <c r="E60693" s="1" t="s">
        <v>203558</v>
      </c>
      <c r="F60693" s="1" t="s">
        <v>203559</v>
      </c>
      <c r="G60693" s="1" t="s">
        <v>203547</v>
      </c>
      <c r="H60693" s="1" t="s">
        <v>203548</v>
      </c>
      <c r="I60693" s="1" t="s">
        <v>201500</v>
      </c>
      <c r="J60693" s="1" t="s">
        <v>203560</v>
      </c>
    </row>
    <row r="60694" spans="1:10" x14ac:dyDescent="0.35">
      <c r="A60694" s="1" t="s">
        <v>169838</v>
      </c>
      <c r="B60694" s="1" t="s">
        <v>201495</v>
      </c>
      <c r="C60694" s="1" t="s">
        <v>35</v>
      </c>
      <c r="D60694" s="1" t="s">
        <v>4551</v>
      </c>
      <c r="E60694" s="1" t="s">
        <v>203561</v>
      </c>
      <c r="F60694" s="1" t="s">
        <v>203562</v>
      </c>
      <c r="G60694" s="1" t="s">
        <v>203547</v>
      </c>
      <c r="H60694" s="1" t="s">
        <v>203548</v>
      </c>
      <c r="I60694" s="1" t="s">
        <v>201500</v>
      </c>
      <c r="J60694" s="1" t="s">
        <v>203563</v>
      </c>
    </row>
    <row r="60695" spans="1:10" x14ac:dyDescent="0.35">
      <c r="A60695" s="1" t="s">
        <v>169838</v>
      </c>
      <c r="B60695" s="1" t="s">
        <v>201495</v>
      </c>
      <c r="C60695" s="1" t="s">
        <v>40</v>
      </c>
      <c r="D60695" s="1" t="s">
        <v>75420</v>
      </c>
      <c r="E60695" s="1" t="s">
        <v>203564</v>
      </c>
      <c r="F60695" s="1" t="s">
        <v>203565</v>
      </c>
      <c r="G60695" s="1" t="s">
        <v>203547</v>
      </c>
      <c r="H60695" s="1" t="s">
        <v>203548</v>
      </c>
      <c r="I60695" s="1" t="s">
        <v>201500</v>
      </c>
      <c r="J60695" s="1" t="s">
        <v>203566</v>
      </c>
    </row>
    <row r="60696" spans="1:10" x14ac:dyDescent="0.35">
      <c r="A60696" s="1" t="s">
        <v>169838</v>
      </c>
      <c r="B60696" s="1" t="s">
        <v>201495</v>
      </c>
      <c r="C60696" s="1" t="s">
        <v>45</v>
      </c>
      <c r="D60696" s="1" t="s">
        <v>19798</v>
      </c>
      <c r="E60696" s="1" t="s">
        <v>203567</v>
      </c>
      <c r="F60696" s="1" t="s">
        <v>203568</v>
      </c>
      <c r="G60696" s="1" t="s">
        <v>203547</v>
      </c>
      <c r="H60696" s="1" t="s">
        <v>203548</v>
      </c>
      <c r="I60696" s="1" t="s">
        <v>201500</v>
      </c>
      <c r="J60696" s="1" t="s">
        <v>203569</v>
      </c>
    </row>
    <row r="60697" spans="1:10" x14ac:dyDescent="0.35">
      <c r="A60697" s="1" t="s">
        <v>169838</v>
      </c>
      <c r="B60697" s="1" t="s">
        <v>201495</v>
      </c>
      <c r="C60697" s="1" t="s">
        <v>50</v>
      </c>
      <c r="D60697" s="1" t="s">
        <v>72001</v>
      </c>
      <c r="E60697" s="1" t="s">
        <v>203570</v>
      </c>
      <c r="F60697" s="1" t="s">
        <v>203571</v>
      </c>
      <c r="G60697" s="1" t="s">
        <v>203547</v>
      </c>
      <c r="H60697" s="1" t="s">
        <v>203548</v>
      </c>
      <c r="I60697" s="1" t="s">
        <v>201500</v>
      </c>
      <c r="J60697" s="1" t="s">
        <v>203572</v>
      </c>
    </row>
    <row r="60698" spans="1:10" x14ac:dyDescent="0.35">
      <c r="A60698" s="1" t="s">
        <v>169838</v>
      </c>
      <c r="B60698" s="1" t="s">
        <v>201495</v>
      </c>
      <c r="C60698" s="1" t="s">
        <v>55</v>
      </c>
      <c r="D60698" s="1" t="s">
        <v>71146</v>
      </c>
      <c r="E60698" s="1" t="s">
        <v>203573</v>
      </c>
      <c r="F60698" s="1" t="s">
        <v>203574</v>
      </c>
      <c r="G60698" s="1" t="s">
        <v>203547</v>
      </c>
      <c r="H60698" s="1" t="s">
        <v>203548</v>
      </c>
      <c r="I60698" s="1" t="s">
        <v>201500</v>
      </c>
      <c r="J60698" s="1" t="s">
        <v>203575</v>
      </c>
    </row>
    <row r="60699" spans="1:10" x14ac:dyDescent="0.35">
      <c r="A60699" s="1" t="s">
        <v>169838</v>
      </c>
      <c r="B60699" s="1" t="s">
        <v>201495</v>
      </c>
      <c r="C60699" s="1" t="s">
        <v>60</v>
      </c>
      <c r="D60699" s="1" t="s">
        <v>32817</v>
      </c>
      <c r="E60699" s="1" t="s">
        <v>203576</v>
      </c>
      <c r="F60699" s="1" t="s">
        <v>203577</v>
      </c>
      <c r="G60699" s="1" t="s">
        <v>203547</v>
      </c>
      <c r="H60699" s="1" t="s">
        <v>203548</v>
      </c>
      <c r="I60699" s="1" t="s">
        <v>201500</v>
      </c>
      <c r="J60699" s="1" t="s">
        <v>203578</v>
      </c>
    </row>
    <row r="60700" spans="1:10" x14ac:dyDescent="0.35">
      <c r="A60700" s="1" t="s">
        <v>169838</v>
      </c>
      <c r="B60700" s="1" t="s">
        <v>201495</v>
      </c>
      <c r="C60700" s="1" t="s">
        <v>65</v>
      </c>
      <c r="D60700" s="1" t="s">
        <v>203579</v>
      </c>
      <c r="E60700" s="1" t="s">
        <v>203580</v>
      </c>
      <c r="F60700" s="1" t="s">
        <v>203581</v>
      </c>
      <c r="G60700" s="1" t="s">
        <v>203547</v>
      </c>
      <c r="H60700" s="1" t="s">
        <v>203548</v>
      </c>
      <c r="I60700" s="1" t="s">
        <v>201500</v>
      </c>
      <c r="J60700" s="1" t="s">
        <v>203582</v>
      </c>
    </row>
    <row r="60701" spans="1:10" x14ac:dyDescent="0.35">
      <c r="A60701" s="1" t="s">
        <v>169838</v>
      </c>
      <c r="B60701" s="1" t="s">
        <v>201495</v>
      </c>
      <c r="C60701" s="1" t="s">
        <v>70</v>
      </c>
      <c r="D60701" s="1" t="s">
        <v>181272</v>
      </c>
      <c r="E60701" s="1" t="s">
        <v>203583</v>
      </c>
      <c r="F60701" s="1" t="s">
        <v>203584</v>
      </c>
      <c r="G60701" s="1" t="s">
        <v>203547</v>
      </c>
      <c r="H60701" s="1" t="s">
        <v>203548</v>
      </c>
      <c r="I60701" s="1" t="s">
        <v>201500</v>
      </c>
      <c r="J60701" s="1" t="s">
        <v>203585</v>
      </c>
    </row>
    <row r="60702" spans="1:10" x14ac:dyDescent="0.35">
      <c r="A60702" s="1" t="s">
        <v>169838</v>
      </c>
      <c r="B60702" s="1" t="s">
        <v>201495</v>
      </c>
      <c r="C60702" s="1" t="s">
        <v>75</v>
      </c>
      <c r="D60702" s="1" t="s">
        <v>37871</v>
      </c>
      <c r="E60702" s="1" t="s">
        <v>203586</v>
      </c>
      <c r="F60702" s="1" t="s">
        <v>203587</v>
      </c>
      <c r="G60702" s="1" t="s">
        <v>203547</v>
      </c>
      <c r="H60702" s="1" t="s">
        <v>203548</v>
      </c>
      <c r="I60702" s="1" t="s">
        <v>201500</v>
      </c>
      <c r="J60702" s="1" t="s">
        <v>203588</v>
      </c>
    </row>
    <row r="60703" spans="1:10" x14ac:dyDescent="0.35">
      <c r="A60703" s="1" t="s">
        <v>169838</v>
      </c>
      <c r="B60703" s="1" t="s">
        <v>201495</v>
      </c>
      <c r="C60703" s="1" t="s">
        <v>80</v>
      </c>
      <c r="D60703" s="1" t="s">
        <v>203589</v>
      </c>
      <c r="E60703" s="1" t="s">
        <v>203590</v>
      </c>
      <c r="F60703" s="1" t="s">
        <v>203591</v>
      </c>
      <c r="G60703" s="1" t="s">
        <v>203547</v>
      </c>
      <c r="H60703" s="1" t="s">
        <v>203548</v>
      </c>
      <c r="I60703" s="1" t="s">
        <v>201500</v>
      </c>
      <c r="J60703" s="1" t="s">
        <v>203592</v>
      </c>
    </row>
    <row r="60704" spans="1:10" x14ac:dyDescent="0.35">
      <c r="A60704" s="1" t="s">
        <v>169838</v>
      </c>
      <c r="B60704" s="1" t="s">
        <v>201495</v>
      </c>
      <c r="C60704" s="1" t="s">
        <v>85</v>
      </c>
      <c r="D60704" s="1" t="s">
        <v>197264</v>
      </c>
      <c r="E60704" s="1" t="s">
        <v>203593</v>
      </c>
      <c r="F60704" s="1" t="s">
        <v>203594</v>
      </c>
      <c r="G60704" s="1" t="s">
        <v>203547</v>
      </c>
      <c r="H60704" s="1" t="s">
        <v>203548</v>
      </c>
      <c r="I60704" s="1" t="s">
        <v>201500</v>
      </c>
      <c r="J60704" s="1" t="s">
        <v>203595</v>
      </c>
    </row>
    <row r="60705" spans="1:10" x14ac:dyDescent="0.35">
      <c r="A60705" s="1" t="s">
        <v>169838</v>
      </c>
      <c r="B60705" s="1" t="s">
        <v>201495</v>
      </c>
      <c r="C60705" s="1" t="s">
        <v>90</v>
      </c>
      <c r="D60705" s="1" t="s">
        <v>203596</v>
      </c>
      <c r="E60705" s="1" t="s">
        <v>203597</v>
      </c>
      <c r="F60705" s="1" t="s">
        <v>203598</v>
      </c>
      <c r="G60705" s="1" t="s">
        <v>203547</v>
      </c>
      <c r="H60705" s="1" t="s">
        <v>203548</v>
      </c>
      <c r="I60705" s="1" t="s">
        <v>201500</v>
      </c>
      <c r="J60705" s="1" t="s">
        <v>203599</v>
      </c>
    </row>
    <row r="60706" spans="1:10" x14ac:dyDescent="0.35">
      <c r="A60706" s="1" t="s">
        <v>169838</v>
      </c>
      <c r="B60706" s="1" t="s">
        <v>201495</v>
      </c>
      <c r="C60706" s="1" t="s">
        <v>95</v>
      </c>
      <c r="D60706" s="1" t="s">
        <v>10764</v>
      </c>
      <c r="E60706" s="1" t="s">
        <v>203600</v>
      </c>
      <c r="F60706" s="1" t="s">
        <v>203601</v>
      </c>
      <c r="G60706" s="1" t="s">
        <v>203547</v>
      </c>
      <c r="H60706" s="1" t="s">
        <v>203548</v>
      </c>
      <c r="I60706" s="1" t="s">
        <v>201500</v>
      </c>
      <c r="J60706" s="1" t="s">
        <v>203602</v>
      </c>
    </row>
    <row r="60707" spans="1:10" x14ac:dyDescent="0.35">
      <c r="A60707" s="1" t="s">
        <v>169838</v>
      </c>
      <c r="B60707" s="1" t="s">
        <v>201495</v>
      </c>
      <c r="C60707" s="1" t="s">
        <v>100</v>
      </c>
      <c r="D60707" s="1" t="s">
        <v>126115</v>
      </c>
      <c r="E60707" s="1" t="s">
        <v>203603</v>
      </c>
      <c r="F60707" s="1" t="s">
        <v>203604</v>
      </c>
      <c r="G60707" s="1" t="s">
        <v>203547</v>
      </c>
      <c r="H60707" s="1" t="s">
        <v>203548</v>
      </c>
      <c r="I60707" s="1" t="s">
        <v>201500</v>
      </c>
      <c r="J60707" s="1" t="s">
        <v>203605</v>
      </c>
    </row>
    <row r="60708" spans="1:10" x14ac:dyDescent="0.35">
      <c r="A60708" s="1" t="s">
        <v>169838</v>
      </c>
      <c r="B60708" s="1" t="s">
        <v>201495</v>
      </c>
      <c r="C60708" s="1" t="s">
        <v>105</v>
      </c>
      <c r="D60708" s="1" t="s">
        <v>135862</v>
      </c>
      <c r="E60708" s="1" t="s">
        <v>203606</v>
      </c>
      <c r="F60708" s="1" t="s">
        <v>203607</v>
      </c>
      <c r="G60708" s="1" t="s">
        <v>203547</v>
      </c>
      <c r="H60708" s="1" t="s">
        <v>203548</v>
      </c>
      <c r="I60708" s="1" t="s">
        <v>201500</v>
      </c>
      <c r="J60708" s="1" t="s">
        <v>203608</v>
      </c>
    </row>
    <row r="60709" spans="1:10" x14ac:dyDescent="0.35">
      <c r="A60709" s="1" t="s">
        <v>169838</v>
      </c>
      <c r="B60709" s="1" t="s">
        <v>201495</v>
      </c>
      <c r="C60709" s="1" t="s">
        <v>110</v>
      </c>
      <c r="D60709" s="1" t="s">
        <v>203609</v>
      </c>
      <c r="E60709" s="1" t="s">
        <v>203610</v>
      </c>
      <c r="F60709" s="1" t="s">
        <v>203611</v>
      </c>
      <c r="G60709" s="1" t="s">
        <v>203547</v>
      </c>
      <c r="H60709" s="1" t="s">
        <v>203548</v>
      </c>
      <c r="I60709" s="1" t="s">
        <v>201500</v>
      </c>
      <c r="J60709" s="1" t="s">
        <v>203612</v>
      </c>
    </row>
    <row r="60710" spans="1:10" x14ac:dyDescent="0.35">
      <c r="A60710" s="1" t="s">
        <v>169838</v>
      </c>
      <c r="B60710" s="1" t="s">
        <v>201495</v>
      </c>
      <c r="C60710" s="1" t="s">
        <v>115</v>
      </c>
      <c r="D60710" s="1" t="s">
        <v>16376</v>
      </c>
      <c r="E60710" s="1" t="s">
        <v>203613</v>
      </c>
      <c r="F60710" s="1" t="s">
        <v>203614</v>
      </c>
      <c r="G60710" s="1" t="s">
        <v>203547</v>
      </c>
      <c r="H60710" s="1" t="s">
        <v>203548</v>
      </c>
      <c r="I60710" s="1" t="s">
        <v>201500</v>
      </c>
      <c r="J60710" s="1" t="s">
        <v>203615</v>
      </c>
    </row>
    <row r="60711" spans="1:10" x14ac:dyDescent="0.35">
      <c r="A60711" s="1" t="s">
        <v>169838</v>
      </c>
      <c r="B60711" s="1" t="s">
        <v>201495</v>
      </c>
      <c r="C60711" s="1" t="s">
        <v>120</v>
      </c>
      <c r="D60711" s="1" t="s">
        <v>82183</v>
      </c>
      <c r="E60711" s="1" t="s">
        <v>203616</v>
      </c>
      <c r="F60711" s="1" t="s">
        <v>203617</v>
      </c>
      <c r="G60711" s="1" t="s">
        <v>203547</v>
      </c>
      <c r="H60711" s="1" t="s">
        <v>203548</v>
      </c>
      <c r="I60711" s="1" t="s">
        <v>201500</v>
      </c>
      <c r="J60711" s="1" t="s">
        <v>203618</v>
      </c>
    </row>
    <row r="60712" spans="1:10" x14ac:dyDescent="0.35">
      <c r="A60712" s="1" t="s">
        <v>169838</v>
      </c>
      <c r="B60712" s="1" t="s">
        <v>201495</v>
      </c>
      <c r="C60712" s="1" t="s">
        <v>125</v>
      </c>
      <c r="D60712" s="1" t="s">
        <v>73483</v>
      </c>
      <c r="E60712" s="1" t="s">
        <v>203619</v>
      </c>
      <c r="F60712" s="1" t="s">
        <v>203620</v>
      </c>
      <c r="G60712" s="1" t="s">
        <v>203547</v>
      </c>
      <c r="H60712" s="1" t="s">
        <v>203548</v>
      </c>
      <c r="I60712" s="1" t="s">
        <v>201500</v>
      </c>
      <c r="J60712" s="1" t="s">
        <v>203621</v>
      </c>
    </row>
    <row r="60713" spans="1:10" x14ac:dyDescent="0.35">
      <c r="A60713" s="1" t="s">
        <v>169838</v>
      </c>
      <c r="B60713" s="1" t="s">
        <v>201495</v>
      </c>
      <c r="C60713" s="1" t="s">
        <v>130</v>
      </c>
      <c r="D60713" s="1" t="s">
        <v>75292</v>
      </c>
      <c r="E60713" s="1" t="s">
        <v>203622</v>
      </c>
      <c r="F60713" s="1" t="s">
        <v>203623</v>
      </c>
      <c r="G60713" s="1" t="s">
        <v>203547</v>
      </c>
      <c r="H60713" s="1" t="s">
        <v>203548</v>
      </c>
      <c r="I60713" s="1" t="s">
        <v>201500</v>
      </c>
      <c r="J60713" s="1" t="s">
        <v>203624</v>
      </c>
    </row>
    <row r="60714" spans="1:10" x14ac:dyDescent="0.35">
      <c r="A60714" s="1" t="s">
        <v>169838</v>
      </c>
      <c r="B60714" s="1" t="s">
        <v>201495</v>
      </c>
      <c r="C60714" s="1" t="s">
        <v>135</v>
      </c>
      <c r="D60714" s="1" t="s">
        <v>49740</v>
      </c>
      <c r="E60714" s="1" t="s">
        <v>203625</v>
      </c>
      <c r="F60714" s="1" t="s">
        <v>203626</v>
      </c>
      <c r="G60714" s="1" t="s">
        <v>203547</v>
      </c>
      <c r="H60714" s="1" t="s">
        <v>203548</v>
      </c>
      <c r="I60714" s="1" t="s">
        <v>201500</v>
      </c>
      <c r="J60714" s="1" t="s">
        <v>203627</v>
      </c>
    </row>
    <row r="60715" spans="1:10" x14ac:dyDescent="0.35">
      <c r="A60715" s="1" t="s">
        <v>169838</v>
      </c>
      <c r="B60715" s="1" t="s">
        <v>201495</v>
      </c>
      <c r="C60715" s="1" t="s">
        <v>140</v>
      </c>
      <c r="D60715" s="1" t="s">
        <v>45904</v>
      </c>
      <c r="E60715" s="1" t="s">
        <v>203628</v>
      </c>
      <c r="F60715" s="1" t="s">
        <v>203629</v>
      </c>
      <c r="G60715" s="1" t="s">
        <v>203547</v>
      </c>
      <c r="H60715" s="1" t="s">
        <v>203548</v>
      </c>
      <c r="I60715" s="1" t="s">
        <v>201500</v>
      </c>
      <c r="J60715" s="1" t="s">
        <v>203630</v>
      </c>
    </row>
    <row r="60716" spans="1:10" x14ac:dyDescent="0.35">
      <c r="A60716" s="1" t="s">
        <v>169838</v>
      </c>
      <c r="B60716" s="1" t="s">
        <v>201495</v>
      </c>
      <c r="C60716" s="1" t="s">
        <v>145</v>
      </c>
      <c r="D60716" s="1" t="s">
        <v>203631</v>
      </c>
      <c r="E60716" s="1" t="s">
        <v>203632</v>
      </c>
      <c r="F60716" s="1" t="s">
        <v>203633</v>
      </c>
      <c r="G60716" s="1" t="s">
        <v>203547</v>
      </c>
      <c r="H60716" s="1" t="s">
        <v>203548</v>
      </c>
      <c r="I60716" s="1" t="s">
        <v>201500</v>
      </c>
      <c r="J60716" s="1" t="s">
        <v>203634</v>
      </c>
    </row>
    <row r="60717" spans="1:10" x14ac:dyDescent="0.35">
      <c r="A60717" s="1" t="s">
        <v>169838</v>
      </c>
      <c r="B60717" s="1" t="s">
        <v>201495</v>
      </c>
      <c r="C60717" s="1" t="s">
        <v>150</v>
      </c>
      <c r="D60717" s="1" t="s">
        <v>30514</v>
      </c>
      <c r="E60717" s="1" t="s">
        <v>203635</v>
      </c>
      <c r="F60717" s="1" t="s">
        <v>203636</v>
      </c>
      <c r="G60717" s="1" t="s">
        <v>203547</v>
      </c>
      <c r="H60717" s="1" t="s">
        <v>203548</v>
      </c>
      <c r="I60717" s="1" t="s">
        <v>201500</v>
      </c>
      <c r="J60717" s="1" t="s">
        <v>203637</v>
      </c>
    </row>
    <row r="60718" spans="1:10" x14ac:dyDescent="0.35">
      <c r="A60718" s="1" t="s">
        <v>169838</v>
      </c>
      <c r="B60718" s="1" t="s">
        <v>201495</v>
      </c>
      <c r="C60718" s="1" t="s">
        <v>155</v>
      </c>
      <c r="D60718" s="1" t="s">
        <v>19860</v>
      </c>
      <c r="E60718" s="1" t="s">
        <v>203638</v>
      </c>
      <c r="F60718" s="1" t="s">
        <v>203639</v>
      </c>
      <c r="G60718" s="1" t="s">
        <v>203547</v>
      </c>
      <c r="H60718" s="1" t="s">
        <v>203548</v>
      </c>
      <c r="I60718" s="1" t="s">
        <v>201500</v>
      </c>
      <c r="J60718" s="1" t="s">
        <v>203640</v>
      </c>
    </row>
    <row r="60719" spans="1:10" x14ac:dyDescent="0.35">
      <c r="A60719" s="1" t="s">
        <v>169838</v>
      </c>
      <c r="B60719" s="1" t="s">
        <v>201495</v>
      </c>
      <c r="C60719" s="1" t="s">
        <v>160</v>
      </c>
      <c r="D60719" s="1" t="s">
        <v>123849</v>
      </c>
      <c r="E60719" s="1" t="s">
        <v>203641</v>
      </c>
      <c r="F60719" s="1" t="s">
        <v>203642</v>
      </c>
      <c r="G60719" s="1" t="s">
        <v>203547</v>
      </c>
      <c r="H60719" s="1" t="s">
        <v>203548</v>
      </c>
      <c r="I60719" s="1" t="s">
        <v>201500</v>
      </c>
      <c r="J60719" s="1" t="s">
        <v>203643</v>
      </c>
    </row>
    <row r="60720" spans="1:10" x14ac:dyDescent="0.35">
      <c r="A60720" s="1" t="s">
        <v>169838</v>
      </c>
      <c r="B60720" s="1" t="s">
        <v>201495</v>
      </c>
      <c r="C60720" s="1" t="s">
        <v>165</v>
      </c>
      <c r="D60720" s="1" t="s">
        <v>110958</v>
      </c>
      <c r="E60720" s="1" t="s">
        <v>203644</v>
      </c>
      <c r="F60720" s="1" t="s">
        <v>203645</v>
      </c>
      <c r="G60720" s="1" t="s">
        <v>203547</v>
      </c>
      <c r="H60720" s="1" t="s">
        <v>203548</v>
      </c>
      <c r="I60720" s="1" t="s">
        <v>201500</v>
      </c>
      <c r="J60720" s="1" t="s">
        <v>203646</v>
      </c>
    </row>
    <row r="60721" spans="1:10" x14ac:dyDescent="0.35">
      <c r="A60721" s="1" t="s">
        <v>169838</v>
      </c>
      <c r="B60721" s="1" t="s">
        <v>201495</v>
      </c>
      <c r="C60721" s="1" t="s">
        <v>170</v>
      </c>
      <c r="D60721" s="1" t="s">
        <v>203647</v>
      </c>
      <c r="E60721" s="1" t="s">
        <v>203648</v>
      </c>
      <c r="F60721" s="1" t="s">
        <v>203649</v>
      </c>
      <c r="G60721" s="1" t="s">
        <v>203547</v>
      </c>
      <c r="H60721" s="1" t="s">
        <v>203548</v>
      </c>
      <c r="I60721" s="1" t="s">
        <v>201500</v>
      </c>
      <c r="J60721" s="1" t="s">
        <v>203650</v>
      </c>
    </row>
    <row r="60722" spans="1:10" x14ac:dyDescent="0.35">
      <c r="A60722" s="1" t="s">
        <v>5705</v>
      </c>
      <c r="B60722" s="1" t="s">
        <v>201495</v>
      </c>
      <c r="C60722" s="1" t="s">
        <v>8</v>
      </c>
      <c r="D60722" s="1" t="s">
        <v>110854</v>
      </c>
      <c r="E60722" s="1" t="s">
        <v>203651</v>
      </c>
      <c r="F60722" s="1" t="s">
        <v>203652</v>
      </c>
      <c r="G60722" s="1" t="s">
        <v>203653</v>
      </c>
      <c r="H60722" s="1" t="s">
        <v>203654</v>
      </c>
      <c r="I60722" s="1" t="s">
        <v>201500</v>
      </c>
      <c r="J60722" s="1" t="s">
        <v>13</v>
      </c>
    </row>
    <row r="60723" spans="1:10" x14ac:dyDescent="0.35">
      <c r="A60723" s="1" t="s">
        <v>5705</v>
      </c>
      <c r="B60723" s="1" t="s">
        <v>201495</v>
      </c>
      <c r="C60723" s="1" t="s">
        <v>15</v>
      </c>
      <c r="D60723" s="1" t="s">
        <v>29096</v>
      </c>
      <c r="E60723" s="1" t="s">
        <v>203655</v>
      </c>
      <c r="F60723" s="1" t="s">
        <v>102715</v>
      </c>
      <c r="G60723" s="1" t="s">
        <v>203653</v>
      </c>
      <c r="H60723" s="1" t="s">
        <v>203654</v>
      </c>
      <c r="I60723" s="1" t="s">
        <v>201500</v>
      </c>
      <c r="J60723" s="1" t="s">
        <v>203656</v>
      </c>
    </row>
    <row r="60724" spans="1:10" x14ac:dyDescent="0.35">
      <c r="A60724" s="1" t="s">
        <v>5705</v>
      </c>
      <c r="B60724" s="1" t="s">
        <v>201495</v>
      </c>
      <c r="C60724" s="1" t="s">
        <v>20</v>
      </c>
      <c r="D60724" s="1" t="s">
        <v>10149</v>
      </c>
      <c r="E60724" s="1" t="s">
        <v>203657</v>
      </c>
      <c r="F60724" s="1" t="s">
        <v>203658</v>
      </c>
      <c r="G60724" s="1" t="s">
        <v>203653</v>
      </c>
      <c r="H60724" s="1" t="s">
        <v>203654</v>
      </c>
      <c r="I60724" s="1" t="s">
        <v>201500</v>
      </c>
      <c r="J60724" s="1" t="s">
        <v>203659</v>
      </c>
    </row>
    <row r="60725" spans="1:10" x14ac:dyDescent="0.35">
      <c r="A60725" s="1" t="s">
        <v>5705</v>
      </c>
      <c r="B60725" s="1" t="s">
        <v>201495</v>
      </c>
      <c r="C60725" s="1" t="s">
        <v>25</v>
      </c>
      <c r="D60725" s="1" t="s">
        <v>120800</v>
      </c>
      <c r="E60725" s="1" t="s">
        <v>203660</v>
      </c>
      <c r="F60725" s="1" t="s">
        <v>203661</v>
      </c>
      <c r="G60725" s="1" t="s">
        <v>203653</v>
      </c>
      <c r="H60725" s="1" t="s">
        <v>203654</v>
      </c>
      <c r="I60725" s="1" t="s">
        <v>201500</v>
      </c>
      <c r="J60725" s="1" t="s">
        <v>203662</v>
      </c>
    </row>
    <row r="60726" spans="1:10" x14ac:dyDescent="0.35">
      <c r="A60726" s="1" t="s">
        <v>5705</v>
      </c>
      <c r="B60726" s="1" t="s">
        <v>201495</v>
      </c>
      <c r="C60726" s="1" t="s">
        <v>30</v>
      </c>
      <c r="D60726" s="1" t="s">
        <v>104096</v>
      </c>
      <c r="E60726" s="1" t="s">
        <v>203663</v>
      </c>
      <c r="F60726" s="1" t="s">
        <v>203664</v>
      </c>
      <c r="G60726" s="1" t="s">
        <v>203653</v>
      </c>
      <c r="H60726" s="1" t="s">
        <v>203654</v>
      </c>
      <c r="I60726" s="1" t="s">
        <v>201500</v>
      </c>
      <c r="J60726" s="1" t="s">
        <v>203665</v>
      </c>
    </row>
    <row r="60727" spans="1:10" x14ac:dyDescent="0.35">
      <c r="A60727" s="1" t="s">
        <v>5705</v>
      </c>
      <c r="B60727" s="1" t="s">
        <v>201495</v>
      </c>
      <c r="C60727" s="1" t="s">
        <v>35</v>
      </c>
      <c r="D60727" s="1" t="s">
        <v>15954</v>
      </c>
      <c r="E60727" s="1" t="s">
        <v>203666</v>
      </c>
      <c r="F60727" s="1" t="s">
        <v>203667</v>
      </c>
      <c r="G60727" s="1" t="s">
        <v>203653</v>
      </c>
      <c r="H60727" s="1" t="s">
        <v>203654</v>
      </c>
      <c r="I60727" s="1" t="s">
        <v>201500</v>
      </c>
      <c r="J60727" s="1" t="s">
        <v>203668</v>
      </c>
    </row>
    <row r="60728" spans="1:10" x14ac:dyDescent="0.35">
      <c r="A60728" s="1" t="s">
        <v>5705</v>
      </c>
      <c r="B60728" s="1" t="s">
        <v>201495</v>
      </c>
      <c r="C60728" s="1" t="s">
        <v>40</v>
      </c>
      <c r="D60728" s="1" t="s">
        <v>145205</v>
      </c>
      <c r="E60728" s="1" t="s">
        <v>203669</v>
      </c>
      <c r="F60728" s="1" t="s">
        <v>203670</v>
      </c>
      <c r="G60728" s="1" t="s">
        <v>203653</v>
      </c>
      <c r="H60728" s="1" t="s">
        <v>203654</v>
      </c>
      <c r="I60728" s="1" t="s">
        <v>201500</v>
      </c>
      <c r="J60728" s="1" t="s">
        <v>203671</v>
      </c>
    </row>
    <row r="60729" spans="1:10" x14ac:dyDescent="0.35">
      <c r="A60729" s="1" t="s">
        <v>5705</v>
      </c>
      <c r="B60729" s="1" t="s">
        <v>201495</v>
      </c>
      <c r="C60729" s="1" t="s">
        <v>45</v>
      </c>
      <c r="D60729" s="1" t="s">
        <v>120577</v>
      </c>
      <c r="E60729" s="1" t="s">
        <v>203672</v>
      </c>
      <c r="F60729" s="1" t="s">
        <v>203673</v>
      </c>
      <c r="G60729" s="1" t="s">
        <v>203653</v>
      </c>
      <c r="H60729" s="1" t="s">
        <v>203654</v>
      </c>
      <c r="I60729" s="1" t="s">
        <v>201500</v>
      </c>
      <c r="J60729" s="1" t="s">
        <v>203674</v>
      </c>
    </row>
    <row r="60730" spans="1:10" x14ac:dyDescent="0.35">
      <c r="A60730" s="1" t="s">
        <v>5705</v>
      </c>
      <c r="B60730" s="1" t="s">
        <v>201495</v>
      </c>
      <c r="C60730" s="1" t="s">
        <v>50</v>
      </c>
      <c r="D60730" s="1" t="s">
        <v>203675</v>
      </c>
      <c r="E60730" s="1" t="s">
        <v>203676</v>
      </c>
      <c r="F60730" s="1" t="s">
        <v>203677</v>
      </c>
      <c r="G60730" s="1" t="s">
        <v>203653</v>
      </c>
      <c r="H60730" s="1" t="s">
        <v>203654</v>
      </c>
      <c r="I60730" s="1" t="s">
        <v>201500</v>
      </c>
      <c r="J60730" s="1" t="s">
        <v>203678</v>
      </c>
    </row>
    <row r="60731" spans="1:10" x14ac:dyDescent="0.35">
      <c r="A60731" s="1" t="s">
        <v>5705</v>
      </c>
      <c r="B60731" s="1" t="s">
        <v>201495</v>
      </c>
      <c r="C60731" s="1" t="s">
        <v>55</v>
      </c>
      <c r="D60731" s="1" t="s">
        <v>161258</v>
      </c>
      <c r="E60731" s="1" t="s">
        <v>203679</v>
      </c>
      <c r="F60731" s="1" t="s">
        <v>203680</v>
      </c>
      <c r="G60731" s="1" t="s">
        <v>203653</v>
      </c>
      <c r="H60731" s="1" t="s">
        <v>203654</v>
      </c>
      <c r="I60731" s="1" t="s">
        <v>201500</v>
      </c>
      <c r="J60731" s="1" t="s">
        <v>203681</v>
      </c>
    </row>
    <row r="60732" spans="1:10" x14ac:dyDescent="0.35">
      <c r="A60732" s="1" t="s">
        <v>5705</v>
      </c>
      <c r="B60732" s="1" t="s">
        <v>201495</v>
      </c>
      <c r="C60732" s="1" t="s">
        <v>60</v>
      </c>
      <c r="D60732" s="1" t="s">
        <v>46117</v>
      </c>
      <c r="E60732" s="1" t="s">
        <v>203682</v>
      </c>
      <c r="F60732" s="1" t="s">
        <v>203683</v>
      </c>
      <c r="G60732" s="1" t="s">
        <v>203653</v>
      </c>
      <c r="H60732" s="1" t="s">
        <v>203654</v>
      </c>
      <c r="I60732" s="1" t="s">
        <v>201500</v>
      </c>
      <c r="J60732" s="1" t="s">
        <v>203684</v>
      </c>
    </row>
    <row r="60733" spans="1:10" x14ac:dyDescent="0.35">
      <c r="A60733" s="1" t="s">
        <v>5705</v>
      </c>
      <c r="B60733" s="1" t="s">
        <v>201495</v>
      </c>
      <c r="C60733" s="1" t="s">
        <v>65</v>
      </c>
      <c r="D60733" s="1" t="s">
        <v>144746</v>
      </c>
      <c r="E60733" s="1" t="s">
        <v>203685</v>
      </c>
      <c r="F60733" s="1" t="s">
        <v>203686</v>
      </c>
      <c r="G60733" s="1" t="s">
        <v>203653</v>
      </c>
      <c r="H60733" s="1" t="s">
        <v>203654</v>
      </c>
      <c r="I60733" s="1" t="s">
        <v>201500</v>
      </c>
      <c r="J60733" s="1" t="s">
        <v>203687</v>
      </c>
    </row>
    <row r="60734" spans="1:10" x14ac:dyDescent="0.35">
      <c r="A60734" s="1" t="s">
        <v>5705</v>
      </c>
      <c r="B60734" s="1" t="s">
        <v>201495</v>
      </c>
      <c r="C60734" s="1" t="s">
        <v>70</v>
      </c>
      <c r="D60734" s="1" t="s">
        <v>2889</v>
      </c>
      <c r="E60734" s="1" t="s">
        <v>203688</v>
      </c>
      <c r="F60734" s="1" t="s">
        <v>203689</v>
      </c>
      <c r="G60734" s="1" t="s">
        <v>203653</v>
      </c>
      <c r="H60734" s="1" t="s">
        <v>203654</v>
      </c>
      <c r="I60734" s="1" t="s">
        <v>201500</v>
      </c>
      <c r="J60734" s="1" t="s">
        <v>203690</v>
      </c>
    </row>
    <row r="60735" spans="1:10" x14ac:dyDescent="0.35">
      <c r="A60735" s="1" t="s">
        <v>5705</v>
      </c>
      <c r="B60735" s="1" t="s">
        <v>201495</v>
      </c>
      <c r="C60735" s="1" t="s">
        <v>75</v>
      </c>
      <c r="D60735" s="1" t="s">
        <v>1723</v>
      </c>
      <c r="E60735" s="1" t="s">
        <v>203691</v>
      </c>
      <c r="F60735" s="1" t="s">
        <v>203692</v>
      </c>
      <c r="G60735" s="1" t="s">
        <v>203653</v>
      </c>
      <c r="H60735" s="1" t="s">
        <v>203654</v>
      </c>
      <c r="I60735" s="1" t="s">
        <v>201500</v>
      </c>
      <c r="J60735" s="1" t="s">
        <v>203693</v>
      </c>
    </row>
    <row r="60736" spans="1:10" x14ac:dyDescent="0.35">
      <c r="A60736" s="1" t="s">
        <v>5705</v>
      </c>
      <c r="B60736" s="1" t="s">
        <v>201495</v>
      </c>
      <c r="C60736" s="1" t="s">
        <v>80</v>
      </c>
      <c r="D60736" s="1" t="s">
        <v>4090</v>
      </c>
      <c r="E60736" s="1" t="s">
        <v>203694</v>
      </c>
      <c r="F60736" s="1" t="s">
        <v>203695</v>
      </c>
      <c r="G60736" s="1" t="s">
        <v>203653</v>
      </c>
      <c r="H60736" s="1" t="s">
        <v>203654</v>
      </c>
      <c r="I60736" s="1" t="s">
        <v>201500</v>
      </c>
      <c r="J60736" s="1" t="s">
        <v>203696</v>
      </c>
    </row>
    <row r="60737" spans="1:10" x14ac:dyDescent="0.35">
      <c r="A60737" s="1" t="s">
        <v>5705</v>
      </c>
      <c r="B60737" s="1" t="s">
        <v>201495</v>
      </c>
      <c r="C60737" s="1" t="s">
        <v>85</v>
      </c>
      <c r="D60737" s="1" t="s">
        <v>118257</v>
      </c>
      <c r="E60737" s="1" t="s">
        <v>203697</v>
      </c>
      <c r="F60737" s="1" t="s">
        <v>203698</v>
      </c>
      <c r="G60737" s="1" t="s">
        <v>203653</v>
      </c>
      <c r="H60737" s="1" t="s">
        <v>203654</v>
      </c>
      <c r="I60737" s="1" t="s">
        <v>201500</v>
      </c>
      <c r="J60737" s="1" t="s">
        <v>203699</v>
      </c>
    </row>
    <row r="60738" spans="1:10" x14ac:dyDescent="0.35">
      <c r="A60738" s="1" t="s">
        <v>5705</v>
      </c>
      <c r="B60738" s="1" t="s">
        <v>201495</v>
      </c>
      <c r="C60738" s="1" t="s">
        <v>90</v>
      </c>
      <c r="D60738" s="1" t="s">
        <v>172242</v>
      </c>
      <c r="E60738" s="1" t="s">
        <v>203700</v>
      </c>
      <c r="F60738" s="1" t="s">
        <v>203701</v>
      </c>
      <c r="G60738" s="1" t="s">
        <v>203653</v>
      </c>
      <c r="H60738" s="1" t="s">
        <v>203654</v>
      </c>
      <c r="I60738" s="1" t="s">
        <v>201500</v>
      </c>
      <c r="J60738" s="1" t="s">
        <v>203702</v>
      </c>
    </row>
    <row r="60739" spans="1:10" x14ac:dyDescent="0.35">
      <c r="A60739" s="1" t="s">
        <v>5705</v>
      </c>
      <c r="B60739" s="1" t="s">
        <v>201495</v>
      </c>
      <c r="C60739" s="1" t="s">
        <v>95</v>
      </c>
      <c r="D60739" s="1" t="s">
        <v>171467</v>
      </c>
      <c r="E60739" s="1" t="s">
        <v>203703</v>
      </c>
      <c r="F60739" s="1" t="s">
        <v>203704</v>
      </c>
      <c r="G60739" s="1" t="s">
        <v>203653</v>
      </c>
      <c r="H60739" s="1" t="s">
        <v>203654</v>
      </c>
      <c r="I60739" s="1" t="s">
        <v>201500</v>
      </c>
      <c r="J60739" s="1" t="s">
        <v>203705</v>
      </c>
    </row>
    <row r="60740" spans="1:10" x14ac:dyDescent="0.35">
      <c r="A60740" s="1" t="s">
        <v>5705</v>
      </c>
      <c r="B60740" s="1" t="s">
        <v>201495</v>
      </c>
      <c r="C60740" s="1" t="s">
        <v>100</v>
      </c>
      <c r="D60740" s="1" t="s">
        <v>112691</v>
      </c>
      <c r="E60740" s="1" t="s">
        <v>203706</v>
      </c>
      <c r="F60740" s="1" t="s">
        <v>203707</v>
      </c>
      <c r="G60740" s="1" t="s">
        <v>203653</v>
      </c>
      <c r="H60740" s="1" t="s">
        <v>203654</v>
      </c>
      <c r="I60740" s="1" t="s">
        <v>201500</v>
      </c>
      <c r="J60740" s="1" t="s">
        <v>203708</v>
      </c>
    </row>
    <row r="60741" spans="1:10" x14ac:dyDescent="0.35">
      <c r="A60741" s="1" t="s">
        <v>5705</v>
      </c>
      <c r="B60741" s="1" t="s">
        <v>201495</v>
      </c>
      <c r="C60741" s="1" t="s">
        <v>105</v>
      </c>
      <c r="D60741" s="1" t="s">
        <v>118261</v>
      </c>
      <c r="E60741" s="1" t="s">
        <v>203709</v>
      </c>
      <c r="F60741" s="1" t="s">
        <v>203710</v>
      </c>
      <c r="G60741" s="1" t="s">
        <v>203653</v>
      </c>
      <c r="H60741" s="1" t="s">
        <v>203654</v>
      </c>
      <c r="I60741" s="1" t="s">
        <v>201500</v>
      </c>
      <c r="J60741" s="1" t="s">
        <v>203711</v>
      </c>
    </row>
    <row r="60742" spans="1:10" x14ac:dyDescent="0.35">
      <c r="A60742" s="1" t="s">
        <v>5705</v>
      </c>
      <c r="B60742" s="1" t="s">
        <v>201495</v>
      </c>
      <c r="C60742" s="1" t="s">
        <v>110</v>
      </c>
      <c r="D60742" s="1" t="s">
        <v>203712</v>
      </c>
      <c r="E60742" s="1" t="s">
        <v>203713</v>
      </c>
      <c r="F60742" s="1" t="s">
        <v>203714</v>
      </c>
      <c r="G60742" s="1" t="s">
        <v>203653</v>
      </c>
      <c r="H60742" s="1" t="s">
        <v>203654</v>
      </c>
      <c r="I60742" s="1" t="s">
        <v>201500</v>
      </c>
      <c r="J60742" s="1" t="s">
        <v>203715</v>
      </c>
    </row>
    <row r="60743" spans="1:10" x14ac:dyDescent="0.35">
      <c r="A60743" s="1" t="s">
        <v>5705</v>
      </c>
      <c r="B60743" s="1" t="s">
        <v>201495</v>
      </c>
      <c r="C60743" s="1" t="s">
        <v>115</v>
      </c>
      <c r="D60743" s="1" t="s">
        <v>6461</v>
      </c>
      <c r="E60743" s="1" t="s">
        <v>203716</v>
      </c>
      <c r="F60743" s="1" t="s">
        <v>203717</v>
      </c>
      <c r="G60743" s="1" t="s">
        <v>203653</v>
      </c>
      <c r="H60743" s="1" t="s">
        <v>203654</v>
      </c>
      <c r="I60743" s="1" t="s">
        <v>201500</v>
      </c>
      <c r="J60743" s="1" t="s">
        <v>203718</v>
      </c>
    </row>
    <row r="60744" spans="1:10" x14ac:dyDescent="0.35">
      <c r="A60744" s="1" t="s">
        <v>5705</v>
      </c>
      <c r="B60744" s="1" t="s">
        <v>201495</v>
      </c>
      <c r="C60744" s="1" t="s">
        <v>120</v>
      </c>
      <c r="D60744" s="1" t="s">
        <v>4672</v>
      </c>
      <c r="E60744" s="1" t="s">
        <v>203719</v>
      </c>
      <c r="F60744" s="1" t="s">
        <v>203720</v>
      </c>
      <c r="G60744" s="1" t="s">
        <v>203653</v>
      </c>
      <c r="H60744" s="1" t="s">
        <v>203654</v>
      </c>
      <c r="I60744" s="1" t="s">
        <v>201500</v>
      </c>
      <c r="J60744" s="1" t="s">
        <v>203721</v>
      </c>
    </row>
    <row r="60745" spans="1:10" x14ac:dyDescent="0.35">
      <c r="A60745" s="1" t="s">
        <v>5705</v>
      </c>
      <c r="B60745" s="1" t="s">
        <v>201495</v>
      </c>
      <c r="C60745" s="1" t="s">
        <v>125</v>
      </c>
      <c r="D60745" s="1" t="s">
        <v>151624</v>
      </c>
      <c r="E60745" s="1" t="s">
        <v>203722</v>
      </c>
      <c r="F60745" s="1" t="s">
        <v>203723</v>
      </c>
      <c r="G60745" s="1" t="s">
        <v>203653</v>
      </c>
      <c r="H60745" s="1" t="s">
        <v>203654</v>
      </c>
      <c r="I60745" s="1" t="s">
        <v>201500</v>
      </c>
      <c r="J60745" s="1" t="s">
        <v>203724</v>
      </c>
    </row>
    <row r="60746" spans="1:10" x14ac:dyDescent="0.35">
      <c r="A60746" s="1" t="s">
        <v>5705</v>
      </c>
      <c r="B60746" s="1" t="s">
        <v>201495</v>
      </c>
      <c r="C60746" s="1" t="s">
        <v>130</v>
      </c>
      <c r="D60746" s="1" t="s">
        <v>111216</v>
      </c>
      <c r="E60746" s="1" t="s">
        <v>203725</v>
      </c>
      <c r="F60746" s="1" t="s">
        <v>203726</v>
      </c>
      <c r="G60746" s="1" t="s">
        <v>203653</v>
      </c>
      <c r="H60746" s="1" t="s">
        <v>203654</v>
      </c>
      <c r="I60746" s="1" t="s">
        <v>201500</v>
      </c>
      <c r="J60746" s="1" t="s">
        <v>203727</v>
      </c>
    </row>
    <row r="60747" spans="1:10" x14ac:dyDescent="0.35">
      <c r="A60747" s="1" t="s">
        <v>5705</v>
      </c>
      <c r="B60747" s="1" t="s">
        <v>201495</v>
      </c>
      <c r="C60747" s="1" t="s">
        <v>135</v>
      </c>
      <c r="D60747" s="1" t="s">
        <v>29821</v>
      </c>
      <c r="E60747" s="1" t="s">
        <v>203728</v>
      </c>
      <c r="F60747" s="1" t="s">
        <v>203729</v>
      </c>
      <c r="G60747" s="1" t="s">
        <v>203653</v>
      </c>
      <c r="H60747" s="1" t="s">
        <v>203654</v>
      </c>
      <c r="I60747" s="1" t="s">
        <v>201500</v>
      </c>
      <c r="J60747" s="1" t="s">
        <v>203730</v>
      </c>
    </row>
    <row r="60748" spans="1:10" x14ac:dyDescent="0.35">
      <c r="A60748" s="1" t="s">
        <v>5705</v>
      </c>
      <c r="B60748" s="1" t="s">
        <v>201495</v>
      </c>
      <c r="C60748" s="1" t="s">
        <v>140</v>
      </c>
      <c r="D60748" s="1" t="s">
        <v>192368</v>
      </c>
      <c r="E60748" s="1" t="s">
        <v>203731</v>
      </c>
      <c r="F60748" s="1" t="s">
        <v>203732</v>
      </c>
      <c r="G60748" s="1" t="s">
        <v>203653</v>
      </c>
      <c r="H60748" s="1" t="s">
        <v>203654</v>
      </c>
      <c r="I60748" s="1" t="s">
        <v>201500</v>
      </c>
      <c r="J60748" s="1" t="s">
        <v>203733</v>
      </c>
    </row>
    <row r="60749" spans="1:10" x14ac:dyDescent="0.35">
      <c r="A60749" s="1" t="s">
        <v>5705</v>
      </c>
      <c r="B60749" s="1" t="s">
        <v>201495</v>
      </c>
      <c r="C60749" s="1" t="s">
        <v>145</v>
      </c>
      <c r="D60749" s="1" t="s">
        <v>7932</v>
      </c>
      <c r="E60749" s="1" t="s">
        <v>203734</v>
      </c>
      <c r="F60749" s="1" t="s">
        <v>203735</v>
      </c>
      <c r="G60749" s="1" t="s">
        <v>203653</v>
      </c>
      <c r="H60749" s="1" t="s">
        <v>203654</v>
      </c>
      <c r="I60749" s="1" t="s">
        <v>201500</v>
      </c>
      <c r="J60749" s="1" t="s">
        <v>203736</v>
      </c>
    </row>
    <row r="60750" spans="1:10" x14ac:dyDescent="0.35">
      <c r="A60750" s="1" t="s">
        <v>5705</v>
      </c>
      <c r="B60750" s="1" t="s">
        <v>201495</v>
      </c>
      <c r="C60750" s="1" t="s">
        <v>150</v>
      </c>
      <c r="D60750" s="1" t="s">
        <v>141798</v>
      </c>
      <c r="E60750" s="1" t="s">
        <v>203737</v>
      </c>
      <c r="F60750" s="1" t="s">
        <v>203738</v>
      </c>
      <c r="G60750" s="1" t="s">
        <v>203653</v>
      </c>
      <c r="H60750" s="1" t="s">
        <v>203654</v>
      </c>
      <c r="I60750" s="1" t="s">
        <v>201500</v>
      </c>
      <c r="J60750" s="1" t="s">
        <v>203739</v>
      </c>
    </row>
    <row r="60751" spans="1:10" x14ac:dyDescent="0.35">
      <c r="A60751" s="1" t="s">
        <v>5705</v>
      </c>
      <c r="B60751" s="1" t="s">
        <v>201495</v>
      </c>
      <c r="C60751" s="1" t="s">
        <v>155</v>
      </c>
      <c r="D60751" s="1" t="s">
        <v>37292</v>
      </c>
      <c r="E60751" s="1" t="s">
        <v>203740</v>
      </c>
      <c r="F60751" s="1" t="s">
        <v>203741</v>
      </c>
      <c r="G60751" s="1" t="s">
        <v>203653</v>
      </c>
      <c r="H60751" s="1" t="s">
        <v>203654</v>
      </c>
      <c r="I60751" s="1" t="s">
        <v>201500</v>
      </c>
      <c r="J60751" s="1" t="s">
        <v>203742</v>
      </c>
    </row>
    <row r="60752" spans="1:10" x14ac:dyDescent="0.35">
      <c r="A60752" s="1" t="s">
        <v>5705</v>
      </c>
      <c r="B60752" s="1" t="s">
        <v>201495</v>
      </c>
      <c r="C60752" s="1" t="s">
        <v>160</v>
      </c>
      <c r="D60752" s="1" t="s">
        <v>142934</v>
      </c>
      <c r="E60752" s="1" t="s">
        <v>203743</v>
      </c>
      <c r="F60752" s="1" t="s">
        <v>203744</v>
      </c>
      <c r="G60752" s="1" t="s">
        <v>203653</v>
      </c>
      <c r="H60752" s="1" t="s">
        <v>203654</v>
      </c>
      <c r="I60752" s="1" t="s">
        <v>201500</v>
      </c>
      <c r="J60752" s="1" t="s">
        <v>203745</v>
      </c>
    </row>
    <row r="60753" spans="1:10" x14ac:dyDescent="0.35">
      <c r="A60753" s="1" t="s">
        <v>5705</v>
      </c>
      <c r="B60753" s="1" t="s">
        <v>201495</v>
      </c>
      <c r="C60753" s="1" t="s">
        <v>165</v>
      </c>
      <c r="D60753" s="1" t="s">
        <v>34421</v>
      </c>
      <c r="E60753" s="1" t="s">
        <v>203746</v>
      </c>
      <c r="F60753" s="1" t="s">
        <v>203747</v>
      </c>
      <c r="G60753" s="1" t="s">
        <v>203653</v>
      </c>
      <c r="H60753" s="1" t="s">
        <v>203654</v>
      </c>
      <c r="I60753" s="1" t="s">
        <v>201500</v>
      </c>
      <c r="J60753" s="1" t="s">
        <v>203748</v>
      </c>
    </row>
    <row r="60754" spans="1:10" x14ac:dyDescent="0.35">
      <c r="A60754" s="1" t="s">
        <v>5705</v>
      </c>
      <c r="B60754" s="1" t="s">
        <v>201495</v>
      </c>
      <c r="C60754" s="1" t="s">
        <v>170</v>
      </c>
      <c r="D60754" s="1" t="s">
        <v>50148</v>
      </c>
      <c r="E60754" s="1" t="s">
        <v>203749</v>
      </c>
      <c r="F60754" s="1" t="s">
        <v>203750</v>
      </c>
      <c r="G60754" s="1" t="s">
        <v>203653</v>
      </c>
      <c r="H60754" s="1" t="s">
        <v>203654</v>
      </c>
      <c r="I60754" s="1" t="s">
        <v>201500</v>
      </c>
      <c r="J60754" s="1" t="s">
        <v>203751</v>
      </c>
    </row>
    <row r="60755" spans="1:10" x14ac:dyDescent="0.35">
      <c r="A60755" s="1" t="s">
        <v>143764</v>
      </c>
      <c r="B60755" s="1" t="s">
        <v>201495</v>
      </c>
      <c r="C60755" s="1" t="s">
        <v>8</v>
      </c>
      <c r="D60755" s="1" t="s">
        <v>25239</v>
      </c>
      <c r="E60755" s="1" t="s">
        <v>203752</v>
      </c>
      <c r="F60755" s="1" t="s">
        <v>203753</v>
      </c>
      <c r="G60755" s="1" t="s">
        <v>203754</v>
      </c>
      <c r="H60755" s="1" t="s">
        <v>203755</v>
      </c>
      <c r="I60755" s="1" t="s">
        <v>201500</v>
      </c>
      <c r="J60755" s="1" t="s">
        <v>13</v>
      </c>
    </row>
    <row r="60756" spans="1:10" x14ac:dyDescent="0.35">
      <c r="A60756" s="1" t="s">
        <v>143764</v>
      </c>
      <c r="B60756" s="1" t="s">
        <v>201495</v>
      </c>
      <c r="C60756" s="1" t="s">
        <v>15</v>
      </c>
      <c r="D60756" s="1" t="s">
        <v>45732</v>
      </c>
      <c r="E60756" s="1" t="s">
        <v>203756</v>
      </c>
      <c r="F60756" s="1" t="s">
        <v>203757</v>
      </c>
      <c r="G60756" s="1" t="s">
        <v>203754</v>
      </c>
      <c r="H60756" s="1" t="s">
        <v>203755</v>
      </c>
      <c r="I60756" s="1" t="s">
        <v>201500</v>
      </c>
      <c r="J60756" s="1" t="s">
        <v>203758</v>
      </c>
    </row>
    <row r="60757" spans="1:10" x14ac:dyDescent="0.35">
      <c r="A60757" s="1" t="s">
        <v>143764</v>
      </c>
      <c r="B60757" s="1" t="s">
        <v>201495</v>
      </c>
      <c r="C60757" s="1" t="s">
        <v>20</v>
      </c>
      <c r="D60757" s="1" t="s">
        <v>45252</v>
      </c>
      <c r="E60757" s="1" t="s">
        <v>203759</v>
      </c>
      <c r="F60757" s="1" t="s">
        <v>203760</v>
      </c>
      <c r="G60757" s="1" t="s">
        <v>203754</v>
      </c>
      <c r="H60757" s="1" t="s">
        <v>203755</v>
      </c>
      <c r="I60757" s="1" t="s">
        <v>201500</v>
      </c>
      <c r="J60757" s="1" t="s">
        <v>203761</v>
      </c>
    </row>
    <row r="60758" spans="1:10" x14ac:dyDescent="0.35">
      <c r="A60758" s="1" t="s">
        <v>143764</v>
      </c>
      <c r="B60758" s="1" t="s">
        <v>201495</v>
      </c>
      <c r="C60758" s="1" t="s">
        <v>25</v>
      </c>
      <c r="D60758" s="1" t="s">
        <v>145659</v>
      </c>
      <c r="E60758" s="1" t="s">
        <v>203762</v>
      </c>
      <c r="F60758" s="1" t="s">
        <v>203763</v>
      </c>
      <c r="G60758" s="1" t="s">
        <v>203754</v>
      </c>
      <c r="H60758" s="1" t="s">
        <v>203755</v>
      </c>
      <c r="I60758" s="1" t="s">
        <v>201500</v>
      </c>
      <c r="J60758" s="1" t="s">
        <v>203764</v>
      </c>
    </row>
    <row r="60759" spans="1:10" x14ac:dyDescent="0.35">
      <c r="A60759" s="1" t="s">
        <v>143764</v>
      </c>
      <c r="B60759" s="1" t="s">
        <v>201495</v>
      </c>
      <c r="C60759" s="1" t="s">
        <v>30</v>
      </c>
      <c r="D60759" s="1" t="s">
        <v>120490</v>
      </c>
      <c r="E60759" s="1" t="s">
        <v>203765</v>
      </c>
      <c r="F60759" s="1" t="s">
        <v>203766</v>
      </c>
      <c r="G60759" s="1" t="s">
        <v>203754</v>
      </c>
      <c r="H60759" s="1" t="s">
        <v>203755</v>
      </c>
      <c r="I60759" s="1" t="s">
        <v>201500</v>
      </c>
      <c r="J60759" s="1" t="s">
        <v>203767</v>
      </c>
    </row>
    <row r="60760" spans="1:10" x14ac:dyDescent="0.35">
      <c r="A60760" s="1" t="s">
        <v>143764</v>
      </c>
      <c r="B60760" s="1" t="s">
        <v>201495</v>
      </c>
      <c r="C60760" s="1" t="s">
        <v>35</v>
      </c>
      <c r="D60760" s="1" t="s">
        <v>28547</v>
      </c>
      <c r="E60760" s="1" t="s">
        <v>203768</v>
      </c>
      <c r="F60760" s="1" t="s">
        <v>203769</v>
      </c>
      <c r="G60760" s="1" t="s">
        <v>203754</v>
      </c>
      <c r="H60760" s="1" t="s">
        <v>203755</v>
      </c>
      <c r="I60760" s="1" t="s">
        <v>201500</v>
      </c>
      <c r="J60760" s="1" t="s">
        <v>203770</v>
      </c>
    </row>
    <row r="60761" spans="1:10" x14ac:dyDescent="0.35">
      <c r="A60761" s="1" t="s">
        <v>143764</v>
      </c>
      <c r="B60761" s="1" t="s">
        <v>201495</v>
      </c>
      <c r="C60761" s="1" t="s">
        <v>40</v>
      </c>
      <c r="D60761" s="1" t="s">
        <v>4705</v>
      </c>
      <c r="E60761" s="1" t="s">
        <v>203771</v>
      </c>
      <c r="F60761" s="1" t="s">
        <v>203772</v>
      </c>
      <c r="G60761" s="1" t="s">
        <v>203754</v>
      </c>
      <c r="H60761" s="1" t="s">
        <v>203755</v>
      </c>
      <c r="I60761" s="1" t="s">
        <v>201500</v>
      </c>
      <c r="J60761" s="1" t="s">
        <v>203773</v>
      </c>
    </row>
    <row r="60762" spans="1:10" x14ac:dyDescent="0.35">
      <c r="A60762" s="1" t="s">
        <v>143764</v>
      </c>
      <c r="B60762" s="1" t="s">
        <v>201495</v>
      </c>
      <c r="C60762" s="1" t="s">
        <v>45</v>
      </c>
      <c r="D60762" s="1" t="s">
        <v>2022</v>
      </c>
      <c r="E60762" s="1" t="s">
        <v>203774</v>
      </c>
      <c r="F60762" s="1" t="s">
        <v>203775</v>
      </c>
      <c r="G60762" s="1" t="s">
        <v>203754</v>
      </c>
      <c r="H60762" s="1" t="s">
        <v>203755</v>
      </c>
      <c r="I60762" s="1" t="s">
        <v>201500</v>
      </c>
      <c r="J60762" s="1" t="s">
        <v>203776</v>
      </c>
    </row>
    <row r="60763" spans="1:10" x14ac:dyDescent="0.35">
      <c r="A60763" s="1" t="s">
        <v>143764</v>
      </c>
      <c r="B60763" s="1" t="s">
        <v>201495</v>
      </c>
      <c r="C60763" s="1" t="s">
        <v>50</v>
      </c>
      <c r="D60763" s="1" t="s">
        <v>47327</v>
      </c>
      <c r="E60763" s="1" t="s">
        <v>203777</v>
      </c>
      <c r="F60763" s="1" t="s">
        <v>203778</v>
      </c>
      <c r="G60763" s="1" t="s">
        <v>203754</v>
      </c>
      <c r="H60763" s="1" t="s">
        <v>203755</v>
      </c>
      <c r="I60763" s="1" t="s">
        <v>201500</v>
      </c>
      <c r="J60763" s="1" t="s">
        <v>203779</v>
      </c>
    </row>
    <row r="60764" spans="1:10" x14ac:dyDescent="0.35">
      <c r="A60764" s="1" t="s">
        <v>143764</v>
      </c>
      <c r="B60764" s="1" t="s">
        <v>201495</v>
      </c>
      <c r="C60764" s="1" t="s">
        <v>55</v>
      </c>
      <c r="D60764" s="1" t="s">
        <v>110364</v>
      </c>
      <c r="E60764" s="1" t="s">
        <v>203780</v>
      </c>
      <c r="F60764" s="1" t="s">
        <v>203781</v>
      </c>
      <c r="G60764" s="1" t="s">
        <v>203754</v>
      </c>
      <c r="H60764" s="1" t="s">
        <v>203755</v>
      </c>
      <c r="I60764" s="1" t="s">
        <v>201500</v>
      </c>
      <c r="J60764" s="1" t="s">
        <v>203782</v>
      </c>
    </row>
    <row r="60765" spans="1:10" x14ac:dyDescent="0.35">
      <c r="A60765" s="1" t="s">
        <v>143764</v>
      </c>
      <c r="B60765" s="1" t="s">
        <v>201495</v>
      </c>
      <c r="C60765" s="1" t="s">
        <v>60</v>
      </c>
      <c r="D60765" s="1" t="s">
        <v>30143</v>
      </c>
      <c r="E60765" s="1" t="s">
        <v>203783</v>
      </c>
      <c r="F60765" s="1" t="s">
        <v>203784</v>
      </c>
      <c r="G60765" s="1" t="s">
        <v>203754</v>
      </c>
      <c r="H60765" s="1" t="s">
        <v>203755</v>
      </c>
      <c r="I60765" s="1" t="s">
        <v>201500</v>
      </c>
      <c r="J60765" s="1" t="s">
        <v>203785</v>
      </c>
    </row>
    <row r="60766" spans="1:10" x14ac:dyDescent="0.35">
      <c r="A60766" s="1" t="s">
        <v>143764</v>
      </c>
      <c r="B60766" s="1" t="s">
        <v>201495</v>
      </c>
      <c r="C60766" s="1" t="s">
        <v>65</v>
      </c>
      <c r="D60766" s="1" t="s">
        <v>119665</v>
      </c>
      <c r="E60766" s="1" t="s">
        <v>203786</v>
      </c>
      <c r="F60766" s="1" t="s">
        <v>203787</v>
      </c>
      <c r="G60766" s="1" t="s">
        <v>203754</v>
      </c>
      <c r="H60766" s="1" t="s">
        <v>203755</v>
      </c>
      <c r="I60766" s="1" t="s">
        <v>201500</v>
      </c>
      <c r="J60766" s="1" t="s">
        <v>203788</v>
      </c>
    </row>
    <row r="60767" spans="1:10" x14ac:dyDescent="0.35">
      <c r="A60767" s="1" t="s">
        <v>143764</v>
      </c>
      <c r="B60767" s="1" t="s">
        <v>201495</v>
      </c>
      <c r="C60767" s="1" t="s">
        <v>70</v>
      </c>
      <c r="D60767" s="1" t="s">
        <v>203789</v>
      </c>
      <c r="E60767" s="1" t="s">
        <v>203790</v>
      </c>
      <c r="F60767" s="1" t="s">
        <v>203791</v>
      </c>
      <c r="G60767" s="1" t="s">
        <v>203754</v>
      </c>
      <c r="H60767" s="1" t="s">
        <v>203755</v>
      </c>
      <c r="I60767" s="1" t="s">
        <v>201500</v>
      </c>
      <c r="J60767" s="1" t="s">
        <v>203792</v>
      </c>
    </row>
    <row r="60768" spans="1:10" x14ac:dyDescent="0.35">
      <c r="A60768" s="1" t="s">
        <v>143764</v>
      </c>
      <c r="B60768" s="1" t="s">
        <v>201495</v>
      </c>
      <c r="C60768" s="1" t="s">
        <v>75</v>
      </c>
      <c r="D60768" s="1" t="s">
        <v>104801</v>
      </c>
      <c r="E60768" s="1" t="s">
        <v>203793</v>
      </c>
      <c r="F60768" s="1" t="s">
        <v>203794</v>
      </c>
      <c r="G60768" s="1" t="s">
        <v>203754</v>
      </c>
      <c r="H60768" s="1" t="s">
        <v>203755</v>
      </c>
      <c r="I60768" s="1" t="s">
        <v>201500</v>
      </c>
      <c r="J60768" s="1" t="s">
        <v>203795</v>
      </c>
    </row>
    <row r="60769" spans="1:10" x14ac:dyDescent="0.35">
      <c r="A60769" s="1" t="s">
        <v>143764</v>
      </c>
      <c r="B60769" s="1" t="s">
        <v>201495</v>
      </c>
      <c r="C60769" s="1" t="s">
        <v>80</v>
      </c>
      <c r="D60769" s="1" t="s">
        <v>9251</v>
      </c>
      <c r="E60769" s="1" t="s">
        <v>203796</v>
      </c>
      <c r="F60769" s="1" t="s">
        <v>203797</v>
      </c>
      <c r="G60769" s="1" t="s">
        <v>203754</v>
      </c>
      <c r="H60769" s="1" t="s">
        <v>203755</v>
      </c>
      <c r="I60769" s="1" t="s">
        <v>201500</v>
      </c>
      <c r="J60769" s="1" t="s">
        <v>203798</v>
      </c>
    </row>
    <row r="60770" spans="1:10" x14ac:dyDescent="0.35">
      <c r="A60770" s="1" t="s">
        <v>143764</v>
      </c>
      <c r="B60770" s="1" t="s">
        <v>201495</v>
      </c>
      <c r="C60770" s="1" t="s">
        <v>85</v>
      </c>
      <c r="D60770" s="1" t="s">
        <v>4058</v>
      </c>
      <c r="E60770" s="1" t="s">
        <v>203799</v>
      </c>
      <c r="F60770" s="1" t="s">
        <v>203800</v>
      </c>
      <c r="G60770" s="1" t="s">
        <v>203754</v>
      </c>
      <c r="H60770" s="1" t="s">
        <v>203755</v>
      </c>
      <c r="I60770" s="1" t="s">
        <v>201500</v>
      </c>
      <c r="J60770" s="1" t="s">
        <v>203801</v>
      </c>
    </row>
    <row r="60771" spans="1:10" x14ac:dyDescent="0.35">
      <c r="A60771" s="1" t="s">
        <v>143764</v>
      </c>
      <c r="B60771" s="1" t="s">
        <v>201495</v>
      </c>
      <c r="C60771" s="1" t="s">
        <v>90</v>
      </c>
      <c r="D60771" s="1" t="s">
        <v>2861</v>
      </c>
      <c r="E60771" s="1" t="s">
        <v>203802</v>
      </c>
      <c r="F60771" s="1" t="s">
        <v>203803</v>
      </c>
      <c r="G60771" s="1" t="s">
        <v>203754</v>
      </c>
      <c r="H60771" s="1" t="s">
        <v>203755</v>
      </c>
      <c r="I60771" s="1" t="s">
        <v>201500</v>
      </c>
      <c r="J60771" s="1" t="s">
        <v>203804</v>
      </c>
    </row>
    <row r="60772" spans="1:10" x14ac:dyDescent="0.35">
      <c r="A60772" s="1" t="s">
        <v>143764</v>
      </c>
      <c r="B60772" s="1" t="s">
        <v>201495</v>
      </c>
      <c r="C60772" s="1" t="s">
        <v>95</v>
      </c>
      <c r="D60772" s="1" t="s">
        <v>122038</v>
      </c>
      <c r="E60772" s="1" t="s">
        <v>203805</v>
      </c>
      <c r="F60772" s="1" t="s">
        <v>203806</v>
      </c>
      <c r="G60772" s="1" t="s">
        <v>203754</v>
      </c>
      <c r="H60772" s="1" t="s">
        <v>203755</v>
      </c>
      <c r="I60772" s="1" t="s">
        <v>201500</v>
      </c>
      <c r="J60772" s="1" t="s">
        <v>203807</v>
      </c>
    </row>
    <row r="60773" spans="1:10" x14ac:dyDescent="0.35">
      <c r="A60773" s="1" t="s">
        <v>143764</v>
      </c>
      <c r="B60773" s="1" t="s">
        <v>201495</v>
      </c>
      <c r="C60773" s="1" t="s">
        <v>100</v>
      </c>
      <c r="D60773" s="1" t="s">
        <v>148800</v>
      </c>
      <c r="E60773" s="1" t="s">
        <v>203808</v>
      </c>
      <c r="F60773" s="1" t="s">
        <v>203809</v>
      </c>
      <c r="G60773" s="1" t="s">
        <v>203754</v>
      </c>
      <c r="H60773" s="1" t="s">
        <v>203755</v>
      </c>
      <c r="I60773" s="1" t="s">
        <v>201500</v>
      </c>
      <c r="J60773" s="1" t="s">
        <v>203810</v>
      </c>
    </row>
    <row r="60774" spans="1:10" x14ac:dyDescent="0.35">
      <c r="A60774" s="1" t="s">
        <v>143764</v>
      </c>
      <c r="B60774" s="1" t="s">
        <v>201495</v>
      </c>
      <c r="C60774" s="1" t="s">
        <v>105</v>
      </c>
      <c r="D60774" s="1" t="s">
        <v>11771</v>
      </c>
      <c r="E60774" s="1" t="s">
        <v>203811</v>
      </c>
      <c r="F60774" s="1" t="s">
        <v>203812</v>
      </c>
      <c r="G60774" s="1" t="s">
        <v>203754</v>
      </c>
      <c r="H60774" s="1" t="s">
        <v>203755</v>
      </c>
      <c r="I60774" s="1" t="s">
        <v>201500</v>
      </c>
      <c r="J60774" s="1" t="s">
        <v>203813</v>
      </c>
    </row>
    <row r="60775" spans="1:10" x14ac:dyDescent="0.35">
      <c r="A60775" s="1" t="s">
        <v>143764</v>
      </c>
      <c r="B60775" s="1" t="s">
        <v>201495</v>
      </c>
      <c r="C60775" s="1" t="s">
        <v>110</v>
      </c>
      <c r="D60775" s="1" t="s">
        <v>46927</v>
      </c>
      <c r="E60775" s="1" t="s">
        <v>203814</v>
      </c>
      <c r="F60775" s="1" t="s">
        <v>203815</v>
      </c>
      <c r="G60775" s="1" t="s">
        <v>203754</v>
      </c>
      <c r="H60775" s="1" t="s">
        <v>203755</v>
      </c>
      <c r="I60775" s="1" t="s">
        <v>201500</v>
      </c>
      <c r="J60775" s="1" t="s">
        <v>203816</v>
      </c>
    </row>
    <row r="60776" spans="1:10" x14ac:dyDescent="0.35">
      <c r="A60776" s="1" t="s">
        <v>143764</v>
      </c>
      <c r="B60776" s="1" t="s">
        <v>201495</v>
      </c>
      <c r="C60776" s="1" t="s">
        <v>115</v>
      </c>
      <c r="D60776" s="1" t="s">
        <v>141780</v>
      </c>
      <c r="E60776" s="1" t="s">
        <v>203817</v>
      </c>
      <c r="F60776" s="1" t="s">
        <v>203818</v>
      </c>
      <c r="G60776" s="1" t="s">
        <v>203754</v>
      </c>
      <c r="H60776" s="1" t="s">
        <v>203755</v>
      </c>
      <c r="I60776" s="1" t="s">
        <v>201500</v>
      </c>
      <c r="J60776" s="1" t="s">
        <v>203819</v>
      </c>
    </row>
    <row r="60777" spans="1:10" x14ac:dyDescent="0.35">
      <c r="A60777" s="1" t="s">
        <v>143764</v>
      </c>
      <c r="B60777" s="1" t="s">
        <v>201495</v>
      </c>
      <c r="C60777" s="1" t="s">
        <v>120</v>
      </c>
      <c r="D60777" s="1" t="s">
        <v>144129</v>
      </c>
      <c r="E60777" s="1" t="s">
        <v>203820</v>
      </c>
      <c r="F60777" s="1" t="s">
        <v>203821</v>
      </c>
      <c r="G60777" s="1" t="s">
        <v>203754</v>
      </c>
      <c r="H60777" s="1" t="s">
        <v>203755</v>
      </c>
      <c r="I60777" s="1" t="s">
        <v>201500</v>
      </c>
      <c r="J60777" s="1" t="s">
        <v>203822</v>
      </c>
    </row>
    <row r="60778" spans="1:10" x14ac:dyDescent="0.35">
      <c r="A60778" s="1" t="s">
        <v>143764</v>
      </c>
      <c r="B60778" s="1" t="s">
        <v>201495</v>
      </c>
      <c r="C60778" s="1" t="s">
        <v>125</v>
      </c>
      <c r="D60778" s="1" t="s">
        <v>72670</v>
      </c>
      <c r="E60778" s="1" t="s">
        <v>203823</v>
      </c>
      <c r="F60778" s="1" t="s">
        <v>203824</v>
      </c>
      <c r="G60778" s="1" t="s">
        <v>203754</v>
      </c>
      <c r="H60778" s="1" t="s">
        <v>203755</v>
      </c>
      <c r="I60778" s="1" t="s">
        <v>201500</v>
      </c>
      <c r="J60778" s="1" t="s">
        <v>203825</v>
      </c>
    </row>
    <row r="60779" spans="1:10" x14ac:dyDescent="0.35">
      <c r="A60779" s="1" t="s">
        <v>143764</v>
      </c>
      <c r="B60779" s="1" t="s">
        <v>201495</v>
      </c>
      <c r="C60779" s="1" t="s">
        <v>130</v>
      </c>
      <c r="D60779" s="1" t="s">
        <v>8997</v>
      </c>
      <c r="E60779" s="1" t="s">
        <v>203826</v>
      </c>
      <c r="F60779" s="1" t="s">
        <v>203827</v>
      </c>
      <c r="G60779" s="1" t="s">
        <v>203754</v>
      </c>
      <c r="H60779" s="1" t="s">
        <v>203755</v>
      </c>
      <c r="I60779" s="1" t="s">
        <v>201500</v>
      </c>
      <c r="J60779" s="1" t="s">
        <v>203828</v>
      </c>
    </row>
    <row r="60780" spans="1:10" x14ac:dyDescent="0.35">
      <c r="A60780" s="1" t="s">
        <v>143764</v>
      </c>
      <c r="B60780" s="1" t="s">
        <v>201495</v>
      </c>
      <c r="C60780" s="1" t="s">
        <v>135</v>
      </c>
      <c r="D60780" s="1" t="s">
        <v>148728</v>
      </c>
      <c r="E60780" s="1" t="s">
        <v>203829</v>
      </c>
      <c r="F60780" s="1" t="s">
        <v>203830</v>
      </c>
      <c r="G60780" s="1" t="s">
        <v>203754</v>
      </c>
      <c r="H60780" s="1" t="s">
        <v>203755</v>
      </c>
      <c r="I60780" s="1" t="s">
        <v>201500</v>
      </c>
      <c r="J60780" s="1" t="s">
        <v>203831</v>
      </c>
    </row>
    <row r="60781" spans="1:10" x14ac:dyDescent="0.35">
      <c r="A60781" s="1" t="s">
        <v>143764</v>
      </c>
      <c r="B60781" s="1" t="s">
        <v>201495</v>
      </c>
      <c r="C60781" s="1" t="s">
        <v>140</v>
      </c>
      <c r="D60781" s="1" t="s">
        <v>49174</v>
      </c>
      <c r="E60781" s="1" t="s">
        <v>203832</v>
      </c>
      <c r="F60781" s="1" t="s">
        <v>203833</v>
      </c>
      <c r="G60781" s="1" t="s">
        <v>203754</v>
      </c>
      <c r="H60781" s="1" t="s">
        <v>203755</v>
      </c>
      <c r="I60781" s="1" t="s">
        <v>201500</v>
      </c>
      <c r="J60781" s="1" t="s">
        <v>203834</v>
      </c>
    </row>
    <row r="60782" spans="1:10" x14ac:dyDescent="0.35">
      <c r="A60782" s="1" t="s">
        <v>143764</v>
      </c>
      <c r="B60782" s="1" t="s">
        <v>201495</v>
      </c>
      <c r="C60782" s="1" t="s">
        <v>145</v>
      </c>
      <c r="D60782" s="1" t="s">
        <v>48580</v>
      </c>
      <c r="E60782" s="1" t="s">
        <v>203835</v>
      </c>
      <c r="F60782" s="1" t="s">
        <v>203836</v>
      </c>
      <c r="G60782" s="1" t="s">
        <v>203754</v>
      </c>
      <c r="H60782" s="1" t="s">
        <v>203755</v>
      </c>
      <c r="I60782" s="1" t="s">
        <v>201500</v>
      </c>
      <c r="J60782" s="1" t="s">
        <v>203837</v>
      </c>
    </row>
    <row r="60783" spans="1:10" x14ac:dyDescent="0.35">
      <c r="A60783" s="1" t="s">
        <v>143764</v>
      </c>
      <c r="B60783" s="1" t="s">
        <v>201495</v>
      </c>
      <c r="C60783" s="1" t="s">
        <v>150</v>
      </c>
      <c r="D60783" s="1" t="s">
        <v>25016</v>
      </c>
      <c r="E60783" s="1" t="s">
        <v>203838</v>
      </c>
      <c r="F60783" s="1" t="s">
        <v>203839</v>
      </c>
      <c r="G60783" s="1" t="s">
        <v>203754</v>
      </c>
      <c r="H60783" s="1" t="s">
        <v>203755</v>
      </c>
      <c r="I60783" s="1" t="s">
        <v>201500</v>
      </c>
      <c r="J60783" s="1" t="s">
        <v>203840</v>
      </c>
    </row>
    <row r="60784" spans="1:10" x14ac:dyDescent="0.35">
      <c r="A60784" s="1" t="s">
        <v>143764</v>
      </c>
      <c r="B60784" s="1" t="s">
        <v>201495</v>
      </c>
      <c r="C60784" s="1" t="s">
        <v>155</v>
      </c>
      <c r="D60784" s="1" t="s">
        <v>75011</v>
      </c>
      <c r="E60784" s="1" t="s">
        <v>203841</v>
      </c>
      <c r="F60784" s="1" t="s">
        <v>203842</v>
      </c>
      <c r="G60784" s="1" t="s">
        <v>203754</v>
      </c>
      <c r="H60784" s="1" t="s">
        <v>203755</v>
      </c>
      <c r="I60784" s="1" t="s">
        <v>201500</v>
      </c>
      <c r="J60784" s="1" t="s">
        <v>203843</v>
      </c>
    </row>
    <row r="60785" spans="1:10" x14ac:dyDescent="0.35">
      <c r="A60785" s="1" t="s">
        <v>143764</v>
      </c>
      <c r="B60785" s="1" t="s">
        <v>201495</v>
      </c>
      <c r="C60785" s="1" t="s">
        <v>160</v>
      </c>
      <c r="D60785" s="1" t="s">
        <v>203844</v>
      </c>
      <c r="E60785" s="1" t="s">
        <v>203845</v>
      </c>
      <c r="F60785" s="1" t="s">
        <v>203846</v>
      </c>
      <c r="G60785" s="1" t="s">
        <v>203754</v>
      </c>
      <c r="H60785" s="1" t="s">
        <v>203755</v>
      </c>
      <c r="I60785" s="1" t="s">
        <v>201500</v>
      </c>
      <c r="J60785" s="1" t="s">
        <v>203847</v>
      </c>
    </row>
    <row r="60786" spans="1:10" x14ac:dyDescent="0.35">
      <c r="A60786" s="1" t="s">
        <v>143764</v>
      </c>
      <c r="B60786" s="1" t="s">
        <v>201495</v>
      </c>
      <c r="C60786" s="1" t="s">
        <v>165</v>
      </c>
      <c r="D60786" s="1" t="s">
        <v>194949</v>
      </c>
      <c r="E60786" s="1" t="s">
        <v>203848</v>
      </c>
      <c r="F60786" s="1" t="s">
        <v>203849</v>
      </c>
      <c r="G60786" s="1" t="s">
        <v>203754</v>
      </c>
      <c r="H60786" s="1" t="s">
        <v>203755</v>
      </c>
      <c r="I60786" s="1" t="s">
        <v>201500</v>
      </c>
      <c r="J60786" s="1" t="s">
        <v>203850</v>
      </c>
    </row>
    <row r="60787" spans="1:10" x14ac:dyDescent="0.35">
      <c r="A60787" s="1" t="s">
        <v>143764</v>
      </c>
      <c r="B60787" s="1" t="s">
        <v>201495</v>
      </c>
      <c r="C60787" s="1" t="s">
        <v>170</v>
      </c>
      <c r="D60787" s="1" t="s">
        <v>151318</v>
      </c>
      <c r="E60787" s="1" t="s">
        <v>203851</v>
      </c>
      <c r="F60787" s="1" t="s">
        <v>203852</v>
      </c>
      <c r="G60787" s="1" t="s">
        <v>203754</v>
      </c>
      <c r="H60787" s="1" t="s">
        <v>203755</v>
      </c>
      <c r="I60787" s="1" t="s">
        <v>201500</v>
      </c>
      <c r="J60787" s="1" t="s">
        <v>203853</v>
      </c>
    </row>
    <row r="60788" spans="1:10" x14ac:dyDescent="0.35">
      <c r="A60788" s="1" t="s">
        <v>8299</v>
      </c>
      <c r="B60788" s="1" t="s">
        <v>201495</v>
      </c>
      <c r="C60788" s="1" t="s">
        <v>8</v>
      </c>
      <c r="D60788" s="1" t="s">
        <v>8738</v>
      </c>
      <c r="E60788" s="1" t="s">
        <v>203854</v>
      </c>
      <c r="F60788" s="1" t="s">
        <v>203855</v>
      </c>
      <c r="G60788" s="1" t="s">
        <v>203856</v>
      </c>
      <c r="H60788" s="1" t="s">
        <v>203857</v>
      </c>
      <c r="I60788" s="1" t="s">
        <v>201500</v>
      </c>
      <c r="J60788" s="1" t="s">
        <v>13</v>
      </c>
    </row>
    <row r="60789" spans="1:10" x14ac:dyDescent="0.35">
      <c r="A60789" s="1" t="s">
        <v>8299</v>
      </c>
      <c r="B60789" s="1" t="s">
        <v>201495</v>
      </c>
      <c r="C60789" s="1" t="s">
        <v>15</v>
      </c>
      <c r="D60789" s="1" t="s">
        <v>119480</v>
      </c>
      <c r="E60789" s="1" t="s">
        <v>203858</v>
      </c>
      <c r="F60789" s="1" t="s">
        <v>203859</v>
      </c>
      <c r="G60789" s="1" t="s">
        <v>203856</v>
      </c>
      <c r="H60789" s="1" t="s">
        <v>203857</v>
      </c>
      <c r="I60789" s="1" t="s">
        <v>201500</v>
      </c>
      <c r="J60789" s="1" t="s">
        <v>203860</v>
      </c>
    </row>
    <row r="60790" spans="1:10" x14ac:dyDescent="0.35">
      <c r="A60790" s="1" t="s">
        <v>8299</v>
      </c>
      <c r="B60790" s="1" t="s">
        <v>201495</v>
      </c>
      <c r="C60790" s="1" t="s">
        <v>20</v>
      </c>
      <c r="D60790" s="1" t="s">
        <v>143965</v>
      </c>
      <c r="E60790" s="1" t="s">
        <v>203861</v>
      </c>
      <c r="F60790" s="1" t="s">
        <v>203862</v>
      </c>
      <c r="G60790" s="1" t="s">
        <v>203856</v>
      </c>
      <c r="H60790" s="1" t="s">
        <v>203857</v>
      </c>
      <c r="I60790" s="1" t="s">
        <v>201500</v>
      </c>
      <c r="J60790" s="1" t="s">
        <v>203863</v>
      </c>
    </row>
    <row r="60791" spans="1:10" x14ac:dyDescent="0.35">
      <c r="A60791" s="1" t="s">
        <v>8299</v>
      </c>
      <c r="B60791" s="1" t="s">
        <v>201495</v>
      </c>
      <c r="C60791" s="1" t="s">
        <v>25</v>
      </c>
      <c r="D60791" s="1" t="s">
        <v>27855</v>
      </c>
      <c r="E60791" s="1" t="s">
        <v>203864</v>
      </c>
      <c r="F60791" s="1" t="s">
        <v>203865</v>
      </c>
      <c r="G60791" s="1" t="s">
        <v>203856</v>
      </c>
      <c r="H60791" s="1" t="s">
        <v>203857</v>
      </c>
      <c r="I60791" s="1" t="s">
        <v>201500</v>
      </c>
      <c r="J60791" s="1" t="s">
        <v>203866</v>
      </c>
    </row>
    <row r="60792" spans="1:10" x14ac:dyDescent="0.35">
      <c r="A60792" s="1" t="s">
        <v>8299</v>
      </c>
      <c r="B60792" s="1" t="s">
        <v>201495</v>
      </c>
      <c r="C60792" s="1" t="s">
        <v>30</v>
      </c>
      <c r="D60792" s="1" t="s">
        <v>29090</v>
      </c>
      <c r="E60792" s="1" t="s">
        <v>203867</v>
      </c>
      <c r="F60792" s="1" t="s">
        <v>203868</v>
      </c>
      <c r="G60792" s="1" t="s">
        <v>203856</v>
      </c>
      <c r="H60792" s="1" t="s">
        <v>203857</v>
      </c>
      <c r="I60792" s="1" t="s">
        <v>201500</v>
      </c>
      <c r="J60792" s="1" t="s">
        <v>203869</v>
      </c>
    </row>
    <row r="60793" spans="1:10" x14ac:dyDescent="0.35">
      <c r="A60793" s="1" t="s">
        <v>8299</v>
      </c>
      <c r="B60793" s="1" t="s">
        <v>201495</v>
      </c>
      <c r="C60793" s="1" t="s">
        <v>35</v>
      </c>
      <c r="D60793" s="1" t="s">
        <v>203870</v>
      </c>
      <c r="E60793" s="1" t="s">
        <v>203871</v>
      </c>
      <c r="F60793" s="1" t="s">
        <v>203872</v>
      </c>
      <c r="G60793" s="1" t="s">
        <v>203856</v>
      </c>
      <c r="H60793" s="1" t="s">
        <v>203857</v>
      </c>
      <c r="I60793" s="1" t="s">
        <v>201500</v>
      </c>
      <c r="J60793" s="1" t="s">
        <v>203873</v>
      </c>
    </row>
    <row r="60794" spans="1:10" x14ac:dyDescent="0.35">
      <c r="A60794" s="1" t="s">
        <v>8299</v>
      </c>
      <c r="B60794" s="1" t="s">
        <v>201495</v>
      </c>
      <c r="C60794" s="1" t="s">
        <v>40</v>
      </c>
      <c r="D60794" s="1" t="s">
        <v>203874</v>
      </c>
      <c r="E60794" s="1" t="s">
        <v>203875</v>
      </c>
      <c r="F60794" s="1" t="s">
        <v>203876</v>
      </c>
      <c r="G60794" s="1" t="s">
        <v>203856</v>
      </c>
      <c r="H60794" s="1" t="s">
        <v>203857</v>
      </c>
      <c r="I60794" s="1" t="s">
        <v>201500</v>
      </c>
      <c r="J60794" s="1" t="s">
        <v>203877</v>
      </c>
    </row>
    <row r="60795" spans="1:10" x14ac:dyDescent="0.35">
      <c r="A60795" s="1" t="s">
        <v>8299</v>
      </c>
      <c r="B60795" s="1" t="s">
        <v>201495</v>
      </c>
      <c r="C60795" s="1" t="s">
        <v>45</v>
      </c>
      <c r="D60795" s="1" t="s">
        <v>111492</v>
      </c>
      <c r="E60795" s="1" t="s">
        <v>203878</v>
      </c>
      <c r="F60795" s="1" t="s">
        <v>203879</v>
      </c>
      <c r="G60795" s="1" t="s">
        <v>203856</v>
      </c>
      <c r="H60795" s="1" t="s">
        <v>203857</v>
      </c>
      <c r="I60795" s="1" t="s">
        <v>201500</v>
      </c>
      <c r="J60795" s="1" t="s">
        <v>203880</v>
      </c>
    </row>
    <row r="60796" spans="1:10" x14ac:dyDescent="0.35">
      <c r="A60796" s="1" t="s">
        <v>8299</v>
      </c>
      <c r="B60796" s="1" t="s">
        <v>201495</v>
      </c>
      <c r="C60796" s="1" t="s">
        <v>50</v>
      </c>
      <c r="D60796" s="1" t="s">
        <v>157286</v>
      </c>
      <c r="E60796" s="1" t="s">
        <v>203881</v>
      </c>
      <c r="F60796" s="1" t="s">
        <v>203882</v>
      </c>
      <c r="G60796" s="1" t="s">
        <v>203856</v>
      </c>
      <c r="H60796" s="1" t="s">
        <v>203857</v>
      </c>
      <c r="I60796" s="1" t="s">
        <v>201500</v>
      </c>
      <c r="J60796" s="1" t="s">
        <v>203883</v>
      </c>
    </row>
    <row r="60797" spans="1:10" x14ac:dyDescent="0.35">
      <c r="A60797" s="1" t="s">
        <v>8299</v>
      </c>
      <c r="B60797" s="1" t="s">
        <v>201495</v>
      </c>
      <c r="C60797" s="1" t="s">
        <v>55</v>
      </c>
      <c r="D60797" s="1" t="s">
        <v>8028</v>
      </c>
      <c r="E60797" s="1" t="s">
        <v>203884</v>
      </c>
      <c r="F60797" s="1" t="s">
        <v>203885</v>
      </c>
      <c r="G60797" s="1" t="s">
        <v>203856</v>
      </c>
      <c r="H60797" s="1" t="s">
        <v>203857</v>
      </c>
      <c r="I60797" s="1" t="s">
        <v>201500</v>
      </c>
      <c r="J60797" s="1" t="s">
        <v>203886</v>
      </c>
    </row>
    <row r="60798" spans="1:10" x14ac:dyDescent="0.35">
      <c r="A60798" s="1" t="s">
        <v>8299</v>
      </c>
      <c r="B60798" s="1" t="s">
        <v>201495</v>
      </c>
      <c r="C60798" s="1" t="s">
        <v>60</v>
      </c>
      <c r="D60798" s="1" t="s">
        <v>203887</v>
      </c>
      <c r="E60798" s="1" t="s">
        <v>203888</v>
      </c>
      <c r="F60798" s="1" t="s">
        <v>203889</v>
      </c>
      <c r="G60798" s="1" t="s">
        <v>203856</v>
      </c>
      <c r="H60798" s="1" t="s">
        <v>203857</v>
      </c>
      <c r="I60798" s="1" t="s">
        <v>201500</v>
      </c>
      <c r="J60798" s="1" t="s">
        <v>203890</v>
      </c>
    </row>
    <row r="60799" spans="1:10" x14ac:dyDescent="0.35">
      <c r="A60799" s="1" t="s">
        <v>8299</v>
      </c>
      <c r="B60799" s="1" t="s">
        <v>201495</v>
      </c>
      <c r="C60799" s="1" t="s">
        <v>65</v>
      </c>
      <c r="D60799" s="1" t="s">
        <v>4050</v>
      </c>
      <c r="E60799" s="1" t="s">
        <v>203891</v>
      </c>
      <c r="F60799" s="1" t="s">
        <v>203892</v>
      </c>
      <c r="G60799" s="1" t="s">
        <v>203856</v>
      </c>
      <c r="H60799" s="1" t="s">
        <v>203857</v>
      </c>
      <c r="I60799" s="1" t="s">
        <v>201500</v>
      </c>
      <c r="J60799" s="1" t="s">
        <v>203893</v>
      </c>
    </row>
    <row r="60800" spans="1:10" x14ac:dyDescent="0.35">
      <c r="A60800" s="1" t="s">
        <v>8299</v>
      </c>
      <c r="B60800" s="1" t="s">
        <v>201495</v>
      </c>
      <c r="C60800" s="1" t="s">
        <v>70</v>
      </c>
      <c r="D60800" s="1" t="s">
        <v>28256</v>
      </c>
      <c r="E60800" s="1" t="s">
        <v>203894</v>
      </c>
      <c r="F60800" s="1" t="s">
        <v>203895</v>
      </c>
      <c r="G60800" s="1" t="s">
        <v>203856</v>
      </c>
      <c r="H60800" s="1" t="s">
        <v>203857</v>
      </c>
      <c r="I60800" s="1" t="s">
        <v>201500</v>
      </c>
      <c r="J60800" s="1" t="s">
        <v>203896</v>
      </c>
    </row>
    <row r="60801" spans="1:10" x14ac:dyDescent="0.35">
      <c r="A60801" s="1" t="s">
        <v>8299</v>
      </c>
      <c r="B60801" s="1" t="s">
        <v>201495</v>
      </c>
      <c r="C60801" s="1" t="s">
        <v>75</v>
      </c>
      <c r="D60801" s="1" t="s">
        <v>143112</v>
      </c>
      <c r="E60801" s="1" t="s">
        <v>203897</v>
      </c>
      <c r="F60801" s="1" t="s">
        <v>203898</v>
      </c>
      <c r="G60801" s="1" t="s">
        <v>203856</v>
      </c>
      <c r="H60801" s="1" t="s">
        <v>203857</v>
      </c>
      <c r="I60801" s="1" t="s">
        <v>201500</v>
      </c>
      <c r="J60801" s="1" t="s">
        <v>203899</v>
      </c>
    </row>
    <row r="60802" spans="1:10" x14ac:dyDescent="0.35">
      <c r="A60802" s="1" t="s">
        <v>8299</v>
      </c>
      <c r="B60802" s="1" t="s">
        <v>201495</v>
      </c>
      <c r="C60802" s="1" t="s">
        <v>80</v>
      </c>
      <c r="D60802" s="1" t="s">
        <v>111492</v>
      </c>
      <c r="E60802" s="1" t="s">
        <v>203900</v>
      </c>
      <c r="F60802" s="1" t="s">
        <v>203901</v>
      </c>
      <c r="G60802" s="1" t="s">
        <v>203856</v>
      </c>
      <c r="H60802" s="1" t="s">
        <v>203857</v>
      </c>
      <c r="I60802" s="1" t="s">
        <v>201500</v>
      </c>
      <c r="J60802" s="1" t="s">
        <v>203902</v>
      </c>
    </row>
    <row r="60803" spans="1:10" x14ac:dyDescent="0.35">
      <c r="A60803" s="1" t="s">
        <v>8299</v>
      </c>
      <c r="B60803" s="1" t="s">
        <v>201495</v>
      </c>
      <c r="C60803" s="1" t="s">
        <v>85</v>
      </c>
      <c r="D60803" s="1" t="s">
        <v>27410</v>
      </c>
      <c r="E60803" s="1" t="s">
        <v>203903</v>
      </c>
      <c r="F60803" s="1" t="s">
        <v>203904</v>
      </c>
      <c r="G60803" s="1" t="s">
        <v>203856</v>
      </c>
      <c r="H60803" s="1" t="s">
        <v>203857</v>
      </c>
      <c r="I60803" s="1" t="s">
        <v>201500</v>
      </c>
      <c r="J60803" s="1" t="s">
        <v>203905</v>
      </c>
    </row>
    <row r="60804" spans="1:10" x14ac:dyDescent="0.35">
      <c r="A60804" s="1" t="s">
        <v>8299</v>
      </c>
      <c r="B60804" s="1" t="s">
        <v>201495</v>
      </c>
      <c r="C60804" s="1" t="s">
        <v>90</v>
      </c>
      <c r="D60804" s="1" t="s">
        <v>4066</v>
      </c>
      <c r="E60804" s="1" t="s">
        <v>203906</v>
      </c>
      <c r="F60804" s="1" t="s">
        <v>203907</v>
      </c>
      <c r="G60804" s="1" t="s">
        <v>203856</v>
      </c>
      <c r="H60804" s="1" t="s">
        <v>203857</v>
      </c>
      <c r="I60804" s="1" t="s">
        <v>201500</v>
      </c>
      <c r="J60804" s="1" t="s">
        <v>203908</v>
      </c>
    </row>
    <row r="60805" spans="1:10" x14ac:dyDescent="0.35">
      <c r="A60805" s="1" t="s">
        <v>8299</v>
      </c>
      <c r="B60805" s="1" t="s">
        <v>201495</v>
      </c>
      <c r="C60805" s="1" t="s">
        <v>95</v>
      </c>
      <c r="D60805" s="1" t="s">
        <v>30041</v>
      </c>
      <c r="E60805" s="1" t="s">
        <v>203909</v>
      </c>
      <c r="F60805" s="1" t="s">
        <v>203910</v>
      </c>
      <c r="G60805" s="1" t="s">
        <v>203856</v>
      </c>
      <c r="H60805" s="1" t="s">
        <v>203857</v>
      </c>
      <c r="I60805" s="1" t="s">
        <v>201500</v>
      </c>
      <c r="J60805" s="1" t="s">
        <v>203911</v>
      </c>
    </row>
    <row r="60806" spans="1:10" x14ac:dyDescent="0.35">
      <c r="A60806" s="1" t="s">
        <v>8299</v>
      </c>
      <c r="B60806" s="1" t="s">
        <v>201495</v>
      </c>
      <c r="C60806" s="1" t="s">
        <v>100</v>
      </c>
      <c r="D60806" s="1" t="s">
        <v>203912</v>
      </c>
      <c r="E60806" s="1" t="s">
        <v>203913</v>
      </c>
      <c r="F60806" s="1" t="s">
        <v>203914</v>
      </c>
      <c r="G60806" s="1" t="s">
        <v>203856</v>
      </c>
      <c r="H60806" s="1" t="s">
        <v>203857</v>
      </c>
      <c r="I60806" s="1" t="s">
        <v>201500</v>
      </c>
      <c r="J60806" s="1" t="s">
        <v>203915</v>
      </c>
    </row>
    <row r="60807" spans="1:10" x14ac:dyDescent="0.35">
      <c r="A60807" s="1" t="s">
        <v>8299</v>
      </c>
      <c r="B60807" s="1" t="s">
        <v>201495</v>
      </c>
      <c r="C60807" s="1" t="s">
        <v>105</v>
      </c>
      <c r="D60807" s="1" t="s">
        <v>143331</v>
      </c>
      <c r="E60807" s="1" t="s">
        <v>203916</v>
      </c>
      <c r="F60807" s="1" t="s">
        <v>203917</v>
      </c>
      <c r="G60807" s="1" t="s">
        <v>203856</v>
      </c>
      <c r="H60807" s="1" t="s">
        <v>203857</v>
      </c>
      <c r="I60807" s="1" t="s">
        <v>201500</v>
      </c>
      <c r="J60807" s="1" t="s">
        <v>203918</v>
      </c>
    </row>
    <row r="60808" spans="1:10" x14ac:dyDescent="0.35">
      <c r="A60808" s="1" t="s">
        <v>8299</v>
      </c>
      <c r="B60808" s="1" t="s">
        <v>201495</v>
      </c>
      <c r="C60808" s="1" t="s">
        <v>110</v>
      </c>
      <c r="D60808" s="1" t="s">
        <v>203919</v>
      </c>
      <c r="E60808" s="1" t="s">
        <v>203920</v>
      </c>
      <c r="F60808" s="1" t="s">
        <v>203921</v>
      </c>
      <c r="G60808" s="1" t="s">
        <v>203856</v>
      </c>
      <c r="H60808" s="1" t="s">
        <v>203857</v>
      </c>
      <c r="I60808" s="1" t="s">
        <v>201500</v>
      </c>
      <c r="J60808" s="1" t="s">
        <v>203922</v>
      </c>
    </row>
    <row r="60809" spans="1:10" x14ac:dyDescent="0.35">
      <c r="A60809" s="1" t="s">
        <v>8299</v>
      </c>
      <c r="B60809" s="1" t="s">
        <v>201495</v>
      </c>
      <c r="C60809" s="1" t="s">
        <v>115</v>
      </c>
      <c r="D60809" s="1" t="s">
        <v>1608</v>
      </c>
      <c r="E60809" s="1" t="s">
        <v>203923</v>
      </c>
      <c r="F60809" s="1" t="s">
        <v>203924</v>
      </c>
      <c r="G60809" s="1" t="s">
        <v>203856</v>
      </c>
      <c r="H60809" s="1" t="s">
        <v>203857</v>
      </c>
      <c r="I60809" s="1" t="s">
        <v>201500</v>
      </c>
      <c r="J60809" s="1" t="s">
        <v>203925</v>
      </c>
    </row>
    <row r="60810" spans="1:10" x14ac:dyDescent="0.35">
      <c r="A60810" s="1" t="s">
        <v>8299</v>
      </c>
      <c r="B60810" s="1" t="s">
        <v>201495</v>
      </c>
      <c r="C60810" s="1" t="s">
        <v>120</v>
      </c>
      <c r="D60810" s="1" t="s">
        <v>2366</v>
      </c>
      <c r="E60810" s="1" t="s">
        <v>203926</v>
      </c>
      <c r="F60810" s="1" t="s">
        <v>203927</v>
      </c>
      <c r="G60810" s="1" t="s">
        <v>203856</v>
      </c>
      <c r="H60810" s="1" t="s">
        <v>203857</v>
      </c>
      <c r="I60810" s="1" t="s">
        <v>201500</v>
      </c>
      <c r="J60810" s="1" t="s">
        <v>203928</v>
      </c>
    </row>
    <row r="60811" spans="1:10" x14ac:dyDescent="0.35">
      <c r="A60811" s="1" t="s">
        <v>8299</v>
      </c>
      <c r="B60811" s="1" t="s">
        <v>201495</v>
      </c>
      <c r="C60811" s="1" t="s">
        <v>125</v>
      </c>
      <c r="D60811" s="1" t="s">
        <v>37427</v>
      </c>
      <c r="E60811" s="1" t="s">
        <v>203929</v>
      </c>
      <c r="F60811" s="1" t="s">
        <v>203930</v>
      </c>
      <c r="G60811" s="1" t="s">
        <v>203856</v>
      </c>
      <c r="H60811" s="1" t="s">
        <v>203857</v>
      </c>
      <c r="I60811" s="1" t="s">
        <v>201500</v>
      </c>
      <c r="J60811" s="1" t="s">
        <v>203931</v>
      </c>
    </row>
    <row r="60812" spans="1:10" x14ac:dyDescent="0.35">
      <c r="A60812" s="1" t="s">
        <v>8299</v>
      </c>
      <c r="B60812" s="1" t="s">
        <v>201495</v>
      </c>
      <c r="C60812" s="1" t="s">
        <v>130</v>
      </c>
      <c r="D60812" s="1" t="s">
        <v>35243</v>
      </c>
      <c r="E60812" s="1" t="s">
        <v>203932</v>
      </c>
      <c r="F60812" s="1" t="s">
        <v>203933</v>
      </c>
      <c r="G60812" s="1" t="s">
        <v>203856</v>
      </c>
      <c r="H60812" s="1" t="s">
        <v>203857</v>
      </c>
      <c r="I60812" s="1" t="s">
        <v>201500</v>
      </c>
      <c r="J60812" s="1" t="s">
        <v>203934</v>
      </c>
    </row>
    <row r="60813" spans="1:10" x14ac:dyDescent="0.35">
      <c r="A60813" s="1" t="s">
        <v>8299</v>
      </c>
      <c r="B60813" s="1" t="s">
        <v>201495</v>
      </c>
      <c r="C60813" s="1" t="s">
        <v>135</v>
      </c>
      <c r="D60813" s="1" t="s">
        <v>48301</v>
      </c>
      <c r="E60813" s="1" t="s">
        <v>203935</v>
      </c>
      <c r="F60813" s="1" t="s">
        <v>203936</v>
      </c>
      <c r="G60813" s="1" t="s">
        <v>203856</v>
      </c>
      <c r="H60813" s="1" t="s">
        <v>203857</v>
      </c>
      <c r="I60813" s="1" t="s">
        <v>201500</v>
      </c>
      <c r="J60813" s="1" t="s">
        <v>203937</v>
      </c>
    </row>
    <row r="60814" spans="1:10" x14ac:dyDescent="0.35">
      <c r="A60814" s="1" t="s">
        <v>8299</v>
      </c>
      <c r="B60814" s="1" t="s">
        <v>201495</v>
      </c>
      <c r="C60814" s="1" t="s">
        <v>140</v>
      </c>
      <c r="D60814" s="1" t="s">
        <v>6697</v>
      </c>
      <c r="E60814" s="1" t="s">
        <v>203938</v>
      </c>
      <c r="F60814" s="1" t="s">
        <v>203939</v>
      </c>
      <c r="G60814" s="1" t="s">
        <v>203856</v>
      </c>
      <c r="H60814" s="1" t="s">
        <v>203857</v>
      </c>
      <c r="I60814" s="1" t="s">
        <v>201500</v>
      </c>
      <c r="J60814" s="1" t="s">
        <v>203940</v>
      </c>
    </row>
    <row r="60815" spans="1:10" x14ac:dyDescent="0.35">
      <c r="A60815" s="1" t="s">
        <v>8299</v>
      </c>
      <c r="B60815" s="1" t="s">
        <v>201495</v>
      </c>
      <c r="C60815" s="1" t="s">
        <v>145</v>
      </c>
      <c r="D60815" s="1" t="s">
        <v>168900</v>
      </c>
      <c r="E60815" s="1" t="s">
        <v>203941</v>
      </c>
      <c r="F60815" s="1" t="s">
        <v>203942</v>
      </c>
      <c r="G60815" s="1" t="s">
        <v>203856</v>
      </c>
      <c r="H60815" s="1" t="s">
        <v>203857</v>
      </c>
      <c r="I60815" s="1" t="s">
        <v>201500</v>
      </c>
      <c r="J60815" s="1" t="s">
        <v>203943</v>
      </c>
    </row>
    <row r="60816" spans="1:10" x14ac:dyDescent="0.35">
      <c r="A60816" s="1" t="s">
        <v>8299</v>
      </c>
      <c r="B60816" s="1" t="s">
        <v>201495</v>
      </c>
      <c r="C60816" s="1" t="s">
        <v>150</v>
      </c>
      <c r="D60816" s="1" t="s">
        <v>111866</v>
      </c>
      <c r="E60816" s="1" t="s">
        <v>203944</v>
      </c>
      <c r="F60816" s="1" t="s">
        <v>203945</v>
      </c>
      <c r="G60816" s="1" t="s">
        <v>203856</v>
      </c>
      <c r="H60816" s="1" t="s">
        <v>203857</v>
      </c>
      <c r="I60816" s="1" t="s">
        <v>201500</v>
      </c>
      <c r="J60816" s="1" t="s">
        <v>203946</v>
      </c>
    </row>
    <row r="60817" spans="1:10" x14ac:dyDescent="0.35">
      <c r="A60817" s="1" t="s">
        <v>8299</v>
      </c>
      <c r="B60817" s="1" t="s">
        <v>201495</v>
      </c>
      <c r="C60817" s="1" t="s">
        <v>155</v>
      </c>
      <c r="D60817" s="1" t="s">
        <v>148471</v>
      </c>
      <c r="E60817" s="1" t="s">
        <v>203947</v>
      </c>
      <c r="F60817" s="1" t="s">
        <v>203948</v>
      </c>
      <c r="G60817" s="1" t="s">
        <v>203856</v>
      </c>
      <c r="H60817" s="1" t="s">
        <v>203857</v>
      </c>
      <c r="I60817" s="1" t="s">
        <v>201500</v>
      </c>
      <c r="J60817" s="1" t="s">
        <v>203949</v>
      </c>
    </row>
    <row r="60818" spans="1:10" x14ac:dyDescent="0.35">
      <c r="A60818" s="1" t="s">
        <v>8299</v>
      </c>
      <c r="B60818" s="1" t="s">
        <v>201495</v>
      </c>
      <c r="C60818" s="1" t="s">
        <v>160</v>
      </c>
      <c r="D60818" s="1" t="s">
        <v>72230</v>
      </c>
      <c r="E60818" s="1" t="s">
        <v>203950</v>
      </c>
      <c r="F60818" s="1" t="s">
        <v>203951</v>
      </c>
      <c r="G60818" s="1" t="s">
        <v>203856</v>
      </c>
      <c r="H60818" s="1" t="s">
        <v>203857</v>
      </c>
      <c r="I60818" s="1" t="s">
        <v>201500</v>
      </c>
      <c r="J60818" s="1" t="s">
        <v>203952</v>
      </c>
    </row>
    <row r="60819" spans="1:10" x14ac:dyDescent="0.35">
      <c r="A60819" s="1" t="s">
        <v>8299</v>
      </c>
      <c r="B60819" s="1" t="s">
        <v>201495</v>
      </c>
      <c r="C60819" s="1" t="s">
        <v>165</v>
      </c>
      <c r="D60819" s="1" t="s">
        <v>2948</v>
      </c>
      <c r="E60819" s="1" t="s">
        <v>203953</v>
      </c>
      <c r="F60819" s="1" t="s">
        <v>203954</v>
      </c>
      <c r="G60819" s="1" t="s">
        <v>203856</v>
      </c>
      <c r="H60819" s="1" t="s">
        <v>203857</v>
      </c>
      <c r="I60819" s="1" t="s">
        <v>201500</v>
      </c>
      <c r="J60819" s="1" t="s">
        <v>203955</v>
      </c>
    </row>
    <row r="60820" spans="1:10" x14ac:dyDescent="0.35">
      <c r="A60820" s="1" t="s">
        <v>8299</v>
      </c>
      <c r="B60820" s="1" t="s">
        <v>201495</v>
      </c>
      <c r="C60820" s="1" t="s">
        <v>170</v>
      </c>
      <c r="D60820" s="1" t="s">
        <v>44910</v>
      </c>
      <c r="E60820" s="1" t="s">
        <v>203956</v>
      </c>
      <c r="F60820" s="1" t="s">
        <v>203957</v>
      </c>
      <c r="G60820" s="1" t="s">
        <v>203856</v>
      </c>
      <c r="H60820" s="1" t="s">
        <v>203857</v>
      </c>
      <c r="I60820" s="1" t="s">
        <v>201500</v>
      </c>
      <c r="J60820" s="1" t="s">
        <v>203958</v>
      </c>
    </row>
    <row r="60821" spans="1:10" x14ac:dyDescent="0.35">
      <c r="A60821" s="1" t="s">
        <v>8769</v>
      </c>
      <c r="B60821" s="1" t="s">
        <v>201495</v>
      </c>
      <c r="C60821" s="1" t="s">
        <v>8</v>
      </c>
      <c r="D60821" s="1" t="s">
        <v>112595</v>
      </c>
      <c r="E60821" s="1" t="s">
        <v>201646</v>
      </c>
      <c r="F60821" s="1" t="s">
        <v>203959</v>
      </c>
      <c r="G60821" s="1" t="s">
        <v>203960</v>
      </c>
      <c r="H60821" s="1" t="s">
        <v>203961</v>
      </c>
      <c r="I60821" s="1" t="s">
        <v>201500</v>
      </c>
      <c r="J60821" s="1" t="s">
        <v>13</v>
      </c>
    </row>
    <row r="60822" spans="1:10" x14ac:dyDescent="0.35">
      <c r="A60822" s="1" t="s">
        <v>8769</v>
      </c>
      <c r="B60822" s="1" t="s">
        <v>201495</v>
      </c>
      <c r="C60822" s="1" t="s">
        <v>15</v>
      </c>
      <c r="D60822" s="1" t="s">
        <v>36723</v>
      </c>
      <c r="E60822" s="1" t="s">
        <v>202533</v>
      </c>
      <c r="F60822" s="1" t="s">
        <v>203962</v>
      </c>
      <c r="G60822" s="1" t="s">
        <v>203960</v>
      </c>
      <c r="H60822" s="1" t="s">
        <v>203961</v>
      </c>
      <c r="I60822" s="1" t="s">
        <v>201500</v>
      </c>
      <c r="J60822" s="1" t="s">
        <v>203963</v>
      </c>
    </row>
    <row r="60823" spans="1:10" x14ac:dyDescent="0.35">
      <c r="A60823" s="1" t="s">
        <v>8769</v>
      </c>
      <c r="B60823" s="1" t="s">
        <v>201495</v>
      </c>
      <c r="C60823" s="1" t="s">
        <v>20</v>
      </c>
      <c r="D60823" s="1" t="s">
        <v>50998</v>
      </c>
      <c r="E60823" s="1" t="s">
        <v>159939</v>
      </c>
      <c r="F60823" s="1" t="s">
        <v>203964</v>
      </c>
      <c r="G60823" s="1" t="s">
        <v>203960</v>
      </c>
      <c r="H60823" s="1" t="s">
        <v>203961</v>
      </c>
      <c r="I60823" s="1" t="s">
        <v>201500</v>
      </c>
      <c r="J60823" s="1" t="s">
        <v>203965</v>
      </c>
    </row>
    <row r="60824" spans="1:10" x14ac:dyDescent="0.35">
      <c r="A60824" s="1" t="s">
        <v>8769</v>
      </c>
      <c r="B60824" s="1" t="s">
        <v>201495</v>
      </c>
      <c r="C60824" s="1" t="s">
        <v>25</v>
      </c>
      <c r="D60824" s="1" t="s">
        <v>118508</v>
      </c>
      <c r="E60824" s="1" t="s">
        <v>12671</v>
      </c>
      <c r="F60824" s="1" t="s">
        <v>203966</v>
      </c>
      <c r="G60824" s="1" t="s">
        <v>203960</v>
      </c>
      <c r="H60824" s="1" t="s">
        <v>203961</v>
      </c>
      <c r="I60824" s="1" t="s">
        <v>201500</v>
      </c>
      <c r="J60824" s="1" t="s">
        <v>203967</v>
      </c>
    </row>
    <row r="60825" spans="1:10" x14ac:dyDescent="0.35">
      <c r="A60825" s="1" t="s">
        <v>8769</v>
      </c>
      <c r="B60825" s="1" t="s">
        <v>201495</v>
      </c>
      <c r="C60825" s="1" t="s">
        <v>30</v>
      </c>
      <c r="D60825" s="1" t="s">
        <v>186815</v>
      </c>
      <c r="E60825" s="1" t="s">
        <v>14795</v>
      </c>
      <c r="F60825" s="1" t="s">
        <v>203968</v>
      </c>
      <c r="G60825" s="1" t="s">
        <v>203960</v>
      </c>
      <c r="H60825" s="1" t="s">
        <v>203961</v>
      </c>
      <c r="I60825" s="1" t="s">
        <v>201500</v>
      </c>
      <c r="J60825" s="1" t="s">
        <v>203969</v>
      </c>
    </row>
    <row r="60826" spans="1:10" x14ac:dyDescent="0.35">
      <c r="A60826" s="1" t="s">
        <v>8769</v>
      </c>
      <c r="B60826" s="1" t="s">
        <v>201495</v>
      </c>
      <c r="C60826" s="1" t="s">
        <v>35</v>
      </c>
      <c r="D60826" s="1" t="s">
        <v>161791</v>
      </c>
      <c r="E60826" s="1" t="s">
        <v>203970</v>
      </c>
      <c r="F60826" s="1" t="s">
        <v>203971</v>
      </c>
      <c r="G60826" s="1" t="s">
        <v>203960</v>
      </c>
      <c r="H60826" s="1" t="s">
        <v>203961</v>
      </c>
      <c r="I60826" s="1" t="s">
        <v>201500</v>
      </c>
      <c r="J60826" s="1" t="s">
        <v>203972</v>
      </c>
    </row>
    <row r="60827" spans="1:10" x14ac:dyDescent="0.35">
      <c r="A60827" s="1" t="s">
        <v>8769</v>
      </c>
      <c r="B60827" s="1" t="s">
        <v>201495</v>
      </c>
      <c r="C60827" s="1" t="s">
        <v>40</v>
      </c>
      <c r="D60827" s="1" t="s">
        <v>181484</v>
      </c>
      <c r="E60827" s="1" t="s">
        <v>27434</v>
      </c>
      <c r="F60827" s="1" t="s">
        <v>203973</v>
      </c>
      <c r="G60827" s="1" t="s">
        <v>203960</v>
      </c>
      <c r="H60827" s="1" t="s">
        <v>203961</v>
      </c>
      <c r="I60827" s="1" t="s">
        <v>201500</v>
      </c>
      <c r="J60827" s="1" t="s">
        <v>150956</v>
      </c>
    </row>
    <row r="60828" spans="1:10" x14ac:dyDescent="0.35">
      <c r="A60828" s="1" t="s">
        <v>8769</v>
      </c>
      <c r="B60828" s="1" t="s">
        <v>201495</v>
      </c>
      <c r="C60828" s="1" t="s">
        <v>45</v>
      </c>
      <c r="D60828" s="1" t="s">
        <v>116418</v>
      </c>
      <c r="E60828" s="1" t="s">
        <v>159829</v>
      </c>
      <c r="F60828" s="1" t="s">
        <v>203974</v>
      </c>
      <c r="G60828" s="1" t="s">
        <v>203960</v>
      </c>
      <c r="H60828" s="1" t="s">
        <v>203961</v>
      </c>
      <c r="I60828" s="1" t="s">
        <v>201500</v>
      </c>
      <c r="J60828" s="1" t="s">
        <v>203975</v>
      </c>
    </row>
    <row r="60829" spans="1:10" x14ac:dyDescent="0.35">
      <c r="A60829" s="1" t="s">
        <v>8769</v>
      </c>
      <c r="B60829" s="1" t="s">
        <v>201495</v>
      </c>
      <c r="C60829" s="1" t="s">
        <v>50</v>
      </c>
      <c r="D60829" s="1" t="s">
        <v>126022</v>
      </c>
      <c r="E60829" s="1" t="s">
        <v>27514</v>
      </c>
      <c r="F60829" s="1" t="s">
        <v>203976</v>
      </c>
      <c r="G60829" s="1" t="s">
        <v>203960</v>
      </c>
      <c r="H60829" s="1" t="s">
        <v>203961</v>
      </c>
      <c r="I60829" s="1" t="s">
        <v>201500</v>
      </c>
      <c r="J60829" s="1" t="s">
        <v>203977</v>
      </c>
    </row>
    <row r="60830" spans="1:10" x14ac:dyDescent="0.35">
      <c r="A60830" s="1" t="s">
        <v>8769</v>
      </c>
      <c r="B60830" s="1" t="s">
        <v>201495</v>
      </c>
      <c r="C60830" s="1" t="s">
        <v>55</v>
      </c>
      <c r="D60830" s="1" t="s">
        <v>12996</v>
      </c>
      <c r="E60830" s="1" t="s">
        <v>169096</v>
      </c>
      <c r="F60830" s="1" t="s">
        <v>203978</v>
      </c>
      <c r="G60830" s="1" t="s">
        <v>203960</v>
      </c>
      <c r="H60830" s="1" t="s">
        <v>203961</v>
      </c>
      <c r="I60830" s="1" t="s">
        <v>201500</v>
      </c>
      <c r="J60830" s="1" t="s">
        <v>203979</v>
      </c>
    </row>
    <row r="60831" spans="1:10" x14ac:dyDescent="0.35">
      <c r="A60831" s="1" t="s">
        <v>8769</v>
      </c>
      <c r="B60831" s="1" t="s">
        <v>201495</v>
      </c>
      <c r="C60831" s="1" t="s">
        <v>60</v>
      </c>
      <c r="D60831" s="1" t="s">
        <v>119180</v>
      </c>
      <c r="E60831" s="1" t="s">
        <v>203980</v>
      </c>
      <c r="F60831" s="1" t="s">
        <v>203981</v>
      </c>
      <c r="G60831" s="1" t="s">
        <v>203960</v>
      </c>
      <c r="H60831" s="1" t="s">
        <v>203961</v>
      </c>
      <c r="I60831" s="1" t="s">
        <v>201500</v>
      </c>
      <c r="J60831" s="1" t="s">
        <v>203982</v>
      </c>
    </row>
    <row r="60832" spans="1:10" x14ac:dyDescent="0.35">
      <c r="A60832" s="1" t="s">
        <v>8769</v>
      </c>
      <c r="B60832" s="1" t="s">
        <v>201495</v>
      </c>
      <c r="C60832" s="1" t="s">
        <v>65</v>
      </c>
      <c r="D60832" s="1" t="s">
        <v>119563</v>
      </c>
      <c r="E60832" s="1" t="s">
        <v>203983</v>
      </c>
      <c r="F60832" s="1" t="s">
        <v>203984</v>
      </c>
      <c r="G60832" s="1" t="s">
        <v>203960</v>
      </c>
      <c r="H60832" s="1" t="s">
        <v>203961</v>
      </c>
      <c r="I60832" s="1" t="s">
        <v>201500</v>
      </c>
      <c r="J60832" s="1" t="s">
        <v>203985</v>
      </c>
    </row>
    <row r="60833" spans="1:10" x14ac:dyDescent="0.35">
      <c r="A60833" s="1" t="s">
        <v>8769</v>
      </c>
      <c r="B60833" s="1" t="s">
        <v>201495</v>
      </c>
      <c r="C60833" s="1" t="s">
        <v>70</v>
      </c>
      <c r="D60833" s="1" t="s">
        <v>47793</v>
      </c>
      <c r="E60833" s="1" t="s">
        <v>12671</v>
      </c>
      <c r="F60833" s="1" t="s">
        <v>203986</v>
      </c>
      <c r="G60833" s="1" t="s">
        <v>203960</v>
      </c>
      <c r="H60833" s="1" t="s">
        <v>203961</v>
      </c>
      <c r="I60833" s="1" t="s">
        <v>201500</v>
      </c>
      <c r="J60833" s="1" t="s">
        <v>74330</v>
      </c>
    </row>
    <row r="60834" spans="1:10" x14ac:dyDescent="0.35">
      <c r="A60834" s="1" t="s">
        <v>8769</v>
      </c>
      <c r="B60834" s="1" t="s">
        <v>201495</v>
      </c>
      <c r="C60834" s="1" t="s">
        <v>75</v>
      </c>
      <c r="D60834" s="1" t="s">
        <v>144305</v>
      </c>
      <c r="E60834" s="1" t="s">
        <v>203987</v>
      </c>
      <c r="F60834" s="1" t="s">
        <v>203988</v>
      </c>
      <c r="G60834" s="1" t="s">
        <v>203960</v>
      </c>
      <c r="H60834" s="1" t="s">
        <v>203961</v>
      </c>
      <c r="I60834" s="1" t="s">
        <v>201500</v>
      </c>
      <c r="J60834" s="1" t="s">
        <v>203989</v>
      </c>
    </row>
    <row r="60835" spans="1:10" x14ac:dyDescent="0.35">
      <c r="A60835" s="1" t="s">
        <v>8769</v>
      </c>
      <c r="B60835" s="1" t="s">
        <v>201495</v>
      </c>
      <c r="C60835" s="1" t="s">
        <v>80</v>
      </c>
      <c r="D60835" s="1" t="s">
        <v>115759</v>
      </c>
      <c r="E60835" s="1" t="s">
        <v>519</v>
      </c>
      <c r="F60835" s="1" t="s">
        <v>203990</v>
      </c>
      <c r="G60835" s="1" t="s">
        <v>203960</v>
      </c>
      <c r="H60835" s="1" t="s">
        <v>203961</v>
      </c>
      <c r="I60835" s="1" t="s">
        <v>201500</v>
      </c>
      <c r="J60835" s="1" t="s">
        <v>203991</v>
      </c>
    </row>
    <row r="60836" spans="1:10" x14ac:dyDescent="0.35">
      <c r="A60836" s="1" t="s">
        <v>8769</v>
      </c>
      <c r="B60836" s="1" t="s">
        <v>201495</v>
      </c>
      <c r="C60836" s="1" t="s">
        <v>85</v>
      </c>
      <c r="D60836" s="1" t="s">
        <v>9554</v>
      </c>
      <c r="E60836" s="1" t="s">
        <v>12173</v>
      </c>
      <c r="F60836" s="1" t="s">
        <v>203992</v>
      </c>
      <c r="G60836" s="1" t="s">
        <v>203960</v>
      </c>
      <c r="H60836" s="1" t="s">
        <v>203961</v>
      </c>
      <c r="I60836" s="1" t="s">
        <v>201500</v>
      </c>
      <c r="J60836" s="1" t="s">
        <v>203993</v>
      </c>
    </row>
    <row r="60837" spans="1:10" x14ac:dyDescent="0.35">
      <c r="A60837" s="1" t="s">
        <v>8769</v>
      </c>
      <c r="B60837" s="1" t="s">
        <v>201495</v>
      </c>
      <c r="C60837" s="1" t="s">
        <v>90</v>
      </c>
      <c r="D60837" s="1" t="s">
        <v>5770</v>
      </c>
      <c r="E60837" s="1" t="s">
        <v>203994</v>
      </c>
      <c r="F60837" s="1" t="s">
        <v>203995</v>
      </c>
      <c r="G60837" s="1" t="s">
        <v>203960</v>
      </c>
      <c r="H60837" s="1" t="s">
        <v>203961</v>
      </c>
      <c r="I60837" s="1" t="s">
        <v>201500</v>
      </c>
      <c r="J60837" s="1" t="s">
        <v>203996</v>
      </c>
    </row>
    <row r="60838" spans="1:10" x14ac:dyDescent="0.35">
      <c r="A60838" s="1" t="s">
        <v>8769</v>
      </c>
      <c r="B60838" s="1" t="s">
        <v>201495</v>
      </c>
      <c r="C60838" s="1" t="s">
        <v>95</v>
      </c>
      <c r="D60838" s="1" t="s">
        <v>48164</v>
      </c>
      <c r="E60838" s="1" t="s">
        <v>203970</v>
      </c>
      <c r="F60838" s="1" t="s">
        <v>203997</v>
      </c>
      <c r="G60838" s="1" t="s">
        <v>203960</v>
      </c>
      <c r="H60838" s="1" t="s">
        <v>203961</v>
      </c>
      <c r="I60838" s="1" t="s">
        <v>201500</v>
      </c>
      <c r="J60838" s="1" t="s">
        <v>203998</v>
      </c>
    </row>
    <row r="60839" spans="1:10" x14ac:dyDescent="0.35">
      <c r="A60839" s="1" t="s">
        <v>8769</v>
      </c>
      <c r="B60839" s="1" t="s">
        <v>201495</v>
      </c>
      <c r="C60839" s="1" t="s">
        <v>100</v>
      </c>
      <c r="D60839" s="1" t="s">
        <v>48610</v>
      </c>
      <c r="E60839" s="1" t="s">
        <v>203999</v>
      </c>
      <c r="F60839" s="1" t="s">
        <v>204000</v>
      </c>
      <c r="G60839" s="1" t="s">
        <v>203960</v>
      </c>
      <c r="H60839" s="1" t="s">
        <v>203961</v>
      </c>
      <c r="I60839" s="1" t="s">
        <v>201500</v>
      </c>
      <c r="J60839" s="1" t="s">
        <v>204001</v>
      </c>
    </row>
    <row r="60840" spans="1:10" x14ac:dyDescent="0.35">
      <c r="A60840" s="1" t="s">
        <v>8769</v>
      </c>
      <c r="B60840" s="1" t="s">
        <v>201495</v>
      </c>
      <c r="C60840" s="1" t="s">
        <v>105</v>
      </c>
      <c r="D60840" s="1" t="s">
        <v>10915</v>
      </c>
      <c r="E60840" s="1" t="s">
        <v>159958</v>
      </c>
      <c r="F60840" s="1" t="s">
        <v>204002</v>
      </c>
      <c r="G60840" s="1" t="s">
        <v>203960</v>
      </c>
      <c r="H60840" s="1" t="s">
        <v>203961</v>
      </c>
      <c r="I60840" s="1" t="s">
        <v>201500</v>
      </c>
      <c r="J60840" s="1" t="s">
        <v>204003</v>
      </c>
    </row>
    <row r="60841" spans="1:10" x14ac:dyDescent="0.35">
      <c r="A60841" s="1" t="s">
        <v>8769</v>
      </c>
      <c r="B60841" s="1" t="s">
        <v>201495</v>
      </c>
      <c r="C60841" s="1" t="s">
        <v>110</v>
      </c>
      <c r="D60841" s="1" t="s">
        <v>204004</v>
      </c>
      <c r="E60841" s="1" t="s">
        <v>13669</v>
      </c>
      <c r="F60841" s="1" t="s">
        <v>142829</v>
      </c>
      <c r="G60841" s="1" t="s">
        <v>203960</v>
      </c>
      <c r="H60841" s="1" t="s">
        <v>203961</v>
      </c>
      <c r="I60841" s="1" t="s">
        <v>201500</v>
      </c>
      <c r="J60841" s="1" t="s">
        <v>204005</v>
      </c>
    </row>
    <row r="60842" spans="1:10" x14ac:dyDescent="0.35">
      <c r="A60842" s="1" t="s">
        <v>8769</v>
      </c>
      <c r="B60842" s="1" t="s">
        <v>201495</v>
      </c>
      <c r="C60842" s="1" t="s">
        <v>115</v>
      </c>
      <c r="D60842" s="1" t="s">
        <v>72899</v>
      </c>
      <c r="E60842" s="1" t="s">
        <v>204006</v>
      </c>
      <c r="F60842" s="1" t="s">
        <v>204007</v>
      </c>
      <c r="G60842" s="1" t="s">
        <v>203960</v>
      </c>
      <c r="H60842" s="1" t="s">
        <v>203961</v>
      </c>
      <c r="I60842" s="1" t="s">
        <v>201500</v>
      </c>
      <c r="J60842" s="1" t="s">
        <v>204008</v>
      </c>
    </row>
    <row r="60843" spans="1:10" x14ac:dyDescent="0.35">
      <c r="A60843" s="1" t="s">
        <v>8769</v>
      </c>
      <c r="B60843" s="1" t="s">
        <v>201495</v>
      </c>
      <c r="C60843" s="1" t="s">
        <v>120</v>
      </c>
      <c r="D60843" s="1" t="s">
        <v>74076</v>
      </c>
      <c r="E60843" s="1" t="s">
        <v>12208</v>
      </c>
      <c r="F60843" s="1" t="s">
        <v>204009</v>
      </c>
      <c r="G60843" s="1" t="s">
        <v>203960</v>
      </c>
      <c r="H60843" s="1" t="s">
        <v>203961</v>
      </c>
      <c r="I60843" s="1" t="s">
        <v>201500</v>
      </c>
      <c r="J60843" s="1" t="s">
        <v>204010</v>
      </c>
    </row>
    <row r="60844" spans="1:10" x14ac:dyDescent="0.35">
      <c r="A60844" s="1" t="s">
        <v>8769</v>
      </c>
      <c r="B60844" s="1" t="s">
        <v>201495</v>
      </c>
      <c r="C60844" s="1" t="s">
        <v>125</v>
      </c>
      <c r="D60844" s="1" t="s">
        <v>150465</v>
      </c>
      <c r="E60844" s="1" t="s">
        <v>6949</v>
      </c>
      <c r="F60844" s="1" t="s">
        <v>204011</v>
      </c>
      <c r="G60844" s="1" t="s">
        <v>203960</v>
      </c>
      <c r="H60844" s="1" t="s">
        <v>203961</v>
      </c>
      <c r="I60844" s="1" t="s">
        <v>201500</v>
      </c>
      <c r="J60844" s="1" t="s">
        <v>204012</v>
      </c>
    </row>
    <row r="60845" spans="1:10" x14ac:dyDescent="0.35">
      <c r="A60845" s="1" t="s">
        <v>8769</v>
      </c>
      <c r="B60845" s="1" t="s">
        <v>201495</v>
      </c>
      <c r="C60845" s="1" t="s">
        <v>130</v>
      </c>
      <c r="D60845" s="1" t="s">
        <v>181598</v>
      </c>
      <c r="E60845" s="1" t="s">
        <v>12671</v>
      </c>
      <c r="F60845" s="1" t="s">
        <v>204013</v>
      </c>
      <c r="G60845" s="1" t="s">
        <v>203960</v>
      </c>
      <c r="H60845" s="1" t="s">
        <v>203961</v>
      </c>
      <c r="I60845" s="1" t="s">
        <v>201500</v>
      </c>
      <c r="J60845" s="1" t="s">
        <v>204014</v>
      </c>
    </row>
    <row r="60846" spans="1:10" x14ac:dyDescent="0.35">
      <c r="A60846" s="1" t="s">
        <v>8769</v>
      </c>
      <c r="B60846" s="1" t="s">
        <v>201495</v>
      </c>
      <c r="C60846" s="1" t="s">
        <v>135</v>
      </c>
      <c r="D60846" s="1" t="s">
        <v>177009</v>
      </c>
      <c r="E60846" s="1" t="s">
        <v>12721</v>
      </c>
      <c r="F60846" s="1" t="s">
        <v>204015</v>
      </c>
      <c r="G60846" s="1" t="s">
        <v>203960</v>
      </c>
      <c r="H60846" s="1" t="s">
        <v>203961</v>
      </c>
      <c r="I60846" s="1" t="s">
        <v>201500</v>
      </c>
      <c r="J60846" s="1" t="s">
        <v>204016</v>
      </c>
    </row>
    <row r="60847" spans="1:10" x14ac:dyDescent="0.35">
      <c r="A60847" s="1" t="s">
        <v>8769</v>
      </c>
      <c r="B60847" s="1" t="s">
        <v>201495</v>
      </c>
      <c r="C60847" s="1" t="s">
        <v>140</v>
      </c>
      <c r="D60847" s="1" t="s">
        <v>204017</v>
      </c>
      <c r="E60847" s="1" t="s">
        <v>111335</v>
      </c>
      <c r="F60847" s="1" t="s">
        <v>204018</v>
      </c>
      <c r="G60847" s="1" t="s">
        <v>203960</v>
      </c>
      <c r="H60847" s="1" t="s">
        <v>203961</v>
      </c>
      <c r="I60847" s="1" t="s">
        <v>201500</v>
      </c>
      <c r="J60847" s="1" t="s">
        <v>204019</v>
      </c>
    </row>
    <row r="60848" spans="1:10" x14ac:dyDescent="0.35">
      <c r="A60848" s="1" t="s">
        <v>8769</v>
      </c>
      <c r="B60848" s="1" t="s">
        <v>201495</v>
      </c>
      <c r="C60848" s="1" t="s">
        <v>145</v>
      </c>
      <c r="D60848" s="1" t="s">
        <v>14817</v>
      </c>
      <c r="E60848" s="1" t="s">
        <v>12671</v>
      </c>
      <c r="F60848" s="1" t="s">
        <v>204020</v>
      </c>
      <c r="G60848" s="1" t="s">
        <v>203960</v>
      </c>
      <c r="H60848" s="1" t="s">
        <v>203961</v>
      </c>
      <c r="I60848" s="1" t="s">
        <v>201500</v>
      </c>
      <c r="J60848" s="1" t="s">
        <v>204021</v>
      </c>
    </row>
    <row r="60849" spans="1:10" x14ac:dyDescent="0.35">
      <c r="A60849" s="1" t="s">
        <v>8769</v>
      </c>
      <c r="B60849" s="1" t="s">
        <v>201495</v>
      </c>
      <c r="C60849" s="1" t="s">
        <v>150</v>
      </c>
      <c r="D60849" s="1" t="s">
        <v>187284</v>
      </c>
      <c r="E60849" s="1" t="s">
        <v>8642</v>
      </c>
      <c r="F60849" s="1" t="s">
        <v>204022</v>
      </c>
      <c r="G60849" s="1" t="s">
        <v>203960</v>
      </c>
      <c r="H60849" s="1" t="s">
        <v>203961</v>
      </c>
      <c r="I60849" s="1" t="s">
        <v>201500</v>
      </c>
      <c r="J60849" s="1" t="s">
        <v>204023</v>
      </c>
    </row>
    <row r="60850" spans="1:10" x14ac:dyDescent="0.35">
      <c r="A60850" s="1" t="s">
        <v>8769</v>
      </c>
      <c r="B60850" s="1" t="s">
        <v>201495</v>
      </c>
      <c r="C60850" s="1" t="s">
        <v>155</v>
      </c>
      <c r="D60850" s="1" t="s">
        <v>30245</v>
      </c>
      <c r="E60850" s="1" t="s">
        <v>204024</v>
      </c>
      <c r="F60850" s="1" t="s">
        <v>204025</v>
      </c>
      <c r="G60850" s="1" t="s">
        <v>203960</v>
      </c>
      <c r="H60850" s="1" t="s">
        <v>203961</v>
      </c>
      <c r="I60850" s="1" t="s">
        <v>201500</v>
      </c>
      <c r="J60850" s="1" t="s">
        <v>204026</v>
      </c>
    </row>
    <row r="60851" spans="1:10" x14ac:dyDescent="0.35">
      <c r="A60851" s="1" t="s">
        <v>8769</v>
      </c>
      <c r="B60851" s="1" t="s">
        <v>201495</v>
      </c>
      <c r="C60851" s="1" t="s">
        <v>160</v>
      </c>
      <c r="D60851" s="1" t="s">
        <v>38207</v>
      </c>
      <c r="E60851" s="1" t="s">
        <v>8630</v>
      </c>
      <c r="F60851" s="1" t="s">
        <v>204027</v>
      </c>
      <c r="G60851" s="1" t="s">
        <v>203960</v>
      </c>
      <c r="H60851" s="1" t="s">
        <v>203961</v>
      </c>
      <c r="I60851" s="1" t="s">
        <v>201500</v>
      </c>
      <c r="J60851" s="1" t="s">
        <v>204028</v>
      </c>
    </row>
    <row r="60852" spans="1:10" x14ac:dyDescent="0.35">
      <c r="A60852" s="1" t="s">
        <v>8769</v>
      </c>
      <c r="B60852" s="1" t="s">
        <v>201495</v>
      </c>
      <c r="C60852" s="1" t="s">
        <v>165</v>
      </c>
      <c r="D60852" s="1" t="s">
        <v>204029</v>
      </c>
      <c r="E60852" s="1" t="s">
        <v>12164</v>
      </c>
      <c r="F60852" s="1" t="s">
        <v>204030</v>
      </c>
      <c r="G60852" s="1" t="s">
        <v>203960</v>
      </c>
      <c r="H60852" s="1" t="s">
        <v>203961</v>
      </c>
      <c r="I60852" s="1" t="s">
        <v>201500</v>
      </c>
      <c r="J60852" s="1" t="s">
        <v>204031</v>
      </c>
    </row>
    <row r="60853" spans="1:10" x14ac:dyDescent="0.35">
      <c r="A60853" s="1" t="s">
        <v>8769</v>
      </c>
      <c r="B60853" s="1" t="s">
        <v>201495</v>
      </c>
      <c r="C60853" s="1" t="s">
        <v>170</v>
      </c>
      <c r="D60853" s="1" t="s">
        <v>135681</v>
      </c>
      <c r="E60853" s="1" t="s">
        <v>27445</v>
      </c>
      <c r="F60853" s="1" t="s">
        <v>204032</v>
      </c>
      <c r="G60853" s="1" t="s">
        <v>203960</v>
      </c>
      <c r="H60853" s="1" t="s">
        <v>203961</v>
      </c>
      <c r="I60853" s="1" t="s">
        <v>201500</v>
      </c>
      <c r="J60853" s="1" t="s">
        <v>204033</v>
      </c>
    </row>
    <row r="60854" spans="1:10" x14ac:dyDescent="0.35">
      <c r="A60854" s="1" t="s">
        <v>119259</v>
      </c>
      <c r="B60854" s="1" t="s">
        <v>201495</v>
      </c>
      <c r="C60854" s="1" t="s">
        <v>8</v>
      </c>
      <c r="D60854" s="1" t="s">
        <v>34946</v>
      </c>
      <c r="E60854" s="1" t="s">
        <v>204034</v>
      </c>
      <c r="F60854" s="1" t="s">
        <v>96924</v>
      </c>
      <c r="G60854" s="1" t="s">
        <v>204035</v>
      </c>
      <c r="H60854" s="1" t="s">
        <v>204036</v>
      </c>
      <c r="I60854" s="1" t="s">
        <v>201500</v>
      </c>
      <c r="J60854" s="1" t="s">
        <v>13</v>
      </c>
    </row>
    <row r="60855" spans="1:10" x14ac:dyDescent="0.35">
      <c r="A60855" s="1" t="s">
        <v>119259</v>
      </c>
      <c r="B60855" s="1" t="s">
        <v>201495</v>
      </c>
      <c r="C60855" s="1" t="s">
        <v>15</v>
      </c>
      <c r="D60855" s="1" t="s">
        <v>49875</v>
      </c>
      <c r="E60855" s="1" t="s">
        <v>204037</v>
      </c>
      <c r="F60855" s="1" t="s">
        <v>144680</v>
      </c>
      <c r="G60855" s="1" t="s">
        <v>204035</v>
      </c>
      <c r="H60855" s="1" t="s">
        <v>204036</v>
      </c>
      <c r="I60855" s="1" t="s">
        <v>201500</v>
      </c>
      <c r="J60855" s="1" t="s">
        <v>204038</v>
      </c>
    </row>
    <row r="60856" spans="1:10" x14ac:dyDescent="0.35">
      <c r="A60856" s="1" t="s">
        <v>119259</v>
      </c>
      <c r="B60856" s="1" t="s">
        <v>201495</v>
      </c>
      <c r="C60856" s="1" t="s">
        <v>20</v>
      </c>
      <c r="D60856" s="1" t="s">
        <v>135629</v>
      </c>
      <c r="E60856" s="1" t="s">
        <v>204039</v>
      </c>
      <c r="F60856" s="1" t="s">
        <v>204040</v>
      </c>
      <c r="G60856" s="1" t="s">
        <v>204035</v>
      </c>
      <c r="H60856" s="1" t="s">
        <v>204036</v>
      </c>
      <c r="I60856" s="1" t="s">
        <v>201500</v>
      </c>
      <c r="J60856" s="1" t="s">
        <v>204041</v>
      </c>
    </row>
    <row r="60857" spans="1:10" x14ac:dyDescent="0.35">
      <c r="A60857" s="1" t="s">
        <v>119259</v>
      </c>
      <c r="B60857" s="1" t="s">
        <v>201495</v>
      </c>
      <c r="C60857" s="1" t="s">
        <v>25</v>
      </c>
      <c r="D60857" s="1" t="s">
        <v>178437</v>
      </c>
      <c r="E60857" s="1" t="s">
        <v>201700</v>
      </c>
      <c r="F60857" s="1" t="s">
        <v>105436</v>
      </c>
      <c r="G60857" s="1" t="s">
        <v>204035</v>
      </c>
      <c r="H60857" s="1" t="s">
        <v>204036</v>
      </c>
      <c r="I60857" s="1" t="s">
        <v>201500</v>
      </c>
      <c r="J60857" s="1" t="s">
        <v>204042</v>
      </c>
    </row>
    <row r="60858" spans="1:10" x14ac:dyDescent="0.35">
      <c r="A60858" s="1" t="s">
        <v>119259</v>
      </c>
      <c r="B60858" s="1" t="s">
        <v>201495</v>
      </c>
      <c r="C60858" s="1" t="s">
        <v>30</v>
      </c>
      <c r="D60858" s="1" t="s">
        <v>169565</v>
      </c>
      <c r="E60858" s="1" t="s">
        <v>204043</v>
      </c>
      <c r="F60858" s="1" t="s">
        <v>204044</v>
      </c>
      <c r="G60858" s="1" t="s">
        <v>204035</v>
      </c>
      <c r="H60858" s="1" t="s">
        <v>204036</v>
      </c>
      <c r="I60858" s="1" t="s">
        <v>201500</v>
      </c>
      <c r="J60858" s="1" t="s">
        <v>204045</v>
      </c>
    </row>
    <row r="60859" spans="1:10" x14ac:dyDescent="0.35">
      <c r="A60859" s="1" t="s">
        <v>119259</v>
      </c>
      <c r="B60859" s="1" t="s">
        <v>201495</v>
      </c>
      <c r="C60859" s="1" t="s">
        <v>35</v>
      </c>
      <c r="D60859" s="1" t="s">
        <v>204046</v>
      </c>
      <c r="E60859" s="1" t="s">
        <v>201637</v>
      </c>
      <c r="F60859" s="1" t="s">
        <v>204047</v>
      </c>
      <c r="G60859" s="1" t="s">
        <v>204035</v>
      </c>
      <c r="H60859" s="1" t="s">
        <v>204036</v>
      </c>
      <c r="I60859" s="1" t="s">
        <v>201500</v>
      </c>
      <c r="J60859" s="1" t="s">
        <v>204048</v>
      </c>
    </row>
    <row r="60860" spans="1:10" x14ac:dyDescent="0.35">
      <c r="A60860" s="1" t="s">
        <v>119259</v>
      </c>
      <c r="B60860" s="1" t="s">
        <v>201495</v>
      </c>
      <c r="C60860" s="1" t="s">
        <v>40</v>
      </c>
      <c r="D60860" s="1" t="s">
        <v>3180</v>
      </c>
      <c r="E60860" s="1" t="s">
        <v>202519</v>
      </c>
      <c r="F60860" s="1" t="s">
        <v>204049</v>
      </c>
      <c r="G60860" s="1" t="s">
        <v>204035</v>
      </c>
      <c r="H60860" s="1" t="s">
        <v>204036</v>
      </c>
      <c r="I60860" s="1" t="s">
        <v>201500</v>
      </c>
      <c r="J60860" s="1" t="s">
        <v>204050</v>
      </c>
    </row>
    <row r="60861" spans="1:10" x14ac:dyDescent="0.35">
      <c r="A60861" s="1" t="s">
        <v>119259</v>
      </c>
      <c r="B60861" s="1" t="s">
        <v>201495</v>
      </c>
      <c r="C60861" s="1" t="s">
        <v>45</v>
      </c>
      <c r="D60861" s="1" t="s">
        <v>152911</v>
      </c>
      <c r="E60861" s="1" t="s">
        <v>204051</v>
      </c>
      <c r="F60861" s="1" t="s">
        <v>63725</v>
      </c>
      <c r="G60861" s="1" t="s">
        <v>204035</v>
      </c>
      <c r="H60861" s="1" t="s">
        <v>204036</v>
      </c>
      <c r="I60861" s="1" t="s">
        <v>201500</v>
      </c>
      <c r="J60861" s="1" t="s">
        <v>204052</v>
      </c>
    </row>
    <row r="60862" spans="1:10" x14ac:dyDescent="0.35">
      <c r="A60862" s="1" t="s">
        <v>119259</v>
      </c>
      <c r="B60862" s="1" t="s">
        <v>201495</v>
      </c>
      <c r="C60862" s="1" t="s">
        <v>50</v>
      </c>
      <c r="D60862" s="1" t="s">
        <v>151244</v>
      </c>
      <c r="E60862" s="1" t="s">
        <v>204053</v>
      </c>
      <c r="F60862" s="1" t="s">
        <v>204054</v>
      </c>
      <c r="G60862" s="1" t="s">
        <v>204035</v>
      </c>
      <c r="H60862" s="1" t="s">
        <v>204036</v>
      </c>
      <c r="I60862" s="1" t="s">
        <v>201500</v>
      </c>
      <c r="J60862" s="1" t="s">
        <v>204055</v>
      </c>
    </row>
    <row r="60863" spans="1:10" x14ac:dyDescent="0.35">
      <c r="A60863" s="1" t="s">
        <v>119259</v>
      </c>
      <c r="B60863" s="1" t="s">
        <v>201495</v>
      </c>
      <c r="C60863" s="1" t="s">
        <v>55</v>
      </c>
      <c r="D60863" s="1" t="s">
        <v>204056</v>
      </c>
      <c r="E60863" s="1" t="s">
        <v>160422</v>
      </c>
      <c r="F60863" s="1" t="s">
        <v>204057</v>
      </c>
      <c r="G60863" s="1" t="s">
        <v>204035</v>
      </c>
      <c r="H60863" s="1" t="s">
        <v>204036</v>
      </c>
      <c r="I60863" s="1" t="s">
        <v>201500</v>
      </c>
      <c r="J60863" s="1" t="s">
        <v>204058</v>
      </c>
    </row>
    <row r="60864" spans="1:10" x14ac:dyDescent="0.35">
      <c r="A60864" s="1" t="s">
        <v>119259</v>
      </c>
      <c r="B60864" s="1" t="s">
        <v>201495</v>
      </c>
      <c r="C60864" s="1" t="s">
        <v>60</v>
      </c>
      <c r="D60864" s="1" t="s">
        <v>2445</v>
      </c>
      <c r="E60864" s="1" t="s">
        <v>111502</v>
      </c>
      <c r="F60864" s="1" t="s">
        <v>204059</v>
      </c>
      <c r="G60864" s="1" t="s">
        <v>204035</v>
      </c>
      <c r="H60864" s="1" t="s">
        <v>204036</v>
      </c>
      <c r="I60864" s="1" t="s">
        <v>201500</v>
      </c>
      <c r="J60864" s="1" t="s">
        <v>204060</v>
      </c>
    </row>
    <row r="60865" spans="1:10" x14ac:dyDescent="0.35">
      <c r="A60865" s="1" t="s">
        <v>119259</v>
      </c>
      <c r="B60865" s="1" t="s">
        <v>201495</v>
      </c>
      <c r="C60865" s="1" t="s">
        <v>65</v>
      </c>
      <c r="D60865" s="1" t="s">
        <v>204061</v>
      </c>
      <c r="E60865" s="1" t="s">
        <v>204062</v>
      </c>
      <c r="F60865" s="1" t="s">
        <v>204063</v>
      </c>
      <c r="G60865" s="1" t="s">
        <v>204035</v>
      </c>
      <c r="H60865" s="1" t="s">
        <v>204036</v>
      </c>
      <c r="I60865" s="1" t="s">
        <v>201500</v>
      </c>
      <c r="J60865" s="1" t="s">
        <v>204064</v>
      </c>
    </row>
    <row r="60866" spans="1:10" x14ac:dyDescent="0.35">
      <c r="A60866" s="1" t="s">
        <v>119259</v>
      </c>
      <c r="B60866" s="1" t="s">
        <v>201495</v>
      </c>
      <c r="C60866" s="1" t="s">
        <v>70</v>
      </c>
      <c r="D60866" s="1" t="s">
        <v>204065</v>
      </c>
      <c r="E60866" s="1" t="s">
        <v>204066</v>
      </c>
      <c r="F60866" s="1" t="s">
        <v>204067</v>
      </c>
      <c r="G60866" s="1" t="s">
        <v>204035</v>
      </c>
      <c r="H60866" s="1" t="s">
        <v>204036</v>
      </c>
      <c r="I60866" s="1" t="s">
        <v>201500</v>
      </c>
      <c r="J60866" s="1" t="s">
        <v>204068</v>
      </c>
    </row>
    <row r="60867" spans="1:10" x14ac:dyDescent="0.35">
      <c r="A60867" s="1" t="s">
        <v>119259</v>
      </c>
      <c r="B60867" s="1" t="s">
        <v>201495</v>
      </c>
      <c r="C60867" s="1" t="s">
        <v>75</v>
      </c>
      <c r="D60867" s="1" t="s">
        <v>204069</v>
      </c>
      <c r="E60867" s="1" t="s">
        <v>204070</v>
      </c>
      <c r="F60867" s="1" t="s">
        <v>204071</v>
      </c>
      <c r="G60867" s="1" t="s">
        <v>204035</v>
      </c>
      <c r="H60867" s="1" t="s">
        <v>204036</v>
      </c>
      <c r="I60867" s="1" t="s">
        <v>201500</v>
      </c>
      <c r="J60867" s="1" t="s">
        <v>204072</v>
      </c>
    </row>
    <row r="60868" spans="1:10" x14ac:dyDescent="0.35">
      <c r="A60868" s="1" t="s">
        <v>119259</v>
      </c>
      <c r="B60868" s="1" t="s">
        <v>201495</v>
      </c>
      <c r="C60868" s="1" t="s">
        <v>80</v>
      </c>
      <c r="D60868" s="1" t="s">
        <v>83248</v>
      </c>
      <c r="E60868" s="1" t="s">
        <v>201637</v>
      </c>
      <c r="F60868" s="1" t="s">
        <v>204073</v>
      </c>
      <c r="G60868" s="1" t="s">
        <v>204035</v>
      </c>
      <c r="H60868" s="1" t="s">
        <v>204036</v>
      </c>
      <c r="I60868" s="1" t="s">
        <v>201500</v>
      </c>
      <c r="J60868" s="1" t="s">
        <v>204074</v>
      </c>
    </row>
    <row r="60869" spans="1:10" x14ac:dyDescent="0.35">
      <c r="A60869" s="1" t="s">
        <v>119259</v>
      </c>
      <c r="B60869" s="1" t="s">
        <v>201495</v>
      </c>
      <c r="C60869" s="1" t="s">
        <v>85</v>
      </c>
      <c r="D60869" s="1" t="s">
        <v>191362</v>
      </c>
      <c r="E60869" s="1" t="s">
        <v>201700</v>
      </c>
      <c r="F60869" s="1" t="s">
        <v>11739</v>
      </c>
      <c r="G60869" s="1" t="s">
        <v>204035</v>
      </c>
      <c r="H60869" s="1" t="s">
        <v>204036</v>
      </c>
      <c r="I60869" s="1" t="s">
        <v>201500</v>
      </c>
      <c r="J60869" s="1" t="s">
        <v>204075</v>
      </c>
    </row>
    <row r="60870" spans="1:10" x14ac:dyDescent="0.35">
      <c r="A60870" s="1" t="s">
        <v>119259</v>
      </c>
      <c r="B60870" s="1" t="s">
        <v>201495</v>
      </c>
      <c r="C60870" s="1" t="s">
        <v>90</v>
      </c>
      <c r="D60870" s="1" t="s">
        <v>149569</v>
      </c>
      <c r="E60870" s="1" t="s">
        <v>204076</v>
      </c>
      <c r="F60870" s="1" t="s">
        <v>204077</v>
      </c>
      <c r="G60870" s="1" t="s">
        <v>204035</v>
      </c>
      <c r="H60870" s="1" t="s">
        <v>204036</v>
      </c>
      <c r="I60870" s="1" t="s">
        <v>201500</v>
      </c>
      <c r="J60870" s="1" t="s">
        <v>204078</v>
      </c>
    </row>
    <row r="60871" spans="1:10" x14ac:dyDescent="0.35">
      <c r="A60871" s="1" t="s">
        <v>119259</v>
      </c>
      <c r="B60871" s="1" t="s">
        <v>201495</v>
      </c>
      <c r="C60871" s="1" t="s">
        <v>95</v>
      </c>
      <c r="D60871" s="1" t="s">
        <v>204079</v>
      </c>
      <c r="E60871" s="1" t="s">
        <v>159890</v>
      </c>
      <c r="F60871" s="1" t="s">
        <v>204080</v>
      </c>
      <c r="G60871" s="1" t="s">
        <v>204035</v>
      </c>
      <c r="H60871" s="1" t="s">
        <v>204036</v>
      </c>
      <c r="I60871" s="1" t="s">
        <v>201500</v>
      </c>
      <c r="J60871" s="1" t="s">
        <v>204081</v>
      </c>
    </row>
    <row r="60872" spans="1:10" x14ac:dyDescent="0.35">
      <c r="A60872" s="1" t="s">
        <v>119259</v>
      </c>
      <c r="B60872" s="1" t="s">
        <v>201495</v>
      </c>
      <c r="C60872" s="1" t="s">
        <v>100</v>
      </c>
      <c r="D60872" s="1" t="s">
        <v>50020</v>
      </c>
      <c r="E60872" s="1" t="s">
        <v>204082</v>
      </c>
      <c r="F60872" s="1" t="s">
        <v>204083</v>
      </c>
      <c r="G60872" s="1" t="s">
        <v>204035</v>
      </c>
      <c r="H60872" s="1" t="s">
        <v>204036</v>
      </c>
      <c r="I60872" s="1" t="s">
        <v>201500</v>
      </c>
      <c r="J60872" s="1" t="s">
        <v>204084</v>
      </c>
    </row>
    <row r="60873" spans="1:10" x14ac:dyDescent="0.35">
      <c r="A60873" s="1" t="s">
        <v>119259</v>
      </c>
      <c r="B60873" s="1" t="s">
        <v>201495</v>
      </c>
      <c r="C60873" s="1" t="s">
        <v>105</v>
      </c>
      <c r="D60873" s="1" t="s">
        <v>30901</v>
      </c>
      <c r="E60873" s="1" t="s">
        <v>111543</v>
      </c>
      <c r="F60873" s="1" t="s">
        <v>204085</v>
      </c>
      <c r="G60873" s="1" t="s">
        <v>204035</v>
      </c>
      <c r="H60873" s="1" t="s">
        <v>204036</v>
      </c>
      <c r="I60873" s="1" t="s">
        <v>201500</v>
      </c>
      <c r="J60873" s="1" t="s">
        <v>204086</v>
      </c>
    </row>
    <row r="60874" spans="1:10" x14ac:dyDescent="0.35">
      <c r="A60874" s="1" t="s">
        <v>119259</v>
      </c>
      <c r="B60874" s="1" t="s">
        <v>201495</v>
      </c>
      <c r="C60874" s="1" t="s">
        <v>110</v>
      </c>
      <c r="D60874" s="1" t="s">
        <v>194396</v>
      </c>
      <c r="E60874" s="1" t="s">
        <v>204087</v>
      </c>
      <c r="F60874" s="1" t="s">
        <v>204088</v>
      </c>
      <c r="G60874" s="1" t="s">
        <v>204035</v>
      </c>
      <c r="H60874" s="1" t="s">
        <v>204036</v>
      </c>
      <c r="I60874" s="1" t="s">
        <v>201500</v>
      </c>
      <c r="J60874" s="1" t="s">
        <v>204089</v>
      </c>
    </row>
    <row r="60875" spans="1:10" x14ac:dyDescent="0.35">
      <c r="A60875" s="1" t="s">
        <v>119259</v>
      </c>
      <c r="B60875" s="1" t="s">
        <v>201495</v>
      </c>
      <c r="C60875" s="1" t="s">
        <v>115</v>
      </c>
      <c r="D60875" s="1" t="s">
        <v>43944</v>
      </c>
      <c r="E60875" s="1" t="s">
        <v>527</v>
      </c>
      <c r="F60875" s="1" t="s">
        <v>204090</v>
      </c>
      <c r="G60875" s="1" t="s">
        <v>204035</v>
      </c>
      <c r="H60875" s="1" t="s">
        <v>204036</v>
      </c>
      <c r="I60875" s="1" t="s">
        <v>201500</v>
      </c>
      <c r="J60875" s="1" t="s">
        <v>204091</v>
      </c>
    </row>
    <row r="60876" spans="1:10" x14ac:dyDescent="0.35">
      <c r="A60876" s="1" t="s">
        <v>119259</v>
      </c>
      <c r="B60876" s="1" t="s">
        <v>201495</v>
      </c>
      <c r="C60876" s="1" t="s">
        <v>120</v>
      </c>
      <c r="D60876" s="1" t="s">
        <v>52560</v>
      </c>
      <c r="E60876" s="1" t="s">
        <v>204092</v>
      </c>
      <c r="F60876" s="1" t="s">
        <v>204093</v>
      </c>
      <c r="G60876" s="1" t="s">
        <v>204035</v>
      </c>
      <c r="H60876" s="1" t="s">
        <v>204036</v>
      </c>
      <c r="I60876" s="1" t="s">
        <v>201500</v>
      </c>
      <c r="J60876" s="1" t="s">
        <v>204094</v>
      </c>
    </row>
    <row r="60877" spans="1:10" x14ac:dyDescent="0.35">
      <c r="A60877" s="1" t="s">
        <v>119259</v>
      </c>
      <c r="B60877" s="1" t="s">
        <v>201495</v>
      </c>
      <c r="C60877" s="1" t="s">
        <v>125</v>
      </c>
      <c r="D60877" s="1" t="s">
        <v>204095</v>
      </c>
      <c r="E60877" s="1" t="s">
        <v>204096</v>
      </c>
      <c r="F60877" s="1" t="s">
        <v>204097</v>
      </c>
      <c r="G60877" s="1" t="s">
        <v>204035</v>
      </c>
      <c r="H60877" s="1" t="s">
        <v>204036</v>
      </c>
      <c r="I60877" s="1" t="s">
        <v>201500</v>
      </c>
      <c r="J60877" s="1" t="s">
        <v>204098</v>
      </c>
    </row>
    <row r="60878" spans="1:10" x14ac:dyDescent="0.35">
      <c r="A60878" s="1" t="s">
        <v>119259</v>
      </c>
      <c r="B60878" s="1" t="s">
        <v>201495</v>
      </c>
      <c r="C60878" s="1" t="s">
        <v>130</v>
      </c>
      <c r="D60878" s="1" t="s">
        <v>152483</v>
      </c>
      <c r="E60878" s="1" t="s">
        <v>204099</v>
      </c>
      <c r="F60878" s="1" t="s">
        <v>204100</v>
      </c>
      <c r="G60878" s="1" t="s">
        <v>204035</v>
      </c>
      <c r="H60878" s="1" t="s">
        <v>204036</v>
      </c>
      <c r="I60878" s="1" t="s">
        <v>201500</v>
      </c>
      <c r="J60878" s="1" t="s">
        <v>204101</v>
      </c>
    </row>
    <row r="60879" spans="1:10" x14ac:dyDescent="0.35">
      <c r="A60879" s="1" t="s">
        <v>119259</v>
      </c>
      <c r="B60879" s="1" t="s">
        <v>201495</v>
      </c>
      <c r="C60879" s="1" t="s">
        <v>135</v>
      </c>
      <c r="D60879" s="1" t="s">
        <v>204102</v>
      </c>
      <c r="E60879" s="1" t="s">
        <v>204103</v>
      </c>
      <c r="F60879" s="1" t="s">
        <v>204104</v>
      </c>
      <c r="G60879" s="1" t="s">
        <v>204035</v>
      </c>
      <c r="H60879" s="1" t="s">
        <v>204036</v>
      </c>
      <c r="I60879" s="1" t="s">
        <v>201500</v>
      </c>
      <c r="J60879" s="1" t="s">
        <v>204105</v>
      </c>
    </row>
    <row r="60880" spans="1:10" x14ac:dyDescent="0.35">
      <c r="A60880" s="1" t="s">
        <v>119259</v>
      </c>
      <c r="B60880" s="1" t="s">
        <v>201495</v>
      </c>
      <c r="C60880" s="1" t="s">
        <v>140</v>
      </c>
      <c r="D60880" s="1" t="s">
        <v>204106</v>
      </c>
      <c r="E60880" s="1" t="s">
        <v>204107</v>
      </c>
      <c r="F60880" s="1" t="s">
        <v>204108</v>
      </c>
      <c r="G60880" s="1" t="s">
        <v>204035</v>
      </c>
      <c r="H60880" s="1" t="s">
        <v>204036</v>
      </c>
      <c r="I60880" s="1" t="s">
        <v>201500</v>
      </c>
      <c r="J60880" s="1" t="s">
        <v>73581</v>
      </c>
    </row>
    <row r="60881" spans="1:10" x14ac:dyDescent="0.35">
      <c r="A60881" s="1" t="s">
        <v>119259</v>
      </c>
      <c r="B60881" s="1" t="s">
        <v>201495</v>
      </c>
      <c r="C60881" s="1" t="s">
        <v>145</v>
      </c>
      <c r="D60881" s="1" t="s">
        <v>68639</v>
      </c>
      <c r="E60881" s="1" t="s">
        <v>204109</v>
      </c>
      <c r="F60881" s="1" t="s">
        <v>204110</v>
      </c>
      <c r="G60881" s="1" t="s">
        <v>204035</v>
      </c>
      <c r="H60881" s="1" t="s">
        <v>204036</v>
      </c>
      <c r="I60881" s="1" t="s">
        <v>201500</v>
      </c>
      <c r="J60881" s="1" t="s">
        <v>204111</v>
      </c>
    </row>
    <row r="60882" spans="1:10" x14ac:dyDescent="0.35">
      <c r="A60882" s="1" t="s">
        <v>119259</v>
      </c>
      <c r="B60882" s="1" t="s">
        <v>201495</v>
      </c>
      <c r="C60882" s="1" t="s">
        <v>150</v>
      </c>
      <c r="D60882" s="1" t="s">
        <v>34267</v>
      </c>
      <c r="E60882" s="1" t="s">
        <v>204112</v>
      </c>
      <c r="F60882" s="1" t="s">
        <v>204113</v>
      </c>
      <c r="G60882" s="1" t="s">
        <v>204035</v>
      </c>
      <c r="H60882" s="1" t="s">
        <v>204036</v>
      </c>
      <c r="I60882" s="1" t="s">
        <v>201500</v>
      </c>
      <c r="J60882" s="1" t="s">
        <v>204114</v>
      </c>
    </row>
    <row r="60883" spans="1:10" x14ac:dyDescent="0.35">
      <c r="A60883" s="1" t="s">
        <v>119259</v>
      </c>
      <c r="B60883" s="1" t="s">
        <v>201495</v>
      </c>
      <c r="C60883" s="1" t="s">
        <v>155</v>
      </c>
      <c r="D60883" s="1" t="s">
        <v>107744</v>
      </c>
      <c r="E60883" s="1" t="s">
        <v>204115</v>
      </c>
      <c r="F60883" s="1" t="s">
        <v>204116</v>
      </c>
      <c r="G60883" s="1" t="s">
        <v>204035</v>
      </c>
      <c r="H60883" s="1" t="s">
        <v>204036</v>
      </c>
      <c r="I60883" s="1" t="s">
        <v>201500</v>
      </c>
      <c r="J60883" s="1" t="s">
        <v>204117</v>
      </c>
    </row>
    <row r="60884" spans="1:10" x14ac:dyDescent="0.35">
      <c r="A60884" s="1" t="s">
        <v>119259</v>
      </c>
      <c r="B60884" s="1" t="s">
        <v>201495</v>
      </c>
      <c r="C60884" s="1" t="s">
        <v>160</v>
      </c>
      <c r="D60884" s="1" t="s">
        <v>204118</v>
      </c>
      <c r="E60884" s="1" t="s">
        <v>204119</v>
      </c>
      <c r="F60884" s="1" t="s">
        <v>109907</v>
      </c>
      <c r="G60884" s="1" t="s">
        <v>204035</v>
      </c>
      <c r="H60884" s="1" t="s">
        <v>204036</v>
      </c>
      <c r="I60884" s="1" t="s">
        <v>201500</v>
      </c>
      <c r="J60884" s="1" t="s">
        <v>204120</v>
      </c>
    </row>
    <row r="60885" spans="1:10" x14ac:dyDescent="0.35">
      <c r="A60885" s="1" t="s">
        <v>119259</v>
      </c>
      <c r="B60885" s="1" t="s">
        <v>201495</v>
      </c>
      <c r="C60885" s="1" t="s">
        <v>165</v>
      </c>
      <c r="D60885" s="1" t="s">
        <v>204121</v>
      </c>
      <c r="E60885" s="1" t="s">
        <v>204122</v>
      </c>
      <c r="F60885" s="1" t="s">
        <v>204123</v>
      </c>
      <c r="G60885" s="1" t="s">
        <v>204035</v>
      </c>
      <c r="H60885" s="1" t="s">
        <v>204036</v>
      </c>
      <c r="I60885" s="1" t="s">
        <v>201500</v>
      </c>
      <c r="J60885" s="1" t="s">
        <v>204124</v>
      </c>
    </row>
    <row r="60886" spans="1:10" x14ac:dyDescent="0.35">
      <c r="A60886" s="1" t="s">
        <v>119259</v>
      </c>
      <c r="B60886" s="1" t="s">
        <v>201495</v>
      </c>
      <c r="C60886" s="1" t="s">
        <v>170</v>
      </c>
      <c r="D60886" s="1" t="s">
        <v>204125</v>
      </c>
      <c r="E60886" s="1" t="s">
        <v>111502</v>
      </c>
      <c r="F60886" s="1" t="s">
        <v>198794</v>
      </c>
      <c r="G60886" s="1" t="s">
        <v>204035</v>
      </c>
      <c r="H60886" s="1" t="s">
        <v>204036</v>
      </c>
      <c r="I60886" s="1" t="s">
        <v>201500</v>
      </c>
      <c r="J60886" s="1" t="s">
        <v>204126</v>
      </c>
    </row>
    <row r="60887" spans="1:10" x14ac:dyDescent="0.35">
      <c r="A60887" s="1" t="s">
        <v>143693</v>
      </c>
      <c r="B60887" s="1" t="s">
        <v>201495</v>
      </c>
      <c r="C60887" s="1" t="s">
        <v>8</v>
      </c>
      <c r="D60887" s="1" t="s">
        <v>112370</v>
      </c>
      <c r="E60887" s="1" t="s">
        <v>204127</v>
      </c>
      <c r="F60887" s="1" t="s">
        <v>204128</v>
      </c>
      <c r="G60887" s="1" t="s">
        <v>204129</v>
      </c>
      <c r="H60887" s="1" t="s">
        <v>204130</v>
      </c>
      <c r="I60887" s="1" t="s">
        <v>201500</v>
      </c>
      <c r="J60887" s="1" t="s">
        <v>13</v>
      </c>
    </row>
    <row r="60888" spans="1:10" x14ac:dyDescent="0.35">
      <c r="A60888" s="1" t="s">
        <v>143693</v>
      </c>
      <c r="B60888" s="1" t="s">
        <v>201495</v>
      </c>
      <c r="C60888" s="1" t="s">
        <v>15</v>
      </c>
      <c r="D60888" s="1" t="s">
        <v>204131</v>
      </c>
      <c r="E60888" s="1" t="s">
        <v>204132</v>
      </c>
      <c r="F60888" s="1" t="s">
        <v>204133</v>
      </c>
      <c r="G60888" s="1" t="s">
        <v>204129</v>
      </c>
      <c r="H60888" s="1" t="s">
        <v>204130</v>
      </c>
      <c r="I60888" s="1" t="s">
        <v>201500</v>
      </c>
      <c r="J60888" s="1" t="s">
        <v>204134</v>
      </c>
    </row>
    <row r="60889" spans="1:10" x14ac:dyDescent="0.35">
      <c r="A60889" s="1" t="s">
        <v>143693</v>
      </c>
      <c r="B60889" s="1" t="s">
        <v>201495</v>
      </c>
      <c r="C60889" s="1" t="s">
        <v>20</v>
      </c>
      <c r="D60889" s="1" t="s">
        <v>156281</v>
      </c>
      <c r="E60889" s="1" t="s">
        <v>204135</v>
      </c>
      <c r="F60889" s="1" t="s">
        <v>204136</v>
      </c>
      <c r="G60889" s="1" t="s">
        <v>204129</v>
      </c>
      <c r="H60889" s="1" t="s">
        <v>204130</v>
      </c>
      <c r="I60889" s="1" t="s">
        <v>201500</v>
      </c>
      <c r="J60889" s="1" t="s">
        <v>204137</v>
      </c>
    </row>
    <row r="60890" spans="1:10" x14ac:dyDescent="0.35">
      <c r="A60890" s="1" t="s">
        <v>143693</v>
      </c>
      <c r="B60890" s="1" t="s">
        <v>201495</v>
      </c>
      <c r="C60890" s="1" t="s">
        <v>25</v>
      </c>
      <c r="D60890" s="1" t="s">
        <v>6559</v>
      </c>
      <c r="E60890" s="1" t="s">
        <v>204138</v>
      </c>
      <c r="F60890" s="1" t="s">
        <v>204139</v>
      </c>
      <c r="G60890" s="1" t="s">
        <v>204129</v>
      </c>
      <c r="H60890" s="1" t="s">
        <v>204130</v>
      </c>
      <c r="I60890" s="1" t="s">
        <v>201500</v>
      </c>
      <c r="J60890" s="1" t="s">
        <v>204140</v>
      </c>
    </row>
    <row r="60891" spans="1:10" x14ac:dyDescent="0.35">
      <c r="A60891" s="1" t="s">
        <v>143693</v>
      </c>
      <c r="B60891" s="1" t="s">
        <v>201495</v>
      </c>
      <c r="C60891" s="1" t="s">
        <v>30</v>
      </c>
      <c r="D60891" s="1" t="s">
        <v>116479</v>
      </c>
      <c r="E60891" s="1" t="s">
        <v>204141</v>
      </c>
      <c r="F60891" s="1" t="s">
        <v>204142</v>
      </c>
      <c r="G60891" s="1" t="s">
        <v>204129</v>
      </c>
      <c r="H60891" s="1" t="s">
        <v>204130</v>
      </c>
      <c r="I60891" s="1" t="s">
        <v>201500</v>
      </c>
      <c r="J60891" s="1" t="s">
        <v>204143</v>
      </c>
    </row>
    <row r="60892" spans="1:10" x14ac:dyDescent="0.35">
      <c r="A60892" s="1" t="s">
        <v>143693</v>
      </c>
      <c r="B60892" s="1" t="s">
        <v>201495</v>
      </c>
      <c r="C60892" s="1" t="s">
        <v>35</v>
      </c>
      <c r="D60892" s="1" t="s">
        <v>10713</v>
      </c>
      <c r="E60892" s="1" t="s">
        <v>204144</v>
      </c>
      <c r="F60892" s="1" t="s">
        <v>204145</v>
      </c>
      <c r="G60892" s="1" t="s">
        <v>204129</v>
      </c>
      <c r="H60892" s="1" t="s">
        <v>204130</v>
      </c>
      <c r="I60892" s="1" t="s">
        <v>201500</v>
      </c>
      <c r="J60892" s="1" t="s">
        <v>204146</v>
      </c>
    </row>
    <row r="60893" spans="1:10" x14ac:dyDescent="0.35">
      <c r="A60893" s="1" t="s">
        <v>143693</v>
      </c>
      <c r="B60893" s="1" t="s">
        <v>201495</v>
      </c>
      <c r="C60893" s="1" t="s">
        <v>40</v>
      </c>
      <c r="D60893" s="1" t="s">
        <v>202833</v>
      </c>
      <c r="E60893" s="1" t="s">
        <v>204147</v>
      </c>
      <c r="F60893" s="1" t="s">
        <v>204148</v>
      </c>
      <c r="G60893" s="1" t="s">
        <v>204129</v>
      </c>
      <c r="H60893" s="1" t="s">
        <v>204130</v>
      </c>
      <c r="I60893" s="1" t="s">
        <v>201500</v>
      </c>
      <c r="J60893" s="1" t="s">
        <v>204149</v>
      </c>
    </row>
    <row r="60894" spans="1:10" x14ac:dyDescent="0.35">
      <c r="A60894" s="1" t="s">
        <v>143693</v>
      </c>
      <c r="B60894" s="1" t="s">
        <v>201495</v>
      </c>
      <c r="C60894" s="1" t="s">
        <v>45</v>
      </c>
      <c r="D60894" s="1" t="s">
        <v>15980</v>
      </c>
      <c r="E60894" s="1" t="s">
        <v>204150</v>
      </c>
      <c r="F60894" s="1" t="s">
        <v>204151</v>
      </c>
      <c r="G60894" s="1" t="s">
        <v>204129</v>
      </c>
      <c r="H60894" s="1" t="s">
        <v>204130</v>
      </c>
      <c r="I60894" s="1" t="s">
        <v>201500</v>
      </c>
      <c r="J60894" s="1" t="s">
        <v>204152</v>
      </c>
    </row>
    <row r="60895" spans="1:10" x14ac:dyDescent="0.35">
      <c r="A60895" s="1" t="s">
        <v>143693</v>
      </c>
      <c r="B60895" s="1" t="s">
        <v>201495</v>
      </c>
      <c r="C60895" s="1" t="s">
        <v>50</v>
      </c>
      <c r="D60895" s="1" t="s">
        <v>2584</v>
      </c>
      <c r="E60895" s="1" t="s">
        <v>204153</v>
      </c>
      <c r="F60895" s="1" t="s">
        <v>204154</v>
      </c>
      <c r="G60895" s="1" t="s">
        <v>204129</v>
      </c>
      <c r="H60895" s="1" t="s">
        <v>204130</v>
      </c>
      <c r="I60895" s="1" t="s">
        <v>201500</v>
      </c>
      <c r="J60895" s="1" t="s">
        <v>204155</v>
      </c>
    </row>
    <row r="60896" spans="1:10" x14ac:dyDescent="0.35">
      <c r="A60896" s="1" t="s">
        <v>143693</v>
      </c>
      <c r="B60896" s="1" t="s">
        <v>201495</v>
      </c>
      <c r="C60896" s="1" t="s">
        <v>55</v>
      </c>
      <c r="D60896" s="1" t="s">
        <v>34428</v>
      </c>
      <c r="E60896" s="1" t="s">
        <v>204156</v>
      </c>
      <c r="F60896" s="1" t="s">
        <v>204157</v>
      </c>
      <c r="G60896" s="1" t="s">
        <v>204129</v>
      </c>
      <c r="H60896" s="1" t="s">
        <v>204130</v>
      </c>
      <c r="I60896" s="1" t="s">
        <v>201500</v>
      </c>
      <c r="J60896" s="1" t="s">
        <v>204158</v>
      </c>
    </row>
    <row r="60897" spans="1:10" x14ac:dyDescent="0.35">
      <c r="A60897" s="1" t="s">
        <v>143693</v>
      </c>
      <c r="B60897" s="1" t="s">
        <v>201495</v>
      </c>
      <c r="C60897" s="1" t="s">
        <v>60</v>
      </c>
      <c r="D60897" s="1" t="s">
        <v>161608</v>
      </c>
      <c r="E60897" s="1" t="s">
        <v>204159</v>
      </c>
      <c r="F60897" s="1" t="s">
        <v>204160</v>
      </c>
      <c r="G60897" s="1" t="s">
        <v>204129</v>
      </c>
      <c r="H60897" s="1" t="s">
        <v>204130</v>
      </c>
      <c r="I60897" s="1" t="s">
        <v>201500</v>
      </c>
      <c r="J60897" s="1" t="s">
        <v>204161</v>
      </c>
    </row>
    <row r="60898" spans="1:10" x14ac:dyDescent="0.35">
      <c r="A60898" s="1" t="s">
        <v>143693</v>
      </c>
      <c r="B60898" s="1" t="s">
        <v>201495</v>
      </c>
      <c r="C60898" s="1" t="s">
        <v>65</v>
      </c>
      <c r="D60898" s="1" t="s">
        <v>157953</v>
      </c>
      <c r="E60898" s="1" t="s">
        <v>204162</v>
      </c>
      <c r="F60898" s="1" t="s">
        <v>204163</v>
      </c>
      <c r="G60898" s="1" t="s">
        <v>204129</v>
      </c>
      <c r="H60898" s="1" t="s">
        <v>204130</v>
      </c>
      <c r="I60898" s="1" t="s">
        <v>201500</v>
      </c>
      <c r="J60898" s="1" t="s">
        <v>157810</v>
      </c>
    </row>
    <row r="60899" spans="1:10" x14ac:dyDescent="0.35">
      <c r="A60899" s="1" t="s">
        <v>143693</v>
      </c>
      <c r="B60899" s="1" t="s">
        <v>201495</v>
      </c>
      <c r="C60899" s="1" t="s">
        <v>70</v>
      </c>
      <c r="D60899" s="1" t="s">
        <v>204164</v>
      </c>
      <c r="E60899" s="1" t="s">
        <v>204165</v>
      </c>
      <c r="F60899" s="1" t="s">
        <v>204166</v>
      </c>
      <c r="G60899" s="1" t="s">
        <v>204129</v>
      </c>
      <c r="H60899" s="1" t="s">
        <v>204130</v>
      </c>
      <c r="I60899" s="1" t="s">
        <v>201500</v>
      </c>
      <c r="J60899" s="1" t="s">
        <v>204167</v>
      </c>
    </row>
    <row r="60900" spans="1:10" x14ac:dyDescent="0.35">
      <c r="A60900" s="1" t="s">
        <v>143693</v>
      </c>
      <c r="B60900" s="1" t="s">
        <v>201495</v>
      </c>
      <c r="C60900" s="1" t="s">
        <v>75</v>
      </c>
      <c r="D60900" s="1" t="s">
        <v>124941</v>
      </c>
      <c r="E60900" s="1" t="s">
        <v>204168</v>
      </c>
      <c r="F60900" s="1" t="s">
        <v>204169</v>
      </c>
      <c r="G60900" s="1" t="s">
        <v>204129</v>
      </c>
      <c r="H60900" s="1" t="s">
        <v>204130</v>
      </c>
      <c r="I60900" s="1" t="s">
        <v>201500</v>
      </c>
      <c r="J60900" s="1" t="s">
        <v>204170</v>
      </c>
    </row>
    <row r="60901" spans="1:10" x14ac:dyDescent="0.35">
      <c r="A60901" s="1" t="s">
        <v>143693</v>
      </c>
      <c r="B60901" s="1" t="s">
        <v>201495</v>
      </c>
      <c r="C60901" s="1" t="s">
        <v>80</v>
      </c>
      <c r="D60901" s="1" t="s">
        <v>2347</v>
      </c>
      <c r="E60901" s="1" t="s">
        <v>204171</v>
      </c>
      <c r="F60901" s="1" t="s">
        <v>204172</v>
      </c>
      <c r="G60901" s="1" t="s">
        <v>204129</v>
      </c>
      <c r="H60901" s="1" t="s">
        <v>204130</v>
      </c>
      <c r="I60901" s="1" t="s">
        <v>201500</v>
      </c>
      <c r="J60901" s="1" t="s">
        <v>204173</v>
      </c>
    </row>
    <row r="60902" spans="1:10" x14ac:dyDescent="0.35">
      <c r="A60902" s="1" t="s">
        <v>143693</v>
      </c>
      <c r="B60902" s="1" t="s">
        <v>201495</v>
      </c>
      <c r="C60902" s="1" t="s">
        <v>85</v>
      </c>
      <c r="D60902" s="1" t="s">
        <v>34466</v>
      </c>
      <c r="E60902" s="1" t="s">
        <v>204174</v>
      </c>
      <c r="F60902" s="1" t="s">
        <v>204175</v>
      </c>
      <c r="G60902" s="1" t="s">
        <v>204129</v>
      </c>
      <c r="H60902" s="1" t="s">
        <v>204130</v>
      </c>
      <c r="I60902" s="1" t="s">
        <v>201500</v>
      </c>
      <c r="J60902" s="1" t="s">
        <v>204176</v>
      </c>
    </row>
    <row r="60903" spans="1:10" x14ac:dyDescent="0.35">
      <c r="A60903" s="1" t="s">
        <v>143693</v>
      </c>
      <c r="B60903" s="1" t="s">
        <v>201495</v>
      </c>
      <c r="C60903" s="1" t="s">
        <v>90</v>
      </c>
      <c r="D60903" s="1" t="s">
        <v>9001</v>
      </c>
      <c r="E60903" s="1" t="s">
        <v>204177</v>
      </c>
      <c r="F60903" s="1" t="s">
        <v>204178</v>
      </c>
      <c r="G60903" s="1" t="s">
        <v>204129</v>
      </c>
      <c r="H60903" s="1" t="s">
        <v>204130</v>
      </c>
      <c r="I60903" s="1" t="s">
        <v>201500</v>
      </c>
      <c r="J60903" s="1" t="s">
        <v>204179</v>
      </c>
    </row>
    <row r="60904" spans="1:10" x14ac:dyDescent="0.35">
      <c r="A60904" s="1" t="s">
        <v>143693</v>
      </c>
      <c r="B60904" s="1" t="s">
        <v>201495</v>
      </c>
      <c r="C60904" s="1" t="s">
        <v>95</v>
      </c>
      <c r="D60904" s="1" t="s">
        <v>2944</v>
      </c>
      <c r="E60904" s="1" t="s">
        <v>204180</v>
      </c>
      <c r="F60904" s="1" t="s">
        <v>204181</v>
      </c>
      <c r="G60904" s="1" t="s">
        <v>204129</v>
      </c>
      <c r="H60904" s="1" t="s">
        <v>204130</v>
      </c>
      <c r="I60904" s="1" t="s">
        <v>201500</v>
      </c>
      <c r="J60904" s="1" t="s">
        <v>204182</v>
      </c>
    </row>
    <row r="60905" spans="1:10" x14ac:dyDescent="0.35">
      <c r="A60905" s="1" t="s">
        <v>143693</v>
      </c>
      <c r="B60905" s="1" t="s">
        <v>201495</v>
      </c>
      <c r="C60905" s="1" t="s">
        <v>100</v>
      </c>
      <c r="D60905" s="1" t="s">
        <v>49119</v>
      </c>
      <c r="E60905" s="1" t="s">
        <v>204183</v>
      </c>
      <c r="F60905" s="1" t="s">
        <v>204184</v>
      </c>
      <c r="G60905" s="1" t="s">
        <v>204129</v>
      </c>
      <c r="H60905" s="1" t="s">
        <v>204130</v>
      </c>
      <c r="I60905" s="1" t="s">
        <v>201500</v>
      </c>
      <c r="J60905" s="1" t="s">
        <v>204185</v>
      </c>
    </row>
    <row r="60906" spans="1:10" x14ac:dyDescent="0.35">
      <c r="A60906" s="1" t="s">
        <v>143693</v>
      </c>
      <c r="B60906" s="1" t="s">
        <v>201495</v>
      </c>
      <c r="C60906" s="1" t="s">
        <v>105</v>
      </c>
      <c r="D60906" s="1" t="s">
        <v>52012</v>
      </c>
      <c r="E60906" s="1" t="s">
        <v>204186</v>
      </c>
      <c r="F60906" s="1" t="s">
        <v>204187</v>
      </c>
      <c r="G60906" s="1" t="s">
        <v>204129</v>
      </c>
      <c r="H60906" s="1" t="s">
        <v>204130</v>
      </c>
      <c r="I60906" s="1" t="s">
        <v>201500</v>
      </c>
      <c r="J60906" s="1" t="s">
        <v>204188</v>
      </c>
    </row>
    <row r="60907" spans="1:10" x14ac:dyDescent="0.35">
      <c r="A60907" s="1" t="s">
        <v>143693</v>
      </c>
      <c r="B60907" s="1" t="s">
        <v>201495</v>
      </c>
      <c r="C60907" s="1" t="s">
        <v>110</v>
      </c>
      <c r="D60907" s="1" t="s">
        <v>52119</v>
      </c>
      <c r="E60907" s="1" t="s">
        <v>1513</v>
      </c>
      <c r="F60907" s="1" t="s">
        <v>204189</v>
      </c>
      <c r="G60907" s="1" t="s">
        <v>204129</v>
      </c>
      <c r="H60907" s="1" t="s">
        <v>204130</v>
      </c>
      <c r="I60907" s="1" t="s">
        <v>201500</v>
      </c>
      <c r="J60907" s="1" t="s">
        <v>204190</v>
      </c>
    </row>
    <row r="60908" spans="1:10" x14ac:dyDescent="0.35">
      <c r="A60908" s="1" t="s">
        <v>143693</v>
      </c>
      <c r="B60908" s="1" t="s">
        <v>201495</v>
      </c>
      <c r="C60908" s="1" t="s">
        <v>115</v>
      </c>
      <c r="D60908" s="1" t="s">
        <v>42885</v>
      </c>
      <c r="E60908" s="1" t="s">
        <v>204191</v>
      </c>
      <c r="F60908" s="1" t="s">
        <v>204192</v>
      </c>
      <c r="G60908" s="1" t="s">
        <v>204129</v>
      </c>
      <c r="H60908" s="1" t="s">
        <v>204130</v>
      </c>
      <c r="I60908" s="1" t="s">
        <v>201500</v>
      </c>
      <c r="J60908" s="1" t="s">
        <v>204193</v>
      </c>
    </row>
    <row r="60909" spans="1:10" x14ac:dyDescent="0.35">
      <c r="A60909" s="1" t="s">
        <v>143693</v>
      </c>
      <c r="B60909" s="1" t="s">
        <v>201495</v>
      </c>
      <c r="C60909" s="1" t="s">
        <v>120</v>
      </c>
      <c r="D60909" s="1" t="s">
        <v>8797</v>
      </c>
      <c r="E60909" s="1" t="s">
        <v>204194</v>
      </c>
      <c r="F60909" s="1" t="s">
        <v>204195</v>
      </c>
      <c r="G60909" s="1" t="s">
        <v>204129</v>
      </c>
      <c r="H60909" s="1" t="s">
        <v>204130</v>
      </c>
      <c r="I60909" s="1" t="s">
        <v>201500</v>
      </c>
      <c r="J60909" s="1" t="s">
        <v>204196</v>
      </c>
    </row>
    <row r="60910" spans="1:10" x14ac:dyDescent="0.35">
      <c r="A60910" s="1" t="s">
        <v>143693</v>
      </c>
      <c r="B60910" s="1" t="s">
        <v>201495</v>
      </c>
      <c r="C60910" s="1" t="s">
        <v>125</v>
      </c>
      <c r="D60910" s="1" t="s">
        <v>31226</v>
      </c>
      <c r="E60910" s="1" t="s">
        <v>204197</v>
      </c>
      <c r="F60910" s="1" t="s">
        <v>204198</v>
      </c>
      <c r="G60910" s="1" t="s">
        <v>204129</v>
      </c>
      <c r="H60910" s="1" t="s">
        <v>204130</v>
      </c>
      <c r="I60910" s="1" t="s">
        <v>201500</v>
      </c>
      <c r="J60910" s="1" t="s">
        <v>204199</v>
      </c>
    </row>
    <row r="60911" spans="1:10" x14ac:dyDescent="0.35">
      <c r="A60911" s="1" t="s">
        <v>143693</v>
      </c>
      <c r="B60911" s="1" t="s">
        <v>201495</v>
      </c>
      <c r="C60911" s="1" t="s">
        <v>130</v>
      </c>
      <c r="D60911" s="1" t="s">
        <v>135177</v>
      </c>
      <c r="E60911" s="1" t="s">
        <v>204200</v>
      </c>
      <c r="F60911" s="1" t="s">
        <v>204201</v>
      </c>
      <c r="G60911" s="1" t="s">
        <v>204129</v>
      </c>
      <c r="H60911" s="1" t="s">
        <v>204130</v>
      </c>
      <c r="I60911" s="1" t="s">
        <v>201500</v>
      </c>
      <c r="J60911" s="1" t="s">
        <v>204202</v>
      </c>
    </row>
    <row r="60912" spans="1:10" x14ac:dyDescent="0.35">
      <c r="A60912" s="1" t="s">
        <v>143693</v>
      </c>
      <c r="B60912" s="1" t="s">
        <v>201495</v>
      </c>
      <c r="C60912" s="1" t="s">
        <v>135</v>
      </c>
      <c r="D60912" s="1" t="s">
        <v>204203</v>
      </c>
      <c r="E60912" s="1" t="s">
        <v>204204</v>
      </c>
      <c r="F60912" s="1" t="s">
        <v>204205</v>
      </c>
      <c r="G60912" s="1" t="s">
        <v>204129</v>
      </c>
      <c r="H60912" s="1" t="s">
        <v>204130</v>
      </c>
      <c r="I60912" s="1" t="s">
        <v>201500</v>
      </c>
      <c r="J60912" s="1" t="s">
        <v>204206</v>
      </c>
    </row>
    <row r="60913" spans="1:10" x14ac:dyDescent="0.35">
      <c r="A60913" s="1" t="s">
        <v>143693</v>
      </c>
      <c r="B60913" s="1" t="s">
        <v>201495</v>
      </c>
      <c r="C60913" s="1" t="s">
        <v>140</v>
      </c>
      <c r="D60913" s="1" t="s">
        <v>204207</v>
      </c>
      <c r="E60913" s="1" t="s">
        <v>204208</v>
      </c>
      <c r="F60913" s="1" t="s">
        <v>204209</v>
      </c>
      <c r="G60913" s="1" t="s">
        <v>204129</v>
      </c>
      <c r="H60913" s="1" t="s">
        <v>204130</v>
      </c>
      <c r="I60913" s="1" t="s">
        <v>201500</v>
      </c>
      <c r="J60913" s="1" t="s">
        <v>204210</v>
      </c>
    </row>
    <row r="60914" spans="1:10" x14ac:dyDescent="0.35">
      <c r="A60914" s="1" t="s">
        <v>143693</v>
      </c>
      <c r="B60914" s="1" t="s">
        <v>201495</v>
      </c>
      <c r="C60914" s="1" t="s">
        <v>145</v>
      </c>
      <c r="D60914" s="1" t="s">
        <v>204211</v>
      </c>
      <c r="E60914" s="1" t="s">
        <v>204212</v>
      </c>
      <c r="F60914" s="1" t="s">
        <v>204213</v>
      </c>
      <c r="G60914" s="1" t="s">
        <v>204129</v>
      </c>
      <c r="H60914" s="1" t="s">
        <v>204130</v>
      </c>
      <c r="I60914" s="1" t="s">
        <v>201500</v>
      </c>
      <c r="J60914" s="1" t="s">
        <v>204214</v>
      </c>
    </row>
    <row r="60915" spans="1:10" x14ac:dyDescent="0.35">
      <c r="A60915" s="1" t="s">
        <v>143693</v>
      </c>
      <c r="B60915" s="1" t="s">
        <v>201495</v>
      </c>
      <c r="C60915" s="1" t="s">
        <v>150</v>
      </c>
      <c r="D60915" s="1" t="s">
        <v>15416</v>
      </c>
      <c r="E60915" s="1" t="s">
        <v>204215</v>
      </c>
      <c r="F60915" s="1" t="s">
        <v>204216</v>
      </c>
      <c r="G60915" s="1" t="s">
        <v>204129</v>
      </c>
      <c r="H60915" s="1" t="s">
        <v>204130</v>
      </c>
      <c r="I60915" s="1" t="s">
        <v>201500</v>
      </c>
      <c r="J60915" s="1" t="s">
        <v>204217</v>
      </c>
    </row>
    <row r="60916" spans="1:10" x14ac:dyDescent="0.35">
      <c r="A60916" s="1" t="s">
        <v>143693</v>
      </c>
      <c r="B60916" s="1" t="s">
        <v>201495</v>
      </c>
      <c r="C60916" s="1" t="s">
        <v>155</v>
      </c>
      <c r="D60916" s="1" t="s">
        <v>7167</v>
      </c>
      <c r="E60916" s="1" t="s">
        <v>204218</v>
      </c>
      <c r="F60916" s="1" t="s">
        <v>204219</v>
      </c>
      <c r="G60916" s="1" t="s">
        <v>204129</v>
      </c>
      <c r="H60916" s="1" t="s">
        <v>204130</v>
      </c>
      <c r="I60916" s="1" t="s">
        <v>201500</v>
      </c>
      <c r="J60916" s="1" t="s">
        <v>204220</v>
      </c>
    </row>
    <row r="60917" spans="1:10" x14ac:dyDescent="0.35">
      <c r="A60917" s="1" t="s">
        <v>143693</v>
      </c>
      <c r="B60917" s="1" t="s">
        <v>201495</v>
      </c>
      <c r="C60917" s="1" t="s">
        <v>160</v>
      </c>
      <c r="D60917" s="1" t="s">
        <v>33143</v>
      </c>
      <c r="E60917" s="1" t="s">
        <v>204221</v>
      </c>
      <c r="F60917" s="1" t="s">
        <v>204222</v>
      </c>
      <c r="G60917" s="1" t="s">
        <v>204129</v>
      </c>
      <c r="H60917" s="1" t="s">
        <v>204130</v>
      </c>
      <c r="I60917" s="1" t="s">
        <v>201500</v>
      </c>
      <c r="J60917" s="1" t="s">
        <v>204223</v>
      </c>
    </row>
    <row r="60918" spans="1:10" x14ac:dyDescent="0.35">
      <c r="A60918" s="1" t="s">
        <v>143693</v>
      </c>
      <c r="B60918" s="1" t="s">
        <v>201495</v>
      </c>
      <c r="C60918" s="1" t="s">
        <v>165</v>
      </c>
      <c r="D60918" s="1" t="s">
        <v>34185</v>
      </c>
      <c r="E60918" s="1" t="s">
        <v>204224</v>
      </c>
      <c r="F60918" s="1" t="s">
        <v>204225</v>
      </c>
      <c r="G60918" s="1" t="s">
        <v>204129</v>
      </c>
      <c r="H60918" s="1" t="s">
        <v>204130</v>
      </c>
      <c r="I60918" s="1" t="s">
        <v>201500</v>
      </c>
      <c r="J60918" s="1" t="s">
        <v>204226</v>
      </c>
    </row>
    <row r="60919" spans="1:10" x14ac:dyDescent="0.35">
      <c r="A60919" s="1" t="s">
        <v>143693</v>
      </c>
      <c r="B60919" s="1" t="s">
        <v>201495</v>
      </c>
      <c r="C60919" s="1" t="s">
        <v>170</v>
      </c>
      <c r="D60919" s="1" t="s">
        <v>172618</v>
      </c>
      <c r="E60919" s="1" t="s">
        <v>204227</v>
      </c>
      <c r="F60919" s="1" t="s">
        <v>204228</v>
      </c>
      <c r="G60919" s="1" t="s">
        <v>204129</v>
      </c>
      <c r="H60919" s="1" t="s">
        <v>204130</v>
      </c>
      <c r="I60919" s="1" t="s">
        <v>201500</v>
      </c>
      <c r="J60919" s="1" t="s">
        <v>204229</v>
      </c>
    </row>
    <row r="60920" spans="1:10" x14ac:dyDescent="0.35">
      <c r="A60920" s="1" t="s">
        <v>10278</v>
      </c>
      <c r="B60920" s="1" t="s">
        <v>201495</v>
      </c>
      <c r="C60920" s="1" t="s">
        <v>8</v>
      </c>
      <c r="D60920" s="1" t="s">
        <v>116378</v>
      </c>
      <c r="E60920" s="1" t="s">
        <v>204230</v>
      </c>
      <c r="F60920" s="1" t="s">
        <v>204231</v>
      </c>
      <c r="G60920" s="1" t="s">
        <v>204232</v>
      </c>
      <c r="H60920" s="1" t="s">
        <v>204233</v>
      </c>
      <c r="I60920" s="1" t="s">
        <v>201500</v>
      </c>
      <c r="J60920" s="1" t="s">
        <v>13</v>
      </c>
    </row>
    <row r="60921" spans="1:10" x14ac:dyDescent="0.35">
      <c r="A60921" s="1" t="s">
        <v>10278</v>
      </c>
      <c r="B60921" s="1" t="s">
        <v>201495</v>
      </c>
      <c r="C60921" s="1" t="s">
        <v>15</v>
      </c>
      <c r="D60921" s="1" t="s">
        <v>34780</v>
      </c>
      <c r="E60921" s="1" t="s">
        <v>204234</v>
      </c>
      <c r="F60921" s="1" t="s">
        <v>204235</v>
      </c>
      <c r="G60921" s="1" t="s">
        <v>204232</v>
      </c>
      <c r="H60921" s="1" t="s">
        <v>204233</v>
      </c>
      <c r="I60921" s="1" t="s">
        <v>201500</v>
      </c>
      <c r="J60921" s="1" t="s">
        <v>204236</v>
      </c>
    </row>
    <row r="60922" spans="1:10" x14ac:dyDescent="0.35">
      <c r="A60922" s="1" t="s">
        <v>10278</v>
      </c>
      <c r="B60922" s="1" t="s">
        <v>201495</v>
      </c>
      <c r="C60922" s="1" t="s">
        <v>20</v>
      </c>
      <c r="D60922" s="1" t="s">
        <v>50113</v>
      </c>
      <c r="E60922" s="1" t="s">
        <v>204237</v>
      </c>
      <c r="F60922" s="1" t="s">
        <v>204238</v>
      </c>
      <c r="G60922" s="1" t="s">
        <v>204232</v>
      </c>
      <c r="H60922" s="1" t="s">
        <v>204233</v>
      </c>
      <c r="I60922" s="1" t="s">
        <v>201500</v>
      </c>
      <c r="J60922" s="1" t="s">
        <v>204239</v>
      </c>
    </row>
    <row r="60923" spans="1:10" x14ac:dyDescent="0.35">
      <c r="A60923" s="1" t="s">
        <v>10278</v>
      </c>
      <c r="B60923" s="1" t="s">
        <v>201495</v>
      </c>
      <c r="C60923" s="1" t="s">
        <v>25</v>
      </c>
      <c r="D60923" s="1" t="s">
        <v>25000</v>
      </c>
      <c r="E60923" s="1" t="s">
        <v>204240</v>
      </c>
      <c r="F60923" s="1" t="s">
        <v>204241</v>
      </c>
      <c r="G60923" s="1" t="s">
        <v>204232</v>
      </c>
      <c r="H60923" s="1" t="s">
        <v>204233</v>
      </c>
      <c r="I60923" s="1" t="s">
        <v>201500</v>
      </c>
      <c r="J60923" s="1" t="s">
        <v>204242</v>
      </c>
    </row>
    <row r="60924" spans="1:10" x14ac:dyDescent="0.35">
      <c r="A60924" s="1" t="s">
        <v>10278</v>
      </c>
      <c r="B60924" s="1" t="s">
        <v>201495</v>
      </c>
      <c r="C60924" s="1" t="s">
        <v>30</v>
      </c>
      <c r="D60924" s="1" t="s">
        <v>204243</v>
      </c>
      <c r="E60924" s="1" t="s">
        <v>204244</v>
      </c>
      <c r="F60924" s="1" t="s">
        <v>204245</v>
      </c>
      <c r="G60924" s="1" t="s">
        <v>204232</v>
      </c>
      <c r="H60924" s="1" t="s">
        <v>204233</v>
      </c>
      <c r="I60924" s="1" t="s">
        <v>201500</v>
      </c>
      <c r="J60924" s="1" t="s">
        <v>204246</v>
      </c>
    </row>
    <row r="60925" spans="1:10" x14ac:dyDescent="0.35">
      <c r="A60925" s="1" t="s">
        <v>10278</v>
      </c>
      <c r="B60925" s="1" t="s">
        <v>201495</v>
      </c>
      <c r="C60925" s="1" t="s">
        <v>35</v>
      </c>
      <c r="D60925" s="1" t="s">
        <v>10725</v>
      </c>
      <c r="E60925" s="1" t="s">
        <v>204247</v>
      </c>
      <c r="F60925" s="1" t="s">
        <v>204248</v>
      </c>
      <c r="G60925" s="1" t="s">
        <v>204232</v>
      </c>
      <c r="H60925" s="1" t="s">
        <v>204233</v>
      </c>
      <c r="I60925" s="1" t="s">
        <v>201500</v>
      </c>
      <c r="J60925" s="1" t="s">
        <v>204249</v>
      </c>
    </row>
    <row r="60926" spans="1:10" x14ac:dyDescent="0.35">
      <c r="A60926" s="1" t="s">
        <v>10278</v>
      </c>
      <c r="B60926" s="1" t="s">
        <v>201495</v>
      </c>
      <c r="C60926" s="1" t="s">
        <v>40</v>
      </c>
      <c r="D60926" s="1" t="s">
        <v>72222</v>
      </c>
      <c r="E60926" s="1" t="s">
        <v>204250</v>
      </c>
      <c r="F60926" s="1" t="s">
        <v>204251</v>
      </c>
      <c r="G60926" s="1" t="s">
        <v>204232</v>
      </c>
      <c r="H60926" s="1" t="s">
        <v>204233</v>
      </c>
      <c r="I60926" s="1" t="s">
        <v>201500</v>
      </c>
      <c r="J60926" s="1" t="s">
        <v>204252</v>
      </c>
    </row>
    <row r="60927" spans="1:10" x14ac:dyDescent="0.35">
      <c r="A60927" s="1" t="s">
        <v>10278</v>
      </c>
      <c r="B60927" s="1" t="s">
        <v>201495</v>
      </c>
      <c r="C60927" s="1" t="s">
        <v>45</v>
      </c>
      <c r="D60927" s="1" t="s">
        <v>2382</v>
      </c>
      <c r="E60927" s="1" t="s">
        <v>204253</v>
      </c>
      <c r="F60927" s="1" t="s">
        <v>204254</v>
      </c>
      <c r="G60927" s="1" t="s">
        <v>204232</v>
      </c>
      <c r="H60927" s="1" t="s">
        <v>204233</v>
      </c>
      <c r="I60927" s="1" t="s">
        <v>201500</v>
      </c>
      <c r="J60927" s="1" t="s">
        <v>204255</v>
      </c>
    </row>
    <row r="60928" spans="1:10" x14ac:dyDescent="0.35">
      <c r="A60928" s="1" t="s">
        <v>10278</v>
      </c>
      <c r="B60928" s="1" t="s">
        <v>201495</v>
      </c>
      <c r="C60928" s="1" t="s">
        <v>50</v>
      </c>
      <c r="D60928" s="1" t="s">
        <v>204256</v>
      </c>
      <c r="E60928" s="1" t="s">
        <v>204257</v>
      </c>
      <c r="F60928" s="1" t="s">
        <v>204258</v>
      </c>
      <c r="G60928" s="1" t="s">
        <v>204232</v>
      </c>
      <c r="H60928" s="1" t="s">
        <v>204233</v>
      </c>
      <c r="I60928" s="1" t="s">
        <v>201500</v>
      </c>
      <c r="J60928" s="1" t="s">
        <v>204259</v>
      </c>
    </row>
    <row r="60929" spans="1:10" x14ac:dyDescent="0.35">
      <c r="A60929" s="1" t="s">
        <v>10278</v>
      </c>
      <c r="B60929" s="1" t="s">
        <v>201495</v>
      </c>
      <c r="C60929" s="1" t="s">
        <v>55</v>
      </c>
      <c r="D60929" s="1" t="s">
        <v>111391</v>
      </c>
      <c r="E60929" s="1" t="s">
        <v>204260</v>
      </c>
      <c r="F60929" s="1" t="s">
        <v>204261</v>
      </c>
      <c r="G60929" s="1" t="s">
        <v>204232</v>
      </c>
      <c r="H60929" s="1" t="s">
        <v>204233</v>
      </c>
      <c r="I60929" s="1" t="s">
        <v>201500</v>
      </c>
      <c r="J60929" s="1" t="s">
        <v>204262</v>
      </c>
    </row>
    <row r="60930" spans="1:10" x14ac:dyDescent="0.35">
      <c r="A60930" s="1" t="s">
        <v>10278</v>
      </c>
      <c r="B60930" s="1" t="s">
        <v>201495</v>
      </c>
      <c r="C60930" s="1" t="s">
        <v>60</v>
      </c>
      <c r="D60930" s="1" t="s">
        <v>118680</v>
      </c>
      <c r="E60930" s="1" t="s">
        <v>204263</v>
      </c>
      <c r="F60930" s="1" t="s">
        <v>204264</v>
      </c>
      <c r="G60930" s="1" t="s">
        <v>204232</v>
      </c>
      <c r="H60930" s="1" t="s">
        <v>204233</v>
      </c>
      <c r="I60930" s="1" t="s">
        <v>201500</v>
      </c>
      <c r="J60930" s="1" t="s">
        <v>204265</v>
      </c>
    </row>
    <row r="60931" spans="1:10" x14ac:dyDescent="0.35">
      <c r="A60931" s="1" t="s">
        <v>10278</v>
      </c>
      <c r="B60931" s="1" t="s">
        <v>201495</v>
      </c>
      <c r="C60931" s="1" t="s">
        <v>65</v>
      </c>
      <c r="D60931" s="1" t="s">
        <v>204266</v>
      </c>
      <c r="E60931" s="1" t="s">
        <v>204267</v>
      </c>
      <c r="F60931" s="1" t="s">
        <v>204268</v>
      </c>
      <c r="G60931" s="1" t="s">
        <v>204232</v>
      </c>
      <c r="H60931" s="1" t="s">
        <v>204233</v>
      </c>
      <c r="I60931" s="1" t="s">
        <v>201500</v>
      </c>
      <c r="J60931" s="1" t="s">
        <v>204269</v>
      </c>
    </row>
    <row r="60932" spans="1:10" x14ac:dyDescent="0.35">
      <c r="A60932" s="1" t="s">
        <v>10278</v>
      </c>
      <c r="B60932" s="1" t="s">
        <v>201495</v>
      </c>
      <c r="C60932" s="1" t="s">
        <v>70</v>
      </c>
      <c r="D60932" s="1" t="s">
        <v>111395</v>
      </c>
      <c r="E60932" s="1" t="s">
        <v>204270</v>
      </c>
      <c r="F60932" s="1" t="s">
        <v>204271</v>
      </c>
      <c r="G60932" s="1" t="s">
        <v>204232</v>
      </c>
      <c r="H60932" s="1" t="s">
        <v>204233</v>
      </c>
      <c r="I60932" s="1" t="s">
        <v>201500</v>
      </c>
      <c r="J60932" s="1" t="s">
        <v>204272</v>
      </c>
    </row>
    <row r="60933" spans="1:10" x14ac:dyDescent="0.35">
      <c r="A60933" s="1" t="s">
        <v>10278</v>
      </c>
      <c r="B60933" s="1" t="s">
        <v>201495</v>
      </c>
      <c r="C60933" s="1" t="s">
        <v>75</v>
      </c>
      <c r="D60933" s="1" t="s">
        <v>48324</v>
      </c>
      <c r="E60933" s="1" t="s">
        <v>204273</v>
      </c>
      <c r="F60933" s="1" t="s">
        <v>204274</v>
      </c>
      <c r="G60933" s="1" t="s">
        <v>204232</v>
      </c>
      <c r="H60933" s="1" t="s">
        <v>204233</v>
      </c>
      <c r="I60933" s="1" t="s">
        <v>201500</v>
      </c>
      <c r="J60933" s="1" t="s">
        <v>204275</v>
      </c>
    </row>
    <row r="60934" spans="1:10" x14ac:dyDescent="0.35">
      <c r="A60934" s="1" t="s">
        <v>10278</v>
      </c>
      <c r="B60934" s="1" t="s">
        <v>201495</v>
      </c>
      <c r="C60934" s="1" t="s">
        <v>80</v>
      </c>
      <c r="D60934" s="1" t="s">
        <v>204276</v>
      </c>
      <c r="E60934" s="1" t="s">
        <v>204277</v>
      </c>
      <c r="F60934" s="1" t="s">
        <v>204278</v>
      </c>
      <c r="G60934" s="1" t="s">
        <v>204232</v>
      </c>
      <c r="H60934" s="1" t="s">
        <v>204233</v>
      </c>
      <c r="I60934" s="1" t="s">
        <v>201500</v>
      </c>
      <c r="J60934" s="1" t="s">
        <v>204279</v>
      </c>
    </row>
    <row r="60935" spans="1:10" x14ac:dyDescent="0.35">
      <c r="A60935" s="1" t="s">
        <v>10278</v>
      </c>
      <c r="B60935" s="1" t="s">
        <v>201495</v>
      </c>
      <c r="C60935" s="1" t="s">
        <v>85</v>
      </c>
      <c r="D60935" s="1" t="s">
        <v>75011</v>
      </c>
      <c r="E60935" s="1" t="s">
        <v>204280</v>
      </c>
      <c r="F60935" s="1" t="s">
        <v>204281</v>
      </c>
      <c r="G60935" s="1" t="s">
        <v>204232</v>
      </c>
      <c r="H60935" s="1" t="s">
        <v>204233</v>
      </c>
      <c r="I60935" s="1" t="s">
        <v>201500</v>
      </c>
      <c r="J60935" s="1" t="s">
        <v>204282</v>
      </c>
    </row>
    <row r="60936" spans="1:10" x14ac:dyDescent="0.35">
      <c r="A60936" s="1" t="s">
        <v>10278</v>
      </c>
      <c r="B60936" s="1" t="s">
        <v>201495</v>
      </c>
      <c r="C60936" s="1" t="s">
        <v>90</v>
      </c>
      <c r="D60936" s="1" t="s">
        <v>38816</v>
      </c>
      <c r="E60936" s="1" t="s">
        <v>204283</v>
      </c>
      <c r="F60936" s="1" t="s">
        <v>204284</v>
      </c>
      <c r="G60936" s="1" t="s">
        <v>204232</v>
      </c>
      <c r="H60936" s="1" t="s">
        <v>204233</v>
      </c>
      <c r="I60936" s="1" t="s">
        <v>201500</v>
      </c>
      <c r="J60936" s="1" t="s">
        <v>204285</v>
      </c>
    </row>
    <row r="60937" spans="1:10" x14ac:dyDescent="0.35">
      <c r="A60937" s="1" t="s">
        <v>10278</v>
      </c>
      <c r="B60937" s="1" t="s">
        <v>201495</v>
      </c>
      <c r="C60937" s="1" t="s">
        <v>95</v>
      </c>
      <c r="D60937" s="1" t="s">
        <v>116256</v>
      </c>
      <c r="E60937" s="1" t="s">
        <v>204286</v>
      </c>
      <c r="F60937" s="1" t="s">
        <v>204287</v>
      </c>
      <c r="G60937" s="1" t="s">
        <v>204232</v>
      </c>
      <c r="H60937" s="1" t="s">
        <v>204233</v>
      </c>
      <c r="I60937" s="1" t="s">
        <v>201500</v>
      </c>
      <c r="J60937" s="1" t="s">
        <v>204288</v>
      </c>
    </row>
    <row r="60938" spans="1:10" x14ac:dyDescent="0.35">
      <c r="A60938" s="1" t="s">
        <v>10278</v>
      </c>
      <c r="B60938" s="1" t="s">
        <v>201495</v>
      </c>
      <c r="C60938" s="1" t="s">
        <v>100</v>
      </c>
      <c r="D60938" s="1" t="s">
        <v>181488</v>
      </c>
      <c r="E60938" s="1" t="s">
        <v>204289</v>
      </c>
      <c r="F60938" s="1" t="s">
        <v>204290</v>
      </c>
      <c r="G60938" s="1" t="s">
        <v>204232</v>
      </c>
      <c r="H60938" s="1" t="s">
        <v>204233</v>
      </c>
      <c r="I60938" s="1" t="s">
        <v>201500</v>
      </c>
      <c r="J60938" s="1" t="s">
        <v>204291</v>
      </c>
    </row>
    <row r="60939" spans="1:10" x14ac:dyDescent="0.35">
      <c r="A60939" s="1" t="s">
        <v>10278</v>
      </c>
      <c r="B60939" s="1" t="s">
        <v>201495</v>
      </c>
      <c r="C60939" s="1" t="s">
        <v>105</v>
      </c>
      <c r="D60939" s="1" t="s">
        <v>193055</v>
      </c>
      <c r="E60939" s="1" t="s">
        <v>204292</v>
      </c>
      <c r="F60939" s="1" t="s">
        <v>204293</v>
      </c>
      <c r="G60939" s="1" t="s">
        <v>204232</v>
      </c>
      <c r="H60939" s="1" t="s">
        <v>204233</v>
      </c>
      <c r="I60939" s="1" t="s">
        <v>201500</v>
      </c>
      <c r="J60939" s="1" t="s">
        <v>204294</v>
      </c>
    </row>
    <row r="60940" spans="1:10" x14ac:dyDescent="0.35">
      <c r="A60940" s="1" t="s">
        <v>10278</v>
      </c>
      <c r="B60940" s="1" t="s">
        <v>201495</v>
      </c>
      <c r="C60940" s="1" t="s">
        <v>110</v>
      </c>
      <c r="D60940" s="1" t="s">
        <v>71912</v>
      </c>
      <c r="E60940" s="1" t="s">
        <v>204295</v>
      </c>
      <c r="F60940" s="1" t="s">
        <v>204296</v>
      </c>
      <c r="G60940" s="1" t="s">
        <v>204232</v>
      </c>
      <c r="H60940" s="1" t="s">
        <v>204233</v>
      </c>
      <c r="I60940" s="1" t="s">
        <v>201500</v>
      </c>
      <c r="J60940" s="1" t="s">
        <v>204297</v>
      </c>
    </row>
    <row r="60941" spans="1:10" x14ac:dyDescent="0.35">
      <c r="A60941" s="1" t="s">
        <v>10278</v>
      </c>
      <c r="B60941" s="1" t="s">
        <v>201495</v>
      </c>
      <c r="C60941" s="1" t="s">
        <v>115</v>
      </c>
      <c r="D60941" s="1" t="s">
        <v>146882</v>
      </c>
      <c r="E60941" s="1" t="s">
        <v>204298</v>
      </c>
      <c r="F60941" s="1" t="s">
        <v>204299</v>
      </c>
      <c r="G60941" s="1" t="s">
        <v>204232</v>
      </c>
      <c r="H60941" s="1" t="s">
        <v>204233</v>
      </c>
      <c r="I60941" s="1" t="s">
        <v>201500</v>
      </c>
      <c r="J60941" s="1" t="s">
        <v>204300</v>
      </c>
    </row>
    <row r="60942" spans="1:10" x14ac:dyDescent="0.35">
      <c r="A60942" s="1" t="s">
        <v>10278</v>
      </c>
      <c r="B60942" s="1" t="s">
        <v>201495</v>
      </c>
      <c r="C60942" s="1" t="s">
        <v>120</v>
      </c>
      <c r="D60942" s="1" t="s">
        <v>204301</v>
      </c>
      <c r="E60942" s="1" t="s">
        <v>204302</v>
      </c>
      <c r="F60942" s="1" t="s">
        <v>204303</v>
      </c>
      <c r="G60942" s="1" t="s">
        <v>204232</v>
      </c>
      <c r="H60942" s="1" t="s">
        <v>204233</v>
      </c>
      <c r="I60942" s="1" t="s">
        <v>201500</v>
      </c>
      <c r="J60942" s="1" t="s">
        <v>204304</v>
      </c>
    </row>
    <row r="60943" spans="1:10" x14ac:dyDescent="0.35">
      <c r="A60943" s="1" t="s">
        <v>10278</v>
      </c>
      <c r="B60943" s="1" t="s">
        <v>201495</v>
      </c>
      <c r="C60943" s="1" t="s">
        <v>125</v>
      </c>
      <c r="D60943" s="1" t="s">
        <v>148220</v>
      </c>
      <c r="E60943" s="1" t="s">
        <v>204305</v>
      </c>
      <c r="F60943" s="1" t="s">
        <v>204306</v>
      </c>
      <c r="G60943" s="1" t="s">
        <v>204232</v>
      </c>
      <c r="H60943" s="1" t="s">
        <v>204233</v>
      </c>
      <c r="I60943" s="1" t="s">
        <v>201500</v>
      </c>
      <c r="J60943" s="1" t="s">
        <v>204307</v>
      </c>
    </row>
    <row r="60944" spans="1:10" x14ac:dyDescent="0.35">
      <c r="A60944" s="1" t="s">
        <v>10278</v>
      </c>
      <c r="B60944" s="1" t="s">
        <v>201495</v>
      </c>
      <c r="C60944" s="1" t="s">
        <v>130</v>
      </c>
      <c r="D60944" s="1" t="s">
        <v>10377</v>
      </c>
      <c r="E60944" s="1" t="s">
        <v>204308</v>
      </c>
      <c r="F60944" s="1" t="s">
        <v>204309</v>
      </c>
      <c r="G60944" s="1" t="s">
        <v>204232</v>
      </c>
      <c r="H60944" s="1" t="s">
        <v>204233</v>
      </c>
      <c r="I60944" s="1" t="s">
        <v>201500</v>
      </c>
      <c r="J60944" s="1" t="s">
        <v>204310</v>
      </c>
    </row>
    <row r="60945" spans="1:10" x14ac:dyDescent="0.35">
      <c r="A60945" s="1" t="s">
        <v>10278</v>
      </c>
      <c r="B60945" s="1" t="s">
        <v>201495</v>
      </c>
      <c r="C60945" s="1" t="s">
        <v>135</v>
      </c>
      <c r="D60945" s="1" t="s">
        <v>204311</v>
      </c>
      <c r="E60945" s="1" t="s">
        <v>204312</v>
      </c>
      <c r="F60945" s="1" t="s">
        <v>204313</v>
      </c>
      <c r="G60945" s="1" t="s">
        <v>204232</v>
      </c>
      <c r="H60945" s="1" t="s">
        <v>204233</v>
      </c>
      <c r="I60945" s="1" t="s">
        <v>201500</v>
      </c>
      <c r="J60945" s="1" t="s">
        <v>204314</v>
      </c>
    </row>
    <row r="60946" spans="1:10" x14ac:dyDescent="0.35">
      <c r="A60946" s="1" t="s">
        <v>10278</v>
      </c>
      <c r="B60946" s="1" t="s">
        <v>201495</v>
      </c>
      <c r="C60946" s="1" t="s">
        <v>140</v>
      </c>
      <c r="D60946" s="1" t="s">
        <v>42896</v>
      </c>
      <c r="E60946" s="1" t="s">
        <v>204315</v>
      </c>
      <c r="F60946" s="1" t="s">
        <v>204316</v>
      </c>
      <c r="G60946" s="1" t="s">
        <v>204232</v>
      </c>
      <c r="H60946" s="1" t="s">
        <v>204233</v>
      </c>
      <c r="I60946" s="1" t="s">
        <v>201500</v>
      </c>
      <c r="J60946" s="1" t="s">
        <v>204317</v>
      </c>
    </row>
    <row r="60947" spans="1:10" x14ac:dyDescent="0.35">
      <c r="A60947" s="1" t="s">
        <v>10278</v>
      </c>
      <c r="B60947" s="1" t="s">
        <v>201495</v>
      </c>
      <c r="C60947" s="1" t="s">
        <v>145</v>
      </c>
      <c r="D60947" s="1" t="s">
        <v>30245</v>
      </c>
      <c r="E60947" s="1" t="s">
        <v>204318</v>
      </c>
      <c r="F60947" s="1" t="s">
        <v>204319</v>
      </c>
      <c r="G60947" s="1" t="s">
        <v>204232</v>
      </c>
      <c r="H60947" s="1" t="s">
        <v>204233</v>
      </c>
      <c r="I60947" s="1" t="s">
        <v>201500</v>
      </c>
      <c r="J60947" s="1" t="s">
        <v>204320</v>
      </c>
    </row>
    <row r="60948" spans="1:10" x14ac:dyDescent="0.35">
      <c r="A60948" s="1" t="s">
        <v>10278</v>
      </c>
      <c r="B60948" s="1" t="s">
        <v>201495</v>
      </c>
      <c r="C60948" s="1" t="s">
        <v>150</v>
      </c>
      <c r="D60948" s="1" t="s">
        <v>31373</v>
      </c>
      <c r="E60948" s="1" t="s">
        <v>204321</v>
      </c>
      <c r="F60948" s="1" t="s">
        <v>204322</v>
      </c>
      <c r="G60948" s="1" t="s">
        <v>204232</v>
      </c>
      <c r="H60948" s="1" t="s">
        <v>204233</v>
      </c>
      <c r="I60948" s="1" t="s">
        <v>201500</v>
      </c>
      <c r="J60948" s="1" t="s">
        <v>204323</v>
      </c>
    </row>
    <row r="60949" spans="1:10" x14ac:dyDescent="0.35">
      <c r="A60949" s="1" t="s">
        <v>10278</v>
      </c>
      <c r="B60949" s="1" t="s">
        <v>201495</v>
      </c>
      <c r="C60949" s="1" t="s">
        <v>155</v>
      </c>
      <c r="D60949" s="1" t="s">
        <v>44371</v>
      </c>
      <c r="E60949" s="1" t="s">
        <v>204324</v>
      </c>
      <c r="F60949" s="1" t="s">
        <v>204325</v>
      </c>
      <c r="G60949" s="1" t="s">
        <v>204232</v>
      </c>
      <c r="H60949" s="1" t="s">
        <v>204233</v>
      </c>
      <c r="I60949" s="1" t="s">
        <v>201500</v>
      </c>
      <c r="J60949" s="1" t="s">
        <v>204326</v>
      </c>
    </row>
    <row r="60950" spans="1:10" x14ac:dyDescent="0.35">
      <c r="A60950" s="1" t="s">
        <v>10278</v>
      </c>
      <c r="B60950" s="1" t="s">
        <v>201495</v>
      </c>
      <c r="C60950" s="1" t="s">
        <v>160</v>
      </c>
      <c r="D60950" s="1" t="s">
        <v>115275</v>
      </c>
      <c r="E60950" s="1" t="s">
        <v>204327</v>
      </c>
      <c r="F60950" s="1" t="s">
        <v>204328</v>
      </c>
      <c r="G60950" s="1" t="s">
        <v>204232</v>
      </c>
      <c r="H60950" s="1" t="s">
        <v>204233</v>
      </c>
      <c r="I60950" s="1" t="s">
        <v>201500</v>
      </c>
      <c r="J60950" s="1" t="s">
        <v>204329</v>
      </c>
    </row>
    <row r="60951" spans="1:10" x14ac:dyDescent="0.35">
      <c r="A60951" s="1" t="s">
        <v>10278</v>
      </c>
      <c r="B60951" s="1" t="s">
        <v>201495</v>
      </c>
      <c r="C60951" s="1" t="s">
        <v>165</v>
      </c>
      <c r="D60951" s="1" t="s">
        <v>4148</v>
      </c>
      <c r="E60951" s="1" t="s">
        <v>204330</v>
      </c>
      <c r="F60951" s="1" t="s">
        <v>204331</v>
      </c>
      <c r="G60951" s="1" t="s">
        <v>204232</v>
      </c>
      <c r="H60951" s="1" t="s">
        <v>204233</v>
      </c>
      <c r="I60951" s="1" t="s">
        <v>201500</v>
      </c>
      <c r="J60951" s="1" t="s">
        <v>204332</v>
      </c>
    </row>
    <row r="60952" spans="1:10" x14ac:dyDescent="0.35">
      <c r="A60952" s="1" t="s">
        <v>10278</v>
      </c>
      <c r="B60952" s="1" t="s">
        <v>201495</v>
      </c>
      <c r="C60952" s="1" t="s">
        <v>170</v>
      </c>
      <c r="D60952" s="1" t="s">
        <v>135777</v>
      </c>
      <c r="E60952" s="1" t="s">
        <v>204333</v>
      </c>
      <c r="F60952" s="1" t="s">
        <v>204334</v>
      </c>
      <c r="G60952" s="1" t="s">
        <v>204232</v>
      </c>
      <c r="H60952" s="1" t="s">
        <v>204233</v>
      </c>
      <c r="I60952" s="1" t="s">
        <v>201500</v>
      </c>
      <c r="J60952" s="1" t="s">
        <v>204335</v>
      </c>
    </row>
    <row r="60953" spans="1:10" x14ac:dyDescent="0.35">
      <c r="A60953" s="1" t="s">
        <v>8061</v>
      </c>
      <c r="B60953" s="1" t="s">
        <v>201495</v>
      </c>
      <c r="C60953" s="1" t="s">
        <v>8</v>
      </c>
      <c r="D60953" s="1" t="s">
        <v>28801</v>
      </c>
      <c r="E60953" s="1" t="s">
        <v>204336</v>
      </c>
      <c r="F60953" s="1" t="s">
        <v>204337</v>
      </c>
      <c r="G60953" s="1" t="s">
        <v>204338</v>
      </c>
      <c r="H60953" s="1" t="s">
        <v>204339</v>
      </c>
      <c r="I60953" s="1" t="s">
        <v>201500</v>
      </c>
      <c r="J60953" s="1" t="s">
        <v>13</v>
      </c>
    </row>
    <row r="60954" spans="1:10" x14ac:dyDescent="0.35">
      <c r="A60954" s="1" t="s">
        <v>8061</v>
      </c>
      <c r="B60954" s="1" t="s">
        <v>201495</v>
      </c>
      <c r="C60954" s="1" t="s">
        <v>15</v>
      </c>
      <c r="D60954" s="1" t="s">
        <v>148623</v>
      </c>
      <c r="E60954" s="1" t="s">
        <v>204340</v>
      </c>
      <c r="F60954" s="1" t="s">
        <v>204341</v>
      </c>
      <c r="G60954" s="1" t="s">
        <v>204338</v>
      </c>
      <c r="H60954" s="1" t="s">
        <v>204339</v>
      </c>
      <c r="I60954" s="1" t="s">
        <v>201500</v>
      </c>
      <c r="J60954" s="1" t="s">
        <v>204342</v>
      </c>
    </row>
    <row r="60955" spans="1:10" x14ac:dyDescent="0.35">
      <c r="A60955" s="1" t="s">
        <v>8061</v>
      </c>
      <c r="B60955" s="1" t="s">
        <v>201495</v>
      </c>
      <c r="C60955" s="1" t="s">
        <v>20</v>
      </c>
      <c r="D60955" s="1" t="s">
        <v>142972</v>
      </c>
      <c r="E60955" s="1" t="s">
        <v>204343</v>
      </c>
      <c r="F60955" s="1" t="s">
        <v>204344</v>
      </c>
      <c r="G60955" s="1" t="s">
        <v>204338</v>
      </c>
      <c r="H60955" s="1" t="s">
        <v>204339</v>
      </c>
      <c r="I60955" s="1" t="s">
        <v>201500</v>
      </c>
      <c r="J60955" s="1" t="s">
        <v>204345</v>
      </c>
    </row>
    <row r="60956" spans="1:10" x14ac:dyDescent="0.35">
      <c r="A60956" s="1" t="s">
        <v>8061</v>
      </c>
      <c r="B60956" s="1" t="s">
        <v>201495</v>
      </c>
      <c r="C60956" s="1" t="s">
        <v>25</v>
      </c>
      <c r="D60956" s="1" t="s">
        <v>121247</v>
      </c>
      <c r="E60956" s="1" t="s">
        <v>204346</v>
      </c>
      <c r="F60956" s="1" t="s">
        <v>204347</v>
      </c>
      <c r="G60956" s="1" t="s">
        <v>204338</v>
      </c>
      <c r="H60956" s="1" t="s">
        <v>204339</v>
      </c>
      <c r="I60956" s="1" t="s">
        <v>201500</v>
      </c>
      <c r="J60956" s="1" t="s">
        <v>204348</v>
      </c>
    </row>
    <row r="60957" spans="1:10" x14ac:dyDescent="0.35">
      <c r="A60957" s="1" t="s">
        <v>8061</v>
      </c>
      <c r="B60957" s="1" t="s">
        <v>201495</v>
      </c>
      <c r="C60957" s="1" t="s">
        <v>30</v>
      </c>
      <c r="D60957" s="1" t="s">
        <v>51129</v>
      </c>
      <c r="E60957" s="1" t="s">
        <v>204349</v>
      </c>
      <c r="F60957" s="1" t="s">
        <v>204350</v>
      </c>
      <c r="G60957" s="1" t="s">
        <v>204338</v>
      </c>
      <c r="H60957" s="1" t="s">
        <v>204339</v>
      </c>
      <c r="I60957" s="1" t="s">
        <v>201500</v>
      </c>
      <c r="J60957" s="1" t="s">
        <v>204351</v>
      </c>
    </row>
    <row r="60958" spans="1:10" x14ac:dyDescent="0.35">
      <c r="A60958" s="1" t="s">
        <v>8061</v>
      </c>
      <c r="B60958" s="1" t="s">
        <v>201495</v>
      </c>
      <c r="C60958" s="1" t="s">
        <v>35</v>
      </c>
      <c r="D60958" s="1" t="s">
        <v>118719</v>
      </c>
      <c r="E60958" s="1" t="s">
        <v>204352</v>
      </c>
      <c r="F60958" s="1" t="s">
        <v>204353</v>
      </c>
      <c r="G60958" s="1" t="s">
        <v>204338</v>
      </c>
      <c r="H60958" s="1" t="s">
        <v>204339</v>
      </c>
      <c r="I60958" s="1" t="s">
        <v>201500</v>
      </c>
      <c r="J60958" s="1" t="s">
        <v>204354</v>
      </c>
    </row>
    <row r="60959" spans="1:10" x14ac:dyDescent="0.35">
      <c r="A60959" s="1" t="s">
        <v>8061</v>
      </c>
      <c r="B60959" s="1" t="s">
        <v>201495</v>
      </c>
      <c r="C60959" s="1" t="s">
        <v>40</v>
      </c>
      <c r="D60959" s="1" t="s">
        <v>204355</v>
      </c>
      <c r="E60959" s="1" t="s">
        <v>204356</v>
      </c>
      <c r="F60959" s="1" t="s">
        <v>204357</v>
      </c>
      <c r="G60959" s="1" t="s">
        <v>204338</v>
      </c>
      <c r="H60959" s="1" t="s">
        <v>204339</v>
      </c>
      <c r="I60959" s="1" t="s">
        <v>201500</v>
      </c>
      <c r="J60959" s="1" t="s">
        <v>204358</v>
      </c>
    </row>
    <row r="60960" spans="1:10" x14ac:dyDescent="0.35">
      <c r="A60960" s="1" t="s">
        <v>8061</v>
      </c>
      <c r="B60960" s="1" t="s">
        <v>201495</v>
      </c>
      <c r="C60960" s="1" t="s">
        <v>45</v>
      </c>
      <c r="D60960" s="1" t="s">
        <v>117990</v>
      </c>
      <c r="E60960" s="1" t="s">
        <v>204359</v>
      </c>
      <c r="F60960" s="1" t="s">
        <v>204360</v>
      </c>
      <c r="G60960" s="1" t="s">
        <v>204338</v>
      </c>
      <c r="H60960" s="1" t="s">
        <v>204339</v>
      </c>
      <c r="I60960" s="1" t="s">
        <v>201500</v>
      </c>
      <c r="J60960" s="1" t="s">
        <v>204361</v>
      </c>
    </row>
    <row r="60961" spans="1:10" x14ac:dyDescent="0.35">
      <c r="A60961" s="1" t="s">
        <v>8061</v>
      </c>
      <c r="B60961" s="1" t="s">
        <v>201495</v>
      </c>
      <c r="C60961" s="1" t="s">
        <v>50</v>
      </c>
      <c r="D60961" s="1" t="s">
        <v>204362</v>
      </c>
      <c r="E60961" s="1" t="s">
        <v>204363</v>
      </c>
      <c r="F60961" s="1" t="s">
        <v>204364</v>
      </c>
      <c r="G60961" s="1" t="s">
        <v>204338</v>
      </c>
      <c r="H60961" s="1" t="s">
        <v>204339</v>
      </c>
      <c r="I60961" s="1" t="s">
        <v>201500</v>
      </c>
      <c r="J60961" s="1" t="s">
        <v>204365</v>
      </c>
    </row>
    <row r="60962" spans="1:10" x14ac:dyDescent="0.35">
      <c r="A60962" s="1" t="s">
        <v>8061</v>
      </c>
      <c r="B60962" s="1" t="s">
        <v>201495</v>
      </c>
      <c r="C60962" s="1" t="s">
        <v>55</v>
      </c>
      <c r="D60962" s="1" t="s">
        <v>151328</v>
      </c>
      <c r="E60962" s="1" t="s">
        <v>204366</v>
      </c>
      <c r="F60962" s="1" t="s">
        <v>204367</v>
      </c>
      <c r="G60962" s="1" t="s">
        <v>204338</v>
      </c>
      <c r="H60962" s="1" t="s">
        <v>204339</v>
      </c>
      <c r="I60962" s="1" t="s">
        <v>201500</v>
      </c>
      <c r="J60962" s="1" t="s">
        <v>204368</v>
      </c>
    </row>
    <row r="60963" spans="1:10" x14ac:dyDescent="0.35">
      <c r="A60963" s="1" t="s">
        <v>8061</v>
      </c>
      <c r="B60963" s="1" t="s">
        <v>201495</v>
      </c>
      <c r="C60963" s="1" t="s">
        <v>60</v>
      </c>
      <c r="D60963" s="1" t="s">
        <v>204369</v>
      </c>
      <c r="E60963" s="1" t="s">
        <v>204370</v>
      </c>
      <c r="F60963" s="1" t="s">
        <v>204371</v>
      </c>
      <c r="G60963" s="1" t="s">
        <v>204338</v>
      </c>
      <c r="H60963" s="1" t="s">
        <v>204339</v>
      </c>
      <c r="I60963" s="1" t="s">
        <v>201500</v>
      </c>
      <c r="J60963" s="1" t="s">
        <v>204372</v>
      </c>
    </row>
    <row r="60964" spans="1:10" x14ac:dyDescent="0.35">
      <c r="A60964" s="1" t="s">
        <v>8061</v>
      </c>
      <c r="B60964" s="1" t="s">
        <v>201495</v>
      </c>
      <c r="C60964" s="1" t="s">
        <v>65</v>
      </c>
      <c r="D60964" s="1" t="s">
        <v>9546</v>
      </c>
      <c r="E60964" s="1" t="s">
        <v>204373</v>
      </c>
      <c r="F60964" s="1" t="s">
        <v>204374</v>
      </c>
      <c r="G60964" s="1" t="s">
        <v>204338</v>
      </c>
      <c r="H60964" s="1" t="s">
        <v>204339</v>
      </c>
      <c r="I60964" s="1" t="s">
        <v>201500</v>
      </c>
      <c r="J60964" s="1" t="s">
        <v>204375</v>
      </c>
    </row>
    <row r="60965" spans="1:10" x14ac:dyDescent="0.35">
      <c r="A60965" s="1" t="s">
        <v>8061</v>
      </c>
      <c r="B60965" s="1" t="s">
        <v>201495</v>
      </c>
      <c r="C60965" s="1" t="s">
        <v>70</v>
      </c>
      <c r="D60965" s="1" t="s">
        <v>14588</v>
      </c>
      <c r="E60965" s="1" t="s">
        <v>204376</v>
      </c>
      <c r="F60965" s="1" t="s">
        <v>204377</v>
      </c>
      <c r="G60965" s="1" t="s">
        <v>204338</v>
      </c>
      <c r="H60965" s="1" t="s">
        <v>204339</v>
      </c>
      <c r="I60965" s="1" t="s">
        <v>201500</v>
      </c>
      <c r="J60965" s="1" t="s">
        <v>204378</v>
      </c>
    </row>
    <row r="60966" spans="1:10" x14ac:dyDescent="0.35">
      <c r="A60966" s="1" t="s">
        <v>8061</v>
      </c>
      <c r="B60966" s="1" t="s">
        <v>201495</v>
      </c>
      <c r="C60966" s="1" t="s">
        <v>75</v>
      </c>
      <c r="D60966" s="1" t="s">
        <v>51888</v>
      </c>
      <c r="E60966" s="1" t="s">
        <v>204379</v>
      </c>
      <c r="F60966" s="1" t="s">
        <v>204380</v>
      </c>
      <c r="G60966" s="1" t="s">
        <v>204338</v>
      </c>
      <c r="H60966" s="1" t="s">
        <v>204339</v>
      </c>
      <c r="I60966" s="1" t="s">
        <v>201500</v>
      </c>
      <c r="J60966" s="1" t="s">
        <v>204381</v>
      </c>
    </row>
    <row r="60967" spans="1:10" x14ac:dyDescent="0.35">
      <c r="A60967" s="1" t="s">
        <v>8061</v>
      </c>
      <c r="B60967" s="1" t="s">
        <v>201495</v>
      </c>
      <c r="C60967" s="1" t="s">
        <v>80</v>
      </c>
      <c r="D60967" s="1" t="s">
        <v>73338</v>
      </c>
      <c r="E60967" s="1" t="s">
        <v>204382</v>
      </c>
      <c r="F60967" s="1" t="s">
        <v>204383</v>
      </c>
      <c r="G60967" s="1" t="s">
        <v>204338</v>
      </c>
      <c r="H60967" s="1" t="s">
        <v>204339</v>
      </c>
      <c r="I60967" s="1" t="s">
        <v>201500</v>
      </c>
      <c r="J60967" s="1" t="s">
        <v>204384</v>
      </c>
    </row>
    <row r="60968" spans="1:10" x14ac:dyDescent="0.35">
      <c r="A60968" s="1" t="s">
        <v>8061</v>
      </c>
      <c r="B60968" s="1" t="s">
        <v>201495</v>
      </c>
      <c r="C60968" s="1" t="s">
        <v>85</v>
      </c>
      <c r="D60968" s="1" t="s">
        <v>34868</v>
      </c>
      <c r="E60968" s="1" t="s">
        <v>204385</v>
      </c>
      <c r="F60968" s="1" t="s">
        <v>204386</v>
      </c>
      <c r="G60968" s="1" t="s">
        <v>204338</v>
      </c>
      <c r="H60968" s="1" t="s">
        <v>204339</v>
      </c>
      <c r="I60968" s="1" t="s">
        <v>201500</v>
      </c>
      <c r="J60968" s="1" t="s">
        <v>204387</v>
      </c>
    </row>
    <row r="60969" spans="1:10" x14ac:dyDescent="0.35">
      <c r="A60969" s="1" t="s">
        <v>8061</v>
      </c>
      <c r="B60969" s="1" t="s">
        <v>201495</v>
      </c>
      <c r="C60969" s="1" t="s">
        <v>90</v>
      </c>
      <c r="D60969" s="1" t="s">
        <v>135549</v>
      </c>
      <c r="E60969" s="1" t="s">
        <v>204388</v>
      </c>
      <c r="F60969" s="1" t="s">
        <v>204389</v>
      </c>
      <c r="G60969" s="1" t="s">
        <v>204338</v>
      </c>
      <c r="H60969" s="1" t="s">
        <v>204339</v>
      </c>
      <c r="I60969" s="1" t="s">
        <v>201500</v>
      </c>
      <c r="J60969" s="1" t="s">
        <v>204390</v>
      </c>
    </row>
    <row r="60970" spans="1:10" x14ac:dyDescent="0.35">
      <c r="A60970" s="1" t="s">
        <v>8061</v>
      </c>
      <c r="B60970" s="1" t="s">
        <v>201495</v>
      </c>
      <c r="C60970" s="1" t="s">
        <v>95</v>
      </c>
      <c r="D60970" s="1" t="s">
        <v>71405</v>
      </c>
      <c r="E60970" s="1" t="s">
        <v>204391</v>
      </c>
      <c r="F60970" s="1" t="s">
        <v>204392</v>
      </c>
      <c r="G60970" s="1" t="s">
        <v>204338</v>
      </c>
      <c r="H60970" s="1" t="s">
        <v>204339</v>
      </c>
      <c r="I60970" s="1" t="s">
        <v>201500</v>
      </c>
      <c r="J60970" s="1" t="s">
        <v>204393</v>
      </c>
    </row>
    <row r="60971" spans="1:10" x14ac:dyDescent="0.35">
      <c r="A60971" s="1" t="s">
        <v>8061</v>
      </c>
      <c r="B60971" s="1" t="s">
        <v>201495</v>
      </c>
      <c r="C60971" s="1" t="s">
        <v>100</v>
      </c>
      <c r="D60971" s="1" t="s">
        <v>7131</v>
      </c>
      <c r="E60971" s="1" t="s">
        <v>204394</v>
      </c>
      <c r="F60971" s="1" t="s">
        <v>204395</v>
      </c>
      <c r="G60971" s="1" t="s">
        <v>204338</v>
      </c>
      <c r="H60971" s="1" t="s">
        <v>204339</v>
      </c>
      <c r="I60971" s="1" t="s">
        <v>201500</v>
      </c>
      <c r="J60971" s="1" t="s">
        <v>204396</v>
      </c>
    </row>
    <row r="60972" spans="1:10" x14ac:dyDescent="0.35">
      <c r="A60972" s="1" t="s">
        <v>8061</v>
      </c>
      <c r="B60972" s="1" t="s">
        <v>201495</v>
      </c>
      <c r="C60972" s="1" t="s">
        <v>105</v>
      </c>
      <c r="D60972" s="1" t="s">
        <v>1485</v>
      </c>
      <c r="E60972" s="1" t="s">
        <v>204397</v>
      </c>
      <c r="F60972" s="1" t="s">
        <v>204398</v>
      </c>
      <c r="G60972" s="1" t="s">
        <v>204338</v>
      </c>
      <c r="H60972" s="1" t="s">
        <v>204339</v>
      </c>
      <c r="I60972" s="1" t="s">
        <v>201500</v>
      </c>
      <c r="J60972" s="1" t="s">
        <v>204399</v>
      </c>
    </row>
    <row r="60973" spans="1:10" x14ac:dyDescent="0.35">
      <c r="A60973" s="1" t="s">
        <v>8061</v>
      </c>
      <c r="B60973" s="1" t="s">
        <v>201495</v>
      </c>
      <c r="C60973" s="1" t="s">
        <v>110</v>
      </c>
      <c r="D60973" s="1" t="s">
        <v>204400</v>
      </c>
      <c r="E60973" s="1" t="s">
        <v>204401</v>
      </c>
      <c r="F60973" s="1" t="s">
        <v>204402</v>
      </c>
      <c r="G60973" s="1" t="s">
        <v>204338</v>
      </c>
      <c r="H60973" s="1" t="s">
        <v>204339</v>
      </c>
      <c r="I60973" s="1" t="s">
        <v>201500</v>
      </c>
      <c r="J60973" s="1" t="s">
        <v>204403</v>
      </c>
    </row>
    <row r="60974" spans="1:10" x14ac:dyDescent="0.35">
      <c r="A60974" s="1" t="s">
        <v>8061</v>
      </c>
      <c r="B60974" s="1" t="s">
        <v>201495</v>
      </c>
      <c r="C60974" s="1" t="s">
        <v>115</v>
      </c>
      <c r="D60974" s="1" t="s">
        <v>135345</v>
      </c>
      <c r="E60974" s="1" t="s">
        <v>204404</v>
      </c>
      <c r="F60974" s="1" t="s">
        <v>204405</v>
      </c>
      <c r="G60974" s="1" t="s">
        <v>204338</v>
      </c>
      <c r="H60974" s="1" t="s">
        <v>204339</v>
      </c>
      <c r="I60974" s="1" t="s">
        <v>201500</v>
      </c>
      <c r="J60974" s="1" t="s">
        <v>204406</v>
      </c>
    </row>
    <row r="60975" spans="1:10" x14ac:dyDescent="0.35">
      <c r="A60975" s="1" t="s">
        <v>8061</v>
      </c>
      <c r="B60975" s="1" t="s">
        <v>201495</v>
      </c>
      <c r="C60975" s="1" t="s">
        <v>120</v>
      </c>
      <c r="D60975" s="1" t="s">
        <v>35813</v>
      </c>
      <c r="E60975" s="1" t="s">
        <v>204407</v>
      </c>
      <c r="F60975" s="1" t="s">
        <v>204408</v>
      </c>
      <c r="G60975" s="1" t="s">
        <v>204338</v>
      </c>
      <c r="H60975" s="1" t="s">
        <v>204339</v>
      </c>
      <c r="I60975" s="1" t="s">
        <v>201500</v>
      </c>
      <c r="J60975" s="1" t="s">
        <v>204409</v>
      </c>
    </row>
    <row r="60976" spans="1:10" x14ac:dyDescent="0.35">
      <c r="A60976" s="1" t="s">
        <v>8061</v>
      </c>
      <c r="B60976" s="1" t="s">
        <v>201495</v>
      </c>
      <c r="C60976" s="1" t="s">
        <v>125</v>
      </c>
      <c r="D60976" s="1" t="s">
        <v>82633</v>
      </c>
      <c r="E60976" s="1" t="s">
        <v>204410</v>
      </c>
      <c r="F60976" s="1" t="s">
        <v>204411</v>
      </c>
      <c r="G60976" s="1" t="s">
        <v>204338</v>
      </c>
      <c r="H60976" s="1" t="s">
        <v>204339</v>
      </c>
      <c r="I60976" s="1" t="s">
        <v>201500</v>
      </c>
      <c r="J60976" s="1" t="s">
        <v>204412</v>
      </c>
    </row>
    <row r="60977" spans="1:10" x14ac:dyDescent="0.35">
      <c r="A60977" s="1" t="s">
        <v>8061</v>
      </c>
      <c r="B60977" s="1" t="s">
        <v>201495</v>
      </c>
      <c r="C60977" s="1" t="s">
        <v>130</v>
      </c>
      <c r="D60977" s="1" t="s">
        <v>50509</v>
      </c>
      <c r="E60977" s="1" t="s">
        <v>204413</v>
      </c>
      <c r="F60977" s="1" t="s">
        <v>204414</v>
      </c>
      <c r="G60977" s="1" t="s">
        <v>204338</v>
      </c>
      <c r="H60977" s="1" t="s">
        <v>204339</v>
      </c>
      <c r="I60977" s="1" t="s">
        <v>201500</v>
      </c>
      <c r="J60977" s="1" t="s">
        <v>204415</v>
      </c>
    </row>
    <row r="60978" spans="1:10" x14ac:dyDescent="0.35">
      <c r="A60978" s="1" t="s">
        <v>8061</v>
      </c>
      <c r="B60978" s="1" t="s">
        <v>201495</v>
      </c>
      <c r="C60978" s="1" t="s">
        <v>135</v>
      </c>
      <c r="D60978" s="1" t="s">
        <v>116641</v>
      </c>
      <c r="E60978" s="1" t="s">
        <v>204416</v>
      </c>
      <c r="F60978" s="1" t="s">
        <v>204417</v>
      </c>
      <c r="G60978" s="1" t="s">
        <v>204338</v>
      </c>
      <c r="H60978" s="1" t="s">
        <v>204339</v>
      </c>
      <c r="I60978" s="1" t="s">
        <v>201500</v>
      </c>
      <c r="J60978" s="1" t="s">
        <v>204418</v>
      </c>
    </row>
    <row r="60979" spans="1:10" x14ac:dyDescent="0.35">
      <c r="A60979" s="1" t="s">
        <v>8061</v>
      </c>
      <c r="B60979" s="1" t="s">
        <v>201495</v>
      </c>
      <c r="C60979" s="1" t="s">
        <v>140</v>
      </c>
      <c r="D60979" s="1" t="s">
        <v>17832</v>
      </c>
      <c r="E60979" s="1" t="s">
        <v>204419</v>
      </c>
      <c r="F60979" s="1" t="s">
        <v>204420</v>
      </c>
      <c r="G60979" s="1" t="s">
        <v>204338</v>
      </c>
      <c r="H60979" s="1" t="s">
        <v>204339</v>
      </c>
      <c r="I60979" s="1" t="s">
        <v>201500</v>
      </c>
      <c r="J60979" s="1" t="s">
        <v>204421</v>
      </c>
    </row>
    <row r="60980" spans="1:10" x14ac:dyDescent="0.35">
      <c r="A60980" s="1" t="s">
        <v>8061</v>
      </c>
      <c r="B60980" s="1" t="s">
        <v>201495</v>
      </c>
      <c r="C60980" s="1" t="s">
        <v>145</v>
      </c>
      <c r="D60980" s="1" t="s">
        <v>19000</v>
      </c>
      <c r="E60980" s="1" t="s">
        <v>204422</v>
      </c>
      <c r="F60980" s="1" t="s">
        <v>204423</v>
      </c>
      <c r="G60980" s="1" t="s">
        <v>204338</v>
      </c>
      <c r="H60980" s="1" t="s">
        <v>204339</v>
      </c>
      <c r="I60980" s="1" t="s">
        <v>201500</v>
      </c>
      <c r="J60980" s="1" t="s">
        <v>204424</v>
      </c>
    </row>
    <row r="60981" spans="1:10" x14ac:dyDescent="0.35">
      <c r="A60981" s="1" t="s">
        <v>8061</v>
      </c>
      <c r="B60981" s="1" t="s">
        <v>201495</v>
      </c>
      <c r="C60981" s="1" t="s">
        <v>150</v>
      </c>
      <c r="D60981" s="1" t="s">
        <v>204425</v>
      </c>
      <c r="E60981" s="1" t="s">
        <v>204426</v>
      </c>
      <c r="F60981" s="1" t="s">
        <v>204427</v>
      </c>
      <c r="G60981" s="1" t="s">
        <v>204338</v>
      </c>
      <c r="H60981" s="1" t="s">
        <v>204339</v>
      </c>
      <c r="I60981" s="1" t="s">
        <v>201500</v>
      </c>
      <c r="J60981" s="1" t="s">
        <v>204428</v>
      </c>
    </row>
    <row r="60982" spans="1:10" x14ac:dyDescent="0.35">
      <c r="A60982" s="1" t="s">
        <v>8061</v>
      </c>
      <c r="B60982" s="1" t="s">
        <v>201495</v>
      </c>
      <c r="C60982" s="1" t="s">
        <v>155</v>
      </c>
      <c r="D60982" s="1" t="s">
        <v>204429</v>
      </c>
      <c r="E60982" s="1" t="s">
        <v>204430</v>
      </c>
      <c r="F60982" s="1" t="s">
        <v>204431</v>
      </c>
      <c r="G60982" s="1" t="s">
        <v>204338</v>
      </c>
      <c r="H60982" s="1" t="s">
        <v>204339</v>
      </c>
      <c r="I60982" s="1" t="s">
        <v>201500</v>
      </c>
      <c r="J60982" s="1" t="s">
        <v>165754</v>
      </c>
    </row>
    <row r="60983" spans="1:10" x14ac:dyDescent="0.35">
      <c r="A60983" s="1" t="s">
        <v>8061</v>
      </c>
      <c r="B60983" s="1" t="s">
        <v>201495</v>
      </c>
      <c r="C60983" s="1" t="s">
        <v>160</v>
      </c>
      <c r="D60983" s="1" t="s">
        <v>36249</v>
      </c>
      <c r="E60983" s="1" t="s">
        <v>204432</v>
      </c>
      <c r="F60983" s="1" t="s">
        <v>204433</v>
      </c>
      <c r="G60983" s="1" t="s">
        <v>204338</v>
      </c>
      <c r="H60983" s="1" t="s">
        <v>204339</v>
      </c>
      <c r="I60983" s="1" t="s">
        <v>201500</v>
      </c>
      <c r="J60983" s="1" t="s">
        <v>204434</v>
      </c>
    </row>
    <row r="60984" spans="1:10" x14ac:dyDescent="0.35">
      <c r="A60984" s="1" t="s">
        <v>8061</v>
      </c>
      <c r="B60984" s="1" t="s">
        <v>201495</v>
      </c>
      <c r="C60984" s="1" t="s">
        <v>165</v>
      </c>
      <c r="D60984" s="1" t="s">
        <v>72913</v>
      </c>
      <c r="E60984" s="1" t="s">
        <v>204435</v>
      </c>
      <c r="F60984" s="1" t="s">
        <v>204436</v>
      </c>
      <c r="G60984" s="1" t="s">
        <v>204338</v>
      </c>
      <c r="H60984" s="1" t="s">
        <v>204339</v>
      </c>
      <c r="I60984" s="1" t="s">
        <v>201500</v>
      </c>
      <c r="J60984" s="1" t="s">
        <v>204437</v>
      </c>
    </row>
    <row r="60985" spans="1:10" x14ac:dyDescent="0.35">
      <c r="A60985" s="1" t="s">
        <v>8061</v>
      </c>
      <c r="B60985" s="1" t="s">
        <v>201495</v>
      </c>
      <c r="C60985" s="1" t="s">
        <v>170</v>
      </c>
      <c r="D60985" s="1" t="s">
        <v>124166</v>
      </c>
      <c r="E60985" s="1" t="s">
        <v>204438</v>
      </c>
      <c r="F60985" s="1" t="s">
        <v>204439</v>
      </c>
      <c r="G60985" s="1" t="s">
        <v>204338</v>
      </c>
      <c r="H60985" s="1" t="s">
        <v>204339</v>
      </c>
      <c r="I60985" s="1" t="s">
        <v>201500</v>
      </c>
      <c r="J60985" s="1" t="s">
        <v>204440</v>
      </c>
    </row>
    <row r="60986" spans="1:10" x14ac:dyDescent="0.35">
      <c r="A60986" s="1" t="s">
        <v>1387</v>
      </c>
      <c r="B60986" s="1" t="s">
        <v>201495</v>
      </c>
      <c r="C60986" s="1" t="s">
        <v>8</v>
      </c>
      <c r="D60986" s="1" t="s">
        <v>29334</v>
      </c>
      <c r="E60986" s="1" t="s">
        <v>204441</v>
      </c>
      <c r="F60986" s="1" t="s">
        <v>204442</v>
      </c>
      <c r="G60986" s="1" t="s">
        <v>204443</v>
      </c>
      <c r="H60986" s="1" t="s">
        <v>204444</v>
      </c>
      <c r="I60986" s="1" t="s">
        <v>201500</v>
      </c>
      <c r="J60986" s="1" t="s">
        <v>13</v>
      </c>
    </row>
    <row r="60987" spans="1:10" x14ac:dyDescent="0.35">
      <c r="A60987" s="1" t="s">
        <v>1387</v>
      </c>
      <c r="B60987" s="1" t="s">
        <v>201495</v>
      </c>
      <c r="C60987" s="1" t="s">
        <v>15</v>
      </c>
      <c r="D60987" s="1" t="s">
        <v>9995</v>
      </c>
      <c r="E60987" s="1" t="s">
        <v>204445</v>
      </c>
      <c r="F60987" s="1" t="s">
        <v>204446</v>
      </c>
      <c r="G60987" s="1" t="s">
        <v>204443</v>
      </c>
      <c r="H60987" s="1" t="s">
        <v>204444</v>
      </c>
      <c r="I60987" s="1" t="s">
        <v>201500</v>
      </c>
      <c r="J60987" s="1" t="s">
        <v>204447</v>
      </c>
    </row>
    <row r="60988" spans="1:10" x14ac:dyDescent="0.35">
      <c r="A60988" s="1" t="s">
        <v>1387</v>
      </c>
      <c r="B60988" s="1" t="s">
        <v>201495</v>
      </c>
      <c r="C60988" s="1" t="s">
        <v>20</v>
      </c>
      <c r="D60988" s="1" t="s">
        <v>37658</v>
      </c>
      <c r="E60988" s="1" t="s">
        <v>204448</v>
      </c>
      <c r="F60988" s="1" t="s">
        <v>204449</v>
      </c>
      <c r="G60988" s="1" t="s">
        <v>204443</v>
      </c>
      <c r="H60988" s="1" t="s">
        <v>204444</v>
      </c>
      <c r="I60988" s="1" t="s">
        <v>201500</v>
      </c>
      <c r="J60988" s="1" t="s">
        <v>204450</v>
      </c>
    </row>
    <row r="60989" spans="1:10" x14ac:dyDescent="0.35">
      <c r="A60989" s="1" t="s">
        <v>1387</v>
      </c>
      <c r="B60989" s="1" t="s">
        <v>201495</v>
      </c>
      <c r="C60989" s="1" t="s">
        <v>25</v>
      </c>
      <c r="D60989" s="1" t="s">
        <v>4749</v>
      </c>
      <c r="E60989" s="1" t="s">
        <v>204451</v>
      </c>
      <c r="F60989" s="1" t="s">
        <v>204452</v>
      </c>
      <c r="G60989" s="1" t="s">
        <v>204443</v>
      </c>
      <c r="H60989" s="1" t="s">
        <v>204444</v>
      </c>
      <c r="I60989" s="1" t="s">
        <v>201500</v>
      </c>
      <c r="J60989" s="1" t="s">
        <v>204453</v>
      </c>
    </row>
    <row r="60990" spans="1:10" x14ac:dyDescent="0.35">
      <c r="A60990" s="1" t="s">
        <v>1387</v>
      </c>
      <c r="B60990" s="1" t="s">
        <v>201495</v>
      </c>
      <c r="C60990" s="1" t="s">
        <v>30</v>
      </c>
      <c r="D60990" s="1" t="s">
        <v>1695</v>
      </c>
      <c r="E60990" s="1" t="s">
        <v>204454</v>
      </c>
      <c r="F60990" s="1" t="s">
        <v>204455</v>
      </c>
      <c r="G60990" s="1" t="s">
        <v>204443</v>
      </c>
      <c r="H60990" s="1" t="s">
        <v>204444</v>
      </c>
      <c r="I60990" s="1" t="s">
        <v>201500</v>
      </c>
      <c r="J60990" s="1" t="s">
        <v>204456</v>
      </c>
    </row>
    <row r="60991" spans="1:10" x14ac:dyDescent="0.35">
      <c r="A60991" s="1" t="s">
        <v>1387</v>
      </c>
      <c r="B60991" s="1" t="s">
        <v>201495</v>
      </c>
      <c r="C60991" s="1" t="s">
        <v>35</v>
      </c>
      <c r="D60991" s="1" t="s">
        <v>1727</v>
      </c>
      <c r="E60991" s="1" t="s">
        <v>204457</v>
      </c>
      <c r="F60991" s="1" t="s">
        <v>204458</v>
      </c>
      <c r="G60991" s="1" t="s">
        <v>204443</v>
      </c>
      <c r="H60991" s="1" t="s">
        <v>204444</v>
      </c>
      <c r="I60991" s="1" t="s">
        <v>201500</v>
      </c>
      <c r="J60991" s="1" t="s">
        <v>204459</v>
      </c>
    </row>
    <row r="60992" spans="1:10" x14ac:dyDescent="0.35">
      <c r="A60992" s="1" t="s">
        <v>1387</v>
      </c>
      <c r="B60992" s="1" t="s">
        <v>201495</v>
      </c>
      <c r="C60992" s="1" t="s">
        <v>40</v>
      </c>
      <c r="D60992" s="1" t="s">
        <v>11775</v>
      </c>
      <c r="E60992" s="1" t="s">
        <v>204460</v>
      </c>
      <c r="F60992" s="1" t="s">
        <v>204461</v>
      </c>
      <c r="G60992" s="1" t="s">
        <v>204443</v>
      </c>
      <c r="H60992" s="1" t="s">
        <v>204444</v>
      </c>
      <c r="I60992" s="1" t="s">
        <v>201500</v>
      </c>
      <c r="J60992" s="1" t="s">
        <v>204462</v>
      </c>
    </row>
    <row r="60993" spans="1:10" x14ac:dyDescent="0.35">
      <c r="A60993" s="1" t="s">
        <v>1387</v>
      </c>
      <c r="B60993" s="1" t="s">
        <v>201495</v>
      </c>
      <c r="C60993" s="1" t="s">
        <v>45</v>
      </c>
      <c r="D60993" s="1" t="s">
        <v>110875</v>
      </c>
      <c r="E60993" s="1" t="s">
        <v>204463</v>
      </c>
      <c r="F60993" s="1" t="s">
        <v>204464</v>
      </c>
      <c r="G60993" s="1" t="s">
        <v>204443</v>
      </c>
      <c r="H60993" s="1" t="s">
        <v>204444</v>
      </c>
      <c r="I60993" s="1" t="s">
        <v>201500</v>
      </c>
      <c r="J60993" s="1" t="s">
        <v>204465</v>
      </c>
    </row>
    <row r="60994" spans="1:10" x14ac:dyDescent="0.35">
      <c r="A60994" s="1" t="s">
        <v>1387</v>
      </c>
      <c r="B60994" s="1" t="s">
        <v>201495</v>
      </c>
      <c r="C60994" s="1" t="s">
        <v>50</v>
      </c>
      <c r="D60994" s="1" t="s">
        <v>29102</v>
      </c>
      <c r="E60994" s="1" t="s">
        <v>204466</v>
      </c>
      <c r="F60994" s="1" t="s">
        <v>204467</v>
      </c>
      <c r="G60994" s="1" t="s">
        <v>204443</v>
      </c>
      <c r="H60994" s="1" t="s">
        <v>204444</v>
      </c>
      <c r="I60994" s="1" t="s">
        <v>201500</v>
      </c>
      <c r="J60994" s="1" t="s">
        <v>204468</v>
      </c>
    </row>
    <row r="60995" spans="1:10" x14ac:dyDescent="0.35">
      <c r="A60995" s="1" t="s">
        <v>1387</v>
      </c>
      <c r="B60995" s="1" t="s">
        <v>201495</v>
      </c>
      <c r="C60995" s="1" t="s">
        <v>55</v>
      </c>
      <c r="D60995" s="1" t="s">
        <v>28109</v>
      </c>
      <c r="E60995" s="1" t="s">
        <v>204469</v>
      </c>
      <c r="F60995" s="1" t="s">
        <v>204470</v>
      </c>
      <c r="G60995" s="1" t="s">
        <v>204443</v>
      </c>
      <c r="H60995" s="1" t="s">
        <v>204444</v>
      </c>
      <c r="I60995" s="1" t="s">
        <v>201500</v>
      </c>
      <c r="J60995" s="1" t="s">
        <v>204471</v>
      </c>
    </row>
    <row r="60996" spans="1:10" x14ac:dyDescent="0.35">
      <c r="A60996" s="1" t="s">
        <v>1387</v>
      </c>
      <c r="B60996" s="1" t="s">
        <v>201495</v>
      </c>
      <c r="C60996" s="1" t="s">
        <v>60</v>
      </c>
      <c r="D60996" s="1" t="s">
        <v>29344</v>
      </c>
      <c r="E60996" s="1" t="s">
        <v>204472</v>
      </c>
      <c r="F60996" s="1" t="s">
        <v>204473</v>
      </c>
      <c r="G60996" s="1" t="s">
        <v>204443</v>
      </c>
      <c r="H60996" s="1" t="s">
        <v>204444</v>
      </c>
      <c r="I60996" s="1" t="s">
        <v>201500</v>
      </c>
      <c r="J60996" s="1" t="s">
        <v>204474</v>
      </c>
    </row>
    <row r="60997" spans="1:10" x14ac:dyDescent="0.35">
      <c r="A60997" s="1" t="s">
        <v>1387</v>
      </c>
      <c r="B60997" s="1" t="s">
        <v>201495</v>
      </c>
      <c r="C60997" s="1" t="s">
        <v>65</v>
      </c>
      <c r="D60997" s="1" t="s">
        <v>50810</v>
      </c>
      <c r="E60997" s="1" t="s">
        <v>204475</v>
      </c>
      <c r="F60997" s="1" t="s">
        <v>204476</v>
      </c>
      <c r="G60997" s="1" t="s">
        <v>204443</v>
      </c>
      <c r="H60997" s="1" t="s">
        <v>204444</v>
      </c>
      <c r="I60997" s="1" t="s">
        <v>201500</v>
      </c>
      <c r="J60997" s="1" t="s">
        <v>204477</v>
      </c>
    </row>
    <row r="60998" spans="1:10" x14ac:dyDescent="0.35">
      <c r="A60998" s="1" t="s">
        <v>1387</v>
      </c>
      <c r="B60998" s="1" t="s">
        <v>201495</v>
      </c>
      <c r="C60998" s="1" t="s">
        <v>70</v>
      </c>
      <c r="D60998" s="1" t="s">
        <v>104449</v>
      </c>
      <c r="E60998" s="1" t="s">
        <v>204478</v>
      </c>
      <c r="F60998" s="1" t="s">
        <v>204479</v>
      </c>
      <c r="G60998" s="1" t="s">
        <v>204443</v>
      </c>
      <c r="H60998" s="1" t="s">
        <v>204444</v>
      </c>
      <c r="I60998" s="1" t="s">
        <v>201500</v>
      </c>
      <c r="J60998" s="1" t="s">
        <v>204480</v>
      </c>
    </row>
    <row r="60999" spans="1:10" x14ac:dyDescent="0.35">
      <c r="A60999" s="1" t="s">
        <v>1387</v>
      </c>
      <c r="B60999" s="1" t="s">
        <v>201495</v>
      </c>
      <c r="C60999" s="1" t="s">
        <v>75</v>
      </c>
      <c r="D60999" s="1" t="s">
        <v>204481</v>
      </c>
      <c r="E60999" s="1" t="s">
        <v>204482</v>
      </c>
      <c r="F60999" s="1" t="s">
        <v>204483</v>
      </c>
      <c r="G60999" s="1" t="s">
        <v>204443</v>
      </c>
      <c r="H60999" s="1" t="s">
        <v>204444</v>
      </c>
      <c r="I60999" s="1" t="s">
        <v>201500</v>
      </c>
      <c r="J60999" s="1" t="s">
        <v>204484</v>
      </c>
    </row>
    <row r="61000" spans="1:10" x14ac:dyDescent="0.35">
      <c r="A61000" s="1" t="s">
        <v>1387</v>
      </c>
      <c r="B61000" s="1" t="s">
        <v>201495</v>
      </c>
      <c r="C61000" s="1" t="s">
        <v>80</v>
      </c>
      <c r="D61000" s="1" t="s">
        <v>203712</v>
      </c>
      <c r="E61000" s="1" t="s">
        <v>204485</v>
      </c>
      <c r="F61000" s="1" t="s">
        <v>204486</v>
      </c>
      <c r="G61000" s="1" t="s">
        <v>204443</v>
      </c>
      <c r="H61000" s="1" t="s">
        <v>204444</v>
      </c>
      <c r="I61000" s="1" t="s">
        <v>201500</v>
      </c>
      <c r="J61000" s="1" t="s">
        <v>204487</v>
      </c>
    </row>
    <row r="61001" spans="1:10" x14ac:dyDescent="0.35">
      <c r="A61001" s="1" t="s">
        <v>1387</v>
      </c>
      <c r="B61001" s="1" t="s">
        <v>201495</v>
      </c>
      <c r="C61001" s="1" t="s">
        <v>85</v>
      </c>
      <c r="D61001" s="1" t="s">
        <v>118057</v>
      </c>
      <c r="E61001" s="1" t="s">
        <v>204488</v>
      </c>
      <c r="F61001" s="1" t="s">
        <v>204489</v>
      </c>
      <c r="G61001" s="1" t="s">
        <v>204443</v>
      </c>
      <c r="H61001" s="1" t="s">
        <v>204444</v>
      </c>
      <c r="I61001" s="1" t="s">
        <v>201500</v>
      </c>
      <c r="J61001" s="1" t="s">
        <v>204490</v>
      </c>
    </row>
    <row r="61002" spans="1:10" x14ac:dyDescent="0.35">
      <c r="A61002" s="1" t="s">
        <v>1387</v>
      </c>
      <c r="B61002" s="1" t="s">
        <v>201495</v>
      </c>
      <c r="C61002" s="1" t="s">
        <v>90</v>
      </c>
      <c r="D61002" s="1" t="s">
        <v>117523</v>
      </c>
      <c r="E61002" s="1" t="s">
        <v>204491</v>
      </c>
      <c r="F61002" s="1" t="s">
        <v>204492</v>
      </c>
      <c r="G61002" s="1" t="s">
        <v>204443</v>
      </c>
      <c r="H61002" s="1" t="s">
        <v>204444</v>
      </c>
      <c r="I61002" s="1" t="s">
        <v>201500</v>
      </c>
      <c r="J61002" s="1" t="s">
        <v>204493</v>
      </c>
    </row>
    <row r="61003" spans="1:10" x14ac:dyDescent="0.35">
      <c r="A61003" s="1" t="s">
        <v>1387</v>
      </c>
      <c r="B61003" s="1" t="s">
        <v>201495</v>
      </c>
      <c r="C61003" s="1" t="s">
        <v>95</v>
      </c>
      <c r="D61003" s="1" t="s">
        <v>34559</v>
      </c>
      <c r="E61003" s="1" t="s">
        <v>204494</v>
      </c>
      <c r="F61003" s="1" t="s">
        <v>204495</v>
      </c>
      <c r="G61003" s="1" t="s">
        <v>204443</v>
      </c>
      <c r="H61003" s="1" t="s">
        <v>204444</v>
      </c>
      <c r="I61003" s="1" t="s">
        <v>201500</v>
      </c>
      <c r="J61003" s="1" t="s">
        <v>204496</v>
      </c>
    </row>
    <row r="61004" spans="1:10" x14ac:dyDescent="0.35">
      <c r="A61004" s="1" t="s">
        <v>1387</v>
      </c>
      <c r="B61004" s="1" t="s">
        <v>201495</v>
      </c>
      <c r="C61004" s="1" t="s">
        <v>100</v>
      </c>
      <c r="D61004" s="1" t="s">
        <v>172251</v>
      </c>
      <c r="E61004" s="1" t="s">
        <v>204497</v>
      </c>
      <c r="F61004" s="1" t="s">
        <v>204498</v>
      </c>
      <c r="G61004" s="1" t="s">
        <v>204443</v>
      </c>
      <c r="H61004" s="1" t="s">
        <v>204444</v>
      </c>
      <c r="I61004" s="1" t="s">
        <v>201500</v>
      </c>
      <c r="J61004" s="1" t="s">
        <v>89036</v>
      </c>
    </row>
    <row r="61005" spans="1:10" x14ac:dyDescent="0.35">
      <c r="A61005" s="1" t="s">
        <v>1387</v>
      </c>
      <c r="B61005" s="1" t="s">
        <v>201495</v>
      </c>
      <c r="C61005" s="1" t="s">
        <v>105</v>
      </c>
      <c r="D61005" s="1" t="s">
        <v>198</v>
      </c>
      <c r="E61005" s="1" t="s">
        <v>204499</v>
      </c>
      <c r="F61005" s="1" t="s">
        <v>204500</v>
      </c>
      <c r="G61005" s="1" t="s">
        <v>204443</v>
      </c>
      <c r="H61005" s="1" t="s">
        <v>204444</v>
      </c>
      <c r="I61005" s="1" t="s">
        <v>201500</v>
      </c>
      <c r="J61005" s="1" t="s">
        <v>204501</v>
      </c>
    </row>
    <row r="61006" spans="1:10" x14ac:dyDescent="0.35">
      <c r="A61006" s="1" t="s">
        <v>1387</v>
      </c>
      <c r="B61006" s="1" t="s">
        <v>201495</v>
      </c>
      <c r="C61006" s="1" t="s">
        <v>110</v>
      </c>
      <c r="D61006" s="1" t="s">
        <v>11017</v>
      </c>
      <c r="E61006" s="1" t="s">
        <v>204502</v>
      </c>
      <c r="F61006" s="1" t="s">
        <v>204503</v>
      </c>
      <c r="G61006" s="1" t="s">
        <v>204443</v>
      </c>
      <c r="H61006" s="1" t="s">
        <v>204444</v>
      </c>
      <c r="I61006" s="1" t="s">
        <v>201500</v>
      </c>
      <c r="J61006" s="1" t="s">
        <v>204504</v>
      </c>
    </row>
    <row r="61007" spans="1:10" x14ac:dyDescent="0.35">
      <c r="A61007" s="1" t="s">
        <v>1387</v>
      </c>
      <c r="B61007" s="1" t="s">
        <v>201495</v>
      </c>
      <c r="C61007" s="1" t="s">
        <v>115</v>
      </c>
      <c r="D61007" s="1" t="s">
        <v>204505</v>
      </c>
      <c r="E61007" s="1" t="s">
        <v>204506</v>
      </c>
      <c r="F61007" s="1" t="s">
        <v>204507</v>
      </c>
      <c r="G61007" s="1" t="s">
        <v>204443</v>
      </c>
      <c r="H61007" s="1" t="s">
        <v>204444</v>
      </c>
      <c r="I61007" s="1" t="s">
        <v>201500</v>
      </c>
      <c r="J61007" s="1" t="s">
        <v>204508</v>
      </c>
    </row>
    <row r="61008" spans="1:10" x14ac:dyDescent="0.35">
      <c r="A61008" s="1" t="s">
        <v>1387</v>
      </c>
      <c r="B61008" s="1" t="s">
        <v>201495</v>
      </c>
      <c r="C61008" s="1" t="s">
        <v>120</v>
      </c>
      <c r="D61008" s="1" t="s">
        <v>2386</v>
      </c>
      <c r="E61008" s="1" t="s">
        <v>204509</v>
      </c>
      <c r="F61008" s="1" t="s">
        <v>204510</v>
      </c>
      <c r="G61008" s="1" t="s">
        <v>204443</v>
      </c>
      <c r="H61008" s="1" t="s">
        <v>204444</v>
      </c>
      <c r="I61008" s="1" t="s">
        <v>201500</v>
      </c>
      <c r="J61008" s="1" t="s">
        <v>204511</v>
      </c>
    </row>
    <row r="61009" spans="1:10" x14ac:dyDescent="0.35">
      <c r="A61009" s="1" t="s">
        <v>1387</v>
      </c>
      <c r="B61009" s="1" t="s">
        <v>201495</v>
      </c>
      <c r="C61009" s="1" t="s">
        <v>125</v>
      </c>
      <c r="D61009" s="1" t="s">
        <v>14553</v>
      </c>
      <c r="E61009" s="1" t="s">
        <v>204512</v>
      </c>
      <c r="F61009" s="1" t="s">
        <v>204513</v>
      </c>
      <c r="G61009" s="1" t="s">
        <v>204443</v>
      </c>
      <c r="H61009" s="1" t="s">
        <v>204444</v>
      </c>
      <c r="I61009" s="1" t="s">
        <v>201500</v>
      </c>
      <c r="J61009" s="1" t="s">
        <v>204514</v>
      </c>
    </row>
    <row r="61010" spans="1:10" x14ac:dyDescent="0.35">
      <c r="A61010" s="1" t="s">
        <v>1387</v>
      </c>
      <c r="B61010" s="1" t="s">
        <v>201495</v>
      </c>
      <c r="C61010" s="1" t="s">
        <v>130</v>
      </c>
      <c r="D61010" s="1" t="s">
        <v>112581</v>
      </c>
      <c r="E61010" s="1" t="s">
        <v>204515</v>
      </c>
      <c r="F61010" s="1" t="s">
        <v>204516</v>
      </c>
      <c r="G61010" s="1" t="s">
        <v>204443</v>
      </c>
      <c r="H61010" s="1" t="s">
        <v>204444</v>
      </c>
      <c r="I61010" s="1" t="s">
        <v>201500</v>
      </c>
      <c r="J61010" s="1" t="s">
        <v>204517</v>
      </c>
    </row>
    <row r="61011" spans="1:10" x14ac:dyDescent="0.35">
      <c r="A61011" s="1" t="s">
        <v>1387</v>
      </c>
      <c r="B61011" s="1" t="s">
        <v>201495</v>
      </c>
      <c r="C61011" s="1" t="s">
        <v>135</v>
      </c>
      <c r="D61011" s="1" t="s">
        <v>5762</v>
      </c>
      <c r="E61011" s="1" t="s">
        <v>204518</v>
      </c>
      <c r="F61011" s="1" t="s">
        <v>204519</v>
      </c>
      <c r="G61011" s="1" t="s">
        <v>204443</v>
      </c>
      <c r="H61011" s="1" t="s">
        <v>204444</v>
      </c>
      <c r="I61011" s="1" t="s">
        <v>201500</v>
      </c>
      <c r="J61011" s="1" t="s">
        <v>204520</v>
      </c>
    </row>
    <row r="61012" spans="1:10" x14ac:dyDescent="0.35">
      <c r="A61012" s="1" t="s">
        <v>1387</v>
      </c>
      <c r="B61012" s="1" t="s">
        <v>201495</v>
      </c>
      <c r="C61012" s="1" t="s">
        <v>140</v>
      </c>
      <c r="D61012" s="1" t="s">
        <v>49154</v>
      </c>
      <c r="E61012" s="1" t="s">
        <v>204521</v>
      </c>
      <c r="F61012" s="1" t="s">
        <v>204522</v>
      </c>
      <c r="G61012" s="1" t="s">
        <v>204443</v>
      </c>
      <c r="H61012" s="1" t="s">
        <v>204444</v>
      </c>
      <c r="I61012" s="1" t="s">
        <v>201500</v>
      </c>
      <c r="J61012" s="1" t="s">
        <v>204523</v>
      </c>
    </row>
    <row r="61013" spans="1:10" x14ac:dyDescent="0.35">
      <c r="A61013" s="1" t="s">
        <v>1387</v>
      </c>
      <c r="B61013" s="1" t="s">
        <v>201495</v>
      </c>
      <c r="C61013" s="1" t="s">
        <v>145</v>
      </c>
      <c r="D61013" s="1" t="s">
        <v>148467</v>
      </c>
      <c r="E61013" s="1" t="s">
        <v>204524</v>
      </c>
      <c r="F61013" s="1" t="s">
        <v>204525</v>
      </c>
      <c r="G61013" s="1" t="s">
        <v>204443</v>
      </c>
      <c r="H61013" s="1" t="s">
        <v>204444</v>
      </c>
      <c r="I61013" s="1" t="s">
        <v>201500</v>
      </c>
      <c r="J61013" s="1" t="s">
        <v>204526</v>
      </c>
    </row>
    <row r="61014" spans="1:10" x14ac:dyDescent="0.35">
      <c r="A61014" s="1" t="s">
        <v>1387</v>
      </c>
      <c r="B61014" s="1" t="s">
        <v>201495</v>
      </c>
      <c r="C61014" s="1" t="s">
        <v>150</v>
      </c>
      <c r="D61014" s="1" t="s">
        <v>169464</v>
      </c>
      <c r="E61014" s="1" t="s">
        <v>204527</v>
      </c>
      <c r="F61014" s="1" t="s">
        <v>204528</v>
      </c>
      <c r="G61014" s="1" t="s">
        <v>204443</v>
      </c>
      <c r="H61014" s="1" t="s">
        <v>204444</v>
      </c>
      <c r="I61014" s="1" t="s">
        <v>201500</v>
      </c>
      <c r="J61014" s="1" t="s">
        <v>204529</v>
      </c>
    </row>
    <row r="61015" spans="1:10" x14ac:dyDescent="0.35">
      <c r="A61015" s="1" t="s">
        <v>1387</v>
      </c>
      <c r="B61015" s="1" t="s">
        <v>201495</v>
      </c>
      <c r="C61015" s="1" t="s">
        <v>155</v>
      </c>
      <c r="D61015" s="1" t="s">
        <v>46130</v>
      </c>
      <c r="E61015" s="1" t="s">
        <v>204530</v>
      </c>
      <c r="F61015" s="1" t="s">
        <v>204531</v>
      </c>
      <c r="G61015" s="1" t="s">
        <v>204443</v>
      </c>
      <c r="H61015" s="1" t="s">
        <v>204444</v>
      </c>
      <c r="I61015" s="1" t="s">
        <v>201500</v>
      </c>
      <c r="J61015" s="1" t="s">
        <v>204532</v>
      </c>
    </row>
    <row r="61016" spans="1:10" x14ac:dyDescent="0.35">
      <c r="A61016" s="1" t="s">
        <v>1387</v>
      </c>
      <c r="B61016" s="1" t="s">
        <v>201495</v>
      </c>
      <c r="C61016" s="1" t="s">
        <v>160</v>
      </c>
      <c r="D61016" s="1" t="s">
        <v>70810</v>
      </c>
      <c r="E61016" s="1" t="s">
        <v>204533</v>
      </c>
      <c r="F61016" s="1" t="s">
        <v>204534</v>
      </c>
      <c r="G61016" s="1" t="s">
        <v>204443</v>
      </c>
      <c r="H61016" s="1" t="s">
        <v>204444</v>
      </c>
      <c r="I61016" s="1" t="s">
        <v>201500</v>
      </c>
      <c r="J61016" s="1" t="s">
        <v>204535</v>
      </c>
    </row>
    <row r="61017" spans="1:10" x14ac:dyDescent="0.35">
      <c r="A61017" s="1" t="s">
        <v>1387</v>
      </c>
      <c r="B61017" s="1" t="s">
        <v>201495</v>
      </c>
      <c r="C61017" s="1" t="s">
        <v>165</v>
      </c>
      <c r="D61017" s="1" t="s">
        <v>204536</v>
      </c>
      <c r="E61017" s="1" t="s">
        <v>204537</v>
      </c>
      <c r="F61017" s="1" t="s">
        <v>204538</v>
      </c>
      <c r="G61017" s="1" t="s">
        <v>204443</v>
      </c>
      <c r="H61017" s="1" t="s">
        <v>204444</v>
      </c>
      <c r="I61017" s="1" t="s">
        <v>201500</v>
      </c>
      <c r="J61017" s="1" t="s">
        <v>204539</v>
      </c>
    </row>
    <row r="61018" spans="1:10" x14ac:dyDescent="0.35">
      <c r="A61018" s="1" t="s">
        <v>1387</v>
      </c>
      <c r="B61018" s="1" t="s">
        <v>201495</v>
      </c>
      <c r="C61018" s="1" t="s">
        <v>170</v>
      </c>
      <c r="D61018" s="1" t="s">
        <v>204540</v>
      </c>
      <c r="E61018" s="1" t="s">
        <v>204541</v>
      </c>
      <c r="F61018" s="1" t="s">
        <v>204542</v>
      </c>
      <c r="G61018" s="1" t="s">
        <v>204443</v>
      </c>
      <c r="H61018" s="1" t="s">
        <v>204444</v>
      </c>
      <c r="I61018" s="1" t="s">
        <v>201500</v>
      </c>
      <c r="J61018" s="1" t="s">
        <v>204543</v>
      </c>
    </row>
    <row r="61019" spans="1:10" x14ac:dyDescent="0.35">
      <c r="A61019" s="1" t="s">
        <v>30024</v>
      </c>
      <c r="B61019" s="1" t="s">
        <v>201495</v>
      </c>
      <c r="C61019" s="1" t="s">
        <v>8</v>
      </c>
      <c r="D61019" s="1" t="s">
        <v>112763</v>
      </c>
      <c r="E61019" s="1" t="s">
        <v>160371</v>
      </c>
      <c r="F61019" s="1" t="s">
        <v>204544</v>
      </c>
      <c r="G61019" s="1" t="s">
        <v>204545</v>
      </c>
      <c r="H61019" s="1" t="s">
        <v>204546</v>
      </c>
      <c r="I61019" s="1" t="s">
        <v>201500</v>
      </c>
      <c r="J61019" s="1" t="s">
        <v>13</v>
      </c>
    </row>
    <row r="61020" spans="1:10" x14ac:dyDescent="0.35">
      <c r="A61020" s="1" t="s">
        <v>30024</v>
      </c>
      <c r="B61020" s="1" t="s">
        <v>201495</v>
      </c>
      <c r="C61020" s="1" t="s">
        <v>15</v>
      </c>
      <c r="D61020" s="1" t="s">
        <v>36700</v>
      </c>
      <c r="E61020" s="1" t="s">
        <v>8011</v>
      </c>
      <c r="F61020" s="1" t="s">
        <v>204547</v>
      </c>
      <c r="G61020" s="1" t="s">
        <v>204545</v>
      </c>
      <c r="H61020" s="1" t="s">
        <v>204546</v>
      </c>
      <c r="I61020" s="1" t="s">
        <v>201500</v>
      </c>
      <c r="J61020" s="1" t="s">
        <v>204548</v>
      </c>
    </row>
    <row r="61021" spans="1:10" x14ac:dyDescent="0.35">
      <c r="A61021" s="1" t="s">
        <v>30024</v>
      </c>
      <c r="B61021" s="1" t="s">
        <v>201495</v>
      </c>
      <c r="C61021" s="1" t="s">
        <v>20</v>
      </c>
      <c r="D61021" s="1" t="s">
        <v>48525</v>
      </c>
      <c r="E61021" s="1" t="s">
        <v>12640</v>
      </c>
      <c r="F61021" s="1" t="s">
        <v>204549</v>
      </c>
      <c r="G61021" s="1" t="s">
        <v>204545</v>
      </c>
      <c r="H61021" s="1" t="s">
        <v>204546</v>
      </c>
      <c r="I61021" s="1" t="s">
        <v>201500</v>
      </c>
      <c r="J61021" s="1" t="s">
        <v>204550</v>
      </c>
    </row>
    <row r="61022" spans="1:10" x14ac:dyDescent="0.35">
      <c r="A61022" s="1" t="s">
        <v>30024</v>
      </c>
      <c r="B61022" s="1" t="s">
        <v>201495</v>
      </c>
      <c r="C61022" s="1" t="s">
        <v>25</v>
      </c>
      <c r="D61022" s="1" t="s">
        <v>45024</v>
      </c>
      <c r="E61022" s="1" t="s">
        <v>7913</v>
      </c>
      <c r="F61022" s="1" t="s">
        <v>204551</v>
      </c>
      <c r="G61022" s="1" t="s">
        <v>204545</v>
      </c>
      <c r="H61022" s="1" t="s">
        <v>204546</v>
      </c>
      <c r="I61022" s="1" t="s">
        <v>201500</v>
      </c>
      <c r="J61022" s="1" t="s">
        <v>204552</v>
      </c>
    </row>
    <row r="61023" spans="1:10" x14ac:dyDescent="0.35">
      <c r="A61023" s="1" t="s">
        <v>30024</v>
      </c>
      <c r="B61023" s="1" t="s">
        <v>201495</v>
      </c>
      <c r="C61023" s="1" t="s">
        <v>30</v>
      </c>
      <c r="D61023" s="1" t="s">
        <v>11775</v>
      </c>
      <c r="E61023" s="1" t="s">
        <v>511</v>
      </c>
      <c r="F61023" s="1" t="s">
        <v>204553</v>
      </c>
      <c r="G61023" s="1" t="s">
        <v>204545</v>
      </c>
      <c r="H61023" s="1" t="s">
        <v>204546</v>
      </c>
      <c r="I61023" s="1" t="s">
        <v>201500</v>
      </c>
      <c r="J61023" s="1" t="s">
        <v>204554</v>
      </c>
    </row>
    <row r="61024" spans="1:10" x14ac:dyDescent="0.35">
      <c r="A61024" s="1" t="s">
        <v>30024</v>
      </c>
      <c r="B61024" s="1" t="s">
        <v>201495</v>
      </c>
      <c r="C61024" s="1" t="s">
        <v>35</v>
      </c>
      <c r="D61024" s="1" t="s">
        <v>188699</v>
      </c>
      <c r="E61024" s="1" t="s">
        <v>111300</v>
      </c>
      <c r="F61024" s="1" t="s">
        <v>204555</v>
      </c>
      <c r="G61024" s="1" t="s">
        <v>204545</v>
      </c>
      <c r="H61024" s="1" t="s">
        <v>204546</v>
      </c>
      <c r="I61024" s="1" t="s">
        <v>201500</v>
      </c>
      <c r="J61024" s="1" t="s">
        <v>204556</v>
      </c>
    </row>
    <row r="61025" spans="1:10" x14ac:dyDescent="0.35">
      <c r="A61025" s="1" t="s">
        <v>30024</v>
      </c>
      <c r="B61025" s="1" t="s">
        <v>201495</v>
      </c>
      <c r="C61025" s="1" t="s">
        <v>40</v>
      </c>
      <c r="D61025" s="1" t="s">
        <v>169302</v>
      </c>
      <c r="E61025" s="1" t="s">
        <v>27448</v>
      </c>
      <c r="F61025" s="1" t="s">
        <v>204557</v>
      </c>
      <c r="G61025" s="1" t="s">
        <v>204545</v>
      </c>
      <c r="H61025" s="1" t="s">
        <v>204546</v>
      </c>
      <c r="I61025" s="1" t="s">
        <v>201500</v>
      </c>
      <c r="J61025" s="1" t="s">
        <v>204558</v>
      </c>
    </row>
    <row r="61026" spans="1:10" x14ac:dyDescent="0.35">
      <c r="A61026" s="1" t="s">
        <v>30024</v>
      </c>
      <c r="B61026" s="1" t="s">
        <v>201495</v>
      </c>
      <c r="C61026" s="1" t="s">
        <v>45</v>
      </c>
      <c r="D61026" s="1" t="s">
        <v>142891</v>
      </c>
      <c r="E61026" s="1" t="s">
        <v>204559</v>
      </c>
      <c r="F61026" s="1" t="s">
        <v>204560</v>
      </c>
      <c r="G61026" s="1" t="s">
        <v>204545</v>
      </c>
      <c r="H61026" s="1" t="s">
        <v>204546</v>
      </c>
      <c r="I61026" s="1" t="s">
        <v>201500</v>
      </c>
      <c r="J61026" s="1" t="s">
        <v>204561</v>
      </c>
    </row>
    <row r="61027" spans="1:10" x14ac:dyDescent="0.35">
      <c r="A61027" s="1" t="s">
        <v>30024</v>
      </c>
      <c r="B61027" s="1" t="s">
        <v>201495</v>
      </c>
      <c r="C61027" s="1" t="s">
        <v>50</v>
      </c>
      <c r="D61027" s="1" t="s">
        <v>111046</v>
      </c>
      <c r="E61027" s="1" t="s">
        <v>12721</v>
      </c>
      <c r="F61027" s="1" t="s">
        <v>204562</v>
      </c>
      <c r="G61027" s="1" t="s">
        <v>204545</v>
      </c>
      <c r="H61027" s="1" t="s">
        <v>204546</v>
      </c>
      <c r="I61027" s="1" t="s">
        <v>201500</v>
      </c>
      <c r="J61027" s="1" t="s">
        <v>204563</v>
      </c>
    </row>
    <row r="61028" spans="1:10" x14ac:dyDescent="0.35">
      <c r="A61028" s="1" t="s">
        <v>30024</v>
      </c>
      <c r="B61028" s="1" t="s">
        <v>201495</v>
      </c>
      <c r="C61028" s="1" t="s">
        <v>55</v>
      </c>
      <c r="D61028" s="1" t="s">
        <v>121295</v>
      </c>
      <c r="E61028" s="1" t="s">
        <v>7899</v>
      </c>
      <c r="F61028" s="1" t="s">
        <v>204564</v>
      </c>
      <c r="G61028" s="1" t="s">
        <v>204545</v>
      </c>
      <c r="H61028" s="1" t="s">
        <v>204546</v>
      </c>
      <c r="I61028" s="1" t="s">
        <v>201500</v>
      </c>
      <c r="J61028" s="1" t="s">
        <v>204565</v>
      </c>
    </row>
    <row r="61029" spans="1:10" x14ac:dyDescent="0.35">
      <c r="A61029" s="1" t="s">
        <v>30024</v>
      </c>
      <c r="B61029" s="1" t="s">
        <v>201495</v>
      </c>
      <c r="C61029" s="1" t="s">
        <v>60</v>
      </c>
      <c r="D61029" s="1" t="s">
        <v>111278</v>
      </c>
      <c r="E61029" s="1" t="s">
        <v>49027</v>
      </c>
      <c r="F61029" s="1" t="s">
        <v>204566</v>
      </c>
      <c r="G61029" s="1" t="s">
        <v>204545</v>
      </c>
      <c r="H61029" s="1" t="s">
        <v>204546</v>
      </c>
      <c r="I61029" s="1" t="s">
        <v>201500</v>
      </c>
      <c r="J61029" s="1" t="s">
        <v>204567</v>
      </c>
    </row>
    <row r="61030" spans="1:10" x14ac:dyDescent="0.35">
      <c r="A61030" s="1" t="s">
        <v>30024</v>
      </c>
      <c r="B61030" s="1" t="s">
        <v>201495</v>
      </c>
      <c r="C61030" s="1" t="s">
        <v>65</v>
      </c>
      <c r="D61030" s="1" t="s">
        <v>112370</v>
      </c>
      <c r="E61030" s="1" t="s">
        <v>7917</v>
      </c>
      <c r="F61030" s="1" t="s">
        <v>204568</v>
      </c>
      <c r="G61030" s="1" t="s">
        <v>204545</v>
      </c>
      <c r="H61030" s="1" t="s">
        <v>204546</v>
      </c>
      <c r="I61030" s="1" t="s">
        <v>201500</v>
      </c>
      <c r="J61030" s="1" t="s">
        <v>204569</v>
      </c>
    </row>
    <row r="61031" spans="1:10" x14ac:dyDescent="0.35">
      <c r="A61031" s="1" t="s">
        <v>30024</v>
      </c>
      <c r="B61031" s="1" t="s">
        <v>201495</v>
      </c>
      <c r="C61031" s="1" t="s">
        <v>70</v>
      </c>
      <c r="D61031" s="1" t="s">
        <v>9276</v>
      </c>
      <c r="E61031" s="1" t="s">
        <v>110912</v>
      </c>
      <c r="F61031" s="1" t="s">
        <v>204570</v>
      </c>
      <c r="G61031" s="1" t="s">
        <v>204545</v>
      </c>
      <c r="H61031" s="1" t="s">
        <v>204546</v>
      </c>
      <c r="I61031" s="1" t="s">
        <v>201500</v>
      </c>
      <c r="J61031" s="1" t="s">
        <v>204571</v>
      </c>
    </row>
    <row r="61032" spans="1:10" x14ac:dyDescent="0.35">
      <c r="A61032" s="1" t="s">
        <v>30024</v>
      </c>
      <c r="B61032" s="1" t="s">
        <v>201495</v>
      </c>
      <c r="C61032" s="1" t="s">
        <v>75</v>
      </c>
      <c r="D61032" s="1" t="s">
        <v>112555</v>
      </c>
      <c r="E61032" s="1" t="s">
        <v>204572</v>
      </c>
      <c r="F61032" s="1" t="s">
        <v>204573</v>
      </c>
      <c r="G61032" s="1" t="s">
        <v>204545</v>
      </c>
      <c r="H61032" s="1" t="s">
        <v>204546</v>
      </c>
      <c r="I61032" s="1" t="s">
        <v>201500</v>
      </c>
      <c r="J61032" s="1" t="s">
        <v>204574</v>
      </c>
    </row>
    <row r="61033" spans="1:10" x14ac:dyDescent="0.35">
      <c r="A61033" s="1" t="s">
        <v>30024</v>
      </c>
      <c r="B61033" s="1" t="s">
        <v>201495</v>
      </c>
      <c r="C61033" s="1" t="s">
        <v>80</v>
      </c>
      <c r="D61033" s="1" t="s">
        <v>2347</v>
      </c>
      <c r="E61033" s="1" t="s">
        <v>7917</v>
      </c>
      <c r="F61033" s="1" t="s">
        <v>204575</v>
      </c>
      <c r="G61033" s="1" t="s">
        <v>204545</v>
      </c>
      <c r="H61033" s="1" t="s">
        <v>204546</v>
      </c>
      <c r="I61033" s="1" t="s">
        <v>201500</v>
      </c>
      <c r="J61033" s="1" t="s">
        <v>204576</v>
      </c>
    </row>
    <row r="61034" spans="1:10" x14ac:dyDescent="0.35">
      <c r="A61034" s="1" t="s">
        <v>30024</v>
      </c>
      <c r="B61034" s="1" t="s">
        <v>201495</v>
      </c>
      <c r="C61034" s="1" t="s">
        <v>85</v>
      </c>
      <c r="D61034" s="1" t="s">
        <v>71061</v>
      </c>
      <c r="E61034" s="1" t="s">
        <v>12127</v>
      </c>
      <c r="F61034" s="1" t="s">
        <v>204577</v>
      </c>
      <c r="G61034" s="1" t="s">
        <v>204545</v>
      </c>
      <c r="H61034" s="1" t="s">
        <v>204546</v>
      </c>
      <c r="I61034" s="1" t="s">
        <v>201500</v>
      </c>
      <c r="J61034" s="1" t="s">
        <v>204578</v>
      </c>
    </row>
    <row r="61035" spans="1:10" x14ac:dyDescent="0.35">
      <c r="A61035" s="1" t="s">
        <v>30024</v>
      </c>
      <c r="B61035" s="1" t="s">
        <v>201495</v>
      </c>
      <c r="C61035" s="1" t="s">
        <v>90</v>
      </c>
      <c r="D61035" s="1" t="s">
        <v>73095</v>
      </c>
      <c r="E61035" s="1" t="s">
        <v>204579</v>
      </c>
      <c r="F61035" s="1" t="s">
        <v>204580</v>
      </c>
      <c r="G61035" s="1" t="s">
        <v>204545</v>
      </c>
      <c r="H61035" s="1" t="s">
        <v>204546</v>
      </c>
      <c r="I61035" s="1" t="s">
        <v>201500</v>
      </c>
      <c r="J61035" s="1" t="s">
        <v>168283</v>
      </c>
    </row>
    <row r="61036" spans="1:10" x14ac:dyDescent="0.35">
      <c r="A61036" s="1" t="s">
        <v>30024</v>
      </c>
      <c r="B61036" s="1" t="s">
        <v>201495</v>
      </c>
      <c r="C61036" s="1" t="s">
        <v>95</v>
      </c>
      <c r="D61036" s="1" t="s">
        <v>48394</v>
      </c>
      <c r="E61036" s="1" t="s">
        <v>12648</v>
      </c>
      <c r="F61036" s="1" t="s">
        <v>204581</v>
      </c>
      <c r="G61036" s="1" t="s">
        <v>204545</v>
      </c>
      <c r="H61036" s="1" t="s">
        <v>204546</v>
      </c>
      <c r="I61036" s="1" t="s">
        <v>201500</v>
      </c>
      <c r="J61036" s="1" t="s">
        <v>204582</v>
      </c>
    </row>
    <row r="61037" spans="1:10" x14ac:dyDescent="0.35">
      <c r="A61037" s="1" t="s">
        <v>30024</v>
      </c>
      <c r="B61037" s="1" t="s">
        <v>201495</v>
      </c>
      <c r="C61037" s="1" t="s">
        <v>100</v>
      </c>
      <c r="D61037" s="1" t="s">
        <v>148742</v>
      </c>
      <c r="E61037" s="1" t="s">
        <v>204583</v>
      </c>
      <c r="F61037" s="1" t="s">
        <v>204584</v>
      </c>
      <c r="G61037" s="1" t="s">
        <v>204545</v>
      </c>
      <c r="H61037" s="1" t="s">
        <v>204546</v>
      </c>
      <c r="I61037" s="1" t="s">
        <v>201500</v>
      </c>
      <c r="J61037" s="1" t="s">
        <v>204585</v>
      </c>
    </row>
    <row r="61038" spans="1:10" x14ac:dyDescent="0.35">
      <c r="A61038" s="1" t="s">
        <v>30024</v>
      </c>
      <c r="B61038" s="1" t="s">
        <v>201495</v>
      </c>
      <c r="C61038" s="1" t="s">
        <v>105</v>
      </c>
      <c r="D61038" s="1" t="s">
        <v>25778</v>
      </c>
      <c r="E61038" s="1" t="s">
        <v>7933</v>
      </c>
      <c r="F61038" s="1" t="s">
        <v>204586</v>
      </c>
      <c r="G61038" s="1" t="s">
        <v>204545</v>
      </c>
      <c r="H61038" s="1" t="s">
        <v>204546</v>
      </c>
      <c r="I61038" s="1" t="s">
        <v>201500</v>
      </c>
      <c r="J61038" s="1" t="s">
        <v>204587</v>
      </c>
    </row>
    <row r="61039" spans="1:10" x14ac:dyDescent="0.35">
      <c r="A61039" s="1" t="s">
        <v>30024</v>
      </c>
      <c r="B61039" s="1" t="s">
        <v>201495</v>
      </c>
      <c r="C61039" s="1" t="s">
        <v>110</v>
      </c>
      <c r="D61039" s="1" t="s">
        <v>49102</v>
      </c>
      <c r="E61039" s="1" t="s">
        <v>160382</v>
      </c>
      <c r="F61039" s="1" t="s">
        <v>204588</v>
      </c>
      <c r="G61039" s="1" t="s">
        <v>204545</v>
      </c>
      <c r="H61039" s="1" t="s">
        <v>204546</v>
      </c>
      <c r="I61039" s="1" t="s">
        <v>201500</v>
      </c>
      <c r="J61039" s="1" t="s">
        <v>204589</v>
      </c>
    </row>
    <row r="61040" spans="1:10" x14ac:dyDescent="0.35">
      <c r="A61040" s="1" t="s">
        <v>30024</v>
      </c>
      <c r="B61040" s="1" t="s">
        <v>201495</v>
      </c>
      <c r="C61040" s="1" t="s">
        <v>115</v>
      </c>
      <c r="D61040" s="1" t="s">
        <v>204590</v>
      </c>
      <c r="E61040" s="1" t="s">
        <v>12640</v>
      </c>
      <c r="F61040" s="1" t="s">
        <v>204591</v>
      </c>
      <c r="G61040" s="1" t="s">
        <v>204545</v>
      </c>
      <c r="H61040" s="1" t="s">
        <v>204546</v>
      </c>
      <c r="I61040" s="1" t="s">
        <v>201500</v>
      </c>
      <c r="J61040" s="1" t="s">
        <v>204592</v>
      </c>
    </row>
    <row r="61041" spans="1:10" x14ac:dyDescent="0.35">
      <c r="A61041" s="1" t="s">
        <v>30024</v>
      </c>
      <c r="B61041" s="1" t="s">
        <v>201495</v>
      </c>
      <c r="C61041" s="1" t="s">
        <v>120</v>
      </c>
      <c r="D61041" s="1" t="s">
        <v>37340</v>
      </c>
      <c r="E61041" s="1" t="s">
        <v>12747</v>
      </c>
      <c r="F61041" s="1" t="s">
        <v>204593</v>
      </c>
      <c r="G61041" s="1" t="s">
        <v>204545</v>
      </c>
      <c r="H61041" s="1" t="s">
        <v>204546</v>
      </c>
      <c r="I61041" s="1" t="s">
        <v>201500</v>
      </c>
      <c r="J61041" s="1" t="s">
        <v>204594</v>
      </c>
    </row>
    <row r="61042" spans="1:10" x14ac:dyDescent="0.35">
      <c r="A61042" s="1" t="s">
        <v>30024</v>
      </c>
      <c r="B61042" s="1" t="s">
        <v>201495</v>
      </c>
      <c r="C61042" s="1" t="s">
        <v>125</v>
      </c>
      <c r="D61042" s="1" t="s">
        <v>73730</v>
      </c>
      <c r="E61042" s="1" t="s">
        <v>204595</v>
      </c>
      <c r="F61042" s="1" t="s">
        <v>204596</v>
      </c>
      <c r="G61042" s="1" t="s">
        <v>204545</v>
      </c>
      <c r="H61042" s="1" t="s">
        <v>204546</v>
      </c>
      <c r="I61042" s="1" t="s">
        <v>201500</v>
      </c>
      <c r="J61042" s="1" t="s">
        <v>204597</v>
      </c>
    </row>
    <row r="61043" spans="1:10" x14ac:dyDescent="0.35">
      <c r="A61043" s="1" t="s">
        <v>30024</v>
      </c>
      <c r="B61043" s="1" t="s">
        <v>201495</v>
      </c>
      <c r="C61043" s="1" t="s">
        <v>130</v>
      </c>
      <c r="D61043" s="1" t="s">
        <v>204598</v>
      </c>
      <c r="E61043" s="1" t="s">
        <v>27477</v>
      </c>
      <c r="F61043" s="1" t="s">
        <v>204599</v>
      </c>
      <c r="G61043" s="1" t="s">
        <v>204545</v>
      </c>
      <c r="H61043" s="1" t="s">
        <v>204546</v>
      </c>
      <c r="I61043" s="1" t="s">
        <v>201500</v>
      </c>
      <c r="J61043" s="1" t="s">
        <v>204600</v>
      </c>
    </row>
    <row r="61044" spans="1:10" x14ac:dyDescent="0.35">
      <c r="A61044" s="1" t="s">
        <v>30024</v>
      </c>
      <c r="B61044" s="1" t="s">
        <v>201495</v>
      </c>
      <c r="C61044" s="1" t="s">
        <v>135</v>
      </c>
      <c r="D61044" s="1" t="s">
        <v>204601</v>
      </c>
      <c r="E61044" s="1" t="s">
        <v>110935</v>
      </c>
      <c r="F61044" s="1" t="s">
        <v>204602</v>
      </c>
      <c r="G61044" s="1" t="s">
        <v>204545</v>
      </c>
      <c r="H61044" s="1" t="s">
        <v>204546</v>
      </c>
      <c r="I61044" s="1" t="s">
        <v>201500</v>
      </c>
      <c r="J61044" s="1" t="s">
        <v>204603</v>
      </c>
    </row>
    <row r="61045" spans="1:10" x14ac:dyDescent="0.35">
      <c r="A61045" s="1" t="s">
        <v>30024</v>
      </c>
      <c r="B61045" s="1" t="s">
        <v>201495</v>
      </c>
      <c r="C61045" s="1" t="s">
        <v>140</v>
      </c>
      <c r="D61045" s="1" t="s">
        <v>204604</v>
      </c>
      <c r="E61045" s="1" t="s">
        <v>204605</v>
      </c>
      <c r="F61045" s="1" t="s">
        <v>204606</v>
      </c>
      <c r="G61045" s="1" t="s">
        <v>204545</v>
      </c>
      <c r="H61045" s="1" t="s">
        <v>204546</v>
      </c>
      <c r="I61045" s="1" t="s">
        <v>201500</v>
      </c>
      <c r="J61045" s="1" t="s">
        <v>204607</v>
      </c>
    </row>
    <row r="61046" spans="1:10" x14ac:dyDescent="0.35">
      <c r="A61046" s="1" t="s">
        <v>30024</v>
      </c>
      <c r="B61046" s="1" t="s">
        <v>201495</v>
      </c>
      <c r="C61046" s="1" t="s">
        <v>145</v>
      </c>
      <c r="D61046" s="1" t="s">
        <v>111623</v>
      </c>
      <c r="E61046" s="1" t="s">
        <v>8642</v>
      </c>
      <c r="F61046" s="1" t="s">
        <v>204608</v>
      </c>
      <c r="G61046" s="1" t="s">
        <v>204545</v>
      </c>
      <c r="H61046" s="1" t="s">
        <v>204546</v>
      </c>
      <c r="I61046" s="1" t="s">
        <v>201500</v>
      </c>
      <c r="J61046" s="1" t="s">
        <v>204609</v>
      </c>
    </row>
    <row r="61047" spans="1:10" x14ac:dyDescent="0.35">
      <c r="A61047" s="1" t="s">
        <v>30024</v>
      </c>
      <c r="B61047" s="1" t="s">
        <v>201495</v>
      </c>
      <c r="C61047" s="1" t="s">
        <v>150</v>
      </c>
      <c r="D61047" s="1" t="s">
        <v>204610</v>
      </c>
      <c r="E61047" s="1" t="s">
        <v>12695</v>
      </c>
      <c r="F61047" s="1" t="s">
        <v>204611</v>
      </c>
      <c r="G61047" s="1" t="s">
        <v>204545</v>
      </c>
      <c r="H61047" s="1" t="s">
        <v>204546</v>
      </c>
      <c r="I61047" s="1" t="s">
        <v>201500</v>
      </c>
      <c r="J61047" s="1" t="s">
        <v>204612</v>
      </c>
    </row>
    <row r="61048" spans="1:10" x14ac:dyDescent="0.35">
      <c r="A61048" s="1" t="s">
        <v>30024</v>
      </c>
      <c r="B61048" s="1" t="s">
        <v>201495</v>
      </c>
      <c r="C61048" s="1" t="s">
        <v>155</v>
      </c>
      <c r="D61048" s="1" t="s">
        <v>118567</v>
      </c>
      <c r="E61048" s="1" t="s">
        <v>159878</v>
      </c>
      <c r="F61048" s="1" t="s">
        <v>204613</v>
      </c>
      <c r="G61048" s="1" t="s">
        <v>204545</v>
      </c>
      <c r="H61048" s="1" t="s">
        <v>204546</v>
      </c>
      <c r="I61048" s="1" t="s">
        <v>201500</v>
      </c>
      <c r="J61048" s="1" t="s">
        <v>204614</v>
      </c>
    </row>
    <row r="61049" spans="1:10" x14ac:dyDescent="0.35">
      <c r="A61049" s="1" t="s">
        <v>30024</v>
      </c>
      <c r="B61049" s="1" t="s">
        <v>201495</v>
      </c>
      <c r="C61049" s="1" t="s">
        <v>160</v>
      </c>
      <c r="D61049" s="1" t="s">
        <v>204615</v>
      </c>
      <c r="E61049" s="1" t="s">
        <v>159825</v>
      </c>
      <c r="F61049" s="1" t="s">
        <v>204616</v>
      </c>
      <c r="G61049" s="1" t="s">
        <v>204545</v>
      </c>
      <c r="H61049" s="1" t="s">
        <v>204546</v>
      </c>
      <c r="I61049" s="1" t="s">
        <v>201500</v>
      </c>
      <c r="J61049" s="1" t="s">
        <v>204617</v>
      </c>
    </row>
    <row r="61050" spans="1:10" x14ac:dyDescent="0.35">
      <c r="A61050" s="1" t="s">
        <v>30024</v>
      </c>
      <c r="B61050" s="1" t="s">
        <v>201495</v>
      </c>
      <c r="C61050" s="1" t="s">
        <v>165</v>
      </c>
      <c r="D61050" s="1" t="s">
        <v>14518</v>
      </c>
      <c r="E61050" s="1" t="s">
        <v>27484</v>
      </c>
      <c r="F61050" s="1" t="s">
        <v>204618</v>
      </c>
      <c r="G61050" s="1" t="s">
        <v>204545</v>
      </c>
      <c r="H61050" s="1" t="s">
        <v>204546</v>
      </c>
      <c r="I61050" s="1" t="s">
        <v>201500</v>
      </c>
      <c r="J61050" s="1" t="s">
        <v>204619</v>
      </c>
    </row>
    <row r="61051" spans="1:10" x14ac:dyDescent="0.35">
      <c r="A61051" s="1" t="s">
        <v>30024</v>
      </c>
      <c r="B61051" s="1" t="s">
        <v>201495</v>
      </c>
      <c r="C61051" s="1" t="s">
        <v>170</v>
      </c>
      <c r="D61051" s="1" t="s">
        <v>48282</v>
      </c>
      <c r="E61051" s="1" t="s">
        <v>12644</v>
      </c>
      <c r="F61051" s="1" t="s">
        <v>204620</v>
      </c>
      <c r="G61051" s="1" t="s">
        <v>204545</v>
      </c>
      <c r="H61051" s="1" t="s">
        <v>204546</v>
      </c>
      <c r="I61051" s="1" t="s">
        <v>201500</v>
      </c>
      <c r="J61051" s="1" t="s">
        <v>204621</v>
      </c>
    </row>
    <row r="61052" spans="1:10" x14ac:dyDescent="0.35">
      <c r="A61052" s="1" t="s">
        <v>29897</v>
      </c>
      <c r="B61052" s="1" t="s">
        <v>201495</v>
      </c>
      <c r="C61052" s="1" t="s">
        <v>8</v>
      </c>
      <c r="D61052" s="1" t="s">
        <v>46839</v>
      </c>
      <c r="E61052" s="1" t="s">
        <v>204622</v>
      </c>
      <c r="F61052" s="1" t="s">
        <v>204623</v>
      </c>
      <c r="G61052" s="1" t="s">
        <v>204624</v>
      </c>
      <c r="H61052" s="1" t="s">
        <v>204625</v>
      </c>
      <c r="I61052" s="1" t="s">
        <v>201500</v>
      </c>
      <c r="J61052" s="1" t="s">
        <v>13</v>
      </c>
    </row>
    <row r="61053" spans="1:10" x14ac:dyDescent="0.35">
      <c r="A61053" s="1" t="s">
        <v>29897</v>
      </c>
      <c r="B61053" s="1" t="s">
        <v>201495</v>
      </c>
      <c r="C61053" s="1" t="s">
        <v>15</v>
      </c>
      <c r="D61053" s="1" t="s">
        <v>27771</v>
      </c>
      <c r="E61053" s="1" t="s">
        <v>204626</v>
      </c>
      <c r="F61053" s="1" t="s">
        <v>204627</v>
      </c>
      <c r="G61053" s="1" t="s">
        <v>204624</v>
      </c>
      <c r="H61053" s="1" t="s">
        <v>204625</v>
      </c>
      <c r="I61053" s="1" t="s">
        <v>201500</v>
      </c>
      <c r="J61053" s="1" t="s">
        <v>204628</v>
      </c>
    </row>
    <row r="61054" spans="1:10" x14ac:dyDescent="0.35">
      <c r="A61054" s="1" t="s">
        <v>29897</v>
      </c>
      <c r="B61054" s="1" t="s">
        <v>201495</v>
      </c>
      <c r="C61054" s="1" t="s">
        <v>20</v>
      </c>
      <c r="D61054" s="1" t="s">
        <v>27433</v>
      </c>
      <c r="E61054" s="1" t="s">
        <v>204629</v>
      </c>
      <c r="F61054" s="1" t="s">
        <v>204630</v>
      </c>
      <c r="G61054" s="1" t="s">
        <v>204624</v>
      </c>
      <c r="H61054" s="1" t="s">
        <v>204625</v>
      </c>
      <c r="I61054" s="1" t="s">
        <v>201500</v>
      </c>
      <c r="J61054" s="1" t="s">
        <v>204631</v>
      </c>
    </row>
    <row r="61055" spans="1:10" x14ac:dyDescent="0.35">
      <c r="A61055" s="1" t="s">
        <v>29897</v>
      </c>
      <c r="B61055" s="1" t="s">
        <v>201495</v>
      </c>
      <c r="C61055" s="1" t="s">
        <v>25</v>
      </c>
      <c r="D61055" s="1" t="s">
        <v>8901</v>
      </c>
      <c r="E61055" s="1" t="s">
        <v>204632</v>
      </c>
      <c r="F61055" s="1" t="s">
        <v>204633</v>
      </c>
      <c r="G61055" s="1" t="s">
        <v>204624</v>
      </c>
      <c r="H61055" s="1" t="s">
        <v>204625</v>
      </c>
      <c r="I61055" s="1" t="s">
        <v>201500</v>
      </c>
      <c r="J61055" s="1" t="s">
        <v>204634</v>
      </c>
    </row>
    <row r="61056" spans="1:10" x14ac:dyDescent="0.35">
      <c r="A61056" s="1" t="s">
        <v>29897</v>
      </c>
      <c r="B61056" s="1" t="s">
        <v>201495</v>
      </c>
      <c r="C61056" s="1" t="s">
        <v>30</v>
      </c>
      <c r="D61056" s="1" t="s">
        <v>112639</v>
      </c>
      <c r="E61056" s="1" t="s">
        <v>204635</v>
      </c>
      <c r="F61056" s="1" t="s">
        <v>204636</v>
      </c>
      <c r="G61056" s="1" t="s">
        <v>204624</v>
      </c>
      <c r="H61056" s="1" t="s">
        <v>204625</v>
      </c>
      <c r="I61056" s="1" t="s">
        <v>201500</v>
      </c>
      <c r="J61056" s="1" t="s">
        <v>204637</v>
      </c>
    </row>
    <row r="61057" spans="1:10" x14ac:dyDescent="0.35">
      <c r="A61057" s="1" t="s">
        <v>29897</v>
      </c>
      <c r="B61057" s="1" t="s">
        <v>201495</v>
      </c>
      <c r="C61057" s="1" t="s">
        <v>35</v>
      </c>
      <c r="D61057" s="1" t="s">
        <v>117964</v>
      </c>
      <c r="E61057" s="1" t="s">
        <v>204638</v>
      </c>
      <c r="F61057" s="1" t="s">
        <v>204639</v>
      </c>
      <c r="G61057" s="1" t="s">
        <v>204624</v>
      </c>
      <c r="H61057" s="1" t="s">
        <v>204625</v>
      </c>
      <c r="I61057" s="1" t="s">
        <v>201500</v>
      </c>
      <c r="J61057" s="1" t="s">
        <v>204640</v>
      </c>
    </row>
    <row r="61058" spans="1:10" x14ac:dyDescent="0.35">
      <c r="A61058" s="1" t="s">
        <v>29897</v>
      </c>
      <c r="B61058" s="1" t="s">
        <v>201495</v>
      </c>
      <c r="C61058" s="1" t="s">
        <v>40</v>
      </c>
      <c r="D61058" s="1" t="s">
        <v>145201</v>
      </c>
      <c r="E61058" s="1" t="s">
        <v>204641</v>
      </c>
      <c r="F61058" s="1" t="s">
        <v>204642</v>
      </c>
      <c r="G61058" s="1" t="s">
        <v>204624</v>
      </c>
      <c r="H61058" s="1" t="s">
        <v>204625</v>
      </c>
      <c r="I61058" s="1" t="s">
        <v>201500</v>
      </c>
      <c r="J61058" s="1" t="s">
        <v>204643</v>
      </c>
    </row>
    <row r="61059" spans="1:10" x14ac:dyDescent="0.35">
      <c r="A61059" s="1" t="s">
        <v>29897</v>
      </c>
      <c r="B61059" s="1" t="s">
        <v>201495</v>
      </c>
      <c r="C61059" s="1" t="s">
        <v>45</v>
      </c>
      <c r="D61059" s="1" t="s">
        <v>204644</v>
      </c>
      <c r="E61059" s="1" t="s">
        <v>204645</v>
      </c>
      <c r="F61059" s="1" t="s">
        <v>204646</v>
      </c>
      <c r="G61059" s="1" t="s">
        <v>204624</v>
      </c>
      <c r="H61059" s="1" t="s">
        <v>204625</v>
      </c>
      <c r="I61059" s="1" t="s">
        <v>201500</v>
      </c>
      <c r="J61059" s="1" t="s">
        <v>204647</v>
      </c>
    </row>
    <row r="61060" spans="1:10" x14ac:dyDescent="0.35">
      <c r="A61060" s="1" t="s">
        <v>29897</v>
      </c>
      <c r="B61060" s="1" t="s">
        <v>201495</v>
      </c>
      <c r="C61060" s="1" t="s">
        <v>50</v>
      </c>
      <c r="D61060" s="1" t="s">
        <v>28558</v>
      </c>
      <c r="E61060" s="1" t="s">
        <v>204648</v>
      </c>
      <c r="F61060" s="1" t="s">
        <v>204649</v>
      </c>
      <c r="G61060" s="1" t="s">
        <v>204624</v>
      </c>
      <c r="H61060" s="1" t="s">
        <v>204625</v>
      </c>
      <c r="I61060" s="1" t="s">
        <v>201500</v>
      </c>
      <c r="J61060" s="1" t="s">
        <v>204650</v>
      </c>
    </row>
    <row r="61061" spans="1:10" x14ac:dyDescent="0.35">
      <c r="A61061" s="1" t="s">
        <v>29897</v>
      </c>
      <c r="B61061" s="1" t="s">
        <v>201495</v>
      </c>
      <c r="C61061" s="1" t="s">
        <v>55</v>
      </c>
      <c r="D61061" s="1" t="s">
        <v>8377</v>
      </c>
      <c r="E61061" s="1" t="s">
        <v>204651</v>
      </c>
      <c r="F61061" s="1" t="s">
        <v>204652</v>
      </c>
      <c r="G61061" s="1" t="s">
        <v>204624</v>
      </c>
      <c r="H61061" s="1" t="s">
        <v>204625</v>
      </c>
      <c r="I61061" s="1" t="s">
        <v>201500</v>
      </c>
      <c r="J61061" s="1" t="s">
        <v>204653</v>
      </c>
    </row>
    <row r="61062" spans="1:10" x14ac:dyDescent="0.35">
      <c r="A61062" s="1" t="s">
        <v>29897</v>
      </c>
      <c r="B61062" s="1" t="s">
        <v>201495</v>
      </c>
      <c r="C61062" s="1" t="s">
        <v>60</v>
      </c>
      <c r="D61062" s="1" t="s">
        <v>28249</v>
      </c>
      <c r="E61062" s="1" t="s">
        <v>204654</v>
      </c>
      <c r="F61062" s="1" t="s">
        <v>204655</v>
      </c>
      <c r="G61062" s="1" t="s">
        <v>204624</v>
      </c>
      <c r="H61062" s="1" t="s">
        <v>204625</v>
      </c>
      <c r="I61062" s="1" t="s">
        <v>201500</v>
      </c>
      <c r="J61062" s="1" t="s">
        <v>204656</v>
      </c>
    </row>
    <row r="61063" spans="1:10" x14ac:dyDescent="0.35">
      <c r="A61063" s="1" t="s">
        <v>29897</v>
      </c>
      <c r="B61063" s="1" t="s">
        <v>201495</v>
      </c>
      <c r="C61063" s="1" t="s">
        <v>65</v>
      </c>
      <c r="D61063" s="1" t="s">
        <v>188167</v>
      </c>
      <c r="E61063" s="1" t="s">
        <v>204657</v>
      </c>
      <c r="F61063" s="1" t="s">
        <v>204658</v>
      </c>
      <c r="G61063" s="1" t="s">
        <v>204624</v>
      </c>
      <c r="H61063" s="1" t="s">
        <v>204625</v>
      </c>
      <c r="I61063" s="1" t="s">
        <v>201500</v>
      </c>
      <c r="J61063" s="1" t="s">
        <v>204659</v>
      </c>
    </row>
    <row r="61064" spans="1:10" x14ac:dyDescent="0.35">
      <c r="A61064" s="1" t="s">
        <v>29897</v>
      </c>
      <c r="B61064" s="1" t="s">
        <v>201495</v>
      </c>
      <c r="C61064" s="1" t="s">
        <v>70</v>
      </c>
      <c r="D61064" s="1" t="s">
        <v>111495</v>
      </c>
      <c r="E61064" s="1" t="s">
        <v>204660</v>
      </c>
      <c r="F61064" s="1" t="s">
        <v>204661</v>
      </c>
      <c r="G61064" s="1" t="s">
        <v>204624</v>
      </c>
      <c r="H61064" s="1" t="s">
        <v>204625</v>
      </c>
      <c r="I61064" s="1" t="s">
        <v>201500</v>
      </c>
      <c r="J61064" s="1" t="s">
        <v>204662</v>
      </c>
    </row>
    <row r="61065" spans="1:10" x14ac:dyDescent="0.35">
      <c r="A61065" s="1" t="s">
        <v>29897</v>
      </c>
      <c r="B61065" s="1" t="s">
        <v>201495</v>
      </c>
      <c r="C61065" s="1" t="s">
        <v>75</v>
      </c>
      <c r="D61065" s="1" t="s">
        <v>110830</v>
      </c>
      <c r="E61065" s="1" t="s">
        <v>204663</v>
      </c>
      <c r="F61065" s="1" t="s">
        <v>204664</v>
      </c>
      <c r="G61065" s="1" t="s">
        <v>204624</v>
      </c>
      <c r="H61065" s="1" t="s">
        <v>204625</v>
      </c>
      <c r="I61065" s="1" t="s">
        <v>201500</v>
      </c>
      <c r="J61065" s="1" t="s">
        <v>204665</v>
      </c>
    </row>
    <row r="61066" spans="1:10" x14ac:dyDescent="0.35">
      <c r="A61066" s="1" t="s">
        <v>29897</v>
      </c>
      <c r="B61066" s="1" t="s">
        <v>201495</v>
      </c>
      <c r="C61066" s="1" t="s">
        <v>80</v>
      </c>
      <c r="D61066" s="1" t="s">
        <v>5736</v>
      </c>
      <c r="E61066" s="1" t="s">
        <v>204666</v>
      </c>
      <c r="F61066" s="1" t="s">
        <v>204667</v>
      </c>
      <c r="G61066" s="1" t="s">
        <v>204624</v>
      </c>
      <c r="H61066" s="1" t="s">
        <v>204625</v>
      </c>
      <c r="I61066" s="1" t="s">
        <v>201500</v>
      </c>
      <c r="J61066" s="1" t="s">
        <v>204668</v>
      </c>
    </row>
    <row r="61067" spans="1:10" x14ac:dyDescent="0.35">
      <c r="A61067" s="1" t="s">
        <v>29897</v>
      </c>
      <c r="B61067" s="1" t="s">
        <v>201495</v>
      </c>
      <c r="C61067" s="1" t="s">
        <v>85</v>
      </c>
      <c r="D61067" s="1" t="s">
        <v>204669</v>
      </c>
      <c r="E61067" s="1" t="s">
        <v>204670</v>
      </c>
      <c r="F61067" s="1" t="s">
        <v>204671</v>
      </c>
      <c r="G61067" s="1" t="s">
        <v>204624</v>
      </c>
      <c r="H61067" s="1" t="s">
        <v>204625</v>
      </c>
      <c r="I61067" s="1" t="s">
        <v>201500</v>
      </c>
      <c r="J61067" s="1" t="s">
        <v>204672</v>
      </c>
    </row>
    <row r="61068" spans="1:10" x14ac:dyDescent="0.35">
      <c r="A61068" s="1" t="s">
        <v>29897</v>
      </c>
      <c r="B61068" s="1" t="s">
        <v>201495</v>
      </c>
      <c r="C61068" s="1" t="s">
        <v>90</v>
      </c>
      <c r="D61068" s="1" t="s">
        <v>156229</v>
      </c>
      <c r="E61068" s="1" t="s">
        <v>204673</v>
      </c>
      <c r="F61068" s="1" t="s">
        <v>204674</v>
      </c>
      <c r="G61068" s="1" t="s">
        <v>204624</v>
      </c>
      <c r="H61068" s="1" t="s">
        <v>204625</v>
      </c>
      <c r="I61068" s="1" t="s">
        <v>201500</v>
      </c>
      <c r="J61068" s="1" t="s">
        <v>204675</v>
      </c>
    </row>
    <row r="61069" spans="1:10" x14ac:dyDescent="0.35">
      <c r="A61069" s="1" t="s">
        <v>29897</v>
      </c>
      <c r="B61069" s="1" t="s">
        <v>201495</v>
      </c>
      <c r="C61069" s="1" t="s">
        <v>95</v>
      </c>
      <c r="D61069" s="1" t="s">
        <v>16097</v>
      </c>
      <c r="E61069" s="1" t="s">
        <v>204676</v>
      </c>
      <c r="F61069" s="1" t="s">
        <v>204677</v>
      </c>
      <c r="G61069" s="1" t="s">
        <v>204624</v>
      </c>
      <c r="H61069" s="1" t="s">
        <v>204625</v>
      </c>
      <c r="I61069" s="1" t="s">
        <v>201500</v>
      </c>
      <c r="J61069" s="1" t="s">
        <v>204678</v>
      </c>
    </row>
    <row r="61070" spans="1:10" x14ac:dyDescent="0.35">
      <c r="A61070" s="1" t="s">
        <v>29897</v>
      </c>
      <c r="B61070" s="1" t="s">
        <v>201495</v>
      </c>
      <c r="C61070" s="1" t="s">
        <v>100</v>
      </c>
      <c r="D61070" s="1" t="s">
        <v>9702</v>
      </c>
      <c r="E61070" s="1" t="s">
        <v>204679</v>
      </c>
      <c r="F61070" s="1" t="s">
        <v>204680</v>
      </c>
      <c r="G61070" s="1" t="s">
        <v>204624</v>
      </c>
      <c r="H61070" s="1" t="s">
        <v>204625</v>
      </c>
      <c r="I61070" s="1" t="s">
        <v>201500</v>
      </c>
      <c r="J61070" s="1" t="s">
        <v>204681</v>
      </c>
    </row>
    <row r="61071" spans="1:10" x14ac:dyDescent="0.35">
      <c r="A61071" s="1" t="s">
        <v>29897</v>
      </c>
      <c r="B61071" s="1" t="s">
        <v>201495</v>
      </c>
      <c r="C61071" s="1" t="s">
        <v>105</v>
      </c>
      <c r="D61071" s="1" t="s">
        <v>109838</v>
      </c>
      <c r="E61071" s="1" t="s">
        <v>204682</v>
      </c>
      <c r="F61071" s="1" t="s">
        <v>204683</v>
      </c>
      <c r="G61071" s="1" t="s">
        <v>204624</v>
      </c>
      <c r="H61071" s="1" t="s">
        <v>204625</v>
      </c>
      <c r="I61071" s="1" t="s">
        <v>201500</v>
      </c>
      <c r="J61071" s="1" t="s">
        <v>204684</v>
      </c>
    </row>
    <row r="61072" spans="1:10" x14ac:dyDescent="0.35">
      <c r="A61072" s="1" t="s">
        <v>29897</v>
      </c>
      <c r="B61072" s="1" t="s">
        <v>201495</v>
      </c>
      <c r="C61072" s="1" t="s">
        <v>110</v>
      </c>
      <c r="D61072" s="1" t="s">
        <v>116499</v>
      </c>
      <c r="E61072" s="1" t="s">
        <v>204685</v>
      </c>
      <c r="F61072" s="1" t="s">
        <v>204686</v>
      </c>
      <c r="G61072" s="1" t="s">
        <v>204624</v>
      </c>
      <c r="H61072" s="1" t="s">
        <v>204625</v>
      </c>
      <c r="I61072" s="1" t="s">
        <v>201500</v>
      </c>
      <c r="J61072" s="1" t="s">
        <v>204687</v>
      </c>
    </row>
    <row r="61073" spans="1:10" x14ac:dyDescent="0.35">
      <c r="A61073" s="1" t="s">
        <v>29897</v>
      </c>
      <c r="B61073" s="1" t="s">
        <v>201495</v>
      </c>
      <c r="C61073" s="1" t="s">
        <v>115</v>
      </c>
      <c r="D61073" s="1" t="s">
        <v>35682</v>
      </c>
      <c r="E61073" s="1" t="s">
        <v>204688</v>
      </c>
      <c r="F61073" s="1" t="s">
        <v>204689</v>
      </c>
      <c r="G61073" s="1" t="s">
        <v>204624</v>
      </c>
      <c r="H61073" s="1" t="s">
        <v>204625</v>
      </c>
      <c r="I61073" s="1" t="s">
        <v>201500</v>
      </c>
      <c r="J61073" s="1" t="s">
        <v>204690</v>
      </c>
    </row>
    <row r="61074" spans="1:10" x14ac:dyDescent="0.35">
      <c r="A61074" s="1" t="s">
        <v>29897</v>
      </c>
      <c r="B61074" s="1" t="s">
        <v>201495</v>
      </c>
      <c r="C61074" s="1" t="s">
        <v>120</v>
      </c>
      <c r="D61074" s="1" t="s">
        <v>119180</v>
      </c>
      <c r="E61074" s="1" t="s">
        <v>204691</v>
      </c>
      <c r="F61074" s="1" t="s">
        <v>204692</v>
      </c>
      <c r="G61074" s="1" t="s">
        <v>204624</v>
      </c>
      <c r="H61074" s="1" t="s">
        <v>204625</v>
      </c>
      <c r="I61074" s="1" t="s">
        <v>201500</v>
      </c>
      <c r="J61074" s="1" t="s">
        <v>204693</v>
      </c>
    </row>
    <row r="61075" spans="1:10" x14ac:dyDescent="0.35">
      <c r="A61075" s="1" t="s">
        <v>29897</v>
      </c>
      <c r="B61075" s="1" t="s">
        <v>201495</v>
      </c>
      <c r="C61075" s="1" t="s">
        <v>125</v>
      </c>
      <c r="D61075" s="1" t="s">
        <v>111429</v>
      </c>
      <c r="E61075" s="1" t="s">
        <v>204694</v>
      </c>
      <c r="F61075" s="1" t="s">
        <v>204695</v>
      </c>
      <c r="G61075" s="1" t="s">
        <v>204624</v>
      </c>
      <c r="H61075" s="1" t="s">
        <v>204625</v>
      </c>
      <c r="I61075" s="1" t="s">
        <v>201500</v>
      </c>
      <c r="J61075" s="1" t="s">
        <v>204696</v>
      </c>
    </row>
    <row r="61076" spans="1:10" x14ac:dyDescent="0.35">
      <c r="A61076" s="1" t="s">
        <v>29897</v>
      </c>
      <c r="B61076" s="1" t="s">
        <v>201495</v>
      </c>
      <c r="C61076" s="1" t="s">
        <v>130</v>
      </c>
      <c r="D61076" s="1" t="s">
        <v>51015</v>
      </c>
      <c r="E61076" s="1" t="s">
        <v>204697</v>
      </c>
      <c r="F61076" s="1" t="s">
        <v>204698</v>
      </c>
      <c r="G61076" s="1" t="s">
        <v>204624</v>
      </c>
      <c r="H61076" s="1" t="s">
        <v>204625</v>
      </c>
      <c r="I61076" s="1" t="s">
        <v>201500</v>
      </c>
      <c r="J61076" s="1" t="s">
        <v>204699</v>
      </c>
    </row>
    <row r="61077" spans="1:10" x14ac:dyDescent="0.35">
      <c r="A61077" s="1" t="s">
        <v>29897</v>
      </c>
      <c r="B61077" s="1" t="s">
        <v>201495</v>
      </c>
      <c r="C61077" s="1" t="s">
        <v>135</v>
      </c>
      <c r="D61077" s="1" t="s">
        <v>186815</v>
      </c>
      <c r="E61077" s="1" t="s">
        <v>204700</v>
      </c>
      <c r="F61077" s="1" t="s">
        <v>204701</v>
      </c>
      <c r="G61077" s="1" t="s">
        <v>204624</v>
      </c>
      <c r="H61077" s="1" t="s">
        <v>204625</v>
      </c>
      <c r="I61077" s="1" t="s">
        <v>201500</v>
      </c>
      <c r="J61077" s="1" t="s">
        <v>204702</v>
      </c>
    </row>
    <row r="61078" spans="1:10" x14ac:dyDescent="0.35">
      <c r="A61078" s="1" t="s">
        <v>29897</v>
      </c>
      <c r="B61078" s="1" t="s">
        <v>201495</v>
      </c>
      <c r="C61078" s="1" t="s">
        <v>140</v>
      </c>
      <c r="D61078" s="1" t="s">
        <v>148957</v>
      </c>
      <c r="E61078" s="1" t="s">
        <v>204703</v>
      </c>
      <c r="F61078" s="1" t="s">
        <v>204704</v>
      </c>
      <c r="G61078" s="1" t="s">
        <v>204624</v>
      </c>
      <c r="H61078" s="1" t="s">
        <v>204625</v>
      </c>
      <c r="I61078" s="1" t="s">
        <v>201500</v>
      </c>
      <c r="J61078" s="1" t="s">
        <v>204705</v>
      </c>
    </row>
    <row r="61079" spans="1:10" x14ac:dyDescent="0.35">
      <c r="A61079" s="1" t="s">
        <v>29897</v>
      </c>
      <c r="B61079" s="1" t="s">
        <v>201495</v>
      </c>
      <c r="C61079" s="1" t="s">
        <v>145</v>
      </c>
      <c r="D61079" s="1" t="s">
        <v>170993</v>
      </c>
      <c r="E61079" s="1" t="s">
        <v>204706</v>
      </c>
      <c r="F61079" s="1" t="s">
        <v>204707</v>
      </c>
      <c r="G61079" s="1" t="s">
        <v>204624</v>
      </c>
      <c r="H61079" s="1" t="s">
        <v>204625</v>
      </c>
      <c r="I61079" s="1" t="s">
        <v>201500</v>
      </c>
      <c r="J61079" s="1" t="s">
        <v>204708</v>
      </c>
    </row>
    <row r="61080" spans="1:10" x14ac:dyDescent="0.35">
      <c r="A61080" s="1" t="s">
        <v>29897</v>
      </c>
      <c r="B61080" s="1" t="s">
        <v>201495</v>
      </c>
      <c r="C61080" s="1" t="s">
        <v>150</v>
      </c>
      <c r="D61080" s="1" t="s">
        <v>204709</v>
      </c>
      <c r="E61080" s="1" t="s">
        <v>204710</v>
      </c>
      <c r="F61080" s="1" t="s">
        <v>204711</v>
      </c>
      <c r="G61080" s="1" t="s">
        <v>204624</v>
      </c>
      <c r="H61080" s="1" t="s">
        <v>204625</v>
      </c>
      <c r="I61080" s="1" t="s">
        <v>201500</v>
      </c>
      <c r="J61080" s="1" t="s">
        <v>204712</v>
      </c>
    </row>
    <row r="61081" spans="1:10" x14ac:dyDescent="0.35">
      <c r="A61081" s="1" t="s">
        <v>29897</v>
      </c>
      <c r="B61081" s="1" t="s">
        <v>201495</v>
      </c>
      <c r="C61081" s="1" t="s">
        <v>155</v>
      </c>
      <c r="D61081" s="1" t="s">
        <v>197478</v>
      </c>
      <c r="E61081" s="1" t="s">
        <v>204713</v>
      </c>
      <c r="F61081" s="1" t="s">
        <v>204714</v>
      </c>
      <c r="G61081" s="1" t="s">
        <v>204624</v>
      </c>
      <c r="H61081" s="1" t="s">
        <v>204625</v>
      </c>
      <c r="I61081" s="1" t="s">
        <v>201500</v>
      </c>
      <c r="J61081" s="1" t="s">
        <v>204715</v>
      </c>
    </row>
    <row r="61082" spans="1:10" x14ac:dyDescent="0.35">
      <c r="A61082" s="1" t="s">
        <v>29897</v>
      </c>
      <c r="B61082" s="1" t="s">
        <v>201495</v>
      </c>
      <c r="C61082" s="1" t="s">
        <v>160</v>
      </c>
      <c r="D61082" s="1" t="s">
        <v>125053</v>
      </c>
      <c r="E61082" s="1" t="s">
        <v>204716</v>
      </c>
      <c r="F61082" s="1" t="s">
        <v>204717</v>
      </c>
      <c r="G61082" s="1" t="s">
        <v>204624</v>
      </c>
      <c r="H61082" s="1" t="s">
        <v>204625</v>
      </c>
      <c r="I61082" s="1" t="s">
        <v>201500</v>
      </c>
      <c r="J61082" s="1" t="s">
        <v>204718</v>
      </c>
    </row>
    <row r="61083" spans="1:10" x14ac:dyDescent="0.35">
      <c r="A61083" s="1" t="s">
        <v>29897</v>
      </c>
      <c r="B61083" s="1" t="s">
        <v>201495</v>
      </c>
      <c r="C61083" s="1" t="s">
        <v>165</v>
      </c>
      <c r="D61083" s="1" t="s">
        <v>204719</v>
      </c>
      <c r="E61083" s="1" t="s">
        <v>204720</v>
      </c>
      <c r="F61083" s="1" t="s">
        <v>204721</v>
      </c>
      <c r="G61083" s="1" t="s">
        <v>204624</v>
      </c>
      <c r="H61083" s="1" t="s">
        <v>204625</v>
      </c>
      <c r="I61083" s="1" t="s">
        <v>201500</v>
      </c>
      <c r="J61083" s="1" t="s">
        <v>204722</v>
      </c>
    </row>
    <row r="61084" spans="1:10" x14ac:dyDescent="0.35">
      <c r="A61084" s="1" t="s">
        <v>29897</v>
      </c>
      <c r="B61084" s="1" t="s">
        <v>201495</v>
      </c>
      <c r="C61084" s="1" t="s">
        <v>170</v>
      </c>
      <c r="D61084" s="1" t="s">
        <v>148513</v>
      </c>
      <c r="E61084" s="1" t="s">
        <v>204723</v>
      </c>
      <c r="F61084" s="1" t="s">
        <v>204724</v>
      </c>
      <c r="G61084" s="1" t="s">
        <v>204624</v>
      </c>
      <c r="H61084" s="1" t="s">
        <v>204625</v>
      </c>
      <c r="I61084" s="1" t="s">
        <v>201500</v>
      </c>
      <c r="J61084" s="1" t="s">
        <v>204725</v>
      </c>
    </row>
    <row r="61085" spans="1:10" x14ac:dyDescent="0.35">
      <c r="A61085" s="1" t="s">
        <v>29660</v>
      </c>
      <c r="B61085" s="1" t="s">
        <v>201495</v>
      </c>
      <c r="C61085" s="1" t="s">
        <v>8</v>
      </c>
      <c r="D61085" s="1" t="s">
        <v>35148</v>
      </c>
      <c r="E61085" s="1" t="s">
        <v>204726</v>
      </c>
      <c r="F61085" s="1" t="s">
        <v>204727</v>
      </c>
      <c r="G61085" s="1" t="s">
        <v>204728</v>
      </c>
      <c r="H61085" s="1" t="s">
        <v>204729</v>
      </c>
      <c r="I61085" s="1" t="s">
        <v>201500</v>
      </c>
      <c r="J61085" s="1" t="s">
        <v>13</v>
      </c>
    </row>
    <row r="61086" spans="1:10" x14ac:dyDescent="0.35">
      <c r="A61086" s="1" t="s">
        <v>29660</v>
      </c>
      <c r="B61086" s="1" t="s">
        <v>201495</v>
      </c>
      <c r="C61086" s="1" t="s">
        <v>15</v>
      </c>
      <c r="D61086" s="1" t="s">
        <v>8325</v>
      </c>
      <c r="E61086" s="1" t="s">
        <v>204730</v>
      </c>
      <c r="F61086" s="1" t="s">
        <v>204731</v>
      </c>
      <c r="G61086" s="1" t="s">
        <v>204728</v>
      </c>
      <c r="H61086" s="1" t="s">
        <v>204729</v>
      </c>
      <c r="I61086" s="1" t="s">
        <v>201500</v>
      </c>
      <c r="J61086" s="1" t="s">
        <v>204732</v>
      </c>
    </row>
    <row r="61087" spans="1:10" x14ac:dyDescent="0.35">
      <c r="A61087" s="1" t="s">
        <v>29660</v>
      </c>
      <c r="B61087" s="1" t="s">
        <v>201495</v>
      </c>
      <c r="C61087" s="1" t="s">
        <v>20</v>
      </c>
      <c r="D61087" s="1" t="s">
        <v>157286</v>
      </c>
      <c r="E61087" s="1" t="s">
        <v>204733</v>
      </c>
      <c r="F61087" s="1" t="s">
        <v>204734</v>
      </c>
      <c r="G61087" s="1" t="s">
        <v>204728</v>
      </c>
      <c r="H61087" s="1" t="s">
        <v>204729</v>
      </c>
      <c r="I61087" s="1" t="s">
        <v>201500</v>
      </c>
      <c r="J61087" s="1" t="s">
        <v>204735</v>
      </c>
    </row>
    <row r="61088" spans="1:10" x14ac:dyDescent="0.35">
      <c r="A61088" s="1" t="s">
        <v>29660</v>
      </c>
      <c r="B61088" s="1" t="s">
        <v>201495</v>
      </c>
      <c r="C61088" s="1" t="s">
        <v>25</v>
      </c>
      <c r="D61088" s="1" t="s">
        <v>110571</v>
      </c>
      <c r="E61088" s="1" t="s">
        <v>204736</v>
      </c>
      <c r="F61088" s="1" t="s">
        <v>204737</v>
      </c>
      <c r="G61088" s="1" t="s">
        <v>204728</v>
      </c>
      <c r="H61088" s="1" t="s">
        <v>204729</v>
      </c>
      <c r="I61088" s="1" t="s">
        <v>201500</v>
      </c>
      <c r="J61088" s="1" t="s">
        <v>204738</v>
      </c>
    </row>
    <row r="61089" spans="1:10" x14ac:dyDescent="0.35">
      <c r="A61089" s="1" t="s">
        <v>29660</v>
      </c>
      <c r="B61089" s="1" t="s">
        <v>201495</v>
      </c>
      <c r="C61089" s="1" t="s">
        <v>30</v>
      </c>
      <c r="D61089" s="1" t="s">
        <v>4725</v>
      </c>
      <c r="E61089" s="1" t="s">
        <v>204739</v>
      </c>
      <c r="F61089" s="1" t="s">
        <v>204740</v>
      </c>
      <c r="G61089" s="1" t="s">
        <v>204728</v>
      </c>
      <c r="H61089" s="1" t="s">
        <v>204729</v>
      </c>
      <c r="I61089" s="1" t="s">
        <v>201500</v>
      </c>
      <c r="J61089" s="1" t="s">
        <v>204741</v>
      </c>
    </row>
    <row r="61090" spans="1:10" x14ac:dyDescent="0.35">
      <c r="A61090" s="1" t="s">
        <v>29660</v>
      </c>
      <c r="B61090" s="1" t="s">
        <v>201495</v>
      </c>
      <c r="C61090" s="1" t="s">
        <v>35</v>
      </c>
      <c r="D61090" s="1" t="s">
        <v>14196</v>
      </c>
      <c r="E61090" s="1" t="s">
        <v>204742</v>
      </c>
      <c r="F61090" s="1" t="s">
        <v>204743</v>
      </c>
      <c r="G61090" s="1" t="s">
        <v>204728</v>
      </c>
      <c r="H61090" s="1" t="s">
        <v>204729</v>
      </c>
      <c r="I61090" s="1" t="s">
        <v>201500</v>
      </c>
      <c r="J61090" s="1" t="s">
        <v>204744</v>
      </c>
    </row>
    <row r="61091" spans="1:10" x14ac:dyDescent="0.35">
      <c r="A61091" s="1" t="s">
        <v>29660</v>
      </c>
      <c r="B61091" s="1" t="s">
        <v>201495</v>
      </c>
      <c r="C61091" s="1" t="s">
        <v>40</v>
      </c>
      <c r="D61091" s="1" t="s">
        <v>196729</v>
      </c>
      <c r="E61091" s="1" t="s">
        <v>204745</v>
      </c>
      <c r="F61091" s="1" t="s">
        <v>204746</v>
      </c>
      <c r="G61091" s="1" t="s">
        <v>204728</v>
      </c>
      <c r="H61091" s="1" t="s">
        <v>204729</v>
      </c>
      <c r="I61091" s="1" t="s">
        <v>201500</v>
      </c>
      <c r="J61091" s="1" t="s">
        <v>204747</v>
      </c>
    </row>
    <row r="61092" spans="1:10" x14ac:dyDescent="0.35">
      <c r="A61092" s="1" t="s">
        <v>29660</v>
      </c>
      <c r="B61092" s="1" t="s">
        <v>201495</v>
      </c>
      <c r="C61092" s="1" t="s">
        <v>45</v>
      </c>
      <c r="D61092" s="1" t="s">
        <v>2861</v>
      </c>
      <c r="E61092" s="1" t="s">
        <v>204748</v>
      </c>
      <c r="F61092" s="1" t="s">
        <v>204749</v>
      </c>
      <c r="G61092" s="1" t="s">
        <v>204728</v>
      </c>
      <c r="H61092" s="1" t="s">
        <v>204729</v>
      </c>
      <c r="I61092" s="1" t="s">
        <v>201500</v>
      </c>
      <c r="J61092" s="1" t="s">
        <v>204750</v>
      </c>
    </row>
    <row r="61093" spans="1:10" x14ac:dyDescent="0.35">
      <c r="A61093" s="1" t="s">
        <v>29660</v>
      </c>
      <c r="B61093" s="1" t="s">
        <v>201495</v>
      </c>
      <c r="C61093" s="1" t="s">
        <v>50</v>
      </c>
      <c r="D61093" s="1" t="s">
        <v>27440</v>
      </c>
      <c r="E61093" s="1" t="s">
        <v>204751</v>
      </c>
      <c r="F61093" s="1" t="s">
        <v>204752</v>
      </c>
      <c r="G61093" s="1" t="s">
        <v>204728</v>
      </c>
      <c r="H61093" s="1" t="s">
        <v>204729</v>
      </c>
      <c r="I61093" s="1" t="s">
        <v>201500</v>
      </c>
      <c r="J61093" s="1" t="s">
        <v>204753</v>
      </c>
    </row>
    <row r="61094" spans="1:10" x14ac:dyDescent="0.35">
      <c r="A61094" s="1" t="s">
        <v>29660</v>
      </c>
      <c r="B61094" s="1" t="s">
        <v>201495</v>
      </c>
      <c r="C61094" s="1" t="s">
        <v>55</v>
      </c>
      <c r="D61094" s="1" t="s">
        <v>157500</v>
      </c>
      <c r="E61094" s="1" t="s">
        <v>204754</v>
      </c>
      <c r="F61094" s="1" t="s">
        <v>204755</v>
      </c>
      <c r="G61094" s="1" t="s">
        <v>204728</v>
      </c>
      <c r="H61094" s="1" t="s">
        <v>204729</v>
      </c>
      <c r="I61094" s="1" t="s">
        <v>201500</v>
      </c>
      <c r="J61094" s="1" t="s">
        <v>204756</v>
      </c>
    </row>
    <row r="61095" spans="1:10" x14ac:dyDescent="0.35">
      <c r="A61095" s="1" t="s">
        <v>29660</v>
      </c>
      <c r="B61095" s="1" t="s">
        <v>201495</v>
      </c>
      <c r="C61095" s="1" t="s">
        <v>60</v>
      </c>
      <c r="D61095" s="1" t="s">
        <v>110346</v>
      </c>
      <c r="E61095" s="1" t="s">
        <v>204757</v>
      </c>
      <c r="F61095" s="1" t="s">
        <v>204758</v>
      </c>
      <c r="G61095" s="1" t="s">
        <v>204728</v>
      </c>
      <c r="H61095" s="1" t="s">
        <v>204729</v>
      </c>
      <c r="I61095" s="1" t="s">
        <v>201500</v>
      </c>
      <c r="J61095" s="1" t="s">
        <v>204759</v>
      </c>
    </row>
    <row r="61096" spans="1:10" x14ac:dyDescent="0.35">
      <c r="A61096" s="1" t="s">
        <v>29660</v>
      </c>
      <c r="B61096" s="1" t="s">
        <v>201495</v>
      </c>
      <c r="C61096" s="1" t="s">
        <v>65</v>
      </c>
      <c r="D61096" s="1" t="s">
        <v>25989</v>
      </c>
      <c r="E61096" s="1" t="s">
        <v>204760</v>
      </c>
      <c r="F61096" s="1" t="s">
        <v>204761</v>
      </c>
      <c r="G61096" s="1" t="s">
        <v>204728</v>
      </c>
      <c r="H61096" s="1" t="s">
        <v>204729</v>
      </c>
      <c r="I61096" s="1" t="s">
        <v>201500</v>
      </c>
      <c r="J61096" s="1" t="s">
        <v>204762</v>
      </c>
    </row>
    <row r="61097" spans="1:10" x14ac:dyDescent="0.35">
      <c r="A61097" s="1" t="s">
        <v>29660</v>
      </c>
      <c r="B61097" s="1" t="s">
        <v>201495</v>
      </c>
      <c r="C61097" s="1" t="s">
        <v>70</v>
      </c>
      <c r="D61097" s="1" t="s">
        <v>10302</v>
      </c>
      <c r="E61097" s="1" t="s">
        <v>204763</v>
      </c>
      <c r="F61097" s="1" t="s">
        <v>204764</v>
      </c>
      <c r="G61097" s="1" t="s">
        <v>204728</v>
      </c>
      <c r="H61097" s="1" t="s">
        <v>204729</v>
      </c>
      <c r="I61097" s="1" t="s">
        <v>201500</v>
      </c>
      <c r="J61097" s="1" t="s">
        <v>204765</v>
      </c>
    </row>
    <row r="61098" spans="1:10" x14ac:dyDescent="0.35">
      <c r="A61098" s="1" t="s">
        <v>29660</v>
      </c>
      <c r="B61098" s="1" t="s">
        <v>201495</v>
      </c>
      <c r="C61098" s="1" t="s">
        <v>75</v>
      </c>
      <c r="D61098" s="1" t="s">
        <v>28095</v>
      </c>
      <c r="E61098" s="1" t="s">
        <v>204766</v>
      </c>
      <c r="F61098" s="1" t="s">
        <v>204767</v>
      </c>
      <c r="G61098" s="1" t="s">
        <v>204728</v>
      </c>
      <c r="H61098" s="1" t="s">
        <v>204729</v>
      </c>
      <c r="I61098" s="1" t="s">
        <v>201500</v>
      </c>
      <c r="J61098" s="1" t="s">
        <v>204768</v>
      </c>
    </row>
    <row r="61099" spans="1:10" x14ac:dyDescent="0.35">
      <c r="A61099" s="1" t="s">
        <v>29660</v>
      </c>
      <c r="B61099" s="1" t="s">
        <v>201495</v>
      </c>
      <c r="C61099" s="1" t="s">
        <v>80</v>
      </c>
      <c r="D61099" s="1" t="s">
        <v>6862</v>
      </c>
      <c r="E61099" s="1" t="s">
        <v>204769</v>
      </c>
      <c r="F61099" s="1" t="s">
        <v>204770</v>
      </c>
      <c r="G61099" s="1" t="s">
        <v>204728</v>
      </c>
      <c r="H61099" s="1" t="s">
        <v>204729</v>
      </c>
      <c r="I61099" s="1" t="s">
        <v>201500</v>
      </c>
      <c r="J61099" s="1" t="s">
        <v>204771</v>
      </c>
    </row>
    <row r="61100" spans="1:10" x14ac:dyDescent="0.35">
      <c r="A61100" s="1" t="s">
        <v>29660</v>
      </c>
      <c r="B61100" s="1" t="s">
        <v>201495</v>
      </c>
      <c r="C61100" s="1" t="s">
        <v>85</v>
      </c>
      <c r="D61100" s="1" t="s">
        <v>1675</v>
      </c>
      <c r="E61100" s="1" t="s">
        <v>204772</v>
      </c>
      <c r="F61100" s="1" t="s">
        <v>204773</v>
      </c>
      <c r="G61100" s="1" t="s">
        <v>204728</v>
      </c>
      <c r="H61100" s="1" t="s">
        <v>204729</v>
      </c>
      <c r="I61100" s="1" t="s">
        <v>201500</v>
      </c>
      <c r="J61100" s="1" t="s">
        <v>204774</v>
      </c>
    </row>
    <row r="61101" spans="1:10" x14ac:dyDescent="0.35">
      <c r="A61101" s="1" t="s">
        <v>29660</v>
      </c>
      <c r="B61101" s="1" t="s">
        <v>201495</v>
      </c>
      <c r="C61101" s="1" t="s">
        <v>90</v>
      </c>
      <c r="D61101" s="1" t="s">
        <v>105064</v>
      </c>
      <c r="E61101" s="1" t="s">
        <v>204775</v>
      </c>
      <c r="F61101" s="1" t="s">
        <v>204776</v>
      </c>
      <c r="G61101" s="1" t="s">
        <v>204728</v>
      </c>
      <c r="H61101" s="1" t="s">
        <v>204729</v>
      </c>
      <c r="I61101" s="1" t="s">
        <v>201500</v>
      </c>
      <c r="J61101" s="1" t="s">
        <v>204777</v>
      </c>
    </row>
    <row r="61102" spans="1:10" x14ac:dyDescent="0.35">
      <c r="A61102" s="1" t="s">
        <v>29660</v>
      </c>
      <c r="B61102" s="1" t="s">
        <v>201495</v>
      </c>
      <c r="C61102" s="1" t="s">
        <v>95</v>
      </c>
      <c r="D61102" s="1" t="s">
        <v>14082</v>
      </c>
      <c r="E61102" s="1" t="s">
        <v>204778</v>
      </c>
      <c r="F61102" s="1" t="s">
        <v>204779</v>
      </c>
      <c r="G61102" s="1" t="s">
        <v>204728</v>
      </c>
      <c r="H61102" s="1" t="s">
        <v>204729</v>
      </c>
      <c r="I61102" s="1" t="s">
        <v>201500</v>
      </c>
      <c r="J61102" s="1" t="s">
        <v>204780</v>
      </c>
    </row>
    <row r="61103" spans="1:10" x14ac:dyDescent="0.35">
      <c r="A61103" s="1" t="s">
        <v>29660</v>
      </c>
      <c r="B61103" s="1" t="s">
        <v>201495</v>
      </c>
      <c r="C61103" s="1" t="s">
        <v>100</v>
      </c>
      <c r="D61103" s="1" t="s">
        <v>117960</v>
      </c>
      <c r="E61103" s="1" t="s">
        <v>204781</v>
      </c>
      <c r="F61103" s="1" t="s">
        <v>204782</v>
      </c>
      <c r="G61103" s="1" t="s">
        <v>204728</v>
      </c>
      <c r="H61103" s="1" t="s">
        <v>204729</v>
      </c>
      <c r="I61103" s="1" t="s">
        <v>201500</v>
      </c>
      <c r="J61103" s="1" t="s">
        <v>204783</v>
      </c>
    </row>
    <row r="61104" spans="1:10" x14ac:dyDescent="0.35">
      <c r="A61104" s="1" t="s">
        <v>29660</v>
      </c>
      <c r="B61104" s="1" t="s">
        <v>201495</v>
      </c>
      <c r="C61104" s="1" t="s">
        <v>105</v>
      </c>
      <c r="D61104" s="1" t="s">
        <v>27476</v>
      </c>
      <c r="E61104" s="1" t="s">
        <v>204784</v>
      </c>
      <c r="F61104" s="1" t="s">
        <v>204785</v>
      </c>
      <c r="G61104" s="1" t="s">
        <v>204728</v>
      </c>
      <c r="H61104" s="1" t="s">
        <v>204729</v>
      </c>
      <c r="I61104" s="1" t="s">
        <v>201500</v>
      </c>
      <c r="J61104" s="1" t="s">
        <v>204786</v>
      </c>
    </row>
    <row r="61105" spans="1:10" x14ac:dyDescent="0.35">
      <c r="A61105" s="1" t="s">
        <v>29660</v>
      </c>
      <c r="B61105" s="1" t="s">
        <v>201495</v>
      </c>
      <c r="C61105" s="1" t="s">
        <v>110</v>
      </c>
      <c r="D61105" s="1" t="s">
        <v>37329</v>
      </c>
      <c r="E61105" s="1" t="s">
        <v>204787</v>
      </c>
      <c r="F61105" s="1" t="s">
        <v>204788</v>
      </c>
      <c r="G61105" s="1" t="s">
        <v>204728</v>
      </c>
      <c r="H61105" s="1" t="s">
        <v>204729</v>
      </c>
      <c r="I61105" s="1" t="s">
        <v>201500</v>
      </c>
      <c r="J61105" s="1" t="s">
        <v>204789</v>
      </c>
    </row>
    <row r="61106" spans="1:10" x14ac:dyDescent="0.35">
      <c r="A61106" s="1" t="s">
        <v>29660</v>
      </c>
      <c r="B61106" s="1" t="s">
        <v>201495</v>
      </c>
      <c r="C61106" s="1" t="s">
        <v>115</v>
      </c>
      <c r="D61106" s="1" t="s">
        <v>74200</v>
      </c>
      <c r="E61106" s="1" t="s">
        <v>204790</v>
      </c>
      <c r="F61106" s="1" t="s">
        <v>204791</v>
      </c>
      <c r="G61106" s="1" t="s">
        <v>204728</v>
      </c>
      <c r="H61106" s="1" t="s">
        <v>204729</v>
      </c>
      <c r="I61106" s="1" t="s">
        <v>201500</v>
      </c>
      <c r="J61106" s="1" t="s">
        <v>204792</v>
      </c>
    </row>
    <row r="61107" spans="1:10" x14ac:dyDescent="0.35">
      <c r="A61107" s="1" t="s">
        <v>29660</v>
      </c>
      <c r="B61107" s="1" t="s">
        <v>201495</v>
      </c>
      <c r="C61107" s="1" t="s">
        <v>120</v>
      </c>
      <c r="D61107" s="1" t="s">
        <v>9558</v>
      </c>
      <c r="E61107" s="1" t="s">
        <v>204793</v>
      </c>
      <c r="F61107" s="1" t="s">
        <v>204794</v>
      </c>
      <c r="G61107" s="1" t="s">
        <v>204728</v>
      </c>
      <c r="H61107" s="1" t="s">
        <v>204729</v>
      </c>
      <c r="I61107" s="1" t="s">
        <v>201500</v>
      </c>
      <c r="J61107" s="1" t="s">
        <v>204795</v>
      </c>
    </row>
    <row r="61108" spans="1:10" x14ac:dyDescent="0.35">
      <c r="A61108" s="1" t="s">
        <v>29660</v>
      </c>
      <c r="B61108" s="1" t="s">
        <v>201495</v>
      </c>
      <c r="C61108" s="1" t="s">
        <v>125</v>
      </c>
      <c r="D61108" s="1" t="s">
        <v>7104</v>
      </c>
      <c r="E61108" s="1" t="s">
        <v>204796</v>
      </c>
      <c r="F61108" s="1" t="s">
        <v>204797</v>
      </c>
      <c r="G61108" s="1" t="s">
        <v>204728</v>
      </c>
      <c r="H61108" s="1" t="s">
        <v>204729</v>
      </c>
      <c r="I61108" s="1" t="s">
        <v>201500</v>
      </c>
      <c r="J61108" s="1" t="s">
        <v>204798</v>
      </c>
    </row>
    <row r="61109" spans="1:10" x14ac:dyDescent="0.35">
      <c r="A61109" s="1" t="s">
        <v>29660</v>
      </c>
      <c r="B61109" s="1" t="s">
        <v>201495</v>
      </c>
      <c r="C61109" s="1" t="s">
        <v>130</v>
      </c>
      <c r="D61109" s="1" t="s">
        <v>204799</v>
      </c>
      <c r="E61109" s="1" t="s">
        <v>204800</v>
      </c>
      <c r="F61109" s="1" t="s">
        <v>204801</v>
      </c>
      <c r="G61109" s="1" t="s">
        <v>204728</v>
      </c>
      <c r="H61109" s="1" t="s">
        <v>204729</v>
      </c>
      <c r="I61109" s="1" t="s">
        <v>201500</v>
      </c>
      <c r="J61109" s="1" t="s">
        <v>204802</v>
      </c>
    </row>
    <row r="61110" spans="1:10" x14ac:dyDescent="0.35">
      <c r="A61110" s="1" t="s">
        <v>29660</v>
      </c>
      <c r="B61110" s="1" t="s">
        <v>201495</v>
      </c>
      <c r="C61110" s="1" t="s">
        <v>135</v>
      </c>
      <c r="D61110" s="1" t="s">
        <v>141098</v>
      </c>
      <c r="E61110" s="1" t="s">
        <v>204803</v>
      </c>
      <c r="F61110" s="1" t="s">
        <v>204804</v>
      </c>
      <c r="G61110" s="1" t="s">
        <v>204728</v>
      </c>
      <c r="H61110" s="1" t="s">
        <v>204729</v>
      </c>
      <c r="I61110" s="1" t="s">
        <v>201500</v>
      </c>
      <c r="J61110" s="1" t="s">
        <v>204805</v>
      </c>
    </row>
    <row r="61111" spans="1:10" x14ac:dyDescent="0.35">
      <c r="A61111" s="1" t="s">
        <v>29660</v>
      </c>
      <c r="B61111" s="1" t="s">
        <v>201495</v>
      </c>
      <c r="C61111" s="1" t="s">
        <v>140</v>
      </c>
      <c r="D61111" s="1" t="s">
        <v>7104</v>
      </c>
      <c r="E61111" s="1" t="s">
        <v>204806</v>
      </c>
      <c r="F61111" s="1" t="s">
        <v>204807</v>
      </c>
      <c r="G61111" s="1" t="s">
        <v>204728</v>
      </c>
      <c r="H61111" s="1" t="s">
        <v>204729</v>
      </c>
      <c r="I61111" s="1" t="s">
        <v>201500</v>
      </c>
      <c r="J61111" s="1" t="s">
        <v>204808</v>
      </c>
    </row>
    <row r="61112" spans="1:10" x14ac:dyDescent="0.35">
      <c r="A61112" s="1" t="s">
        <v>29660</v>
      </c>
      <c r="B61112" s="1" t="s">
        <v>201495</v>
      </c>
      <c r="C61112" s="1" t="s">
        <v>145</v>
      </c>
      <c r="D61112" s="1" t="s">
        <v>72074</v>
      </c>
      <c r="E61112" s="1" t="s">
        <v>204809</v>
      </c>
      <c r="F61112" s="1" t="s">
        <v>204810</v>
      </c>
      <c r="G61112" s="1" t="s">
        <v>204728</v>
      </c>
      <c r="H61112" s="1" t="s">
        <v>204729</v>
      </c>
      <c r="I61112" s="1" t="s">
        <v>201500</v>
      </c>
      <c r="J61112" s="1" t="s">
        <v>204811</v>
      </c>
    </row>
    <row r="61113" spans="1:10" x14ac:dyDescent="0.35">
      <c r="A61113" s="1" t="s">
        <v>29660</v>
      </c>
      <c r="B61113" s="1" t="s">
        <v>201495</v>
      </c>
      <c r="C61113" s="1" t="s">
        <v>150</v>
      </c>
      <c r="D61113" s="1" t="s">
        <v>188223</v>
      </c>
      <c r="E61113" s="1" t="s">
        <v>204812</v>
      </c>
      <c r="F61113" s="1" t="s">
        <v>204813</v>
      </c>
      <c r="G61113" s="1" t="s">
        <v>204728</v>
      </c>
      <c r="H61113" s="1" t="s">
        <v>204729</v>
      </c>
      <c r="I61113" s="1" t="s">
        <v>201500</v>
      </c>
      <c r="J61113" s="1" t="s">
        <v>204814</v>
      </c>
    </row>
    <row r="61114" spans="1:10" x14ac:dyDescent="0.35">
      <c r="A61114" s="1" t="s">
        <v>29660</v>
      </c>
      <c r="B61114" s="1" t="s">
        <v>201495</v>
      </c>
      <c r="C61114" s="1" t="s">
        <v>155</v>
      </c>
      <c r="D61114" s="1" t="s">
        <v>156027</v>
      </c>
      <c r="E61114" s="1" t="s">
        <v>204815</v>
      </c>
      <c r="F61114" s="1" t="s">
        <v>204816</v>
      </c>
      <c r="G61114" s="1" t="s">
        <v>204728</v>
      </c>
      <c r="H61114" s="1" t="s">
        <v>204729</v>
      </c>
      <c r="I61114" s="1" t="s">
        <v>201500</v>
      </c>
      <c r="J61114" s="1" t="s">
        <v>204817</v>
      </c>
    </row>
    <row r="61115" spans="1:10" x14ac:dyDescent="0.35">
      <c r="A61115" s="1" t="s">
        <v>29660</v>
      </c>
      <c r="B61115" s="1" t="s">
        <v>201495</v>
      </c>
      <c r="C61115" s="1" t="s">
        <v>160</v>
      </c>
      <c r="D61115" s="1" t="s">
        <v>33933</v>
      </c>
      <c r="E61115" s="1" t="s">
        <v>204818</v>
      </c>
      <c r="F61115" s="1" t="s">
        <v>204819</v>
      </c>
      <c r="G61115" s="1" t="s">
        <v>204728</v>
      </c>
      <c r="H61115" s="1" t="s">
        <v>204729</v>
      </c>
      <c r="I61115" s="1" t="s">
        <v>201500</v>
      </c>
      <c r="J61115" s="1" t="s">
        <v>204820</v>
      </c>
    </row>
    <row r="61116" spans="1:10" x14ac:dyDescent="0.35">
      <c r="A61116" s="1" t="s">
        <v>29660</v>
      </c>
      <c r="B61116" s="1" t="s">
        <v>201495</v>
      </c>
      <c r="C61116" s="1" t="s">
        <v>165</v>
      </c>
      <c r="D61116" s="1" t="s">
        <v>116289</v>
      </c>
      <c r="E61116" s="1" t="s">
        <v>204821</v>
      </c>
      <c r="F61116" s="1" t="s">
        <v>204822</v>
      </c>
      <c r="G61116" s="1" t="s">
        <v>204728</v>
      </c>
      <c r="H61116" s="1" t="s">
        <v>204729</v>
      </c>
      <c r="I61116" s="1" t="s">
        <v>201500</v>
      </c>
      <c r="J61116" s="1" t="s">
        <v>204823</v>
      </c>
    </row>
    <row r="61117" spans="1:10" x14ac:dyDescent="0.35">
      <c r="A61117" s="1" t="s">
        <v>29660</v>
      </c>
      <c r="B61117" s="1" t="s">
        <v>201495</v>
      </c>
      <c r="C61117" s="1" t="s">
        <v>170</v>
      </c>
      <c r="D61117" s="1" t="s">
        <v>8782</v>
      </c>
      <c r="E61117" s="1" t="s">
        <v>204824</v>
      </c>
      <c r="F61117" s="1" t="s">
        <v>204825</v>
      </c>
      <c r="G61117" s="1" t="s">
        <v>204728</v>
      </c>
      <c r="H61117" s="1" t="s">
        <v>204729</v>
      </c>
      <c r="I61117" s="1" t="s">
        <v>201500</v>
      </c>
      <c r="J61117" s="1" t="s">
        <v>204826</v>
      </c>
    </row>
    <row r="61118" spans="1:10" x14ac:dyDescent="0.35">
      <c r="A61118" s="1" t="s">
        <v>25989</v>
      </c>
      <c r="B61118" s="1" t="s">
        <v>201495</v>
      </c>
      <c r="C61118" s="1" t="s">
        <v>8</v>
      </c>
      <c r="D61118" s="1" t="s">
        <v>16108</v>
      </c>
      <c r="E61118" s="1" t="s">
        <v>111489</v>
      </c>
      <c r="F61118" s="1" t="s">
        <v>99926</v>
      </c>
      <c r="G61118" s="1" t="s">
        <v>204827</v>
      </c>
      <c r="H61118" s="1" t="s">
        <v>204828</v>
      </c>
      <c r="I61118" s="1" t="s">
        <v>201500</v>
      </c>
      <c r="J61118" s="1" t="s">
        <v>13</v>
      </c>
    </row>
    <row r="61119" spans="1:10" x14ac:dyDescent="0.35">
      <c r="A61119" s="1" t="s">
        <v>25989</v>
      </c>
      <c r="B61119" s="1" t="s">
        <v>201495</v>
      </c>
      <c r="C61119" s="1" t="s">
        <v>15</v>
      </c>
      <c r="D61119" s="1" t="s">
        <v>144287</v>
      </c>
      <c r="E61119" s="1" t="s">
        <v>160363</v>
      </c>
      <c r="F61119" s="1" t="s">
        <v>111852</v>
      </c>
      <c r="G61119" s="1" t="s">
        <v>204827</v>
      </c>
      <c r="H61119" s="1" t="s">
        <v>204828</v>
      </c>
      <c r="I61119" s="1" t="s">
        <v>201500</v>
      </c>
      <c r="J61119" s="1" t="s">
        <v>204829</v>
      </c>
    </row>
    <row r="61120" spans="1:10" x14ac:dyDescent="0.35">
      <c r="A61120" s="1" t="s">
        <v>25989</v>
      </c>
      <c r="B61120" s="1" t="s">
        <v>201495</v>
      </c>
      <c r="C61120" s="1" t="s">
        <v>20</v>
      </c>
      <c r="D61120" s="1" t="s">
        <v>34923</v>
      </c>
      <c r="E61120" s="1" t="s">
        <v>491</v>
      </c>
      <c r="F61120" s="1" t="s">
        <v>204830</v>
      </c>
      <c r="G61120" s="1" t="s">
        <v>204827</v>
      </c>
      <c r="H61120" s="1" t="s">
        <v>204828</v>
      </c>
      <c r="I61120" s="1" t="s">
        <v>201500</v>
      </c>
      <c r="J61120" s="1" t="s">
        <v>204831</v>
      </c>
    </row>
    <row r="61121" spans="1:10" x14ac:dyDescent="0.35">
      <c r="A61121" s="1" t="s">
        <v>25989</v>
      </c>
      <c r="B61121" s="1" t="s">
        <v>201495</v>
      </c>
      <c r="C61121" s="1" t="s">
        <v>25</v>
      </c>
      <c r="D61121" s="1" t="s">
        <v>72266</v>
      </c>
      <c r="E61121" s="1" t="s">
        <v>7921</v>
      </c>
      <c r="F61121" s="1" t="s">
        <v>204832</v>
      </c>
      <c r="G61121" s="1" t="s">
        <v>204827</v>
      </c>
      <c r="H61121" s="1" t="s">
        <v>204828</v>
      </c>
      <c r="I61121" s="1" t="s">
        <v>201500</v>
      </c>
      <c r="J61121" s="1" t="s">
        <v>204833</v>
      </c>
    </row>
    <row r="61122" spans="1:10" x14ac:dyDescent="0.35">
      <c r="A61122" s="1" t="s">
        <v>25989</v>
      </c>
      <c r="B61122" s="1" t="s">
        <v>201495</v>
      </c>
      <c r="C61122" s="1" t="s">
        <v>30</v>
      </c>
      <c r="D61122" s="1" t="s">
        <v>204834</v>
      </c>
      <c r="E61122" s="1" t="s">
        <v>204835</v>
      </c>
      <c r="F61122" s="1" t="s">
        <v>204836</v>
      </c>
      <c r="G61122" s="1" t="s">
        <v>204827</v>
      </c>
      <c r="H61122" s="1" t="s">
        <v>204828</v>
      </c>
      <c r="I61122" s="1" t="s">
        <v>201500</v>
      </c>
      <c r="J61122" s="1" t="s">
        <v>204837</v>
      </c>
    </row>
    <row r="61123" spans="1:10" x14ac:dyDescent="0.35">
      <c r="A61123" s="1" t="s">
        <v>25989</v>
      </c>
      <c r="B61123" s="1" t="s">
        <v>201495</v>
      </c>
      <c r="C61123" s="1" t="s">
        <v>35</v>
      </c>
      <c r="D61123" s="1" t="s">
        <v>47786</v>
      </c>
      <c r="E61123" s="1" t="s">
        <v>7917</v>
      </c>
      <c r="F61123" s="1" t="s">
        <v>204838</v>
      </c>
      <c r="G61123" s="1" t="s">
        <v>204827</v>
      </c>
      <c r="H61123" s="1" t="s">
        <v>204828</v>
      </c>
      <c r="I61123" s="1" t="s">
        <v>201500</v>
      </c>
      <c r="J61123" s="1" t="s">
        <v>204839</v>
      </c>
    </row>
    <row r="61124" spans="1:10" x14ac:dyDescent="0.35">
      <c r="A61124" s="1" t="s">
        <v>25989</v>
      </c>
      <c r="B61124" s="1" t="s">
        <v>201495</v>
      </c>
      <c r="C61124" s="1" t="s">
        <v>40</v>
      </c>
      <c r="D61124" s="1" t="s">
        <v>124057</v>
      </c>
      <c r="E61124" s="1" t="s">
        <v>7981</v>
      </c>
      <c r="F61124" s="1" t="s">
        <v>204840</v>
      </c>
      <c r="G61124" s="1" t="s">
        <v>204827</v>
      </c>
      <c r="H61124" s="1" t="s">
        <v>204828</v>
      </c>
      <c r="I61124" s="1" t="s">
        <v>201500</v>
      </c>
      <c r="J61124" s="1" t="s">
        <v>204841</v>
      </c>
    </row>
    <row r="61125" spans="1:10" x14ac:dyDescent="0.35">
      <c r="A61125" s="1" t="s">
        <v>25989</v>
      </c>
      <c r="B61125" s="1" t="s">
        <v>201495</v>
      </c>
      <c r="C61125" s="1" t="s">
        <v>45</v>
      </c>
      <c r="D61125" s="1" t="s">
        <v>73109</v>
      </c>
      <c r="E61125" s="1" t="s">
        <v>202022</v>
      </c>
      <c r="F61125" s="1" t="s">
        <v>204842</v>
      </c>
      <c r="G61125" s="1" t="s">
        <v>204827</v>
      </c>
      <c r="H61125" s="1" t="s">
        <v>204828</v>
      </c>
      <c r="I61125" s="1" t="s">
        <v>201500</v>
      </c>
      <c r="J61125" s="1" t="s">
        <v>204843</v>
      </c>
    </row>
    <row r="61126" spans="1:10" x14ac:dyDescent="0.35">
      <c r="A61126" s="1" t="s">
        <v>25989</v>
      </c>
      <c r="B61126" s="1" t="s">
        <v>201495</v>
      </c>
      <c r="C61126" s="1" t="s">
        <v>50</v>
      </c>
      <c r="D61126" s="1" t="s">
        <v>204844</v>
      </c>
      <c r="E61126" s="1" t="s">
        <v>111472</v>
      </c>
      <c r="F61126" s="1" t="s">
        <v>204845</v>
      </c>
      <c r="G61126" s="1" t="s">
        <v>204827</v>
      </c>
      <c r="H61126" s="1" t="s">
        <v>204828</v>
      </c>
      <c r="I61126" s="1" t="s">
        <v>201500</v>
      </c>
      <c r="J61126" s="1" t="s">
        <v>204846</v>
      </c>
    </row>
    <row r="61127" spans="1:10" x14ac:dyDescent="0.35">
      <c r="A61127" s="1" t="s">
        <v>25989</v>
      </c>
      <c r="B61127" s="1" t="s">
        <v>201495</v>
      </c>
      <c r="C61127" s="1" t="s">
        <v>55</v>
      </c>
      <c r="D61127" s="1" t="s">
        <v>156498</v>
      </c>
      <c r="E61127" s="1" t="s">
        <v>531</v>
      </c>
      <c r="F61127" s="1" t="s">
        <v>204847</v>
      </c>
      <c r="G61127" s="1" t="s">
        <v>204827</v>
      </c>
      <c r="H61127" s="1" t="s">
        <v>204828</v>
      </c>
      <c r="I61127" s="1" t="s">
        <v>201500</v>
      </c>
      <c r="J61127" s="1" t="s">
        <v>204848</v>
      </c>
    </row>
    <row r="61128" spans="1:10" x14ac:dyDescent="0.35">
      <c r="A61128" s="1" t="s">
        <v>25989</v>
      </c>
      <c r="B61128" s="1" t="s">
        <v>201495</v>
      </c>
      <c r="C61128" s="1" t="s">
        <v>60</v>
      </c>
      <c r="D61128" s="1" t="s">
        <v>111873</v>
      </c>
      <c r="E61128" s="1" t="s">
        <v>202533</v>
      </c>
      <c r="F61128" s="1" t="s">
        <v>204849</v>
      </c>
      <c r="G61128" s="1" t="s">
        <v>204827</v>
      </c>
      <c r="H61128" s="1" t="s">
        <v>204828</v>
      </c>
      <c r="I61128" s="1" t="s">
        <v>201500</v>
      </c>
      <c r="J61128" s="1" t="s">
        <v>204850</v>
      </c>
    </row>
    <row r="61129" spans="1:10" x14ac:dyDescent="0.35">
      <c r="A61129" s="1" t="s">
        <v>25989</v>
      </c>
      <c r="B61129" s="1" t="s">
        <v>201495</v>
      </c>
      <c r="C61129" s="1" t="s">
        <v>65</v>
      </c>
      <c r="D61129" s="1" t="s">
        <v>72674</v>
      </c>
      <c r="E61129" s="1" t="s">
        <v>12707</v>
      </c>
      <c r="F61129" s="1" t="s">
        <v>204851</v>
      </c>
      <c r="G61129" s="1" t="s">
        <v>204827</v>
      </c>
      <c r="H61129" s="1" t="s">
        <v>204828</v>
      </c>
      <c r="I61129" s="1" t="s">
        <v>201500</v>
      </c>
      <c r="J61129" s="1" t="s">
        <v>204852</v>
      </c>
    </row>
    <row r="61130" spans="1:10" x14ac:dyDescent="0.35">
      <c r="A61130" s="1" t="s">
        <v>25989</v>
      </c>
      <c r="B61130" s="1" t="s">
        <v>201495</v>
      </c>
      <c r="C61130" s="1" t="s">
        <v>70</v>
      </c>
      <c r="D61130" s="1" t="s">
        <v>168883</v>
      </c>
      <c r="E61130" s="1" t="s">
        <v>159878</v>
      </c>
      <c r="F61130" s="1" t="s">
        <v>139553</v>
      </c>
      <c r="G61130" s="1" t="s">
        <v>204827</v>
      </c>
      <c r="H61130" s="1" t="s">
        <v>204828</v>
      </c>
      <c r="I61130" s="1" t="s">
        <v>201500</v>
      </c>
      <c r="J61130" s="1" t="s">
        <v>204853</v>
      </c>
    </row>
    <row r="61131" spans="1:10" x14ac:dyDescent="0.35">
      <c r="A61131" s="1" t="s">
        <v>25989</v>
      </c>
      <c r="B61131" s="1" t="s">
        <v>201495</v>
      </c>
      <c r="C61131" s="1" t="s">
        <v>75</v>
      </c>
      <c r="D61131" s="1" t="s">
        <v>25165</v>
      </c>
      <c r="E61131" s="1" t="s">
        <v>204854</v>
      </c>
      <c r="F61131" s="1" t="s">
        <v>204855</v>
      </c>
      <c r="G61131" s="1" t="s">
        <v>204827</v>
      </c>
      <c r="H61131" s="1" t="s">
        <v>204828</v>
      </c>
      <c r="I61131" s="1" t="s">
        <v>201500</v>
      </c>
      <c r="J61131" s="1" t="s">
        <v>204856</v>
      </c>
    </row>
    <row r="61132" spans="1:10" x14ac:dyDescent="0.35">
      <c r="A61132" s="1" t="s">
        <v>25989</v>
      </c>
      <c r="B61132" s="1" t="s">
        <v>201495</v>
      </c>
      <c r="C61132" s="1" t="s">
        <v>80</v>
      </c>
      <c r="D61132" s="1" t="s">
        <v>34811</v>
      </c>
      <c r="E61132" s="1" t="s">
        <v>204857</v>
      </c>
      <c r="F61132" s="1" t="s">
        <v>204858</v>
      </c>
      <c r="G61132" s="1" t="s">
        <v>204827</v>
      </c>
      <c r="H61132" s="1" t="s">
        <v>204828</v>
      </c>
      <c r="I61132" s="1" t="s">
        <v>201500</v>
      </c>
      <c r="J61132" s="1" t="s">
        <v>204859</v>
      </c>
    </row>
    <row r="61133" spans="1:10" x14ac:dyDescent="0.35">
      <c r="A61133" s="1" t="s">
        <v>25989</v>
      </c>
      <c r="B61133" s="1" t="s">
        <v>201495</v>
      </c>
      <c r="C61133" s="1" t="s">
        <v>85</v>
      </c>
      <c r="D61133" s="1" t="s">
        <v>14787</v>
      </c>
      <c r="E61133" s="1" t="s">
        <v>13669</v>
      </c>
      <c r="F61133" s="1" t="s">
        <v>204860</v>
      </c>
      <c r="G61133" s="1" t="s">
        <v>204827</v>
      </c>
      <c r="H61133" s="1" t="s">
        <v>204828</v>
      </c>
      <c r="I61133" s="1" t="s">
        <v>201500</v>
      </c>
      <c r="J61133" s="1" t="s">
        <v>204861</v>
      </c>
    </row>
    <row r="61134" spans="1:10" x14ac:dyDescent="0.35">
      <c r="A61134" s="1" t="s">
        <v>25989</v>
      </c>
      <c r="B61134" s="1" t="s">
        <v>201495</v>
      </c>
      <c r="C61134" s="1" t="s">
        <v>90</v>
      </c>
      <c r="D61134" s="1" t="s">
        <v>25177</v>
      </c>
      <c r="E61134" s="1" t="s">
        <v>8622</v>
      </c>
      <c r="F61134" s="1" t="s">
        <v>204862</v>
      </c>
      <c r="G61134" s="1" t="s">
        <v>204827</v>
      </c>
      <c r="H61134" s="1" t="s">
        <v>204828</v>
      </c>
      <c r="I61134" s="1" t="s">
        <v>201500</v>
      </c>
      <c r="J61134" s="1" t="s">
        <v>204863</v>
      </c>
    </row>
    <row r="61135" spans="1:10" x14ac:dyDescent="0.35">
      <c r="A61135" s="1" t="s">
        <v>25989</v>
      </c>
      <c r="B61135" s="1" t="s">
        <v>201495</v>
      </c>
      <c r="C61135" s="1" t="s">
        <v>95</v>
      </c>
      <c r="D61135" s="1" t="s">
        <v>156281</v>
      </c>
      <c r="E61135" s="1" t="s">
        <v>8642</v>
      </c>
      <c r="F61135" s="1" t="s">
        <v>204864</v>
      </c>
      <c r="G61135" s="1" t="s">
        <v>204827</v>
      </c>
      <c r="H61135" s="1" t="s">
        <v>204828</v>
      </c>
      <c r="I61135" s="1" t="s">
        <v>201500</v>
      </c>
      <c r="J61135" s="1" t="s">
        <v>204865</v>
      </c>
    </row>
    <row r="61136" spans="1:10" x14ac:dyDescent="0.35">
      <c r="A61136" s="1" t="s">
        <v>25989</v>
      </c>
      <c r="B61136" s="1" t="s">
        <v>201495</v>
      </c>
      <c r="C61136" s="1" t="s">
        <v>100</v>
      </c>
      <c r="D61136" s="1" t="s">
        <v>161594</v>
      </c>
      <c r="E61136" s="1" t="s">
        <v>204866</v>
      </c>
      <c r="F61136" s="1" t="s">
        <v>204867</v>
      </c>
      <c r="G61136" s="1" t="s">
        <v>204827</v>
      </c>
      <c r="H61136" s="1" t="s">
        <v>204828</v>
      </c>
      <c r="I61136" s="1" t="s">
        <v>201500</v>
      </c>
      <c r="J61136" s="1" t="s">
        <v>204868</v>
      </c>
    </row>
    <row r="61137" spans="1:10" x14ac:dyDescent="0.35">
      <c r="A61137" s="1" t="s">
        <v>25989</v>
      </c>
      <c r="B61137" s="1" t="s">
        <v>201495</v>
      </c>
      <c r="C61137" s="1" t="s">
        <v>105</v>
      </c>
      <c r="D61137" s="1" t="s">
        <v>168247</v>
      </c>
      <c r="E61137" s="1" t="s">
        <v>110926</v>
      </c>
      <c r="F61137" s="1" t="s">
        <v>204869</v>
      </c>
      <c r="G61137" s="1" t="s">
        <v>204827</v>
      </c>
      <c r="H61137" s="1" t="s">
        <v>204828</v>
      </c>
      <c r="I61137" s="1" t="s">
        <v>201500</v>
      </c>
      <c r="J61137" s="1" t="s">
        <v>204870</v>
      </c>
    </row>
    <row r="61138" spans="1:10" x14ac:dyDescent="0.35">
      <c r="A61138" s="1" t="s">
        <v>25989</v>
      </c>
      <c r="B61138" s="1" t="s">
        <v>201495</v>
      </c>
      <c r="C61138" s="1" t="s">
        <v>110</v>
      </c>
      <c r="D61138" s="1" t="s">
        <v>111860</v>
      </c>
      <c r="E61138" s="1" t="s">
        <v>13712</v>
      </c>
      <c r="F61138" s="1" t="s">
        <v>204871</v>
      </c>
      <c r="G61138" s="1" t="s">
        <v>204827</v>
      </c>
      <c r="H61138" s="1" t="s">
        <v>204828</v>
      </c>
      <c r="I61138" s="1" t="s">
        <v>201500</v>
      </c>
      <c r="J61138" s="1" t="s">
        <v>204872</v>
      </c>
    </row>
    <row r="61139" spans="1:10" x14ac:dyDescent="0.35">
      <c r="A61139" s="1" t="s">
        <v>25989</v>
      </c>
      <c r="B61139" s="1" t="s">
        <v>201495</v>
      </c>
      <c r="C61139" s="1" t="s">
        <v>115</v>
      </c>
      <c r="D61139" s="1" t="s">
        <v>116289</v>
      </c>
      <c r="E61139" s="1" t="s">
        <v>8622</v>
      </c>
      <c r="F61139" s="1" t="s">
        <v>204873</v>
      </c>
      <c r="G61139" s="1" t="s">
        <v>204827</v>
      </c>
      <c r="H61139" s="1" t="s">
        <v>204828</v>
      </c>
      <c r="I61139" s="1" t="s">
        <v>201500</v>
      </c>
      <c r="J61139" s="1" t="s">
        <v>204874</v>
      </c>
    </row>
    <row r="61140" spans="1:10" x14ac:dyDescent="0.35">
      <c r="A61140" s="1" t="s">
        <v>25989</v>
      </c>
      <c r="B61140" s="1" t="s">
        <v>201495</v>
      </c>
      <c r="C61140" s="1" t="s">
        <v>120</v>
      </c>
      <c r="D61140" s="1" t="s">
        <v>75025</v>
      </c>
      <c r="E61140" s="1" t="s">
        <v>159866</v>
      </c>
      <c r="F61140" s="1" t="s">
        <v>204875</v>
      </c>
      <c r="G61140" s="1" t="s">
        <v>204827</v>
      </c>
      <c r="H61140" s="1" t="s">
        <v>204828</v>
      </c>
      <c r="I61140" s="1" t="s">
        <v>201500</v>
      </c>
      <c r="J61140" s="1" t="s">
        <v>204876</v>
      </c>
    </row>
    <row r="61141" spans="1:10" x14ac:dyDescent="0.35">
      <c r="A61141" s="1" t="s">
        <v>25989</v>
      </c>
      <c r="B61141" s="1" t="s">
        <v>201495</v>
      </c>
      <c r="C61141" s="1" t="s">
        <v>125</v>
      </c>
      <c r="D61141" s="1" t="s">
        <v>36212</v>
      </c>
      <c r="E61141" s="1" t="s">
        <v>160352</v>
      </c>
      <c r="F61141" s="1" t="s">
        <v>204877</v>
      </c>
      <c r="G61141" s="1" t="s">
        <v>204827</v>
      </c>
      <c r="H61141" s="1" t="s">
        <v>204828</v>
      </c>
      <c r="I61141" s="1" t="s">
        <v>201500</v>
      </c>
      <c r="J61141" s="1" t="s">
        <v>204878</v>
      </c>
    </row>
    <row r="61142" spans="1:10" x14ac:dyDescent="0.35">
      <c r="A61142" s="1" t="s">
        <v>25989</v>
      </c>
      <c r="B61142" s="1" t="s">
        <v>201495</v>
      </c>
      <c r="C61142" s="1" t="s">
        <v>130</v>
      </c>
      <c r="D61142" s="1" t="s">
        <v>148746</v>
      </c>
      <c r="E61142" s="1" t="s">
        <v>159945</v>
      </c>
      <c r="F61142" s="1" t="s">
        <v>204879</v>
      </c>
      <c r="G61142" s="1" t="s">
        <v>204827</v>
      </c>
      <c r="H61142" s="1" t="s">
        <v>204828</v>
      </c>
      <c r="I61142" s="1" t="s">
        <v>201500</v>
      </c>
      <c r="J61142" s="1" t="s">
        <v>204880</v>
      </c>
    </row>
    <row r="61143" spans="1:10" x14ac:dyDescent="0.35">
      <c r="A61143" s="1" t="s">
        <v>25989</v>
      </c>
      <c r="B61143" s="1" t="s">
        <v>201495</v>
      </c>
      <c r="C61143" s="1" t="s">
        <v>135</v>
      </c>
      <c r="D61143" s="1" t="s">
        <v>34321</v>
      </c>
      <c r="E61143" s="1" t="s">
        <v>159836</v>
      </c>
      <c r="F61143" s="1" t="s">
        <v>204881</v>
      </c>
      <c r="G61143" s="1" t="s">
        <v>204827</v>
      </c>
      <c r="H61143" s="1" t="s">
        <v>204828</v>
      </c>
      <c r="I61143" s="1" t="s">
        <v>201500</v>
      </c>
      <c r="J61143" s="1" t="s">
        <v>204882</v>
      </c>
    </row>
    <row r="61144" spans="1:10" x14ac:dyDescent="0.35">
      <c r="A61144" s="1" t="s">
        <v>25989</v>
      </c>
      <c r="B61144" s="1" t="s">
        <v>201495</v>
      </c>
      <c r="C61144" s="1" t="s">
        <v>140</v>
      </c>
      <c r="D61144" s="1" t="s">
        <v>35438</v>
      </c>
      <c r="E61144" s="1" t="s">
        <v>204883</v>
      </c>
      <c r="F61144" s="1" t="s">
        <v>204884</v>
      </c>
      <c r="G61144" s="1" t="s">
        <v>204827</v>
      </c>
      <c r="H61144" s="1" t="s">
        <v>204828</v>
      </c>
      <c r="I61144" s="1" t="s">
        <v>201500</v>
      </c>
      <c r="J61144" s="1" t="s">
        <v>115697</v>
      </c>
    </row>
    <row r="61145" spans="1:10" x14ac:dyDescent="0.35">
      <c r="A61145" s="1" t="s">
        <v>25989</v>
      </c>
      <c r="B61145" s="1" t="s">
        <v>201495</v>
      </c>
      <c r="C61145" s="1" t="s">
        <v>145</v>
      </c>
      <c r="D61145" s="1" t="s">
        <v>118508</v>
      </c>
      <c r="E61145" s="1" t="s">
        <v>12185</v>
      </c>
      <c r="F61145" s="1" t="s">
        <v>204885</v>
      </c>
      <c r="G61145" s="1" t="s">
        <v>204827</v>
      </c>
      <c r="H61145" s="1" t="s">
        <v>204828</v>
      </c>
      <c r="I61145" s="1" t="s">
        <v>201500</v>
      </c>
      <c r="J61145" s="1" t="s">
        <v>204886</v>
      </c>
    </row>
    <row r="61146" spans="1:10" x14ac:dyDescent="0.35">
      <c r="A61146" s="1" t="s">
        <v>25989</v>
      </c>
      <c r="B61146" s="1" t="s">
        <v>201495</v>
      </c>
      <c r="C61146" s="1" t="s">
        <v>150</v>
      </c>
      <c r="D61146" s="1" t="s">
        <v>204887</v>
      </c>
      <c r="E61146" s="1" t="s">
        <v>563</v>
      </c>
      <c r="F61146" s="1" t="s">
        <v>204888</v>
      </c>
      <c r="G61146" s="1" t="s">
        <v>204827</v>
      </c>
      <c r="H61146" s="1" t="s">
        <v>204828</v>
      </c>
      <c r="I61146" s="1" t="s">
        <v>201500</v>
      </c>
      <c r="J61146" s="1" t="s">
        <v>204889</v>
      </c>
    </row>
    <row r="61147" spans="1:10" x14ac:dyDescent="0.35">
      <c r="A61147" s="1" t="s">
        <v>25989</v>
      </c>
      <c r="B61147" s="1" t="s">
        <v>201495</v>
      </c>
      <c r="C61147" s="1" t="s">
        <v>155</v>
      </c>
      <c r="D61147" s="1" t="s">
        <v>118719</v>
      </c>
      <c r="E61147" s="1" t="s">
        <v>111505</v>
      </c>
      <c r="F61147" s="1" t="s">
        <v>204890</v>
      </c>
      <c r="G61147" s="1" t="s">
        <v>204827</v>
      </c>
      <c r="H61147" s="1" t="s">
        <v>204828</v>
      </c>
      <c r="I61147" s="1" t="s">
        <v>201500</v>
      </c>
      <c r="J61147" s="1" t="s">
        <v>204891</v>
      </c>
    </row>
    <row r="61148" spans="1:10" x14ac:dyDescent="0.35">
      <c r="A61148" s="1" t="s">
        <v>25989</v>
      </c>
      <c r="B61148" s="1" t="s">
        <v>201495</v>
      </c>
      <c r="C61148" s="1" t="s">
        <v>160</v>
      </c>
      <c r="D61148" s="1" t="s">
        <v>50835</v>
      </c>
      <c r="E61148" s="1" t="s">
        <v>159882</v>
      </c>
      <c r="F61148" s="1" t="s">
        <v>204892</v>
      </c>
      <c r="G61148" s="1" t="s">
        <v>204827</v>
      </c>
      <c r="H61148" s="1" t="s">
        <v>204828</v>
      </c>
      <c r="I61148" s="1" t="s">
        <v>201500</v>
      </c>
      <c r="J61148" s="1" t="s">
        <v>204893</v>
      </c>
    </row>
    <row r="61149" spans="1:10" x14ac:dyDescent="0.35">
      <c r="A61149" s="1" t="s">
        <v>25989</v>
      </c>
      <c r="B61149" s="1" t="s">
        <v>201495</v>
      </c>
      <c r="C61149" s="1" t="s">
        <v>165</v>
      </c>
      <c r="D61149" s="1" t="s">
        <v>37423</v>
      </c>
      <c r="E61149" s="1" t="s">
        <v>12122</v>
      </c>
      <c r="F61149" s="1" t="s">
        <v>204894</v>
      </c>
      <c r="G61149" s="1" t="s">
        <v>204827</v>
      </c>
      <c r="H61149" s="1" t="s">
        <v>204828</v>
      </c>
      <c r="I61149" s="1" t="s">
        <v>201500</v>
      </c>
      <c r="J61149" s="1" t="s">
        <v>204895</v>
      </c>
    </row>
    <row r="61150" spans="1:10" x14ac:dyDescent="0.35">
      <c r="A61150" s="1" t="s">
        <v>25989</v>
      </c>
      <c r="B61150" s="1" t="s">
        <v>201495</v>
      </c>
      <c r="C61150" s="1" t="s">
        <v>170</v>
      </c>
      <c r="D61150" s="1" t="s">
        <v>204896</v>
      </c>
      <c r="E61150" s="1" t="s">
        <v>12208</v>
      </c>
      <c r="F61150" s="1" t="s">
        <v>204897</v>
      </c>
      <c r="G61150" s="1" t="s">
        <v>204827</v>
      </c>
      <c r="H61150" s="1" t="s">
        <v>204828</v>
      </c>
      <c r="I61150" s="1" t="s">
        <v>201500</v>
      </c>
      <c r="J61150" s="1" t="s">
        <v>131482</v>
      </c>
    </row>
    <row r="61151" spans="1:10" x14ac:dyDescent="0.35">
      <c r="A61151" s="1" t="s">
        <v>121084</v>
      </c>
      <c r="B61151" s="1" t="s">
        <v>201495</v>
      </c>
      <c r="C61151" s="1" t="s">
        <v>8</v>
      </c>
      <c r="D61151" s="1" t="s">
        <v>15591</v>
      </c>
      <c r="E61151" s="1" t="s">
        <v>204898</v>
      </c>
      <c r="F61151" s="1" t="s">
        <v>204899</v>
      </c>
      <c r="G61151" s="1" t="s">
        <v>204900</v>
      </c>
      <c r="H61151" s="1" t="s">
        <v>204901</v>
      </c>
      <c r="I61151" s="1" t="s">
        <v>201500</v>
      </c>
      <c r="J61151" s="1" t="s">
        <v>13</v>
      </c>
    </row>
    <row r="61152" spans="1:10" x14ac:dyDescent="0.35">
      <c r="A61152" s="1" t="s">
        <v>121084</v>
      </c>
      <c r="B61152" s="1" t="s">
        <v>201495</v>
      </c>
      <c r="C61152" s="1" t="s">
        <v>15</v>
      </c>
      <c r="D61152" s="1" t="s">
        <v>204902</v>
      </c>
      <c r="E61152" s="1" t="s">
        <v>204903</v>
      </c>
      <c r="F61152" s="1" t="s">
        <v>204904</v>
      </c>
      <c r="G61152" s="1" t="s">
        <v>204900</v>
      </c>
      <c r="H61152" s="1" t="s">
        <v>204901</v>
      </c>
      <c r="I61152" s="1" t="s">
        <v>201500</v>
      </c>
      <c r="J61152" s="1" t="s">
        <v>204905</v>
      </c>
    </row>
    <row r="61153" spans="1:10" x14ac:dyDescent="0.35">
      <c r="A61153" s="1" t="s">
        <v>121084</v>
      </c>
      <c r="B61153" s="1" t="s">
        <v>201495</v>
      </c>
      <c r="C61153" s="1" t="s">
        <v>20</v>
      </c>
      <c r="D61153" s="1" t="s">
        <v>204906</v>
      </c>
      <c r="E61153" s="1" t="s">
        <v>204907</v>
      </c>
      <c r="F61153" s="1" t="s">
        <v>204908</v>
      </c>
      <c r="G61153" s="1" t="s">
        <v>204900</v>
      </c>
      <c r="H61153" s="1" t="s">
        <v>204901</v>
      </c>
      <c r="I61153" s="1" t="s">
        <v>201500</v>
      </c>
      <c r="J61153" s="1" t="s">
        <v>204909</v>
      </c>
    </row>
    <row r="61154" spans="1:10" x14ac:dyDescent="0.35">
      <c r="A61154" s="1" t="s">
        <v>121084</v>
      </c>
      <c r="B61154" s="1" t="s">
        <v>201495</v>
      </c>
      <c r="C61154" s="1" t="s">
        <v>25</v>
      </c>
      <c r="D61154" s="1" t="s">
        <v>204910</v>
      </c>
      <c r="E61154" s="1" t="s">
        <v>204911</v>
      </c>
      <c r="F61154" s="1" t="s">
        <v>204912</v>
      </c>
      <c r="G61154" s="1" t="s">
        <v>204900</v>
      </c>
      <c r="H61154" s="1" t="s">
        <v>204901</v>
      </c>
      <c r="I61154" s="1" t="s">
        <v>201500</v>
      </c>
      <c r="J61154" s="1" t="s">
        <v>204913</v>
      </c>
    </row>
    <row r="61155" spans="1:10" x14ac:dyDescent="0.35">
      <c r="A61155" s="1" t="s">
        <v>121084</v>
      </c>
      <c r="B61155" s="1" t="s">
        <v>201495</v>
      </c>
      <c r="C61155" s="1" t="s">
        <v>30</v>
      </c>
      <c r="D61155" s="1" t="s">
        <v>204914</v>
      </c>
      <c r="E61155" s="1" t="s">
        <v>204915</v>
      </c>
      <c r="F61155" s="1" t="s">
        <v>204916</v>
      </c>
      <c r="G61155" s="1" t="s">
        <v>204900</v>
      </c>
      <c r="H61155" s="1" t="s">
        <v>204901</v>
      </c>
      <c r="I61155" s="1" t="s">
        <v>201500</v>
      </c>
      <c r="J61155" s="1" t="s">
        <v>204917</v>
      </c>
    </row>
    <row r="61156" spans="1:10" x14ac:dyDescent="0.35">
      <c r="A61156" s="1" t="s">
        <v>121084</v>
      </c>
      <c r="B61156" s="1" t="s">
        <v>201495</v>
      </c>
      <c r="C61156" s="1" t="s">
        <v>35</v>
      </c>
      <c r="D61156" s="1" t="s">
        <v>38175</v>
      </c>
      <c r="E61156" s="1" t="s">
        <v>204918</v>
      </c>
      <c r="F61156" s="1" t="s">
        <v>204919</v>
      </c>
      <c r="G61156" s="1" t="s">
        <v>204900</v>
      </c>
      <c r="H61156" s="1" t="s">
        <v>204901</v>
      </c>
      <c r="I61156" s="1" t="s">
        <v>201500</v>
      </c>
      <c r="J61156" s="1" t="s">
        <v>204920</v>
      </c>
    </row>
    <row r="61157" spans="1:10" x14ac:dyDescent="0.35">
      <c r="A61157" s="1" t="s">
        <v>121084</v>
      </c>
      <c r="B61157" s="1" t="s">
        <v>201495</v>
      </c>
      <c r="C61157" s="1" t="s">
        <v>40</v>
      </c>
      <c r="D61157" s="1" t="s">
        <v>204921</v>
      </c>
      <c r="E61157" s="1" t="s">
        <v>204922</v>
      </c>
      <c r="F61157" s="1" t="s">
        <v>204923</v>
      </c>
      <c r="G61157" s="1" t="s">
        <v>204900</v>
      </c>
      <c r="H61157" s="1" t="s">
        <v>204901</v>
      </c>
      <c r="I61157" s="1" t="s">
        <v>201500</v>
      </c>
      <c r="J61157" s="1" t="s">
        <v>204924</v>
      </c>
    </row>
    <row r="61158" spans="1:10" x14ac:dyDescent="0.35">
      <c r="A61158" s="1" t="s">
        <v>121084</v>
      </c>
      <c r="B61158" s="1" t="s">
        <v>201495</v>
      </c>
      <c r="C61158" s="1" t="s">
        <v>45</v>
      </c>
      <c r="D61158" s="1" t="s">
        <v>204925</v>
      </c>
      <c r="E61158" s="1" t="s">
        <v>204926</v>
      </c>
      <c r="F61158" s="1" t="s">
        <v>204927</v>
      </c>
      <c r="G61158" s="1" t="s">
        <v>204900</v>
      </c>
      <c r="H61158" s="1" t="s">
        <v>204901</v>
      </c>
      <c r="I61158" s="1" t="s">
        <v>201500</v>
      </c>
      <c r="J61158" s="1" t="s">
        <v>204928</v>
      </c>
    </row>
    <row r="61159" spans="1:10" x14ac:dyDescent="0.35">
      <c r="A61159" s="1" t="s">
        <v>121084</v>
      </c>
      <c r="B61159" s="1" t="s">
        <v>201495</v>
      </c>
      <c r="C61159" s="1" t="s">
        <v>50</v>
      </c>
      <c r="D61159" s="1" t="s">
        <v>37550</v>
      </c>
      <c r="E61159" s="1" t="s">
        <v>204929</v>
      </c>
      <c r="F61159" s="1" t="s">
        <v>204930</v>
      </c>
      <c r="G61159" s="1" t="s">
        <v>204900</v>
      </c>
      <c r="H61159" s="1" t="s">
        <v>204901</v>
      </c>
      <c r="I61159" s="1" t="s">
        <v>201500</v>
      </c>
      <c r="J61159" s="1" t="s">
        <v>204931</v>
      </c>
    </row>
    <row r="61160" spans="1:10" x14ac:dyDescent="0.35">
      <c r="A61160" s="1" t="s">
        <v>121084</v>
      </c>
      <c r="B61160" s="1" t="s">
        <v>201495</v>
      </c>
      <c r="C61160" s="1" t="s">
        <v>55</v>
      </c>
      <c r="D61160" s="1" t="s">
        <v>25766</v>
      </c>
      <c r="E61160" s="1" t="s">
        <v>204932</v>
      </c>
      <c r="F61160" s="1" t="s">
        <v>204933</v>
      </c>
      <c r="G61160" s="1" t="s">
        <v>204900</v>
      </c>
      <c r="H61160" s="1" t="s">
        <v>204901</v>
      </c>
      <c r="I61160" s="1" t="s">
        <v>201500</v>
      </c>
      <c r="J61160" s="1" t="s">
        <v>204934</v>
      </c>
    </row>
    <row r="61161" spans="1:10" x14ac:dyDescent="0.35">
      <c r="A61161" s="1" t="s">
        <v>121084</v>
      </c>
      <c r="B61161" s="1" t="s">
        <v>201495</v>
      </c>
      <c r="C61161" s="1" t="s">
        <v>60</v>
      </c>
      <c r="D61161" s="1" t="s">
        <v>49519</v>
      </c>
      <c r="E61161" s="1" t="s">
        <v>204935</v>
      </c>
      <c r="F61161" s="1" t="s">
        <v>204936</v>
      </c>
      <c r="G61161" s="1" t="s">
        <v>204900</v>
      </c>
      <c r="H61161" s="1" t="s">
        <v>204901</v>
      </c>
      <c r="I61161" s="1" t="s">
        <v>201500</v>
      </c>
      <c r="J61161" s="1" t="s">
        <v>204937</v>
      </c>
    </row>
    <row r="61162" spans="1:10" x14ac:dyDescent="0.35">
      <c r="A61162" s="1" t="s">
        <v>121084</v>
      </c>
      <c r="B61162" s="1" t="s">
        <v>201495</v>
      </c>
      <c r="C61162" s="1" t="s">
        <v>65</v>
      </c>
      <c r="D61162" s="1" t="s">
        <v>204938</v>
      </c>
      <c r="E61162" s="1" t="s">
        <v>204939</v>
      </c>
      <c r="F61162" s="1" t="s">
        <v>204940</v>
      </c>
      <c r="G61162" s="1" t="s">
        <v>204900</v>
      </c>
      <c r="H61162" s="1" t="s">
        <v>204901</v>
      </c>
      <c r="I61162" s="1" t="s">
        <v>201500</v>
      </c>
      <c r="J61162" s="1" t="s">
        <v>204941</v>
      </c>
    </row>
    <row r="61163" spans="1:10" x14ac:dyDescent="0.35">
      <c r="A61163" s="1" t="s">
        <v>121084</v>
      </c>
      <c r="B61163" s="1" t="s">
        <v>201495</v>
      </c>
      <c r="C61163" s="1" t="s">
        <v>70</v>
      </c>
      <c r="D61163" s="1" t="s">
        <v>37470</v>
      </c>
      <c r="E61163" s="1" t="s">
        <v>204942</v>
      </c>
      <c r="F61163" s="1" t="s">
        <v>204943</v>
      </c>
      <c r="G61163" s="1" t="s">
        <v>204900</v>
      </c>
      <c r="H61163" s="1" t="s">
        <v>204901</v>
      </c>
      <c r="I61163" s="1" t="s">
        <v>201500</v>
      </c>
      <c r="J61163" s="1" t="s">
        <v>204944</v>
      </c>
    </row>
    <row r="61164" spans="1:10" x14ac:dyDescent="0.35">
      <c r="A61164" s="1" t="s">
        <v>121084</v>
      </c>
      <c r="B61164" s="1" t="s">
        <v>201495</v>
      </c>
      <c r="C61164" s="1" t="s">
        <v>75</v>
      </c>
      <c r="D61164" s="1" t="s">
        <v>204945</v>
      </c>
      <c r="E61164" s="1" t="s">
        <v>204946</v>
      </c>
      <c r="F61164" s="1" t="s">
        <v>204947</v>
      </c>
      <c r="G61164" s="1" t="s">
        <v>204900</v>
      </c>
      <c r="H61164" s="1" t="s">
        <v>204901</v>
      </c>
      <c r="I61164" s="1" t="s">
        <v>201500</v>
      </c>
      <c r="J61164" s="1" t="s">
        <v>204948</v>
      </c>
    </row>
    <row r="61165" spans="1:10" x14ac:dyDescent="0.35">
      <c r="A61165" s="1" t="s">
        <v>121084</v>
      </c>
      <c r="B61165" s="1" t="s">
        <v>201495</v>
      </c>
      <c r="C61165" s="1" t="s">
        <v>80</v>
      </c>
      <c r="D61165" s="1" t="s">
        <v>141763</v>
      </c>
      <c r="E61165" s="1" t="s">
        <v>204949</v>
      </c>
      <c r="F61165" s="1" t="s">
        <v>204950</v>
      </c>
      <c r="G61165" s="1" t="s">
        <v>204900</v>
      </c>
      <c r="H61165" s="1" t="s">
        <v>204901</v>
      </c>
      <c r="I61165" s="1" t="s">
        <v>201500</v>
      </c>
      <c r="J61165" s="1" t="s">
        <v>204951</v>
      </c>
    </row>
    <row r="61166" spans="1:10" x14ac:dyDescent="0.35">
      <c r="A61166" s="1" t="s">
        <v>121084</v>
      </c>
      <c r="B61166" s="1" t="s">
        <v>201495</v>
      </c>
      <c r="C61166" s="1" t="s">
        <v>85</v>
      </c>
      <c r="D61166" s="1" t="s">
        <v>16027</v>
      </c>
      <c r="E61166" s="1" t="s">
        <v>204952</v>
      </c>
      <c r="F61166" s="1" t="s">
        <v>204953</v>
      </c>
      <c r="G61166" s="1" t="s">
        <v>204900</v>
      </c>
      <c r="H61166" s="1" t="s">
        <v>204901</v>
      </c>
      <c r="I61166" s="1" t="s">
        <v>201500</v>
      </c>
      <c r="J61166" s="1" t="s">
        <v>204954</v>
      </c>
    </row>
    <row r="61167" spans="1:10" x14ac:dyDescent="0.35">
      <c r="A61167" s="1" t="s">
        <v>121084</v>
      </c>
      <c r="B61167" s="1" t="s">
        <v>201495</v>
      </c>
      <c r="C61167" s="1" t="s">
        <v>90</v>
      </c>
      <c r="D61167" s="1" t="s">
        <v>123510</v>
      </c>
      <c r="E61167" s="1" t="s">
        <v>204955</v>
      </c>
      <c r="F61167" s="1" t="s">
        <v>204956</v>
      </c>
      <c r="G61167" s="1" t="s">
        <v>204900</v>
      </c>
      <c r="H61167" s="1" t="s">
        <v>204901</v>
      </c>
      <c r="I61167" s="1" t="s">
        <v>201500</v>
      </c>
      <c r="J61167" s="1" t="s">
        <v>204957</v>
      </c>
    </row>
    <row r="61168" spans="1:10" x14ac:dyDescent="0.35">
      <c r="A61168" s="1" t="s">
        <v>121084</v>
      </c>
      <c r="B61168" s="1" t="s">
        <v>201495</v>
      </c>
      <c r="C61168" s="1" t="s">
        <v>95</v>
      </c>
      <c r="D61168" s="1" t="s">
        <v>5074</v>
      </c>
      <c r="E61168" s="1" t="s">
        <v>204958</v>
      </c>
      <c r="F61168" s="1" t="s">
        <v>204959</v>
      </c>
      <c r="G61168" s="1" t="s">
        <v>204900</v>
      </c>
      <c r="H61168" s="1" t="s">
        <v>204901</v>
      </c>
      <c r="I61168" s="1" t="s">
        <v>201500</v>
      </c>
      <c r="J61168" s="1" t="s">
        <v>204960</v>
      </c>
    </row>
    <row r="61169" spans="1:10" x14ac:dyDescent="0.35">
      <c r="A61169" s="1" t="s">
        <v>121084</v>
      </c>
      <c r="B61169" s="1" t="s">
        <v>201495</v>
      </c>
      <c r="C61169" s="1" t="s">
        <v>100</v>
      </c>
      <c r="D61169" s="1" t="s">
        <v>31968</v>
      </c>
      <c r="E61169" s="1" t="s">
        <v>204961</v>
      </c>
      <c r="F61169" s="1" t="s">
        <v>204962</v>
      </c>
      <c r="G61169" s="1" t="s">
        <v>204900</v>
      </c>
      <c r="H61169" s="1" t="s">
        <v>204901</v>
      </c>
      <c r="I61169" s="1" t="s">
        <v>201500</v>
      </c>
      <c r="J61169" s="1" t="s">
        <v>204963</v>
      </c>
    </row>
    <row r="61170" spans="1:10" x14ac:dyDescent="0.35">
      <c r="A61170" s="1" t="s">
        <v>121084</v>
      </c>
      <c r="B61170" s="1" t="s">
        <v>201495</v>
      </c>
      <c r="C61170" s="1" t="s">
        <v>105</v>
      </c>
      <c r="D61170" s="1" t="s">
        <v>120398</v>
      </c>
      <c r="E61170" s="1" t="s">
        <v>204964</v>
      </c>
      <c r="F61170" s="1" t="s">
        <v>204965</v>
      </c>
      <c r="G61170" s="1" t="s">
        <v>204900</v>
      </c>
      <c r="H61170" s="1" t="s">
        <v>204901</v>
      </c>
      <c r="I61170" s="1" t="s">
        <v>201500</v>
      </c>
      <c r="J61170" s="1" t="s">
        <v>204966</v>
      </c>
    </row>
    <row r="61171" spans="1:10" x14ac:dyDescent="0.35">
      <c r="A61171" s="1" t="s">
        <v>121084</v>
      </c>
      <c r="B61171" s="1" t="s">
        <v>201495</v>
      </c>
      <c r="C61171" s="1" t="s">
        <v>110</v>
      </c>
      <c r="D61171" s="1" t="s">
        <v>188894</v>
      </c>
      <c r="E61171" s="1" t="s">
        <v>204967</v>
      </c>
      <c r="F61171" s="1" t="s">
        <v>204968</v>
      </c>
      <c r="G61171" s="1" t="s">
        <v>204900</v>
      </c>
      <c r="H61171" s="1" t="s">
        <v>204901</v>
      </c>
      <c r="I61171" s="1" t="s">
        <v>201500</v>
      </c>
      <c r="J61171" s="1" t="s">
        <v>204969</v>
      </c>
    </row>
    <row r="61172" spans="1:10" x14ac:dyDescent="0.35">
      <c r="A61172" s="1" t="s">
        <v>121084</v>
      </c>
      <c r="B61172" s="1" t="s">
        <v>201495</v>
      </c>
      <c r="C61172" s="1" t="s">
        <v>115</v>
      </c>
      <c r="D61172" s="1" t="s">
        <v>173288</v>
      </c>
      <c r="E61172" s="1" t="s">
        <v>204970</v>
      </c>
      <c r="F61172" s="1" t="s">
        <v>204971</v>
      </c>
      <c r="G61172" s="1" t="s">
        <v>204900</v>
      </c>
      <c r="H61172" s="1" t="s">
        <v>204901</v>
      </c>
      <c r="I61172" s="1" t="s">
        <v>201500</v>
      </c>
      <c r="J61172" s="1" t="s">
        <v>204972</v>
      </c>
    </row>
    <row r="61173" spans="1:10" x14ac:dyDescent="0.35">
      <c r="A61173" s="1" t="s">
        <v>121084</v>
      </c>
      <c r="B61173" s="1" t="s">
        <v>201495</v>
      </c>
      <c r="C61173" s="1" t="s">
        <v>120</v>
      </c>
      <c r="D61173" s="1" t="s">
        <v>30933</v>
      </c>
      <c r="E61173" s="1" t="s">
        <v>204973</v>
      </c>
      <c r="F61173" s="1" t="s">
        <v>204974</v>
      </c>
      <c r="G61173" s="1" t="s">
        <v>204900</v>
      </c>
      <c r="H61173" s="1" t="s">
        <v>204901</v>
      </c>
      <c r="I61173" s="1" t="s">
        <v>201500</v>
      </c>
      <c r="J61173" s="1" t="s">
        <v>204975</v>
      </c>
    </row>
    <row r="61174" spans="1:10" x14ac:dyDescent="0.35">
      <c r="A61174" s="1" t="s">
        <v>121084</v>
      </c>
      <c r="B61174" s="1" t="s">
        <v>201495</v>
      </c>
      <c r="C61174" s="1" t="s">
        <v>125</v>
      </c>
      <c r="D61174" s="1" t="s">
        <v>204976</v>
      </c>
      <c r="E61174" s="1" t="s">
        <v>204977</v>
      </c>
      <c r="F61174" s="1" t="s">
        <v>204978</v>
      </c>
      <c r="G61174" s="1" t="s">
        <v>204900</v>
      </c>
      <c r="H61174" s="1" t="s">
        <v>204901</v>
      </c>
      <c r="I61174" s="1" t="s">
        <v>201500</v>
      </c>
      <c r="J61174" s="1" t="s">
        <v>204979</v>
      </c>
    </row>
    <row r="61175" spans="1:10" x14ac:dyDescent="0.35">
      <c r="A61175" s="1" t="s">
        <v>121084</v>
      </c>
      <c r="B61175" s="1" t="s">
        <v>201495</v>
      </c>
      <c r="C61175" s="1" t="s">
        <v>130</v>
      </c>
      <c r="D61175" s="1" t="s">
        <v>176928</v>
      </c>
      <c r="E61175" s="1" t="s">
        <v>204980</v>
      </c>
      <c r="F61175" s="1" t="s">
        <v>204981</v>
      </c>
      <c r="G61175" s="1" t="s">
        <v>204900</v>
      </c>
      <c r="H61175" s="1" t="s">
        <v>204901</v>
      </c>
      <c r="I61175" s="1" t="s">
        <v>201500</v>
      </c>
      <c r="J61175" s="1" t="s">
        <v>204982</v>
      </c>
    </row>
    <row r="61176" spans="1:10" x14ac:dyDescent="0.35">
      <c r="A61176" s="1" t="s">
        <v>121084</v>
      </c>
      <c r="B61176" s="1" t="s">
        <v>201495</v>
      </c>
      <c r="C61176" s="1" t="s">
        <v>135</v>
      </c>
      <c r="D61176" s="1" t="s">
        <v>204983</v>
      </c>
      <c r="E61176" s="1" t="s">
        <v>204984</v>
      </c>
      <c r="F61176" s="1" t="s">
        <v>204985</v>
      </c>
      <c r="G61176" s="1" t="s">
        <v>204900</v>
      </c>
      <c r="H61176" s="1" t="s">
        <v>204901</v>
      </c>
      <c r="I61176" s="1" t="s">
        <v>201500</v>
      </c>
      <c r="J61176" s="1" t="s">
        <v>204986</v>
      </c>
    </row>
    <row r="61177" spans="1:10" x14ac:dyDescent="0.35">
      <c r="A61177" s="1" t="s">
        <v>121084</v>
      </c>
      <c r="B61177" s="1" t="s">
        <v>201495</v>
      </c>
      <c r="C61177" s="1" t="s">
        <v>140</v>
      </c>
      <c r="D61177" s="1" t="s">
        <v>204987</v>
      </c>
      <c r="E61177" s="1" t="s">
        <v>204988</v>
      </c>
      <c r="F61177" s="1" t="s">
        <v>204989</v>
      </c>
      <c r="G61177" s="1" t="s">
        <v>204900</v>
      </c>
      <c r="H61177" s="1" t="s">
        <v>204901</v>
      </c>
      <c r="I61177" s="1" t="s">
        <v>201500</v>
      </c>
      <c r="J61177" s="1" t="s">
        <v>204990</v>
      </c>
    </row>
    <row r="61178" spans="1:10" x14ac:dyDescent="0.35">
      <c r="A61178" s="1" t="s">
        <v>121084</v>
      </c>
      <c r="B61178" s="1" t="s">
        <v>201495</v>
      </c>
      <c r="C61178" s="1" t="s">
        <v>145</v>
      </c>
      <c r="D61178" s="1" t="s">
        <v>204991</v>
      </c>
      <c r="E61178" s="1" t="s">
        <v>204992</v>
      </c>
      <c r="F61178" s="1" t="s">
        <v>204993</v>
      </c>
      <c r="G61178" s="1" t="s">
        <v>204900</v>
      </c>
      <c r="H61178" s="1" t="s">
        <v>204901</v>
      </c>
      <c r="I61178" s="1" t="s">
        <v>201500</v>
      </c>
      <c r="J61178" s="1" t="s">
        <v>204994</v>
      </c>
    </row>
    <row r="61179" spans="1:10" x14ac:dyDescent="0.35">
      <c r="A61179" s="1" t="s">
        <v>121084</v>
      </c>
      <c r="B61179" s="1" t="s">
        <v>201495</v>
      </c>
      <c r="C61179" s="1" t="s">
        <v>150</v>
      </c>
      <c r="D61179" s="1" t="s">
        <v>204995</v>
      </c>
      <c r="E61179" s="1" t="s">
        <v>204996</v>
      </c>
      <c r="F61179" s="1" t="s">
        <v>204997</v>
      </c>
      <c r="G61179" s="1" t="s">
        <v>204900</v>
      </c>
      <c r="H61179" s="1" t="s">
        <v>204901</v>
      </c>
      <c r="I61179" s="1" t="s">
        <v>201500</v>
      </c>
      <c r="J61179" s="1" t="s">
        <v>204998</v>
      </c>
    </row>
    <row r="61180" spans="1:10" x14ac:dyDescent="0.35">
      <c r="A61180" s="1" t="s">
        <v>121084</v>
      </c>
      <c r="B61180" s="1" t="s">
        <v>201495</v>
      </c>
      <c r="C61180" s="1" t="s">
        <v>155</v>
      </c>
      <c r="D61180" s="1" t="s">
        <v>153346</v>
      </c>
      <c r="E61180" s="1" t="s">
        <v>204999</v>
      </c>
      <c r="F61180" s="1" t="s">
        <v>205000</v>
      </c>
      <c r="G61180" s="1" t="s">
        <v>204900</v>
      </c>
      <c r="H61180" s="1" t="s">
        <v>204901</v>
      </c>
      <c r="I61180" s="1" t="s">
        <v>201500</v>
      </c>
      <c r="J61180" s="1" t="s">
        <v>205001</v>
      </c>
    </row>
    <row r="61181" spans="1:10" x14ac:dyDescent="0.35">
      <c r="A61181" s="1" t="s">
        <v>121084</v>
      </c>
      <c r="B61181" s="1" t="s">
        <v>201495</v>
      </c>
      <c r="C61181" s="1" t="s">
        <v>160</v>
      </c>
      <c r="D61181" s="1" t="s">
        <v>13561</v>
      </c>
      <c r="E61181" s="1" t="s">
        <v>205002</v>
      </c>
      <c r="F61181" s="1" t="s">
        <v>205003</v>
      </c>
      <c r="G61181" s="1" t="s">
        <v>204900</v>
      </c>
      <c r="H61181" s="1" t="s">
        <v>204901</v>
      </c>
      <c r="I61181" s="1" t="s">
        <v>201500</v>
      </c>
      <c r="J61181" s="1" t="s">
        <v>205004</v>
      </c>
    </row>
    <row r="61182" spans="1:10" x14ac:dyDescent="0.35">
      <c r="A61182" s="1" t="s">
        <v>121084</v>
      </c>
      <c r="B61182" s="1" t="s">
        <v>201495</v>
      </c>
      <c r="C61182" s="1" t="s">
        <v>165</v>
      </c>
      <c r="D61182" s="1" t="s">
        <v>9063</v>
      </c>
      <c r="E61182" s="1" t="s">
        <v>205005</v>
      </c>
      <c r="F61182" s="1" t="s">
        <v>205006</v>
      </c>
      <c r="G61182" s="1" t="s">
        <v>204900</v>
      </c>
      <c r="H61182" s="1" t="s">
        <v>204901</v>
      </c>
      <c r="I61182" s="1" t="s">
        <v>201500</v>
      </c>
      <c r="J61182" s="1" t="s">
        <v>205007</v>
      </c>
    </row>
    <row r="61183" spans="1:10" x14ac:dyDescent="0.35">
      <c r="A61183" s="1" t="s">
        <v>121084</v>
      </c>
      <c r="B61183" s="1" t="s">
        <v>201495</v>
      </c>
      <c r="C61183" s="1" t="s">
        <v>170</v>
      </c>
      <c r="D61183" s="1" t="s">
        <v>43686</v>
      </c>
      <c r="E61183" s="1" t="s">
        <v>205008</v>
      </c>
      <c r="F61183" s="1" t="s">
        <v>205009</v>
      </c>
      <c r="G61183" s="1" t="s">
        <v>204900</v>
      </c>
      <c r="H61183" s="1" t="s">
        <v>204901</v>
      </c>
      <c r="I61183" s="1" t="s">
        <v>201500</v>
      </c>
      <c r="J61183" s="1" t="s">
        <v>205010</v>
      </c>
    </row>
    <row r="61184" spans="1:10" x14ac:dyDescent="0.35">
      <c r="A61184" s="1" t="s">
        <v>143069</v>
      </c>
      <c r="B61184" s="1" t="s">
        <v>201495</v>
      </c>
      <c r="C61184" s="1" t="s">
        <v>8</v>
      </c>
      <c r="D61184" s="1" t="s">
        <v>30233</v>
      </c>
      <c r="E61184" s="1" t="s">
        <v>205011</v>
      </c>
      <c r="F61184" s="1" t="s">
        <v>205012</v>
      </c>
      <c r="G61184" s="1" t="s">
        <v>205013</v>
      </c>
      <c r="H61184" s="1" t="s">
        <v>205014</v>
      </c>
      <c r="I61184" s="1" t="s">
        <v>201500</v>
      </c>
      <c r="J61184" s="1" t="s">
        <v>13</v>
      </c>
    </row>
    <row r="61185" spans="1:10" x14ac:dyDescent="0.35">
      <c r="A61185" s="1" t="s">
        <v>143069</v>
      </c>
      <c r="B61185" s="1" t="s">
        <v>201495</v>
      </c>
      <c r="C61185" s="1" t="s">
        <v>15</v>
      </c>
      <c r="D61185" s="1" t="s">
        <v>205015</v>
      </c>
      <c r="E61185" s="1" t="s">
        <v>205016</v>
      </c>
      <c r="F61185" s="1" t="s">
        <v>205017</v>
      </c>
      <c r="G61185" s="1" t="s">
        <v>205013</v>
      </c>
      <c r="H61185" s="1" t="s">
        <v>205014</v>
      </c>
      <c r="I61185" s="1" t="s">
        <v>201500</v>
      </c>
      <c r="J61185" s="1" t="s">
        <v>205018</v>
      </c>
    </row>
    <row r="61186" spans="1:10" x14ac:dyDescent="0.35">
      <c r="A61186" s="1" t="s">
        <v>143069</v>
      </c>
      <c r="B61186" s="1" t="s">
        <v>201495</v>
      </c>
      <c r="C61186" s="1" t="s">
        <v>20</v>
      </c>
      <c r="D61186" s="1" t="s">
        <v>10693</v>
      </c>
      <c r="E61186" s="1" t="s">
        <v>205019</v>
      </c>
      <c r="F61186" s="1" t="s">
        <v>205020</v>
      </c>
      <c r="G61186" s="1" t="s">
        <v>205013</v>
      </c>
      <c r="H61186" s="1" t="s">
        <v>205014</v>
      </c>
      <c r="I61186" s="1" t="s">
        <v>201500</v>
      </c>
      <c r="J61186" s="1" t="s">
        <v>205021</v>
      </c>
    </row>
    <row r="61187" spans="1:10" x14ac:dyDescent="0.35">
      <c r="A61187" s="1" t="s">
        <v>143069</v>
      </c>
      <c r="B61187" s="1" t="s">
        <v>201495</v>
      </c>
      <c r="C61187" s="1" t="s">
        <v>25</v>
      </c>
      <c r="D61187" s="1" t="s">
        <v>173027</v>
      </c>
      <c r="E61187" s="1" t="s">
        <v>205022</v>
      </c>
      <c r="F61187" s="1" t="s">
        <v>205023</v>
      </c>
      <c r="G61187" s="1" t="s">
        <v>205013</v>
      </c>
      <c r="H61187" s="1" t="s">
        <v>205014</v>
      </c>
      <c r="I61187" s="1" t="s">
        <v>201500</v>
      </c>
      <c r="J61187" s="1" t="s">
        <v>205024</v>
      </c>
    </row>
    <row r="61188" spans="1:10" x14ac:dyDescent="0.35">
      <c r="A61188" s="1" t="s">
        <v>143069</v>
      </c>
      <c r="B61188" s="1" t="s">
        <v>201495</v>
      </c>
      <c r="C61188" s="1" t="s">
        <v>30</v>
      </c>
      <c r="D61188" s="1" t="s">
        <v>74877</v>
      </c>
      <c r="E61188" s="1" t="s">
        <v>205025</v>
      </c>
      <c r="F61188" s="1" t="s">
        <v>205026</v>
      </c>
      <c r="G61188" s="1" t="s">
        <v>205013</v>
      </c>
      <c r="H61188" s="1" t="s">
        <v>205014</v>
      </c>
      <c r="I61188" s="1" t="s">
        <v>201500</v>
      </c>
      <c r="J61188" s="1" t="s">
        <v>205027</v>
      </c>
    </row>
    <row r="61189" spans="1:10" x14ac:dyDescent="0.35">
      <c r="A61189" s="1" t="s">
        <v>143069</v>
      </c>
      <c r="B61189" s="1" t="s">
        <v>201495</v>
      </c>
      <c r="C61189" s="1" t="s">
        <v>35</v>
      </c>
      <c r="D61189" s="1" t="s">
        <v>188785</v>
      </c>
      <c r="E61189" s="1" t="s">
        <v>205028</v>
      </c>
      <c r="F61189" s="1" t="s">
        <v>205029</v>
      </c>
      <c r="G61189" s="1" t="s">
        <v>205013</v>
      </c>
      <c r="H61189" s="1" t="s">
        <v>205014</v>
      </c>
      <c r="I61189" s="1" t="s">
        <v>201500</v>
      </c>
      <c r="J61189" s="1" t="s">
        <v>205030</v>
      </c>
    </row>
    <row r="61190" spans="1:10" x14ac:dyDescent="0.35">
      <c r="A61190" s="1" t="s">
        <v>143069</v>
      </c>
      <c r="B61190" s="1" t="s">
        <v>201495</v>
      </c>
      <c r="C61190" s="1" t="s">
        <v>40</v>
      </c>
      <c r="D61190" s="1" t="s">
        <v>75062</v>
      </c>
      <c r="E61190" s="1" t="s">
        <v>205031</v>
      </c>
      <c r="F61190" s="1" t="s">
        <v>205032</v>
      </c>
      <c r="G61190" s="1" t="s">
        <v>205013</v>
      </c>
      <c r="H61190" s="1" t="s">
        <v>205014</v>
      </c>
      <c r="I61190" s="1" t="s">
        <v>201500</v>
      </c>
      <c r="J61190" s="1" t="s">
        <v>205033</v>
      </c>
    </row>
    <row r="61191" spans="1:10" x14ac:dyDescent="0.35">
      <c r="A61191" s="1" t="s">
        <v>143069</v>
      </c>
      <c r="B61191" s="1" t="s">
        <v>201495</v>
      </c>
      <c r="C61191" s="1" t="s">
        <v>45</v>
      </c>
      <c r="D61191" s="1" t="s">
        <v>73357</v>
      </c>
      <c r="E61191" s="1" t="s">
        <v>205034</v>
      </c>
      <c r="F61191" s="1" t="s">
        <v>205035</v>
      </c>
      <c r="G61191" s="1" t="s">
        <v>205013</v>
      </c>
      <c r="H61191" s="1" t="s">
        <v>205014</v>
      </c>
      <c r="I61191" s="1" t="s">
        <v>201500</v>
      </c>
      <c r="J61191" s="1" t="s">
        <v>205036</v>
      </c>
    </row>
    <row r="61192" spans="1:10" x14ac:dyDescent="0.35">
      <c r="A61192" s="1" t="s">
        <v>143069</v>
      </c>
      <c r="B61192" s="1" t="s">
        <v>201495</v>
      </c>
      <c r="C61192" s="1" t="s">
        <v>50</v>
      </c>
      <c r="D61192" s="1" t="s">
        <v>13083</v>
      </c>
      <c r="E61192" s="1" t="s">
        <v>205037</v>
      </c>
      <c r="F61192" s="1" t="s">
        <v>205038</v>
      </c>
      <c r="G61192" s="1" t="s">
        <v>205013</v>
      </c>
      <c r="H61192" s="1" t="s">
        <v>205014</v>
      </c>
      <c r="I61192" s="1" t="s">
        <v>201500</v>
      </c>
      <c r="J61192" s="1" t="s">
        <v>205039</v>
      </c>
    </row>
    <row r="61193" spans="1:10" x14ac:dyDescent="0.35">
      <c r="A61193" s="1" t="s">
        <v>143069</v>
      </c>
      <c r="B61193" s="1" t="s">
        <v>201495</v>
      </c>
      <c r="C61193" s="1" t="s">
        <v>55</v>
      </c>
      <c r="D61193" s="1" t="s">
        <v>205040</v>
      </c>
      <c r="E61193" s="1" t="s">
        <v>205041</v>
      </c>
      <c r="F61193" s="1" t="s">
        <v>205042</v>
      </c>
      <c r="G61193" s="1" t="s">
        <v>205013</v>
      </c>
      <c r="H61193" s="1" t="s">
        <v>205014</v>
      </c>
      <c r="I61193" s="1" t="s">
        <v>201500</v>
      </c>
      <c r="J61193" s="1" t="s">
        <v>205043</v>
      </c>
    </row>
    <row r="61194" spans="1:10" x14ac:dyDescent="0.35">
      <c r="A61194" s="1" t="s">
        <v>143069</v>
      </c>
      <c r="B61194" s="1" t="s">
        <v>201495</v>
      </c>
      <c r="C61194" s="1" t="s">
        <v>60</v>
      </c>
      <c r="D61194" s="1" t="s">
        <v>135163</v>
      </c>
      <c r="E61194" s="1" t="s">
        <v>205044</v>
      </c>
      <c r="F61194" s="1" t="s">
        <v>205045</v>
      </c>
      <c r="G61194" s="1" t="s">
        <v>205013</v>
      </c>
      <c r="H61194" s="1" t="s">
        <v>205014</v>
      </c>
      <c r="I61194" s="1" t="s">
        <v>201500</v>
      </c>
      <c r="J61194" s="1" t="s">
        <v>205046</v>
      </c>
    </row>
    <row r="61195" spans="1:10" x14ac:dyDescent="0.35">
      <c r="A61195" s="1" t="s">
        <v>143069</v>
      </c>
      <c r="B61195" s="1" t="s">
        <v>201495</v>
      </c>
      <c r="C61195" s="1" t="s">
        <v>65</v>
      </c>
      <c r="D61195" s="1" t="s">
        <v>34931</v>
      </c>
      <c r="E61195" s="1" t="s">
        <v>205047</v>
      </c>
      <c r="F61195" s="1" t="s">
        <v>205048</v>
      </c>
      <c r="G61195" s="1" t="s">
        <v>205013</v>
      </c>
      <c r="H61195" s="1" t="s">
        <v>205014</v>
      </c>
      <c r="I61195" s="1" t="s">
        <v>201500</v>
      </c>
      <c r="J61195" s="1" t="s">
        <v>205049</v>
      </c>
    </row>
    <row r="61196" spans="1:10" x14ac:dyDescent="0.35">
      <c r="A61196" s="1" t="s">
        <v>143069</v>
      </c>
      <c r="B61196" s="1" t="s">
        <v>201495</v>
      </c>
      <c r="C61196" s="1" t="s">
        <v>70</v>
      </c>
      <c r="D61196" s="1" t="s">
        <v>36232</v>
      </c>
      <c r="E61196" s="1" t="s">
        <v>205050</v>
      </c>
      <c r="F61196" s="1" t="s">
        <v>205051</v>
      </c>
      <c r="G61196" s="1" t="s">
        <v>205013</v>
      </c>
      <c r="H61196" s="1" t="s">
        <v>205014</v>
      </c>
      <c r="I61196" s="1" t="s">
        <v>201500</v>
      </c>
      <c r="J61196" s="1" t="s">
        <v>205052</v>
      </c>
    </row>
    <row r="61197" spans="1:10" x14ac:dyDescent="0.35">
      <c r="A61197" s="1" t="s">
        <v>143069</v>
      </c>
      <c r="B61197" s="1" t="s">
        <v>201495</v>
      </c>
      <c r="C61197" s="1" t="s">
        <v>75</v>
      </c>
      <c r="D61197" s="1" t="s">
        <v>17887</v>
      </c>
      <c r="E61197" s="1" t="s">
        <v>205053</v>
      </c>
      <c r="F61197" s="1" t="s">
        <v>205054</v>
      </c>
      <c r="G61197" s="1" t="s">
        <v>205013</v>
      </c>
      <c r="H61197" s="1" t="s">
        <v>205014</v>
      </c>
      <c r="I61197" s="1" t="s">
        <v>201500</v>
      </c>
      <c r="J61197" s="1" t="s">
        <v>205055</v>
      </c>
    </row>
    <row r="61198" spans="1:10" x14ac:dyDescent="0.35">
      <c r="A61198" s="1" t="s">
        <v>143069</v>
      </c>
      <c r="B61198" s="1" t="s">
        <v>201495</v>
      </c>
      <c r="C61198" s="1" t="s">
        <v>80</v>
      </c>
      <c r="D61198" s="1" t="s">
        <v>195009</v>
      </c>
      <c r="E61198" s="1" t="s">
        <v>205056</v>
      </c>
      <c r="F61198" s="1" t="s">
        <v>205057</v>
      </c>
      <c r="G61198" s="1" t="s">
        <v>205013</v>
      </c>
      <c r="H61198" s="1" t="s">
        <v>205014</v>
      </c>
      <c r="I61198" s="1" t="s">
        <v>201500</v>
      </c>
      <c r="J61198" s="1" t="s">
        <v>205058</v>
      </c>
    </row>
    <row r="61199" spans="1:10" x14ac:dyDescent="0.35">
      <c r="A61199" s="1" t="s">
        <v>143069</v>
      </c>
      <c r="B61199" s="1" t="s">
        <v>201495</v>
      </c>
      <c r="C61199" s="1" t="s">
        <v>85</v>
      </c>
      <c r="D61199" s="1" t="s">
        <v>122131</v>
      </c>
      <c r="E61199" s="1" t="s">
        <v>205059</v>
      </c>
      <c r="F61199" s="1" t="s">
        <v>205060</v>
      </c>
      <c r="G61199" s="1" t="s">
        <v>205013</v>
      </c>
      <c r="H61199" s="1" t="s">
        <v>205014</v>
      </c>
      <c r="I61199" s="1" t="s">
        <v>201500</v>
      </c>
      <c r="J61199" s="1" t="s">
        <v>205061</v>
      </c>
    </row>
    <row r="61200" spans="1:10" x14ac:dyDescent="0.35">
      <c r="A61200" s="1" t="s">
        <v>143069</v>
      </c>
      <c r="B61200" s="1" t="s">
        <v>201495</v>
      </c>
      <c r="C61200" s="1" t="s">
        <v>90</v>
      </c>
      <c r="D61200" s="1" t="s">
        <v>205062</v>
      </c>
      <c r="E61200" s="1" t="s">
        <v>205063</v>
      </c>
      <c r="F61200" s="1" t="s">
        <v>205064</v>
      </c>
      <c r="G61200" s="1" t="s">
        <v>205013</v>
      </c>
      <c r="H61200" s="1" t="s">
        <v>205014</v>
      </c>
      <c r="I61200" s="1" t="s">
        <v>201500</v>
      </c>
      <c r="J61200" s="1" t="s">
        <v>205065</v>
      </c>
    </row>
    <row r="61201" spans="1:10" x14ac:dyDescent="0.35">
      <c r="A61201" s="1" t="s">
        <v>143069</v>
      </c>
      <c r="B61201" s="1" t="s">
        <v>201495</v>
      </c>
      <c r="C61201" s="1" t="s">
        <v>95</v>
      </c>
      <c r="D61201" s="1" t="s">
        <v>11852</v>
      </c>
      <c r="E61201" s="1" t="s">
        <v>205066</v>
      </c>
      <c r="F61201" s="1" t="s">
        <v>205067</v>
      </c>
      <c r="G61201" s="1" t="s">
        <v>205013</v>
      </c>
      <c r="H61201" s="1" t="s">
        <v>205014</v>
      </c>
      <c r="I61201" s="1" t="s">
        <v>201500</v>
      </c>
      <c r="J61201" s="1" t="s">
        <v>205068</v>
      </c>
    </row>
    <row r="61202" spans="1:10" x14ac:dyDescent="0.35">
      <c r="A61202" s="1" t="s">
        <v>143069</v>
      </c>
      <c r="B61202" s="1" t="s">
        <v>201495</v>
      </c>
      <c r="C61202" s="1" t="s">
        <v>100</v>
      </c>
      <c r="D61202" s="1" t="s">
        <v>205069</v>
      </c>
      <c r="E61202" s="1" t="s">
        <v>205070</v>
      </c>
      <c r="F61202" s="1" t="s">
        <v>205071</v>
      </c>
      <c r="G61202" s="1" t="s">
        <v>205013</v>
      </c>
      <c r="H61202" s="1" t="s">
        <v>205014</v>
      </c>
      <c r="I61202" s="1" t="s">
        <v>201500</v>
      </c>
      <c r="J61202" s="1" t="s">
        <v>205072</v>
      </c>
    </row>
    <row r="61203" spans="1:10" x14ac:dyDescent="0.35">
      <c r="A61203" s="1" t="s">
        <v>143069</v>
      </c>
      <c r="B61203" s="1" t="s">
        <v>201495</v>
      </c>
      <c r="C61203" s="1" t="s">
        <v>105</v>
      </c>
      <c r="D61203" s="1" t="s">
        <v>205073</v>
      </c>
      <c r="E61203" s="1" t="s">
        <v>205074</v>
      </c>
      <c r="F61203" s="1" t="s">
        <v>205075</v>
      </c>
      <c r="G61203" s="1" t="s">
        <v>205013</v>
      </c>
      <c r="H61203" s="1" t="s">
        <v>205014</v>
      </c>
      <c r="I61203" s="1" t="s">
        <v>201500</v>
      </c>
      <c r="J61203" s="1" t="s">
        <v>205076</v>
      </c>
    </row>
    <row r="61204" spans="1:10" x14ac:dyDescent="0.35">
      <c r="A61204" s="1" t="s">
        <v>143069</v>
      </c>
      <c r="B61204" s="1" t="s">
        <v>201495</v>
      </c>
      <c r="C61204" s="1" t="s">
        <v>110</v>
      </c>
      <c r="D61204" s="1" t="s">
        <v>168705</v>
      </c>
      <c r="E61204" s="1" t="s">
        <v>205077</v>
      </c>
      <c r="F61204" s="1" t="s">
        <v>205078</v>
      </c>
      <c r="G61204" s="1" t="s">
        <v>205013</v>
      </c>
      <c r="H61204" s="1" t="s">
        <v>205014</v>
      </c>
      <c r="I61204" s="1" t="s">
        <v>201500</v>
      </c>
      <c r="J61204" s="1" t="s">
        <v>205079</v>
      </c>
    </row>
    <row r="61205" spans="1:10" x14ac:dyDescent="0.35">
      <c r="A61205" s="1" t="s">
        <v>143069</v>
      </c>
      <c r="B61205" s="1" t="s">
        <v>201495</v>
      </c>
      <c r="C61205" s="1" t="s">
        <v>115</v>
      </c>
      <c r="D61205" s="1" t="s">
        <v>181206</v>
      </c>
      <c r="E61205" s="1" t="s">
        <v>205080</v>
      </c>
      <c r="F61205" s="1" t="s">
        <v>205081</v>
      </c>
      <c r="G61205" s="1" t="s">
        <v>205013</v>
      </c>
      <c r="H61205" s="1" t="s">
        <v>205014</v>
      </c>
      <c r="I61205" s="1" t="s">
        <v>201500</v>
      </c>
      <c r="J61205" s="1" t="s">
        <v>205082</v>
      </c>
    </row>
    <row r="61206" spans="1:10" x14ac:dyDescent="0.35">
      <c r="A61206" s="1" t="s">
        <v>143069</v>
      </c>
      <c r="B61206" s="1" t="s">
        <v>201495</v>
      </c>
      <c r="C61206" s="1" t="s">
        <v>120</v>
      </c>
      <c r="D61206" s="1" t="s">
        <v>154675</v>
      </c>
      <c r="E61206" s="1" t="s">
        <v>205083</v>
      </c>
      <c r="F61206" s="1" t="s">
        <v>205084</v>
      </c>
      <c r="G61206" s="1" t="s">
        <v>205013</v>
      </c>
      <c r="H61206" s="1" t="s">
        <v>205014</v>
      </c>
      <c r="I61206" s="1" t="s">
        <v>201500</v>
      </c>
      <c r="J61206" s="1" t="s">
        <v>205085</v>
      </c>
    </row>
    <row r="61207" spans="1:10" x14ac:dyDescent="0.35">
      <c r="A61207" s="1" t="s">
        <v>143069</v>
      </c>
      <c r="B61207" s="1" t="s">
        <v>201495</v>
      </c>
      <c r="C61207" s="1" t="s">
        <v>125</v>
      </c>
      <c r="D61207" s="1" t="s">
        <v>18181</v>
      </c>
      <c r="E61207" s="1" t="s">
        <v>205086</v>
      </c>
      <c r="F61207" s="1" t="s">
        <v>205087</v>
      </c>
      <c r="G61207" s="1" t="s">
        <v>205013</v>
      </c>
      <c r="H61207" s="1" t="s">
        <v>205014</v>
      </c>
      <c r="I61207" s="1" t="s">
        <v>201500</v>
      </c>
      <c r="J61207" s="1" t="s">
        <v>205088</v>
      </c>
    </row>
    <row r="61208" spans="1:10" x14ac:dyDescent="0.35">
      <c r="A61208" s="1" t="s">
        <v>143069</v>
      </c>
      <c r="B61208" s="1" t="s">
        <v>201495</v>
      </c>
      <c r="C61208" s="1" t="s">
        <v>130</v>
      </c>
      <c r="D61208" s="1" t="s">
        <v>6787</v>
      </c>
      <c r="E61208" s="1" t="s">
        <v>205089</v>
      </c>
      <c r="F61208" s="1" t="s">
        <v>205090</v>
      </c>
      <c r="G61208" s="1" t="s">
        <v>205013</v>
      </c>
      <c r="H61208" s="1" t="s">
        <v>205014</v>
      </c>
      <c r="I61208" s="1" t="s">
        <v>201500</v>
      </c>
      <c r="J61208" s="1" t="s">
        <v>205091</v>
      </c>
    </row>
    <row r="61209" spans="1:10" x14ac:dyDescent="0.35">
      <c r="A61209" s="1" t="s">
        <v>143069</v>
      </c>
      <c r="B61209" s="1" t="s">
        <v>201495</v>
      </c>
      <c r="C61209" s="1" t="s">
        <v>135</v>
      </c>
      <c r="D61209" s="1" t="s">
        <v>205092</v>
      </c>
      <c r="E61209" s="1" t="s">
        <v>205093</v>
      </c>
      <c r="F61209" s="1" t="s">
        <v>205094</v>
      </c>
      <c r="G61209" s="1" t="s">
        <v>205013</v>
      </c>
      <c r="H61209" s="1" t="s">
        <v>205014</v>
      </c>
      <c r="I61209" s="1" t="s">
        <v>201500</v>
      </c>
      <c r="J61209" s="1" t="s">
        <v>205095</v>
      </c>
    </row>
    <row r="61210" spans="1:10" x14ac:dyDescent="0.35">
      <c r="A61210" s="1" t="s">
        <v>143069</v>
      </c>
      <c r="B61210" s="1" t="s">
        <v>201495</v>
      </c>
      <c r="C61210" s="1" t="s">
        <v>140</v>
      </c>
      <c r="D61210" s="1" t="s">
        <v>105708</v>
      </c>
      <c r="E61210" s="1" t="s">
        <v>205096</v>
      </c>
      <c r="F61210" s="1" t="s">
        <v>205097</v>
      </c>
      <c r="G61210" s="1" t="s">
        <v>205013</v>
      </c>
      <c r="H61210" s="1" t="s">
        <v>205014</v>
      </c>
      <c r="I61210" s="1" t="s">
        <v>201500</v>
      </c>
      <c r="J61210" s="1" t="s">
        <v>205098</v>
      </c>
    </row>
    <row r="61211" spans="1:10" x14ac:dyDescent="0.35">
      <c r="A61211" s="1" t="s">
        <v>143069</v>
      </c>
      <c r="B61211" s="1" t="s">
        <v>201495</v>
      </c>
      <c r="C61211" s="1" t="s">
        <v>145</v>
      </c>
      <c r="D61211" s="1" t="s">
        <v>180388</v>
      </c>
      <c r="E61211" s="1" t="s">
        <v>205099</v>
      </c>
      <c r="F61211" s="1" t="s">
        <v>205100</v>
      </c>
      <c r="G61211" s="1" t="s">
        <v>205013</v>
      </c>
      <c r="H61211" s="1" t="s">
        <v>205014</v>
      </c>
      <c r="I61211" s="1" t="s">
        <v>201500</v>
      </c>
      <c r="J61211" s="1" t="s">
        <v>205101</v>
      </c>
    </row>
    <row r="61212" spans="1:10" x14ac:dyDescent="0.35">
      <c r="A61212" s="1" t="s">
        <v>143069</v>
      </c>
      <c r="B61212" s="1" t="s">
        <v>201495</v>
      </c>
      <c r="C61212" s="1" t="s">
        <v>150</v>
      </c>
      <c r="D61212" s="1" t="s">
        <v>205102</v>
      </c>
      <c r="E61212" s="1" t="s">
        <v>205103</v>
      </c>
      <c r="F61212" s="1" t="s">
        <v>205104</v>
      </c>
      <c r="G61212" s="1" t="s">
        <v>205013</v>
      </c>
      <c r="H61212" s="1" t="s">
        <v>205014</v>
      </c>
      <c r="I61212" s="1" t="s">
        <v>201500</v>
      </c>
      <c r="J61212" s="1" t="s">
        <v>205105</v>
      </c>
    </row>
    <row r="61213" spans="1:10" x14ac:dyDescent="0.35">
      <c r="A61213" s="1" t="s">
        <v>143069</v>
      </c>
      <c r="B61213" s="1" t="s">
        <v>201495</v>
      </c>
      <c r="C61213" s="1" t="s">
        <v>155</v>
      </c>
      <c r="D61213" s="1" t="s">
        <v>106401</v>
      </c>
      <c r="E61213" s="1" t="s">
        <v>205106</v>
      </c>
      <c r="F61213" s="1" t="s">
        <v>205107</v>
      </c>
      <c r="G61213" s="1" t="s">
        <v>205013</v>
      </c>
      <c r="H61213" s="1" t="s">
        <v>205014</v>
      </c>
      <c r="I61213" s="1" t="s">
        <v>201500</v>
      </c>
      <c r="J61213" s="1" t="s">
        <v>205108</v>
      </c>
    </row>
    <row r="61214" spans="1:10" x14ac:dyDescent="0.35">
      <c r="A61214" s="1" t="s">
        <v>143069</v>
      </c>
      <c r="B61214" s="1" t="s">
        <v>201495</v>
      </c>
      <c r="C61214" s="1" t="s">
        <v>160</v>
      </c>
      <c r="D61214" s="1" t="s">
        <v>32774</v>
      </c>
      <c r="E61214" s="1" t="s">
        <v>205109</v>
      </c>
      <c r="F61214" s="1" t="s">
        <v>205110</v>
      </c>
      <c r="G61214" s="1" t="s">
        <v>205013</v>
      </c>
      <c r="H61214" s="1" t="s">
        <v>205014</v>
      </c>
      <c r="I61214" s="1" t="s">
        <v>201500</v>
      </c>
      <c r="J61214" s="1" t="s">
        <v>205111</v>
      </c>
    </row>
    <row r="61215" spans="1:10" x14ac:dyDescent="0.35">
      <c r="A61215" s="1" t="s">
        <v>143069</v>
      </c>
      <c r="B61215" s="1" t="s">
        <v>201495</v>
      </c>
      <c r="C61215" s="1" t="s">
        <v>165</v>
      </c>
      <c r="D61215" s="1" t="s">
        <v>68725</v>
      </c>
      <c r="E61215" s="1" t="s">
        <v>205112</v>
      </c>
      <c r="F61215" s="1" t="s">
        <v>205113</v>
      </c>
      <c r="G61215" s="1" t="s">
        <v>205013</v>
      </c>
      <c r="H61215" s="1" t="s">
        <v>205014</v>
      </c>
      <c r="I61215" s="1" t="s">
        <v>201500</v>
      </c>
      <c r="J61215" s="1" t="s">
        <v>205114</v>
      </c>
    </row>
    <row r="61216" spans="1:10" x14ac:dyDescent="0.35">
      <c r="A61216" s="1" t="s">
        <v>143069</v>
      </c>
      <c r="B61216" s="1" t="s">
        <v>201495</v>
      </c>
      <c r="C61216" s="1" t="s">
        <v>170</v>
      </c>
      <c r="D61216" s="1" t="s">
        <v>107249</v>
      </c>
      <c r="E61216" s="1" t="s">
        <v>205115</v>
      </c>
      <c r="F61216" s="1" t="s">
        <v>205116</v>
      </c>
      <c r="G61216" s="1" t="s">
        <v>205013</v>
      </c>
      <c r="H61216" s="1" t="s">
        <v>205014</v>
      </c>
      <c r="I61216" s="1" t="s">
        <v>201500</v>
      </c>
      <c r="J61216" s="1" t="s">
        <v>205117</v>
      </c>
    </row>
    <row r="61217" spans="1:10" x14ac:dyDescent="0.35">
      <c r="A61217" s="1" t="s">
        <v>110346</v>
      </c>
      <c r="B61217" s="1" t="s">
        <v>201495</v>
      </c>
      <c r="C61217" s="1" t="s">
        <v>8</v>
      </c>
      <c r="D61217" s="1" t="s">
        <v>205118</v>
      </c>
      <c r="E61217" s="1" t="s">
        <v>27484</v>
      </c>
      <c r="F61217" s="1" t="s">
        <v>205119</v>
      </c>
      <c r="G61217" s="1" t="s">
        <v>205120</v>
      </c>
      <c r="H61217" s="1" t="s">
        <v>205121</v>
      </c>
      <c r="I61217" s="1" t="s">
        <v>201500</v>
      </c>
      <c r="J61217" s="1" t="s">
        <v>13</v>
      </c>
    </row>
    <row r="61218" spans="1:10" x14ac:dyDescent="0.35">
      <c r="A61218" s="1" t="s">
        <v>110346</v>
      </c>
      <c r="B61218" s="1" t="s">
        <v>201495</v>
      </c>
      <c r="C61218" s="1" t="s">
        <v>15</v>
      </c>
      <c r="D61218" s="1" t="s">
        <v>2121</v>
      </c>
      <c r="E61218" s="1" t="s">
        <v>7954</v>
      </c>
      <c r="F61218" s="1" t="s">
        <v>205122</v>
      </c>
      <c r="G61218" s="1" t="s">
        <v>205120</v>
      </c>
      <c r="H61218" s="1" t="s">
        <v>205121</v>
      </c>
      <c r="I61218" s="1" t="s">
        <v>201500</v>
      </c>
      <c r="J61218" s="1" t="s">
        <v>205123</v>
      </c>
    </row>
    <row r="61219" spans="1:10" x14ac:dyDescent="0.35">
      <c r="A61219" s="1" t="s">
        <v>110346</v>
      </c>
      <c r="B61219" s="1" t="s">
        <v>201495</v>
      </c>
      <c r="C61219" s="1" t="s">
        <v>20</v>
      </c>
      <c r="D61219" s="1" t="s">
        <v>169401</v>
      </c>
      <c r="E61219" s="1" t="s">
        <v>12142</v>
      </c>
      <c r="F61219" s="1" t="s">
        <v>205124</v>
      </c>
      <c r="G61219" s="1" t="s">
        <v>205120</v>
      </c>
      <c r="H61219" s="1" t="s">
        <v>205121</v>
      </c>
      <c r="I61219" s="1" t="s">
        <v>201500</v>
      </c>
      <c r="J61219" s="1" t="s">
        <v>205125</v>
      </c>
    </row>
    <row r="61220" spans="1:10" x14ac:dyDescent="0.35">
      <c r="A61220" s="1" t="s">
        <v>110346</v>
      </c>
      <c r="B61220" s="1" t="s">
        <v>201495</v>
      </c>
      <c r="C61220" s="1" t="s">
        <v>25</v>
      </c>
      <c r="D61220" s="1" t="s">
        <v>6461</v>
      </c>
      <c r="E61220" s="1" t="s">
        <v>7925</v>
      </c>
      <c r="F61220" s="1" t="s">
        <v>205126</v>
      </c>
      <c r="G61220" s="1" t="s">
        <v>205120</v>
      </c>
      <c r="H61220" s="1" t="s">
        <v>205121</v>
      </c>
      <c r="I61220" s="1" t="s">
        <v>201500</v>
      </c>
      <c r="J61220" s="1" t="s">
        <v>205127</v>
      </c>
    </row>
    <row r="61221" spans="1:10" x14ac:dyDescent="0.35">
      <c r="A61221" s="1" t="s">
        <v>110346</v>
      </c>
      <c r="B61221" s="1" t="s">
        <v>201495</v>
      </c>
      <c r="C61221" s="1" t="s">
        <v>30</v>
      </c>
      <c r="D61221" s="1" t="s">
        <v>110059</v>
      </c>
      <c r="E61221" s="1" t="s">
        <v>27469</v>
      </c>
      <c r="F61221" s="1" t="s">
        <v>205128</v>
      </c>
      <c r="G61221" s="1" t="s">
        <v>205120</v>
      </c>
      <c r="H61221" s="1" t="s">
        <v>205121</v>
      </c>
      <c r="I61221" s="1" t="s">
        <v>201500</v>
      </c>
      <c r="J61221" s="1" t="s">
        <v>205129</v>
      </c>
    </row>
    <row r="61222" spans="1:10" x14ac:dyDescent="0.35">
      <c r="A61222" s="1" t="s">
        <v>110346</v>
      </c>
      <c r="B61222" s="1" t="s">
        <v>201495</v>
      </c>
      <c r="C61222" s="1" t="s">
        <v>35</v>
      </c>
      <c r="D61222" s="1" t="s">
        <v>10830</v>
      </c>
      <c r="E61222" s="1" t="s">
        <v>7921</v>
      </c>
      <c r="F61222" s="1" t="s">
        <v>205130</v>
      </c>
      <c r="G61222" s="1" t="s">
        <v>205120</v>
      </c>
      <c r="H61222" s="1" t="s">
        <v>205121</v>
      </c>
      <c r="I61222" s="1" t="s">
        <v>201500</v>
      </c>
      <c r="J61222" s="1" t="s">
        <v>205131</v>
      </c>
    </row>
    <row r="61223" spans="1:10" x14ac:dyDescent="0.35">
      <c r="A61223" s="1" t="s">
        <v>110346</v>
      </c>
      <c r="B61223" s="1" t="s">
        <v>201495</v>
      </c>
      <c r="C61223" s="1" t="s">
        <v>40</v>
      </c>
      <c r="D61223" s="1" t="s">
        <v>124957</v>
      </c>
      <c r="E61223" s="1" t="s">
        <v>205132</v>
      </c>
      <c r="F61223" s="1" t="s">
        <v>205133</v>
      </c>
      <c r="G61223" s="1" t="s">
        <v>205120</v>
      </c>
      <c r="H61223" s="1" t="s">
        <v>205121</v>
      </c>
      <c r="I61223" s="1" t="s">
        <v>201500</v>
      </c>
      <c r="J61223" s="1" t="s">
        <v>205134</v>
      </c>
    </row>
    <row r="61224" spans="1:10" x14ac:dyDescent="0.35">
      <c r="A61224" s="1" t="s">
        <v>110346</v>
      </c>
      <c r="B61224" s="1" t="s">
        <v>201495</v>
      </c>
      <c r="C61224" s="1" t="s">
        <v>45</v>
      </c>
      <c r="D61224" s="1" t="s">
        <v>316</v>
      </c>
      <c r="E61224" s="1" t="s">
        <v>7958</v>
      </c>
      <c r="F61224" s="1" t="s">
        <v>205135</v>
      </c>
      <c r="G61224" s="1" t="s">
        <v>205120</v>
      </c>
      <c r="H61224" s="1" t="s">
        <v>205121</v>
      </c>
      <c r="I61224" s="1" t="s">
        <v>201500</v>
      </c>
      <c r="J61224" s="1" t="s">
        <v>205136</v>
      </c>
    </row>
    <row r="61225" spans="1:10" x14ac:dyDescent="0.35">
      <c r="A61225" s="1" t="s">
        <v>110346</v>
      </c>
      <c r="B61225" s="1" t="s">
        <v>201495</v>
      </c>
      <c r="C61225" s="1" t="s">
        <v>50</v>
      </c>
      <c r="D61225" s="1" t="s">
        <v>45855</v>
      </c>
      <c r="E61225" s="1" t="s">
        <v>159863</v>
      </c>
      <c r="F61225" s="1" t="s">
        <v>205137</v>
      </c>
      <c r="G61225" s="1" t="s">
        <v>205120</v>
      </c>
      <c r="H61225" s="1" t="s">
        <v>205121</v>
      </c>
      <c r="I61225" s="1" t="s">
        <v>201500</v>
      </c>
      <c r="J61225" s="1" t="s">
        <v>205138</v>
      </c>
    </row>
    <row r="61226" spans="1:10" x14ac:dyDescent="0.35">
      <c r="A61226" s="1" t="s">
        <v>110346</v>
      </c>
      <c r="B61226" s="1" t="s">
        <v>201495</v>
      </c>
      <c r="C61226" s="1" t="s">
        <v>55</v>
      </c>
      <c r="D61226" s="1" t="s">
        <v>50826</v>
      </c>
      <c r="E61226" s="1" t="s">
        <v>204006</v>
      </c>
      <c r="F61226" s="1" t="s">
        <v>205139</v>
      </c>
      <c r="G61226" s="1" t="s">
        <v>205120</v>
      </c>
      <c r="H61226" s="1" t="s">
        <v>205121</v>
      </c>
      <c r="I61226" s="1" t="s">
        <v>201500</v>
      </c>
      <c r="J61226" s="1" t="s">
        <v>205140</v>
      </c>
    </row>
    <row r="61227" spans="1:10" x14ac:dyDescent="0.35">
      <c r="A61227" s="1" t="s">
        <v>110346</v>
      </c>
      <c r="B61227" s="1" t="s">
        <v>201495</v>
      </c>
      <c r="C61227" s="1" t="s">
        <v>60</v>
      </c>
      <c r="D61227" s="1" t="s">
        <v>29593</v>
      </c>
      <c r="E61227" s="1" t="s">
        <v>205141</v>
      </c>
      <c r="F61227" s="1" t="s">
        <v>205142</v>
      </c>
      <c r="G61227" s="1" t="s">
        <v>205120</v>
      </c>
      <c r="H61227" s="1" t="s">
        <v>205121</v>
      </c>
      <c r="I61227" s="1" t="s">
        <v>201500</v>
      </c>
      <c r="J61227" s="1" t="s">
        <v>205143</v>
      </c>
    </row>
    <row r="61228" spans="1:10" x14ac:dyDescent="0.35">
      <c r="A61228" s="1" t="s">
        <v>110346</v>
      </c>
      <c r="B61228" s="1" t="s">
        <v>201495</v>
      </c>
      <c r="C61228" s="1" t="s">
        <v>65</v>
      </c>
      <c r="D61228" s="1" t="s">
        <v>205144</v>
      </c>
      <c r="E61228" s="1" t="s">
        <v>7921</v>
      </c>
      <c r="F61228" s="1" t="s">
        <v>205145</v>
      </c>
      <c r="G61228" s="1" t="s">
        <v>205120</v>
      </c>
      <c r="H61228" s="1" t="s">
        <v>205121</v>
      </c>
      <c r="I61228" s="1" t="s">
        <v>201500</v>
      </c>
      <c r="J61228" s="1" t="s">
        <v>205146</v>
      </c>
    </row>
    <row r="61229" spans="1:10" x14ac:dyDescent="0.35">
      <c r="A61229" s="1" t="s">
        <v>110346</v>
      </c>
      <c r="B61229" s="1" t="s">
        <v>201495</v>
      </c>
      <c r="C61229" s="1" t="s">
        <v>70</v>
      </c>
      <c r="D61229" s="1" t="s">
        <v>205147</v>
      </c>
      <c r="E61229" s="1" t="s">
        <v>27484</v>
      </c>
      <c r="F61229" s="1" t="s">
        <v>98365</v>
      </c>
      <c r="G61229" s="1" t="s">
        <v>205120</v>
      </c>
      <c r="H61229" s="1" t="s">
        <v>205121</v>
      </c>
      <c r="I61229" s="1" t="s">
        <v>201500</v>
      </c>
      <c r="J61229" s="1" t="s">
        <v>205148</v>
      </c>
    </row>
    <row r="61230" spans="1:10" x14ac:dyDescent="0.35">
      <c r="A61230" s="1" t="s">
        <v>110346</v>
      </c>
      <c r="B61230" s="1" t="s">
        <v>201495</v>
      </c>
      <c r="C61230" s="1" t="s">
        <v>75</v>
      </c>
      <c r="D61230" s="1" t="s">
        <v>171764</v>
      </c>
      <c r="E61230" s="1" t="s">
        <v>205149</v>
      </c>
      <c r="F61230" s="1" t="s">
        <v>205150</v>
      </c>
      <c r="G61230" s="1" t="s">
        <v>205120</v>
      </c>
      <c r="H61230" s="1" t="s">
        <v>205121</v>
      </c>
      <c r="I61230" s="1" t="s">
        <v>201500</v>
      </c>
      <c r="J61230" s="1" t="s">
        <v>205151</v>
      </c>
    </row>
    <row r="61231" spans="1:10" x14ac:dyDescent="0.35">
      <c r="A61231" s="1" t="s">
        <v>110346</v>
      </c>
      <c r="B61231" s="1" t="s">
        <v>201495</v>
      </c>
      <c r="C61231" s="1" t="s">
        <v>80</v>
      </c>
      <c r="D61231" s="1" t="s">
        <v>165521</v>
      </c>
      <c r="E61231" s="1" t="s">
        <v>204595</v>
      </c>
      <c r="F61231" s="1" t="s">
        <v>205152</v>
      </c>
      <c r="G61231" s="1" t="s">
        <v>205120</v>
      </c>
      <c r="H61231" s="1" t="s">
        <v>205121</v>
      </c>
      <c r="I61231" s="1" t="s">
        <v>201500</v>
      </c>
      <c r="J61231" s="1" t="s">
        <v>205153</v>
      </c>
    </row>
    <row r="61232" spans="1:10" x14ac:dyDescent="0.35">
      <c r="A61232" s="1" t="s">
        <v>110346</v>
      </c>
      <c r="B61232" s="1" t="s">
        <v>201495</v>
      </c>
      <c r="C61232" s="1" t="s">
        <v>85</v>
      </c>
      <c r="D61232" s="1" t="s">
        <v>205154</v>
      </c>
      <c r="E61232" s="1" t="s">
        <v>12127</v>
      </c>
      <c r="F61232" s="1" t="s">
        <v>205155</v>
      </c>
      <c r="G61232" s="1" t="s">
        <v>205120</v>
      </c>
      <c r="H61232" s="1" t="s">
        <v>205121</v>
      </c>
      <c r="I61232" s="1" t="s">
        <v>201500</v>
      </c>
      <c r="J61232" s="1" t="s">
        <v>205156</v>
      </c>
    </row>
    <row r="61233" spans="1:10" x14ac:dyDescent="0.35">
      <c r="A61233" s="1" t="s">
        <v>110346</v>
      </c>
      <c r="B61233" s="1" t="s">
        <v>201495</v>
      </c>
      <c r="C61233" s="1" t="s">
        <v>90</v>
      </c>
      <c r="D61233" s="1" t="s">
        <v>38802</v>
      </c>
      <c r="E61233" s="1" t="s">
        <v>491</v>
      </c>
      <c r="F61233" s="1" t="s">
        <v>205157</v>
      </c>
      <c r="G61233" s="1" t="s">
        <v>205120</v>
      </c>
      <c r="H61233" s="1" t="s">
        <v>205121</v>
      </c>
      <c r="I61233" s="1" t="s">
        <v>201500</v>
      </c>
      <c r="J61233" s="1" t="s">
        <v>150956</v>
      </c>
    </row>
    <row r="61234" spans="1:10" x14ac:dyDescent="0.35">
      <c r="A61234" s="1" t="s">
        <v>110346</v>
      </c>
      <c r="B61234" s="1" t="s">
        <v>201495</v>
      </c>
      <c r="C61234" s="1" t="s">
        <v>95</v>
      </c>
      <c r="D61234" s="1" t="s">
        <v>118719</v>
      </c>
      <c r="E61234" s="1" t="s">
        <v>7943</v>
      </c>
      <c r="F61234" s="1" t="s">
        <v>205158</v>
      </c>
      <c r="G61234" s="1" t="s">
        <v>205120</v>
      </c>
      <c r="H61234" s="1" t="s">
        <v>205121</v>
      </c>
      <c r="I61234" s="1" t="s">
        <v>201500</v>
      </c>
      <c r="J61234" s="1" t="s">
        <v>205159</v>
      </c>
    </row>
    <row r="61235" spans="1:10" x14ac:dyDescent="0.35">
      <c r="A61235" s="1" t="s">
        <v>110346</v>
      </c>
      <c r="B61235" s="1" t="s">
        <v>201495</v>
      </c>
      <c r="C61235" s="1" t="s">
        <v>100</v>
      </c>
      <c r="D61235" s="1" t="s">
        <v>48658</v>
      </c>
      <c r="E61235" s="1" t="s">
        <v>6957</v>
      </c>
      <c r="F61235" s="1" t="s">
        <v>205160</v>
      </c>
      <c r="G61235" s="1" t="s">
        <v>205120</v>
      </c>
      <c r="H61235" s="1" t="s">
        <v>205121</v>
      </c>
      <c r="I61235" s="1" t="s">
        <v>201500</v>
      </c>
      <c r="J61235" s="1" t="s">
        <v>205161</v>
      </c>
    </row>
    <row r="61236" spans="1:10" x14ac:dyDescent="0.35">
      <c r="A61236" s="1" t="s">
        <v>110346</v>
      </c>
      <c r="B61236" s="1" t="s">
        <v>201495</v>
      </c>
      <c r="C61236" s="1" t="s">
        <v>105</v>
      </c>
      <c r="D61236" s="1" t="s">
        <v>2667</v>
      </c>
      <c r="E61236" s="1" t="s">
        <v>8622</v>
      </c>
      <c r="F61236" s="1" t="s">
        <v>205162</v>
      </c>
      <c r="G61236" s="1" t="s">
        <v>205120</v>
      </c>
      <c r="H61236" s="1" t="s">
        <v>205121</v>
      </c>
      <c r="I61236" s="1" t="s">
        <v>201500</v>
      </c>
      <c r="J61236" s="1" t="s">
        <v>205163</v>
      </c>
    </row>
    <row r="61237" spans="1:10" x14ac:dyDescent="0.35">
      <c r="A61237" s="1" t="s">
        <v>110346</v>
      </c>
      <c r="B61237" s="1" t="s">
        <v>201495</v>
      </c>
      <c r="C61237" s="1" t="s">
        <v>110</v>
      </c>
      <c r="D61237" s="1" t="s">
        <v>38830</v>
      </c>
      <c r="E61237" s="1" t="s">
        <v>204854</v>
      </c>
      <c r="F61237" s="1" t="s">
        <v>205164</v>
      </c>
      <c r="G61237" s="1" t="s">
        <v>205120</v>
      </c>
      <c r="H61237" s="1" t="s">
        <v>205121</v>
      </c>
      <c r="I61237" s="1" t="s">
        <v>201500</v>
      </c>
      <c r="J61237" s="1" t="s">
        <v>205165</v>
      </c>
    </row>
    <row r="61238" spans="1:10" x14ac:dyDescent="0.35">
      <c r="A61238" s="1" t="s">
        <v>110346</v>
      </c>
      <c r="B61238" s="1" t="s">
        <v>201495</v>
      </c>
      <c r="C61238" s="1" t="s">
        <v>115</v>
      </c>
      <c r="D61238" s="1" t="s">
        <v>168515</v>
      </c>
      <c r="E61238" s="1" t="s">
        <v>203983</v>
      </c>
      <c r="F61238" s="1" t="s">
        <v>205166</v>
      </c>
      <c r="G61238" s="1" t="s">
        <v>205120</v>
      </c>
      <c r="H61238" s="1" t="s">
        <v>205121</v>
      </c>
      <c r="I61238" s="1" t="s">
        <v>201500</v>
      </c>
      <c r="J61238" s="1" t="s">
        <v>205167</v>
      </c>
    </row>
    <row r="61239" spans="1:10" x14ac:dyDescent="0.35">
      <c r="A61239" s="1" t="s">
        <v>110346</v>
      </c>
      <c r="B61239" s="1" t="s">
        <v>201495</v>
      </c>
      <c r="C61239" s="1" t="s">
        <v>120</v>
      </c>
      <c r="D61239" s="1" t="s">
        <v>9558</v>
      </c>
      <c r="E61239" s="1" t="s">
        <v>12699</v>
      </c>
      <c r="F61239" s="1" t="s">
        <v>205168</v>
      </c>
      <c r="G61239" s="1" t="s">
        <v>205120</v>
      </c>
      <c r="H61239" s="1" t="s">
        <v>205121</v>
      </c>
      <c r="I61239" s="1" t="s">
        <v>201500</v>
      </c>
      <c r="J61239" s="1" t="s">
        <v>205169</v>
      </c>
    </row>
    <row r="61240" spans="1:10" x14ac:dyDescent="0.35">
      <c r="A61240" s="1" t="s">
        <v>110346</v>
      </c>
      <c r="B61240" s="1" t="s">
        <v>201495</v>
      </c>
      <c r="C61240" s="1" t="s">
        <v>125</v>
      </c>
      <c r="D61240" s="1" t="s">
        <v>25032</v>
      </c>
      <c r="E61240" s="1" t="s">
        <v>515</v>
      </c>
      <c r="F61240" s="1" t="s">
        <v>205170</v>
      </c>
      <c r="G61240" s="1" t="s">
        <v>205120</v>
      </c>
      <c r="H61240" s="1" t="s">
        <v>205121</v>
      </c>
      <c r="I61240" s="1" t="s">
        <v>201500</v>
      </c>
      <c r="J61240" s="1" t="s">
        <v>205171</v>
      </c>
    </row>
    <row r="61241" spans="1:10" x14ac:dyDescent="0.35">
      <c r="A61241" s="1" t="s">
        <v>110346</v>
      </c>
      <c r="B61241" s="1" t="s">
        <v>201495</v>
      </c>
      <c r="C61241" s="1" t="s">
        <v>130</v>
      </c>
      <c r="D61241" s="1" t="s">
        <v>10899</v>
      </c>
      <c r="E61241" s="1" t="s">
        <v>27484</v>
      </c>
      <c r="F61241" s="1" t="s">
        <v>205172</v>
      </c>
      <c r="G61241" s="1" t="s">
        <v>205120</v>
      </c>
      <c r="H61241" s="1" t="s">
        <v>205121</v>
      </c>
      <c r="I61241" s="1" t="s">
        <v>201500</v>
      </c>
      <c r="J61241" s="1" t="s">
        <v>205173</v>
      </c>
    </row>
    <row r="61242" spans="1:10" x14ac:dyDescent="0.35">
      <c r="A61242" s="1" t="s">
        <v>110346</v>
      </c>
      <c r="B61242" s="1" t="s">
        <v>201495</v>
      </c>
      <c r="C61242" s="1" t="s">
        <v>135</v>
      </c>
      <c r="D61242" s="1" t="s">
        <v>117425</v>
      </c>
      <c r="E61242" s="1" t="s">
        <v>13693</v>
      </c>
      <c r="F61242" s="1" t="s">
        <v>205174</v>
      </c>
      <c r="G61242" s="1" t="s">
        <v>205120</v>
      </c>
      <c r="H61242" s="1" t="s">
        <v>205121</v>
      </c>
      <c r="I61242" s="1" t="s">
        <v>201500</v>
      </c>
      <c r="J61242" s="1" t="s">
        <v>205175</v>
      </c>
    </row>
    <row r="61243" spans="1:10" x14ac:dyDescent="0.35">
      <c r="A61243" s="1" t="s">
        <v>110346</v>
      </c>
      <c r="B61243" s="1" t="s">
        <v>201495</v>
      </c>
      <c r="C61243" s="1" t="s">
        <v>140</v>
      </c>
      <c r="D61243" s="1" t="s">
        <v>205176</v>
      </c>
      <c r="E61243" s="1" t="s">
        <v>202011</v>
      </c>
      <c r="F61243" s="1" t="s">
        <v>205177</v>
      </c>
      <c r="G61243" s="1" t="s">
        <v>205120</v>
      </c>
      <c r="H61243" s="1" t="s">
        <v>205121</v>
      </c>
      <c r="I61243" s="1" t="s">
        <v>201500</v>
      </c>
      <c r="J61243" s="1" t="s">
        <v>205178</v>
      </c>
    </row>
    <row r="61244" spans="1:10" x14ac:dyDescent="0.35">
      <c r="A61244" s="1" t="s">
        <v>110346</v>
      </c>
      <c r="B61244" s="1" t="s">
        <v>201495</v>
      </c>
      <c r="C61244" s="1" t="s">
        <v>145</v>
      </c>
      <c r="D61244" s="1" t="s">
        <v>193051</v>
      </c>
      <c r="E61244" s="1" t="s">
        <v>8622</v>
      </c>
      <c r="F61244" s="1" t="s">
        <v>205179</v>
      </c>
      <c r="G61244" s="1" t="s">
        <v>205120</v>
      </c>
      <c r="H61244" s="1" t="s">
        <v>205121</v>
      </c>
      <c r="I61244" s="1" t="s">
        <v>201500</v>
      </c>
      <c r="J61244" s="1" t="s">
        <v>205180</v>
      </c>
    </row>
    <row r="61245" spans="1:10" x14ac:dyDescent="0.35">
      <c r="A61245" s="1" t="s">
        <v>110346</v>
      </c>
      <c r="B61245" s="1" t="s">
        <v>201495</v>
      </c>
      <c r="C61245" s="1" t="s">
        <v>150</v>
      </c>
      <c r="D61245" s="1" t="s">
        <v>205181</v>
      </c>
      <c r="E61245" s="1" t="s">
        <v>205182</v>
      </c>
      <c r="F61245" s="1" t="s">
        <v>205183</v>
      </c>
      <c r="G61245" s="1" t="s">
        <v>205120</v>
      </c>
      <c r="H61245" s="1" t="s">
        <v>205121</v>
      </c>
      <c r="I61245" s="1" t="s">
        <v>201500</v>
      </c>
      <c r="J61245" s="1" t="s">
        <v>205184</v>
      </c>
    </row>
    <row r="61246" spans="1:10" x14ac:dyDescent="0.35">
      <c r="A61246" s="1" t="s">
        <v>110346</v>
      </c>
      <c r="B61246" s="1" t="s">
        <v>201495</v>
      </c>
      <c r="C61246" s="1" t="s">
        <v>155</v>
      </c>
      <c r="D61246" s="1" t="s">
        <v>157557</v>
      </c>
      <c r="E61246" s="1" t="s">
        <v>159836</v>
      </c>
      <c r="F61246" s="1" t="s">
        <v>205185</v>
      </c>
      <c r="G61246" s="1" t="s">
        <v>205120</v>
      </c>
      <c r="H61246" s="1" t="s">
        <v>205121</v>
      </c>
      <c r="I61246" s="1" t="s">
        <v>201500</v>
      </c>
      <c r="J61246" s="1" t="s">
        <v>205186</v>
      </c>
    </row>
    <row r="61247" spans="1:10" x14ac:dyDescent="0.35">
      <c r="A61247" s="1" t="s">
        <v>110346</v>
      </c>
      <c r="B61247" s="1" t="s">
        <v>201495</v>
      </c>
      <c r="C61247" s="1" t="s">
        <v>160</v>
      </c>
      <c r="D61247" s="1" t="s">
        <v>73183</v>
      </c>
      <c r="E61247" s="1" t="s">
        <v>13669</v>
      </c>
      <c r="F61247" s="1" t="s">
        <v>205187</v>
      </c>
      <c r="G61247" s="1" t="s">
        <v>205120</v>
      </c>
      <c r="H61247" s="1" t="s">
        <v>205121</v>
      </c>
      <c r="I61247" s="1" t="s">
        <v>201500</v>
      </c>
      <c r="J61247" s="1" t="s">
        <v>205188</v>
      </c>
    </row>
    <row r="61248" spans="1:10" x14ac:dyDescent="0.35">
      <c r="A61248" s="1" t="s">
        <v>110346</v>
      </c>
      <c r="B61248" s="1" t="s">
        <v>201495</v>
      </c>
      <c r="C61248" s="1" t="s">
        <v>165</v>
      </c>
      <c r="D61248" s="1" t="s">
        <v>12988</v>
      </c>
      <c r="E61248" s="1" t="s">
        <v>27484</v>
      </c>
      <c r="F61248" s="1" t="s">
        <v>205189</v>
      </c>
      <c r="G61248" s="1" t="s">
        <v>205120</v>
      </c>
      <c r="H61248" s="1" t="s">
        <v>205121</v>
      </c>
      <c r="I61248" s="1" t="s">
        <v>201500</v>
      </c>
      <c r="J61248" s="1" t="s">
        <v>205190</v>
      </c>
    </row>
    <row r="61249" spans="1:10" x14ac:dyDescent="0.35">
      <c r="A61249" s="1" t="s">
        <v>110346</v>
      </c>
      <c r="B61249" s="1" t="s">
        <v>201495</v>
      </c>
      <c r="C61249" s="1" t="s">
        <v>170</v>
      </c>
      <c r="D61249" s="1" t="s">
        <v>8014</v>
      </c>
      <c r="E61249" s="1" t="s">
        <v>12648</v>
      </c>
      <c r="F61249" s="1" t="s">
        <v>205191</v>
      </c>
      <c r="G61249" s="1" t="s">
        <v>205120</v>
      </c>
      <c r="H61249" s="1" t="s">
        <v>205121</v>
      </c>
      <c r="I61249" s="1" t="s">
        <v>201500</v>
      </c>
      <c r="J61249" s="1" t="s">
        <v>205192</v>
      </c>
    </row>
    <row r="61250" spans="1:10" x14ac:dyDescent="0.35">
      <c r="A61250" s="1" t="s">
        <v>8741</v>
      </c>
      <c r="B61250" s="1" t="s">
        <v>201495</v>
      </c>
      <c r="C61250" s="1" t="s">
        <v>8</v>
      </c>
      <c r="D61250" s="1" t="s">
        <v>29187</v>
      </c>
      <c r="E61250" s="1" t="s">
        <v>205193</v>
      </c>
      <c r="F61250" s="1" t="s">
        <v>205194</v>
      </c>
      <c r="G61250" s="1" t="s">
        <v>205195</v>
      </c>
      <c r="H61250" s="1" t="s">
        <v>205196</v>
      </c>
      <c r="I61250" s="1" t="s">
        <v>201500</v>
      </c>
      <c r="J61250" s="1" t="s">
        <v>13</v>
      </c>
    </row>
    <row r="61251" spans="1:10" x14ac:dyDescent="0.35">
      <c r="A61251" s="1" t="s">
        <v>8741</v>
      </c>
      <c r="B61251" s="1" t="s">
        <v>201495</v>
      </c>
      <c r="C61251" s="1" t="s">
        <v>15</v>
      </c>
      <c r="D61251" s="1" t="s">
        <v>110012</v>
      </c>
      <c r="E61251" s="1" t="s">
        <v>205197</v>
      </c>
      <c r="F61251" s="1" t="s">
        <v>205198</v>
      </c>
      <c r="G61251" s="1" t="s">
        <v>205195</v>
      </c>
      <c r="H61251" s="1" t="s">
        <v>205196</v>
      </c>
      <c r="I61251" s="1" t="s">
        <v>201500</v>
      </c>
      <c r="J61251" s="1" t="s">
        <v>205199</v>
      </c>
    </row>
    <row r="61252" spans="1:10" x14ac:dyDescent="0.35">
      <c r="A61252" s="1" t="s">
        <v>8741</v>
      </c>
      <c r="B61252" s="1" t="s">
        <v>201495</v>
      </c>
      <c r="C61252" s="1" t="s">
        <v>20</v>
      </c>
      <c r="D61252" s="1" t="s">
        <v>156948</v>
      </c>
      <c r="E61252" s="1" t="s">
        <v>205200</v>
      </c>
      <c r="F61252" s="1" t="s">
        <v>205201</v>
      </c>
      <c r="G61252" s="1" t="s">
        <v>205195</v>
      </c>
      <c r="H61252" s="1" t="s">
        <v>205196</v>
      </c>
      <c r="I61252" s="1" t="s">
        <v>201500</v>
      </c>
      <c r="J61252" s="1" t="s">
        <v>205202</v>
      </c>
    </row>
    <row r="61253" spans="1:10" x14ac:dyDescent="0.35">
      <c r="A61253" s="1" t="s">
        <v>8741</v>
      </c>
      <c r="B61253" s="1" t="s">
        <v>201495</v>
      </c>
      <c r="C61253" s="1" t="s">
        <v>25</v>
      </c>
      <c r="D61253" s="1" t="s">
        <v>2845</v>
      </c>
      <c r="E61253" s="1" t="s">
        <v>205203</v>
      </c>
      <c r="F61253" s="1" t="s">
        <v>205204</v>
      </c>
      <c r="G61253" s="1" t="s">
        <v>205195</v>
      </c>
      <c r="H61253" s="1" t="s">
        <v>205196</v>
      </c>
      <c r="I61253" s="1" t="s">
        <v>201500</v>
      </c>
      <c r="J61253" s="1" t="s">
        <v>205205</v>
      </c>
    </row>
    <row r="61254" spans="1:10" x14ac:dyDescent="0.35">
      <c r="A61254" s="1" t="s">
        <v>8741</v>
      </c>
      <c r="B61254" s="1" t="s">
        <v>201495</v>
      </c>
      <c r="C61254" s="1" t="s">
        <v>30</v>
      </c>
      <c r="D61254" s="1" t="s">
        <v>121880</v>
      </c>
      <c r="E61254" s="1" t="s">
        <v>196936</v>
      </c>
      <c r="F61254" s="1" t="s">
        <v>205206</v>
      </c>
      <c r="G61254" s="1" t="s">
        <v>205195</v>
      </c>
      <c r="H61254" s="1" t="s">
        <v>205196</v>
      </c>
      <c r="I61254" s="1" t="s">
        <v>201500</v>
      </c>
      <c r="J61254" s="1" t="s">
        <v>205207</v>
      </c>
    </row>
    <row r="61255" spans="1:10" x14ac:dyDescent="0.35">
      <c r="A61255" s="1" t="s">
        <v>8741</v>
      </c>
      <c r="B61255" s="1" t="s">
        <v>201495</v>
      </c>
      <c r="C61255" s="1" t="s">
        <v>35</v>
      </c>
      <c r="D61255" s="1" t="s">
        <v>120820</v>
      </c>
      <c r="E61255" s="1" t="s">
        <v>205208</v>
      </c>
      <c r="F61255" s="1" t="s">
        <v>205209</v>
      </c>
      <c r="G61255" s="1" t="s">
        <v>205195</v>
      </c>
      <c r="H61255" s="1" t="s">
        <v>205196</v>
      </c>
      <c r="I61255" s="1" t="s">
        <v>201500</v>
      </c>
      <c r="J61255" s="1" t="s">
        <v>205210</v>
      </c>
    </row>
    <row r="61256" spans="1:10" x14ac:dyDescent="0.35">
      <c r="A61256" s="1" t="s">
        <v>8741</v>
      </c>
      <c r="B61256" s="1" t="s">
        <v>201495</v>
      </c>
      <c r="C61256" s="1" t="s">
        <v>40</v>
      </c>
      <c r="D61256" s="1" t="s">
        <v>142946</v>
      </c>
      <c r="E61256" s="1" t="s">
        <v>205211</v>
      </c>
      <c r="F61256" s="1" t="s">
        <v>205212</v>
      </c>
      <c r="G61256" s="1" t="s">
        <v>205195</v>
      </c>
      <c r="H61256" s="1" t="s">
        <v>205196</v>
      </c>
      <c r="I61256" s="1" t="s">
        <v>201500</v>
      </c>
      <c r="J61256" s="1" t="s">
        <v>205213</v>
      </c>
    </row>
    <row r="61257" spans="1:10" x14ac:dyDescent="0.35">
      <c r="A61257" s="1" t="s">
        <v>8741</v>
      </c>
      <c r="B61257" s="1" t="s">
        <v>201495</v>
      </c>
      <c r="C61257" s="1" t="s">
        <v>45</v>
      </c>
      <c r="D61257" s="1" t="s">
        <v>14541</v>
      </c>
      <c r="E61257" s="1" t="s">
        <v>205214</v>
      </c>
      <c r="F61257" s="1" t="s">
        <v>205215</v>
      </c>
      <c r="G61257" s="1" t="s">
        <v>205195</v>
      </c>
      <c r="H61257" s="1" t="s">
        <v>205196</v>
      </c>
      <c r="I61257" s="1" t="s">
        <v>201500</v>
      </c>
      <c r="J61257" s="1" t="s">
        <v>205216</v>
      </c>
    </row>
    <row r="61258" spans="1:10" x14ac:dyDescent="0.35">
      <c r="A61258" s="1" t="s">
        <v>8741</v>
      </c>
      <c r="B61258" s="1" t="s">
        <v>201495</v>
      </c>
      <c r="C61258" s="1" t="s">
        <v>50</v>
      </c>
      <c r="D61258" s="1" t="s">
        <v>121530</v>
      </c>
      <c r="E61258" s="1" t="s">
        <v>205217</v>
      </c>
      <c r="F61258" s="1" t="s">
        <v>205218</v>
      </c>
      <c r="G61258" s="1" t="s">
        <v>205195</v>
      </c>
      <c r="H61258" s="1" t="s">
        <v>205196</v>
      </c>
      <c r="I61258" s="1" t="s">
        <v>201500</v>
      </c>
      <c r="J61258" s="1" t="s">
        <v>205219</v>
      </c>
    </row>
    <row r="61259" spans="1:10" x14ac:dyDescent="0.35">
      <c r="A61259" s="1" t="s">
        <v>8741</v>
      </c>
      <c r="B61259" s="1" t="s">
        <v>201495</v>
      </c>
      <c r="C61259" s="1" t="s">
        <v>55</v>
      </c>
      <c r="D61259" s="1" t="s">
        <v>110854</v>
      </c>
      <c r="E61259" s="1" t="s">
        <v>205220</v>
      </c>
      <c r="F61259" s="1" t="s">
        <v>205221</v>
      </c>
      <c r="G61259" s="1" t="s">
        <v>205195</v>
      </c>
      <c r="H61259" s="1" t="s">
        <v>205196</v>
      </c>
      <c r="I61259" s="1" t="s">
        <v>201500</v>
      </c>
      <c r="J61259" s="1" t="s">
        <v>205222</v>
      </c>
    </row>
    <row r="61260" spans="1:10" x14ac:dyDescent="0.35">
      <c r="A61260" s="1" t="s">
        <v>8741</v>
      </c>
      <c r="B61260" s="1" t="s">
        <v>201495</v>
      </c>
      <c r="C61260" s="1" t="s">
        <v>60</v>
      </c>
      <c r="D61260" s="1" t="s">
        <v>6862</v>
      </c>
      <c r="E61260" s="1" t="s">
        <v>205223</v>
      </c>
      <c r="F61260" s="1" t="s">
        <v>205224</v>
      </c>
      <c r="G61260" s="1" t="s">
        <v>205195</v>
      </c>
      <c r="H61260" s="1" t="s">
        <v>205196</v>
      </c>
      <c r="I61260" s="1" t="s">
        <v>201500</v>
      </c>
      <c r="J61260" s="1" t="s">
        <v>205225</v>
      </c>
    </row>
    <row r="61261" spans="1:10" x14ac:dyDescent="0.35">
      <c r="A61261" s="1" t="s">
        <v>8741</v>
      </c>
      <c r="B61261" s="1" t="s">
        <v>201495</v>
      </c>
      <c r="C61261" s="1" t="s">
        <v>65</v>
      </c>
      <c r="D61261" s="1" t="s">
        <v>120049</v>
      </c>
      <c r="E61261" s="1" t="s">
        <v>111833</v>
      </c>
      <c r="F61261" s="1" t="s">
        <v>205226</v>
      </c>
      <c r="G61261" s="1" t="s">
        <v>205195</v>
      </c>
      <c r="H61261" s="1" t="s">
        <v>205196</v>
      </c>
      <c r="I61261" s="1" t="s">
        <v>201500</v>
      </c>
      <c r="J61261" s="1" t="s">
        <v>205227</v>
      </c>
    </row>
    <row r="61262" spans="1:10" x14ac:dyDescent="0.35">
      <c r="A61262" s="1" t="s">
        <v>8741</v>
      </c>
      <c r="B61262" s="1" t="s">
        <v>201495</v>
      </c>
      <c r="C61262" s="1" t="s">
        <v>70</v>
      </c>
      <c r="D61262" s="1" t="s">
        <v>10312</v>
      </c>
      <c r="E61262" s="1" t="s">
        <v>205228</v>
      </c>
      <c r="F61262" s="1" t="s">
        <v>205229</v>
      </c>
      <c r="G61262" s="1" t="s">
        <v>205195</v>
      </c>
      <c r="H61262" s="1" t="s">
        <v>205196</v>
      </c>
      <c r="I61262" s="1" t="s">
        <v>201500</v>
      </c>
      <c r="J61262" s="1" t="s">
        <v>205230</v>
      </c>
    </row>
    <row r="61263" spans="1:10" x14ac:dyDescent="0.35">
      <c r="A61263" s="1" t="s">
        <v>8741</v>
      </c>
      <c r="B61263" s="1" t="s">
        <v>201495</v>
      </c>
      <c r="C61263" s="1" t="s">
        <v>75</v>
      </c>
      <c r="D61263" s="1" t="s">
        <v>119796</v>
      </c>
      <c r="E61263" s="1" t="s">
        <v>205231</v>
      </c>
      <c r="F61263" s="1" t="s">
        <v>205232</v>
      </c>
      <c r="G61263" s="1" t="s">
        <v>205195</v>
      </c>
      <c r="H61263" s="1" t="s">
        <v>205196</v>
      </c>
      <c r="I61263" s="1" t="s">
        <v>201500</v>
      </c>
      <c r="J61263" s="1" t="s">
        <v>205233</v>
      </c>
    </row>
    <row r="61264" spans="1:10" x14ac:dyDescent="0.35">
      <c r="A61264" s="1" t="s">
        <v>8741</v>
      </c>
      <c r="B61264" s="1" t="s">
        <v>201495</v>
      </c>
      <c r="C61264" s="1" t="s">
        <v>80</v>
      </c>
      <c r="D61264" s="1" t="s">
        <v>205234</v>
      </c>
      <c r="E61264" s="1" t="s">
        <v>205235</v>
      </c>
      <c r="F61264" s="1" t="s">
        <v>205236</v>
      </c>
      <c r="G61264" s="1" t="s">
        <v>205195</v>
      </c>
      <c r="H61264" s="1" t="s">
        <v>205196</v>
      </c>
      <c r="I61264" s="1" t="s">
        <v>201500</v>
      </c>
      <c r="J61264" s="1" t="s">
        <v>205237</v>
      </c>
    </row>
    <row r="61265" spans="1:10" x14ac:dyDescent="0.35">
      <c r="A61265" s="1" t="s">
        <v>8741</v>
      </c>
      <c r="B61265" s="1" t="s">
        <v>201495</v>
      </c>
      <c r="C61265" s="1" t="s">
        <v>85</v>
      </c>
      <c r="D61265" s="1" t="s">
        <v>120921</v>
      </c>
      <c r="E61265" s="1" t="s">
        <v>205238</v>
      </c>
      <c r="F61265" s="1" t="s">
        <v>205239</v>
      </c>
      <c r="G61265" s="1" t="s">
        <v>205195</v>
      </c>
      <c r="H61265" s="1" t="s">
        <v>205196</v>
      </c>
      <c r="I61265" s="1" t="s">
        <v>201500</v>
      </c>
      <c r="J61265" s="1" t="s">
        <v>205240</v>
      </c>
    </row>
    <row r="61266" spans="1:10" x14ac:dyDescent="0.35">
      <c r="A61266" s="1" t="s">
        <v>8741</v>
      </c>
      <c r="B61266" s="1" t="s">
        <v>201495</v>
      </c>
      <c r="C61266" s="1" t="s">
        <v>90</v>
      </c>
      <c r="D61266" s="1" t="s">
        <v>30060</v>
      </c>
      <c r="E61266" s="1" t="s">
        <v>205241</v>
      </c>
      <c r="F61266" s="1" t="s">
        <v>205242</v>
      </c>
      <c r="G61266" s="1" t="s">
        <v>205195</v>
      </c>
      <c r="H61266" s="1" t="s">
        <v>205196</v>
      </c>
      <c r="I61266" s="1" t="s">
        <v>201500</v>
      </c>
      <c r="J61266" s="1" t="s">
        <v>205243</v>
      </c>
    </row>
    <row r="61267" spans="1:10" x14ac:dyDescent="0.35">
      <c r="A61267" s="1" t="s">
        <v>8741</v>
      </c>
      <c r="B61267" s="1" t="s">
        <v>201495</v>
      </c>
      <c r="C61267" s="1" t="s">
        <v>95</v>
      </c>
      <c r="D61267" s="1" t="s">
        <v>111053</v>
      </c>
      <c r="E61267" s="1" t="s">
        <v>205244</v>
      </c>
      <c r="F61267" s="1" t="s">
        <v>205245</v>
      </c>
      <c r="G61267" s="1" t="s">
        <v>205195</v>
      </c>
      <c r="H61267" s="1" t="s">
        <v>205196</v>
      </c>
      <c r="I61267" s="1" t="s">
        <v>201500</v>
      </c>
      <c r="J61267" s="1" t="s">
        <v>205246</v>
      </c>
    </row>
    <row r="61268" spans="1:10" x14ac:dyDescent="0.35">
      <c r="A61268" s="1" t="s">
        <v>8741</v>
      </c>
      <c r="B61268" s="1" t="s">
        <v>201495</v>
      </c>
      <c r="C61268" s="1" t="s">
        <v>100</v>
      </c>
      <c r="D61268" s="1" t="s">
        <v>51996</v>
      </c>
      <c r="E61268" s="1" t="s">
        <v>205247</v>
      </c>
      <c r="F61268" s="1" t="s">
        <v>205248</v>
      </c>
      <c r="G61268" s="1" t="s">
        <v>205195</v>
      </c>
      <c r="H61268" s="1" t="s">
        <v>205196</v>
      </c>
      <c r="I61268" s="1" t="s">
        <v>201500</v>
      </c>
      <c r="J61268" s="1" t="s">
        <v>205249</v>
      </c>
    </row>
    <row r="61269" spans="1:10" x14ac:dyDescent="0.35">
      <c r="A61269" s="1" t="s">
        <v>8741</v>
      </c>
      <c r="B61269" s="1" t="s">
        <v>201495</v>
      </c>
      <c r="C61269" s="1" t="s">
        <v>105</v>
      </c>
      <c r="D61269" s="1" t="s">
        <v>205250</v>
      </c>
      <c r="E61269" s="1" t="s">
        <v>205251</v>
      </c>
      <c r="F61269" s="1" t="s">
        <v>205252</v>
      </c>
      <c r="G61269" s="1" t="s">
        <v>205195</v>
      </c>
      <c r="H61269" s="1" t="s">
        <v>205196</v>
      </c>
      <c r="I61269" s="1" t="s">
        <v>201500</v>
      </c>
      <c r="J61269" s="1" t="s">
        <v>205253</v>
      </c>
    </row>
    <row r="61270" spans="1:10" x14ac:dyDescent="0.35">
      <c r="A61270" s="1" t="s">
        <v>8741</v>
      </c>
      <c r="B61270" s="1" t="s">
        <v>201495</v>
      </c>
      <c r="C61270" s="1" t="s">
        <v>110</v>
      </c>
      <c r="D61270" s="1" t="s">
        <v>14061</v>
      </c>
      <c r="E61270" s="1" t="s">
        <v>205254</v>
      </c>
      <c r="F61270" s="1" t="s">
        <v>205255</v>
      </c>
      <c r="G61270" s="1" t="s">
        <v>205195</v>
      </c>
      <c r="H61270" s="1" t="s">
        <v>205196</v>
      </c>
      <c r="I61270" s="1" t="s">
        <v>201500</v>
      </c>
      <c r="J61270" s="1" t="s">
        <v>205256</v>
      </c>
    </row>
    <row r="61271" spans="1:10" x14ac:dyDescent="0.35">
      <c r="A61271" s="1" t="s">
        <v>8741</v>
      </c>
      <c r="B61271" s="1" t="s">
        <v>201495</v>
      </c>
      <c r="C61271" s="1" t="s">
        <v>115</v>
      </c>
      <c r="D61271" s="1" t="s">
        <v>118190</v>
      </c>
      <c r="E61271" s="1" t="s">
        <v>205257</v>
      </c>
      <c r="F61271" s="1" t="s">
        <v>205258</v>
      </c>
      <c r="G61271" s="1" t="s">
        <v>205195</v>
      </c>
      <c r="H61271" s="1" t="s">
        <v>205196</v>
      </c>
      <c r="I61271" s="1" t="s">
        <v>201500</v>
      </c>
      <c r="J61271" s="1" t="s">
        <v>205259</v>
      </c>
    </row>
    <row r="61272" spans="1:10" x14ac:dyDescent="0.35">
      <c r="A61272" s="1" t="s">
        <v>8741</v>
      </c>
      <c r="B61272" s="1" t="s">
        <v>201495</v>
      </c>
      <c r="C61272" s="1" t="s">
        <v>120</v>
      </c>
      <c r="D61272" s="1" t="s">
        <v>205260</v>
      </c>
      <c r="E61272" s="1" t="s">
        <v>205261</v>
      </c>
      <c r="F61272" s="1" t="s">
        <v>205262</v>
      </c>
      <c r="G61272" s="1" t="s">
        <v>205195</v>
      </c>
      <c r="H61272" s="1" t="s">
        <v>205196</v>
      </c>
      <c r="I61272" s="1" t="s">
        <v>201500</v>
      </c>
      <c r="J61272" s="1" t="s">
        <v>205263</v>
      </c>
    </row>
    <row r="61273" spans="1:10" x14ac:dyDescent="0.35">
      <c r="A61273" s="1" t="s">
        <v>8741</v>
      </c>
      <c r="B61273" s="1" t="s">
        <v>201495</v>
      </c>
      <c r="C61273" s="1" t="s">
        <v>125</v>
      </c>
      <c r="D61273" s="1" t="s">
        <v>72344</v>
      </c>
      <c r="E61273" s="1" t="s">
        <v>205264</v>
      </c>
      <c r="F61273" s="1" t="s">
        <v>205265</v>
      </c>
      <c r="G61273" s="1" t="s">
        <v>205195</v>
      </c>
      <c r="H61273" s="1" t="s">
        <v>205196</v>
      </c>
      <c r="I61273" s="1" t="s">
        <v>201500</v>
      </c>
      <c r="J61273" s="1" t="s">
        <v>205266</v>
      </c>
    </row>
    <row r="61274" spans="1:10" x14ac:dyDescent="0.35">
      <c r="A61274" s="1" t="s">
        <v>8741</v>
      </c>
      <c r="B61274" s="1" t="s">
        <v>201495</v>
      </c>
      <c r="C61274" s="1" t="s">
        <v>130</v>
      </c>
      <c r="D61274" s="1" t="s">
        <v>181582</v>
      </c>
      <c r="E61274" s="1" t="s">
        <v>205267</v>
      </c>
      <c r="F61274" s="1" t="s">
        <v>205268</v>
      </c>
      <c r="G61274" s="1" t="s">
        <v>205195</v>
      </c>
      <c r="H61274" s="1" t="s">
        <v>205196</v>
      </c>
      <c r="I61274" s="1" t="s">
        <v>201500</v>
      </c>
      <c r="J61274" s="1" t="s">
        <v>205269</v>
      </c>
    </row>
    <row r="61275" spans="1:10" x14ac:dyDescent="0.35">
      <c r="A61275" s="1" t="s">
        <v>8741</v>
      </c>
      <c r="B61275" s="1" t="s">
        <v>201495</v>
      </c>
      <c r="C61275" s="1" t="s">
        <v>135</v>
      </c>
      <c r="D61275" s="1" t="s">
        <v>205270</v>
      </c>
      <c r="E61275" s="1" t="s">
        <v>205271</v>
      </c>
      <c r="F61275" s="1" t="s">
        <v>205272</v>
      </c>
      <c r="G61275" s="1" t="s">
        <v>205195</v>
      </c>
      <c r="H61275" s="1" t="s">
        <v>205196</v>
      </c>
      <c r="I61275" s="1" t="s">
        <v>201500</v>
      </c>
      <c r="J61275" s="1" t="s">
        <v>205273</v>
      </c>
    </row>
    <row r="61276" spans="1:10" x14ac:dyDescent="0.35">
      <c r="A61276" s="1" t="s">
        <v>8741</v>
      </c>
      <c r="B61276" s="1" t="s">
        <v>201495</v>
      </c>
      <c r="C61276" s="1" t="s">
        <v>140</v>
      </c>
      <c r="D61276" s="1" t="s">
        <v>72479</v>
      </c>
      <c r="E61276" s="1" t="s">
        <v>205274</v>
      </c>
      <c r="F61276" s="1" t="s">
        <v>205275</v>
      </c>
      <c r="G61276" s="1" t="s">
        <v>205195</v>
      </c>
      <c r="H61276" s="1" t="s">
        <v>205196</v>
      </c>
      <c r="I61276" s="1" t="s">
        <v>201500</v>
      </c>
      <c r="J61276" s="1" t="s">
        <v>205276</v>
      </c>
    </row>
    <row r="61277" spans="1:10" x14ac:dyDescent="0.35">
      <c r="A61277" s="1" t="s">
        <v>8741</v>
      </c>
      <c r="B61277" s="1" t="s">
        <v>201495</v>
      </c>
      <c r="C61277" s="1" t="s">
        <v>145</v>
      </c>
      <c r="D61277" s="1" t="s">
        <v>35330</v>
      </c>
      <c r="E61277" s="1" t="s">
        <v>205277</v>
      </c>
      <c r="F61277" s="1" t="s">
        <v>205278</v>
      </c>
      <c r="G61277" s="1" t="s">
        <v>205195</v>
      </c>
      <c r="H61277" s="1" t="s">
        <v>205196</v>
      </c>
      <c r="I61277" s="1" t="s">
        <v>201500</v>
      </c>
      <c r="J61277" s="1" t="s">
        <v>205279</v>
      </c>
    </row>
    <row r="61278" spans="1:10" x14ac:dyDescent="0.35">
      <c r="A61278" s="1" t="s">
        <v>8741</v>
      </c>
      <c r="B61278" s="1" t="s">
        <v>201495</v>
      </c>
      <c r="C61278" s="1" t="s">
        <v>150</v>
      </c>
      <c r="D61278" s="1" t="s">
        <v>34931</v>
      </c>
      <c r="E61278" s="1" t="s">
        <v>205280</v>
      </c>
      <c r="F61278" s="1" t="s">
        <v>205281</v>
      </c>
      <c r="G61278" s="1" t="s">
        <v>205195</v>
      </c>
      <c r="H61278" s="1" t="s">
        <v>205196</v>
      </c>
      <c r="I61278" s="1" t="s">
        <v>201500</v>
      </c>
      <c r="J61278" s="1" t="s">
        <v>205282</v>
      </c>
    </row>
    <row r="61279" spans="1:10" x14ac:dyDescent="0.35">
      <c r="A61279" s="1" t="s">
        <v>8741</v>
      </c>
      <c r="B61279" s="1" t="s">
        <v>201495</v>
      </c>
      <c r="C61279" s="1" t="s">
        <v>155</v>
      </c>
      <c r="D61279" s="1" t="s">
        <v>44925</v>
      </c>
      <c r="E61279" s="1" t="s">
        <v>205283</v>
      </c>
      <c r="F61279" s="1" t="s">
        <v>205284</v>
      </c>
      <c r="G61279" s="1" t="s">
        <v>205195</v>
      </c>
      <c r="H61279" s="1" t="s">
        <v>205196</v>
      </c>
      <c r="I61279" s="1" t="s">
        <v>201500</v>
      </c>
      <c r="J61279" s="1" t="s">
        <v>205285</v>
      </c>
    </row>
    <row r="61280" spans="1:10" x14ac:dyDescent="0.35">
      <c r="A61280" s="1" t="s">
        <v>8741</v>
      </c>
      <c r="B61280" s="1" t="s">
        <v>201495</v>
      </c>
      <c r="C61280" s="1" t="s">
        <v>160</v>
      </c>
      <c r="D61280" s="1" t="s">
        <v>50636</v>
      </c>
      <c r="E61280" s="1" t="s">
        <v>205286</v>
      </c>
      <c r="F61280" s="1" t="s">
        <v>205287</v>
      </c>
      <c r="G61280" s="1" t="s">
        <v>205195</v>
      </c>
      <c r="H61280" s="1" t="s">
        <v>205196</v>
      </c>
      <c r="I61280" s="1" t="s">
        <v>201500</v>
      </c>
      <c r="J61280" s="1" t="s">
        <v>205288</v>
      </c>
    </row>
    <row r="61281" spans="1:10" x14ac:dyDescent="0.35">
      <c r="A61281" s="1" t="s">
        <v>8741</v>
      </c>
      <c r="B61281" s="1" t="s">
        <v>201495</v>
      </c>
      <c r="C61281" s="1" t="s">
        <v>165</v>
      </c>
      <c r="D61281" s="1" t="s">
        <v>34965</v>
      </c>
      <c r="E61281" s="1" t="s">
        <v>205289</v>
      </c>
      <c r="F61281" s="1" t="s">
        <v>205290</v>
      </c>
      <c r="G61281" s="1" t="s">
        <v>205195</v>
      </c>
      <c r="H61281" s="1" t="s">
        <v>205196</v>
      </c>
      <c r="I61281" s="1" t="s">
        <v>201500</v>
      </c>
      <c r="J61281" s="1" t="s">
        <v>205291</v>
      </c>
    </row>
    <row r="61282" spans="1:10" x14ac:dyDescent="0.35">
      <c r="A61282" s="1" t="s">
        <v>8741</v>
      </c>
      <c r="B61282" s="1" t="s">
        <v>201495</v>
      </c>
      <c r="C61282" s="1" t="s">
        <v>170</v>
      </c>
      <c r="D61282" s="1" t="s">
        <v>135826</v>
      </c>
      <c r="E61282" s="1" t="s">
        <v>205292</v>
      </c>
      <c r="F61282" s="1" t="s">
        <v>205293</v>
      </c>
      <c r="G61282" s="1" t="s">
        <v>205195</v>
      </c>
      <c r="H61282" s="1" t="s">
        <v>205196</v>
      </c>
      <c r="I61282" s="1" t="s">
        <v>201500</v>
      </c>
      <c r="J61282" s="1" t="s">
        <v>205294</v>
      </c>
    </row>
    <row r="61283" spans="1:10" x14ac:dyDescent="0.35">
      <c r="A61283" s="1" t="s">
        <v>27573</v>
      </c>
      <c r="B61283" s="1" t="s">
        <v>201495</v>
      </c>
      <c r="C61283" s="1" t="s">
        <v>8</v>
      </c>
      <c r="D61283" s="1" t="s">
        <v>202116</v>
      </c>
      <c r="E61283" s="1" t="s">
        <v>205295</v>
      </c>
      <c r="F61283" s="1" t="s">
        <v>205296</v>
      </c>
      <c r="G61283" s="1" t="s">
        <v>205297</v>
      </c>
      <c r="H61283" s="1" t="s">
        <v>205298</v>
      </c>
      <c r="I61283" s="1" t="s">
        <v>201500</v>
      </c>
      <c r="J61283" s="1" t="s">
        <v>13</v>
      </c>
    </row>
    <row r="61284" spans="1:10" x14ac:dyDescent="0.35">
      <c r="A61284" s="1" t="s">
        <v>27573</v>
      </c>
      <c r="B61284" s="1" t="s">
        <v>201495</v>
      </c>
      <c r="C61284" s="1" t="s">
        <v>15</v>
      </c>
      <c r="D61284" s="1" t="s">
        <v>15848</v>
      </c>
      <c r="E61284" s="1" t="s">
        <v>205299</v>
      </c>
      <c r="F61284" s="1" t="s">
        <v>205300</v>
      </c>
      <c r="G61284" s="1" t="s">
        <v>205297</v>
      </c>
      <c r="H61284" s="1" t="s">
        <v>205298</v>
      </c>
      <c r="I61284" s="1" t="s">
        <v>201500</v>
      </c>
      <c r="J61284" s="1" t="s">
        <v>205301</v>
      </c>
    </row>
    <row r="61285" spans="1:10" x14ac:dyDescent="0.35">
      <c r="A61285" s="1" t="s">
        <v>27573</v>
      </c>
      <c r="B61285" s="1" t="s">
        <v>201495</v>
      </c>
      <c r="C61285" s="1" t="s">
        <v>20</v>
      </c>
      <c r="D61285" s="1" t="s">
        <v>111586</v>
      </c>
      <c r="E61285" s="1" t="s">
        <v>205302</v>
      </c>
      <c r="F61285" s="1" t="s">
        <v>205303</v>
      </c>
      <c r="G61285" s="1" t="s">
        <v>205297</v>
      </c>
      <c r="H61285" s="1" t="s">
        <v>205298</v>
      </c>
      <c r="I61285" s="1" t="s">
        <v>201500</v>
      </c>
      <c r="J61285" s="1" t="s">
        <v>205304</v>
      </c>
    </row>
    <row r="61286" spans="1:10" x14ac:dyDescent="0.35">
      <c r="A61286" s="1" t="s">
        <v>27573</v>
      </c>
      <c r="B61286" s="1" t="s">
        <v>201495</v>
      </c>
      <c r="C61286" s="1" t="s">
        <v>25</v>
      </c>
      <c r="D61286" s="1" t="s">
        <v>4753</v>
      </c>
      <c r="E61286" s="1" t="s">
        <v>205305</v>
      </c>
      <c r="F61286" s="1" t="s">
        <v>205306</v>
      </c>
      <c r="G61286" s="1" t="s">
        <v>205297</v>
      </c>
      <c r="H61286" s="1" t="s">
        <v>205298</v>
      </c>
      <c r="I61286" s="1" t="s">
        <v>201500</v>
      </c>
      <c r="J61286" s="1" t="s">
        <v>205307</v>
      </c>
    </row>
    <row r="61287" spans="1:10" x14ac:dyDescent="0.35">
      <c r="A61287" s="1" t="s">
        <v>27573</v>
      </c>
      <c r="B61287" s="1" t="s">
        <v>201495</v>
      </c>
      <c r="C61287" s="1" t="s">
        <v>30</v>
      </c>
      <c r="D61287" s="1" t="s">
        <v>116130</v>
      </c>
      <c r="E61287" s="1" t="s">
        <v>205308</v>
      </c>
      <c r="F61287" s="1" t="s">
        <v>205309</v>
      </c>
      <c r="G61287" s="1" t="s">
        <v>205297</v>
      </c>
      <c r="H61287" s="1" t="s">
        <v>205298</v>
      </c>
      <c r="I61287" s="1" t="s">
        <v>201500</v>
      </c>
      <c r="J61287" s="1" t="s">
        <v>205310</v>
      </c>
    </row>
    <row r="61288" spans="1:10" x14ac:dyDescent="0.35">
      <c r="A61288" s="1" t="s">
        <v>27573</v>
      </c>
      <c r="B61288" s="1" t="s">
        <v>201495</v>
      </c>
      <c r="C61288" s="1" t="s">
        <v>35</v>
      </c>
      <c r="D61288" s="1" t="s">
        <v>196964</v>
      </c>
      <c r="E61288" s="1" t="s">
        <v>205311</v>
      </c>
      <c r="F61288" s="1" t="s">
        <v>205312</v>
      </c>
      <c r="G61288" s="1" t="s">
        <v>205297</v>
      </c>
      <c r="H61288" s="1" t="s">
        <v>205298</v>
      </c>
      <c r="I61288" s="1" t="s">
        <v>201500</v>
      </c>
      <c r="J61288" s="1" t="s">
        <v>205313</v>
      </c>
    </row>
    <row r="61289" spans="1:10" x14ac:dyDescent="0.35">
      <c r="A61289" s="1" t="s">
        <v>27573</v>
      </c>
      <c r="B61289" s="1" t="s">
        <v>201495</v>
      </c>
      <c r="C61289" s="1" t="s">
        <v>40</v>
      </c>
      <c r="D61289" s="1" t="s">
        <v>205314</v>
      </c>
      <c r="E61289" s="1" t="s">
        <v>205315</v>
      </c>
      <c r="F61289" s="1" t="s">
        <v>205316</v>
      </c>
      <c r="G61289" s="1" t="s">
        <v>205297</v>
      </c>
      <c r="H61289" s="1" t="s">
        <v>205298</v>
      </c>
      <c r="I61289" s="1" t="s">
        <v>201500</v>
      </c>
      <c r="J61289" s="1" t="s">
        <v>205317</v>
      </c>
    </row>
    <row r="61290" spans="1:10" x14ac:dyDescent="0.35">
      <c r="A61290" s="1" t="s">
        <v>27573</v>
      </c>
      <c r="B61290" s="1" t="s">
        <v>201495</v>
      </c>
      <c r="C61290" s="1" t="s">
        <v>45</v>
      </c>
      <c r="D61290" s="1" t="s">
        <v>2885</v>
      </c>
      <c r="E61290" s="1" t="s">
        <v>205318</v>
      </c>
      <c r="F61290" s="1" t="s">
        <v>205319</v>
      </c>
      <c r="G61290" s="1" t="s">
        <v>205297</v>
      </c>
      <c r="H61290" s="1" t="s">
        <v>205298</v>
      </c>
      <c r="I61290" s="1" t="s">
        <v>201500</v>
      </c>
      <c r="J61290" s="1" t="s">
        <v>205320</v>
      </c>
    </row>
    <row r="61291" spans="1:10" x14ac:dyDescent="0.35">
      <c r="A61291" s="1" t="s">
        <v>27573</v>
      </c>
      <c r="B61291" s="1" t="s">
        <v>201495</v>
      </c>
      <c r="C61291" s="1" t="s">
        <v>50</v>
      </c>
      <c r="D61291" s="1" t="s">
        <v>46113</v>
      </c>
      <c r="E61291" s="1" t="s">
        <v>205321</v>
      </c>
      <c r="F61291" s="1" t="s">
        <v>205322</v>
      </c>
      <c r="G61291" s="1" t="s">
        <v>205297</v>
      </c>
      <c r="H61291" s="1" t="s">
        <v>205298</v>
      </c>
      <c r="I61291" s="1" t="s">
        <v>201500</v>
      </c>
      <c r="J61291" s="1" t="s">
        <v>205323</v>
      </c>
    </row>
    <row r="61292" spans="1:10" x14ac:dyDescent="0.35">
      <c r="A61292" s="1" t="s">
        <v>27573</v>
      </c>
      <c r="B61292" s="1" t="s">
        <v>201495</v>
      </c>
      <c r="C61292" s="1" t="s">
        <v>55</v>
      </c>
      <c r="D61292" s="1" t="s">
        <v>115687</v>
      </c>
      <c r="E61292" s="1" t="s">
        <v>205324</v>
      </c>
      <c r="F61292" s="1" t="s">
        <v>205325</v>
      </c>
      <c r="G61292" s="1" t="s">
        <v>205297</v>
      </c>
      <c r="H61292" s="1" t="s">
        <v>205298</v>
      </c>
      <c r="I61292" s="1" t="s">
        <v>201500</v>
      </c>
      <c r="J61292" s="1" t="s">
        <v>205326</v>
      </c>
    </row>
    <row r="61293" spans="1:10" x14ac:dyDescent="0.35">
      <c r="A61293" s="1" t="s">
        <v>27573</v>
      </c>
      <c r="B61293" s="1" t="s">
        <v>201495</v>
      </c>
      <c r="C61293" s="1" t="s">
        <v>60</v>
      </c>
      <c r="D61293" s="1" t="s">
        <v>145684</v>
      </c>
      <c r="E61293" s="1" t="s">
        <v>205327</v>
      </c>
      <c r="F61293" s="1" t="s">
        <v>205328</v>
      </c>
      <c r="G61293" s="1" t="s">
        <v>205297</v>
      </c>
      <c r="H61293" s="1" t="s">
        <v>205298</v>
      </c>
      <c r="I61293" s="1" t="s">
        <v>201500</v>
      </c>
      <c r="J61293" s="1" t="s">
        <v>205329</v>
      </c>
    </row>
    <row r="61294" spans="1:10" x14ac:dyDescent="0.35">
      <c r="A61294" s="1" t="s">
        <v>27573</v>
      </c>
      <c r="B61294" s="1" t="s">
        <v>201495</v>
      </c>
      <c r="C61294" s="1" t="s">
        <v>65</v>
      </c>
      <c r="D61294" s="1" t="s">
        <v>117036</v>
      </c>
      <c r="E61294" s="1" t="s">
        <v>205330</v>
      </c>
      <c r="F61294" s="1" t="s">
        <v>205331</v>
      </c>
      <c r="G61294" s="1" t="s">
        <v>205297</v>
      </c>
      <c r="H61294" s="1" t="s">
        <v>205298</v>
      </c>
      <c r="I61294" s="1" t="s">
        <v>201500</v>
      </c>
      <c r="J61294" s="1" t="s">
        <v>3552</v>
      </c>
    </row>
    <row r="61295" spans="1:10" x14ac:dyDescent="0.35">
      <c r="A61295" s="1" t="s">
        <v>27573</v>
      </c>
      <c r="B61295" s="1" t="s">
        <v>201495</v>
      </c>
      <c r="C61295" s="1" t="s">
        <v>70</v>
      </c>
      <c r="D61295" s="1" t="s">
        <v>143353</v>
      </c>
      <c r="E61295" s="1" t="s">
        <v>205332</v>
      </c>
      <c r="F61295" s="1" t="s">
        <v>205333</v>
      </c>
      <c r="G61295" s="1" t="s">
        <v>205297</v>
      </c>
      <c r="H61295" s="1" t="s">
        <v>205298</v>
      </c>
      <c r="I61295" s="1" t="s">
        <v>201500</v>
      </c>
      <c r="J61295" s="1" t="s">
        <v>205334</v>
      </c>
    </row>
    <row r="61296" spans="1:10" x14ac:dyDescent="0.35">
      <c r="A61296" s="1" t="s">
        <v>27573</v>
      </c>
      <c r="B61296" s="1" t="s">
        <v>201495</v>
      </c>
      <c r="C61296" s="1" t="s">
        <v>75</v>
      </c>
      <c r="D61296" s="1" t="s">
        <v>6892</v>
      </c>
      <c r="E61296" s="1" t="s">
        <v>205335</v>
      </c>
      <c r="F61296" s="1" t="s">
        <v>205336</v>
      </c>
      <c r="G61296" s="1" t="s">
        <v>205297</v>
      </c>
      <c r="H61296" s="1" t="s">
        <v>205298</v>
      </c>
      <c r="I61296" s="1" t="s">
        <v>201500</v>
      </c>
      <c r="J61296" s="1" t="s">
        <v>205337</v>
      </c>
    </row>
    <row r="61297" spans="1:10" x14ac:dyDescent="0.35">
      <c r="A61297" s="1" t="s">
        <v>27573</v>
      </c>
      <c r="B61297" s="1" t="s">
        <v>201495</v>
      </c>
      <c r="C61297" s="1" t="s">
        <v>80</v>
      </c>
      <c r="D61297" s="1" t="s">
        <v>2893</v>
      </c>
      <c r="E61297" s="1" t="s">
        <v>205338</v>
      </c>
      <c r="F61297" s="1" t="s">
        <v>205339</v>
      </c>
      <c r="G61297" s="1" t="s">
        <v>205297</v>
      </c>
      <c r="H61297" s="1" t="s">
        <v>205298</v>
      </c>
      <c r="I61297" s="1" t="s">
        <v>201500</v>
      </c>
      <c r="J61297" s="1" t="s">
        <v>205340</v>
      </c>
    </row>
    <row r="61298" spans="1:10" x14ac:dyDescent="0.35">
      <c r="A61298" s="1" t="s">
        <v>27573</v>
      </c>
      <c r="B61298" s="1" t="s">
        <v>201495</v>
      </c>
      <c r="C61298" s="1" t="s">
        <v>85</v>
      </c>
      <c r="D61298" s="1" t="s">
        <v>204644</v>
      </c>
      <c r="E61298" s="1" t="s">
        <v>205341</v>
      </c>
      <c r="F61298" s="1" t="s">
        <v>205342</v>
      </c>
      <c r="G61298" s="1" t="s">
        <v>205297</v>
      </c>
      <c r="H61298" s="1" t="s">
        <v>205298</v>
      </c>
      <c r="I61298" s="1" t="s">
        <v>201500</v>
      </c>
      <c r="J61298" s="1" t="s">
        <v>205343</v>
      </c>
    </row>
    <row r="61299" spans="1:10" x14ac:dyDescent="0.35">
      <c r="A61299" s="1" t="s">
        <v>27573</v>
      </c>
      <c r="B61299" s="1" t="s">
        <v>201495</v>
      </c>
      <c r="C61299" s="1" t="s">
        <v>90</v>
      </c>
      <c r="D61299" s="1" t="s">
        <v>15449</v>
      </c>
      <c r="E61299" s="1" t="s">
        <v>205344</v>
      </c>
      <c r="F61299" s="1" t="s">
        <v>205345</v>
      </c>
      <c r="G61299" s="1" t="s">
        <v>205297</v>
      </c>
      <c r="H61299" s="1" t="s">
        <v>205298</v>
      </c>
      <c r="I61299" s="1" t="s">
        <v>201500</v>
      </c>
      <c r="J61299" s="1" t="s">
        <v>205346</v>
      </c>
    </row>
    <row r="61300" spans="1:10" x14ac:dyDescent="0.35">
      <c r="A61300" s="1" t="s">
        <v>27573</v>
      </c>
      <c r="B61300" s="1" t="s">
        <v>201495</v>
      </c>
      <c r="C61300" s="1" t="s">
        <v>95</v>
      </c>
      <c r="D61300" s="1" t="s">
        <v>205347</v>
      </c>
      <c r="E61300" s="1" t="s">
        <v>205348</v>
      </c>
      <c r="F61300" s="1" t="s">
        <v>205349</v>
      </c>
      <c r="G61300" s="1" t="s">
        <v>205297</v>
      </c>
      <c r="H61300" s="1" t="s">
        <v>205298</v>
      </c>
      <c r="I61300" s="1" t="s">
        <v>201500</v>
      </c>
      <c r="J61300" s="1" t="s">
        <v>205350</v>
      </c>
    </row>
    <row r="61301" spans="1:10" x14ac:dyDescent="0.35">
      <c r="A61301" s="1" t="s">
        <v>27573</v>
      </c>
      <c r="B61301" s="1" t="s">
        <v>201495</v>
      </c>
      <c r="C61301" s="1" t="s">
        <v>100</v>
      </c>
      <c r="D61301" s="1" t="s">
        <v>9005</v>
      </c>
      <c r="E61301" s="1" t="s">
        <v>205351</v>
      </c>
      <c r="F61301" s="1" t="s">
        <v>205352</v>
      </c>
      <c r="G61301" s="1" t="s">
        <v>205297</v>
      </c>
      <c r="H61301" s="1" t="s">
        <v>205298</v>
      </c>
      <c r="I61301" s="1" t="s">
        <v>201500</v>
      </c>
      <c r="J61301" s="1" t="s">
        <v>205353</v>
      </c>
    </row>
    <row r="61302" spans="1:10" x14ac:dyDescent="0.35">
      <c r="A61302" s="1" t="s">
        <v>27573</v>
      </c>
      <c r="B61302" s="1" t="s">
        <v>201495</v>
      </c>
      <c r="C61302" s="1" t="s">
        <v>105</v>
      </c>
      <c r="D61302" s="1" t="s">
        <v>115583</v>
      </c>
      <c r="E61302" s="1" t="s">
        <v>205354</v>
      </c>
      <c r="F61302" s="1" t="s">
        <v>205355</v>
      </c>
      <c r="G61302" s="1" t="s">
        <v>205297</v>
      </c>
      <c r="H61302" s="1" t="s">
        <v>205298</v>
      </c>
      <c r="I61302" s="1" t="s">
        <v>201500</v>
      </c>
      <c r="J61302" s="1" t="s">
        <v>205356</v>
      </c>
    </row>
    <row r="61303" spans="1:10" x14ac:dyDescent="0.35">
      <c r="A61303" s="1" t="s">
        <v>27573</v>
      </c>
      <c r="B61303" s="1" t="s">
        <v>201495</v>
      </c>
      <c r="C61303" s="1" t="s">
        <v>110</v>
      </c>
      <c r="D61303" s="1" t="s">
        <v>35255</v>
      </c>
      <c r="E61303" s="1" t="s">
        <v>205357</v>
      </c>
      <c r="F61303" s="1" t="s">
        <v>205358</v>
      </c>
      <c r="G61303" s="1" t="s">
        <v>205297</v>
      </c>
      <c r="H61303" s="1" t="s">
        <v>205298</v>
      </c>
      <c r="I61303" s="1" t="s">
        <v>201500</v>
      </c>
      <c r="J61303" s="1" t="s">
        <v>205359</v>
      </c>
    </row>
    <row r="61304" spans="1:10" x14ac:dyDescent="0.35">
      <c r="A61304" s="1" t="s">
        <v>27573</v>
      </c>
      <c r="B61304" s="1" t="s">
        <v>201495</v>
      </c>
      <c r="C61304" s="1" t="s">
        <v>115</v>
      </c>
      <c r="D61304" s="1" t="s">
        <v>35217</v>
      </c>
      <c r="E61304" s="1" t="s">
        <v>205360</v>
      </c>
      <c r="F61304" s="1" t="s">
        <v>205361</v>
      </c>
      <c r="G61304" s="1" t="s">
        <v>205297</v>
      </c>
      <c r="H61304" s="1" t="s">
        <v>205298</v>
      </c>
      <c r="I61304" s="1" t="s">
        <v>201500</v>
      </c>
      <c r="J61304" s="1" t="s">
        <v>205362</v>
      </c>
    </row>
    <row r="61305" spans="1:10" x14ac:dyDescent="0.35">
      <c r="A61305" s="1" t="s">
        <v>27573</v>
      </c>
      <c r="B61305" s="1" t="s">
        <v>201495</v>
      </c>
      <c r="C61305" s="1" t="s">
        <v>120</v>
      </c>
      <c r="D61305" s="1" t="s">
        <v>204925</v>
      </c>
      <c r="E61305" s="1" t="s">
        <v>205363</v>
      </c>
      <c r="F61305" s="1" t="s">
        <v>205364</v>
      </c>
      <c r="G61305" s="1" t="s">
        <v>205297</v>
      </c>
      <c r="H61305" s="1" t="s">
        <v>205298</v>
      </c>
      <c r="I61305" s="1" t="s">
        <v>201500</v>
      </c>
      <c r="J61305" s="1" t="s">
        <v>205365</v>
      </c>
    </row>
    <row r="61306" spans="1:10" x14ac:dyDescent="0.35">
      <c r="A61306" s="1" t="s">
        <v>27573</v>
      </c>
      <c r="B61306" s="1" t="s">
        <v>201495</v>
      </c>
      <c r="C61306" s="1" t="s">
        <v>125</v>
      </c>
      <c r="D61306" s="1" t="s">
        <v>51203</v>
      </c>
      <c r="E61306" s="1" t="s">
        <v>205366</v>
      </c>
      <c r="F61306" s="1" t="s">
        <v>205367</v>
      </c>
      <c r="G61306" s="1" t="s">
        <v>205297</v>
      </c>
      <c r="H61306" s="1" t="s">
        <v>205298</v>
      </c>
      <c r="I61306" s="1" t="s">
        <v>201500</v>
      </c>
      <c r="J61306" s="1" t="s">
        <v>205368</v>
      </c>
    </row>
    <row r="61307" spans="1:10" x14ac:dyDescent="0.35">
      <c r="A61307" s="1" t="s">
        <v>27573</v>
      </c>
      <c r="B61307" s="1" t="s">
        <v>201495</v>
      </c>
      <c r="C61307" s="1" t="s">
        <v>130</v>
      </c>
      <c r="D61307" s="1" t="s">
        <v>118198</v>
      </c>
      <c r="E61307" s="1" t="s">
        <v>205369</v>
      </c>
      <c r="F61307" s="1" t="s">
        <v>205370</v>
      </c>
      <c r="G61307" s="1" t="s">
        <v>205297</v>
      </c>
      <c r="H61307" s="1" t="s">
        <v>205298</v>
      </c>
      <c r="I61307" s="1" t="s">
        <v>201500</v>
      </c>
      <c r="J61307" s="1" t="s">
        <v>205371</v>
      </c>
    </row>
    <row r="61308" spans="1:10" x14ac:dyDescent="0.35">
      <c r="A61308" s="1" t="s">
        <v>27573</v>
      </c>
      <c r="B61308" s="1" t="s">
        <v>201495</v>
      </c>
      <c r="C61308" s="1" t="s">
        <v>135</v>
      </c>
      <c r="D61308" s="1" t="s">
        <v>10926</v>
      </c>
      <c r="E61308" s="1" t="s">
        <v>205372</v>
      </c>
      <c r="F61308" s="1" t="s">
        <v>205373</v>
      </c>
      <c r="G61308" s="1" t="s">
        <v>205297</v>
      </c>
      <c r="H61308" s="1" t="s">
        <v>205298</v>
      </c>
      <c r="I61308" s="1" t="s">
        <v>201500</v>
      </c>
      <c r="J61308" s="1" t="s">
        <v>205374</v>
      </c>
    </row>
    <row r="61309" spans="1:10" x14ac:dyDescent="0.35">
      <c r="A61309" s="1" t="s">
        <v>27573</v>
      </c>
      <c r="B61309" s="1" t="s">
        <v>201495</v>
      </c>
      <c r="C61309" s="1" t="s">
        <v>140</v>
      </c>
      <c r="D61309" s="1" t="s">
        <v>151769</v>
      </c>
      <c r="E61309" s="1" t="s">
        <v>205375</v>
      </c>
      <c r="F61309" s="1" t="s">
        <v>205376</v>
      </c>
      <c r="G61309" s="1" t="s">
        <v>205297</v>
      </c>
      <c r="H61309" s="1" t="s">
        <v>205298</v>
      </c>
      <c r="I61309" s="1" t="s">
        <v>201500</v>
      </c>
      <c r="J61309" s="1" t="s">
        <v>205377</v>
      </c>
    </row>
    <row r="61310" spans="1:10" x14ac:dyDescent="0.35">
      <c r="A61310" s="1" t="s">
        <v>27573</v>
      </c>
      <c r="B61310" s="1" t="s">
        <v>201495</v>
      </c>
      <c r="C61310" s="1" t="s">
        <v>145</v>
      </c>
      <c r="D61310" s="1" t="s">
        <v>29250</v>
      </c>
      <c r="E61310" s="1" t="s">
        <v>205378</v>
      </c>
      <c r="F61310" s="1" t="s">
        <v>205379</v>
      </c>
      <c r="G61310" s="1" t="s">
        <v>205297</v>
      </c>
      <c r="H61310" s="1" t="s">
        <v>205298</v>
      </c>
      <c r="I61310" s="1" t="s">
        <v>201500</v>
      </c>
      <c r="J61310" s="1" t="s">
        <v>205380</v>
      </c>
    </row>
    <row r="61311" spans="1:10" x14ac:dyDescent="0.35">
      <c r="A61311" s="1" t="s">
        <v>27573</v>
      </c>
      <c r="B61311" s="1" t="s">
        <v>201495</v>
      </c>
      <c r="C61311" s="1" t="s">
        <v>150</v>
      </c>
      <c r="D61311" s="1" t="s">
        <v>182341</v>
      </c>
      <c r="E61311" s="1" t="s">
        <v>205381</v>
      </c>
      <c r="F61311" s="1" t="s">
        <v>205382</v>
      </c>
      <c r="G61311" s="1" t="s">
        <v>205297</v>
      </c>
      <c r="H61311" s="1" t="s">
        <v>205298</v>
      </c>
      <c r="I61311" s="1" t="s">
        <v>201500</v>
      </c>
      <c r="J61311" s="1" t="s">
        <v>205383</v>
      </c>
    </row>
    <row r="61312" spans="1:10" x14ac:dyDescent="0.35">
      <c r="A61312" s="1" t="s">
        <v>27573</v>
      </c>
      <c r="B61312" s="1" t="s">
        <v>201495</v>
      </c>
      <c r="C61312" s="1" t="s">
        <v>155</v>
      </c>
      <c r="D61312" s="1" t="s">
        <v>175023</v>
      </c>
      <c r="E61312" s="1" t="s">
        <v>205384</v>
      </c>
      <c r="F61312" s="1" t="s">
        <v>205385</v>
      </c>
      <c r="G61312" s="1" t="s">
        <v>205297</v>
      </c>
      <c r="H61312" s="1" t="s">
        <v>205298</v>
      </c>
      <c r="I61312" s="1" t="s">
        <v>201500</v>
      </c>
      <c r="J61312" s="1" t="s">
        <v>205386</v>
      </c>
    </row>
    <row r="61313" spans="1:10" x14ac:dyDescent="0.35">
      <c r="A61313" s="1" t="s">
        <v>27573</v>
      </c>
      <c r="B61313" s="1" t="s">
        <v>201495</v>
      </c>
      <c r="C61313" s="1" t="s">
        <v>160</v>
      </c>
      <c r="D61313" s="1" t="s">
        <v>124021</v>
      </c>
      <c r="E61313" s="1" t="s">
        <v>205387</v>
      </c>
      <c r="F61313" s="1" t="s">
        <v>205388</v>
      </c>
      <c r="G61313" s="1" t="s">
        <v>205297</v>
      </c>
      <c r="H61313" s="1" t="s">
        <v>205298</v>
      </c>
      <c r="I61313" s="1" t="s">
        <v>201500</v>
      </c>
      <c r="J61313" s="1" t="s">
        <v>205389</v>
      </c>
    </row>
    <row r="61314" spans="1:10" x14ac:dyDescent="0.35">
      <c r="A61314" s="1" t="s">
        <v>27573</v>
      </c>
      <c r="B61314" s="1" t="s">
        <v>201495</v>
      </c>
      <c r="C61314" s="1" t="s">
        <v>165</v>
      </c>
      <c r="D61314" s="1" t="s">
        <v>104353</v>
      </c>
      <c r="E61314" s="1" t="s">
        <v>205390</v>
      </c>
      <c r="F61314" s="1" t="s">
        <v>205391</v>
      </c>
      <c r="G61314" s="1" t="s">
        <v>205297</v>
      </c>
      <c r="H61314" s="1" t="s">
        <v>205298</v>
      </c>
      <c r="I61314" s="1" t="s">
        <v>201500</v>
      </c>
      <c r="J61314" s="1" t="s">
        <v>205392</v>
      </c>
    </row>
    <row r="61315" spans="1:10" x14ac:dyDescent="0.35">
      <c r="A61315" s="1" t="s">
        <v>27573</v>
      </c>
      <c r="B61315" s="1" t="s">
        <v>201495</v>
      </c>
      <c r="C61315" s="1" t="s">
        <v>170</v>
      </c>
      <c r="D61315" s="1" t="s">
        <v>29250</v>
      </c>
      <c r="E61315" s="1" t="s">
        <v>205393</v>
      </c>
      <c r="F61315" s="1" t="s">
        <v>205394</v>
      </c>
      <c r="G61315" s="1" t="s">
        <v>205297</v>
      </c>
      <c r="H61315" s="1" t="s">
        <v>205298</v>
      </c>
      <c r="I61315" s="1" t="s">
        <v>201500</v>
      </c>
      <c r="J61315" s="1" t="s">
        <v>205395</v>
      </c>
    </row>
    <row r="61316" spans="1:10" x14ac:dyDescent="0.35">
      <c r="A61316" s="1" t="s">
        <v>27399</v>
      </c>
      <c r="B61316" s="1" t="s">
        <v>201495</v>
      </c>
      <c r="C61316" s="1" t="s">
        <v>8</v>
      </c>
      <c r="D61316" s="1" t="s">
        <v>170993</v>
      </c>
      <c r="E61316" s="1" t="s">
        <v>205396</v>
      </c>
      <c r="F61316" s="1" t="s">
        <v>205397</v>
      </c>
      <c r="G61316" s="1" t="s">
        <v>205398</v>
      </c>
      <c r="H61316" s="1" t="s">
        <v>205399</v>
      </c>
      <c r="I61316" s="1" t="s">
        <v>201500</v>
      </c>
      <c r="J61316" s="1" t="s">
        <v>13</v>
      </c>
    </row>
    <row r="61317" spans="1:10" x14ac:dyDescent="0.35">
      <c r="A61317" s="1" t="s">
        <v>27399</v>
      </c>
      <c r="B61317" s="1" t="s">
        <v>201495</v>
      </c>
      <c r="C61317" s="1" t="s">
        <v>15</v>
      </c>
      <c r="D61317" s="1" t="s">
        <v>75011</v>
      </c>
      <c r="E61317" s="1" t="s">
        <v>205400</v>
      </c>
      <c r="F61317" s="1" t="s">
        <v>205401</v>
      </c>
      <c r="G61317" s="1" t="s">
        <v>205398</v>
      </c>
      <c r="H61317" s="1" t="s">
        <v>205399</v>
      </c>
      <c r="I61317" s="1" t="s">
        <v>201500</v>
      </c>
      <c r="J61317" s="1" t="s">
        <v>205402</v>
      </c>
    </row>
    <row r="61318" spans="1:10" x14ac:dyDescent="0.35">
      <c r="A61318" s="1" t="s">
        <v>27399</v>
      </c>
      <c r="B61318" s="1" t="s">
        <v>201495</v>
      </c>
      <c r="C61318" s="1" t="s">
        <v>20</v>
      </c>
      <c r="D61318" s="1" t="s">
        <v>28314</v>
      </c>
      <c r="E61318" s="1" t="s">
        <v>205403</v>
      </c>
      <c r="F61318" s="1" t="s">
        <v>205404</v>
      </c>
      <c r="G61318" s="1" t="s">
        <v>205398</v>
      </c>
      <c r="H61318" s="1" t="s">
        <v>205399</v>
      </c>
      <c r="I61318" s="1" t="s">
        <v>201500</v>
      </c>
      <c r="J61318" s="1" t="s">
        <v>205405</v>
      </c>
    </row>
    <row r="61319" spans="1:10" x14ac:dyDescent="0.35">
      <c r="A61319" s="1" t="s">
        <v>27399</v>
      </c>
      <c r="B61319" s="1" t="s">
        <v>201495</v>
      </c>
      <c r="C61319" s="1" t="s">
        <v>25</v>
      </c>
      <c r="D61319" s="1" t="s">
        <v>148841</v>
      </c>
      <c r="E61319" s="1" t="s">
        <v>205406</v>
      </c>
      <c r="F61319" s="1" t="s">
        <v>205407</v>
      </c>
      <c r="G61319" s="1" t="s">
        <v>205398</v>
      </c>
      <c r="H61319" s="1" t="s">
        <v>205399</v>
      </c>
      <c r="I61319" s="1" t="s">
        <v>201500</v>
      </c>
      <c r="J61319" s="1" t="s">
        <v>205408</v>
      </c>
    </row>
    <row r="61320" spans="1:10" x14ac:dyDescent="0.35">
      <c r="A61320" s="1" t="s">
        <v>27399</v>
      </c>
      <c r="B61320" s="1" t="s">
        <v>201495</v>
      </c>
      <c r="C61320" s="1" t="s">
        <v>30</v>
      </c>
      <c r="D61320" s="1" t="s">
        <v>35239</v>
      </c>
      <c r="E61320" s="1" t="s">
        <v>205409</v>
      </c>
      <c r="F61320" s="1" t="s">
        <v>205410</v>
      </c>
      <c r="G61320" s="1" t="s">
        <v>205398</v>
      </c>
      <c r="H61320" s="1" t="s">
        <v>205399</v>
      </c>
      <c r="I61320" s="1" t="s">
        <v>201500</v>
      </c>
      <c r="J61320" s="1" t="s">
        <v>205411</v>
      </c>
    </row>
    <row r="61321" spans="1:10" x14ac:dyDescent="0.35">
      <c r="A61321" s="1" t="s">
        <v>27399</v>
      </c>
      <c r="B61321" s="1" t="s">
        <v>201495</v>
      </c>
      <c r="C61321" s="1" t="s">
        <v>35</v>
      </c>
      <c r="D61321" s="1" t="s">
        <v>25165</v>
      </c>
      <c r="E61321" s="1" t="s">
        <v>205412</v>
      </c>
      <c r="F61321" s="1" t="s">
        <v>205413</v>
      </c>
      <c r="G61321" s="1" t="s">
        <v>205398</v>
      </c>
      <c r="H61321" s="1" t="s">
        <v>205399</v>
      </c>
      <c r="I61321" s="1" t="s">
        <v>201500</v>
      </c>
      <c r="J61321" s="1" t="s">
        <v>205414</v>
      </c>
    </row>
    <row r="61322" spans="1:10" x14ac:dyDescent="0.35">
      <c r="A61322" s="1" t="s">
        <v>27399</v>
      </c>
      <c r="B61322" s="1" t="s">
        <v>201495</v>
      </c>
      <c r="C61322" s="1" t="s">
        <v>40</v>
      </c>
      <c r="D61322" s="1" t="s">
        <v>141220</v>
      </c>
      <c r="E61322" s="1" t="s">
        <v>205415</v>
      </c>
      <c r="F61322" s="1" t="s">
        <v>205416</v>
      </c>
      <c r="G61322" s="1" t="s">
        <v>205398</v>
      </c>
      <c r="H61322" s="1" t="s">
        <v>205399</v>
      </c>
      <c r="I61322" s="1" t="s">
        <v>201500</v>
      </c>
      <c r="J61322" s="1" t="s">
        <v>205417</v>
      </c>
    </row>
    <row r="61323" spans="1:10" x14ac:dyDescent="0.35">
      <c r="A61323" s="1" t="s">
        <v>27399</v>
      </c>
      <c r="B61323" s="1" t="s">
        <v>201495</v>
      </c>
      <c r="C61323" s="1" t="s">
        <v>45</v>
      </c>
      <c r="D61323" s="1" t="s">
        <v>104820</v>
      </c>
      <c r="E61323" s="1" t="s">
        <v>205418</v>
      </c>
      <c r="F61323" s="1" t="s">
        <v>205419</v>
      </c>
      <c r="G61323" s="1" t="s">
        <v>205398</v>
      </c>
      <c r="H61323" s="1" t="s">
        <v>205399</v>
      </c>
      <c r="I61323" s="1" t="s">
        <v>201500</v>
      </c>
      <c r="J61323" s="1" t="s">
        <v>205420</v>
      </c>
    </row>
    <row r="61324" spans="1:10" x14ac:dyDescent="0.35">
      <c r="A61324" s="1" t="s">
        <v>27399</v>
      </c>
      <c r="B61324" s="1" t="s">
        <v>201495</v>
      </c>
      <c r="C61324" s="1" t="s">
        <v>50</v>
      </c>
      <c r="D61324" s="1" t="s">
        <v>205421</v>
      </c>
      <c r="E61324" s="1" t="s">
        <v>205422</v>
      </c>
      <c r="F61324" s="1" t="s">
        <v>205423</v>
      </c>
      <c r="G61324" s="1" t="s">
        <v>205398</v>
      </c>
      <c r="H61324" s="1" t="s">
        <v>205399</v>
      </c>
      <c r="I61324" s="1" t="s">
        <v>201500</v>
      </c>
      <c r="J61324" s="1" t="s">
        <v>205424</v>
      </c>
    </row>
    <row r="61325" spans="1:10" x14ac:dyDescent="0.35">
      <c r="A61325" s="1" t="s">
        <v>27399</v>
      </c>
      <c r="B61325" s="1" t="s">
        <v>201495</v>
      </c>
      <c r="C61325" s="1" t="s">
        <v>55</v>
      </c>
      <c r="D61325" s="1" t="s">
        <v>142749</v>
      </c>
      <c r="E61325" s="1" t="s">
        <v>205425</v>
      </c>
      <c r="F61325" s="1" t="s">
        <v>205426</v>
      </c>
      <c r="G61325" s="1" t="s">
        <v>205398</v>
      </c>
      <c r="H61325" s="1" t="s">
        <v>205399</v>
      </c>
      <c r="I61325" s="1" t="s">
        <v>201500</v>
      </c>
      <c r="J61325" s="1" t="s">
        <v>205427</v>
      </c>
    </row>
    <row r="61326" spans="1:10" x14ac:dyDescent="0.35">
      <c r="A61326" s="1" t="s">
        <v>27399</v>
      </c>
      <c r="B61326" s="1" t="s">
        <v>201495</v>
      </c>
      <c r="C61326" s="1" t="s">
        <v>60</v>
      </c>
      <c r="D61326" s="1" t="s">
        <v>122221</v>
      </c>
      <c r="E61326" s="1" t="s">
        <v>205428</v>
      </c>
      <c r="F61326" s="1" t="s">
        <v>205429</v>
      </c>
      <c r="G61326" s="1" t="s">
        <v>205398</v>
      </c>
      <c r="H61326" s="1" t="s">
        <v>205399</v>
      </c>
      <c r="I61326" s="1" t="s">
        <v>201500</v>
      </c>
      <c r="J61326" s="1" t="s">
        <v>205430</v>
      </c>
    </row>
    <row r="61327" spans="1:10" x14ac:dyDescent="0.35">
      <c r="A61327" s="1" t="s">
        <v>27399</v>
      </c>
      <c r="B61327" s="1" t="s">
        <v>201495</v>
      </c>
      <c r="C61327" s="1" t="s">
        <v>65</v>
      </c>
      <c r="D61327" s="1" t="s">
        <v>15958</v>
      </c>
      <c r="E61327" s="1" t="s">
        <v>205431</v>
      </c>
      <c r="F61327" s="1" t="s">
        <v>205432</v>
      </c>
      <c r="G61327" s="1" t="s">
        <v>205398</v>
      </c>
      <c r="H61327" s="1" t="s">
        <v>205399</v>
      </c>
      <c r="I61327" s="1" t="s">
        <v>201500</v>
      </c>
      <c r="J61327" s="1" t="s">
        <v>205433</v>
      </c>
    </row>
    <row r="61328" spans="1:10" x14ac:dyDescent="0.35">
      <c r="A61328" s="1" t="s">
        <v>27399</v>
      </c>
      <c r="B61328" s="1" t="s">
        <v>201495</v>
      </c>
      <c r="C61328" s="1" t="s">
        <v>70</v>
      </c>
      <c r="D61328" s="1" t="s">
        <v>8396</v>
      </c>
      <c r="E61328" s="1" t="s">
        <v>205434</v>
      </c>
      <c r="F61328" s="1" t="s">
        <v>205435</v>
      </c>
      <c r="G61328" s="1" t="s">
        <v>205398</v>
      </c>
      <c r="H61328" s="1" t="s">
        <v>205399</v>
      </c>
      <c r="I61328" s="1" t="s">
        <v>201500</v>
      </c>
      <c r="J61328" s="1" t="s">
        <v>205436</v>
      </c>
    </row>
    <row r="61329" spans="1:10" x14ac:dyDescent="0.35">
      <c r="A61329" s="1" t="s">
        <v>27399</v>
      </c>
      <c r="B61329" s="1" t="s">
        <v>201495</v>
      </c>
      <c r="C61329" s="1" t="s">
        <v>75</v>
      </c>
      <c r="D61329" s="1" t="s">
        <v>170257</v>
      </c>
      <c r="E61329" s="1" t="s">
        <v>205437</v>
      </c>
      <c r="F61329" s="1" t="s">
        <v>205438</v>
      </c>
      <c r="G61329" s="1" t="s">
        <v>205398</v>
      </c>
      <c r="H61329" s="1" t="s">
        <v>205399</v>
      </c>
      <c r="I61329" s="1" t="s">
        <v>201500</v>
      </c>
      <c r="J61329" s="1" t="s">
        <v>205439</v>
      </c>
    </row>
    <row r="61330" spans="1:10" x14ac:dyDescent="0.35">
      <c r="A61330" s="1" t="s">
        <v>27399</v>
      </c>
      <c r="B61330" s="1" t="s">
        <v>201495</v>
      </c>
      <c r="C61330" s="1" t="s">
        <v>80</v>
      </c>
      <c r="D61330" s="1" t="s">
        <v>48532</v>
      </c>
      <c r="E61330" s="1" t="s">
        <v>205440</v>
      </c>
      <c r="F61330" s="1" t="s">
        <v>205441</v>
      </c>
      <c r="G61330" s="1" t="s">
        <v>205398</v>
      </c>
      <c r="H61330" s="1" t="s">
        <v>205399</v>
      </c>
      <c r="I61330" s="1" t="s">
        <v>201500</v>
      </c>
      <c r="J61330" s="1" t="s">
        <v>205442</v>
      </c>
    </row>
    <row r="61331" spans="1:10" x14ac:dyDescent="0.35">
      <c r="A61331" s="1" t="s">
        <v>27399</v>
      </c>
      <c r="B61331" s="1" t="s">
        <v>201495</v>
      </c>
      <c r="C61331" s="1" t="s">
        <v>85</v>
      </c>
      <c r="D61331" s="1" t="s">
        <v>118806</v>
      </c>
      <c r="E61331" s="1" t="s">
        <v>205443</v>
      </c>
      <c r="F61331" s="1" t="s">
        <v>205444</v>
      </c>
      <c r="G61331" s="1" t="s">
        <v>205398</v>
      </c>
      <c r="H61331" s="1" t="s">
        <v>205399</v>
      </c>
      <c r="I61331" s="1" t="s">
        <v>201500</v>
      </c>
      <c r="J61331" s="1" t="s">
        <v>205445</v>
      </c>
    </row>
    <row r="61332" spans="1:10" x14ac:dyDescent="0.35">
      <c r="A61332" s="1" t="s">
        <v>27399</v>
      </c>
      <c r="B61332" s="1" t="s">
        <v>201495</v>
      </c>
      <c r="C61332" s="1" t="s">
        <v>90</v>
      </c>
      <c r="D61332" s="1" t="s">
        <v>26026</v>
      </c>
      <c r="E61332" s="1" t="s">
        <v>205446</v>
      </c>
      <c r="F61332" s="1" t="s">
        <v>205447</v>
      </c>
      <c r="G61332" s="1" t="s">
        <v>205398</v>
      </c>
      <c r="H61332" s="1" t="s">
        <v>205399</v>
      </c>
      <c r="I61332" s="1" t="s">
        <v>201500</v>
      </c>
      <c r="J61332" s="1" t="s">
        <v>205448</v>
      </c>
    </row>
    <row r="61333" spans="1:10" x14ac:dyDescent="0.35">
      <c r="A61333" s="1" t="s">
        <v>27399</v>
      </c>
      <c r="B61333" s="1" t="s">
        <v>201495</v>
      </c>
      <c r="C61333" s="1" t="s">
        <v>95</v>
      </c>
      <c r="D61333" s="1" t="s">
        <v>1588</v>
      </c>
      <c r="E61333" s="1" t="s">
        <v>205449</v>
      </c>
      <c r="F61333" s="1" t="s">
        <v>205450</v>
      </c>
      <c r="G61333" s="1" t="s">
        <v>205398</v>
      </c>
      <c r="H61333" s="1" t="s">
        <v>205399</v>
      </c>
      <c r="I61333" s="1" t="s">
        <v>201500</v>
      </c>
      <c r="J61333" s="1" t="s">
        <v>205451</v>
      </c>
    </row>
    <row r="61334" spans="1:10" x14ac:dyDescent="0.35">
      <c r="A61334" s="1" t="s">
        <v>27399</v>
      </c>
      <c r="B61334" s="1" t="s">
        <v>201495</v>
      </c>
      <c r="C61334" s="1" t="s">
        <v>100</v>
      </c>
      <c r="D61334" s="1" t="s">
        <v>205452</v>
      </c>
      <c r="E61334" s="1" t="s">
        <v>205453</v>
      </c>
      <c r="F61334" s="1" t="s">
        <v>205454</v>
      </c>
      <c r="G61334" s="1" t="s">
        <v>205398</v>
      </c>
      <c r="H61334" s="1" t="s">
        <v>205399</v>
      </c>
      <c r="I61334" s="1" t="s">
        <v>201500</v>
      </c>
      <c r="J61334" s="1" t="s">
        <v>205455</v>
      </c>
    </row>
    <row r="61335" spans="1:10" x14ac:dyDescent="0.35">
      <c r="A61335" s="1" t="s">
        <v>27399</v>
      </c>
      <c r="B61335" s="1" t="s">
        <v>201495</v>
      </c>
      <c r="C61335" s="1" t="s">
        <v>105</v>
      </c>
      <c r="D61335" s="1" t="s">
        <v>29798</v>
      </c>
      <c r="E61335" s="1" t="s">
        <v>205456</v>
      </c>
      <c r="F61335" s="1" t="s">
        <v>205457</v>
      </c>
      <c r="G61335" s="1" t="s">
        <v>205398</v>
      </c>
      <c r="H61335" s="1" t="s">
        <v>205399</v>
      </c>
      <c r="I61335" s="1" t="s">
        <v>201500</v>
      </c>
      <c r="J61335" s="1" t="s">
        <v>205458</v>
      </c>
    </row>
    <row r="61336" spans="1:10" x14ac:dyDescent="0.35">
      <c r="A61336" s="1" t="s">
        <v>27399</v>
      </c>
      <c r="B61336" s="1" t="s">
        <v>201495</v>
      </c>
      <c r="C61336" s="1" t="s">
        <v>110</v>
      </c>
      <c r="D61336" s="1" t="s">
        <v>15756</v>
      </c>
      <c r="E61336" s="1" t="s">
        <v>205459</v>
      </c>
      <c r="F61336" s="1" t="s">
        <v>205460</v>
      </c>
      <c r="G61336" s="1" t="s">
        <v>205398</v>
      </c>
      <c r="H61336" s="1" t="s">
        <v>205399</v>
      </c>
      <c r="I61336" s="1" t="s">
        <v>201500</v>
      </c>
      <c r="J61336" s="1" t="s">
        <v>205461</v>
      </c>
    </row>
    <row r="61337" spans="1:10" x14ac:dyDescent="0.35">
      <c r="A61337" s="1" t="s">
        <v>27399</v>
      </c>
      <c r="B61337" s="1" t="s">
        <v>201495</v>
      </c>
      <c r="C61337" s="1" t="s">
        <v>115</v>
      </c>
      <c r="D61337" s="1" t="s">
        <v>181559</v>
      </c>
      <c r="E61337" s="1" t="s">
        <v>205462</v>
      </c>
      <c r="F61337" s="1" t="s">
        <v>205463</v>
      </c>
      <c r="G61337" s="1" t="s">
        <v>205398</v>
      </c>
      <c r="H61337" s="1" t="s">
        <v>205399</v>
      </c>
      <c r="I61337" s="1" t="s">
        <v>201500</v>
      </c>
      <c r="J61337" s="1" t="s">
        <v>205464</v>
      </c>
    </row>
    <row r="61338" spans="1:10" x14ac:dyDescent="0.35">
      <c r="A61338" s="1" t="s">
        <v>27399</v>
      </c>
      <c r="B61338" s="1" t="s">
        <v>201495</v>
      </c>
      <c r="C61338" s="1" t="s">
        <v>120</v>
      </c>
      <c r="D61338" s="1" t="s">
        <v>196201</v>
      </c>
      <c r="E61338" s="1" t="s">
        <v>205465</v>
      </c>
      <c r="F61338" s="1" t="s">
        <v>205466</v>
      </c>
      <c r="G61338" s="1" t="s">
        <v>205398</v>
      </c>
      <c r="H61338" s="1" t="s">
        <v>205399</v>
      </c>
      <c r="I61338" s="1" t="s">
        <v>201500</v>
      </c>
      <c r="J61338" s="1" t="s">
        <v>205467</v>
      </c>
    </row>
    <row r="61339" spans="1:10" x14ac:dyDescent="0.35">
      <c r="A61339" s="1" t="s">
        <v>27399</v>
      </c>
      <c r="B61339" s="1" t="s">
        <v>201495</v>
      </c>
      <c r="C61339" s="1" t="s">
        <v>125</v>
      </c>
      <c r="D61339" s="1" t="s">
        <v>5473</v>
      </c>
      <c r="E61339" s="1" t="s">
        <v>205468</v>
      </c>
      <c r="F61339" s="1" t="s">
        <v>205469</v>
      </c>
      <c r="G61339" s="1" t="s">
        <v>205398</v>
      </c>
      <c r="H61339" s="1" t="s">
        <v>205399</v>
      </c>
      <c r="I61339" s="1" t="s">
        <v>201500</v>
      </c>
      <c r="J61339" s="1" t="s">
        <v>205470</v>
      </c>
    </row>
    <row r="61340" spans="1:10" x14ac:dyDescent="0.35">
      <c r="A61340" s="1" t="s">
        <v>27399</v>
      </c>
      <c r="B61340" s="1" t="s">
        <v>201495</v>
      </c>
      <c r="C61340" s="1" t="s">
        <v>130</v>
      </c>
      <c r="D61340" s="1" t="s">
        <v>205471</v>
      </c>
      <c r="E61340" s="1" t="s">
        <v>205472</v>
      </c>
      <c r="F61340" s="1" t="s">
        <v>205473</v>
      </c>
      <c r="G61340" s="1" t="s">
        <v>205398</v>
      </c>
      <c r="H61340" s="1" t="s">
        <v>205399</v>
      </c>
      <c r="I61340" s="1" t="s">
        <v>201500</v>
      </c>
      <c r="J61340" s="1" t="s">
        <v>205474</v>
      </c>
    </row>
    <row r="61341" spans="1:10" x14ac:dyDescent="0.35">
      <c r="A61341" s="1" t="s">
        <v>27399</v>
      </c>
      <c r="B61341" s="1" t="s">
        <v>201495</v>
      </c>
      <c r="C61341" s="1" t="s">
        <v>135</v>
      </c>
      <c r="D61341" s="1" t="s">
        <v>36562</v>
      </c>
      <c r="E61341" s="1" t="s">
        <v>205475</v>
      </c>
      <c r="F61341" s="1" t="s">
        <v>205476</v>
      </c>
      <c r="G61341" s="1" t="s">
        <v>205398</v>
      </c>
      <c r="H61341" s="1" t="s">
        <v>205399</v>
      </c>
      <c r="I61341" s="1" t="s">
        <v>201500</v>
      </c>
      <c r="J61341" s="1" t="s">
        <v>205477</v>
      </c>
    </row>
    <row r="61342" spans="1:10" x14ac:dyDescent="0.35">
      <c r="A61342" s="1" t="s">
        <v>27399</v>
      </c>
      <c r="B61342" s="1" t="s">
        <v>201495</v>
      </c>
      <c r="C61342" s="1" t="s">
        <v>140</v>
      </c>
      <c r="D61342" s="1" t="s">
        <v>4618</v>
      </c>
      <c r="E61342" s="1" t="s">
        <v>205478</v>
      </c>
      <c r="F61342" s="1" t="s">
        <v>205479</v>
      </c>
      <c r="G61342" s="1" t="s">
        <v>205398</v>
      </c>
      <c r="H61342" s="1" t="s">
        <v>205399</v>
      </c>
      <c r="I61342" s="1" t="s">
        <v>201500</v>
      </c>
      <c r="J61342" s="1" t="s">
        <v>205480</v>
      </c>
    </row>
    <row r="61343" spans="1:10" x14ac:dyDescent="0.35">
      <c r="A61343" s="1" t="s">
        <v>27399</v>
      </c>
      <c r="B61343" s="1" t="s">
        <v>201495</v>
      </c>
      <c r="C61343" s="1" t="s">
        <v>145</v>
      </c>
      <c r="D61343" s="1" t="s">
        <v>170123</v>
      </c>
      <c r="E61343" s="1" t="s">
        <v>47893</v>
      </c>
      <c r="F61343" s="1" t="s">
        <v>205481</v>
      </c>
      <c r="G61343" s="1" t="s">
        <v>205398</v>
      </c>
      <c r="H61343" s="1" t="s">
        <v>205399</v>
      </c>
      <c r="I61343" s="1" t="s">
        <v>201500</v>
      </c>
      <c r="J61343" s="1" t="s">
        <v>205482</v>
      </c>
    </row>
    <row r="61344" spans="1:10" x14ac:dyDescent="0.35">
      <c r="A61344" s="1" t="s">
        <v>27399</v>
      </c>
      <c r="B61344" s="1" t="s">
        <v>201495</v>
      </c>
      <c r="C61344" s="1" t="s">
        <v>150</v>
      </c>
      <c r="D61344" s="1" t="s">
        <v>104509</v>
      </c>
      <c r="E61344" s="1" t="s">
        <v>205483</v>
      </c>
      <c r="F61344" s="1" t="s">
        <v>205484</v>
      </c>
      <c r="G61344" s="1" t="s">
        <v>205398</v>
      </c>
      <c r="H61344" s="1" t="s">
        <v>205399</v>
      </c>
      <c r="I61344" s="1" t="s">
        <v>201500</v>
      </c>
      <c r="J61344" s="1" t="s">
        <v>205485</v>
      </c>
    </row>
    <row r="61345" spans="1:10" x14ac:dyDescent="0.35">
      <c r="A61345" s="1" t="s">
        <v>27399</v>
      </c>
      <c r="B61345" s="1" t="s">
        <v>201495</v>
      </c>
      <c r="C61345" s="1" t="s">
        <v>155</v>
      </c>
      <c r="D61345" s="1" t="s">
        <v>13105</v>
      </c>
      <c r="E61345" s="1" t="s">
        <v>205486</v>
      </c>
      <c r="F61345" s="1" t="s">
        <v>205487</v>
      </c>
      <c r="G61345" s="1" t="s">
        <v>205398</v>
      </c>
      <c r="H61345" s="1" t="s">
        <v>205399</v>
      </c>
      <c r="I61345" s="1" t="s">
        <v>201500</v>
      </c>
      <c r="J61345" s="1" t="s">
        <v>205488</v>
      </c>
    </row>
    <row r="61346" spans="1:10" x14ac:dyDescent="0.35">
      <c r="A61346" s="1" t="s">
        <v>27399</v>
      </c>
      <c r="B61346" s="1" t="s">
        <v>201495</v>
      </c>
      <c r="C61346" s="1" t="s">
        <v>160</v>
      </c>
      <c r="D61346" s="1" t="s">
        <v>205489</v>
      </c>
      <c r="E61346" s="1" t="s">
        <v>205490</v>
      </c>
      <c r="F61346" s="1" t="s">
        <v>205491</v>
      </c>
      <c r="G61346" s="1" t="s">
        <v>205398</v>
      </c>
      <c r="H61346" s="1" t="s">
        <v>205399</v>
      </c>
      <c r="I61346" s="1" t="s">
        <v>201500</v>
      </c>
      <c r="J61346" s="1" t="s">
        <v>205492</v>
      </c>
    </row>
    <row r="61347" spans="1:10" x14ac:dyDescent="0.35">
      <c r="A61347" s="1" t="s">
        <v>27399</v>
      </c>
      <c r="B61347" s="1" t="s">
        <v>201495</v>
      </c>
      <c r="C61347" s="1" t="s">
        <v>165</v>
      </c>
      <c r="D61347" s="1" t="s">
        <v>30847</v>
      </c>
      <c r="E61347" s="1" t="s">
        <v>205493</v>
      </c>
      <c r="F61347" s="1" t="s">
        <v>205494</v>
      </c>
      <c r="G61347" s="1" t="s">
        <v>205398</v>
      </c>
      <c r="H61347" s="1" t="s">
        <v>205399</v>
      </c>
      <c r="I61347" s="1" t="s">
        <v>201500</v>
      </c>
      <c r="J61347" s="1" t="s">
        <v>205495</v>
      </c>
    </row>
    <row r="61348" spans="1:10" x14ac:dyDescent="0.35">
      <c r="A61348" s="1" t="s">
        <v>27399</v>
      </c>
      <c r="B61348" s="1" t="s">
        <v>201495</v>
      </c>
      <c r="C61348" s="1" t="s">
        <v>170</v>
      </c>
      <c r="D61348" s="1" t="s">
        <v>30641</v>
      </c>
      <c r="E61348" s="1" t="s">
        <v>205496</v>
      </c>
      <c r="F61348" s="1" t="s">
        <v>205497</v>
      </c>
      <c r="G61348" s="1" t="s">
        <v>205398</v>
      </c>
      <c r="H61348" s="1" t="s">
        <v>205399</v>
      </c>
      <c r="I61348" s="1" t="s">
        <v>201500</v>
      </c>
      <c r="J61348" s="1" t="s">
        <v>205498</v>
      </c>
    </row>
    <row r="61349" spans="1:10" x14ac:dyDescent="0.35">
      <c r="A61349" s="1" t="s">
        <v>111809</v>
      </c>
      <c r="B61349" s="1" t="s">
        <v>201495</v>
      </c>
      <c r="C61349" s="1" t="s">
        <v>8</v>
      </c>
      <c r="D61349" s="1" t="s">
        <v>14021</v>
      </c>
      <c r="E61349" s="1" t="s">
        <v>205499</v>
      </c>
      <c r="F61349" s="1" t="s">
        <v>205500</v>
      </c>
      <c r="G61349" s="1" t="s">
        <v>205501</v>
      </c>
      <c r="H61349" s="1" t="s">
        <v>205502</v>
      </c>
      <c r="I61349" s="1" t="s">
        <v>201500</v>
      </c>
      <c r="J61349" s="1" t="s">
        <v>13</v>
      </c>
    </row>
    <row r="61350" spans="1:10" x14ac:dyDescent="0.35">
      <c r="A61350" s="1" t="s">
        <v>111809</v>
      </c>
      <c r="B61350" s="1" t="s">
        <v>201495</v>
      </c>
      <c r="C61350" s="1" t="s">
        <v>15</v>
      </c>
      <c r="D61350" s="1" t="s">
        <v>10960</v>
      </c>
      <c r="E61350" s="1" t="s">
        <v>205503</v>
      </c>
      <c r="F61350" s="1" t="s">
        <v>205504</v>
      </c>
      <c r="G61350" s="1" t="s">
        <v>205501</v>
      </c>
      <c r="H61350" s="1" t="s">
        <v>205502</v>
      </c>
      <c r="I61350" s="1" t="s">
        <v>201500</v>
      </c>
      <c r="J61350" s="1" t="s">
        <v>205505</v>
      </c>
    </row>
    <row r="61351" spans="1:10" x14ac:dyDescent="0.35">
      <c r="A61351" s="1" t="s">
        <v>111809</v>
      </c>
      <c r="B61351" s="1" t="s">
        <v>201495</v>
      </c>
      <c r="C61351" s="1" t="s">
        <v>20</v>
      </c>
      <c r="D61351" s="1" t="s">
        <v>45841</v>
      </c>
      <c r="E61351" s="1" t="s">
        <v>202075</v>
      </c>
      <c r="F61351" s="1" t="s">
        <v>205506</v>
      </c>
      <c r="G61351" s="1" t="s">
        <v>205501</v>
      </c>
      <c r="H61351" s="1" t="s">
        <v>205502</v>
      </c>
      <c r="I61351" s="1" t="s">
        <v>201500</v>
      </c>
      <c r="J61351" s="1" t="s">
        <v>205507</v>
      </c>
    </row>
    <row r="61352" spans="1:10" x14ac:dyDescent="0.35">
      <c r="A61352" s="1" t="s">
        <v>111809</v>
      </c>
      <c r="B61352" s="1" t="s">
        <v>201495</v>
      </c>
      <c r="C61352" s="1" t="s">
        <v>25</v>
      </c>
      <c r="D61352" s="1" t="s">
        <v>7583</v>
      </c>
      <c r="E61352" s="1" t="s">
        <v>202075</v>
      </c>
      <c r="F61352" s="1" t="s">
        <v>205508</v>
      </c>
      <c r="G61352" s="1" t="s">
        <v>205501</v>
      </c>
      <c r="H61352" s="1" t="s">
        <v>205502</v>
      </c>
      <c r="I61352" s="1" t="s">
        <v>201500</v>
      </c>
      <c r="J61352" s="1" t="s">
        <v>205509</v>
      </c>
    </row>
    <row r="61353" spans="1:10" x14ac:dyDescent="0.35">
      <c r="A61353" s="1" t="s">
        <v>111809</v>
      </c>
      <c r="B61353" s="1" t="s">
        <v>201495</v>
      </c>
      <c r="C61353" s="1" t="s">
        <v>30</v>
      </c>
      <c r="D61353" s="1" t="s">
        <v>1592</v>
      </c>
      <c r="E61353" s="1" t="s">
        <v>205510</v>
      </c>
      <c r="F61353" s="1" t="s">
        <v>205511</v>
      </c>
      <c r="G61353" s="1" t="s">
        <v>205501</v>
      </c>
      <c r="H61353" s="1" t="s">
        <v>205502</v>
      </c>
      <c r="I61353" s="1" t="s">
        <v>201500</v>
      </c>
      <c r="J61353" s="1" t="s">
        <v>205512</v>
      </c>
    </row>
    <row r="61354" spans="1:10" x14ac:dyDescent="0.35">
      <c r="A61354" s="1" t="s">
        <v>111809</v>
      </c>
      <c r="B61354" s="1" t="s">
        <v>201495</v>
      </c>
      <c r="C61354" s="1" t="s">
        <v>35</v>
      </c>
      <c r="D61354" s="1" t="s">
        <v>141216</v>
      </c>
      <c r="E61354" s="1" t="s">
        <v>205513</v>
      </c>
      <c r="F61354" s="1" t="s">
        <v>205514</v>
      </c>
      <c r="G61354" s="1" t="s">
        <v>205501</v>
      </c>
      <c r="H61354" s="1" t="s">
        <v>205502</v>
      </c>
      <c r="I61354" s="1" t="s">
        <v>201500</v>
      </c>
      <c r="J61354" s="1" t="s">
        <v>205515</v>
      </c>
    </row>
    <row r="61355" spans="1:10" x14ac:dyDescent="0.35">
      <c r="A61355" s="1" t="s">
        <v>111809</v>
      </c>
      <c r="B61355" s="1" t="s">
        <v>201495</v>
      </c>
      <c r="C61355" s="1" t="s">
        <v>40</v>
      </c>
      <c r="D61355" s="1" t="s">
        <v>105078</v>
      </c>
      <c r="E61355" s="1" t="s">
        <v>13693</v>
      </c>
      <c r="F61355" s="1" t="s">
        <v>15920</v>
      </c>
      <c r="G61355" s="1" t="s">
        <v>205501</v>
      </c>
      <c r="H61355" s="1" t="s">
        <v>205502</v>
      </c>
      <c r="I61355" s="1" t="s">
        <v>201500</v>
      </c>
      <c r="J61355" s="1" t="s">
        <v>205516</v>
      </c>
    </row>
    <row r="61356" spans="1:10" x14ac:dyDescent="0.35">
      <c r="A61356" s="1" t="s">
        <v>111809</v>
      </c>
      <c r="B61356" s="1" t="s">
        <v>201495</v>
      </c>
      <c r="C61356" s="1" t="s">
        <v>45</v>
      </c>
      <c r="D61356" s="1" t="s">
        <v>115914</v>
      </c>
      <c r="E61356" s="1" t="s">
        <v>205517</v>
      </c>
      <c r="F61356" s="1" t="s">
        <v>205518</v>
      </c>
      <c r="G61356" s="1" t="s">
        <v>205501</v>
      </c>
      <c r="H61356" s="1" t="s">
        <v>205502</v>
      </c>
      <c r="I61356" s="1" t="s">
        <v>201500</v>
      </c>
      <c r="J61356" s="1" t="s">
        <v>205519</v>
      </c>
    </row>
    <row r="61357" spans="1:10" x14ac:dyDescent="0.35">
      <c r="A61357" s="1" t="s">
        <v>111809</v>
      </c>
      <c r="B61357" s="1" t="s">
        <v>201495</v>
      </c>
      <c r="C61357" s="1" t="s">
        <v>50</v>
      </c>
      <c r="D61357" s="1" t="s">
        <v>142525</v>
      </c>
      <c r="E61357" s="1" t="s">
        <v>205520</v>
      </c>
      <c r="F61357" s="1" t="s">
        <v>205521</v>
      </c>
      <c r="G61357" s="1" t="s">
        <v>205501</v>
      </c>
      <c r="H61357" s="1" t="s">
        <v>205502</v>
      </c>
      <c r="I61357" s="1" t="s">
        <v>201500</v>
      </c>
      <c r="J61357" s="1" t="s">
        <v>205522</v>
      </c>
    </row>
    <row r="61358" spans="1:10" x14ac:dyDescent="0.35">
      <c r="A61358" s="1" t="s">
        <v>111809</v>
      </c>
      <c r="B61358" s="1" t="s">
        <v>201495</v>
      </c>
      <c r="C61358" s="1" t="s">
        <v>55</v>
      </c>
      <c r="D61358" s="1" t="s">
        <v>14491</v>
      </c>
      <c r="E61358" s="1" t="s">
        <v>205523</v>
      </c>
      <c r="F61358" s="1" t="s">
        <v>205524</v>
      </c>
      <c r="G61358" s="1" t="s">
        <v>205501</v>
      </c>
      <c r="H61358" s="1" t="s">
        <v>205502</v>
      </c>
      <c r="I61358" s="1" t="s">
        <v>201500</v>
      </c>
      <c r="J61358" s="1" t="s">
        <v>205525</v>
      </c>
    </row>
    <row r="61359" spans="1:10" x14ac:dyDescent="0.35">
      <c r="A61359" s="1" t="s">
        <v>111809</v>
      </c>
      <c r="B61359" s="1" t="s">
        <v>201495</v>
      </c>
      <c r="C61359" s="1" t="s">
        <v>60</v>
      </c>
      <c r="D61359" s="1" t="s">
        <v>7610</v>
      </c>
      <c r="E61359" s="1" t="s">
        <v>205526</v>
      </c>
      <c r="F61359" s="1" t="s">
        <v>205527</v>
      </c>
      <c r="G61359" s="1" t="s">
        <v>205501</v>
      </c>
      <c r="H61359" s="1" t="s">
        <v>205502</v>
      </c>
      <c r="I61359" s="1" t="s">
        <v>201500</v>
      </c>
      <c r="J61359" s="1" t="s">
        <v>205528</v>
      </c>
    </row>
    <row r="61360" spans="1:10" x14ac:dyDescent="0.35">
      <c r="A61360" s="1" t="s">
        <v>111809</v>
      </c>
      <c r="B61360" s="1" t="s">
        <v>201495</v>
      </c>
      <c r="C61360" s="1" t="s">
        <v>65</v>
      </c>
      <c r="D61360" s="1" t="s">
        <v>10977</v>
      </c>
      <c r="E61360" s="1" t="s">
        <v>205529</v>
      </c>
      <c r="F61360" s="1" t="s">
        <v>205530</v>
      </c>
      <c r="G61360" s="1" t="s">
        <v>205501</v>
      </c>
      <c r="H61360" s="1" t="s">
        <v>205502</v>
      </c>
      <c r="I61360" s="1" t="s">
        <v>201500</v>
      </c>
      <c r="J61360" s="1" t="s">
        <v>205161</v>
      </c>
    </row>
    <row r="61361" spans="1:10" x14ac:dyDescent="0.35">
      <c r="A61361" s="1" t="s">
        <v>111809</v>
      </c>
      <c r="B61361" s="1" t="s">
        <v>201495</v>
      </c>
      <c r="C61361" s="1" t="s">
        <v>70</v>
      </c>
      <c r="D61361" s="1" t="s">
        <v>48525</v>
      </c>
      <c r="E61361" s="1" t="s">
        <v>205531</v>
      </c>
      <c r="F61361" s="1" t="s">
        <v>205532</v>
      </c>
      <c r="G61361" s="1" t="s">
        <v>205501</v>
      </c>
      <c r="H61361" s="1" t="s">
        <v>205502</v>
      </c>
      <c r="I61361" s="1" t="s">
        <v>201500</v>
      </c>
      <c r="J61361" s="1" t="s">
        <v>205533</v>
      </c>
    </row>
    <row r="61362" spans="1:10" x14ac:dyDescent="0.35">
      <c r="A61362" s="1" t="s">
        <v>111809</v>
      </c>
      <c r="B61362" s="1" t="s">
        <v>201495</v>
      </c>
      <c r="C61362" s="1" t="s">
        <v>75</v>
      </c>
      <c r="D61362" s="1" t="s">
        <v>5095</v>
      </c>
      <c r="E61362" s="1" t="s">
        <v>205534</v>
      </c>
      <c r="F61362" s="1" t="s">
        <v>205535</v>
      </c>
      <c r="G61362" s="1" t="s">
        <v>205501</v>
      </c>
      <c r="H61362" s="1" t="s">
        <v>205502</v>
      </c>
      <c r="I61362" s="1" t="s">
        <v>201500</v>
      </c>
      <c r="J61362" s="1" t="s">
        <v>205536</v>
      </c>
    </row>
    <row r="61363" spans="1:10" x14ac:dyDescent="0.35">
      <c r="A61363" s="1" t="s">
        <v>111809</v>
      </c>
      <c r="B61363" s="1" t="s">
        <v>201495</v>
      </c>
      <c r="C61363" s="1" t="s">
        <v>80</v>
      </c>
      <c r="D61363" s="1" t="s">
        <v>25177</v>
      </c>
      <c r="E61363" s="1" t="s">
        <v>205537</v>
      </c>
      <c r="F61363" s="1" t="s">
        <v>205538</v>
      </c>
      <c r="G61363" s="1" t="s">
        <v>205501</v>
      </c>
      <c r="H61363" s="1" t="s">
        <v>205502</v>
      </c>
      <c r="I61363" s="1" t="s">
        <v>201500</v>
      </c>
      <c r="J61363" s="1" t="s">
        <v>205539</v>
      </c>
    </row>
    <row r="61364" spans="1:10" x14ac:dyDescent="0.35">
      <c r="A61364" s="1" t="s">
        <v>111809</v>
      </c>
      <c r="B61364" s="1" t="s">
        <v>201495</v>
      </c>
      <c r="C61364" s="1" t="s">
        <v>85</v>
      </c>
      <c r="D61364" s="1" t="s">
        <v>205540</v>
      </c>
      <c r="E61364" s="1" t="s">
        <v>201648</v>
      </c>
      <c r="F61364" s="1" t="s">
        <v>205541</v>
      </c>
      <c r="G61364" s="1" t="s">
        <v>205501</v>
      </c>
      <c r="H61364" s="1" t="s">
        <v>205502</v>
      </c>
      <c r="I61364" s="1" t="s">
        <v>201500</v>
      </c>
      <c r="J61364" s="1" t="s">
        <v>205542</v>
      </c>
    </row>
    <row r="61365" spans="1:10" x14ac:dyDescent="0.35">
      <c r="A61365" s="1" t="s">
        <v>111809</v>
      </c>
      <c r="B61365" s="1" t="s">
        <v>201495</v>
      </c>
      <c r="C61365" s="1" t="s">
        <v>90</v>
      </c>
      <c r="D61365" s="1" t="s">
        <v>50963</v>
      </c>
      <c r="E61365" s="1" t="s">
        <v>205543</v>
      </c>
      <c r="F61365" s="1" t="s">
        <v>205544</v>
      </c>
      <c r="G61365" s="1" t="s">
        <v>205501</v>
      </c>
      <c r="H61365" s="1" t="s">
        <v>205502</v>
      </c>
      <c r="I61365" s="1" t="s">
        <v>201500</v>
      </c>
      <c r="J61365" s="1" t="s">
        <v>205545</v>
      </c>
    </row>
    <row r="61366" spans="1:10" x14ac:dyDescent="0.35">
      <c r="A61366" s="1" t="s">
        <v>111809</v>
      </c>
      <c r="B61366" s="1" t="s">
        <v>201495</v>
      </c>
      <c r="C61366" s="1" t="s">
        <v>95</v>
      </c>
      <c r="D61366" s="1" t="s">
        <v>34056</v>
      </c>
      <c r="E61366" s="1" t="s">
        <v>205546</v>
      </c>
      <c r="F61366" s="1" t="s">
        <v>205547</v>
      </c>
      <c r="G61366" s="1" t="s">
        <v>205501</v>
      </c>
      <c r="H61366" s="1" t="s">
        <v>205502</v>
      </c>
      <c r="I61366" s="1" t="s">
        <v>201500</v>
      </c>
      <c r="J61366" s="1" t="s">
        <v>205548</v>
      </c>
    </row>
    <row r="61367" spans="1:10" x14ac:dyDescent="0.35">
      <c r="A61367" s="1" t="s">
        <v>111809</v>
      </c>
      <c r="B61367" s="1" t="s">
        <v>201495</v>
      </c>
      <c r="C61367" s="1" t="s">
        <v>100</v>
      </c>
      <c r="D61367" s="1" t="s">
        <v>46004</v>
      </c>
      <c r="E61367" s="1" t="s">
        <v>205549</v>
      </c>
      <c r="F61367" s="1" t="s">
        <v>205550</v>
      </c>
      <c r="G61367" s="1" t="s">
        <v>205501</v>
      </c>
      <c r="H61367" s="1" t="s">
        <v>205502</v>
      </c>
      <c r="I61367" s="1" t="s">
        <v>201500</v>
      </c>
      <c r="J61367" s="1" t="s">
        <v>205551</v>
      </c>
    </row>
    <row r="61368" spans="1:10" x14ac:dyDescent="0.35">
      <c r="A61368" s="1" t="s">
        <v>111809</v>
      </c>
      <c r="B61368" s="1" t="s">
        <v>201495</v>
      </c>
      <c r="C61368" s="1" t="s">
        <v>105</v>
      </c>
      <c r="D61368" s="1" t="s">
        <v>2378</v>
      </c>
      <c r="E61368" s="1" t="s">
        <v>201641</v>
      </c>
      <c r="F61368" s="1" t="s">
        <v>100144</v>
      </c>
      <c r="G61368" s="1" t="s">
        <v>205501</v>
      </c>
      <c r="H61368" s="1" t="s">
        <v>205502</v>
      </c>
      <c r="I61368" s="1" t="s">
        <v>201500</v>
      </c>
      <c r="J61368" s="1" t="s">
        <v>205552</v>
      </c>
    </row>
    <row r="61369" spans="1:10" x14ac:dyDescent="0.35">
      <c r="A61369" s="1" t="s">
        <v>111809</v>
      </c>
      <c r="B61369" s="1" t="s">
        <v>201495</v>
      </c>
      <c r="C61369" s="1" t="s">
        <v>110</v>
      </c>
      <c r="D61369" s="1" t="s">
        <v>134936</v>
      </c>
      <c r="E61369" s="1" t="s">
        <v>205553</v>
      </c>
      <c r="F61369" s="1" t="s">
        <v>205554</v>
      </c>
      <c r="G61369" s="1" t="s">
        <v>205501</v>
      </c>
      <c r="H61369" s="1" t="s">
        <v>205502</v>
      </c>
      <c r="I61369" s="1" t="s">
        <v>201500</v>
      </c>
      <c r="J61369" s="1" t="s">
        <v>205555</v>
      </c>
    </row>
    <row r="61370" spans="1:10" x14ac:dyDescent="0.35">
      <c r="A61370" s="1" t="s">
        <v>111809</v>
      </c>
      <c r="B61370" s="1" t="s">
        <v>201495</v>
      </c>
      <c r="C61370" s="1" t="s">
        <v>115</v>
      </c>
      <c r="D61370" s="1" t="s">
        <v>156498</v>
      </c>
      <c r="E61370" s="1" t="s">
        <v>205556</v>
      </c>
      <c r="F61370" s="1" t="s">
        <v>205557</v>
      </c>
      <c r="G61370" s="1" t="s">
        <v>205501</v>
      </c>
      <c r="H61370" s="1" t="s">
        <v>205502</v>
      </c>
      <c r="I61370" s="1" t="s">
        <v>201500</v>
      </c>
      <c r="J61370" s="1" t="s">
        <v>205558</v>
      </c>
    </row>
    <row r="61371" spans="1:10" x14ac:dyDescent="0.35">
      <c r="A61371" s="1" t="s">
        <v>111809</v>
      </c>
      <c r="B61371" s="1" t="s">
        <v>201495</v>
      </c>
      <c r="C61371" s="1" t="s">
        <v>120</v>
      </c>
      <c r="D61371" s="1" t="s">
        <v>30205</v>
      </c>
      <c r="E61371" s="1" t="s">
        <v>205559</v>
      </c>
      <c r="F61371" s="1" t="s">
        <v>205560</v>
      </c>
      <c r="G61371" s="1" t="s">
        <v>205501</v>
      </c>
      <c r="H61371" s="1" t="s">
        <v>205502</v>
      </c>
      <c r="I61371" s="1" t="s">
        <v>201500</v>
      </c>
      <c r="J61371" s="1" t="s">
        <v>205561</v>
      </c>
    </row>
    <row r="61372" spans="1:10" x14ac:dyDescent="0.35">
      <c r="A61372" s="1" t="s">
        <v>111809</v>
      </c>
      <c r="B61372" s="1" t="s">
        <v>201495</v>
      </c>
      <c r="C61372" s="1" t="s">
        <v>125</v>
      </c>
      <c r="D61372" s="1" t="s">
        <v>174914</v>
      </c>
      <c r="E61372" s="1" t="s">
        <v>110964</v>
      </c>
      <c r="F61372" s="1" t="s">
        <v>205562</v>
      </c>
      <c r="G61372" s="1" t="s">
        <v>205501</v>
      </c>
      <c r="H61372" s="1" t="s">
        <v>205502</v>
      </c>
      <c r="I61372" s="1" t="s">
        <v>201500</v>
      </c>
      <c r="J61372" s="1" t="s">
        <v>205563</v>
      </c>
    </row>
    <row r="61373" spans="1:10" x14ac:dyDescent="0.35">
      <c r="A61373" s="1" t="s">
        <v>111809</v>
      </c>
      <c r="B61373" s="1" t="s">
        <v>201495</v>
      </c>
      <c r="C61373" s="1" t="s">
        <v>130</v>
      </c>
      <c r="D61373" s="1" t="s">
        <v>205564</v>
      </c>
      <c r="E61373" s="1" t="s">
        <v>559</v>
      </c>
      <c r="F61373" s="1" t="s">
        <v>205565</v>
      </c>
      <c r="G61373" s="1" t="s">
        <v>205501</v>
      </c>
      <c r="H61373" s="1" t="s">
        <v>205502</v>
      </c>
      <c r="I61373" s="1" t="s">
        <v>201500</v>
      </c>
      <c r="J61373" s="1" t="s">
        <v>205566</v>
      </c>
    </row>
    <row r="61374" spans="1:10" x14ac:dyDescent="0.35">
      <c r="A61374" s="1" t="s">
        <v>111809</v>
      </c>
      <c r="B61374" s="1" t="s">
        <v>201495</v>
      </c>
      <c r="C61374" s="1" t="s">
        <v>135</v>
      </c>
      <c r="D61374" s="1" t="s">
        <v>37359</v>
      </c>
      <c r="E61374" s="1" t="s">
        <v>205567</v>
      </c>
      <c r="F61374" s="1" t="s">
        <v>103009</v>
      </c>
      <c r="G61374" s="1" t="s">
        <v>205501</v>
      </c>
      <c r="H61374" s="1" t="s">
        <v>205502</v>
      </c>
      <c r="I61374" s="1" t="s">
        <v>201500</v>
      </c>
      <c r="J61374" s="1" t="s">
        <v>205568</v>
      </c>
    </row>
    <row r="61375" spans="1:10" x14ac:dyDescent="0.35">
      <c r="A61375" s="1" t="s">
        <v>111809</v>
      </c>
      <c r="B61375" s="1" t="s">
        <v>201495</v>
      </c>
      <c r="C61375" s="1" t="s">
        <v>140</v>
      </c>
      <c r="D61375" s="1" t="s">
        <v>144305</v>
      </c>
      <c r="E61375" s="1" t="s">
        <v>205569</v>
      </c>
      <c r="F61375" s="1" t="s">
        <v>205570</v>
      </c>
      <c r="G61375" s="1" t="s">
        <v>205501</v>
      </c>
      <c r="H61375" s="1" t="s">
        <v>205502</v>
      </c>
      <c r="I61375" s="1" t="s">
        <v>201500</v>
      </c>
      <c r="J61375" s="1" t="s">
        <v>205571</v>
      </c>
    </row>
    <row r="61376" spans="1:10" x14ac:dyDescent="0.35">
      <c r="A61376" s="1" t="s">
        <v>111809</v>
      </c>
      <c r="B61376" s="1" t="s">
        <v>201495</v>
      </c>
      <c r="C61376" s="1" t="s">
        <v>145</v>
      </c>
      <c r="D61376" s="1" t="s">
        <v>46745</v>
      </c>
      <c r="E61376" s="1" t="s">
        <v>205572</v>
      </c>
      <c r="F61376" s="1" t="s">
        <v>205573</v>
      </c>
      <c r="G61376" s="1" t="s">
        <v>205501</v>
      </c>
      <c r="H61376" s="1" t="s">
        <v>205502</v>
      </c>
      <c r="I61376" s="1" t="s">
        <v>201500</v>
      </c>
      <c r="J61376" s="1" t="s">
        <v>205574</v>
      </c>
    </row>
    <row r="61377" spans="1:10" x14ac:dyDescent="0.35">
      <c r="A61377" s="1" t="s">
        <v>111809</v>
      </c>
      <c r="B61377" s="1" t="s">
        <v>201495</v>
      </c>
      <c r="C61377" s="1" t="s">
        <v>150</v>
      </c>
      <c r="D61377" s="1" t="s">
        <v>161323</v>
      </c>
      <c r="E61377" s="1" t="s">
        <v>205575</v>
      </c>
      <c r="F61377" s="1" t="s">
        <v>205576</v>
      </c>
      <c r="G61377" s="1" t="s">
        <v>205501</v>
      </c>
      <c r="H61377" s="1" t="s">
        <v>205502</v>
      </c>
      <c r="I61377" s="1" t="s">
        <v>201500</v>
      </c>
      <c r="J61377" s="1" t="s">
        <v>205577</v>
      </c>
    </row>
    <row r="61378" spans="1:10" x14ac:dyDescent="0.35">
      <c r="A61378" s="1" t="s">
        <v>111809</v>
      </c>
      <c r="B61378" s="1" t="s">
        <v>201495</v>
      </c>
      <c r="C61378" s="1" t="s">
        <v>155</v>
      </c>
      <c r="D61378" s="1" t="s">
        <v>19489</v>
      </c>
      <c r="E61378" s="1" t="s">
        <v>205578</v>
      </c>
      <c r="F61378" s="1" t="s">
        <v>205579</v>
      </c>
      <c r="G61378" s="1" t="s">
        <v>205501</v>
      </c>
      <c r="H61378" s="1" t="s">
        <v>205502</v>
      </c>
      <c r="I61378" s="1" t="s">
        <v>201500</v>
      </c>
      <c r="J61378" s="1" t="s">
        <v>205580</v>
      </c>
    </row>
    <row r="61379" spans="1:10" x14ac:dyDescent="0.35">
      <c r="A61379" s="1" t="s">
        <v>111809</v>
      </c>
      <c r="B61379" s="1" t="s">
        <v>201495</v>
      </c>
      <c r="C61379" s="1" t="s">
        <v>160</v>
      </c>
      <c r="D61379" s="1" t="s">
        <v>205581</v>
      </c>
      <c r="E61379" s="1" t="s">
        <v>201696</v>
      </c>
      <c r="F61379" s="1" t="s">
        <v>205582</v>
      </c>
      <c r="G61379" s="1" t="s">
        <v>205501</v>
      </c>
      <c r="H61379" s="1" t="s">
        <v>205502</v>
      </c>
      <c r="I61379" s="1" t="s">
        <v>201500</v>
      </c>
      <c r="J61379" s="1" t="s">
        <v>205583</v>
      </c>
    </row>
    <row r="61380" spans="1:10" x14ac:dyDescent="0.35">
      <c r="A61380" s="1" t="s">
        <v>111809</v>
      </c>
      <c r="B61380" s="1" t="s">
        <v>201495</v>
      </c>
      <c r="C61380" s="1" t="s">
        <v>165</v>
      </c>
      <c r="D61380" s="1" t="s">
        <v>170366</v>
      </c>
      <c r="E61380" s="1" t="s">
        <v>202075</v>
      </c>
      <c r="F61380" s="1" t="s">
        <v>205584</v>
      </c>
      <c r="G61380" s="1" t="s">
        <v>205501</v>
      </c>
      <c r="H61380" s="1" t="s">
        <v>205502</v>
      </c>
      <c r="I61380" s="1" t="s">
        <v>201500</v>
      </c>
      <c r="J61380" s="1" t="s">
        <v>205585</v>
      </c>
    </row>
    <row r="61381" spans="1:10" x14ac:dyDescent="0.35">
      <c r="A61381" s="1" t="s">
        <v>111809</v>
      </c>
      <c r="B61381" s="1" t="s">
        <v>201495</v>
      </c>
      <c r="C61381" s="1" t="s">
        <v>170</v>
      </c>
      <c r="D61381" s="1" t="s">
        <v>50839</v>
      </c>
      <c r="E61381" s="1" t="s">
        <v>201710</v>
      </c>
      <c r="F61381" s="1" t="s">
        <v>205586</v>
      </c>
      <c r="G61381" s="1" t="s">
        <v>205501</v>
      </c>
      <c r="H61381" s="1" t="s">
        <v>205502</v>
      </c>
      <c r="I61381" s="1" t="s">
        <v>201500</v>
      </c>
      <c r="J61381" s="1" t="s">
        <v>205587</v>
      </c>
    </row>
    <row r="61382" spans="1:10" x14ac:dyDescent="0.35">
      <c r="A61382" s="1" t="s">
        <v>27630</v>
      </c>
      <c r="B61382" s="1" t="s">
        <v>201495</v>
      </c>
      <c r="C61382" s="1" t="s">
        <v>8</v>
      </c>
      <c r="D61382" s="1" t="s">
        <v>121897</v>
      </c>
      <c r="E61382" s="1" t="s">
        <v>205588</v>
      </c>
      <c r="F61382" s="1" t="s">
        <v>205589</v>
      </c>
      <c r="G61382" s="1" t="s">
        <v>205590</v>
      </c>
      <c r="H61382" s="1" t="s">
        <v>205591</v>
      </c>
      <c r="I61382" s="1" t="s">
        <v>201500</v>
      </c>
      <c r="J61382" s="1" t="s">
        <v>13</v>
      </c>
    </row>
    <row r="61383" spans="1:10" x14ac:dyDescent="0.35">
      <c r="A61383" s="1" t="s">
        <v>27630</v>
      </c>
      <c r="B61383" s="1" t="s">
        <v>201495</v>
      </c>
      <c r="C61383" s="1" t="s">
        <v>15</v>
      </c>
      <c r="D61383" s="1" t="s">
        <v>151831</v>
      </c>
      <c r="E61383" s="1" t="s">
        <v>205592</v>
      </c>
      <c r="F61383" s="1" t="s">
        <v>205593</v>
      </c>
      <c r="G61383" s="1" t="s">
        <v>205590</v>
      </c>
      <c r="H61383" s="1" t="s">
        <v>205591</v>
      </c>
      <c r="I61383" s="1" t="s">
        <v>201500</v>
      </c>
      <c r="J61383" s="1" t="s">
        <v>205594</v>
      </c>
    </row>
    <row r="61384" spans="1:10" x14ac:dyDescent="0.35">
      <c r="A61384" s="1" t="s">
        <v>27630</v>
      </c>
      <c r="B61384" s="1" t="s">
        <v>201495</v>
      </c>
      <c r="C61384" s="1" t="s">
        <v>20</v>
      </c>
      <c r="D61384" s="1" t="s">
        <v>356</v>
      </c>
      <c r="E61384" s="1" t="s">
        <v>205595</v>
      </c>
      <c r="F61384" s="1" t="s">
        <v>205596</v>
      </c>
      <c r="G61384" s="1" t="s">
        <v>205590</v>
      </c>
      <c r="H61384" s="1" t="s">
        <v>205591</v>
      </c>
      <c r="I61384" s="1" t="s">
        <v>201500</v>
      </c>
      <c r="J61384" s="1" t="s">
        <v>205597</v>
      </c>
    </row>
    <row r="61385" spans="1:10" x14ac:dyDescent="0.35">
      <c r="A61385" s="1" t="s">
        <v>27630</v>
      </c>
      <c r="B61385" s="1" t="s">
        <v>201495</v>
      </c>
      <c r="C61385" s="1" t="s">
        <v>25</v>
      </c>
      <c r="D61385" s="1" t="s">
        <v>71041</v>
      </c>
      <c r="E61385" s="1" t="s">
        <v>205598</v>
      </c>
      <c r="F61385" s="1" t="s">
        <v>205599</v>
      </c>
      <c r="G61385" s="1" t="s">
        <v>205590</v>
      </c>
      <c r="H61385" s="1" t="s">
        <v>205591</v>
      </c>
      <c r="I61385" s="1" t="s">
        <v>201500</v>
      </c>
      <c r="J61385" s="1" t="s">
        <v>205600</v>
      </c>
    </row>
    <row r="61386" spans="1:10" x14ac:dyDescent="0.35">
      <c r="A61386" s="1" t="s">
        <v>27630</v>
      </c>
      <c r="B61386" s="1" t="s">
        <v>201495</v>
      </c>
      <c r="C61386" s="1" t="s">
        <v>30</v>
      </c>
      <c r="D61386" s="1" t="s">
        <v>48290</v>
      </c>
      <c r="E61386" s="1" t="s">
        <v>205601</v>
      </c>
      <c r="F61386" s="1" t="s">
        <v>205602</v>
      </c>
      <c r="G61386" s="1" t="s">
        <v>205590</v>
      </c>
      <c r="H61386" s="1" t="s">
        <v>205591</v>
      </c>
      <c r="I61386" s="1" t="s">
        <v>201500</v>
      </c>
      <c r="J61386" s="1" t="s">
        <v>205603</v>
      </c>
    </row>
    <row r="61387" spans="1:10" x14ac:dyDescent="0.35">
      <c r="A61387" s="1" t="s">
        <v>27630</v>
      </c>
      <c r="B61387" s="1" t="s">
        <v>201495</v>
      </c>
      <c r="C61387" s="1" t="s">
        <v>35</v>
      </c>
      <c r="D61387" s="1" t="s">
        <v>205604</v>
      </c>
      <c r="E61387" s="1" t="s">
        <v>205605</v>
      </c>
      <c r="F61387" s="1" t="s">
        <v>205606</v>
      </c>
      <c r="G61387" s="1" t="s">
        <v>205590</v>
      </c>
      <c r="H61387" s="1" t="s">
        <v>205591</v>
      </c>
      <c r="I61387" s="1" t="s">
        <v>201500</v>
      </c>
      <c r="J61387" s="1" t="s">
        <v>205607</v>
      </c>
    </row>
    <row r="61388" spans="1:10" x14ac:dyDescent="0.35">
      <c r="A61388" s="1" t="s">
        <v>27630</v>
      </c>
      <c r="B61388" s="1" t="s">
        <v>201495</v>
      </c>
      <c r="C61388" s="1" t="s">
        <v>40</v>
      </c>
      <c r="D61388" s="1" t="s">
        <v>35427</v>
      </c>
      <c r="E61388" s="1" t="s">
        <v>205608</v>
      </c>
      <c r="F61388" s="1" t="s">
        <v>205609</v>
      </c>
      <c r="G61388" s="1" t="s">
        <v>205590</v>
      </c>
      <c r="H61388" s="1" t="s">
        <v>205591</v>
      </c>
      <c r="I61388" s="1" t="s">
        <v>201500</v>
      </c>
      <c r="J61388" s="1" t="s">
        <v>205610</v>
      </c>
    </row>
    <row r="61389" spans="1:10" x14ac:dyDescent="0.35">
      <c r="A61389" s="1" t="s">
        <v>27630</v>
      </c>
      <c r="B61389" s="1" t="s">
        <v>201495</v>
      </c>
      <c r="C61389" s="1" t="s">
        <v>45</v>
      </c>
      <c r="D61389" s="1" t="s">
        <v>37558</v>
      </c>
      <c r="E61389" s="1" t="s">
        <v>205611</v>
      </c>
      <c r="F61389" s="1" t="s">
        <v>205612</v>
      </c>
      <c r="G61389" s="1" t="s">
        <v>205590</v>
      </c>
      <c r="H61389" s="1" t="s">
        <v>205591</v>
      </c>
      <c r="I61389" s="1" t="s">
        <v>201500</v>
      </c>
      <c r="J61389" s="1" t="s">
        <v>205613</v>
      </c>
    </row>
    <row r="61390" spans="1:10" x14ac:dyDescent="0.35">
      <c r="A61390" s="1" t="s">
        <v>27630</v>
      </c>
      <c r="B61390" s="1" t="s">
        <v>201495</v>
      </c>
      <c r="C61390" s="1" t="s">
        <v>50</v>
      </c>
      <c r="D61390" s="1" t="s">
        <v>48313</v>
      </c>
      <c r="E61390" s="1" t="s">
        <v>205614</v>
      </c>
      <c r="F61390" s="1" t="s">
        <v>205615</v>
      </c>
      <c r="G61390" s="1" t="s">
        <v>205590</v>
      </c>
      <c r="H61390" s="1" t="s">
        <v>205591</v>
      </c>
      <c r="I61390" s="1" t="s">
        <v>201500</v>
      </c>
      <c r="J61390" s="1" t="s">
        <v>205616</v>
      </c>
    </row>
    <row r="61391" spans="1:10" x14ac:dyDescent="0.35">
      <c r="A61391" s="1" t="s">
        <v>27630</v>
      </c>
      <c r="B61391" s="1" t="s">
        <v>201495</v>
      </c>
      <c r="C61391" s="1" t="s">
        <v>55</v>
      </c>
      <c r="D61391" s="1" t="s">
        <v>34500</v>
      </c>
      <c r="E61391" s="1" t="s">
        <v>205617</v>
      </c>
      <c r="F61391" s="1" t="s">
        <v>205618</v>
      </c>
      <c r="G61391" s="1" t="s">
        <v>205590</v>
      </c>
      <c r="H61391" s="1" t="s">
        <v>205591</v>
      </c>
      <c r="I61391" s="1" t="s">
        <v>201500</v>
      </c>
      <c r="J61391" s="1" t="s">
        <v>205619</v>
      </c>
    </row>
    <row r="61392" spans="1:10" x14ac:dyDescent="0.35">
      <c r="A61392" s="1" t="s">
        <v>27630</v>
      </c>
      <c r="B61392" s="1" t="s">
        <v>201495</v>
      </c>
      <c r="C61392" s="1" t="s">
        <v>60</v>
      </c>
      <c r="D61392" s="1" t="s">
        <v>205620</v>
      </c>
      <c r="E61392" s="1" t="s">
        <v>205621</v>
      </c>
      <c r="F61392" s="1" t="s">
        <v>205622</v>
      </c>
      <c r="G61392" s="1" t="s">
        <v>205590</v>
      </c>
      <c r="H61392" s="1" t="s">
        <v>205591</v>
      </c>
      <c r="I61392" s="1" t="s">
        <v>201500</v>
      </c>
      <c r="J61392" s="1" t="s">
        <v>205623</v>
      </c>
    </row>
    <row r="61393" spans="1:10" x14ac:dyDescent="0.35">
      <c r="A61393" s="1" t="s">
        <v>27630</v>
      </c>
      <c r="B61393" s="1" t="s">
        <v>201495</v>
      </c>
      <c r="C61393" s="1" t="s">
        <v>65</v>
      </c>
      <c r="D61393" s="1" t="s">
        <v>48213</v>
      </c>
      <c r="E61393" s="1" t="s">
        <v>205624</v>
      </c>
      <c r="F61393" s="1" t="s">
        <v>205625</v>
      </c>
      <c r="G61393" s="1" t="s">
        <v>205590</v>
      </c>
      <c r="H61393" s="1" t="s">
        <v>205591</v>
      </c>
      <c r="I61393" s="1" t="s">
        <v>201500</v>
      </c>
      <c r="J61393" s="1" t="s">
        <v>205626</v>
      </c>
    </row>
    <row r="61394" spans="1:10" x14ac:dyDescent="0.35">
      <c r="A61394" s="1" t="s">
        <v>27630</v>
      </c>
      <c r="B61394" s="1" t="s">
        <v>201495</v>
      </c>
      <c r="C61394" s="1" t="s">
        <v>70</v>
      </c>
      <c r="D61394" s="1" t="s">
        <v>2675</v>
      </c>
      <c r="E61394" s="1" t="s">
        <v>205627</v>
      </c>
      <c r="F61394" s="1" t="s">
        <v>205628</v>
      </c>
      <c r="G61394" s="1" t="s">
        <v>205590</v>
      </c>
      <c r="H61394" s="1" t="s">
        <v>205591</v>
      </c>
      <c r="I61394" s="1" t="s">
        <v>201500</v>
      </c>
      <c r="J61394" s="1" t="s">
        <v>205629</v>
      </c>
    </row>
    <row r="61395" spans="1:10" x14ac:dyDescent="0.35">
      <c r="A61395" s="1" t="s">
        <v>27630</v>
      </c>
      <c r="B61395" s="1" t="s">
        <v>201495</v>
      </c>
      <c r="C61395" s="1" t="s">
        <v>75</v>
      </c>
      <c r="D61395" s="1" t="s">
        <v>25906</v>
      </c>
      <c r="E61395" s="1" t="s">
        <v>205630</v>
      </c>
      <c r="F61395" s="1" t="s">
        <v>205631</v>
      </c>
      <c r="G61395" s="1" t="s">
        <v>205590</v>
      </c>
      <c r="H61395" s="1" t="s">
        <v>205591</v>
      </c>
      <c r="I61395" s="1" t="s">
        <v>201500</v>
      </c>
      <c r="J61395" s="1" t="s">
        <v>205632</v>
      </c>
    </row>
    <row r="61396" spans="1:10" x14ac:dyDescent="0.35">
      <c r="A61396" s="1" t="s">
        <v>27630</v>
      </c>
      <c r="B61396" s="1" t="s">
        <v>201495</v>
      </c>
      <c r="C61396" s="1" t="s">
        <v>80</v>
      </c>
      <c r="D61396" s="1" t="s">
        <v>47350</v>
      </c>
      <c r="E61396" s="1" t="s">
        <v>205633</v>
      </c>
      <c r="F61396" s="1" t="s">
        <v>205634</v>
      </c>
      <c r="G61396" s="1" t="s">
        <v>205590</v>
      </c>
      <c r="H61396" s="1" t="s">
        <v>205591</v>
      </c>
      <c r="I61396" s="1" t="s">
        <v>201500</v>
      </c>
      <c r="J61396" s="1" t="s">
        <v>205635</v>
      </c>
    </row>
    <row r="61397" spans="1:10" x14ac:dyDescent="0.35">
      <c r="A61397" s="1" t="s">
        <v>27630</v>
      </c>
      <c r="B61397" s="1" t="s">
        <v>201495</v>
      </c>
      <c r="C61397" s="1" t="s">
        <v>85</v>
      </c>
      <c r="D61397" s="1" t="s">
        <v>72762</v>
      </c>
      <c r="E61397" s="1" t="s">
        <v>205636</v>
      </c>
      <c r="F61397" s="1" t="s">
        <v>205637</v>
      </c>
      <c r="G61397" s="1" t="s">
        <v>205590</v>
      </c>
      <c r="H61397" s="1" t="s">
        <v>205591</v>
      </c>
      <c r="I61397" s="1" t="s">
        <v>201500</v>
      </c>
      <c r="J61397" s="1" t="s">
        <v>205638</v>
      </c>
    </row>
    <row r="61398" spans="1:10" x14ac:dyDescent="0.35">
      <c r="A61398" s="1" t="s">
        <v>27630</v>
      </c>
      <c r="B61398" s="1" t="s">
        <v>201495</v>
      </c>
      <c r="C61398" s="1" t="s">
        <v>90</v>
      </c>
      <c r="D61398" s="1" t="s">
        <v>117061</v>
      </c>
      <c r="E61398" s="1" t="s">
        <v>205639</v>
      </c>
      <c r="F61398" s="1" t="s">
        <v>205640</v>
      </c>
      <c r="G61398" s="1" t="s">
        <v>205590</v>
      </c>
      <c r="H61398" s="1" t="s">
        <v>205591</v>
      </c>
      <c r="I61398" s="1" t="s">
        <v>201500</v>
      </c>
      <c r="J61398" s="1" t="s">
        <v>205641</v>
      </c>
    </row>
    <row r="61399" spans="1:10" x14ac:dyDescent="0.35">
      <c r="A61399" s="1" t="s">
        <v>27630</v>
      </c>
      <c r="B61399" s="1" t="s">
        <v>201495</v>
      </c>
      <c r="C61399" s="1" t="s">
        <v>95</v>
      </c>
      <c r="D61399" s="1" t="s">
        <v>1482</v>
      </c>
      <c r="E61399" s="1" t="s">
        <v>205642</v>
      </c>
      <c r="F61399" s="1" t="s">
        <v>205643</v>
      </c>
      <c r="G61399" s="1" t="s">
        <v>205590</v>
      </c>
      <c r="H61399" s="1" t="s">
        <v>205591</v>
      </c>
      <c r="I61399" s="1" t="s">
        <v>201500</v>
      </c>
      <c r="J61399" s="1" t="s">
        <v>205644</v>
      </c>
    </row>
    <row r="61400" spans="1:10" x14ac:dyDescent="0.35">
      <c r="A61400" s="1" t="s">
        <v>27630</v>
      </c>
      <c r="B61400" s="1" t="s">
        <v>201495</v>
      </c>
      <c r="C61400" s="1" t="s">
        <v>100</v>
      </c>
      <c r="D61400" s="1" t="s">
        <v>205645</v>
      </c>
      <c r="E61400" s="1" t="s">
        <v>205646</v>
      </c>
      <c r="F61400" s="1" t="s">
        <v>205647</v>
      </c>
      <c r="G61400" s="1" t="s">
        <v>205590</v>
      </c>
      <c r="H61400" s="1" t="s">
        <v>205591</v>
      </c>
      <c r="I61400" s="1" t="s">
        <v>201500</v>
      </c>
      <c r="J61400" s="1" t="s">
        <v>205648</v>
      </c>
    </row>
    <row r="61401" spans="1:10" x14ac:dyDescent="0.35">
      <c r="A61401" s="1" t="s">
        <v>27630</v>
      </c>
      <c r="B61401" s="1" t="s">
        <v>201495</v>
      </c>
      <c r="C61401" s="1" t="s">
        <v>105</v>
      </c>
      <c r="D61401" s="1" t="s">
        <v>204945</v>
      </c>
      <c r="E61401" s="1" t="s">
        <v>205649</v>
      </c>
      <c r="F61401" s="1" t="s">
        <v>205650</v>
      </c>
      <c r="G61401" s="1" t="s">
        <v>205590</v>
      </c>
      <c r="H61401" s="1" t="s">
        <v>205591</v>
      </c>
      <c r="I61401" s="1" t="s">
        <v>201500</v>
      </c>
      <c r="J61401" s="1" t="s">
        <v>205651</v>
      </c>
    </row>
    <row r="61402" spans="1:10" x14ac:dyDescent="0.35">
      <c r="A61402" s="1" t="s">
        <v>27630</v>
      </c>
      <c r="B61402" s="1" t="s">
        <v>201495</v>
      </c>
      <c r="C61402" s="1" t="s">
        <v>110</v>
      </c>
      <c r="D61402" s="1" t="s">
        <v>51207</v>
      </c>
      <c r="E61402" s="1" t="s">
        <v>205652</v>
      </c>
      <c r="F61402" s="1" t="s">
        <v>205653</v>
      </c>
      <c r="G61402" s="1" t="s">
        <v>205590</v>
      </c>
      <c r="H61402" s="1" t="s">
        <v>205591</v>
      </c>
      <c r="I61402" s="1" t="s">
        <v>201500</v>
      </c>
      <c r="J61402" s="1" t="s">
        <v>205654</v>
      </c>
    </row>
    <row r="61403" spans="1:10" x14ac:dyDescent="0.35">
      <c r="A61403" s="1" t="s">
        <v>27630</v>
      </c>
      <c r="B61403" s="1" t="s">
        <v>201495</v>
      </c>
      <c r="C61403" s="1" t="s">
        <v>115</v>
      </c>
      <c r="D61403" s="1" t="s">
        <v>171509</v>
      </c>
      <c r="E61403" s="1" t="s">
        <v>205655</v>
      </c>
      <c r="F61403" s="1" t="s">
        <v>205656</v>
      </c>
      <c r="G61403" s="1" t="s">
        <v>205590</v>
      </c>
      <c r="H61403" s="1" t="s">
        <v>205591</v>
      </c>
      <c r="I61403" s="1" t="s">
        <v>201500</v>
      </c>
      <c r="J61403" s="1" t="s">
        <v>205657</v>
      </c>
    </row>
    <row r="61404" spans="1:10" x14ac:dyDescent="0.35">
      <c r="A61404" s="1" t="s">
        <v>27630</v>
      </c>
      <c r="B61404" s="1" t="s">
        <v>201495</v>
      </c>
      <c r="C61404" s="1" t="s">
        <v>120</v>
      </c>
      <c r="D61404" s="1" t="s">
        <v>4602</v>
      </c>
      <c r="E61404" s="1" t="s">
        <v>205658</v>
      </c>
      <c r="F61404" s="1" t="s">
        <v>205659</v>
      </c>
      <c r="G61404" s="1" t="s">
        <v>205590</v>
      </c>
      <c r="H61404" s="1" t="s">
        <v>205591</v>
      </c>
      <c r="I61404" s="1" t="s">
        <v>201500</v>
      </c>
      <c r="J61404" s="1" t="s">
        <v>205660</v>
      </c>
    </row>
    <row r="61405" spans="1:10" x14ac:dyDescent="0.35">
      <c r="A61405" s="1" t="s">
        <v>27630</v>
      </c>
      <c r="B61405" s="1" t="s">
        <v>201495</v>
      </c>
      <c r="C61405" s="1" t="s">
        <v>125</v>
      </c>
      <c r="D61405" s="1" t="s">
        <v>43136</v>
      </c>
      <c r="E61405" s="1" t="s">
        <v>205661</v>
      </c>
      <c r="F61405" s="1" t="s">
        <v>205662</v>
      </c>
      <c r="G61405" s="1" t="s">
        <v>205590</v>
      </c>
      <c r="H61405" s="1" t="s">
        <v>205591</v>
      </c>
      <c r="I61405" s="1" t="s">
        <v>201500</v>
      </c>
      <c r="J61405" s="1" t="s">
        <v>205663</v>
      </c>
    </row>
    <row r="61406" spans="1:10" x14ac:dyDescent="0.35">
      <c r="A61406" s="1" t="s">
        <v>27630</v>
      </c>
      <c r="B61406" s="1" t="s">
        <v>201495</v>
      </c>
      <c r="C61406" s="1" t="s">
        <v>130</v>
      </c>
      <c r="D61406" s="1" t="s">
        <v>205664</v>
      </c>
      <c r="E61406" s="1" t="s">
        <v>205665</v>
      </c>
      <c r="F61406" s="1" t="s">
        <v>205666</v>
      </c>
      <c r="G61406" s="1" t="s">
        <v>205590</v>
      </c>
      <c r="H61406" s="1" t="s">
        <v>205591</v>
      </c>
      <c r="I61406" s="1" t="s">
        <v>201500</v>
      </c>
      <c r="J61406" s="1" t="s">
        <v>205667</v>
      </c>
    </row>
    <row r="61407" spans="1:10" x14ac:dyDescent="0.35">
      <c r="A61407" s="1" t="s">
        <v>27630</v>
      </c>
      <c r="B61407" s="1" t="s">
        <v>201495</v>
      </c>
      <c r="C61407" s="1" t="s">
        <v>135</v>
      </c>
      <c r="D61407" s="1" t="s">
        <v>170760</v>
      </c>
      <c r="E61407" s="1" t="s">
        <v>205668</v>
      </c>
      <c r="F61407" s="1" t="s">
        <v>205669</v>
      </c>
      <c r="G61407" s="1" t="s">
        <v>205590</v>
      </c>
      <c r="H61407" s="1" t="s">
        <v>205591</v>
      </c>
      <c r="I61407" s="1" t="s">
        <v>201500</v>
      </c>
      <c r="J61407" s="1" t="s">
        <v>205670</v>
      </c>
    </row>
    <row r="61408" spans="1:10" x14ac:dyDescent="0.35">
      <c r="A61408" s="1" t="s">
        <v>27630</v>
      </c>
      <c r="B61408" s="1" t="s">
        <v>201495</v>
      </c>
      <c r="C61408" s="1" t="s">
        <v>140</v>
      </c>
      <c r="D61408" s="1" t="s">
        <v>72865</v>
      </c>
      <c r="E61408" s="1" t="s">
        <v>205671</v>
      </c>
      <c r="F61408" s="1" t="s">
        <v>205672</v>
      </c>
      <c r="G61408" s="1" t="s">
        <v>205590</v>
      </c>
      <c r="H61408" s="1" t="s">
        <v>205591</v>
      </c>
      <c r="I61408" s="1" t="s">
        <v>201500</v>
      </c>
      <c r="J61408" s="1" t="s">
        <v>205673</v>
      </c>
    </row>
    <row r="61409" spans="1:10" x14ac:dyDescent="0.35">
      <c r="A61409" s="1" t="s">
        <v>27630</v>
      </c>
      <c r="B61409" s="1" t="s">
        <v>201495</v>
      </c>
      <c r="C61409" s="1" t="s">
        <v>145</v>
      </c>
      <c r="D61409" s="1" t="s">
        <v>4586</v>
      </c>
      <c r="E61409" s="1" t="s">
        <v>205674</v>
      </c>
      <c r="F61409" s="1" t="s">
        <v>205675</v>
      </c>
      <c r="G61409" s="1" t="s">
        <v>205590</v>
      </c>
      <c r="H61409" s="1" t="s">
        <v>205591</v>
      </c>
      <c r="I61409" s="1" t="s">
        <v>201500</v>
      </c>
      <c r="J61409" s="1" t="s">
        <v>205676</v>
      </c>
    </row>
    <row r="61410" spans="1:10" x14ac:dyDescent="0.35">
      <c r="A61410" s="1" t="s">
        <v>27630</v>
      </c>
      <c r="B61410" s="1" t="s">
        <v>201495</v>
      </c>
      <c r="C61410" s="1" t="s">
        <v>150</v>
      </c>
      <c r="D61410" s="1" t="s">
        <v>73867</v>
      </c>
      <c r="E61410" s="1" t="s">
        <v>205677</v>
      </c>
      <c r="F61410" s="1" t="s">
        <v>205678</v>
      </c>
      <c r="G61410" s="1" t="s">
        <v>205590</v>
      </c>
      <c r="H61410" s="1" t="s">
        <v>205591</v>
      </c>
      <c r="I61410" s="1" t="s">
        <v>201500</v>
      </c>
      <c r="J61410" s="1" t="s">
        <v>205679</v>
      </c>
    </row>
    <row r="61411" spans="1:10" x14ac:dyDescent="0.35">
      <c r="A61411" s="1" t="s">
        <v>27630</v>
      </c>
      <c r="B61411" s="1" t="s">
        <v>201495</v>
      </c>
      <c r="C61411" s="1" t="s">
        <v>155</v>
      </c>
      <c r="D61411" s="1" t="s">
        <v>31728</v>
      </c>
      <c r="E61411" s="1" t="s">
        <v>205680</v>
      </c>
      <c r="F61411" s="1" t="s">
        <v>205681</v>
      </c>
      <c r="G61411" s="1" t="s">
        <v>205590</v>
      </c>
      <c r="H61411" s="1" t="s">
        <v>205591</v>
      </c>
      <c r="I61411" s="1" t="s">
        <v>201500</v>
      </c>
      <c r="J61411" s="1" t="s">
        <v>205682</v>
      </c>
    </row>
    <row r="61412" spans="1:10" x14ac:dyDescent="0.35">
      <c r="A61412" s="1" t="s">
        <v>27630</v>
      </c>
      <c r="B61412" s="1" t="s">
        <v>201495</v>
      </c>
      <c r="C61412" s="1" t="s">
        <v>160</v>
      </c>
      <c r="D61412" s="1" t="s">
        <v>30614</v>
      </c>
      <c r="E61412" s="1" t="s">
        <v>205683</v>
      </c>
      <c r="F61412" s="1" t="s">
        <v>205684</v>
      </c>
      <c r="G61412" s="1" t="s">
        <v>205590</v>
      </c>
      <c r="H61412" s="1" t="s">
        <v>205591</v>
      </c>
      <c r="I61412" s="1" t="s">
        <v>201500</v>
      </c>
      <c r="J61412" s="1" t="s">
        <v>205685</v>
      </c>
    </row>
    <row r="61413" spans="1:10" x14ac:dyDescent="0.35">
      <c r="A61413" s="1" t="s">
        <v>27630</v>
      </c>
      <c r="B61413" s="1" t="s">
        <v>201495</v>
      </c>
      <c r="C61413" s="1" t="s">
        <v>165</v>
      </c>
      <c r="D61413" s="1" t="s">
        <v>14817</v>
      </c>
      <c r="E61413" s="1" t="s">
        <v>205686</v>
      </c>
      <c r="F61413" s="1" t="s">
        <v>205687</v>
      </c>
      <c r="G61413" s="1" t="s">
        <v>205590</v>
      </c>
      <c r="H61413" s="1" t="s">
        <v>205591</v>
      </c>
      <c r="I61413" s="1" t="s">
        <v>201500</v>
      </c>
      <c r="J61413" s="1" t="s">
        <v>205688</v>
      </c>
    </row>
    <row r="61414" spans="1:10" x14ac:dyDescent="0.35">
      <c r="A61414" s="1" t="s">
        <v>27630</v>
      </c>
      <c r="B61414" s="1" t="s">
        <v>201495</v>
      </c>
      <c r="C61414" s="1" t="s">
        <v>170</v>
      </c>
      <c r="D61414" s="1" t="s">
        <v>34749</v>
      </c>
      <c r="E61414" s="1" t="s">
        <v>205689</v>
      </c>
      <c r="F61414" s="1" t="s">
        <v>205690</v>
      </c>
      <c r="G61414" s="1" t="s">
        <v>205590</v>
      </c>
      <c r="H61414" s="1" t="s">
        <v>205591</v>
      </c>
      <c r="I61414" s="1" t="s">
        <v>201500</v>
      </c>
      <c r="J61414" s="1" t="s">
        <v>205691</v>
      </c>
    </row>
    <row r="61415" spans="1:10" x14ac:dyDescent="0.35">
      <c r="A61415" s="1" t="s">
        <v>11759</v>
      </c>
      <c r="B61415" s="1" t="s">
        <v>201495</v>
      </c>
      <c r="C61415" s="1" t="s">
        <v>8</v>
      </c>
      <c r="D61415" s="1" t="s">
        <v>205692</v>
      </c>
      <c r="E61415" s="1" t="s">
        <v>205693</v>
      </c>
      <c r="F61415" s="1" t="s">
        <v>205694</v>
      </c>
      <c r="G61415" s="1" t="s">
        <v>205695</v>
      </c>
      <c r="H61415" s="1" t="s">
        <v>205696</v>
      </c>
      <c r="I61415" s="1" t="s">
        <v>201500</v>
      </c>
      <c r="J61415" s="1" t="s">
        <v>13</v>
      </c>
    </row>
    <row r="61416" spans="1:10" x14ac:dyDescent="0.35">
      <c r="A61416" s="1" t="s">
        <v>11759</v>
      </c>
      <c r="B61416" s="1" t="s">
        <v>201495</v>
      </c>
      <c r="C61416" s="1" t="s">
        <v>15</v>
      </c>
      <c r="D61416" s="1" t="s">
        <v>4563</v>
      </c>
      <c r="E61416" s="1" t="s">
        <v>205697</v>
      </c>
      <c r="F61416" s="1" t="s">
        <v>205698</v>
      </c>
      <c r="G61416" s="1" t="s">
        <v>205695</v>
      </c>
      <c r="H61416" s="1" t="s">
        <v>205696</v>
      </c>
      <c r="I61416" s="1" t="s">
        <v>201500</v>
      </c>
      <c r="J61416" s="1" t="s">
        <v>205699</v>
      </c>
    </row>
    <row r="61417" spans="1:10" x14ac:dyDescent="0.35">
      <c r="A61417" s="1" t="s">
        <v>11759</v>
      </c>
      <c r="B61417" s="1" t="s">
        <v>201495</v>
      </c>
      <c r="C61417" s="1" t="s">
        <v>20</v>
      </c>
      <c r="D61417" s="1" t="s">
        <v>104790</v>
      </c>
      <c r="E61417" s="1" t="s">
        <v>205697</v>
      </c>
      <c r="F61417" s="1" t="s">
        <v>205700</v>
      </c>
      <c r="G61417" s="1" t="s">
        <v>205695</v>
      </c>
      <c r="H61417" s="1" t="s">
        <v>205696</v>
      </c>
      <c r="I61417" s="1" t="s">
        <v>201500</v>
      </c>
      <c r="J61417" s="1" t="s">
        <v>205701</v>
      </c>
    </row>
    <row r="61418" spans="1:10" x14ac:dyDescent="0.35">
      <c r="A61418" s="1" t="s">
        <v>11759</v>
      </c>
      <c r="B61418" s="1" t="s">
        <v>201495</v>
      </c>
      <c r="C61418" s="1" t="s">
        <v>25</v>
      </c>
      <c r="D61418" s="1" t="s">
        <v>194147</v>
      </c>
      <c r="E61418" s="1" t="s">
        <v>205702</v>
      </c>
      <c r="F61418" s="1" t="s">
        <v>205703</v>
      </c>
      <c r="G61418" s="1" t="s">
        <v>205695</v>
      </c>
      <c r="H61418" s="1" t="s">
        <v>205696</v>
      </c>
      <c r="I61418" s="1" t="s">
        <v>201500</v>
      </c>
      <c r="J61418" s="1" t="s">
        <v>205704</v>
      </c>
    </row>
    <row r="61419" spans="1:10" x14ac:dyDescent="0.35">
      <c r="A61419" s="1" t="s">
        <v>11759</v>
      </c>
      <c r="B61419" s="1" t="s">
        <v>201495</v>
      </c>
      <c r="C61419" s="1" t="s">
        <v>30</v>
      </c>
      <c r="D61419" s="1" t="s">
        <v>48457</v>
      </c>
      <c r="E61419" s="1" t="s">
        <v>205705</v>
      </c>
      <c r="F61419" s="1" t="s">
        <v>205706</v>
      </c>
      <c r="G61419" s="1" t="s">
        <v>205695</v>
      </c>
      <c r="H61419" s="1" t="s">
        <v>205696</v>
      </c>
      <c r="I61419" s="1" t="s">
        <v>201500</v>
      </c>
      <c r="J61419" s="1" t="s">
        <v>205707</v>
      </c>
    </row>
    <row r="61420" spans="1:10" x14ac:dyDescent="0.35">
      <c r="A61420" s="1" t="s">
        <v>11759</v>
      </c>
      <c r="B61420" s="1" t="s">
        <v>201495</v>
      </c>
      <c r="C61420" s="1" t="s">
        <v>35</v>
      </c>
      <c r="D61420" s="1" t="s">
        <v>147181</v>
      </c>
      <c r="E61420" s="1" t="s">
        <v>205708</v>
      </c>
      <c r="F61420" s="1" t="s">
        <v>205709</v>
      </c>
      <c r="G61420" s="1" t="s">
        <v>205695</v>
      </c>
      <c r="H61420" s="1" t="s">
        <v>205696</v>
      </c>
      <c r="I61420" s="1" t="s">
        <v>201500</v>
      </c>
      <c r="J61420" s="1" t="s">
        <v>205710</v>
      </c>
    </row>
    <row r="61421" spans="1:10" x14ac:dyDescent="0.35">
      <c r="A61421" s="1" t="s">
        <v>11759</v>
      </c>
      <c r="B61421" s="1" t="s">
        <v>201495</v>
      </c>
      <c r="C61421" s="1" t="s">
        <v>40</v>
      </c>
      <c r="D61421" s="1" t="s">
        <v>178374</v>
      </c>
      <c r="E61421" s="1" t="s">
        <v>205711</v>
      </c>
      <c r="F61421" s="1" t="s">
        <v>205712</v>
      </c>
      <c r="G61421" s="1" t="s">
        <v>205695</v>
      </c>
      <c r="H61421" s="1" t="s">
        <v>205696</v>
      </c>
      <c r="I61421" s="1" t="s">
        <v>201500</v>
      </c>
      <c r="J61421" s="1" t="s">
        <v>205713</v>
      </c>
    </row>
    <row r="61422" spans="1:10" x14ac:dyDescent="0.35">
      <c r="A61422" s="1" t="s">
        <v>11759</v>
      </c>
      <c r="B61422" s="1" t="s">
        <v>201495</v>
      </c>
      <c r="C61422" s="1" t="s">
        <v>45</v>
      </c>
      <c r="D61422" s="1" t="s">
        <v>90774</v>
      </c>
      <c r="E61422" s="1" t="s">
        <v>205714</v>
      </c>
      <c r="F61422" s="1" t="s">
        <v>205715</v>
      </c>
      <c r="G61422" s="1" t="s">
        <v>205695</v>
      </c>
      <c r="H61422" s="1" t="s">
        <v>205696</v>
      </c>
      <c r="I61422" s="1" t="s">
        <v>201500</v>
      </c>
      <c r="J61422" s="1" t="s">
        <v>205716</v>
      </c>
    </row>
    <row r="61423" spans="1:10" x14ac:dyDescent="0.35">
      <c r="A61423" s="1" t="s">
        <v>11759</v>
      </c>
      <c r="B61423" s="1" t="s">
        <v>201495</v>
      </c>
      <c r="C61423" s="1" t="s">
        <v>50</v>
      </c>
      <c r="D61423" s="1" t="s">
        <v>205717</v>
      </c>
      <c r="E61423" s="1" t="s">
        <v>205718</v>
      </c>
      <c r="F61423" s="1" t="s">
        <v>205719</v>
      </c>
      <c r="G61423" s="1" t="s">
        <v>205695</v>
      </c>
      <c r="H61423" s="1" t="s">
        <v>205696</v>
      </c>
      <c r="I61423" s="1" t="s">
        <v>201500</v>
      </c>
      <c r="J61423" s="1" t="s">
        <v>205720</v>
      </c>
    </row>
    <row r="61424" spans="1:10" x14ac:dyDescent="0.35">
      <c r="A61424" s="1" t="s">
        <v>11759</v>
      </c>
      <c r="B61424" s="1" t="s">
        <v>201495</v>
      </c>
      <c r="C61424" s="1" t="s">
        <v>55</v>
      </c>
      <c r="D61424" s="1" t="s">
        <v>132558</v>
      </c>
      <c r="E61424" s="1" t="s">
        <v>205721</v>
      </c>
      <c r="F61424" s="1" t="s">
        <v>205722</v>
      </c>
      <c r="G61424" s="1" t="s">
        <v>205695</v>
      </c>
      <c r="H61424" s="1" t="s">
        <v>205696</v>
      </c>
      <c r="I61424" s="1" t="s">
        <v>201500</v>
      </c>
      <c r="J61424" s="1" t="s">
        <v>205723</v>
      </c>
    </row>
    <row r="61425" spans="1:10" x14ac:dyDescent="0.35">
      <c r="A61425" s="1" t="s">
        <v>11759</v>
      </c>
      <c r="B61425" s="1" t="s">
        <v>201495</v>
      </c>
      <c r="C61425" s="1" t="s">
        <v>60</v>
      </c>
      <c r="D61425" s="1" t="s">
        <v>88233</v>
      </c>
      <c r="E61425" s="1" t="s">
        <v>205724</v>
      </c>
      <c r="F61425" s="1" t="s">
        <v>205725</v>
      </c>
      <c r="G61425" s="1" t="s">
        <v>205695</v>
      </c>
      <c r="H61425" s="1" t="s">
        <v>205696</v>
      </c>
      <c r="I61425" s="1" t="s">
        <v>201500</v>
      </c>
      <c r="J61425" s="1" t="s">
        <v>205726</v>
      </c>
    </row>
    <row r="61426" spans="1:10" x14ac:dyDescent="0.35">
      <c r="A61426" s="1" t="s">
        <v>11759</v>
      </c>
      <c r="B61426" s="1" t="s">
        <v>201495</v>
      </c>
      <c r="C61426" s="1" t="s">
        <v>65</v>
      </c>
      <c r="D61426" s="1" t="s">
        <v>107225</v>
      </c>
      <c r="E61426" s="1" t="s">
        <v>205727</v>
      </c>
      <c r="F61426" s="1" t="s">
        <v>205728</v>
      </c>
      <c r="G61426" s="1" t="s">
        <v>205695</v>
      </c>
      <c r="H61426" s="1" t="s">
        <v>205696</v>
      </c>
      <c r="I61426" s="1" t="s">
        <v>201500</v>
      </c>
      <c r="J61426" s="1" t="s">
        <v>205729</v>
      </c>
    </row>
    <row r="61427" spans="1:10" x14ac:dyDescent="0.35">
      <c r="A61427" s="1" t="s">
        <v>11759</v>
      </c>
      <c r="B61427" s="1" t="s">
        <v>201495</v>
      </c>
      <c r="C61427" s="1" t="s">
        <v>70</v>
      </c>
      <c r="D61427" s="1" t="s">
        <v>94114</v>
      </c>
      <c r="E61427" s="1" t="s">
        <v>205730</v>
      </c>
      <c r="F61427" s="1" t="s">
        <v>205731</v>
      </c>
      <c r="G61427" s="1" t="s">
        <v>205695</v>
      </c>
      <c r="H61427" s="1" t="s">
        <v>205696</v>
      </c>
      <c r="I61427" s="1" t="s">
        <v>201500</v>
      </c>
      <c r="J61427" s="1" t="s">
        <v>205732</v>
      </c>
    </row>
    <row r="61428" spans="1:10" x14ac:dyDescent="0.35">
      <c r="A61428" s="1" t="s">
        <v>11759</v>
      </c>
      <c r="B61428" s="1" t="s">
        <v>201495</v>
      </c>
      <c r="C61428" s="1" t="s">
        <v>75</v>
      </c>
      <c r="D61428" s="1" t="s">
        <v>133379</v>
      </c>
      <c r="E61428" s="1" t="s">
        <v>205733</v>
      </c>
      <c r="F61428" s="1" t="s">
        <v>205734</v>
      </c>
      <c r="G61428" s="1" t="s">
        <v>205695</v>
      </c>
      <c r="H61428" s="1" t="s">
        <v>205696</v>
      </c>
      <c r="I61428" s="1" t="s">
        <v>201500</v>
      </c>
      <c r="J61428" s="1" t="s">
        <v>205735</v>
      </c>
    </row>
    <row r="61429" spans="1:10" x14ac:dyDescent="0.35">
      <c r="A61429" s="1" t="s">
        <v>11759</v>
      </c>
      <c r="B61429" s="1" t="s">
        <v>201495</v>
      </c>
      <c r="C61429" s="1" t="s">
        <v>80</v>
      </c>
      <c r="D61429" s="1" t="s">
        <v>63216</v>
      </c>
      <c r="E61429" s="1" t="s">
        <v>205736</v>
      </c>
      <c r="F61429" s="1" t="s">
        <v>205737</v>
      </c>
      <c r="G61429" s="1" t="s">
        <v>205695</v>
      </c>
      <c r="H61429" s="1" t="s">
        <v>205696</v>
      </c>
      <c r="I61429" s="1" t="s">
        <v>201500</v>
      </c>
      <c r="J61429" s="1" t="s">
        <v>205738</v>
      </c>
    </row>
    <row r="61430" spans="1:10" x14ac:dyDescent="0.35">
      <c r="A61430" s="1" t="s">
        <v>11759</v>
      </c>
      <c r="B61430" s="1" t="s">
        <v>201495</v>
      </c>
      <c r="C61430" s="1" t="s">
        <v>85</v>
      </c>
      <c r="D61430" s="1" t="s">
        <v>87878</v>
      </c>
      <c r="E61430" s="1" t="s">
        <v>205739</v>
      </c>
      <c r="F61430" s="1" t="s">
        <v>205740</v>
      </c>
      <c r="G61430" s="1" t="s">
        <v>205695</v>
      </c>
      <c r="H61430" s="1" t="s">
        <v>205696</v>
      </c>
      <c r="I61430" s="1" t="s">
        <v>201500</v>
      </c>
      <c r="J61430" s="1" t="s">
        <v>205741</v>
      </c>
    </row>
    <row r="61431" spans="1:10" x14ac:dyDescent="0.35">
      <c r="A61431" s="1" t="s">
        <v>11759</v>
      </c>
      <c r="B61431" s="1" t="s">
        <v>201495</v>
      </c>
      <c r="C61431" s="1" t="s">
        <v>90</v>
      </c>
      <c r="D61431" s="1" t="s">
        <v>205742</v>
      </c>
      <c r="E61431" s="1" t="s">
        <v>205743</v>
      </c>
      <c r="F61431" s="1" t="s">
        <v>205744</v>
      </c>
      <c r="G61431" s="1" t="s">
        <v>205695</v>
      </c>
      <c r="H61431" s="1" t="s">
        <v>205696</v>
      </c>
      <c r="I61431" s="1" t="s">
        <v>201500</v>
      </c>
      <c r="J61431" s="1" t="s">
        <v>205745</v>
      </c>
    </row>
    <row r="61432" spans="1:10" x14ac:dyDescent="0.35">
      <c r="A61432" s="1" t="s">
        <v>11759</v>
      </c>
      <c r="B61432" s="1" t="s">
        <v>201495</v>
      </c>
      <c r="C61432" s="1" t="s">
        <v>95</v>
      </c>
      <c r="D61432" s="1" t="s">
        <v>205746</v>
      </c>
      <c r="E61432" s="1" t="s">
        <v>205747</v>
      </c>
      <c r="F61432" s="1" t="s">
        <v>205748</v>
      </c>
      <c r="G61432" s="1" t="s">
        <v>205695</v>
      </c>
      <c r="H61432" s="1" t="s">
        <v>205696</v>
      </c>
      <c r="I61432" s="1" t="s">
        <v>201500</v>
      </c>
      <c r="J61432" s="1" t="s">
        <v>205749</v>
      </c>
    </row>
    <row r="61433" spans="1:10" x14ac:dyDescent="0.35">
      <c r="A61433" s="1" t="s">
        <v>11759</v>
      </c>
      <c r="B61433" s="1" t="s">
        <v>201495</v>
      </c>
      <c r="C61433" s="1" t="s">
        <v>100</v>
      </c>
      <c r="D61433" s="1" t="s">
        <v>205750</v>
      </c>
      <c r="E61433" s="1" t="s">
        <v>205751</v>
      </c>
      <c r="F61433" s="1" t="s">
        <v>205752</v>
      </c>
      <c r="G61433" s="1" t="s">
        <v>205695</v>
      </c>
      <c r="H61433" s="1" t="s">
        <v>205696</v>
      </c>
      <c r="I61433" s="1" t="s">
        <v>201500</v>
      </c>
      <c r="J61433" s="1" t="s">
        <v>205753</v>
      </c>
    </row>
    <row r="61434" spans="1:10" x14ac:dyDescent="0.35">
      <c r="A61434" s="1" t="s">
        <v>11759</v>
      </c>
      <c r="B61434" s="1" t="s">
        <v>201495</v>
      </c>
      <c r="C61434" s="1" t="s">
        <v>105</v>
      </c>
      <c r="D61434" s="1" t="s">
        <v>39132</v>
      </c>
      <c r="E61434" s="1" t="s">
        <v>205754</v>
      </c>
      <c r="F61434" s="1" t="s">
        <v>205755</v>
      </c>
      <c r="G61434" s="1" t="s">
        <v>205695</v>
      </c>
      <c r="H61434" s="1" t="s">
        <v>205696</v>
      </c>
      <c r="I61434" s="1" t="s">
        <v>201500</v>
      </c>
      <c r="J61434" s="1" t="s">
        <v>205756</v>
      </c>
    </row>
    <row r="61435" spans="1:10" x14ac:dyDescent="0.35">
      <c r="A61435" s="1" t="s">
        <v>11759</v>
      </c>
      <c r="B61435" s="1" t="s">
        <v>201495</v>
      </c>
      <c r="C61435" s="1" t="s">
        <v>110</v>
      </c>
      <c r="D61435" s="1" t="s">
        <v>205757</v>
      </c>
      <c r="E61435" s="1" t="s">
        <v>205758</v>
      </c>
      <c r="F61435" s="1" t="s">
        <v>205759</v>
      </c>
      <c r="G61435" s="1" t="s">
        <v>205695</v>
      </c>
      <c r="H61435" s="1" t="s">
        <v>205696</v>
      </c>
      <c r="I61435" s="1" t="s">
        <v>201500</v>
      </c>
      <c r="J61435" s="1" t="s">
        <v>205760</v>
      </c>
    </row>
    <row r="61436" spans="1:10" x14ac:dyDescent="0.35">
      <c r="A61436" s="1" t="s">
        <v>11759</v>
      </c>
      <c r="B61436" s="1" t="s">
        <v>201495</v>
      </c>
      <c r="C61436" s="1" t="s">
        <v>115</v>
      </c>
      <c r="D61436" s="1" t="s">
        <v>205761</v>
      </c>
      <c r="E61436" s="1" t="s">
        <v>205762</v>
      </c>
      <c r="F61436" s="1" t="s">
        <v>205763</v>
      </c>
      <c r="G61436" s="1" t="s">
        <v>205695</v>
      </c>
      <c r="H61436" s="1" t="s">
        <v>205696</v>
      </c>
      <c r="I61436" s="1" t="s">
        <v>201500</v>
      </c>
      <c r="J61436" s="1" t="s">
        <v>205764</v>
      </c>
    </row>
    <row r="61437" spans="1:10" x14ac:dyDescent="0.35">
      <c r="A61437" s="1" t="s">
        <v>11759</v>
      </c>
      <c r="B61437" s="1" t="s">
        <v>201495</v>
      </c>
      <c r="C61437" s="1" t="s">
        <v>120</v>
      </c>
      <c r="D61437" s="1" t="s">
        <v>205765</v>
      </c>
      <c r="E61437" s="1" t="s">
        <v>205766</v>
      </c>
      <c r="F61437" s="1" t="s">
        <v>205767</v>
      </c>
      <c r="G61437" s="1" t="s">
        <v>205695</v>
      </c>
      <c r="H61437" s="1" t="s">
        <v>205696</v>
      </c>
      <c r="I61437" s="1" t="s">
        <v>201500</v>
      </c>
      <c r="J61437" s="1" t="s">
        <v>205768</v>
      </c>
    </row>
    <row r="61438" spans="1:10" x14ac:dyDescent="0.35">
      <c r="A61438" s="1" t="s">
        <v>11759</v>
      </c>
      <c r="B61438" s="1" t="s">
        <v>201495</v>
      </c>
      <c r="C61438" s="1" t="s">
        <v>125</v>
      </c>
      <c r="D61438" s="1" t="s">
        <v>56576</v>
      </c>
      <c r="E61438" s="1" t="s">
        <v>205769</v>
      </c>
      <c r="F61438" s="1" t="s">
        <v>205770</v>
      </c>
      <c r="G61438" s="1" t="s">
        <v>205695</v>
      </c>
      <c r="H61438" s="1" t="s">
        <v>205696</v>
      </c>
      <c r="I61438" s="1" t="s">
        <v>201500</v>
      </c>
      <c r="J61438" s="1" t="s">
        <v>205771</v>
      </c>
    </row>
    <row r="61439" spans="1:10" x14ac:dyDescent="0.35">
      <c r="A61439" s="1" t="s">
        <v>11759</v>
      </c>
      <c r="B61439" s="1" t="s">
        <v>201495</v>
      </c>
      <c r="C61439" s="1" t="s">
        <v>130</v>
      </c>
      <c r="D61439" s="1" t="s">
        <v>140902</v>
      </c>
      <c r="E61439" s="1" t="s">
        <v>205772</v>
      </c>
      <c r="F61439" s="1" t="s">
        <v>205773</v>
      </c>
      <c r="G61439" s="1" t="s">
        <v>205695</v>
      </c>
      <c r="H61439" s="1" t="s">
        <v>205696</v>
      </c>
      <c r="I61439" s="1" t="s">
        <v>201500</v>
      </c>
      <c r="J61439" s="1" t="s">
        <v>205774</v>
      </c>
    </row>
    <row r="61440" spans="1:10" x14ac:dyDescent="0.35">
      <c r="A61440" s="1" t="s">
        <v>11759</v>
      </c>
      <c r="B61440" s="1" t="s">
        <v>201495</v>
      </c>
      <c r="C61440" s="1" t="s">
        <v>135</v>
      </c>
      <c r="D61440" s="1" t="s">
        <v>93138</v>
      </c>
      <c r="E61440" s="1" t="s">
        <v>205775</v>
      </c>
      <c r="F61440" s="1" t="s">
        <v>205776</v>
      </c>
      <c r="G61440" s="1" t="s">
        <v>205695</v>
      </c>
      <c r="H61440" s="1" t="s">
        <v>205696</v>
      </c>
      <c r="I61440" s="1" t="s">
        <v>201500</v>
      </c>
      <c r="J61440" s="1" t="s">
        <v>205777</v>
      </c>
    </row>
    <row r="61441" spans="1:10" x14ac:dyDescent="0.35">
      <c r="A61441" s="1" t="s">
        <v>11759</v>
      </c>
      <c r="B61441" s="1" t="s">
        <v>201495</v>
      </c>
      <c r="C61441" s="1" t="s">
        <v>140</v>
      </c>
      <c r="D61441" s="1" t="s">
        <v>65778</v>
      </c>
      <c r="E61441" s="1" t="s">
        <v>205778</v>
      </c>
      <c r="F61441" s="1" t="s">
        <v>205779</v>
      </c>
      <c r="G61441" s="1" t="s">
        <v>205695</v>
      </c>
      <c r="H61441" s="1" t="s">
        <v>205696</v>
      </c>
      <c r="I61441" s="1" t="s">
        <v>201500</v>
      </c>
      <c r="J61441" s="1" t="s">
        <v>205780</v>
      </c>
    </row>
    <row r="61442" spans="1:10" x14ac:dyDescent="0.35">
      <c r="A61442" s="1" t="s">
        <v>11759</v>
      </c>
      <c r="B61442" s="1" t="s">
        <v>201495</v>
      </c>
      <c r="C61442" s="1" t="s">
        <v>145</v>
      </c>
      <c r="D61442" s="1" t="s">
        <v>15156</v>
      </c>
      <c r="E61442" s="1" t="s">
        <v>205781</v>
      </c>
      <c r="F61442" s="1" t="s">
        <v>205782</v>
      </c>
      <c r="G61442" s="1" t="s">
        <v>205695</v>
      </c>
      <c r="H61442" s="1" t="s">
        <v>205696</v>
      </c>
      <c r="I61442" s="1" t="s">
        <v>201500</v>
      </c>
      <c r="J61442" s="1" t="s">
        <v>205783</v>
      </c>
    </row>
    <row r="61443" spans="1:10" x14ac:dyDescent="0.35">
      <c r="A61443" s="1" t="s">
        <v>11759</v>
      </c>
      <c r="B61443" s="1" t="s">
        <v>201495</v>
      </c>
      <c r="C61443" s="1" t="s">
        <v>150</v>
      </c>
      <c r="D61443" s="1" t="s">
        <v>42348</v>
      </c>
      <c r="E61443" s="1" t="s">
        <v>205784</v>
      </c>
      <c r="F61443" s="1" t="s">
        <v>205785</v>
      </c>
      <c r="G61443" s="1" t="s">
        <v>205695</v>
      </c>
      <c r="H61443" s="1" t="s">
        <v>205696</v>
      </c>
      <c r="I61443" s="1" t="s">
        <v>201500</v>
      </c>
      <c r="J61443" s="1" t="s">
        <v>205786</v>
      </c>
    </row>
    <row r="61444" spans="1:10" x14ac:dyDescent="0.35">
      <c r="A61444" s="1" t="s">
        <v>11759</v>
      </c>
      <c r="B61444" s="1" t="s">
        <v>201495</v>
      </c>
      <c r="C61444" s="1" t="s">
        <v>155</v>
      </c>
      <c r="D61444" s="1" t="s">
        <v>205787</v>
      </c>
      <c r="E61444" s="1" t="s">
        <v>205788</v>
      </c>
      <c r="F61444" s="1" t="s">
        <v>205789</v>
      </c>
      <c r="G61444" s="1" t="s">
        <v>205695</v>
      </c>
      <c r="H61444" s="1" t="s">
        <v>205696</v>
      </c>
      <c r="I61444" s="1" t="s">
        <v>201500</v>
      </c>
      <c r="J61444" s="1" t="s">
        <v>205790</v>
      </c>
    </row>
    <row r="61445" spans="1:10" x14ac:dyDescent="0.35">
      <c r="A61445" s="1" t="s">
        <v>11759</v>
      </c>
      <c r="B61445" s="1" t="s">
        <v>201495</v>
      </c>
      <c r="C61445" s="1" t="s">
        <v>160</v>
      </c>
      <c r="D61445" s="1" t="s">
        <v>205791</v>
      </c>
      <c r="E61445" s="1" t="s">
        <v>205792</v>
      </c>
      <c r="F61445" s="1" t="s">
        <v>205793</v>
      </c>
      <c r="G61445" s="1" t="s">
        <v>205695</v>
      </c>
      <c r="H61445" s="1" t="s">
        <v>205696</v>
      </c>
      <c r="I61445" s="1" t="s">
        <v>201500</v>
      </c>
      <c r="J61445" s="1" t="s">
        <v>205794</v>
      </c>
    </row>
    <row r="61446" spans="1:10" x14ac:dyDescent="0.35">
      <c r="A61446" s="1" t="s">
        <v>11759</v>
      </c>
      <c r="B61446" s="1" t="s">
        <v>201495</v>
      </c>
      <c r="C61446" s="1" t="s">
        <v>165</v>
      </c>
      <c r="D61446" s="1" t="s">
        <v>93051</v>
      </c>
      <c r="E61446" s="1" t="s">
        <v>205795</v>
      </c>
      <c r="F61446" s="1" t="s">
        <v>205796</v>
      </c>
      <c r="G61446" s="1" t="s">
        <v>205695</v>
      </c>
      <c r="H61446" s="1" t="s">
        <v>205696</v>
      </c>
      <c r="I61446" s="1" t="s">
        <v>201500</v>
      </c>
      <c r="J61446" s="1" t="s">
        <v>205797</v>
      </c>
    </row>
    <row r="61447" spans="1:10" x14ac:dyDescent="0.35">
      <c r="A61447" s="1" t="s">
        <v>11759</v>
      </c>
      <c r="B61447" s="1" t="s">
        <v>201495</v>
      </c>
      <c r="C61447" s="1" t="s">
        <v>170</v>
      </c>
      <c r="D61447" s="1" t="s">
        <v>86080</v>
      </c>
      <c r="E61447" s="1" t="s">
        <v>205798</v>
      </c>
      <c r="F61447" s="1" t="s">
        <v>205799</v>
      </c>
      <c r="G61447" s="1" t="s">
        <v>205695</v>
      </c>
      <c r="H61447" s="1" t="s">
        <v>205696</v>
      </c>
      <c r="I61447" s="1" t="s">
        <v>201500</v>
      </c>
      <c r="J61447" s="1" t="s">
        <v>205800</v>
      </c>
    </row>
    <row r="61448" spans="1:10" x14ac:dyDescent="0.35">
      <c r="A61448" s="1" t="s">
        <v>25060</v>
      </c>
      <c r="B61448" s="1" t="s">
        <v>201495</v>
      </c>
      <c r="C61448" s="1" t="s">
        <v>8</v>
      </c>
      <c r="D61448" s="1" t="s">
        <v>157500</v>
      </c>
      <c r="E61448" s="1" t="s">
        <v>205801</v>
      </c>
      <c r="F61448" s="1" t="s">
        <v>205802</v>
      </c>
      <c r="G61448" s="1" t="s">
        <v>205803</v>
      </c>
      <c r="H61448" s="1" t="s">
        <v>205804</v>
      </c>
      <c r="I61448" s="1" t="s">
        <v>201500</v>
      </c>
      <c r="J61448" s="1" t="s">
        <v>13</v>
      </c>
    </row>
    <row r="61449" spans="1:10" x14ac:dyDescent="0.35">
      <c r="A61449" s="1" t="s">
        <v>25060</v>
      </c>
      <c r="B61449" s="1" t="s">
        <v>201495</v>
      </c>
      <c r="C61449" s="1" t="s">
        <v>15</v>
      </c>
      <c r="D61449" s="1" t="s">
        <v>26004</v>
      </c>
      <c r="E61449" s="1" t="s">
        <v>205805</v>
      </c>
      <c r="F61449" s="1" t="s">
        <v>205806</v>
      </c>
      <c r="G61449" s="1" t="s">
        <v>205803</v>
      </c>
      <c r="H61449" s="1" t="s">
        <v>205804</v>
      </c>
      <c r="I61449" s="1" t="s">
        <v>201500</v>
      </c>
      <c r="J61449" s="1" t="s">
        <v>205807</v>
      </c>
    </row>
    <row r="61450" spans="1:10" x14ac:dyDescent="0.35">
      <c r="A61450" s="1" t="s">
        <v>25060</v>
      </c>
      <c r="B61450" s="1" t="s">
        <v>201495</v>
      </c>
      <c r="C61450" s="1" t="s">
        <v>20</v>
      </c>
      <c r="D61450" s="1" t="s">
        <v>15860</v>
      </c>
      <c r="E61450" s="1" t="s">
        <v>205808</v>
      </c>
      <c r="F61450" s="1" t="s">
        <v>205809</v>
      </c>
      <c r="G61450" s="1" t="s">
        <v>205803</v>
      </c>
      <c r="H61450" s="1" t="s">
        <v>205804</v>
      </c>
      <c r="I61450" s="1" t="s">
        <v>201500</v>
      </c>
      <c r="J61450" s="1" t="s">
        <v>165926</v>
      </c>
    </row>
    <row r="61451" spans="1:10" x14ac:dyDescent="0.35">
      <c r="A61451" s="1" t="s">
        <v>25060</v>
      </c>
      <c r="B61451" s="1" t="s">
        <v>201495</v>
      </c>
      <c r="C61451" s="1" t="s">
        <v>25</v>
      </c>
      <c r="D61451" s="1" t="s">
        <v>46849</v>
      </c>
      <c r="E61451" s="1" t="s">
        <v>205810</v>
      </c>
      <c r="F61451" s="1" t="s">
        <v>205811</v>
      </c>
      <c r="G61451" s="1" t="s">
        <v>205803</v>
      </c>
      <c r="H61451" s="1" t="s">
        <v>205804</v>
      </c>
      <c r="I61451" s="1" t="s">
        <v>201500</v>
      </c>
      <c r="J61451" s="1" t="s">
        <v>205812</v>
      </c>
    </row>
    <row r="61452" spans="1:10" x14ac:dyDescent="0.35">
      <c r="A61452" s="1" t="s">
        <v>25060</v>
      </c>
      <c r="B61452" s="1" t="s">
        <v>201495</v>
      </c>
      <c r="C61452" s="1" t="s">
        <v>30</v>
      </c>
      <c r="D61452" s="1" t="s">
        <v>121880</v>
      </c>
      <c r="E61452" s="1" t="s">
        <v>35045</v>
      </c>
      <c r="F61452" s="1" t="s">
        <v>205813</v>
      </c>
      <c r="G61452" s="1" t="s">
        <v>205803</v>
      </c>
      <c r="H61452" s="1" t="s">
        <v>205804</v>
      </c>
      <c r="I61452" s="1" t="s">
        <v>201500</v>
      </c>
      <c r="J61452" s="1" t="s">
        <v>205814</v>
      </c>
    </row>
    <row r="61453" spans="1:10" x14ac:dyDescent="0.35">
      <c r="A61453" s="1" t="s">
        <v>25060</v>
      </c>
      <c r="B61453" s="1" t="s">
        <v>201495</v>
      </c>
      <c r="C61453" s="1" t="s">
        <v>35</v>
      </c>
      <c r="D61453" s="1" t="s">
        <v>44157</v>
      </c>
      <c r="E61453" s="1" t="s">
        <v>205815</v>
      </c>
      <c r="F61453" s="1" t="s">
        <v>205816</v>
      </c>
      <c r="G61453" s="1" t="s">
        <v>205803</v>
      </c>
      <c r="H61453" s="1" t="s">
        <v>205804</v>
      </c>
      <c r="I61453" s="1" t="s">
        <v>201500</v>
      </c>
      <c r="J61453" s="1" t="s">
        <v>205817</v>
      </c>
    </row>
    <row r="61454" spans="1:10" x14ac:dyDescent="0.35">
      <c r="A61454" s="1" t="s">
        <v>25060</v>
      </c>
      <c r="B61454" s="1" t="s">
        <v>201495</v>
      </c>
      <c r="C61454" s="1" t="s">
        <v>40</v>
      </c>
      <c r="D61454" s="1" t="s">
        <v>151696</v>
      </c>
      <c r="E61454" s="1" t="s">
        <v>205818</v>
      </c>
      <c r="F61454" s="1" t="s">
        <v>205819</v>
      </c>
      <c r="G61454" s="1" t="s">
        <v>205803</v>
      </c>
      <c r="H61454" s="1" t="s">
        <v>205804</v>
      </c>
      <c r="I61454" s="1" t="s">
        <v>201500</v>
      </c>
      <c r="J61454" s="1" t="s">
        <v>205820</v>
      </c>
    </row>
    <row r="61455" spans="1:10" x14ac:dyDescent="0.35">
      <c r="A61455" s="1" t="s">
        <v>25060</v>
      </c>
      <c r="B61455" s="1" t="s">
        <v>201495</v>
      </c>
      <c r="C61455" s="1" t="s">
        <v>45</v>
      </c>
      <c r="D61455" s="1" t="s">
        <v>112793</v>
      </c>
      <c r="E61455" s="1" t="s">
        <v>205821</v>
      </c>
      <c r="F61455" s="1" t="s">
        <v>205822</v>
      </c>
      <c r="G61455" s="1" t="s">
        <v>205803</v>
      </c>
      <c r="H61455" s="1" t="s">
        <v>205804</v>
      </c>
      <c r="I61455" s="1" t="s">
        <v>201500</v>
      </c>
      <c r="J61455" s="1" t="s">
        <v>205823</v>
      </c>
    </row>
    <row r="61456" spans="1:10" x14ac:dyDescent="0.35">
      <c r="A61456" s="1" t="s">
        <v>25060</v>
      </c>
      <c r="B61456" s="1" t="s">
        <v>201495</v>
      </c>
      <c r="C61456" s="1" t="s">
        <v>50</v>
      </c>
      <c r="D61456" s="1" t="s">
        <v>119920</v>
      </c>
      <c r="E61456" s="1" t="s">
        <v>205824</v>
      </c>
      <c r="F61456" s="1" t="s">
        <v>205825</v>
      </c>
      <c r="G61456" s="1" t="s">
        <v>205803</v>
      </c>
      <c r="H61456" s="1" t="s">
        <v>205804</v>
      </c>
      <c r="I61456" s="1" t="s">
        <v>201500</v>
      </c>
      <c r="J61456" s="1" t="s">
        <v>205826</v>
      </c>
    </row>
    <row r="61457" spans="1:10" x14ac:dyDescent="0.35">
      <c r="A61457" s="1" t="s">
        <v>25060</v>
      </c>
      <c r="B61457" s="1" t="s">
        <v>201495</v>
      </c>
      <c r="C61457" s="1" t="s">
        <v>55</v>
      </c>
      <c r="D61457" s="1" t="s">
        <v>29806</v>
      </c>
      <c r="E61457" s="1" t="s">
        <v>205827</v>
      </c>
      <c r="F61457" s="1" t="s">
        <v>205828</v>
      </c>
      <c r="G61457" s="1" t="s">
        <v>205803</v>
      </c>
      <c r="H61457" s="1" t="s">
        <v>205804</v>
      </c>
      <c r="I61457" s="1" t="s">
        <v>201500</v>
      </c>
      <c r="J61457" s="1" t="s">
        <v>205829</v>
      </c>
    </row>
    <row r="61458" spans="1:10" x14ac:dyDescent="0.35">
      <c r="A61458" s="1" t="s">
        <v>25060</v>
      </c>
      <c r="B61458" s="1" t="s">
        <v>201495</v>
      </c>
      <c r="C61458" s="1" t="s">
        <v>60</v>
      </c>
      <c r="D61458" s="1" t="s">
        <v>6946</v>
      </c>
      <c r="E61458" s="1" t="s">
        <v>205830</v>
      </c>
      <c r="F61458" s="1" t="s">
        <v>205831</v>
      </c>
      <c r="G61458" s="1" t="s">
        <v>205803</v>
      </c>
      <c r="H61458" s="1" t="s">
        <v>205804</v>
      </c>
      <c r="I61458" s="1" t="s">
        <v>201500</v>
      </c>
      <c r="J61458" s="1" t="s">
        <v>205832</v>
      </c>
    </row>
    <row r="61459" spans="1:10" x14ac:dyDescent="0.35">
      <c r="A61459" s="1" t="s">
        <v>25060</v>
      </c>
      <c r="B61459" s="1" t="s">
        <v>201495</v>
      </c>
      <c r="C61459" s="1" t="s">
        <v>65</v>
      </c>
      <c r="D61459" s="1" t="s">
        <v>112370</v>
      </c>
      <c r="E61459" s="1" t="s">
        <v>205833</v>
      </c>
      <c r="F61459" s="1" t="s">
        <v>205834</v>
      </c>
      <c r="G61459" s="1" t="s">
        <v>205803</v>
      </c>
      <c r="H61459" s="1" t="s">
        <v>205804</v>
      </c>
      <c r="I61459" s="1" t="s">
        <v>201500</v>
      </c>
      <c r="J61459" s="1" t="s">
        <v>205835</v>
      </c>
    </row>
    <row r="61460" spans="1:10" x14ac:dyDescent="0.35">
      <c r="A61460" s="1" t="s">
        <v>25060</v>
      </c>
      <c r="B61460" s="1" t="s">
        <v>201495</v>
      </c>
      <c r="C61460" s="1" t="s">
        <v>70</v>
      </c>
      <c r="D61460" s="1" t="s">
        <v>6535</v>
      </c>
      <c r="E61460" s="1" t="s">
        <v>205836</v>
      </c>
      <c r="F61460" s="1" t="s">
        <v>205837</v>
      </c>
      <c r="G61460" s="1" t="s">
        <v>205803</v>
      </c>
      <c r="H61460" s="1" t="s">
        <v>205804</v>
      </c>
      <c r="I61460" s="1" t="s">
        <v>201500</v>
      </c>
      <c r="J61460" s="1" t="s">
        <v>205838</v>
      </c>
    </row>
    <row r="61461" spans="1:10" x14ac:dyDescent="0.35">
      <c r="A61461" s="1" t="s">
        <v>25060</v>
      </c>
      <c r="B61461" s="1" t="s">
        <v>201495</v>
      </c>
      <c r="C61461" s="1" t="s">
        <v>75</v>
      </c>
      <c r="D61461" s="1" t="s">
        <v>15583</v>
      </c>
      <c r="E61461" s="1" t="s">
        <v>205839</v>
      </c>
      <c r="F61461" s="1" t="s">
        <v>205840</v>
      </c>
      <c r="G61461" s="1" t="s">
        <v>205803</v>
      </c>
      <c r="H61461" s="1" t="s">
        <v>205804</v>
      </c>
      <c r="I61461" s="1" t="s">
        <v>201500</v>
      </c>
      <c r="J61461" s="1" t="s">
        <v>205841</v>
      </c>
    </row>
    <row r="61462" spans="1:10" x14ac:dyDescent="0.35">
      <c r="A61462" s="1" t="s">
        <v>25060</v>
      </c>
      <c r="B61462" s="1" t="s">
        <v>201495</v>
      </c>
      <c r="C61462" s="1" t="s">
        <v>80</v>
      </c>
      <c r="D61462" s="1" t="s">
        <v>109598</v>
      </c>
      <c r="E61462" s="1" t="s">
        <v>205842</v>
      </c>
      <c r="F61462" s="1" t="s">
        <v>205843</v>
      </c>
      <c r="G61462" s="1" t="s">
        <v>205803</v>
      </c>
      <c r="H61462" s="1" t="s">
        <v>205804</v>
      </c>
      <c r="I61462" s="1" t="s">
        <v>201500</v>
      </c>
      <c r="J61462" s="1" t="s">
        <v>205844</v>
      </c>
    </row>
    <row r="61463" spans="1:10" x14ac:dyDescent="0.35">
      <c r="A61463" s="1" t="s">
        <v>25060</v>
      </c>
      <c r="B61463" s="1" t="s">
        <v>201495</v>
      </c>
      <c r="C61463" s="1" t="s">
        <v>85</v>
      </c>
      <c r="D61463" s="1" t="s">
        <v>205845</v>
      </c>
      <c r="E61463" s="1" t="s">
        <v>205846</v>
      </c>
      <c r="F61463" s="1" t="s">
        <v>205847</v>
      </c>
      <c r="G61463" s="1" t="s">
        <v>205803</v>
      </c>
      <c r="H61463" s="1" t="s">
        <v>205804</v>
      </c>
      <c r="I61463" s="1" t="s">
        <v>201500</v>
      </c>
      <c r="J61463" s="1" t="s">
        <v>205848</v>
      </c>
    </row>
    <row r="61464" spans="1:10" x14ac:dyDescent="0.35">
      <c r="A61464" s="1" t="s">
        <v>25060</v>
      </c>
      <c r="B61464" s="1" t="s">
        <v>201495</v>
      </c>
      <c r="C61464" s="1" t="s">
        <v>90</v>
      </c>
      <c r="D61464" s="1" t="s">
        <v>6543</v>
      </c>
      <c r="E61464" s="1" t="s">
        <v>205849</v>
      </c>
      <c r="F61464" s="1" t="s">
        <v>205850</v>
      </c>
      <c r="G61464" s="1" t="s">
        <v>205803</v>
      </c>
      <c r="H61464" s="1" t="s">
        <v>205804</v>
      </c>
      <c r="I61464" s="1" t="s">
        <v>201500</v>
      </c>
      <c r="J61464" s="1" t="s">
        <v>205851</v>
      </c>
    </row>
    <row r="61465" spans="1:10" x14ac:dyDescent="0.35">
      <c r="A61465" s="1" t="s">
        <v>25060</v>
      </c>
      <c r="B61465" s="1" t="s">
        <v>201495</v>
      </c>
      <c r="C61465" s="1" t="s">
        <v>95</v>
      </c>
      <c r="D61465" s="1" t="s">
        <v>120076</v>
      </c>
      <c r="E61465" s="1" t="s">
        <v>205852</v>
      </c>
      <c r="F61465" s="1" t="s">
        <v>205853</v>
      </c>
      <c r="G61465" s="1" t="s">
        <v>205803</v>
      </c>
      <c r="H61465" s="1" t="s">
        <v>205804</v>
      </c>
      <c r="I61465" s="1" t="s">
        <v>201500</v>
      </c>
      <c r="J61465" s="1" t="s">
        <v>205854</v>
      </c>
    </row>
    <row r="61466" spans="1:10" x14ac:dyDescent="0.35">
      <c r="A61466" s="1" t="s">
        <v>25060</v>
      </c>
      <c r="B61466" s="1" t="s">
        <v>201495</v>
      </c>
      <c r="C61466" s="1" t="s">
        <v>100</v>
      </c>
      <c r="D61466" s="1" t="s">
        <v>168304</v>
      </c>
      <c r="E61466" s="1" t="s">
        <v>205855</v>
      </c>
      <c r="F61466" s="1" t="s">
        <v>205856</v>
      </c>
      <c r="G61466" s="1" t="s">
        <v>205803</v>
      </c>
      <c r="H61466" s="1" t="s">
        <v>205804</v>
      </c>
      <c r="I61466" s="1" t="s">
        <v>201500</v>
      </c>
      <c r="J61466" s="1" t="s">
        <v>205857</v>
      </c>
    </row>
    <row r="61467" spans="1:10" x14ac:dyDescent="0.35">
      <c r="A61467" s="1" t="s">
        <v>25060</v>
      </c>
      <c r="B61467" s="1" t="s">
        <v>201495</v>
      </c>
      <c r="C61467" s="1" t="s">
        <v>105</v>
      </c>
      <c r="D61467" s="1" t="s">
        <v>205858</v>
      </c>
      <c r="E61467" s="1" t="s">
        <v>205859</v>
      </c>
      <c r="F61467" s="1" t="s">
        <v>205860</v>
      </c>
      <c r="G61467" s="1" t="s">
        <v>205803</v>
      </c>
      <c r="H61467" s="1" t="s">
        <v>205804</v>
      </c>
      <c r="I61467" s="1" t="s">
        <v>201500</v>
      </c>
      <c r="J61467" s="1" t="s">
        <v>205861</v>
      </c>
    </row>
    <row r="61468" spans="1:10" x14ac:dyDescent="0.35">
      <c r="A61468" s="1" t="s">
        <v>25060</v>
      </c>
      <c r="B61468" s="1" t="s">
        <v>201495</v>
      </c>
      <c r="C61468" s="1" t="s">
        <v>110</v>
      </c>
      <c r="D61468" s="1" t="s">
        <v>29704</v>
      </c>
      <c r="E61468" s="1" t="s">
        <v>205862</v>
      </c>
      <c r="F61468" s="1" t="s">
        <v>205863</v>
      </c>
      <c r="G61468" s="1" t="s">
        <v>205803</v>
      </c>
      <c r="H61468" s="1" t="s">
        <v>205804</v>
      </c>
      <c r="I61468" s="1" t="s">
        <v>201500</v>
      </c>
      <c r="J61468" s="1" t="s">
        <v>205864</v>
      </c>
    </row>
    <row r="61469" spans="1:10" x14ac:dyDescent="0.35">
      <c r="A61469" s="1" t="s">
        <v>25060</v>
      </c>
      <c r="B61469" s="1" t="s">
        <v>201495</v>
      </c>
      <c r="C61469" s="1" t="s">
        <v>115</v>
      </c>
      <c r="D61469" s="1" t="s">
        <v>118926</v>
      </c>
      <c r="E61469" s="1" t="s">
        <v>205865</v>
      </c>
      <c r="F61469" s="1" t="s">
        <v>205866</v>
      </c>
      <c r="G61469" s="1" t="s">
        <v>205803</v>
      </c>
      <c r="H61469" s="1" t="s">
        <v>205804</v>
      </c>
      <c r="I61469" s="1" t="s">
        <v>201500</v>
      </c>
      <c r="J61469" s="1" t="s">
        <v>205867</v>
      </c>
    </row>
    <row r="61470" spans="1:10" x14ac:dyDescent="0.35">
      <c r="A61470" s="1" t="s">
        <v>25060</v>
      </c>
      <c r="B61470" s="1" t="s">
        <v>201495</v>
      </c>
      <c r="C61470" s="1" t="s">
        <v>120</v>
      </c>
      <c r="D61470" s="1" t="s">
        <v>2663</v>
      </c>
      <c r="E61470" s="1" t="s">
        <v>205868</v>
      </c>
      <c r="F61470" s="1" t="s">
        <v>205869</v>
      </c>
      <c r="G61470" s="1" t="s">
        <v>205803</v>
      </c>
      <c r="H61470" s="1" t="s">
        <v>205804</v>
      </c>
      <c r="I61470" s="1" t="s">
        <v>201500</v>
      </c>
      <c r="J61470" s="1" t="s">
        <v>205870</v>
      </c>
    </row>
    <row r="61471" spans="1:10" x14ac:dyDescent="0.35">
      <c r="A61471" s="1" t="s">
        <v>25060</v>
      </c>
      <c r="B61471" s="1" t="s">
        <v>201495</v>
      </c>
      <c r="C61471" s="1" t="s">
        <v>125</v>
      </c>
      <c r="D61471" s="1" t="s">
        <v>75352</v>
      </c>
      <c r="E61471" s="1" t="s">
        <v>205871</v>
      </c>
      <c r="F61471" s="1" t="s">
        <v>205872</v>
      </c>
      <c r="G61471" s="1" t="s">
        <v>205803</v>
      </c>
      <c r="H61471" s="1" t="s">
        <v>205804</v>
      </c>
      <c r="I61471" s="1" t="s">
        <v>201500</v>
      </c>
      <c r="J61471" s="1" t="s">
        <v>205873</v>
      </c>
    </row>
    <row r="61472" spans="1:10" x14ac:dyDescent="0.35">
      <c r="A61472" s="1" t="s">
        <v>25060</v>
      </c>
      <c r="B61472" s="1" t="s">
        <v>201495</v>
      </c>
      <c r="C61472" s="1" t="s">
        <v>130</v>
      </c>
      <c r="D61472" s="1" t="s">
        <v>117200</v>
      </c>
      <c r="E61472" s="1" t="s">
        <v>205874</v>
      </c>
      <c r="F61472" s="1" t="s">
        <v>205875</v>
      </c>
      <c r="G61472" s="1" t="s">
        <v>205803</v>
      </c>
      <c r="H61472" s="1" t="s">
        <v>205804</v>
      </c>
      <c r="I61472" s="1" t="s">
        <v>201500</v>
      </c>
      <c r="J61472" s="1" t="s">
        <v>205876</v>
      </c>
    </row>
    <row r="61473" spans="1:10" x14ac:dyDescent="0.35">
      <c r="A61473" s="1" t="s">
        <v>25060</v>
      </c>
      <c r="B61473" s="1" t="s">
        <v>201495</v>
      </c>
      <c r="C61473" s="1" t="s">
        <v>135</v>
      </c>
      <c r="D61473" s="1" t="s">
        <v>2671</v>
      </c>
      <c r="E61473" s="1" t="s">
        <v>205877</v>
      </c>
      <c r="F61473" s="1" t="s">
        <v>205878</v>
      </c>
      <c r="G61473" s="1" t="s">
        <v>205803</v>
      </c>
      <c r="H61473" s="1" t="s">
        <v>205804</v>
      </c>
      <c r="I61473" s="1" t="s">
        <v>201500</v>
      </c>
      <c r="J61473" s="1" t="s">
        <v>205879</v>
      </c>
    </row>
    <row r="61474" spans="1:10" x14ac:dyDescent="0.35">
      <c r="A61474" s="1" t="s">
        <v>25060</v>
      </c>
      <c r="B61474" s="1" t="s">
        <v>201495</v>
      </c>
      <c r="C61474" s="1" t="s">
        <v>140</v>
      </c>
      <c r="D61474" s="1" t="s">
        <v>2382</v>
      </c>
      <c r="E61474" s="1" t="s">
        <v>205880</v>
      </c>
      <c r="F61474" s="1" t="s">
        <v>205881</v>
      </c>
      <c r="G61474" s="1" t="s">
        <v>205803</v>
      </c>
      <c r="H61474" s="1" t="s">
        <v>205804</v>
      </c>
      <c r="I61474" s="1" t="s">
        <v>201500</v>
      </c>
      <c r="J61474" s="1" t="s">
        <v>205882</v>
      </c>
    </row>
    <row r="61475" spans="1:10" x14ac:dyDescent="0.35">
      <c r="A61475" s="1" t="s">
        <v>25060</v>
      </c>
      <c r="B61475" s="1" t="s">
        <v>201495</v>
      </c>
      <c r="C61475" s="1" t="s">
        <v>145</v>
      </c>
      <c r="D61475" s="1" t="s">
        <v>148841</v>
      </c>
      <c r="E61475" s="1" t="s">
        <v>205883</v>
      </c>
      <c r="F61475" s="1" t="s">
        <v>205884</v>
      </c>
      <c r="G61475" s="1" t="s">
        <v>205803</v>
      </c>
      <c r="H61475" s="1" t="s">
        <v>205804</v>
      </c>
      <c r="I61475" s="1" t="s">
        <v>201500</v>
      </c>
      <c r="J61475" s="1" t="s">
        <v>205885</v>
      </c>
    </row>
    <row r="61476" spans="1:10" x14ac:dyDescent="0.35">
      <c r="A61476" s="1" t="s">
        <v>25060</v>
      </c>
      <c r="B61476" s="1" t="s">
        <v>201495</v>
      </c>
      <c r="C61476" s="1" t="s">
        <v>150</v>
      </c>
      <c r="D61476" s="1" t="s">
        <v>9546</v>
      </c>
      <c r="E61476" s="1" t="s">
        <v>205886</v>
      </c>
      <c r="F61476" s="1" t="s">
        <v>205887</v>
      </c>
      <c r="G61476" s="1" t="s">
        <v>205803</v>
      </c>
      <c r="H61476" s="1" t="s">
        <v>205804</v>
      </c>
      <c r="I61476" s="1" t="s">
        <v>201500</v>
      </c>
      <c r="J61476" s="1" t="s">
        <v>205888</v>
      </c>
    </row>
    <row r="61477" spans="1:10" x14ac:dyDescent="0.35">
      <c r="A61477" s="1" t="s">
        <v>25060</v>
      </c>
      <c r="B61477" s="1" t="s">
        <v>201495</v>
      </c>
      <c r="C61477" s="1" t="s">
        <v>155</v>
      </c>
      <c r="D61477" s="1" t="s">
        <v>156803</v>
      </c>
      <c r="E61477" s="1" t="s">
        <v>205889</v>
      </c>
      <c r="F61477" s="1" t="s">
        <v>205890</v>
      </c>
      <c r="G61477" s="1" t="s">
        <v>205803</v>
      </c>
      <c r="H61477" s="1" t="s">
        <v>205804</v>
      </c>
      <c r="I61477" s="1" t="s">
        <v>201500</v>
      </c>
      <c r="J61477" s="1" t="s">
        <v>205891</v>
      </c>
    </row>
    <row r="61478" spans="1:10" x14ac:dyDescent="0.35">
      <c r="A61478" s="1" t="s">
        <v>25060</v>
      </c>
      <c r="B61478" s="1" t="s">
        <v>201495</v>
      </c>
      <c r="C61478" s="1" t="s">
        <v>160</v>
      </c>
      <c r="D61478" s="1" t="s">
        <v>14232</v>
      </c>
      <c r="E61478" s="1" t="s">
        <v>205892</v>
      </c>
      <c r="F61478" s="1" t="s">
        <v>205893</v>
      </c>
      <c r="G61478" s="1" t="s">
        <v>205803</v>
      </c>
      <c r="H61478" s="1" t="s">
        <v>205804</v>
      </c>
      <c r="I61478" s="1" t="s">
        <v>201500</v>
      </c>
      <c r="J61478" s="1" t="s">
        <v>205894</v>
      </c>
    </row>
    <row r="61479" spans="1:10" x14ac:dyDescent="0.35">
      <c r="A61479" s="1" t="s">
        <v>25060</v>
      </c>
      <c r="B61479" s="1" t="s">
        <v>201495</v>
      </c>
      <c r="C61479" s="1" t="s">
        <v>165</v>
      </c>
      <c r="D61479" s="1" t="s">
        <v>118508</v>
      </c>
      <c r="E61479" s="1" t="s">
        <v>205895</v>
      </c>
      <c r="F61479" s="1" t="s">
        <v>205896</v>
      </c>
      <c r="G61479" s="1" t="s">
        <v>205803</v>
      </c>
      <c r="H61479" s="1" t="s">
        <v>205804</v>
      </c>
      <c r="I61479" s="1" t="s">
        <v>201500</v>
      </c>
      <c r="J61479" s="1" t="s">
        <v>205897</v>
      </c>
    </row>
    <row r="61480" spans="1:10" x14ac:dyDescent="0.35">
      <c r="A61480" s="1" t="s">
        <v>25060</v>
      </c>
      <c r="B61480" s="1" t="s">
        <v>201495</v>
      </c>
      <c r="C61480" s="1" t="s">
        <v>170</v>
      </c>
      <c r="D61480" s="1" t="s">
        <v>116252</v>
      </c>
      <c r="E61480" s="1" t="s">
        <v>205898</v>
      </c>
      <c r="F61480" s="1" t="s">
        <v>205899</v>
      </c>
      <c r="G61480" s="1" t="s">
        <v>205803</v>
      </c>
      <c r="H61480" s="1" t="s">
        <v>205804</v>
      </c>
      <c r="I61480" s="1" t="s">
        <v>201500</v>
      </c>
      <c r="J61480" s="1" t="s">
        <v>205900</v>
      </c>
    </row>
    <row r="61481" spans="1:10" x14ac:dyDescent="0.35">
      <c r="A61481" s="1" t="s">
        <v>27802</v>
      </c>
      <c r="B61481" s="1" t="s">
        <v>201495</v>
      </c>
      <c r="C61481" s="1" t="s">
        <v>8</v>
      </c>
      <c r="D61481" s="1" t="s">
        <v>205901</v>
      </c>
      <c r="E61481" s="1" t="s">
        <v>205902</v>
      </c>
      <c r="F61481" s="1" t="s">
        <v>205903</v>
      </c>
      <c r="G61481" s="1" t="s">
        <v>205904</v>
      </c>
      <c r="H61481" s="1" t="s">
        <v>205905</v>
      </c>
      <c r="I61481" s="1" t="s">
        <v>201500</v>
      </c>
      <c r="J61481" s="1" t="s">
        <v>13</v>
      </c>
    </row>
    <row r="61482" spans="1:10" x14ac:dyDescent="0.35">
      <c r="A61482" s="1" t="s">
        <v>27802</v>
      </c>
      <c r="B61482" s="1" t="s">
        <v>201495</v>
      </c>
      <c r="C61482" s="1" t="s">
        <v>15</v>
      </c>
      <c r="D61482" s="1" t="s">
        <v>153137</v>
      </c>
      <c r="E61482" s="1" t="s">
        <v>8646</v>
      </c>
      <c r="F61482" s="1" t="s">
        <v>205906</v>
      </c>
      <c r="G61482" s="1" t="s">
        <v>205904</v>
      </c>
      <c r="H61482" s="1" t="s">
        <v>205905</v>
      </c>
      <c r="I61482" s="1" t="s">
        <v>201500</v>
      </c>
      <c r="J61482" s="1" t="s">
        <v>205907</v>
      </c>
    </row>
    <row r="61483" spans="1:10" x14ac:dyDescent="0.35">
      <c r="A61483" s="1" t="s">
        <v>27802</v>
      </c>
      <c r="B61483" s="1" t="s">
        <v>201495</v>
      </c>
      <c r="C61483" s="1" t="s">
        <v>20</v>
      </c>
      <c r="D61483" s="1" t="s">
        <v>205908</v>
      </c>
      <c r="E61483" s="1" t="s">
        <v>201646</v>
      </c>
      <c r="F61483" s="1" t="s">
        <v>205909</v>
      </c>
      <c r="G61483" s="1" t="s">
        <v>205904</v>
      </c>
      <c r="H61483" s="1" t="s">
        <v>205905</v>
      </c>
      <c r="I61483" s="1" t="s">
        <v>201500</v>
      </c>
      <c r="J61483" s="1" t="s">
        <v>205910</v>
      </c>
    </row>
    <row r="61484" spans="1:10" x14ac:dyDescent="0.35">
      <c r="A61484" s="1" t="s">
        <v>27802</v>
      </c>
      <c r="B61484" s="1" t="s">
        <v>201495</v>
      </c>
      <c r="C61484" s="1" t="s">
        <v>25</v>
      </c>
      <c r="D61484" s="1" t="s">
        <v>160704</v>
      </c>
      <c r="E61484" s="1" t="s">
        <v>159832</v>
      </c>
      <c r="F61484" s="1" t="s">
        <v>205911</v>
      </c>
      <c r="G61484" s="1" t="s">
        <v>205904</v>
      </c>
      <c r="H61484" s="1" t="s">
        <v>205905</v>
      </c>
      <c r="I61484" s="1" t="s">
        <v>201500</v>
      </c>
      <c r="J61484" s="1" t="s">
        <v>205912</v>
      </c>
    </row>
    <row r="61485" spans="1:10" x14ac:dyDescent="0.35">
      <c r="A61485" s="1" t="s">
        <v>27802</v>
      </c>
      <c r="B61485" s="1" t="s">
        <v>201495</v>
      </c>
      <c r="C61485" s="1" t="s">
        <v>30</v>
      </c>
      <c r="D61485" s="1" t="s">
        <v>205913</v>
      </c>
      <c r="E61485" s="1" t="s">
        <v>543</v>
      </c>
      <c r="F61485" s="1" t="s">
        <v>205914</v>
      </c>
      <c r="G61485" s="1" t="s">
        <v>205904</v>
      </c>
      <c r="H61485" s="1" t="s">
        <v>205905</v>
      </c>
      <c r="I61485" s="1" t="s">
        <v>201500</v>
      </c>
      <c r="J61485" s="1" t="s">
        <v>205915</v>
      </c>
    </row>
    <row r="61486" spans="1:10" x14ac:dyDescent="0.35">
      <c r="A61486" s="1" t="s">
        <v>27802</v>
      </c>
      <c r="B61486" s="1" t="s">
        <v>201495</v>
      </c>
      <c r="C61486" s="1" t="s">
        <v>35</v>
      </c>
      <c r="D61486" s="1" t="s">
        <v>205916</v>
      </c>
      <c r="E61486" s="1" t="s">
        <v>205917</v>
      </c>
      <c r="F61486" s="1" t="s">
        <v>205918</v>
      </c>
      <c r="G61486" s="1" t="s">
        <v>205904</v>
      </c>
      <c r="H61486" s="1" t="s">
        <v>205905</v>
      </c>
      <c r="I61486" s="1" t="s">
        <v>201500</v>
      </c>
      <c r="J61486" s="1" t="s">
        <v>205919</v>
      </c>
    </row>
    <row r="61487" spans="1:10" x14ac:dyDescent="0.35">
      <c r="A61487" s="1" t="s">
        <v>27802</v>
      </c>
      <c r="B61487" s="1" t="s">
        <v>201495</v>
      </c>
      <c r="C61487" s="1" t="s">
        <v>40</v>
      </c>
      <c r="D61487" s="1" t="s">
        <v>53197</v>
      </c>
      <c r="E61487" s="1" t="s">
        <v>205920</v>
      </c>
      <c r="F61487" s="1" t="s">
        <v>205921</v>
      </c>
      <c r="G61487" s="1" t="s">
        <v>205904</v>
      </c>
      <c r="H61487" s="1" t="s">
        <v>205905</v>
      </c>
      <c r="I61487" s="1" t="s">
        <v>201500</v>
      </c>
      <c r="J61487" s="1" t="s">
        <v>205922</v>
      </c>
    </row>
    <row r="61488" spans="1:10" x14ac:dyDescent="0.35">
      <c r="A61488" s="1" t="s">
        <v>27802</v>
      </c>
      <c r="B61488" s="1" t="s">
        <v>201495</v>
      </c>
      <c r="C61488" s="1" t="s">
        <v>45</v>
      </c>
      <c r="D61488" s="1" t="s">
        <v>205923</v>
      </c>
      <c r="E61488" s="1" t="s">
        <v>12219</v>
      </c>
      <c r="F61488" s="1" t="s">
        <v>205924</v>
      </c>
      <c r="G61488" s="1" t="s">
        <v>205904</v>
      </c>
      <c r="H61488" s="1" t="s">
        <v>205905</v>
      </c>
      <c r="I61488" s="1" t="s">
        <v>201500</v>
      </c>
      <c r="J61488" s="1" t="s">
        <v>205925</v>
      </c>
    </row>
    <row r="61489" spans="1:10" x14ac:dyDescent="0.35">
      <c r="A61489" s="1" t="s">
        <v>27802</v>
      </c>
      <c r="B61489" s="1" t="s">
        <v>201495</v>
      </c>
      <c r="C61489" s="1" t="s">
        <v>50</v>
      </c>
      <c r="D61489" s="1" t="s">
        <v>16885</v>
      </c>
      <c r="E61489" s="1" t="s">
        <v>205926</v>
      </c>
      <c r="F61489" s="1" t="s">
        <v>205927</v>
      </c>
      <c r="G61489" s="1" t="s">
        <v>205904</v>
      </c>
      <c r="H61489" s="1" t="s">
        <v>205905</v>
      </c>
      <c r="I61489" s="1" t="s">
        <v>201500</v>
      </c>
      <c r="J61489" s="1" t="s">
        <v>205928</v>
      </c>
    </row>
    <row r="61490" spans="1:10" x14ac:dyDescent="0.35">
      <c r="A61490" s="1" t="s">
        <v>27802</v>
      </c>
      <c r="B61490" s="1" t="s">
        <v>201495</v>
      </c>
      <c r="C61490" s="1" t="s">
        <v>55</v>
      </c>
      <c r="D61490" s="1" t="s">
        <v>205929</v>
      </c>
      <c r="E61490" s="1" t="s">
        <v>110884</v>
      </c>
      <c r="F61490" s="1" t="s">
        <v>205930</v>
      </c>
      <c r="G61490" s="1" t="s">
        <v>205904</v>
      </c>
      <c r="H61490" s="1" t="s">
        <v>205905</v>
      </c>
      <c r="I61490" s="1" t="s">
        <v>201500</v>
      </c>
      <c r="J61490" s="1" t="s">
        <v>205931</v>
      </c>
    </row>
    <row r="61491" spans="1:10" x14ac:dyDescent="0.35">
      <c r="A61491" s="1" t="s">
        <v>27802</v>
      </c>
      <c r="B61491" s="1" t="s">
        <v>201495</v>
      </c>
      <c r="C61491" s="1" t="s">
        <v>60</v>
      </c>
      <c r="D61491" s="1" t="s">
        <v>205932</v>
      </c>
      <c r="E61491" s="1" t="s">
        <v>8658</v>
      </c>
      <c r="F61491" s="1" t="s">
        <v>205933</v>
      </c>
      <c r="G61491" s="1" t="s">
        <v>205904</v>
      </c>
      <c r="H61491" s="1" t="s">
        <v>205905</v>
      </c>
      <c r="I61491" s="1" t="s">
        <v>201500</v>
      </c>
      <c r="J61491" s="1" t="s">
        <v>205934</v>
      </c>
    </row>
    <row r="61492" spans="1:10" x14ac:dyDescent="0.35">
      <c r="A61492" s="1" t="s">
        <v>27802</v>
      </c>
      <c r="B61492" s="1" t="s">
        <v>201495</v>
      </c>
      <c r="C61492" s="1" t="s">
        <v>65</v>
      </c>
      <c r="D61492" s="1" t="s">
        <v>99189</v>
      </c>
      <c r="E61492" s="1" t="s">
        <v>12208</v>
      </c>
      <c r="F61492" s="1" t="s">
        <v>205935</v>
      </c>
      <c r="G61492" s="1" t="s">
        <v>205904</v>
      </c>
      <c r="H61492" s="1" t="s">
        <v>205905</v>
      </c>
      <c r="I61492" s="1" t="s">
        <v>201500</v>
      </c>
      <c r="J61492" s="1" t="s">
        <v>205936</v>
      </c>
    </row>
    <row r="61493" spans="1:10" x14ac:dyDescent="0.35">
      <c r="A61493" s="1" t="s">
        <v>27802</v>
      </c>
      <c r="B61493" s="1" t="s">
        <v>201495</v>
      </c>
      <c r="C61493" s="1" t="s">
        <v>70</v>
      </c>
      <c r="D61493" s="1" t="s">
        <v>43332</v>
      </c>
      <c r="E61493" s="1" t="s">
        <v>201617</v>
      </c>
      <c r="F61493" s="1" t="s">
        <v>205937</v>
      </c>
      <c r="G61493" s="1" t="s">
        <v>205904</v>
      </c>
      <c r="H61493" s="1" t="s">
        <v>205905</v>
      </c>
      <c r="I61493" s="1" t="s">
        <v>201500</v>
      </c>
      <c r="J61493" s="1" t="s">
        <v>205938</v>
      </c>
    </row>
    <row r="61494" spans="1:10" x14ac:dyDescent="0.35">
      <c r="A61494" s="1" t="s">
        <v>27802</v>
      </c>
      <c r="B61494" s="1" t="s">
        <v>201495</v>
      </c>
      <c r="C61494" s="1" t="s">
        <v>75</v>
      </c>
      <c r="D61494" s="1" t="s">
        <v>205939</v>
      </c>
      <c r="E61494" s="1" t="s">
        <v>205940</v>
      </c>
      <c r="F61494" s="1" t="s">
        <v>205941</v>
      </c>
      <c r="G61494" s="1" t="s">
        <v>205904</v>
      </c>
      <c r="H61494" s="1" t="s">
        <v>205905</v>
      </c>
      <c r="I61494" s="1" t="s">
        <v>201500</v>
      </c>
      <c r="J61494" s="1" t="s">
        <v>205942</v>
      </c>
    </row>
    <row r="61495" spans="1:10" x14ac:dyDescent="0.35">
      <c r="A61495" s="1" t="s">
        <v>27802</v>
      </c>
      <c r="B61495" s="1" t="s">
        <v>201495</v>
      </c>
      <c r="C61495" s="1" t="s">
        <v>80</v>
      </c>
      <c r="D61495" s="1" t="s">
        <v>198038</v>
      </c>
      <c r="E61495" s="1" t="s">
        <v>159825</v>
      </c>
      <c r="F61495" s="1" t="s">
        <v>205943</v>
      </c>
      <c r="G61495" s="1" t="s">
        <v>205904</v>
      </c>
      <c r="H61495" s="1" t="s">
        <v>205905</v>
      </c>
      <c r="I61495" s="1" t="s">
        <v>201500</v>
      </c>
      <c r="J61495" s="1" t="s">
        <v>205944</v>
      </c>
    </row>
    <row r="61496" spans="1:10" x14ac:dyDescent="0.35">
      <c r="A61496" s="1" t="s">
        <v>27802</v>
      </c>
      <c r="B61496" s="1" t="s">
        <v>201495</v>
      </c>
      <c r="C61496" s="1" t="s">
        <v>85</v>
      </c>
      <c r="D61496" s="1" t="s">
        <v>175684</v>
      </c>
      <c r="E61496" s="1" t="s">
        <v>110941</v>
      </c>
      <c r="F61496" s="1" t="s">
        <v>205945</v>
      </c>
      <c r="G61496" s="1" t="s">
        <v>205904</v>
      </c>
      <c r="H61496" s="1" t="s">
        <v>205905</v>
      </c>
      <c r="I61496" s="1" t="s">
        <v>201500</v>
      </c>
      <c r="J61496" s="1" t="s">
        <v>205946</v>
      </c>
    </row>
    <row r="61497" spans="1:10" x14ac:dyDescent="0.35">
      <c r="A61497" s="1" t="s">
        <v>27802</v>
      </c>
      <c r="B61497" s="1" t="s">
        <v>201495</v>
      </c>
      <c r="C61497" s="1" t="s">
        <v>90</v>
      </c>
      <c r="D61497" s="1" t="s">
        <v>96886</v>
      </c>
      <c r="E61497" s="1" t="s">
        <v>27473</v>
      </c>
      <c r="F61497" s="1" t="s">
        <v>205947</v>
      </c>
      <c r="G61497" s="1" t="s">
        <v>205904</v>
      </c>
      <c r="H61497" s="1" t="s">
        <v>205905</v>
      </c>
      <c r="I61497" s="1" t="s">
        <v>201500</v>
      </c>
      <c r="J61497" s="1" t="s">
        <v>205948</v>
      </c>
    </row>
    <row r="61498" spans="1:10" x14ac:dyDescent="0.35">
      <c r="A61498" s="1" t="s">
        <v>27802</v>
      </c>
      <c r="B61498" s="1" t="s">
        <v>201495</v>
      </c>
      <c r="C61498" s="1" t="s">
        <v>95</v>
      </c>
      <c r="D61498" s="1" t="s">
        <v>108141</v>
      </c>
      <c r="E61498" s="1" t="s">
        <v>205949</v>
      </c>
      <c r="F61498" s="1" t="s">
        <v>168789</v>
      </c>
      <c r="G61498" s="1" t="s">
        <v>205904</v>
      </c>
      <c r="H61498" s="1" t="s">
        <v>205905</v>
      </c>
      <c r="I61498" s="1" t="s">
        <v>201500</v>
      </c>
      <c r="J61498" s="1" t="s">
        <v>205950</v>
      </c>
    </row>
    <row r="61499" spans="1:10" x14ac:dyDescent="0.35">
      <c r="A61499" s="1" t="s">
        <v>27802</v>
      </c>
      <c r="B61499" s="1" t="s">
        <v>201495</v>
      </c>
      <c r="C61499" s="1" t="s">
        <v>100</v>
      </c>
      <c r="D61499" s="1" t="s">
        <v>68087</v>
      </c>
      <c r="E61499" s="1" t="s">
        <v>205951</v>
      </c>
      <c r="F61499" s="1" t="s">
        <v>205952</v>
      </c>
      <c r="G61499" s="1" t="s">
        <v>205904</v>
      </c>
      <c r="H61499" s="1" t="s">
        <v>205905</v>
      </c>
      <c r="I61499" s="1" t="s">
        <v>201500</v>
      </c>
      <c r="J61499" s="1" t="s">
        <v>205953</v>
      </c>
    </row>
    <row r="61500" spans="1:10" x14ac:dyDescent="0.35">
      <c r="A61500" s="1" t="s">
        <v>27802</v>
      </c>
      <c r="B61500" s="1" t="s">
        <v>201495</v>
      </c>
      <c r="C61500" s="1" t="s">
        <v>105</v>
      </c>
      <c r="D61500" s="1" t="s">
        <v>205954</v>
      </c>
      <c r="E61500" s="1" t="s">
        <v>205955</v>
      </c>
      <c r="F61500" s="1" t="s">
        <v>205956</v>
      </c>
      <c r="G61500" s="1" t="s">
        <v>205904</v>
      </c>
      <c r="H61500" s="1" t="s">
        <v>205905</v>
      </c>
      <c r="I61500" s="1" t="s">
        <v>201500</v>
      </c>
      <c r="J61500" s="1" t="s">
        <v>205957</v>
      </c>
    </row>
    <row r="61501" spans="1:10" x14ac:dyDescent="0.35">
      <c r="A61501" s="1" t="s">
        <v>27802</v>
      </c>
      <c r="B61501" s="1" t="s">
        <v>201495</v>
      </c>
      <c r="C61501" s="1" t="s">
        <v>110</v>
      </c>
      <c r="D61501" s="1" t="s">
        <v>190608</v>
      </c>
      <c r="E61501" s="1" t="s">
        <v>205958</v>
      </c>
      <c r="F61501" s="1" t="s">
        <v>205959</v>
      </c>
      <c r="G61501" s="1" t="s">
        <v>205904</v>
      </c>
      <c r="H61501" s="1" t="s">
        <v>205905</v>
      </c>
      <c r="I61501" s="1" t="s">
        <v>201500</v>
      </c>
      <c r="J61501" s="1" t="s">
        <v>205960</v>
      </c>
    </row>
    <row r="61502" spans="1:10" x14ac:dyDescent="0.35">
      <c r="A61502" s="1" t="s">
        <v>27802</v>
      </c>
      <c r="B61502" s="1" t="s">
        <v>201495</v>
      </c>
      <c r="C61502" s="1" t="s">
        <v>115</v>
      </c>
      <c r="D61502" s="1" t="s">
        <v>38474</v>
      </c>
      <c r="E61502" s="1" t="s">
        <v>8622</v>
      </c>
      <c r="F61502" s="1" t="s">
        <v>205961</v>
      </c>
      <c r="G61502" s="1" t="s">
        <v>205904</v>
      </c>
      <c r="H61502" s="1" t="s">
        <v>205905</v>
      </c>
      <c r="I61502" s="1" t="s">
        <v>201500</v>
      </c>
      <c r="J61502" s="1" t="s">
        <v>205962</v>
      </c>
    </row>
    <row r="61503" spans="1:10" x14ac:dyDescent="0.35">
      <c r="A61503" s="1" t="s">
        <v>27802</v>
      </c>
      <c r="B61503" s="1" t="s">
        <v>201495</v>
      </c>
      <c r="C61503" s="1" t="s">
        <v>120</v>
      </c>
      <c r="D61503" s="1" t="s">
        <v>178364</v>
      </c>
      <c r="E61503" s="1" t="s">
        <v>547</v>
      </c>
      <c r="F61503" s="1" t="s">
        <v>205963</v>
      </c>
      <c r="G61503" s="1" t="s">
        <v>205904</v>
      </c>
      <c r="H61503" s="1" t="s">
        <v>205905</v>
      </c>
      <c r="I61503" s="1" t="s">
        <v>201500</v>
      </c>
      <c r="J61503" s="1" t="s">
        <v>205964</v>
      </c>
    </row>
    <row r="61504" spans="1:10" x14ac:dyDescent="0.35">
      <c r="A61504" s="1" t="s">
        <v>27802</v>
      </c>
      <c r="B61504" s="1" t="s">
        <v>201495</v>
      </c>
      <c r="C61504" s="1" t="s">
        <v>125</v>
      </c>
      <c r="D61504" s="1" t="s">
        <v>105427</v>
      </c>
      <c r="E61504" s="1" t="s">
        <v>205549</v>
      </c>
      <c r="F61504" s="1" t="s">
        <v>205965</v>
      </c>
      <c r="G61504" s="1" t="s">
        <v>205904</v>
      </c>
      <c r="H61504" s="1" t="s">
        <v>205905</v>
      </c>
      <c r="I61504" s="1" t="s">
        <v>201500</v>
      </c>
      <c r="J61504" s="1" t="s">
        <v>205966</v>
      </c>
    </row>
    <row r="61505" spans="1:10" x14ac:dyDescent="0.35">
      <c r="A61505" s="1" t="s">
        <v>27802</v>
      </c>
      <c r="B61505" s="1" t="s">
        <v>201495</v>
      </c>
      <c r="C61505" s="1" t="s">
        <v>130</v>
      </c>
      <c r="D61505" s="1" t="s">
        <v>205967</v>
      </c>
      <c r="E61505" s="1" t="s">
        <v>111325</v>
      </c>
      <c r="F61505" s="1" t="s">
        <v>205968</v>
      </c>
      <c r="G61505" s="1" t="s">
        <v>205904</v>
      </c>
      <c r="H61505" s="1" t="s">
        <v>205905</v>
      </c>
      <c r="I61505" s="1" t="s">
        <v>201500</v>
      </c>
      <c r="J61505" s="1" t="s">
        <v>205969</v>
      </c>
    </row>
    <row r="61506" spans="1:10" x14ac:dyDescent="0.35">
      <c r="A61506" s="1" t="s">
        <v>27802</v>
      </c>
      <c r="B61506" s="1" t="s">
        <v>201495</v>
      </c>
      <c r="C61506" s="1" t="s">
        <v>135</v>
      </c>
      <c r="D61506" s="1" t="s">
        <v>58155</v>
      </c>
      <c r="E61506" s="1" t="s">
        <v>205546</v>
      </c>
      <c r="F61506" s="1" t="s">
        <v>205970</v>
      </c>
      <c r="G61506" s="1" t="s">
        <v>205904</v>
      </c>
      <c r="H61506" s="1" t="s">
        <v>205905</v>
      </c>
      <c r="I61506" s="1" t="s">
        <v>201500</v>
      </c>
      <c r="J61506" s="1" t="s">
        <v>205971</v>
      </c>
    </row>
    <row r="61507" spans="1:10" x14ac:dyDescent="0.35">
      <c r="A61507" s="1" t="s">
        <v>27802</v>
      </c>
      <c r="B61507" s="1" t="s">
        <v>201495</v>
      </c>
      <c r="C61507" s="1" t="s">
        <v>140</v>
      </c>
      <c r="D61507" s="1" t="s">
        <v>62305</v>
      </c>
      <c r="E61507" s="1" t="s">
        <v>205972</v>
      </c>
      <c r="F61507" s="1" t="s">
        <v>205973</v>
      </c>
      <c r="G61507" s="1" t="s">
        <v>205904</v>
      </c>
      <c r="H61507" s="1" t="s">
        <v>205905</v>
      </c>
      <c r="I61507" s="1" t="s">
        <v>201500</v>
      </c>
      <c r="J61507" s="1" t="s">
        <v>205974</v>
      </c>
    </row>
    <row r="61508" spans="1:10" x14ac:dyDescent="0.35">
      <c r="A61508" s="1" t="s">
        <v>27802</v>
      </c>
      <c r="B61508" s="1" t="s">
        <v>201495</v>
      </c>
      <c r="C61508" s="1" t="s">
        <v>145</v>
      </c>
      <c r="D61508" s="1" t="s">
        <v>55657</v>
      </c>
      <c r="E61508" s="1" t="s">
        <v>13700</v>
      </c>
      <c r="F61508" s="1" t="s">
        <v>205975</v>
      </c>
      <c r="G61508" s="1" t="s">
        <v>205904</v>
      </c>
      <c r="H61508" s="1" t="s">
        <v>205905</v>
      </c>
      <c r="I61508" s="1" t="s">
        <v>201500</v>
      </c>
      <c r="J61508" s="1" t="s">
        <v>205976</v>
      </c>
    </row>
    <row r="61509" spans="1:10" x14ac:dyDescent="0.35">
      <c r="A61509" s="1" t="s">
        <v>27802</v>
      </c>
      <c r="B61509" s="1" t="s">
        <v>201495</v>
      </c>
      <c r="C61509" s="1" t="s">
        <v>150</v>
      </c>
      <c r="D61509" s="1" t="s">
        <v>22403</v>
      </c>
      <c r="E61509" s="1" t="s">
        <v>27508</v>
      </c>
      <c r="F61509" s="1" t="s">
        <v>205977</v>
      </c>
      <c r="G61509" s="1" t="s">
        <v>205904</v>
      </c>
      <c r="H61509" s="1" t="s">
        <v>205905</v>
      </c>
      <c r="I61509" s="1" t="s">
        <v>201500</v>
      </c>
      <c r="J61509" s="1" t="s">
        <v>205978</v>
      </c>
    </row>
    <row r="61510" spans="1:10" x14ac:dyDescent="0.35">
      <c r="A61510" s="1" t="s">
        <v>27802</v>
      </c>
      <c r="B61510" s="1" t="s">
        <v>201495</v>
      </c>
      <c r="C61510" s="1" t="s">
        <v>155</v>
      </c>
      <c r="D61510" s="1" t="s">
        <v>205979</v>
      </c>
      <c r="E61510" s="1" t="s">
        <v>111536</v>
      </c>
      <c r="F61510" s="1" t="s">
        <v>205980</v>
      </c>
      <c r="G61510" s="1" t="s">
        <v>205904</v>
      </c>
      <c r="H61510" s="1" t="s">
        <v>205905</v>
      </c>
      <c r="I61510" s="1" t="s">
        <v>201500</v>
      </c>
      <c r="J61510" s="1" t="s">
        <v>205981</v>
      </c>
    </row>
    <row r="61511" spans="1:10" x14ac:dyDescent="0.35">
      <c r="A61511" s="1" t="s">
        <v>27802</v>
      </c>
      <c r="B61511" s="1" t="s">
        <v>201495</v>
      </c>
      <c r="C61511" s="1" t="s">
        <v>160</v>
      </c>
      <c r="D61511" s="1" t="s">
        <v>205982</v>
      </c>
      <c r="E61511" s="1" t="s">
        <v>159853</v>
      </c>
      <c r="F61511" s="1" t="s">
        <v>205983</v>
      </c>
      <c r="G61511" s="1" t="s">
        <v>205904</v>
      </c>
      <c r="H61511" s="1" t="s">
        <v>205905</v>
      </c>
      <c r="I61511" s="1" t="s">
        <v>201500</v>
      </c>
      <c r="J61511" s="1" t="s">
        <v>205984</v>
      </c>
    </row>
    <row r="61512" spans="1:10" x14ac:dyDescent="0.35">
      <c r="A61512" s="1" t="s">
        <v>27802</v>
      </c>
      <c r="B61512" s="1" t="s">
        <v>201495</v>
      </c>
      <c r="C61512" s="1" t="s">
        <v>165</v>
      </c>
      <c r="D61512" s="1" t="s">
        <v>69545</v>
      </c>
      <c r="E61512" s="1" t="s">
        <v>205556</v>
      </c>
      <c r="F61512" s="1" t="s">
        <v>205985</v>
      </c>
      <c r="G61512" s="1" t="s">
        <v>205904</v>
      </c>
      <c r="H61512" s="1" t="s">
        <v>205905</v>
      </c>
      <c r="I61512" s="1" t="s">
        <v>201500</v>
      </c>
      <c r="J61512" s="1" t="s">
        <v>205986</v>
      </c>
    </row>
    <row r="61513" spans="1:10" x14ac:dyDescent="0.35">
      <c r="A61513" s="1" t="s">
        <v>27802</v>
      </c>
      <c r="B61513" s="1" t="s">
        <v>201495</v>
      </c>
      <c r="C61513" s="1" t="s">
        <v>170</v>
      </c>
      <c r="D61513" s="1" t="s">
        <v>52632</v>
      </c>
      <c r="E61513" s="1" t="s">
        <v>13669</v>
      </c>
      <c r="F61513" s="1" t="s">
        <v>205987</v>
      </c>
      <c r="G61513" s="1" t="s">
        <v>205904</v>
      </c>
      <c r="H61513" s="1" t="s">
        <v>205905</v>
      </c>
      <c r="I61513" s="1" t="s">
        <v>201500</v>
      </c>
      <c r="J61513" s="1" t="s">
        <v>205988</v>
      </c>
    </row>
    <row r="61514" spans="1:10" x14ac:dyDescent="0.35">
      <c r="A61514" s="1" t="s">
        <v>51288</v>
      </c>
      <c r="B61514" s="1" t="s">
        <v>201495</v>
      </c>
      <c r="C61514" s="1" t="s">
        <v>8</v>
      </c>
      <c r="D61514" s="1" t="s">
        <v>205989</v>
      </c>
      <c r="E61514" s="1" t="s">
        <v>205990</v>
      </c>
      <c r="F61514" s="1" t="s">
        <v>205991</v>
      </c>
      <c r="G61514" s="1" t="s">
        <v>205992</v>
      </c>
      <c r="H61514" s="1" t="s">
        <v>205993</v>
      </c>
      <c r="I61514" s="1" t="s">
        <v>201500</v>
      </c>
      <c r="J61514" s="1" t="s">
        <v>13</v>
      </c>
    </row>
    <row r="61515" spans="1:10" x14ac:dyDescent="0.35">
      <c r="A61515" s="1" t="s">
        <v>51288</v>
      </c>
      <c r="B61515" s="1" t="s">
        <v>201495</v>
      </c>
      <c r="C61515" s="1" t="s">
        <v>15</v>
      </c>
      <c r="D61515" s="1" t="s">
        <v>36700</v>
      </c>
      <c r="E61515" s="1" t="s">
        <v>205994</v>
      </c>
      <c r="F61515" s="1" t="s">
        <v>205995</v>
      </c>
      <c r="G61515" s="1" t="s">
        <v>205992</v>
      </c>
      <c r="H61515" s="1" t="s">
        <v>205993</v>
      </c>
      <c r="I61515" s="1" t="s">
        <v>201500</v>
      </c>
      <c r="J61515" s="1" t="s">
        <v>205996</v>
      </c>
    </row>
    <row r="61516" spans="1:10" x14ac:dyDescent="0.35">
      <c r="A61516" s="1" t="s">
        <v>51288</v>
      </c>
      <c r="B61516" s="1" t="s">
        <v>201495</v>
      </c>
      <c r="C61516" s="1" t="s">
        <v>20</v>
      </c>
      <c r="D61516" s="1" t="s">
        <v>29359</v>
      </c>
      <c r="E61516" s="1" t="s">
        <v>205997</v>
      </c>
      <c r="F61516" s="1" t="s">
        <v>205998</v>
      </c>
      <c r="G61516" s="1" t="s">
        <v>205992</v>
      </c>
      <c r="H61516" s="1" t="s">
        <v>205993</v>
      </c>
      <c r="I61516" s="1" t="s">
        <v>201500</v>
      </c>
      <c r="J61516" s="1" t="s">
        <v>205999</v>
      </c>
    </row>
    <row r="61517" spans="1:10" x14ac:dyDescent="0.35">
      <c r="A61517" s="1" t="s">
        <v>51288</v>
      </c>
      <c r="B61517" s="1" t="s">
        <v>201495</v>
      </c>
      <c r="C61517" s="1" t="s">
        <v>25</v>
      </c>
      <c r="D61517" s="1" t="s">
        <v>156210</v>
      </c>
      <c r="E61517" s="1" t="s">
        <v>206000</v>
      </c>
      <c r="F61517" s="1" t="s">
        <v>206001</v>
      </c>
      <c r="G61517" s="1" t="s">
        <v>205992</v>
      </c>
      <c r="H61517" s="1" t="s">
        <v>205993</v>
      </c>
      <c r="I61517" s="1" t="s">
        <v>201500</v>
      </c>
      <c r="J61517" s="1" t="s">
        <v>206002</v>
      </c>
    </row>
    <row r="61518" spans="1:10" x14ac:dyDescent="0.35">
      <c r="A61518" s="1" t="s">
        <v>51288</v>
      </c>
      <c r="B61518" s="1" t="s">
        <v>201495</v>
      </c>
      <c r="C61518" s="1" t="s">
        <v>30</v>
      </c>
      <c r="D61518" s="1" t="s">
        <v>47431</v>
      </c>
      <c r="E61518" s="1" t="s">
        <v>206003</v>
      </c>
      <c r="F61518" s="1" t="s">
        <v>206004</v>
      </c>
      <c r="G61518" s="1" t="s">
        <v>205992</v>
      </c>
      <c r="H61518" s="1" t="s">
        <v>205993</v>
      </c>
      <c r="I61518" s="1" t="s">
        <v>201500</v>
      </c>
      <c r="J61518" s="1" t="s">
        <v>206005</v>
      </c>
    </row>
    <row r="61519" spans="1:10" x14ac:dyDescent="0.35">
      <c r="A61519" s="1" t="s">
        <v>51288</v>
      </c>
      <c r="B61519" s="1" t="s">
        <v>201495</v>
      </c>
      <c r="C61519" s="1" t="s">
        <v>35</v>
      </c>
      <c r="D61519" s="1" t="s">
        <v>83605</v>
      </c>
      <c r="E61519" s="1" t="s">
        <v>206006</v>
      </c>
      <c r="F61519" s="1" t="s">
        <v>206007</v>
      </c>
      <c r="G61519" s="1" t="s">
        <v>205992</v>
      </c>
      <c r="H61519" s="1" t="s">
        <v>205993</v>
      </c>
      <c r="I61519" s="1" t="s">
        <v>201500</v>
      </c>
      <c r="J61519" s="1" t="s">
        <v>206008</v>
      </c>
    </row>
    <row r="61520" spans="1:10" x14ac:dyDescent="0.35">
      <c r="A61520" s="1" t="s">
        <v>51288</v>
      </c>
      <c r="B61520" s="1" t="s">
        <v>201495</v>
      </c>
      <c r="C61520" s="1" t="s">
        <v>40</v>
      </c>
      <c r="D61520" s="1" t="s">
        <v>35891</v>
      </c>
      <c r="E61520" s="1" t="s">
        <v>206009</v>
      </c>
      <c r="F61520" s="1" t="s">
        <v>206010</v>
      </c>
      <c r="G61520" s="1" t="s">
        <v>205992</v>
      </c>
      <c r="H61520" s="1" t="s">
        <v>205993</v>
      </c>
      <c r="I61520" s="1" t="s">
        <v>201500</v>
      </c>
      <c r="J61520" s="1" t="s">
        <v>206011</v>
      </c>
    </row>
    <row r="61521" spans="1:10" x14ac:dyDescent="0.35">
      <c r="A61521" s="1" t="s">
        <v>51288</v>
      </c>
      <c r="B61521" s="1" t="s">
        <v>201495</v>
      </c>
      <c r="C61521" s="1" t="s">
        <v>45</v>
      </c>
      <c r="D61521" s="1" t="s">
        <v>206012</v>
      </c>
      <c r="E61521" s="1" t="s">
        <v>206013</v>
      </c>
      <c r="F61521" s="1" t="s">
        <v>206014</v>
      </c>
      <c r="G61521" s="1" t="s">
        <v>205992</v>
      </c>
      <c r="H61521" s="1" t="s">
        <v>205993</v>
      </c>
      <c r="I61521" s="1" t="s">
        <v>201500</v>
      </c>
      <c r="J61521" s="1" t="s">
        <v>206015</v>
      </c>
    </row>
    <row r="61522" spans="1:10" x14ac:dyDescent="0.35">
      <c r="A61522" s="1" t="s">
        <v>51288</v>
      </c>
      <c r="B61522" s="1" t="s">
        <v>201495</v>
      </c>
      <c r="C61522" s="1" t="s">
        <v>50</v>
      </c>
      <c r="D61522" s="1" t="s">
        <v>17832</v>
      </c>
      <c r="E61522" s="1" t="s">
        <v>206016</v>
      </c>
      <c r="F61522" s="1" t="s">
        <v>206017</v>
      </c>
      <c r="G61522" s="1" t="s">
        <v>205992</v>
      </c>
      <c r="H61522" s="1" t="s">
        <v>205993</v>
      </c>
      <c r="I61522" s="1" t="s">
        <v>201500</v>
      </c>
      <c r="J61522" s="1" t="s">
        <v>206018</v>
      </c>
    </row>
    <row r="61523" spans="1:10" x14ac:dyDescent="0.35">
      <c r="A61523" s="1" t="s">
        <v>51288</v>
      </c>
      <c r="B61523" s="1" t="s">
        <v>201495</v>
      </c>
      <c r="C61523" s="1" t="s">
        <v>55</v>
      </c>
      <c r="D61523" s="1" t="s">
        <v>124985</v>
      </c>
      <c r="E61523" s="1" t="s">
        <v>206019</v>
      </c>
      <c r="F61523" s="1" t="s">
        <v>206020</v>
      </c>
      <c r="G61523" s="1" t="s">
        <v>205992</v>
      </c>
      <c r="H61523" s="1" t="s">
        <v>205993</v>
      </c>
      <c r="I61523" s="1" t="s">
        <v>201500</v>
      </c>
      <c r="J61523" s="1" t="s">
        <v>206021</v>
      </c>
    </row>
    <row r="61524" spans="1:10" x14ac:dyDescent="0.35">
      <c r="A61524" s="1" t="s">
        <v>51288</v>
      </c>
      <c r="B61524" s="1" t="s">
        <v>201495</v>
      </c>
      <c r="C61524" s="1" t="s">
        <v>60</v>
      </c>
      <c r="D61524" s="1" t="s">
        <v>34321</v>
      </c>
      <c r="E61524" s="1" t="s">
        <v>206022</v>
      </c>
      <c r="F61524" s="1" t="s">
        <v>206023</v>
      </c>
      <c r="G61524" s="1" t="s">
        <v>205992</v>
      </c>
      <c r="H61524" s="1" t="s">
        <v>205993</v>
      </c>
      <c r="I61524" s="1" t="s">
        <v>201500</v>
      </c>
      <c r="J61524" s="1" t="s">
        <v>206024</v>
      </c>
    </row>
    <row r="61525" spans="1:10" x14ac:dyDescent="0.35">
      <c r="A61525" s="1" t="s">
        <v>51288</v>
      </c>
      <c r="B61525" s="1" t="s">
        <v>201495</v>
      </c>
      <c r="C61525" s="1" t="s">
        <v>65</v>
      </c>
      <c r="D61525" s="1" t="s">
        <v>111456</v>
      </c>
      <c r="E61525" s="1" t="s">
        <v>206025</v>
      </c>
      <c r="F61525" s="1" t="s">
        <v>206026</v>
      </c>
      <c r="G61525" s="1" t="s">
        <v>205992</v>
      </c>
      <c r="H61525" s="1" t="s">
        <v>205993</v>
      </c>
      <c r="I61525" s="1" t="s">
        <v>201500</v>
      </c>
      <c r="J61525" s="1" t="s">
        <v>206027</v>
      </c>
    </row>
    <row r="61526" spans="1:10" x14ac:dyDescent="0.35">
      <c r="A61526" s="1" t="s">
        <v>51288</v>
      </c>
      <c r="B61526" s="1" t="s">
        <v>201495</v>
      </c>
      <c r="C61526" s="1" t="s">
        <v>70</v>
      </c>
      <c r="D61526" s="1" t="s">
        <v>121549</v>
      </c>
      <c r="E61526" s="1" t="s">
        <v>206028</v>
      </c>
      <c r="F61526" s="1" t="s">
        <v>206029</v>
      </c>
      <c r="G61526" s="1" t="s">
        <v>205992</v>
      </c>
      <c r="H61526" s="1" t="s">
        <v>205993</v>
      </c>
      <c r="I61526" s="1" t="s">
        <v>201500</v>
      </c>
      <c r="J61526" s="1" t="s">
        <v>206030</v>
      </c>
    </row>
    <row r="61527" spans="1:10" x14ac:dyDescent="0.35">
      <c r="A61527" s="1" t="s">
        <v>51288</v>
      </c>
      <c r="B61527" s="1" t="s">
        <v>201495</v>
      </c>
      <c r="C61527" s="1" t="s">
        <v>75</v>
      </c>
      <c r="D61527" s="1" t="s">
        <v>126414</v>
      </c>
      <c r="E61527" s="1" t="s">
        <v>206031</v>
      </c>
      <c r="F61527" s="1" t="s">
        <v>206032</v>
      </c>
      <c r="G61527" s="1" t="s">
        <v>205992</v>
      </c>
      <c r="H61527" s="1" t="s">
        <v>205993</v>
      </c>
      <c r="I61527" s="1" t="s">
        <v>201500</v>
      </c>
      <c r="J61527" s="1" t="s">
        <v>206033</v>
      </c>
    </row>
    <row r="61528" spans="1:10" x14ac:dyDescent="0.35">
      <c r="A61528" s="1" t="s">
        <v>51288</v>
      </c>
      <c r="B61528" s="1" t="s">
        <v>201495</v>
      </c>
      <c r="C61528" s="1" t="s">
        <v>80</v>
      </c>
      <c r="D61528" s="1" t="s">
        <v>72429</v>
      </c>
      <c r="E61528" s="1" t="s">
        <v>206034</v>
      </c>
      <c r="F61528" s="1" t="s">
        <v>206035</v>
      </c>
      <c r="G61528" s="1" t="s">
        <v>205992</v>
      </c>
      <c r="H61528" s="1" t="s">
        <v>205993</v>
      </c>
      <c r="I61528" s="1" t="s">
        <v>201500</v>
      </c>
      <c r="J61528" s="1" t="s">
        <v>206036</v>
      </c>
    </row>
    <row r="61529" spans="1:10" x14ac:dyDescent="0.35">
      <c r="A61529" s="1" t="s">
        <v>51288</v>
      </c>
      <c r="B61529" s="1" t="s">
        <v>201495</v>
      </c>
      <c r="C61529" s="1" t="s">
        <v>85</v>
      </c>
      <c r="D61529" s="1" t="s">
        <v>188781</v>
      </c>
      <c r="E61529" s="1" t="s">
        <v>206037</v>
      </c>
      <c r="F61529" s="1" t="s">
        <v>206038</v>
      </c>
      <c r="G61529" s="1" t="s">
        <v>205992</v>
      </c>
      <c r="H61529" s="1" t="s">
        <v>205993</v>
      </c>
      <c r="I61529" s="1" t="s">
        <v>201500</v>
      </c>
      <c r="J61529" s="1" t="s">
        <v>206039</v>
      </c>
    </row>
    <row r="61530" spans="1:10" x14ac:dyDescent="0.35">
      <c r="A61530" s="1" t="s">
        <v>51288</v>
      </c>
      <c r="B61530" s="1" t="s">
        <v>201495</v>
      </c>
      <c r="C61530" s="1" t="s">
        <v>90</v>
      </c>
      <c r="D61530" s="1" t="s">
        <v>155462</v>
      </c>
      <c r="E61530" s="1" t="s">
        <v>206040</v>
      </c>
      <c r="F61530" s="1" t="s">
        <v>206041</v>
      </c>
      <c r="G61530" s="1" t="s">
        <v>205992</v>
      </c>
      <c r="H61530" s="1" t="s">
        <v>205993</v>
      </c>
      <c r="I61530" s="1" t="s">
        <v>201500</v>
      </c>
      <c r="J61530" s="1" t="s">
        <v>206042</v>
      </c>
    </row>
    <row r="61531" spans="1:10" x14ac:dyDescent="0.35">
      <c r="A61531" s="1" t="s">
        <v>51288</v>
      </c>
      <c r="B61531" s="1" t="s">
        <v>201495</v>
      </c>
      <c r="C61531" s="1" t="s">
        <v>95</v>
      </c>
      <c r="D61531" s="1" t="s">
        <v>156053</v>
      </c>
      <c r="E61531" s="1" t="s">
        <v>206043</v>
      </c>
      <c r="F61531" s="1" t="s">
        <v>206044</v>
      </c>
      <c r="G61531" s="1" t="s">
        <v>205992</v>
      </c>
      <c r="H61531" s="1" t="s">
        <v>205993</v>
      </c>
      <c r="I61531" s="1" t="s">
        <v>201500</v>
      </c>
      <c r="J61531" s="1" t="s">
        <v>206045</v>
      </c>
    </row>
    <row r="61532" spans="1:10" x14ac:dyDescent="0.35">
      <c r="A61532" s="1" t="s">
        <v>51288</v>
      </c>
      <c r="B61532" s="1" t="s">
        <v>201495</v>
      </c>
      <c r="C61532" s="1" t="s">
        <v>100</v>
      </c>
      <c r="D61532" s="1" t="s">
        <v>38376</v>
      </c>
      <c r="E61532" s="1" t="s">
        <v>206046</v>
      </c>
      <c r="F61532" s="1" t="s">
        <v>206047</v>
      </c>
      <c r="G61532" s="1" t="s">
        <v>205992</v>
      </c>
      <c r="H61532" s="1" t="s">
        <v>205993</v>
      </c>
      <c r="I61532" s="1" t="s">
        <v>201500</v>
      </c>
      <c r="J61532" s="1" t="s">
        <v>206048</v>
      </c>
    </row>
    <row r="61533" spans="1:10" x14ac:dyDescent="0.35">
      <c r="A61533" s="1" t="s">
        <v>51288</v>
      </c>
      <c r="B61533" s="1" t="s">
        <v>201495</v>
      </c>
      <c r="C61533" s="1" t="s">
        <v>105</v>
      </c>
      <c r="D61533" s="1" t="s">
        <v>206049</v>
      </c>
      <c r="E61533" s="1" t="s">
        <v>206050</v>
      </c>
      <c r="F61533" s="1" t="s">
        <v>206051</v>
      </c>
      <c r="G61533" s="1" t="s">
        <v>205992</v>
      </c>
      <c r="H61533" s="1" t="s">
        <v>205993</v>
      </c>
      <c r="I61533" s="1" t="s">
        <v>201500</v>
      </c>
      <c r="J61533" s="1" t="s">
        <v>206052</v>
      </c>
    </row>
    <row r="61534" spans="1:10" x14ac:dyDescent="0.35">
      <c r="A61534" s="1" t="s">
        <v>51288</v>
      </c>
      <c r="B61534" s="1" t="s">
        <v>201495</v>
      </c>
      <c r="C61534" s="1" t="s">
        <v>110</v>
      </c>
      <c r="D61534" s="1" t="s">
        <v>142016</v>
      </c>
      <c r="E61534" s="1" t="s">
        <v>206053</v>
      </c>
      <c r="F61534" s="1" t="s">
        <v>206054</v>
      </c>
      <c r="G61534" s="1" t="s">
        <v>205992</v>
      </c>
      <c r="H61534" s="1" t="s">
        <v>205993</v>
      </c>
      <c r="I61534" s="1" t="s">
        <v>201500</v>
      </c>
      <c r="J61534" s="1" t="s">
        <v>206055</v>
      </c>
    </row>
    <row r="61535" spans="1:10" x14ac:dyDescent="0.35">
      <c r="A61535" s="1" t="s">
        <v>51288</v>
      </c>
      <c r="B61535" s="1" t="s">
        <v>201495</v>
      </c>
      <c r="C61535" s="1" t="s">
        <v>115</v>
      </c>
      <c r="D61535" s="1" t="s">
        <v>206056</v>
      </c>
      <c r="E61535" s="1" t="s">
        <v>206057</v>
      </c>
      <c r="F61535" s="1" t="s">
        <v>206058</v>
      </c>
      <c r="G61535" s="1" t="s">
        <v>205992</v>
      </c>
      <c r="H61535" s="1" t="s">
        <v>205993</v>
      </c>
      <c r="I61535" s="1" t="s">
        <v>201500</v>
      </c>
      <c r="J61535" s="1" t="s">
        <v>206059</v>
      </c>
    </row>
    <row r="61536" spans="1:10" x14ac:dyDescent="0.35">
      <c r="A61536" s="1" t="s">
        <v>51288</v>
      </c>
      <c r="B61536" s="1" t="s">
        <v>201495</v>
      </c>
      <c r="C61536" s="1" t="s">
        <v>120</v>
      </c>
      <c r="D61536" s="1" t="s">
        <v>24181</v>
      </c>
      <c r="E61536" s="1" t="s">
        <v>206060</v>
      </c>
      <c r="F61536" s="1" t="s">
        <v>206061</v>
      </c>
      <c r="G61536" s="1" t="s">
        <v>205992</v>
      </c>
      <c r="H61536" s="1" t="s">
        <v>205993</v>
      </c>
      <c r="I61536" s="1" t="s">
        <v>201500</v>
      </c>
      <c r="J61536" s="1" t="s">
        <v>206062</v>
      </c>
    </row>
    <row r="61537" spans="1:10" x14ac:dyDescent="0.35">
      <c r="A61537" s="1" t="s">
        <v>51288</v>
      </c>
      <c r="B61537" s="1" t="s">
        <v>201495</v>
      </c>
      <c r="C61537" s="1" t="s">
        <v>125</v>
      </c>
      <c r="D61537" s="1" t="s">
        <v>206063</v>
      </c>
      <c r="E61537" s="1" t="s">
        <v>206064</v>
      </c>
      <c r="F61537" s="1" t="s">
        <v>206065</v>
      </c>
      <c r="G61537" s="1" t="s">
        <v>205992</v>
      </c>
      <c r="H61537" s="1" t="s">
        <v>205993</v>
      </c>
      <c r="I61537" s="1" t="s">
        <v>201500</v>
      </c>
      <c r="J61537" s="1" t="s">
        <v>206066</v>
      </c>
    </row>
    <row r="61538" spans="1:10" x14ac:dyDescent="0.35">
      <c r="A61538" s="1" t="s">
        <v>51288</v>
      </c>
      <c r="B61538" s="1" t="s">
        <v>201495</v>
      </c>
      <c r="C61538" s="1" t="s">
        <v>130</v>
      </c>
      <c r="D61538" s="1" t="s">
        <v>159938</v>
      </c>
      <c r="E61538" s="1" t="s">
        <v>206067</v>
      </c>
      <c r="F61538" s="1" t="s">
        <v>206068</v>
      </c>
      <c r="G61538" s="1" t="s">
        <v>205992</v>
      </c>
      <c r="H61538" s="1" t="s">
        <v>205993</v>
      </c>
      <c r="I61538" s="1" t="s">
        <v>201500</v>
      </c>
      <c r="J61538" s="1" t="s">
        <v>206069</v>
      </c>
    </row>
    <row r="61539" spans="1:10" x14ac:dyDescent="0.35">
      <c r="A61539" s="1" t="s">
        <v>51288</v>
      </c>
      <c r="B61539" s="1" t="s">
        <v>201495</v>
      </c>
      <c r="C61539" s="1" t="s">
        <v>135</v>
      </c>
      <c r="D61539" s="1" t="s">
        <v>206070</v>
      </c>
      <c r="E61539" s="1" t="s">
        <v>206071</v>
      </c>
      <c r="F61539" s="1" t="s">
        <v>206072</v>
      </c>
      <c r="G61539" s="1" t="s">
        <v>205992</v>
      </c>
      <c r="H61539" s="1" t="s">
        <v>205993</v>
      </c>
      <c r="I61539" s="1" t="s">
        <v>201500</v>
      </c>
      <c r="J61539" s="1" t="s">
        <v>206073</v>
      </c>
    </row>
    <row r="61540" spans="1:10" x14ac:dyDescent="0.35">
      <c r="A61540" s="1" t="s">
        <v>51288</v>
      </c>
      <c r="B61540" s="1" t="s">
        <v>201495</v>
      </c>
      <c r="C61540" s="1" t="s">
        <v>140</v>
      </c>
      <c r="D61540" s="1" t="s">
        <v>206074</v>
      </c>
      <c r="E61540" s="1" t="s">
        <v>206075</v>
      </c>
      <c r="F61540" s="1" t="s">
        <v>206076</v>
      </c>
      <c r="G61540" s="1" t="s">
        <v>205992</v>
      </c>
      <c r="H61540" s="1" t="s">
        <v>205993</v>
      </c>
      <c r="I61540" s="1" t="s">
        <v>201500</v>
      </c>
      <c r="J61540" s="1" t="s">
        <v>206077</v>
      </c>
    </row>
    <row r="61541" spans="1:10" x14ac:dyDescent="0.35">
      <c r="A61541" s="1" t="s">
        <v>51288</v>
      </c>
      <c r="B61541" s="1" t="s">
        <v>201495</v>
      </c>
      <c r="C61541" s="1" t="s">
        <v>145</v>
      </c>
      <c r="D61541" s="1" t="s">
        <v>114522</v>
      </c>
      <c r="E61541" s="1" t="s">
        <v>206078</v>
      </c>
      <c r="F61541" s="1" t="s">
        <v>206079</v>
      </c>
      <c r="G61541" s="1" t="s">
        <v>205992</v>
      </c>
      <c r="H61541" s="1" t="s">
        <v>205993</v>
      </c>
      <c r="I61541" s="1" t="s">
        <v>201500</v>
      </c>
      <c r="J61541" s="1" t="s">
        <v>206080</v>
      </c>
    </row>
    <row r="61542" spans="1:10" x14ac:dyDescent="0.35">
      <c r="A61542" s="1" t="s">
        <v>51288</v>
      </c>
      <c r="B61542" s="1" t="s">
        <v>201495</v>
      </c>
      <c r="C61542" s="1" t="s">
        <v>150</v>
      </c>
      <c r="D61542" s="1" t="s">
        <v>186212</v>
      </c>
      <c r="E61542" s="1" t="s">
        <v>206081</v>
      </c>
      <c r="F61542" s="1" t="s">
        <v>206082</v>
      </c>
      <c r="G61542" s="1" t="s">
        <v>205992</v>
      </c>
      <c r="H61542" s="1" t="s">
        <v>205993</v>
      </c>
      <c r="I61542" s="1" t="s">
        <v>201500</v>
      </c>
      <c r="J61542" s="1" t="s">
        <v>206083</v>
      </c>
    </row>
    <row r="61543" spans="1:10" x14ac:dyDescent="0.35">
      <c r="A61543" s="1" t="s">
        <v>51288</v>
      </c>
      <c r="B61543" s="1" t="s">
        <v>201495</v>
      </c>
      <c r="C61543" s="1" t="s">
        <v>155</v>
      </c>
      <c r="D61543" s="1" t="s">
        <v>107478</v>
      </c>
      <c r="E61543" s="1" t="s">
        <v>206084</v>
      </c>
      <c r="F61543" s="1" t="s">
        <v>206085</v>
      </c>
      <c r="G61543" s="1" t="s">
        <v>205992</v>
      </c>
      <c r="H61543" s="1" t="s">
        <v>205993</v>
      </c>
      <c r="I61543" s="1" t="s">
        <v>201500</v>
      </c>
      <c r="J61543" s="1" t="s">
        <v>206086</v>
      </c>
    </row>
    <row r="61544" spans="1:10" x14ac:dyDescent="0.35">
      <c r="A61544" s="1" t="s">
        <v>51288</v>
      </c>
      <c r="B61544" s="1" t="s">
        <v>201495</v>
      </c>
      <c r="C61544" s="1" t="s">
        <v>160</v>
      </c>
      <c r="D61544" s="1" t="s">
        <v>206087</v>
      </c>
      <c r="E61544" s="1" t="s">
        <v>206088</v>
      </c>
      <c r="F61544" s="1" t="s">
        <v>206089</v>
      </c>
      <c r="G61544" s="1" t="s">
        <v>205992</v>
      </c>
      <c r="H61544" s="1" t="s">
        <v>205993</v>
      </c>
      <c r="I61544" s="1" t="s">
        <v>201500</v>
      </c>
      <c r="J61544" s="1" t="s">
        <v>206090</v>
      </c>
    </row>
    <row r="61545" spans="1:10" x14ac:dyDescent="0.35">
      <c r="A61545" s="1" t="s">
        <v>51288</v>
      </c>
      <c r="B61545" s="1" t="s">
        <v>201495</v>
      </c>
      <c r="C61545" s="1" t="s">
        <v>165</v>
      </c>
      <c r="D61545" s="1" t="s">
        <v>206091</v>
      </c>
      <c r="E61545" s="1" t="s">
        <v>206092</v>
      </c>
      <c r="F61545" s="1" t="s">
        <v>206093</v>
      </c>
      <c r="G61545" s="1" t="s">
        <v>205992</v>
      </c>
      <c r="H61545" s="1" t="s">
        <v>205993</v>
      </c>
      <c r="I61545" s="1" t="s">
        <v>201500</v>
      </c>
      <c r="J61545" s="1" t="s">
        <v>206094</v>
      </c>
    </row>
    <row r="61546" spans="1:10" x14ac:dyDescent="0.35">
      <c r="A61546" s="1" t="s">
        <v>51288</v>
      </c>
      <c r="B61546" s="1" t="s">
        <v>201495</v>
      </c>
      <c r="C61546" s="1" t="s">
        <v>170</v>
      </c>
      <c r="D61546" s="1" t="s">
        <v>36900</v>
      </c>
      <c r="E61546" s="1" t="s">
        <v>206095</v>
      </c>
      <c r="F61546" s="1" t="s">
        <v>206096</v>
      </c>
      <c r="G61546" s="1" t="s">
        <v>205992</v>
      </c>
      <c r="H61546" s="1" t="s">
        <v>205993</v>
      </c>
      <c r="I61546" s="1" t="s">
        <v>201500</v>
      </c>
      <c r="J61546" s="1" t="s">
        <v>206097</v>
      </c>
    </row>
    <row r="61547" spans="1:10" x14ac:dyDescent="0.35">
      <c r="A61547" s="1" t="s">
        <v>30139</v>
      </c>
      <c r="B61547" s="1" t="s">
        <v>201495</v>
      </c>
      <c r="C61547" s="1" t="s">
        <v>8</v>
      </c>
      <c r="D61547" s="1" t="s">
        <v>83134</v>
      </c>
      <c r="E61547" s="1" t="s">
        <v>6949</v>
      </c>
      <c r="F61547" s="1" t="s">
        <v>206098</v>
      </c>
      <c r="G61547" s="1" t="s">
        <v>206099</v>
      </c>
      <c r="H61547" s="1" t="s">
        <v>206100</v>
      </c>
      <c r="I61547" s="1" t="s">
        <v>201500</v>
      </c>
      <c r="J61547" s="1" t="s">
        <v>13</v>
      </c>
    </row>
    <row r="61548" spans="1:10" x14ac:dyDescent="0.35">
      <c r="A61548" s="1" t="s">
        <v>30139</v>
      </c>
      <c r="B61548" s="1" t="s">
        <v>201495</v>
      </c>
      <c r="C61548" s="1" t="s">
        <v>15</v>
      </c>
      <c r="D61548" s="1" t="s">
        <v>8885</v>
      </c>
      <c r="E61548" s="1" t="s">
        <v>3005</v>
      </c>
      <c r="F61548" s="1" t="s">
        <v>206101</v>
      </c>
      <c r="G61548" s="1" t="s">
        <v>206099</v>
      </c>
      <c r="H61548" s="1" t="s">
        <v>206100</v>
      </c>
      <c r="I61548" s="1" t="s">
        <v>201500</v>
      </c>
      <c r="J61548" s="1" t="s">
        <v>206102</v>
      </c>
    </row>
    <row r="61549" spans="1:10" x14ac:dyDescent="0.35">
      <c r="A61549" s="1" t="s">
        <v>30139</v>
      </c>
      <c r="B61549" s="1" t="s">
        <v>201495</v>
      </c>
      <c r="C61549" s="1" t="s">
        <v>20</v>
      </c>
      <c r="D61549" s="1" t="s">
        <v>206103</v>
      </c>
      <c r="E61549" s="1" t="s">
        <v>27434</v>
      </c>
      <c r="F61549" s="1" t="s">
        <v>206104</v>
      </c>
      <c r="G61549" s="1" t="s">
        <v>206099</v>
      </c>
      <c r="H61549" s="1" t="s">
        <v>206100</v>
      </c>
      <c r="I61549" s="1" t="s">
        <v>201500</v>
      </c>
      <c r="J61549" s="1" t="s">
        <v>206105</v>
      </c>
    </row>
    <row r="61550" spans="1:10" x14ac:dyDescent="0.35">
      <c r="A61550" s="1" t="s">
        <v>30139</v>
      </c>
      <c r="B61550" s="1" t="s">
        <v>201495</v>
      </c>
      <c r="C61550" s="1" t="s">
        <v>25</v>
      </c>
      <c r="D61550" s="1" t="s">
        <v>142206</v>
      </c>
      <c r="E61550" s="1" t="s">
        <v>3041</v>
      </c>
      <c r="F61550" s="1" t="s">
        <v>206106</v>
      </c>
      <c r="G61550" s="1" t="s">
        <v>206099</v>
      </c>
      <c r="H61550" s="1" t="s">
        <v>206100</v>
      </c>
      <c r="I61550" s="1" t="s">
        <v>201500</v>
      </c>
      <c r="J61550" s="1" t="s">
        <v>206107</v>
      </c>
    </row>
    <row r="61551" spans="1:10" x14ac:dyDescent="0.35">
      <c r="A61551" s="1" t="s">
        <v>30139</v>
      </c>
      <c r="B61551" s="1" t="s">
        <v>201495</v>
      </c>
      <c r="C61551" s="1" t="s">
        <v>30</v>
      </c>
      <c r="D61551" s="1" t="s">
        <v>47773</v>
      </c>
      <c r="E61551" s="1" t="s">
        <v>169050</v>
      </c>
      <c r="F61551" s="1" t="s">
        <v>206108</v>
      </c>
      <c r="G61551" s="1" t="s">
        <v>206099</v>
      </c>
      <c r="H61551" s="1" t="s">
        <v>206100</v>
      </c>
      <c r="I61551" s="1" t="s">
        <v>201500</v>
      </c>
      <c r="J61551" s="1" t="s">
        <v>206109</v>
      </c>
    </row>
    <row r="61552" spans="1:10" x14ac:dyDescent="0.35">
      <c r="A61552" s="1" t="s">
        <v>30139</v>
      </c>
      <c r="B61552" s="1" t="s">
        <v>201495</v>
      </c>
      <c r="C61552" s="1" t="s">
        <v>35</v>
      </c>
      <c r="D61552" s="1" t="s">
        <v>179878</v>
      </c>
      <c r="E61552" s="1" t="s">
        <v>206110</v>
      </c>
      <c r="F61552" s="1" t="s">
        <v>206111</v>
      </c>
      <c r="G61552" s="1" t="s">
        <v>206099</v>
      </c>
      <c r="H61552" s="1" t="s">
        <v>206100</v>
      </c>
      <c r="I61552" s="1" t="s">
        <v>201500</v>
      </c>
      <c r="J61552" s="1" t="s">
        <v>206112</v>
      </c>
    </row>
    <row r="61553" spans="1:10" x14ac:dyDescent="0.35">
      <c r="A61553" s="1" t="s">
        <v>30139</v>
      </c>
      <c r="B61553" s="1" t="s">
        <v>201495</v>
      </c>
      <c r="C61553" s="1" t="s">
        <v>40</v>
      </c>
      <c r="D61553" s="1" t="s">
        <v>75119</v>
      </c>
      <c r="E61553" s="1" t="s">
        <v>206113</v>
      </c>
      <c r="F61553" s="1" t="s">
        <v>206114</v>
      </c>
      <c r="G61553" s="1" t="s">
        <v>206099</v>
      </c>
      <c r="H61553" s="1" t="s">
        <v>206100</v>
      </c>
      <c r="I61553" s="1" t="s">
        <v>201500</v>
      </c>
      <c r="J61553" s="1" t="s">
        <v>206115</v>
      </c>
    </row>
    <row r="61554" spans="1:10" x14ac:dyDescent="0.35">
      <c r="A61554" s="1" t="s">
        <v>30139</v>
      </c>
      <c r="B61554" s="1" t="s">
        <v>201495</v>
      </c>
      <c r="C61554" s="1" t="s">
        <v>45</v>
      </c>
      <c r="D61554" s="1" t="s">
        <v>32614</v>
      </c>
      <c r="E61554" s="1" t="s">
        <v>6957</v>
      </c>
      <c r="F61554" s="1" t="s">
        <v>206116</v>
      </c>
      <c r="G61554" s="1" t="s">
        <v>206099</v>
      </c>
      <c r="H61554" s="1" t="s">
        <v>206100</v>
      </c>
      <c r="I61554" s="1" t="s">
        <v>201500</v>
      </c>
      <c r="J61554" s="1" t="s">
        <v>206117</v>
      </c>
    </row>
    <row r="61555" spans="1:10" x14ac:dyDescent="0.35">
      <c r="A61555" s="1" t="s">
        <v>30139</v>
      </c>
      <c r="B61555" s="1" t="s">
        <v>201495</v>
      </c>
      <c r="C61555" s="1" t="s">
        <v>50</v>
      </c>
      <c r="D61555" s="1" t="s">
        <v>206118</v>
      </c>
      <c r="E61555" s="1" t="s">
        <v>206119</v>
      </c>
      <c r="F61555" s="1" t="s">
        <v>206120</v>
      </c>
      <c r="G61555" s="1" t="s">
        <v>206099</v>
      </c>
      <c r="H61555" s="1" t="s">
        <v>206100</v>
      </c>
      <c r="I61555" s="1" t="s">
        <v>201500</v>
      </c>
      <c r="J61555" s="1" t="s">
        <v>206121</v>
      </c>
    </row>
    <row r="61556" spans="1:10" x14ac:dyDescent="0.35">
      <c r="A61556" s="1" t="s">
        <v>30139</v>
      </c>
      <c r="B61556" s="1" t="s">
        <v>201495</v>
      </c>
      <c r="C61556" s="1" t="s">
        <v>55</v>
      </c>
      <c r="D61556" s="1" t="s">
        <v>206122</v>
      </c>
      <c r="E61556" s="1" t="s">
        <v>206123</v>
      </c>
      <c r="F61556" s="1" t="s">
        <v>206124</v>
      </c>
      <c r="G61556" s="1" t="s">
        <v>206099</v>
      </c>
      <c r="H61556" s="1" t="s">
        <v>206100</v>
      </c>
      <c r="I61556" s="1" t="s">
        <v>201500</v>
      </c>
      <c r="J61556" s="1" t="s">
        <v>206125</v>
      </c>
    </row>
    <row r="61557" spans="1:10" x14ac:dyDescent="0.35">
      <c r="A61557" s="1" t="s">
        <v>30139</v>
      </c>
      <c r="B61557" s="1" t="s">
        <v>201495</v>
      </c>
      <c r="C61557" s="1" t="s">
        <v>60</v>
      </c>
      <c r="D61557" s="1" t="s">
        <v>82423</v>
      </c>
      <c r="E61557" s="1" t="s">
        <v>206126</v>
      </c>
      <c r="F61557" s="1" t="s">
        <v>206127</v>
      </c>
      <c r="G61557" s="1" t="s">
        <v>206099</v>
      </c>
      <c r="H61557" s="1" t="s">
        <v>206100</v>
      </c>
      <c r="I61557" s="1" t="s">
        <v>201500</v>
      </c>
      <c r="J61557" s="1" t="s">
        <v>206128</v>
      </c>
    </row>
    <row r="61558" spans="1:10" x14ac:dyDescent="0.35">
      <c r="A61558" s="1" t="s">
        <v>30139</v>
      </c>
      <c r="B61558" s="1" t="s">
        <v>201495</v>
      </c>
      <c r="C61558" s="1" t="s">
        <v>65</v>
      </c>
      <c r="D61558" s="1" t="s">
        <v>31734</v>
      </c>
      <c r="E61558" s="1" t="s">
        <v>206129</v>
      </c>
      <c r="F61558" s="1" t="s">
        <v>206130</v>
      </c>
      <c r="G61558" s="1" t="s">
        <v>206099</v>
      </c>
      <c r="H61558" s="1" t="s">
        <v>206100</v>
      </c>
      <c r="I61558" s="1" t="s">
        <v>201500</v>
      </c>
      <c r="J61558" s="1" t="s">
        <v>206131</v>
      </c>
    </row>
    <row r="61559" spans="1:10" x14ac:dyDescent="0.35">
      <c r="A61559" s="1" t="s">
        <v>30139</v>
      </c>
      <c r="B61559" s="1" t="s">
        <v>201495</v>
      </c>
      <c r="C61559" s="1" t="s">
        <v>70</v>
      </c>
      <c r="D61559" s="1" t="s">
        <v>46871</v>
      </c>
      <c r="E61559" s="1" t="s">
        <v>206132</v>
      </c>
      <c r="F61559" s="1" t="s">
        <v>206133</v>
      </c>
      <c r="G61559" s="1" t="s">
        <v>206099</v>
      </c>
      <c r="H61559" s="1" t="s">
        <v>206100</v>
      </c>
      <c r="I61559" s="1" t="s">
        <v>201500</v>
      </c>
      <c r="J61559" s="1" t="s">
        <v>206134</v>
      </c>
    </row>
    <row r="61560" spans="1:10" x14ac:dyDescent="0.35">
      <c r="A61560" s="1" t="s">
        <v>30139</v>
      </c>
      <c r="B61560" s="1" t="s">
        <v>201495</v>
      </c>
      <c r="C61560" s="1" t="s">
        <v>75</v>
      </c>
      <c r="D61560" s="1" t="s">
        <v>31108</v>
      </c>
      <c r="E61560" s="1" t="s">
        <v>206135</v>
      </c>
      <c r="F61560" s="1" t="s">
        <v>206136</v>
      </c>
      <c r="G61560" s="1" t="s">
        <v>206099</v>
      </c>
      <c r="H61560" s="1" t="s">
        <v>206100</v>
      </c>
      <c r="I61560" s="1" t="s">
        <v>201500</v>
      </c>
      <c r="J61560" s="1" t="s">
        <v>206137</v>
      </c>
    </row>
    <row r="61561" spans="1:10" x14ac:dyDescent="0.35">
      <c r="A61561" s="1" t="s">
        <v>30139</v>
      </c>
      <c r="B61561" s="1" t="s">
        <v>201495</v>
      </c>
      <c r="C61561" s="1" t="s">
        <v>80</v>
      </c>
      <c r="D61561" s="1" t="s">
        <v>31273</v>
      </c>
      <c r="E61561" s="1" t="s">
        <v>169107</v>
      </c>
      <c r="F61561" s="1" t="s">
        <v>206138</v>
      </c>
      <c r="G61561" s="1" t="s">
        <v>206099</v>
      </c>
      <c r="H61561" s="1" t="s">
        <v>206100</v>
      </c>
      <c r="I61561" s="1" t="s">
        <v>201500</v>
      </c>
      <c r="J61561" s="1" t="s">
        <v>206139</v>
      </c>
    </row>
    <row r="61562" spans="1:10" x14ac:dyDescent="0.35">
      <c r="A61562" s="1" t="s">
        <v>30139</v>
      </c>
      <c r="B61562" s="1" t="s">
        <v>201495</v>
      </c>
      <c r="C61562" s="1" t="s">
        <v>85</v>
      </c>
      <c r="D61562" s="1" t="s">
        <v>181234</v>
      </c>
      <c r="E61562" s="1" t="s">
        <v>3041</v>
      </c>
      <c r="F61562" s="1" t="s">
        <v>206140</v>
      </c>
      <c r="G61562" s="1" t="s">
        <v>206099</v>
      </c>
      <c r="H61562" s="1" t="s">
        <v>206100</v>
      </c>
      <c r="I61562" s="1" t="s">
        <v>201500</v>
      </c>
      <c r="J61562" s="1" t="s">
        <v>206141</v>
      </c>
    </row>
    <row r="61563" spans="1:10" x14ac:dyDescent="0.35">
      <c r="A61563" s="1" t="s">
        <v>30139</v>
      </c>
      <c r="B61563" s="1" t="s">
        <v>201495</v>
      </c>
      <c r="C61563" s="1" t="s">
        <v>90</v>
      </c>
      <c r="D61563" s="1" t="s">
        <v>125440</v>
      </c>
      <c r="E61563" s="1" t="s">
        <v>3037</v>
      </c>
      <c r="F61563" s="1" t="s">
        <v>206142</v>
      </c>
      <c r="G61563" s="1" t="s">
        <v>206099</v>
      </c>
      <c r="H61563" s="1" t="s">
        <v>206100</v>
      </c>
      <c r="I61563" s="1" t="s">
        <v>201500</v>
      </c>
      <c r="J61563" s="1" t="s">
        <v>206143</v>
      </c>
    </row>
    <row r="61564" spans="1:10" x14ac:dyDescent="0.35">
      <c r="A61564" s="1" t="s">
        <v>30139</v>
      </c>
      <c r="B61564" s="1" t="s">
        <v>201495</v>
      </c>
      <c r="C61564" s="1" t="s">
        <v>95</v>
      </c>
      <c r="D61564" s="1" t="s">
        <v>70942</v>
      </c>
      <c r="E61564" s="1" t="s">
        <v>206144</v>
      </c>
      <c r="F61564" s="1" t="s">
        <v>206145</v>
      </c>
      <c r="G61564" s="1" t="s">
        <v>206099</v>
      </c>
      <c r="H61564" s="1" t="s">
        <v>206100</v>
      </c>
      <c r="I61564" s="1" t="s">
        <v>201500</v>
      </c>
      <c r="J61564" s="1" t="s">
        <v>206146</v>
      </c>
    </row>
    <row r="61565" spans="1:10" x14ac:dyDescent="0.35">
      <c r="A61565" s="1" t="s">
        <v>30139</v>
      </c>
      <c r="B61565" s="1" t="s">
        <v>201495</v>
      </c>
      <c r="C61565" s="1" t="s">
        <v>100</v>
      </c>
      <c r="D61565" s="1" t="s">
        <v>120398</v>
      </c>
      <c r="E61565" s="1" t="s">
        <v>168797</v>
      </c>
      <c r="F61565" s="1" t="s">
        <v>206147</v>
      </c>
      <c r="G61565" s="1" t="s">
        <v>206099</v>
      </c>
      <c r="H61565" s="1" t="s">
        <v>206100</v>
      </c>
      <c r="I61565" s="1" t="s">
        <v>201500</v>
      </c>
      <c r="J61565" s="1" t="s">
        <v>206148</v>
      </c>
    </row>
    <row r="61566" spans="1:10" x14ac:dyDescent="0.35">
      <c r="A61566" s="1" t="s">
        <v>30139</v>
      </c>
      <c r="B61566" s="1" t="s">
        <v>201495</v>
      </c>
      <c r="C61566" s="1" t="s">
        <v>105</v>
      </c>
      <c r="D61566" s="1" t="s">
        <v>157889</v>
      </c>
      <c r="E61566" s="1" t="s">
        <v>206149</v>
      </c>
      <c r="F61566" s="1" t="s">
        <v>206150</v>
      </c>
      <c r="G61566" s="1" t="s">
        <v>206099</v>
      </c>
      <c r="H61566" s="1" t="s">
        <v>206100</v>
      </c>
      <c r="I61566" s="1" t="s">
        <v>201500</v>
      </c>
      <c r="J61566" s="1" t="s">
        <v>206151</v>
      </c>
    </row>
    <row r="61567" spans="1:10" x14ac:dyDescent="0.35">
      <c r="A61567" s="1" t="s">
        <v>30139</v>
      </c>
      <c r="B61567" s="1" t="s">
        <v>201495</v>
      </c>
      <c r="C61567" s="1" t="s">
        <v>110</v>
      </c>
      <c r="D61567" s="1" t="s">
        <v>135163</v>
      </c>
      <c r="E61567" s="1" t="s">
        <v>3053</v>
      </c>
      <c r="F61567" s="1" t="s">
        <v>206152</v>
      </c>
      <c r="G61567" s="1" t="s">
        <v>206099</v>
      </c>
      <c r="H61567" s="1" t="s">
        <v>206100</v>
      </c>
      <c r="I61567" s="1" t="s">
        <v>201500</v>
      </c>
      <c r="J61567" s="1" t="s">
        <v>206153</v>
      </c>
    </row>
    <row r="61568" spans="1:10" x14ac:dyDescent="0.35">
      <c r="A61568" s="1" t="s">
        <v>30139</v>
      </c>
      <c r="B61568" s="1" t="s">
        <v>201495</v>
      </c>
      <c r="C61568" s="1" t="s">
        <v>115</v>
      </c>
      <c r="D61568" s="1" t="s">
        <v>49780</v>
      </c>
      <c r="E61568" s="1" t="s">
        <v>4196</v>
      </c>
      <c r="F61568" s="1" t="s">
        <v>206154</v>
      </c>
      <c r="G61568" s="1" t="s">
        <v>206099</v>
      </c>
      <c r="H61568" s="1" t="s">
        <v>206100</v>
      </c>
      <c r="I61568" s="1" t="s">
        <v>201500</v>
      </c>
      <c r="J61568" s="1" t="s">
        <v>206155</v>
      </c>
    </row>
    <row r="61569" spans="1:10" x14ac:dyDescent="0.35">
      <c r="A61569" s="1" t="s">
        <v>30139</v>
      </c>
      <c r="B61569" s="1" t="s">
        <v>201495</v>
      </c>
      <c r="C61569" s="1" t="s">
        <v>120</v>
      </c>
      <c r="D61569" s="1" t="s">
        <v>174675</v>
      </c>
      <c r="E61569" s="1" t="s">
        <v>111253</v>
      </c>
      <c r="F61569" s="1" t="s">
        <v>206156</v>
      </c>
      <c r="G61569" s="1" t="s">
        <v>206099</v>
      </c>
      <c r="H61569" s="1" t="s">
        <v>206100</v>
      </c>
      <c r="I61569" s="1" t="s">
        <v>201500</v>
      </c>
      <c r="J61569" s="1" t="s">
        <v>206157</v>
      </c>
    </row>
    <row r="61570" spans="1:10" x14ac:dyDescent="0.35">
      <c r="A61570" s="1" t="s">
        <v>30139</v>
      </c>
      <c r="B61570" s="1" t="s">
        <v>201495</v>
      </c>
      <c r="C61570" s="1" t="s">
        <v>125</v>
      </c>
      <c r="D61570" s="1" t="s">
        <v>118965</v>
      </c>
      <c r="E61570" s="1" t="s">
        <v>4246</v>
      </c>
      <c r="F61570" s="1" t="s">
        <v>206158</v>
      </c>
      <c r="G61570" s="1" t="s">
        <v>206099</v>
      </c>
      <c r="H61570" s="1" t="s">
        <v>206100</v>
      </c>
      <c r="I61570" s="1" t="s">
        <v>201500</v>
      </c>
      <c r="J61570" s="1" t="s">
        <v>206159</v>
      </c>
    </row>
    <row r="61571" spans="1:10" x14ac:dyDescent="0.35">
      <c r="A61571" s="1" t="s">
        <v>30139</v>
      </c>
      <c r="B61571" s="1" t="s">
        <v>201495</v>
      </c>
      <c r="C61571" s="1" t="s">
        <v>130</v>
      </c>
      <c r="D61571" s="1" t="s">
        <v>115890</v>
      </c>
      <c r="E61571" s="1" t="s">
        <v>169096</v>
      </c>
      <c r="F61571" s="1" t="s">
        <v>206160</v>
      </c>
      <c r="G61571" s="1" t="s">
        <v>206099</v>
      </c>
      <c r="H61571" s="1" t="s">
        <v>206100</v>
      </c>
      <c r="I61571" s="1" t="s">
        <v>201500</v>
      </c>
      <c r="J61571" s="1" t="s">
        <v>206161</v>
      </c>
    </row>
    <row r="61572" spans="1:10" x14ac:dyDescent="0.35">
      <c r="A61572" s="1" t="s">
        <v>30139</v>
      </c>
      <c r="B61572" s="1" t="s">
        <v>201495</v>
      </c>
      <c r="C61572" s="1" t="s">
        <v>135</v>
      </c>
      <c r="D61572" s="1" t="s">
        <v>206162</v>
      </c>
      <c r="E61572" s="1" t="s">
        <v>7970</v>
      </c>
      <c r="F61572" s="1" t="s">
        <v>206163</v>
      </c>
      <c r="G61572" s="1" t="s">
        <v>206099</v>
      </c>
      <c r="H61572" s="1" t="s">
        <v>206100</v>
      </c>
      <c r="I61572" s="1" t="s">
        <v>201500</v>
      </c>
      <c r="J61572" s="1" t="s">
        <v>206164</v>
      </c>
    </row>
    <row r="61573" spans="1:10" x14ac:dyDescent="0.35">
      <c r="A61573" s="1" t="s">
        <v>30139</v>
      </c>
      <c r="B61573" s="1" t="s">
        <v>201495</v>
      </c>
      <c r="C61573" s="1" t="s">
        <v>140</v>
      </c>
      <c r="D61573" s="1" t="s">
        <v>14813</v>
      </c>
      <c r="E61573" s="1" t="s">
        <v>7947</v>
      </c>
      <c r="F61573" s="1" t="s">
        <v>206165</v>
      </c>
      <c r="G61573" s="1" t="s">
        <v>206099</v>
      </c>
      <c r="H61573" s="1" t="s">
        <v>206100</v>
      </c>
      <c r="I61573" s="1" t="s">
        <v>201500</v>
      </c>
      <c r="J61573" s="1" t="s">
        <v>206166</v>
      </c>
    </row>
    <row r="61574" spans="1:10" x14ac:dyDescent="0.35">
      <c r="A61574" s="1" t="s">
        <v>30139</v>
      </c>
      <c r="B61574" s="1" t="s">
        <v>201495</v>
      </c>
      <c r="C61574" s="1" t="s">
        <v>145</v>
      </c>
      <c r="D61574" s="1" t="s">
        <v>9586</v>
      </c>
      <c r="E61574" s="1" t="s">
        <v>3067</v>
      </c>
      <c r="F61574" s="1" t="s">
        <v>206167</v>
      </c>
      <c r="G61574" s="1" t="s">
        <v>206099</v>
      </c>
      <c r="H61574" s="1" t="s">
        <v>206100</v>
      </c>
      <c r="I61574" s="1" t="s">
        <v>201500</v>
      </c>
      <c r="J61574" s="1" t="s">
        <v>196666</v>
      </c>
    </row>
    <row r="61575" spans="1:10" x14ac:dyDescent="0.35">
      <c r="A61575" s="1" t="s">
        <v>30139</v>
      </c>
      <c r="B61575" s="1" t="s">
        <v>201495</v>
      </c>
      <c r="C61575" s="1" t="s">
        <v>150</v>
      </c>
      <c r="D61575" s="1" t="s">
        <v>71123</v>
      </c>
      <c r="E61575" s="1" t="s">
        <v>206168</v>
      </c>
      <c r="F61575" s="1" t="s">
        <v>206169</v>
      </c>
      <c r="G61575" s="1" t="s">
        <v>206099</v>
      </c>
      <c r="H61575" s="1" t="s">
        <v>206100</v>
      </c>
      <c r="I61575" s="1" t="s">
        <v>201500</v>
      </c>
      <c r="J61575" s="1" t="s">
        <v>206170</v>
      </c>
    </row>
    <row r="61576" spans="1:10" x14ac:dyDescent="0.35">
      <c r="A61576" s="1" t="s">
        <v>30139</v>
      </c>
      <c r="B61576" s="1" t="s">
        <v>201495</v>
      </c>
      <c r="C61576" s="1" t="s">
        <v>155</v>
      </c>
      <c r="D61576" s="1" t="s">
        <v>177116</v>
      </c>
      <c r="E61576" s="1" t="s">
        <v>7981</v>
      </c>
      <c r="F61576" s="1" t="s">
        <v>206171</v>
      </c>
      <c r="G61576" s="1" t="s">
        <v>206099</v>
      </c>
      <c r="H61576" s="1" t="s">
        <v>206100</v>
      </c>
      <c r="I61576" s="1" t="s">
        <v>201500</v>
      </c>
      <c r="J61576" s="1" t="s">
        <v>206172</v>
      </c>
    </row>
    <row r="61577" spans="1:10" x14ac:dyDescent="0.35">
      <c r="A61577" s="1" t="s">
        <v>30139</v>
      </c>
      <c r="B61577" s="1" t="s">
        <v>201495</v>
      </c>
      <c r="C61577" s="1" t="s">
        <v>160</v>
      </c>
      <c r="D61577" s="1" t="s">
        <v>37399</v>
      </c>
      <c r="E61577" s="1" t="s">
        <v>206173</v>
      </c>
      <c r="F61577" s="1" t="s">
        <v>206174</v>
      </c>
      <c r="G61577" s="1" t="s">
        <v>206099</v>
      </c>
      <c r="H61577" s="1" t="s">
        <v>206100</v>
      </c>
      <c r="I61577" s="1" t="s">
        <v>201500</v>
      </c>
      <c r="J61577" s="1" t="s">
        <v>206175</v>
      </c>
    </row>
    <row r="61578" spans="1:10" x14ac:dyDescent="0.35">
      <c r="A61578" s="1" t="s">
        <v>30139</v>
      </c>
      <c r="B61578" s="1" t="s">
        <v>201495</v>
      </c>
      <c r="C61578" s="1" t="s">
        <v>165</v>
      </c>
      <c r="D61578" s="1" t="s">
        <v>8790</v>
      </c>
      <c r="E61578" s="1" t="s">
        <v>206176</v>
      </c>
      <c r="F61578" s="1" t="s">
        <v>206177</v>
      </c>
      <c r="G61578" s="1" t="s">
        <v>206099</v>
      </c>
      <c r="H61578" s="1" t="s">
        <v>206100</v>
      </c>
      <c r="I61578" s="1" t="s">
        <v>201500</v>
      </c>
      <c r="J61578" s="1" t="s">
        <v>206178</v>
      </c>
    </row>
    <row r="61579" spans="1:10" x14ac:dyDescent="0.35">
      <c r="A61579" s="1" t="s">
        <v>30139</v>
      </c>
      <c r="B61579" s="1" t="s">
        <v>201495</v>
      </c>
      <c r="C61579" s="1" t="s">
        <v>170</v>
      </c>
      <c r="D61579" s="1" t="s">
        <v>123819</v>
      </c>
      <c r="E61579" s="1" t="s">
        <v>206179</v>
      </c>
      <c r="F61579" s="1" t="s">
        <v>206180</v>
      </c>
      <c r="G61579" s="1" t="s">
        <v>206099</v>
      </c>
      <c r="H61579" s="1" t="s">
        <v>206100</v>
      </c>
      <c r="I61579" s="1" t="s">
        <v>201500</v>
      </c>
      <c r="J61579" s="1" t="s">
        <v>206181</v>
      </c>
    </row>
    <row r="61580" spans="1:10" x14ac:dyDescent="0.35">
      <c r="A61580" s="1" t="s">
        <v>10102</v>
      </c>
      <c r="B61580" s="1" t="s">
        <v>201495</v>
      </c>
      <c r="C61580" s="1" t="s">
        <v>8</v>
      </c>
      <c r="D61580" s="1" t="s">
        <v>197172</v>
      </c>
      <c r="E61580" s="1" t="s">
        <v>206182</v>
      </c>
      <c r="F61580" s="1" t="s">
        <v>206183</v>
      </c>
      <c r="G61580" s="1" t="s">
        <v>206184</v>
      </c>
      <c r="H61580" s="1" t="s">
        <v>206185</v>
      </c>
      <c r="I61580" s="1" t="s">
        <v>201500</v>
      </c>
      <c r="J61580" s="1" t="s">
        <v>13</v>
      </c>
    </row>
    <row r="61581" spans="1:10" x14ac:dyDescent="0.35">
      <c r="A61581" s="1" t="s">
        <v>10102</v>
      </c>
      <c r="B61581" s="1" t="s">
        <v>201495</v>
      </c>
      <c r="C61581" s="1" t="s">
        <v>15</v>
      </c>
      <c r="D61581" s="1" t="s">
        <v>1436</v>
      </c>
      <c r="E61581" s="1" t="s">
        <v>206186</v>
      </c>
      <c r="F61581" s="1" t="s">
        <v>206187</v>
      </c>
      <c r="G61581" s="1" t="s">
        <v>206184</v>
      </c>
      <c r="H61581" s="1" t="s">
        <v>206185</v>
      </c>
      <c r="I61581" s="1" t="s">
        <v>201500</v>
      </c>
      <c r="J61581" s="1" t="s">
        <v>206188</v>
      </c>
    </row>
    <row r="61582" spans="1:10" x14ac:dyDescent="0.35">
      <c r="A61582" s="1" t="s">
        <v>10102</v>
      </c>
      <c r="B61582" s="1" t="s">
        <v>201495</v>
      </c>
      <c r="C61582" s="1" t="s">
        <v>20</v>
      </c>
      <c r="D61582" s="1" t="s">
        <v>188223</v>
      </c>
      <c r="E61582" s="1" t="s">
        <v>206189</v>
      </c>
      <c r="F61582" s="1" t="s">
        <v>206190</v>
      </c>
      <c r="G61582" s="1" t="s">
        <v>206184</v>
      </c>
      <c r="H61582" s="1" t="s">
        <v>206185</v>
      </c>
      <c r="I61582" s="1" t="s">
        <v>201500</v>
      </c>
      <c r="J61582" s="1" t="s">
        <v>206191</v>
      </c>
    </row>
    <row r="61583" spans="1:10" x14ac:dyDescent="0.35">
      <c r="A61583" s="1" t="s">
        <v>10102</v>
      </c>
      <c r="B61583" s="1" t="s">
        <v>201495</v>
      </c>
      <c r="C61583" s="1" t="s">
        <v>25</v>
      </c>
      <c r="D61583" s="1" t="s">
        <v>51232</v>
      </c>
      <c r="E61583" s="1" t="s">
        <v>206192</v>
      </c>
      <c r="F61583" s="1" t="s">
        <v>206193</v>
      </c>
      <c r="G61583" s="1" t="s">
        <v>206184</v>
      </c>
      <c r="H61583" s="1" t="s">
        <v>206185</v>
      </c>
      <c r="I61583" s="1" t="s">
        <v>201500</v>
      </c>
      <c r="J61583" s="1" t="s">
        <v>206194</v>
      </c>
    </row>
    <row r="61584" spans="1:10" x14ac:dyDescent="0.35">
      <c r="A61584" s="1" t="s">
        <v>10102</v>
      </c>
      <c r="B61584" s="1" t="s">
        <v>201495</v>
      </c>
      <c r="C61584" s="1" t="s">
        <v>30</v>
      </c>
      <c r="D61584" s="1" t="s">
        <v>135183</v>
      </c>
      <c r="E61584" s="1" t="s">
        <v>206195</v>
      </c>
      <c r="F61584" s="1" t="s">
        <v>206196</v>
      </c>
      <c r="G61584" s="1" t="s">
        <v>206184</v>
      </c>
      <c r="H61584" s="1" t="s">
        <v>206185</v>
      </c>
      <c r="I61584" s="1" t="s">
        <v>201500</v>
      </c>
      <c r="J61584" s="1" t="s">
        <v>206197</v>
      </c>
    </row>
    <row r="61585" spans="1:10" x14ac:dyDescent="0.35">
      <c r="A61585" s="1" t="s">
        <v>10102</v>
      </c>
      <c r="B61585" s="1" t="s">
        <v>201495</v>
      </c>
      <c r="C61585" s="1" t="s">
        <v>35</v>
      </c>
      <c r="D61585" s="1" t="s">
        <v>48355</v>
      </c>
      <c r="E61585" s="1" t="s">
        <v>206198</v>
      </c>
      <c r="F61585" s="1" t="s">
        <v>206199</v>
      </c>
      <c r="G61585" s="1" t="s">
        <v>206184</v>
      </c>
      <c r="H61585" s="1" t="s">
        <v>206185</v>
      </c>
      <c r="I61585" s="1" t="s">
        <v>201500</v>
      </c>
      <c r="J61585" s="1" t="s">
        <v>206200</v>
      </c>
    </row>
    <row r="61586" spans="1:10" x14ac:dyDescent="0.35">
      <c r="A61586" s="1" t="s">
        <v>10102</v>
      </c>
      <c r="B61586" s="1" t="s">
        <v>201495</v>
      </c>
      <c r="C61586" s="1" t="s">
        <v>40</v>
      </c>
      <c r="D61586" s="1" t="s">
        <v>206201</v>
      </c>
      <c r="E61586" s="1" t="s">
        <v>206202</v>
      </c>
      <c r="F61586" s="1" t="s">
        <v>206203</v>
      </c>
      <c r="G61586" s="1" t="s">
        <v>206184</v>
      </c>
      <c r="H61586" s="1" t="s">
        <v>206185</v>
      </c>
      <c r="I61586" s="1" t="s">
        <v>201500</v>
      </c>
      <c r="J61586" s="1" t="s">
        <v>206204</v>
      </c>
    </row>
    <row r="61587" spans="1:10" x14ac:dyDescent="0.35">
      <c r="A61587" s="1" t="s">
        <v>10102</v>
      </c>
      <c r="B61587" s="1" t="s">
        <v>201495</v>
      </c>
      <c r="C61587" s="1" t="s">
        <v>45</v>
      </c>
      <c r="D61587" s="1" t="s">
        <v>49046</v>
      </c>
      <c r="E61587" s="1" t="s">
        <v>206205</v>
      </c>
      <c r="F61587" s="1" t="s">
        <v>206206</v>
      </c>
      <c r="G61587" s="1" t="s">
        <v>206184</v>
      </c>
      <c r="H61587" s="1" t="s">
        <v>206185</v>
      </c>
      <c r="I61587" s="1" t="s">
        <v>201500</v>
      </c>
      <c r="J61587" s="1" t="s">
        <v>206207</v>
      </c>
    </row>
    <row r="61588" spans="1:10" x14ac:dyDescent="0.35">
      <c r="A61588" s="1" t="s">
        <v>10102</v>
      </c>
      <c r="B61588" s="1" t="s">
        <v>201495</v>
      </c>
      <c r="C61588" s="1" t="s">
        <v>50</v>
      </c>
      <c r="D61588" s="1" t="s">
        <v>189131</v>
      </c>
      <c r="E61588" s="1" t="s">
        <v>206208</v>
      </c>
      <c r="F61588" s="1" t="s">
        <v>206209</v>
      </c>
      <c r="G61588" s="1" t="s">
        <v>206184</v>
      </c>
      <c r="H61588" s="1" t="s">
        <v>206185</v>
      </c>
      <c r="I61588" s="1" t="s">
        <v>201500</v>
      </c>
      <c r="J61588" s="1" t="s">
        <v>206210</v>
      </c>
    </row>
    <row r="61589" spans="1:10" x14ac:dyDescent="0.35">
      <c r="A61589" s="1" t="s">
        <v>10102</v>
      </c>
      <c r="B61589" s="1" t="s">
        <v>201495</v>
      </c>
      <c r="C61589" s="1" t="s">
        <v>55</v>
      </c>
      <c r="D61589" s="1" t="s">
        <v>206211</v>
      </c>
      <c r="E61589" s="1" t="s">
        <v>206212</v>
      </c>
      <c r="F61589" s="1" t="s">
        <v>206213</v>
      </c>
      <c r="G61589" s="1" t="s">
        <v>206184</v>
      </c>
      <c r="H61589" s="1" t="s">
        <v>206185</v>
      </c>
      <c r="I61589" s="1" t="s">
        <v>201500</v>
      </c>
      <c r="J61589" s="1" t="s">
        <v>206214</v>
      </c>
    </row>
    <row r="61590" spans="1:10" x14ac:dyDescent="0.35">
      <c r="A61590" s="1" t="s">
        <v>10102</v>
      </c>
      <c r="B61590" s="1" t="s">
        <v>201495</v>
      </c>
      <c r="C61590" s="1" t="s">
        <v>60</v>
      </c>
      <c r="D61590" s="1" t="s">
        <v>118325</v>
      </c>
      <c r="E61590" s="1" t="s">
        <v>206215</v>
      </c>
      <c r="F61590" s="1" t="s">
        <v>206216</v>
      </c>
      <c r="G61590" s="1" t="s">
        <v>206184</v>
      </c>
      <c r="H61590" s="1" t="s">
        <v>206185</v>
      </c>
      <c r="I61590" s="1" t="s">
        <v>201500</v>
      </c>
      <c r="J61590" s="1" t="s">
        <v>206217</v>
      </c>
    </row>
    <row r="61591" spans="1:10" x14ac:dyDescent="0.35">
      <c r="A61591" s="1" t="s">
        <v>10102</v>
      </c>
      <c r="B61591" s="1" t="s">
        <v>201495</v>
      </c>
      <c r="C61591" s="1" t="s">
        <v>65</v>
      </c>
      <c r="D61591" s="1" t="s">
        <v>114729</v>
      </c>
      <c r="E61591" s="1" t="s">
        <v>206218</v>
      </c>
      <c r="F61591" s="1" t="s">
        <v>206219</v>
      </c>
      <c r="G61591" s="1" t="s">
        <v>206184</v>
      </c>
      <c r="H61591" s="1" t="s">
        <v>206185</v>
      </c>
      <c r="I61591" s="1" t="s">
        <v>201500</v>
      </c>
      <c r="J61591" s="1" t="s">
        <v>206220</v>
      </c>
    </row>
    <row r="61592" spans="1:10" x14ac:dyDescent="0.35">
      <c r="A61592" s="1" t="s">
        <v>10102</v>
      </c>
      <c r="B61592" s="1" t="s">
        <v>201495</v>
      </c>
      <c r="C61592" s="1" t="s">
        <v>70</v>
      </c>
      <c r="D61592" s="1" t="s">
        <v>206221</v>
      </c>
      <c r="E61592" s="1" t="s">
        <v>206222</v>
      </c>
      <c r="F61592" s="1" t="s">
        <v>206223</v>
      </c>
      <c r="G61592" s="1" t="s">
        <v>206184</v>
      </c>
      <c r="H61592" s="1" t="s">
        <v>206185</v>
      </c>
      <c r="I61592" s="1" t="s">
        <v>201500</v>
      </c>
      <c r="J61592" s="1" t="s">
        <v>206224</v>
      </c>
    </row>
    <row r="61593" spans="1:10" x14ac:dyDescent="0.35">
      <c r="A61593" s="1" t="s">
        <v>10102</v>
      </c>
      <c r="B61593" s="1" t="s">
        <v>201495</v>
      </c>
      <c r="C61593" s="1" t="s">
        <v>75</v>
      </c>
      <c r="D61593" s="1" t="s">
        <v>50395</v>
      </c>
      <c r="E61593" s="1" t="s">
        <v>206225</v>
      </c>
      <c r="F61593" s="1" t="s">
        <v>206226</v>
      </c>
      <c r="G61593" s="1" t="s">
        <v>206184</v>
      </c>
      <c r="H61593" s="1" t="s">
        <v>206185</v>
      </c>
      <c r="I61593" s="1" t="s">
        <v>201500</v>
      </c>
      <c r="J61593" s="1" t="s">
        <v>206227</v>
      </c>
    </row>
    <row r="61594" spans="1:10" x14ac:dyDescent="0.35">
      <c r="A61594" s="1" t="s">
        <v>10102</v>
      </c>
      <c r="B61594" s="1" t="s">
        <v>201495</v>
      </c>
      <c r="C61594" s="1" t="s">
        <v>80</v>
      </c>
      <c r="D61594" s="1" t="s">
        <v>50001</v>
      </c>
      <c r="E61594" s="1" t="s">
        <v>206228</v>
      </c>
      <c r="F61594" s="1" t="s">
        <v>206229</v>
      </c>
      <c r="G61594" s="1" t="s">
        <v>206184</v>
      </c>
      <c r="H61594" s="1" t="s">
        <v>206185</v>
      </c>
      <c r="I61594" s="1" t="s">
        <v>201500</v>
      </c>
      <c r="J61594" s="1" t="s">
        <v>206230</v>
      </c>
    </row>
    <row r="61595" spans="1:10" x14ac:dyDescent="0.35">
      <c r="A61595" s="1" t="s">
        <v>10102</v>
      </c>
      <c r="B61595" s="1" t="s">
        <v>201495</v>
      </c>
      <c r="C61595" s="1" t="s">
        <v>85</v>
      </c>
      <c r="D61595" s="1" t="s">
        <v>113072</v>
      </c>
      <c r="E61595" s="1" t="s">
        <v>206231</v>
      </c>
      <c r="F61595" s="1" t="s">
        <v>206232</v>
      </c>
      <c r="G61595" s="1" t="s">
        <v>206184</v>
      </c>
      <c r="H61595" s="1" t="s">
        <v>206185</v>
      </c>
      <c r="I61595" s="1" t="s">
        <v>201500</v>
      </c>
      <c r="J61595" s="1" t="s">
        <v>206233</v>
      </c>
    </row>
    <row r="61596" spans="1:10" x14ac:dyDescent="0.35">
      <c r="A61596" s="1" t="s">
        <v>10102</v>
      </c>
      <c r="B61596" s="1" t="s">
        <v>201495</v>
      </c>
      <c r="C61596" s="1" t="s">
        <v>90</v>
      </c>
      <c r="D61596" s="1" t="s">
        <v>118675</v>
      </c>
      <c r="E61596" s="1" t="s">
        <v>206234</v>
      </c>
      <c r="F61596" s="1" t="s">
        <v>206235</v>
      </c>
      <c r="G61596" s="1" t="s">
        <v>206184</v>
      </c>
      <c r="H61596" s="1" t="s">
        <v>206185</v>
      </c>
      <c r="I61596" s="1" t="s">
        <v>201500</v>
      </c>
      <c r="J61596" s="1" t="s">
        <v>206236</v>
      </c>
    </row>
    <row r="61597" spans="1:10" x14ac:dyDescent="0.35">
      <c r="A61597" s="1" t="s">
        <v>10102</v>
      </c>
      <c r="B61597" s="1" t="s">
        <v>201495</v>
      </c>
      <c r="C61597" s="1" t="s">
        <v>95</v>
      </c>
      <c r="D61597" s="1" t="s">
        <v>156146</v>
      </c>
      <c r="E61597" s="1" t="s">
        <v>206237</v>
      </c>
      <c r="F61597" s="1" t="s">
        <v>206238</v>
      </c>
      <c r="G61597" s="1" t="s">
        <v>206184</v>
      </c>
      <c r="H61597" s="1" t="s">
        <v>206185</v>
      </c>
      <c r="I61597" s="1" t="s">
        <v>201500</v>
      </c>
      <c r="J61597" s="1" t="s">
        <v>206239</v>
      </c>
    </row>
    <row r="61598" spans="1:10" x14ac:dyDescent="0.35">
      <c r="A61598" s="1" t="s">
        <v>10102</v>
      </c>
      <c r="B61598" s="1" t="s">
        <v>201495</v>
      </c>
      <c r="C61598" s="1" t="s">
        <v>100</v>
      </c>
      <c r="D61598" s="1" t="s">
        <v>44097</v>
      </c>
      <c r="E61598" s="1" t="s">
        <v>206240</v>
      </c>
      <c r="F61598" s="1" t="s">
        <v>206241</v>
      </c>
      <c r="G61598" s="1" t="s">
        <v>206184</v>
      </c>
      <c r="H61598" s="1" t="s">
        <v>206185</v>
      </c>
      <c r="I61598" s="1" t="s">
        <v>201500</v>
      </c>
      <c r="J61598" s="1" t="s">
        <v>206242</v>
      </c>
    </row>
    <row r="61599" spans="1:10" x14ac:dyDescent="0.35">
      <c r="A61599" s="1" t="s">
        <v>10102</v>
      </c>
      <c r="B61599" s="1" t="s">
        <v>201495</v>
      </c>
      <c r="C61599" s="1" t="s">
        <v>105</v>
      </c>
      <c r="D61599" s="1" t="s">
        <v>36438</v>
      </c>
      <c r="E61599" s="1" t="s">
        <v>206243</v>
      </c>
      <c r="F61599" s="1" t="s">
        <v>206244</v>
      </c>
      <c r="G61599" s="1" t="s">
        <v>206184</v>
      </c>
      <c r="H61599" s="1" t="s">
        <v>206185</v>
      </c>
      <c r="I61599" s="1" t="s">
        <v>201500</v>
      </c>
      <c r="J61599" s="1" t="s">
        <v>206245</v>
      </c>
    </row>
    <row r="61600" spans="1:10" x14ac:dyDescent="0.35">
      <c r="A61600" s="1" t="s">
        <v>10102</v>
      </c>
      <c r="B61600" s="1" t="s">
        <v>201495</v>
      </c>
      <c r="C61600" s="1" t="s">
        <v>110</v>
      </c>
      <c r="D61600" s="1" t="s">
        <v>33007</v>
      </c>
      <c r="E61600" s="1" t="s">
        <v>206246</v>
      </c>
      <c r="F61600" s="1" t="s">
        <v>206247</v>
      </c>
      <c r="G61600" s="1" t="s">
        <v>206184</v>
      </c>
      <c r="H61600" s="1" t="s">
        <v>206185</v>
      </c>
      <c r="I61600" s="1" t="s">
        <v>201500</v>
      </c>
      <c r="J61600" s="1" t="s">
        <v>206248</v>
      </c>
    </row>
    <row r="61601" spans="1:10" x14ac:dyDescent="0.35">
      <c r="A61601" s="1" t="s">
        <v>10102</v>
      </c>
      <c r="B61601" s="1" t="s">
        <v>201495</v>
      </c>
      <c r="C61601" s="1" t="s">
        <v>115</v>
      </c>
      <c r="D61601" s="1" t="s">
        <v>194396</v>
      </c>
      <c r="E61601" s="1" t="s">
        <v>206249</v>
      </c>
      <c r="F61601" s="1" t="s">
        <v>206250</v>
      </c>
      <c r="G61601" s="1" t="s">
        <v>206184</v>
      </c>
      <c r="H61601" s="1" t="s">
        <v>206185</v>
      </c>
      <c r="I61601" s="1" t="s">
        <v>201500</v>
      </c>
      <c r="J61601" s="1" t="s">
        <v>206251</v>
      </c>
    </row>
    <row r="61602" spans="1:10" x14ac:dyDescent="0.35">
      <c r="A61602" s="1" t="s">
        <v>10102</v>
      </c>
      <c r="B61602" s="1" t="s">
        <v>201495</v>
      </c>
      <c r="C61602" s="1" t="s">
        <v>120</v>
      </c>
      <c r="D61602" s="1" t="s">
        <v>206252</v>
      </c>
      <c r="E61602" s="1" t="s">
        <v>206253</v>
      </c>
      <c r="F61602" s="1" t="s">
        <v>206254</v>
      </c>
      <c r="G61602" s="1" t="s">
        <v>206184</v>
      </c>
      <c r="H61602" s="1" t="s">
        <v>206185</v>
      </c>
      <c r="I61602" s="1" t="s">
        <v>201500</v>
      </c>
      <c r="J61602" s="1" t="s">
        <v>206255</v>
      </c>
    </row>
    <row r="61603" spans="1:10" x14ac:dyDescent="0.35">
      <c r="A61603" s="1" t="s">
        <v>10102</v>
      </c>
      <c r="B61603" s="1" t="s">
        <v>201495</v>
      </c>
      <c r="C61603" s="1" t="s">
        <v>125</v>
      </c>
      <c r="D61603" s="1" t="s">
        <v>37961</v>
      </c>
      <c r="E61603" s="1" t="s">
        <v>206256</v>
      </c>
      <c r="F61603" s="1" t="s">
        <v>206257</v>
      </c>
      <c r="G61603" s="1" t="s">
        <v>206184</v>
      </c>
      <c r="H61603" s="1" t="s">
        <v>206185</v>
      </c>
      <c r="I61603" s="1" t="s">
        <v>201500</v>
      </c>
      <c r="J61603" s="1" t="s">
        <v>206258</v>
      </c>
    </row>
    <row r="61604" spans="1:10" x14ac:dyDescent="0.35">
      <c r="A61604" s="1" t="s">
        <v>10102</v>
      </c>
      <c r="B61604" s="1" t="s">
        <v>201495</v>
      </c>
      <c r="C61604" s="1" t="s">
        <v>130</v>
      </c>
      <c r="D61604" s="1" t="s">
        <v>33868</v>
      </c>
      <c r="E61604" s="1" t="s">
        <v>206259</v>
      </c>
      <c r="F61604" s="1" t="s">
        <v>206260</v>
      </c>
      <c r="G61604" s="1" t="s">
        <v>206184</v>
      </c>
      <c r="H61604" s="1" t="s">
        <v>206185</v>
      </c>
      <c r="I61604" s="1" t="s">
        <v>201500</v>
      </c>
      <c r="J61604" s="1" t="s">
        <v>206261</v>
      </c>
    </row>
    <row r="61605" spans="1:10" x14ac:dyDescent="0.35">
      <c r="A61605" s="1" t="s">
        <v>10102</v>
      </c>
      <c r="B61605" s="1" t="s">
        <v>201495</v>
      </c>
      <c r="C61605" s="1" t="s">
        <v>135</v>
      </c>
      <c r="D61605" s="1" t="s">
        <v>74605</v>
      </c>
      <c r="E61605" s="1" t="s">
        <v>206262</v>
      </c>
      <c r="F61605" s="1" t="s">
        <v>206263</v>
      </c>
      <c r="G61605" s="1" t="s">
        <v>206184</v>
      </c>
      <c r="H61605" s="1" t="s">
        <v>206185</v>
      </c>
      <c r="I61605" s="1" t="s">
        <v>201500</v>
      </c>
      <c r="J61605" s="1" t="s">
        <v>206264</v>
      </c>
    </row>
    <row r="61606" spans="1:10" x14ac:dyDescent="0.35">
      <c r="A61606" s="1" t="s">
        <v>10102</v>
      </c>
      <c r="B61606" s="1" t="s">
        <v>201495</v>
      </c>
      <c r="C61606" s="1" t="s">
        <v>140</v>
      </c>
      <c r="D61606" s="1" t="s">
        <v>113360</v>
      </c>
      <c r="E61606" s="1" t="s">
        <v>206265</v>
      </c>
      <c r="F61606" s="1" t="s">
        <v>206266</v>
      </c>
      <c r="G61606" s="1" t="s">
        <v>206184</v>
      </c>
      <c r="H61606" s="1" t="s">
        <v>206185</v>
      </c>
      <c r="I61606" s="1" t="s">
        <v>201500</v>
      </c>
      <c r="J61606" s="1" t="s">
        <v>206267</v>
      </c>
    </row>
    <row r="61607" spans="1:10" x14ac:dyDescent="0.35">
      <c r="A61607" s="1" t="s">
        <v>10102</v>
      </c>
      <c r="B61607" s="1" t="s">
        <v>201495</v>
      </c>
      <c r="C61607" s="1" t="s">
        <v>145</v>
      </c>
      <c r="D61607" s="1" t="s">
        <v>206268</v>
      </c>
      <c r="E61607" s="1" t="s">
        <v>206269</v>
      </c>
      <c r="F61607" s="1" t="s">
        <v>206270</v>
      </c>
      <c r="G61607" s="1" t="s">
        <v>206184</v>
      </c>
      <c r="H61607" s="1" t="s">
        <v>206185</v>
      </c>
      <c r="I61607" s="1" t="s">
        <v>201500</v>
      </c>
      <c r="J61607" s="1" t="s">
        <v>206271</v>
      </c>
    </row>
    <row r="61608" spans="1:10" x14ac:dyDescent="0.35">
      <c r="A61608" s="1" t="s">
        <v>10102</v>
      </c>
      <c r="B61608" s="1" t="s">
        <v>201495</v>
      </c>
      <c r="C61608" s="1" t="s">
        <v>150</v>
      </c>
      <c r="D61608" s="1" t="s">
        <v>206272</v>
      </c>
      <c r="E61608" s="1" t="s">
        <v>206273</v>
      </c>
      <c r="F61608" s="1" t="s">
        <v>206274</v>
      </c>
      <c r="G61608" s="1" t="s">
        <v>206184</v>
      </c>
      <c r="H61608" s="1" t="s">
        <v>206185</v>
      </c>
      <c r="I61608" s="1" t="s">
        <v>201500</v>
      </c>
      <c r="J61608" s="1" t="s">
        <v>206275</v>
      </c>
    </row>
    <row r="61609" spans="1:10" x14ac:dyDescent="0.35">
      <c r="A61609" s="1" t="s">
        <v>10102</v>
      </c>
      <c r="B61609" s="1" t="s">
        <v>201495</v>
      </c>
      <c r="C61609" s="1" t="s">
        <v>155</v>
      </c>
      <c r="D61609" s="1" t="s">
        <v>149690</v>
      </c>
      <c r="E61609" s="1" t="s">
        <v>206276</v>
      </c>
      <c r="F61609" s="1" t="s">
        <v>206277</v>
      </c>
      <c r="G61609" s="1" t="s">
        <v>206184</v>
      </c>
      <c r="H61609" s="1" t="s">
        <v>206185</v>
      </c>
      <c r="I61609" s="1" t="s">
        <v>201500</v>
      </c>
      <c r="J61609" s="1" t="s">
        <v>206278</v>
      </c>
    </row>
    <row r="61610" spans="1:10" x14ac:dyDescent="0.35">
      <c r="A61610" s="1" t="s">
        <v>10102</v>
      </c>
      <c r="B61610" s="1" t="s">
        <v>201495</v>
      </c>
      <c r="C61610" s="1" t="s">
        <v>160</v>
      </c>
      <c r="D61610" s="1" t="s">
        <v>159535</v>
      </c>
      <c r="E61610" s="1" t="s">
        <v>206279</v>
      </c>
      <c r="F61610" s="1" t="s">
        <v>206280</v>
      </c>
      <c r="G61610" s="1" t="s">
        <v>206184</v>
      </c>
      <c r="H61610" s="1" t="s">
        <v>206185</v>
      </c>
      <c r="I61610" s="1" t="s">
        <v>201500</v>
      </c>
      <c r="J61610" s="1" t="s">
        <v>206281</v>
      </c>
    </row>
    <row r="61611" spans="1:10" x14ac:dyDescent="0.35">
      <c r="A61611" s="1" t="s">
        <v>10102</v>
      </c>
      <c r="B61611" s="1" t="s">
        <v>201495</v>
      </c>
      <c r="C61611" s="1" t="s">
        <v>165</v>
      </c>
      <c r="D61611" s="1" t="s">
        <v>206282</v>
      </c>
      <c r="E61611" s="1" t="s">
        <v>206283</v>
      </c>
      <c r="F61611" s="1" t="s">
        <v>206284</v>
      </c>
      <c r="G61611" s="1" t="s">
        <v>206184</v>
      </c>
      <c r="H61611" s="1" t="s">
        <v>206185</v>
      </c>
      <c r="I61611" s="1" t="s">
        <v>201500</v>
      </c>
      <c r="J61611" s="1" t="s">
        <v>206285</v>
      </c>
    </row>
    <row r="61612" spans="1:10" x14ac:dyDescent="0.35">
      <c r="A61612" s="1" t="s">
        <v>10102</v>
      </c>
      <c r="B61612" s="1" t="s">
        <v>201495</v>
      </c>
      <c r="C61612" s="1" t="s">
        <v>170</v>
      </c>
      <c r="D61612" s="1" t="s">
        <v>206286</v>
      </c>
      <c r="E61612" s="1" t="s">
        <v>206287</v>
      </c>
      <c r="F61612" s="1" t="s">
        <v>206288</v>
      </c>
      <c r="G61612" s="1" t="s">
        <v>206184</v>
      </c>
      <c r="H61612" s="1" t="s">
        <v>206185</v>
      </c>
      <c r="I61612" s="1" t="s">
        <v>201500</v>
      </c>
      <c r="J61612" s="1" t="s">
        <v>206289</v>
      </c>
    </row>
    <row r="61613" spans="1:10" x14ac:dyDescent="0.35">
      <c r="A61613" s="1" t="s">
        <v>8065</v>
      </c>
      <c r="B61613" s="1" t="s">
        <v>201495</v>
      </c>
      <c r="C61613" s="1" t="s">
        <v>8</v>
      </c>
      <c r="D61613" s="1" t="s">
        <v>177577</v>
      </c>
      <c r="E61613" s="1" t="s">
        <v>206290</v>
      </c>
      <c r="F61613" s="1" t="s">
        <v>206291</v>
      </c>
      <c r="G61613" s="1" t="s">
        <v>206292</v>
      </c>
      <c r="H61613" s="1" t="s">
        <v>206293</v>
      </c>
      <c r="I61613" s="1" t="s">
        <v>201500</v>
      </c>
      <c r="J61613" s="1" t="s">
        <v>13</v>
      </c>
    </row>
    <row r="61614" spans="1:10" x14ac:dyDescent="0.35">
      <c r="A61614" s="1" t="s">
        <v>8065</v>
      </c>
      <c r="B61614" s="1" t="s">
        <v>201495</v>
      </c>
      <c r="C61614" s="1" t="s">
        <v>15</v>
      </c>
      <c r="D61614" s="1" t="s">
        <v>44120</v>
      </c>
      <c r="E61614" s="1" t="s">
        <v>206294</v>
      </c>
      <c r="F61614" s="1" t="s">
        <v>206295</v>
      </c>
      <c r="G61614" s="1" t="s">
        <v>206292</v>
      </c>
      <c r="H61614" s="1" t="s">
        <v>206293</v>
      </c>
      <c r="I61614" s="1" t="s">
        <v>201500</v>
      </c>
      <c r="J61614" s="1" t="s">
        <v>206296</v>
      </c>
    </row>
    <row r="61615" spans="1:10" x14ac:dyDescent="0.35">
      <c r="A61615" s="1" t="s">
        <v>8065</v>
      </c>
      <c r="B61615" s="1" t="s">
        <v>201495</v>
      </c>
      <c r="C61615" s="1" t="s">
        <v>20</v>
      </c>
      <c r="D61615" s="1" t="s">
        <v>17733</v>
      </c>
      <c r="E61615" s="1" t="s">
        <v>206297</v>
      </c>
      <c r="F61615" s="1" t="s">
        <v>206298</v>
      </c>
      <c r="G61615" s="1" t="s">
        <v>206292</v>
      </c>
      <c r="H61615" s="1" t="s">
        <v>206293</v>
      </c>
      <c r="I61615" s="1" t="s">
        <v>201500</v>
      </c>
      <c r="J61615" s="1" t="s">
        <v>206299</v>
      </c>
    </row>
    <row r="61616" spans="1:10" x14ac:dyDescent="0.35">
      <c r="A61616" s="1" t="s">
        <v>8065</v>
      </c>
      <c r="B61616" s="1" t="s">
        <v>201495</v>
      </c>
      <c r="C61616" s="1" t="s">
        <v>25</v>
      </c>
      <c r="D61616" s="1" t="s">
        <v>106968</v>
      </c>
      <c r="E61616" s="1" t="s">
        <v>206300</v>
      </c>
      <c r="F61616" s="1" t="s">
        <v>206301</v>
      </c>
      <c r="G61616" s="1" t="s">
        <v>206292</v>
      </c>
      <c r="H61616" s="1" t="s">
        <v>206293</v>
      </c>
      <c r="I61616" s="1" t="s">
        <v>201500</v>
      </c>
      <c r="J61616" s="1" t="s">
        <v>206302</v>
      </c>
    </row>
    <row r="61617" spans="1:10" x14ac:dyDescent="0.35">
      <c r="A61617" s="1" t="s">
        <v>8065</v>
      </c>
      <c r="B61617" s="1" t="s">
        <v>201495</v>
      </c>
      <c r="C61617" s="1" t="s">
        <v>30</v>
      </c>
      <c r="D61617" s="1" t="s">
        <v>43071</v>
      </c>
      <c r="E61617" s="1" t="s">
        <v>206303</v>
      </c>
      <c r="F61617" s="1" t="s">
        <v>206304</v>
      </c>
      <c r="G61617" s="1" t="s">
        <v>206292</v>
      </c>
      <c r="H61617" s="1" t="s">
        <v>206293</v>
      </c>
      <c r="I61617" s="1" t="s">
        <v>201500</v>
      </c>
      <c r="J61617" s="1" t="s">
        <v>206305</v>
      </c>
    </row>
    <row r="61618" spans="1:10" x14ac:dyDescent="0.35">
      <c r="A61618" s="1" t="s">
        <v>8065</v>
      </c>
      <c r="B61618" s="1" t="s">
        <v>201495</v>
      </c>
      <c r="C61618" s="1" t="s">
        <v>35</v>
      </c>
      <c r="D61618" s="1" t="s">
        <v>92175</v>
      </c>
      <c r="E61618" s="1" t="s">
        <v>206306</v>
      </c>
      <c r="F61618" s="1" t="s">
        <v>206307</v>
      </c>
      <c r="G61618" s="1" t="s">
        <v>206292</v>
      </c>
      <c r="H61618" s="1" t="s">
        <v>206293</v>
      </c>
      <c r="I61618" s="1" t="s">
        <v>201500</v>
      </c>
      <c r="J61618" s="1" t="s">
        <v>206308</v>
      </c>
    </row>
    <row r="61619" spans="1:10" x14ac:dyDescent="0.35">
      <c r="A61619" s="1" t="s">
        <v>8065</v>
      </c>
      <c r="B61619" s="1" t="s">
        <v>201495</v>
      </c>
      <c r="C61619" s="1" t="s">
        <v>40</v>
      </c>
      <c r="D61619" s="1" t="s">
        <v>69812</v>
      </c>
      <c r="E61619" s="1" t="s">
        <v>206309</v>
      </c>
      <c r="F61619" s="1" t="s">
        <v>206310</v>
      </c>
      <c r="G61619" s="1" t="s">
        <v>206292</v>
      </c>
      <c r="H61619" s="1" t="s">
        <v>206293</v>
      </c>
      <c r="I61619" s="1" t="s">
        <v>201500</v>
      </c>
      <c r="J61619" s="1" t="s">
        <v>206311</v>
      </c>
    </row>
    <row r="61620" spans="1:10" x14ac:dyDescent="0.35">
      <c r="A61620" s="1" t="s">
        <v>8065</v>
      </c>
      <c r="B61620" s="1" t="s">
        <v>201495</v>
      </c>
      <c r="C61620" s="1" t="s">
        <v>45</v>
      </c>
      <c r="D61620" s="1" t="s">
        <v>206312</v>
      </c>
      <c r="E61620" s="1" t="s">
        <v>206313</v>
      </c>
      <c r="F61620" s="1" t="s">
        <v>206314</v>
      </c>
      <c r="G61620" s="1" t="s">
        <v>206292</v>
      </c>
      <c r="H61620" s="1" t="s">
        <v>206293</v>
      </c>
      <c r="I61620" s="1" t="s">
        <v>201500</v>
      </c>
      <c r="J61620" s="1" t="s">
        <v>206315</v>
      </c>
    </row>
    <row r="61621" spans="1:10" x14ac:dyDescent="0.35">
      <c r="A61621" s="1" t="s">
        <v>8065</v>
      </c>
      <c r="B61621" s="1" t="s">
        <v>201495</v>
      </c>
      <c r="C61621" s="1" t="s">
        <v>50</v>
      </c>
      <c r="D61621" s="1" t="s">
        <v>206316</v>
      </c>
      <c r="E61621" s="1" t="s">
        <v>206317</v>
      </c>
      <c r="F61621" s="1" t="s">
        <v>206318</v>
      </c>
      <c r="G61621" s="1" t="s">
        <v>206292</v>
      </c>
      <c r="H61621" s="1" t="s">
        <v>206293</v>
      </c>
      <c r="I61621" s="1" t="s">
        <v>201500</v>
      </c>
      <c r="J61621" s="1" t="s">
        <v>206319</v>
      </c>
    </row>
    <row r="61622" spans="1:10" x14ac:dyDescent="0.35">
      <c r="A61622" s="1" t="s">
        <v>8065</v>
      </c>
      <c r="B61622" s="1" t="s">
        <v>201495</v>
      </c>
      <c r="C61622" s="1" t="s">
        <v>55</v>
      </c>
      <c r="D61622" s="1" t="s">
        <v>206320</v>
      </c>
      <c r="E61622" s="1" t="s">
        <v>206321</v>
      </c>
      <c r="F61622" s="1" t="s">
        <v>206322</v>
      </c>
      <c r="G61622" s="1" t="s">
        <v>206292</v>
      </c>
      <c r="H61622" s="1" t="s">
        <v>206293</v>
      </c>
      <c r="I61622" s="1" t="s">
        <v>201500</v>
      </c>
      <c r="J61622" s="1" t="s">
        <v>206323</v>
      </c>
    </row>
    <row r="61623" spans="1:10" x14ac:dyDescent="0.35">
      <c r="A61623" s="1" t="s">
        <v>8065</v>
      </c>
      <c r="B61623" s="1" t="s">
        <v>201495</v>
      </c>
      <c r="C61623" s="1" t="s">
        <v>60</v>
      </c>
      <c r="D61623" s="1" t="s">
        <v>206324</v>
      </c>
      <c r="E61623" s="1" t="s">
        <v>206325</v>
      </c>
      <c r="F61623" s="1" t="s">
        <v>206326</v>
      </c>
      <c r="G61623" s="1" t="s">
        <v>206292</v>
      </c>
      <c r="H61623" s="1" t="s">
        <v>206293</v>
      </c>
      <c r="I61623" s="1" t="s">
        <v>201500</v>
      </c>
      <c r="J61623" s="1" t="s">
        <v>206327</v>
      </c>
    </row>
    <row r="61624" spans="1:10" x14ac:dyDescent="0.35">
      <c r="A61624" s="1" t="s">
        <v>8065</v>
      </c>
      <c r="B61624" s="1" t="s">
        <v>201495</v>
      </c>
      <c r="C61624" s="1" t="s">
        <v>65</v>
      </c>
      <c r="D61624" s="1" t="s">
        <v>206328</v>
      </c>
      <c r="E61624" s="1" t="s">
        <v>206329</v>
      </c>
      <c r="F61624" s="1" t="s">
        <v>206330</v>
      </c>
      <c r="G61624" s="1" t="s">
        <v>206292</v>
      </c>
      <c r="H61624" s="1" t="s">
        <v>206293</v>
      </c>
      <c r="I61624" s="1" t="s">
        <v>201500</v>
      </c>
      <c r="J61624" s="1" t="s">
        <v>206331</v>
      </c>
    </row>
    <row r="61625" spans="1:10" x14ac:dyDescent="0.35">
      <c r="A61625" s="1" t="s">
        <v>8065</v>
      </c>
      <c r="B61625" s="1" t="s">
        <v>201495</v>
      </c>
      <c r="C61625" s="1" t="s">
        <v>70</v>
      </c>
      <c r="D61625" s="1" t="s">
        <v>206332</v>
      </c>
      <c r="E61625" s="1" t="s">
        <v>206333</v>
      </c>
      <c r="F61625" s="1" t="s">
        <v>206334</v>
      </c>
      <c r="G61625" s="1" t="s">
        <v>206292</v>
      </c>
      <c r="H61625" s="1" t="s">
        <v>206293</v>
      </c>
      <c r="I61625" s="1" t="s">
        <v>201500</v>
      </c>
      <c r="J61625" s="1" t="s">
        <v>206335</v>
      </c>
    </row>
    <row r="61626" spans="1:10" x14ac:dyDescent="0.35">
      <c r="A61626" s="1" t="s">
        <v>8065</v>
      </c>
      <c r="B61626" s="1" t="s">
        <v>201495</v>
      </c>
      <c r="C61626" s="1" t="s">
        <v>75</v>
      </c>
      <c r="D61626" s="1" t="s">
        <v>206336</v>
      </c>
      <c r="E61626" s="1" t="s">
        <v>206337</v>
      </c>
      <c r="F61626" s="1" t="s">
        <v>206338</v>
      </c>
      <c r="G61626" s="1" t="s">
        <v>206292</v>
      </c>
      <c r="H61626" s="1" t="s">
        <v>206293</v>
      </c>
      <c r="I61626" s="1" t="s">
        <v>201500</v>
      </c>
      <c r="J61626" s="1" t="s">
        <v>206339</v>
      </c>
    </row>
    <row r="61627" spans="1:10" x14ac:dyDescent="0.35">
      <c r="A61627" s="1" t="s">
        <v>8065</v>
      </c>
      <c r="B61627" s="1" t="s">
        <v>201495</v>
      </c>
      <c r="C61627" s="1" t="s">
        <v>80</v>
      </c>
      <c r="D61627" s="1" t="s">
        <v>206340</v>
      </c>
      <c r="E61627" s="1" t="s">
        <v>206341</v>
      </c>
      <c r="F61627" s="1" t="s">
        <v>206342</v>
      </c>
      <c r="G61627" s="1" t="s">
        <v>206292</v>
      </c>
      <c r="H61627" s="1" t="s">
        <v>206293</v>
      </c>
      <c r="I61627" s="1" t="s">
        <v>201500</v>
      </c>
      <c r="J61627" s="1" t="s">
        <v>206343</v>
      </c>
    </row>
    <row r="61628" spans="1:10" x14ac:dyDescent="0.35">
      <c r="A61628" s="1" t="s">
        <v>8065</v>
      </c>
      <c r="B61628" s="1" t="s">
        <v>201495</v>
      </c>
      <c r="C61628" s="1" t="s">
        <v>85</v>
      </c>
      <c r="D61628" s="1" t="s">
        <v>206344</v>
      </c>
      <c r="E61628" s="1" t="s">
        <v>206345</v>
      </c>
      <c r="F61628" s="1" t="s">
        <v>206346</v>
      </c>
      <c r="G61628" s="1" t="s">
        <v>206292</v>
      </c>
      <c r="H61628" s="1" t="s">
        <v>206293</v>
      </c>
      <c r="I61628" s="1" t="s">
        <v>201500</v>
      </c>
      <c r="J61628" s="1" t="s">
        <v>206347</v>
      </c>
    </row>
    <row r="61629" spans="1:10" x14ac:dyDescent="0.35">
      <c r="A61629" s="1" t="s">
        <v>8065</v>
      </c>
      <c r="B61629" s="1" t="s">
        <v>201495</v>
      </c>
      <c r="C61629" s="1" t="s">
        <v>90</v>
      </c>
      <c r="D61629" s="1" t="s">
        <v>757</v>
      </c>
      <c r="E61629" s="1" t="s">
        <v>206348</v>
      </c>
      <c r="F61629" s="1" t="s">
        <v>206349</v>
      </c>
      <c r="G61629" s="1" t="s">
        <v>206292</v>
      </c>
      <c r="H61629" s="1" t="s">
        <v>206293</v>
      </c>
      <c r="I61629" s="1" t="s">
        <v>201500</v>
      </c>
      <c r="J61629" s="1" t="s">
        <v>206350</v>
      </c>
    </row>
    <row r="61630" spans="1:10" x14ac:dyDescent="0.35">
      <c r="A61630" s="1" t="s">
        <v>8065</v>
      </c>
      <c r="B61630" s="1" t="s">
        <v>201495</v>
      </c>
      <c r="C61630" s="1" t="s">
        <v>95</v>
      </c>
      <c r="D61630" s="1" t="s">
        <v>206351</v>
      </c>
      <c r="E61630" s="1" t="s">
        <v>206352</v>
      </c>
      <c r="F61630" s="1" t="s">
        <v>206353</v>
      </c>
      <c r="G61630" s="1" t="s">
        <v>206292</v>
      </c>
      <c r="H61630" s="1" t="s">
        <v>206293</v>
      </c>
      <c r="I61630" s="1" t="s">
        <v>201500</v>
      </c>
      <c r="J61630" s="1" t="s">
        <v>206354</v>
      </c>
    </row>
    <row r="61631" spans="1:10" x14ac:dyDescent="0.35">
      <c r="A61631" s="1" t="s">
        <v>8065</v>
      </c>
      <c r="B61631" s="1" t="s">
        <v>201495</v>
      </c>
      <c r="C61631" s="1" t="s">
        <v>100</v>
      </c>
      <c r="D61631" s="1" t="s">
        <v>206355</v>
      </c>
      <c r="E61631" s="1" t="s">
        <v>206356</v>
      </c>
      <c r="F61631" s="1" t="s">
        <v>206357</v>
      </c>
      <c r="G61631" s="1" t="s">
        <v>206292</v>
      </c>
      <c r="H61631" s="1" t="s">
        <v>206293</v>
      </c>
      <c r="I61631" s="1" t="s">
        <v>201500</v>
      </c>
      <c r="J61631" s="1" t="s">
        <v>206358</v>
      </c>
    </row>
    <row r="61632" spans="1:10" x14ac:dyDescent="0.35">
      <c r="A61632" s="1" t="s">
        <v>8065</v>
      </c>
      <c r="B61632" s="1" t="s">
        <v>201495</v>
      </c>
      <c r="C61632" s="1" t="s">
        <v>105</v>
      </c>
      <c r="D61632" s="1" t="s">
        <v>206359</v>
      </c>
      <c r="E61632" s="1" t="s">
        <v>206360</v>
      </c>
      <c r="F61632" s="1" t="s">
        <v>206361</v>
      </c>
      <c r="G61632" s="1" t="s">
        <v>206292</v>
      </c>
      <c r="H61632" s="1" t="s">
        <v>206293</v>
      </c>
      <c r="I61632" s="1" t="s">
        <v>201500</v>
      </c>
      <c r="J61632" s="1" t="s">
        <v>206362</v>
      </c>
    </row>
    <row r="61633" spans="1:10" x14ac:dyDescent="0.35">
      <c r="A61633" s="1" t="s">
        <v>8065</v>
      </c>
      <c r="B61633" s="1" t="s">
        <v>201495</v>
      </c>
      <c r="C61633" s="1" t="s">
        <v>110</v>
      </c>
      <c r="D61633" s="1" t="s">
        <v>206363</v>
      </c>
      <c r="E61633" s="1" t="s">
        <v>206364</v>
      </c>
      <c r="F61633" s="1" t="s">
        <v>206365</v>
      </c>
      <c r="G61633" s="1" t="s">
        <v>206292</v>
      </c>
      <c r="H61633" s="1" t="s">
        <v>206293</v>
      </c>
      <c r="I61633" s="1" t="s">
        <v>201500</v>
      </c>
      <c r="J61633" s="1" t="s">
        <v>206366</v>
      </c>
    </row>
    <row r="61634" spans="1:10" x14ac:dyDescent="0.35">
      <c r="A61634" s="1" t="s">
        <v>8065</v>
      </c>
      <c r="B61634" s="1" t="s">
        <v>201495</v>
      </c>
      <c r="C61634" s="1" t="s">
        <v>115</v>
      </c>
      <c r="D61634" s="1" t="s">
        <v>206367</v>
      </c>
      <c r="E61634" s="1" t="s">
        <v>206368</v>
      </c>
      <c r="F61634" s="1" t="s">
        <v>206369</v>
      </c>
      <c r="G61634" s="1" t="s">
        <v>206292</v>
      </c>
      <c r="H61634" s="1" t="s">
        <v>206293</v>
      </c>
      <c r="I61634" s="1" t="s">
        <v>201500</v>
      </c>
      <c r="J61634" s="1" t="s">
        <v>206370</v>
      </c>
    </row>
    <row r="61635" spans="1:10" x14ac:dyDescent="0.35">
      <c r="A61635" s="1" t="s">
        <v>8065</v>
      </c>
      <c r="B61635" s="1" t="s">
        <v>201495</v>
      </c>
      <c r="C61635" s="1" t="s">
        <v>120</v>
      </c>
      <c r="D61635" s="1" t="s">
        <v>206371</v>
      </c>
      <c r="E61635" s="1" t="s">
        <v>206372</v>
      </c>
      <c r="F61635" s="1" t="s">
        <v>206373</v>
      </c>
      <c r="G61635" s="1" t="s">
        <v>206292</v>
      </c>
      <c r="H61635" s="1" t="s">
        <v>206293</v>
      </c>
      <c r="I61635" s="1" t="s">
        <v>201500</v>
      </c>
      <c r="J61635" s="1" t="s">
        <v>206374</v>
      </c>
    </row>
    <row r="61636" spans="1:10" x14ac:dyDescent="0.35">
      <c r="A61636" s="1" t="s">
        <v>8065</v>
      </c>
      <c r="B61636" s="1" t="s">
        <v>201495</v>
      </c>
      <c r="C61636" s="1" t="s">
        <v>125</v>
      </c>
      <c r="D61636" s="1" t="s">
        <v>206375</v>
      </c>
      <c r="E61636" s="1" t="s">
        <v>206376</v>
      </c>
      <c r="F61636" s="1" t="s">
        <v>206377</v>
      </c>
      <c r="G61636" s="1" t="s">
        <v>206292</v>
      </c>
      <c r="H61636" s="1" t="s">
        <v>206293</v>
      </c>
      <c r="I61636" s="1" t="s">
        <v>201500</v>
      </c>
      <c r="J61636" s="1" t="s">
        <v>206378</v>
      </c>
    </row>
    <row r="61637" spans="1:10" x14ac:dyDescent="0.35">
      <c r="A61637" s="1" t="s">
        <v>8065</v>
      </c>
      <c r="B61637" s="1" t="s">
        <v>201495</v>
      </c>
      <c r="C61637" s="1" t="s">
        <v>130</v>
      </c>
      <c r="D61637" s="1" t="s">
        <v>206379</v>
      </c>
      <c r="E61637" s="1" t="s">
        <v>206380</v>
      </c>
      <c r="F61637" s="1" t="s">
        <v>206381</v>
      </c>
      <c r="G61637" s="1" t="s">
        <v>206292</v>
      </c>
      <c r="H61637" s="1" t="s">
        <v>206293</v>
      </c>
      <c r="I61637" s="1" t="s">
        <v>201500</v>
      </c>
      <c r="J61637" s="1" t="s">
        <v>206382</v>
      </c>
    </row>
    <row r="61638" spans="1:10" x14ac:dyDescent="0.35">
      <c r="A61638" s="1" t="s">
        <v>8065</v>
      </c>
      <c r="B61638" s="1" t="s">
        <v>201495</v>
      </c>
      <c r="C61638" s="1" t="s">
        <v>135</v>
      </c>
      <c r="D61638" s="1" t="s">
        <v>206383</v>
      </c>
      <c r="E61638" s="1" t="s">
        <v>206384</v>
      </c>
      <c r="F61638" s="1" t="s">
        <v>206385</v>
      </c>
      <c r="G61638" s="1" t="s">
        <v>206292</v>
      </c>
      <c r="H61638" s="1" t="s">
        <v>206293</v>
      </c>
      <c r="I61638" s="1" t="s">
        <v>201500</v>
      </c>
      <c r="J61638" s="1" t="s">
        <v>206386</v>
      </c>
    </row>
    <row r="61639" spans="1:10" x14ac:dyDescent="0.35">
      <c r="A61639" s="1" t="s">
        <v>8065</v>
      </c>
      <c r="B61639" s="1" t="s">
        <v>201495</v>
      </c>
      <c r="C61639" s="1" t="s">
        <v>140</v>
      </c>
      <c r="D61639" s="1" t="s">
        <v>206387</v>
      </c>
      <c r="E61639" s="1" t="s">
        <v>206388</v>
      </c>
      <c r="F61639" s="1" t="s">
        <v>206389</v>
      </c>
      <c r="G61639" s="1" t="s">
        <v>206292</v>
      </c>
      <c r="H61639" s="1" t="s">
        <v>206293</v>
      </c>
      <c r="I61639" s="1" t="s">
        <v>201500</v>
      </c>
      <c r="J61639" s="1" t="s">
        <v>206390</v>
      </c>
    </row>
    <row r="61640" spans="1:10" x14ac:dyDescent="0.35">
      <c r="A61640" s="1" t="s">
        <v>8065</v>
      </c>
      <c r="B61640" s="1" t="s">
        <v>201495</v>
      </c>
      <c r="C61640" s="1" t="s">
        <v>145</v>
      </c>
      <c r="D61640" s="1" t="s">
        <v>206391</v>
      </c>
      <c r="E61640" s="1" t="s">
        <v>206392</v>
      </c>
      <c r="F61640" s="1" t="s">
        <v>206393</v>
      </c>
      <c r="G61640" s="1" t="s">
        <v>206292</v>
      </c>
      <c r="H61640" s="1" t="s">
        <v>206293</v>
      </c>
      <c r="I61640" s="1" t="s">
        <v>201500</v>
      </c>
      <c r="J61640" s="1" t="s">
        <v>206394</v>
      </c>
    </row>
    <row r="61641" spans="1:10" x14ac:dyDescent="0.35">
      <c r="A61641" s="1" t="s">
        <v>8065</v>
      </c>
      <c r="B61641" s="1" t="s">
        <v>201495</v>
      </c>
      <c r="C61641" s="1" t="s">
        <v>150</v>
      </c>
      <c r="D61641" s="1" t="s">
        <v>206395</v>
      </c>
      <c r="E61641" s="1" t="s">
        <v>206396</v>
      </c>
      <c r="F61641" s="1" t="s">
        <v>206397</v>
      </c>
      <c r="G61641" s="1" t="s">
        <v>206292</v>
      </c>
      <c r="H61641" s="1" t="s">
        <v>206293</v>
      </c>
      <c r="I61641" s="1" t="s">
        <v>201500</v>
      </c>
      <c r="J61641" s="1" t="s">
        <v>206398</v>
      </c>
    </row>
    <row r="61642" spans="1:10" x14ac:dyDescent="0.35">
      <c r="A61642" s="1" t="s">
        <v>8065</v>
      </c>
      <c r="B61642" s="1" t="s">
        <v>201495</v>
      </c>
      <c r="C61642" s="1" t="s">
        <v>155</v>
      </c>
      <c r="D61642" s="1" t="s">
        <v>206399</v>
      </c>
      <c r="E61642" s="1" t="s">
        <v>206400</v>
      </c>
      <c r="F61642" s="1" t="s">
        <v>206401</v>
      </c>
      <c r="G61642" s="1" t="s">
        <v>206292</v>
      </c>
      <c r="H61642" s="1" t="s">
        <v>206293</v>
      </c>
      <c r="I61642" s="1" t="s">
        <v>201500</v>
      </c>
      <c r="J61642" s="1" t="s">
        <v>206402</v>
      </c>
    </row>
    <row r="61643" spans="1:10" x14ac:dyDescent="0.35">
      <c r="A61643" s="1" t="s">
        <v>8065</v>
      </c>
      <c r="B61643" s="1" t="s">
        <v>201495</v>
      </c>
      <c r="C61643" s="1" t="s">
        <v>160</v>
      </c>
      <c r="D61643" s="1" t="s">
        <v>206403</v>
      </c>
      <c r="E61643" s="1" t="s">
        <v>206404</v>
      </c>
      <c r="F61643" s="1" t="s">
        <v>206405</v>
      </c>
      <c r="G61643" s="1" t="s">
        <v>206292</v>
      </c>
      <c r="H61643" s="1" t="s">
        <v>206293</v>
      </c>
      <c r="I61643" s="1" t="s">
        <v>201500</v>
      </c>
      <c r="J61643" s="1" t="s">
        <v>206406</v>
      </c>
    </row>
    <row r="61644" spans="1:10" x14ac:dyDescent="0.35">
      <c r="A61644" s="1" t="s">
        <v>8065</v>
      </c>
      <c r="B61644" s="1" t="s">
        <v>201495</v>
      </c>
      <c r="C61644" s="1" t="s">
        <v>165</v>
      </c>
      <c r="D61644" s="1" t="s">
        <v>206407</v>
      </c>
      <c r="E61644" s="1" t="s">
        <v>206408</v>
      </c>
      <c r="F61644" s="1" t="s">
        <v>206409</v>
      </c>
      <c r="G61644" s="1" t="s">
        <v>206292</v>
      </c>
      <c r="H61644" s="1" t="s">
        <v>206293</v>
      </c>
      <c r="I61644" s="1" t="s">
        <v>201500</v>
      </c>
      <c r="J61644" s="1" t="s">
        <v>206410</v>
      </c>
    </row>
    <row r="61645" spans="1:10" x14ac:dyDescent="0.35">
      <c r="A61645" s="1" t="s">
        <v>8065</v>
      </c>
      <c r="B61645" s="1" t="s">
        <v>201495</v>
      </c>
      <c r="C61645" s="1" t="s">
        <v>170</v>
      </c>
      <c r="D61645" s="1" t="s">
        <v>206411</v>
      </c>
      <c r="E61645" s="1" t="s">
        <v>206412</v>
      </c>
      <c r="F61645" s="1" t="s">
        <v>206413</v>
      </c>
      <c r="G61645" s="1" t="s">
        <v>206292</v>
      </c>
      <c r="H61645" s="1" t="s">
        <v>206293</v>
      </c>
      <c r="I61645" s="1" t="s">
        <v>201500</v>
      </c>
      <c r="J61645" s="1" t="s">
        <v>206414</v>
      </c>
    </row>
    <row r="61646" spans="1:10" x14ac:dyDescent="0.35">
      <c r="A61646" s="1" t="s">
        <v>206415</v>
      </c>
      <c r="B61646" s="1" t="s">
        <v>201495</v>
      </c>
      <c r="C61646" s="1" t="s">
        <v>8</v>
      </c>
      <c r="D61646" s="1" t="s">
        <v>144338</v>
      </c>
      <c r="E61646" s="1" t="s">
        <v>206416</v>
      </c>
      <c r="F61646" s="1" t="s">
        <v>206417</v>
      </c>
      <c r="G61646" s="1" t="s">
        <v>206418</v>
      </c>
      <c r="H61646" s="1" t="s">
        <v>206419</v>
      </c>
      <c r="I61646" s="1" t="s">
        <v>201500</v>
      </c>
      <c r="J61646" s="1" t="s">
        <v>13</v>
      </c>
    </row>
    <row r="61647" spans="1:10" x14ac:dyDescent="0.35">
      <c r="A61647" s="1" t="s">
        <v>206415</v>
      </c>
      <c r="B61647" s="1" t="s">
        <v>201495</v>
      </c>
      <c r="C61647" s="1" t="s">
        <v>15</v>
      </c>
      <c r="D61647" s="1" t="s">
        <v>29320</v>
      </c>
      <c r="E61647" s="1" t="s">
        <v>206420</v>
      </c>
      <c r="F61647" s="1" t="s">
        <v>206421</v>
      </c>
      <c r="G61647" s="1" t="s">
        <v>206418</v>
      </c>
      <c r="H61647" s="1" t="s">
        <v>206419</v>
      </c>
      <c r="I61647" s="1" t="s">
        <v>201500</v>
      </c>
      <c r="J61647" s="1" t="s">
        <v>206422</v>
      </c>
    </row>
    <row r="61648" spans="1:10" x14ac:dyDescent="0.35">
      <c r="A61648" s="1" t="s">
        <v>206415</v>
      </c>
      <c r="B61648" s="1" t="s">
        <v>201495</v>
      </c>
      <c r="C61648" s="1" t="s">
        <v>20</v>
      </c>
      <c r="D61648" s="1" t="s">
        <v>8745</v>
      </c>
      <c r="E61648" s="1" t="s">
        <v>206423</v>
      </c>
      <c r="F61648" s="1" t="s">
        <v>206424</v>
      </c>
      <c r="G61648" s="1" t="s">
        <v>206418</v>
      </c>
      <c r="H61648" s="1" t="s">
        <v>206419</v>
      </c>
      <c r="I61648" s="1" t="s">
        <v>201500</v>
      </c>
      <c r="J61648" s="1" t="s">
        <v>206425</v>
      </c>
    </row>
    <row r="61649" spans="1:10" x14ac:dyDescent="0.35">
      <c r="A61649" s="1" t="s">
        <v>206415</v>
      </c>
      <c r="B61649" s="1" t="s">
        <v>201495</v>
      </c>
      <c r="C61649" s="1" t="s">
        <v>25</v>
      </c>
      <c r="D61649" s="1" t="s">
        <v>29664</v>
      </c>
      <c r="E61649" s="1" t="s">
        <v>206426</v>
      </c>
      <c r="F61649" s="1" t="s">
        <v>206427</v>
      </c>
      <c r="G61649" s="1" t="s">
        <v>206418</v>
      </c>
      <c r="H61649" s="1" t="s">
        <v>206419</v>
      </c>
      <c r="I61649" s="1" t="s">
        <v>201500</v>
      </c>
      <c r="J61649" s="1" t="s">
        <v>206428</v>
      </c>
    </row>
    <row r="61650" spans="1:10" x14ac:dyDescent="0.35">
      <c r="A61650" s="1" t="s">
        <v>206415</v>
      </c>
      <c r="B61650" s="1" t="s">
        <v>201495</v>
      </c>
      <c r="C61650" s="1" t="s">
        <v>30</v>
      </c>
      <c r="D61650" s="1" t="s">
        <v>51025</v>
      </c>
      <c r="E61650" s="1" t="s">
        <v>206429</v>
      </c>
      <c r="F61650" s="1" t="s">
        <v>206430</v>
      </c>
      <c r="G61650" s="1" t="s">
        <v>206418</v>
      </c>
      <c r="H61650" s="1" t="s">
        <v>206419</v>
      </c>
      <c r="I61650" s="1" t="s">
        <v>201500</v>
      </c>
      <c r="J61650" s="1" t="s">
        <v>206431</v>
      </c>
    </row>
    <row r="61651" spans="1:10" x14ac:dyDescent="0.35">
      <c r="A61651" s="1" t="s">
        <v>206415</v>
      </c>
      <c r="B61651" s="1" t="s">
        <v>201495</v>
      </c>
      <c r="C61651" s="1" t="s">
        <v>35</v>
      </c>
      <c r="D61651" s="1" t="s">
        <v>110576</v>
      </c>
      <c r="E61651" s="1" t="s">
        <v>206432</v>
      </c>
      <c r="F61651" s="1" t="s">
        <v>206433</v>
      </c>
      <c r="G61651" s="1" t="s">
        <v>206418</v>
      </c>
      <c r="H61651" s="1" t="s">
        <v>206419</v>
      </c>
      <c r="I61651" s="1" t="s">
        <v>201500</v>
      </c>
      <c r="J61651" s="1" t="s">
        <v>206434</v>
      </c>
    </row>
    <row r="61652" spans="1:10" x14ac:dyDescent="0.35">
      <c r="A61652" s="1" t="s">
        <v>206415</v>
      </c>
      <c r="B61652" s="1" t="s">
        <v>201495</v>
      </c>
      <c r="C61652" s="1" t="s">
        <v>40</v>
      </c>
      <c r="D61652" s="1" t="s">
        <v>110697</v>
      </c>
      <c r="E61652" s="1" t="s">
        <v>206435</v>
      </c>
      <c r="F61652" s="1" t="s">
        <v>206436</v>
      </c>
      <c r="G61652" s="1" t="s">
        <v>206418</v>
      </c>
      <c r="H61652" s="1" t="s">
        <v>206419</v>
      </c>
      <c r="I61652" s="1" t="s">
        <v>201500</v>
      </c>
      <c r="J61652" s="1" t="s">
        <v>206437</v>
      </c>
    </row>
    <row r="61653" spans="1:10" x14ac:dyDescent="0.35">
      <c r="A61653" s="1" t="s">
        <v>206415</v>
      </c>
      <c r="B61653" s="1" t="s">
        <v>201495</v>
      </c>
      <c r="C61653" s="1" t="s">
        <v>45</v>
      </c>
      <c r="D61653" s="1" t="s">
        <v>4793</v>
      </c>
      <c r="E61653" s="1" t="s">
        <v>206438</v>
      </c>
      <c r="F61653" s="1" t="s">
        <v>206439</v>
      </c>
      <c r="G61653" s="1" t="s">
        <v>206418</v>
      </c>
      <c r="H61653" s="1" t="s">
        <v>206419</v>
      </c>
      <c r="I61653" s="1" t="s">
        <v>201500</v>
      </c>
      <c r="J61653" s="1" t="s">
        <v>206440</v>
      </c>
    </row>
    <row r="61654" spans="1:10" x14ac:dyDescent="0.35">
      <c r="A61654" s="1" t="s">
        <v>206415</v>
      </c>
      <c r="B61654" s="1" t="s">
        <v>201495</v>
      </c>
      <c r="C61654" s="1" t="s">
        <v>50</v>
      </c>
      <c r="D61654" s="1" t="s">
        <v>15856</v>
      </c>
      <c r="E61654" s="1" t="s">
        <v>206441</v>
      </c>
      <c r="F61654" s="1" t="s">
        <v>206442</v>
      </c>
      <c r="G61654" s="1" t="s">
        <v>206418</v>
      </c>
      <c r="H61654" s="1" t="s">
        <v>206419</v>
      </c>
      <c r="I61654" s="1" t="s">
        <v>201500</v>
      </c>
      <c r="J61654" s="1" t="s">
        <v>206443</v>
      </c>
    </row>
    <row r="61655" spans="1:10" x14ac:dyDescent="0.35">
      <c r="A61655" s="1" t="s">
        <v>206415</v>
      </c>
      <c r="B61655" s="1" t="s">
        <v>201495</v>
      </c>
      <c r="C61655" s="1" t="s">
        <v>55</v>
      </c>
      <c r="D61655" s="1" t="s">
        <v>112232</v>
      </c>
      <c r="E61655" s="1" t="s">
        <v>206444</v>
      </c>
      <c r="F61655" s="1" t="s">
        <v>206445</v>
      </c>
      <c r="G61655" s="1" t="s">
        <v>206418</v>
      </c>
      <c r="H61655" s="1" t="s">
        <v>206419</v>
      </c>
      <c r="I61655" s="1" t="s">
        <v>201500</v>
      </c>
      <c r="J61655" s="1" t="s">
        <v>206446</v>
      </c>
    </row>
    <row r="61656" spans="1:10" x14ac:dyDescent="0.35">
      <c r="A61656" s="1" t="s">
        <v>206415</v>
      </c>
      <c r="B61656" s="1" t="s">
        <v>201495</v>
      </c>
      <c r="C61656" s="1" t="s">
        <v>60</v>
      </c>
      <c r="D61656" s="1" t="s">
        <v>44746</v>
      </c>
      <c r="E61656" s="1" t="s">
        <v>206447</v>
      </c>
      <c r="F61656" s="1" t="s">
        <v>206448</v>
      </c>
      <c r="G61656" s="1" t="s">
        <v>206418</v>
      </c>
      <c r="H61656" s="1" t="s">
        <v>206419</v>
      </c>
      <c r="I61656" s="1" t="s">
        <v>201500</v>
      </c>
      <c r="J61656" s="1" t="s">
        <v>206449</v>
      </c>
    </row>
    <row r="61657" spans="1:10" x14ac:dyDescent="0.35">
      <c r="A61657" s="1" t="s">
        <v>206415</v>
      </c>
      <c r="B61657" s="1" t="s">
        <v>201495</v>
      </c>
      <c r="C61657" s="1" t="s">
        <v>65</v>
      </c>
      <c r="D61657" s="1" t="s">
        <v>4400</v>
      </c>
      <c r="E61657" s="1" t="s">
        <v>206450</v>
      </c>
      <c r="F61657" s="1" t="s">
        <v>206451</v>
      </c>
      <c r="G61657" s="1" t="s">
        <v>206418</v>
      </c>
      <c r="H61657" s="1" t="s">
        <v>206419</v>
      </c>
      <c r="I61657" s="1" t="s">
        <v>201500</v>
      </c>
      <c r="J61657" s="1" t="s">
        <v>206452</v>
      </c>
    </row>
    <row r="61658" spans="1:10" x14ac:dyDescent="0.35">
      <c r="A61658" s="1" t="s">
        <v>206415</v>
      </c>
      <c r="B61658" s="1" t="s">
        <v>201495</v>
      </c>
      <c r="C61658" s="1" t="s">
        <v>70</v>
      </c>
      <c r="D61658" s="1" t="s">
        <v>111461</v>
      </c>
      <c r="E61658" s="1" t="s">
        <v>206453</v>
      </c>
      <c r="F61658" s="1" t="s">
        <v>206454</v>
      </c>
      <c r="G61658" s="1" t="s">
        <v>206418</v>
      </c>
      <c r="H61658" s="1" t="s">
        <v>206419</v>
      </c>
      <c r="I61658" s="1" t="s">
        <v>201500</v>
      </c>
      <c r="J61658" s="1" t="s">
        <v>206455</v>
      </c>
    </row>
    <row r="61659" spans="1:10" x14ac:dyDescent="0.35">
      <c r="A61659" s="1" t="s">
        <v>206415</v>
      </c>
      <c r="B61659" s="1" t="s">
        <v>201495</v>
      </c>
      <c r="C61659" s="1" t="s">
        <v>75</v>
      </c>
      <c r="D61659" s="1" t="s">
        <v>157385</v>
      </c>
      <c r="E61659" s="1" t="s">
        <v>206456</v>
      </c>
      <c r="F61659" s="1" t="s">
        <v>206457</v>
      </c>
      <c r="G61659" s="1" t="s">
        <v>206418</v>
      </c>
      <c r="H61659" s="1" t="s">
        <v>206419</v>
      </c>
      <c r="I61659" s="1" t="s">
        <v>201500</v>
      </c>
      <c r="J61659" s="1" t="s">
        <v>206458</v>
      </c>
    </row>
    <row r="61660" spans="1:10" x14ac:dyDescent="0.35">
      <c r="A61660" s="1" t="s">
        <v>206415</v>
      </c>
      <c r="B61660" s="1" t="s">
        <v>201495</v>
      </c>
      <c r="C61660" s="1" t="s">
        <v>80</v>
      </c>
      <c r="D61660" s="1" t="s">
        <v>170279</v>
      </c>
      <c r="E61660" s="1" t="s">
        <v>206459</v>
      </c>
      <c r="F61660" s="1" t="s">
        <v>206460</v>
      </c>
      <c r="G61660" s="1" t="s">
        <v>206418</v>
      </c>
      <c r="H61660" s="1" t="s">
        <v>206419</v>
      </c>
      <c r="I61660" s="1" t="s">
        <v>201500</v>
      </c>
      <c r="J61660" s="1" t="s">
        <v>206461</v>
      </c>
    </row>
    <row r="61661" spans="1:10" x14ac:dyDescent="0.35">
      <c r="A61661" s="1" t="s">
        <v>206415</v>
      </c>
      <c r="B61661" s="1" t="s">
        <v>201495</v>
      </c>
      <c r="C61661" s="1" t="s">
        <v>85</v>
      </c>
      <c r="D61661" s="1" t="s">
        <v>8103</v>
      </c>
      <c r="E61661" s="1" t="s">
        <v>206462</v>
      </c>
      <c r="F61661" s="1" t="s">
        <v>206463</v>
      </c>
      <c r="G61661" s="1" t="s">
        <v>206418</v>
      </c>
      <c r="H61661" s="1" t="s">
        <v>206419</v>
      </c>
      <c r="I61661" s="1" t="s">
        <v>201500</v>
      </c>
      <c r="J61661" s="1" t="s">
        <v>206464</v>
      </c>
    </row>
    <row r="61662" spans="1:10" x14ac:dyDescent="0.35">
      <c r="A61662" s="1" t="s">
        <v>206415</v>
      </c>
      <c r="B61662" s="1" t="s">
        <v>201495</v>
      </c>
      <c r="C61662" s="1" t="s">
        <v>90</v>
      </c>
      <c r="D61662" s="1" t="s">
        <v>122038</v>
      </c>
      <c r="E61662" s="1" t="s">
        <v>206465</v>
      </c>
      <c r="F61662" s="1" t="s">
        <v>206466</v>
      </c>
      <c r="G61662" s="1" t="s">
        <v>206418</v>
      </c>
      <c r="H61662" s="1" t="s">
        <v>206419</v>
      </c>
      <c r="I61662" s="1" t="s">
        <v>201500</v>
      </c>
      <c r="J61662" s="1" t="s">
        <v>206467</v>
      </c>
    </row>
    <row r="61663" spans="1:10" x14ac:dyDescent="0.35">
      <c r="A61663" s="1" t="s">
        <v>206415</v>
      </c>
      <c r="B61663" s="1" t="s">
        <v>201495</v>
      </c>
      <c r="C61663" s="1" t="s">
        <v>95</v>
      </c>
      <c r="D61663" s="1" t="s">
        <v>16321</v>
      </c>
      <c r="E61663" s="1" t="s">
        <v>206468</v>
      </c>
      <c r="F61663" s="1" t="s">
        <v>206469</v>
      </c>
      <c r="G61663" s="1" t="s">
        <v>206418</v>
      </c>
      <c r="H61663" s="1" t="s">
        <v>206419</v>
      </c>
      <c r="I61663" s="1" t="s">
        <v>201500</v>
      </c>
      <c r="J61663" s="1" t="s">
        <v>206470</v>
      </c>
    </row>
    <row r="61664" spans="1:10" x14ac:dyDescent="0.35">
      <c r="A61664" s="1" t="s">
        <v>206415</v>
      </c>
      <c r="B61664" s="1" t="s">
        <v>201495</v>
      </c>
      <c r="C61664" s="1" t="s">
        <v>100</v>
      </c>
      <c r="D61664" s="1" t="s">
        <v>29802</v>
      </c>
      <c r="E61664" s="1" t="s">
        <v>206471</v>
      </c>
      <c r="F61664" s="1" t="s">
        <v>206472</v>
      </c>
      <c r="G61664" s="1" t="s">
        <v>206418</v>
      </c>
      <c r="H61664" s="1" t="s">
        <v>206419</v>
      </c>
      <c r="I61664" s="1" t="s">
        <v>201500</v>
      </c>
      <c r="J61664" s="1" t="s">
        <v>206473</v>
      </c>
    </row>
    <row r="61665" spans="1:10" x14ac:dyDescent="0.35">
      <c r="A61665" s="1" t="s">
        <v>206415</v>
      </c>
      <c r="B61665" s="1" t="s">
        <v>201495</v>
      </c>
      <c r="C61665" s="1" t="s">
        <v>105</v>
      </c>
      <c r="D61665" s="1" t="s">
        <v>161153</v>
      </c>
      <c r="E61665" s="1" t="s">
        <v>206474</v>
      </c>
      <c r="F61665" s="1" t="s">
        <v>206475</v>
      </c>
      <c r="G61665" s="1" t="s">
        <v>206418</v>
      </c>
      <c r="H61665" s="1" t="s">
        <v>206419</v>
      </c>
      <c r="I61665" s="1" t="s">
        <v>201500</v>
      </c>
      <c r="J61665" s="1" t="s">
        <v>206476</v>
      </c>
    </row>
    <row r="61666" spans="1:10" x14ac:dyDescent="0.35">
      <c r="A61666" s="1" t="s">
        <v>206415</v>
      </c>
      <c r="B61666" s="1" t="s">
        <v>201495</v>
      </c>
      <c r="C61666" s="1" t="s">
        <v>110</v>
      </c>
      <c r="D61666" s="1" t="s">
        <v>146370</v>
      </c>
      <c r="E61666" s="1" t="s">
        <v>206477</v>
      </c>
      <c r="F61666" s="1" t="s">
        <v>206478</v>
      </c>
      <c r="G61666" s="1" t="s">
        <v>206418</v>
      </c>
      <c r="H61666" s="1" t="s">
        <v>206419</v>
      </c>
      <c r="I61666" s="1" t="s">
        <v>201500</v>
      </c>
      <c r="J61666" s="1" t="s">
        <v>206479</v>
      </c>
    </row>
    <row r="61667" spans="1:10" x14ac:dyDescent="0.35">
      <c r="A61667" s="1" t="s">
        <v>206415</v>
      </c>
      <c r="B61667" s="1" t="s">
        <v>201495</v>
      </c>
      <c r="C61667" s="1" t="s">
        <v>115</v>
      </c>
      <c r="D61667" s="1" t="s">
        <v>47343</v>
      </c>
      <c r="E61667" s="1" t="s">
        <v>206480</v>
      </c>
      <c r="F61667" s="1" t="s">
        <v>206481</v>
      </c>
      <c r="G61667" s="1" t="s">
        <v>206418</v>
      </c>
      <c r="H61667" s="1" t="s">
        <v>206419</v>
      </c>
      <c r="I61667" s="1" t="s">
        <v>201500</v>
      </c>
      <c r="J61667" s="1" t="s">
        <v>206482</v>
      </c>
    </row>
    <row r="61668" spans="1:10" x14ac:dyDescent="0.35">
      <c r="A61668" s="1" t="s">
        <v>206415</v>
      </c>
      <c r="B61668" s="1" t="s">
        <v>201495</v>
      </c>
      <c r="C61668" s="1" t="s">
        <v>120</v>
      </c>
      <c r="D61668" s="1" t="s">
        <v>206483</v>
      </c>
      <c r="E61668" s="1" t="s">
        <v>206484</v>
      </c>
      <c r="F61668" s="1" t="s">
        <v>206485</v>
      </c>
      <c r="G61668" s="1" t="s">
        <v>206418</v>
      </c>
      <c r="H61668" s="1" t="s">
        <v>206419</v>
      </c>
      <c r="I61668" s="1" t="s">
        <v>201500</v>
      </c>
      <c r="J61668" s="1" t="s">
        <v>206486</v>
      </c>
    </row>
    <row r="61669" spans="1:10" x14ac:dyDescent="0.35">
      <c r="A61669" s="1" t="s">
        <v>206415</v>
      </c>
      <c r="B61669" s="1" t="s">
        <v>201495</v>
      </c>
      <c r="C61669" s="1" t="s">
        <v>125</v>
      </c>
      <c r="D61669" s="1" t="s">
        <v>74774</v>
      </c>
      <c r="E61669" s="1" t="s">
        <v>206487</v>
      </c>
      <c r="F61669" s="1" t="s">
        <v>206488</v>
      </c>
      <c r="G61669" s="1" t="s">
        <v>206418</v>
      </c>
      <c r="H61669" s="1" t="s">
        <v>206419</v>
      </c>
      <c r="I61669" s="1" t="s">
        <v>201500</v>
      </c>
      <c r="J61669" s="1" t="s">
        <v>206489</v>
      </c>
    </row>
    <row r="61670" spans="1:10" x14ac:dyDescent="0.35">
      <c r="A61670" s="1" t="s">
        <v>206415</v>
      </c>
      <c r="B61670" s="1" t="s">
        <v>201495</v>
      </c>
      <c r="C61670" s="1" t="s">
        <v>130</v>
      </c>
      <c r="D61670" s="1" t="s">
        <v>206490</v>
      </c>
      <c r="E61670" s="1" t="s">
        <v>206491</v>
      </c>
      <c r="F61670" s="1" t="s">
        <v>206492</v>
      </c>
      <c r="G61670" s="1" t="s">
        <v>206418</v>
      </c>
      <c r="H61670" s="1" t="s">
        <v>206419</v>
      </c>
      <c r="I61670" s="1" t="s">
        <v>201500</v>
      </c>
      <c r="J61670" s="1" t="s">
        <v>206493</v>
      </c>
    </row>
    <row r="61671" spans="1:10" x14ac:dyDescent="0.35">
      <c r="A61671" s="1" t="s">
        <v>206415</v>
      </c>
      <c r="B61671" s="1" t="s">
        <v>201495</v>
      </c>
      <c r="C61671" s="1" t="s">
        <v>135</v>
      </c>
      <c r="D61671" s="1" t="s">
        <v>148633</v>
      </c>
      <c r="E61671" s="1" t="s">
        <v>206494</v>
      </c>
      <c r="F61671" s="1" t="s">
        <v>206495</v>
      </c>
      <c r="G61671" s="1" t="s">
        <v>206418</v>
      </c>
      <c r="H61671" s="1" t="s">
        <v>206419</v>
      </c>
      <c r="I61671" s="1" t="s">
        <v>201500</v>
      </c>
      <c r="J61671" s="1" t="s">
        <v>206496</v>
      </c>
    </row>
    <row r="61672" spans="1:10" x14ac:dyDescent="0.35">
      <c r="A61672" s="1" t="s">
        <v>206415</v>
      </c>
      <c r="B61672" s="1" t="s">
        <v>201495</v>
      </c>
      <c r="C61672" s="1" t="s">
        <v>140</v>
      </c>
      <c r="D61672" s="1" t="s">
        <v>111134</v>
      </c>
      <c r="E61672" s="1" t="s">
        <v>206497</v>
      </c>
      <c r="F61672" s="1" t="s">
        <v>206498</v>
      </c>
      <c r="G61672" s="1" t="s">
        <v>206418</v>
      </c>
      <c r="H61672" s="1" t="s">
        <v>206419</v>
      </c>
      <c r="I61672" s="1" t="s">
        <v>201500</v>
      </c>
      <c r="J61672" s="1" t="s">
        <v>206499</v>
      </c>
    </row>
    <row r="61673" spans="1:10" x14ac:dyDescent="0.35">
      <c r="A61673" s="1" t="s">
        <v>206415</v>
      </c>
      <c r="B61673" s="1" t="s">
        <v>201495</v>
      </c>
      <c r="C61673" s="1" t="s">
        <v>145</v>
      </c>
      <c r="D61673" s="1" t="s">
        <v>29834</v>
      </c>
      <c r="E61673" s="1" t="s">
        <v>206500</v>
      </c>
      <c r="F61673" s="1" t="s">
        <v>206501</v>
      </c>
      <c r="G61673" s="1" t="s">
        <v>206418</v>
      </c>
      <c r="H61673" s="1" t="s">
        <v>206419</v>
      </c>
      <c r="I61673" s="1" t="s">
        <v>201500</v>
      </c>
      <c r="J61673" s="1" t="s">
        <v>206502</v>
      </c>
    </row>
    <row r="61674" spans="1:10" x14ac:dyDescent="0.35">
      <c r="A61674" s="1" t="s">
        <v>206415</v>
      </c>
      <c r="B61674" s="1" t="s">
        <v>201495</v>
      </c>
      <c r="C61674" s="1" t="s">
        <v>150</v>
      </c>
      <c r="D61674" s="1" t="s">
        <v>34700</v>
      </c>
      <c r="E61674" s="1" t="s">
        <v>206503</v>
      </c>
      <c r="F61674" s="1" t="s">
        <v>206504</v>
      </c>
      <c r="G61674" s="1" t="s">
        <v>206418</v>
      </c>
      <c r="H61674" s="1" t="s">
        <v>206419</v>
      </c>
      <c r="I61674" s="1" t="s">
        <v>201500</v>
      </c>
      <c r="J61674" s="1" t="s">
        <v>206505</v>
      </c>
    </row>
    <row r="61675" spans="1:10" x14ac:dyDescent="0.35">
      <c r="A61675" s="1" t="s">
        <v>206415</v>
      </c>
      <c r="B61675" s="1" t="s">
        <v>201495</v>
      </c>
      <c r="C61675" s="1" t="s">
        <v>155</v>
      </c>
      <c r="D61675" s="1" t="s">
        <v>14564</v>
      </c>
      <c r="E61675" s="1" t="s">
        <v>206506</v>
      </c>
      <c r="F61675" s="1" t="s">
        <v>206507</v>
      </c>
      <c r="G61675" s="1" t="s">
        <v>206418</v>
      </c>
      <c r="H61675" s="1" t="s">
        <v>206419</v>
      </c>
      <c r="I61675" s="1" t="s">
        <v>201500</v>
      </c>
      <c r="J61675" s="1" t="s">
        <v>206508</v>
      </c>
    </row>
    <row r="61676" spans="1:10" x14ac:dyDescent="0.35">
      <c r="A61676" s="1" t="s">
        <v>206415</v>
      </c>
      <c r="B61676" s="1" t="s">
        <v>201495</v>
      </c>
      <c r="C61676" s="1" t="s">
        <v>160</v>
      </c>
      <c r="D61676" s="1" t="s">
        <v>37415</v>
      </c>
      <c r="E61676" s="1" t="s">
        <v>206509</v>
      </c>
      <c r="F61676" s="1" t="s">
        <v>206510</v>
      </c>
      <c r="G61676" s="1" t="s">
        <v>206418</v>
      </c>
      <c r="H61676" s="1" t="s">
        <v>206419</v>
      </c>
      <c r="I61676" s="1" t="s">
        <v>201500</v>
      </c>
      <c r="J61676" s="1" t="s">
        <v>206511</v>
      </c>
    </row>
    <row r="61677" spans="1:10" x14ac:dyDescent="0.35">
      <c r="A61677" s="1" t="s">
        <v>206415</v>
      </c>
      <c r="B61677" s="1" t="s">
        <v>201495</v>
      </c>
      <c r="C61677" s="1" t="s">
        <v>165</v>
      </c>
      <c r="D61677" s="1" t="s">
        <v>15463</v>
      </c>
      <c r="E61677" s="1" t="s">
        <v>206512</v>
      </c>
      <c r="F61677" s="1" t="s">
        <v>206513</v>
      </c>
      <c r="G61677" s="1" t="s">
        <v>206418</v>
      </c>
      <c r="H61677" s="1" t="s">
        <v>206419</v>
      </c>
      <c r="I61677" s="1" t="s">
        <v>201500</v>
      </c>
      <c r="J61677" s="1" t="s">
        <v>206514</v>
      </c>
    </row>
    <row r="61678" spans="1:10" x14ac:dyDescent="0.35">
      <c r="A61678" s="1" t="s">
        <v>206415</v>
      </c>
      <c r="B61678" s="1" t="s">
        <v>201495</v>
      </c>
      <c r="C61678" s="1" t="s">
        <v>170</v>
      </c>
      <c r="D61678" s="1" t="s">
        <v>71065</v>
      </c>
      <c r="E61678" s="1" t="s">
        <v>206515</v>
      </c>
      <c r="F61678" s="1" t="s">
        <v>206516</v>
      </c>
      <c r="G61678" s="1" t="s">
        <v>206418</v>
      </c>
      <c r="H61678" s="1" t="s">
        <v>206419</v>
      </c>
      <c r="I61678" s="1" t="s">
        <v>201500</v>
      </c>
      <c r="J61678" s="1" t="s">
        <v>206517</v>
      </c>
    </row>
    <row r="61679" spans="1:10" x14ac:dyDescent="0.35">
      <c r="A61679" s="1" t="s">
        <v>14130</v>
      </c>
      <c r="B61679" s="1" t="s">
        <v>201495</v>
      </c>
      <c r="C61679" s="1" t="s">
        <v>8</v>
      </c>
      <c r="D61679" s="1" t="s">
        <v>29441</v>
      </c>
      <c r="E61679" s="1" t="s">
        <v>206518</v>
      </c>
      <c r="F61679" s="1" t="s">
        <v>206519</v>
      </c>
      <c r="G61679" s="1" t="s">
        <v>206520</v>
      </c>
      <c r="H61679" s="1" t="s">
        <v>206521</v>
      </c>
      <c r="I61679" s="1" t="s">
        <v>201500</v>
      </c>
      <c r="J61679" s="1" t="s">
        <v>13</v>
      </c>
    </row>
    <row r="61680" spans="1:10" x14ac:dyDescent="0.35">
      <c r="A61680" s="1" t="s">
        <v>14130</v>
      </c>
      <c r="B61680" s="1" t="s">
        <v>201495</v>
      </c>
      <c r="C61680" s="1" t="s">
        <v>15</v>
      </c>
      <c r="D61680" s="1" t="s">
        <v>143764</v>
      </c>
      <c r="E61680" s="1" t="s">
        <v>206522</v>
      </c>
      <c r="F61680" s="1" t="s">
        <v>206523</v>
      </c>
      <c r="G61680" s="1" t="s">
        <v>206520</v>
      </c>
      <c r="H61680" s="1" t="s">
        <v>206521</v>
      </c>
      <c r="I61680" s="1" t="s">
        <v>201500</v>
      </c>
      <c r="J61680" s="1" t="s">
        <v>206524</v>
      </c>
    </row>
    <row r="61681" spans="1:10" x14ac:dyDescent="0.35">
      <c r="A61681" s="1" t="s">
        <v>14130</v>
      </c>
      <c r="B61681" s="1" t="s">
        <v>201495</v>
      </c>
      <c r="C61681" s="1" t="s">
        <v>20</v>
      </c>
      <c r="D61681" s="1" t="s">
        <v>206525</v>
      </c>
      <c r="E61681" s="1" t="s">
        <v>206526</v>
      </c>
      <c r="F61681" s="1" t="s">
        <v>206527</v>
      </c>
      <c r="G61681" s="1" t="s">
        <v>206520</v>
      </c>
      <c r="H61681" s="1" t="s">
        <v>206521</v>
      </c>
      <c r="I61681" s="1" t="s">
        <v>201500</v>
      </c>
      <c r="J61681" s="1" t="s">
        <v>206528</v>
      </c>
    </row>
    <row r="61682" spans="1:10" x14ac:dyDescent="0.35">
      <c r="A61682" s="1" t="s">
        <v>14130</v>
      </c>
      <c r="B61682" s="1" t="s">
        <v>201495</v>
      </c>
      <c r="C61682" s="1" t="s">
        <v>25</v>
      </c>
      <c r="D61682" s="1" t="s">
        <v>143971</v>
      </c>
      <c r="E61682" s="1" t="s">
        <v>206529</v>
      </c>
      <c r="F61682" s="1" t="s">
        <v>206530</v>
      </c>
      <c r="G61682" s="1" t="s">
        <v>206520</v>
      </c>
      <c r="H61682" s="1" t="s">
        <v>206521</v>
      </c>
      <c r="I61682" s="1" t="s">
        <v>201500</v>
      </c>
      <c r="J61682" s="1" t="s">
        <v>206531</v>
      </c>
    </row>
    <row r="61683" spans="1:10" x14ac:dyDescent="0.35">
      <c r="A61683" s="1" t="s">
        <v>14130</v>
      </c>
      <c r="B61683" s="1" t="s">
        <v>201495</v>
      </c>
      <c r="C61683" s="1" t="s">
        <v>30</v>
      </c>
      <c r="D61683" s="1" t="s">
        <v>51820</v>
      </c>
      <c r="E61683" s="1" t="s">
        <v>206532</v>
      </c>
      <c r="F61683" s="1" t="s">
        <v>206533</v>
      </c>
      <c r="G61683" s="1" t="s">
        <v>206520</v>
      </c>
      <c r="H61683" s="1" t="s">
        <v>206521</v>
      </c>
      <c r="I61683" s="1" t="s">
        <v>201500</v>
      </c>
      <c r="J61683" s="1" t="s">
        <v>206534</v>
      </c>
    </row>
    <row r="61684" spans="1:10" x14ac:dyDescent="0.35">
      <c r="A61684" s="1" t="s">
        <v>14130</v>
      </c>
      <c r="B61684" s="1" t="s">
        <v>201495</v>
      </c>
      <c r="C61684" s="1" t="s">
        <v>35</v>
      </c>
      <c r="D61684" s="1" t="s">
        <v>2869</v>
      </c>
      <c r="E61684" s="1" t="s">
        <v>206535</v>
      </c>
      <c r="F61684" s="1" t="s">
        <v>206536</v>
      </c>
      <c r="G61684" s="1" t="s">
        <v>206520</v>
      </c>
      <c r="H61684" s="1" t="s">
        <v>206521</v>
      </c>
      <c r="I61684" s="1" t="s">
        <v>201500</v>
      </c>
      <c r="J61684" s="1" t="s">
        <v>206537</v>
      </c>
    </row>
    <row r="61685" spans="1:10" x14ac:dyDescent="0.35">
      <c r="A61685" s="1" t="s">
        <v>14130</v>
      </c>
      <c r="B61685" s="1" t="s">
        <v>201495</v>
      </c>
      <c r="C61685" s="1" t="s">
        <v>40</v>
      </c>
      <c r="D61685" s="1" t="s">
        <v>118133</v>
      </c>
      <c r="E61685" s="1" t="s">
        <v>206538</v>
      </c>
      <c r="F61685" s="1" t="s">
        <v>206539</v>
      </c>
      <c r="G61685" s="1" t="s">
        <v>206520</v>
      </c>
      <c r="H61685" s="1" t="s">
        <v>206521</v>
      </c>
      <c r="I61685" s="1" t="s">
        <v>201500</v>
      </c>
      <c r="J61685" s="1" t="s">
        <v>206540</v>
      </c>
    </row>
    <row r="61686" spans="1:10" x14ac:dyDescent="0.35">
      <c r="A61686" s="1" t="s">
        <v>14130</v>
      </c>
      <c r="B61686" s="1" t="s">
        <v>201495</v>
      </c>
      <c r="C61686" s="1" t="s">
        <v>45</v>
      </c>
      <c r="D61686" s="1" t="s">
        <v>118018</v>
      </c>
      <c r="E61686" s="1" t="s">
        <v>206541</v>
      </c>
      <c r="F61686" s="1" t="s">
        <v>206542</v>
      </c>
      <c r="G61686" s="1" t="s">
        <v>206520</v>
      </c>
      <c r="H61686" s="1" t="s">
        <v>206521</v>
      </c>
      <c r="I61686" s="1" t="s">
        <v>201500</v>
      </c>
      <c r="J61686" s="1" t="s">
        <v>206543</v>
      </c>
    </row>
    <row r="61687" spans="1:10" x14ac:dyDescent="0.35">
      <c r="A61687" s="1" t="s">
        <v>14130</v>
      </c>
      <c r="B61687" s="1" t="s">
        <v>201495</v>
      </c>
      <c r="C61687" s="1" t="s">
        <v>50</v>
      </c>
      <c r="D61687" s="1" t="s">
        <v>10172</v>
      </c>
      <c r="E61687" s="1" t="s">
        <v>206544</v>
      </c>
      <c r="F61687" s="1" t="s">
        <v>206545</v>
      </c>
      <c r="G61687" s="1" t="s">
        <v>206520</v>
      </c>
      <c r="H61687" s="1" t="s">
        <v>206521</v>
      </c>
      <c r="I61687" s="1" t="s">
        <v>201500</v>
      </c>
      <c r="J61687" s="1" t="s">
        <v>206546</v>
      </c>
    </row>
    <row r="61688" spans="1:10" x14ac:dyDescent="0.35">
      <c r="A61688" s="1" t="s">
        <v>14130</v>
      </c>
      <c r="B61688" s="1" t="s">
        <v>201495</v>
      </c>
      <c r="C61688" s="1" t="s">
        <v>55</v>
      </c>
      <c r="D61688" s="1" t="s">
        <v>1568</v>
      </c>
      <c r="E61688" s="1" t="s">
        <v>206547</v>
      </c>
      <c r="F61688" s="1" t="s">
        <v>206548</v>
      </c>
      <c r="G61688" s="1" t="s">
        <v>206520</v>
      </c>
      <c r="H61688" s="1" t="s">
        <v>206521</v>
      </c>
      <c r="I61688" s="1" t="s">
        <v>201500</v>
      </c>
      <c r="J61688" s="1" t="s">
        <v>206549</v>
      </c>
    </row>
    <row r="61689" spans="1:10" x14ac:dyDescent="0.35">
      <c r="A61689" s="1" t="s">
        <v>14130</v>
      </c>
      <c r="B61689" s="1" t="s">
        <v>201495</v>
      </c>
      <c r="C61689" s="1" t="s">
        <v>60</v>
      </c>
      <c r="D61689" s="1" t="s">
        <v>25239</v>
      </c>
      <c r="E61689" s="1" t="s">
        <v>206550</v>
      </c>
      <c r="F61689" s="1" t="s">
        <v>206551</v>
      </c>
      <c r="G61689" s="1" t="s">
        <v>206520</v>
      </c>
      <c r="H61689" s="1" t="s">
        <v>206521</v>
      </c>
      <c r="I61689" s="1" t="s">
        <v>201500</v>
      </c>
      <c r="J61689" s="1" t="s">
        <v>206552</v>
      </c>
    </row>
    <row r="61690" spans="1:10" x14ac:dyDescent="0.35">
      <c r="A61690" s="1" t="s">
        <v>14130</v>
      </c>
      <c r="B61690" s="1" t="s">
        <v>201495</v>
      </c>
      <c r="C61690" s="1" t="s">
        <v>65</v>
      </c>
      <c r="D61690" s="1" t="s">
        <v>51288</v>
      </c>
      <c r="E61690" s="1" t="s">
        <v>206553</v>
      </c>
      <c r="F61690" s="1" t="s">
        <v>206554</v>
      </c>
      <c r="G61690" s="1" t="s">
        <v>206520</v>
      </c>
      <c r="H61690" s="1" t="s">
        <v>206521</v>
      </c>
      <c r="I61690" s="1" t="s">
        <v>201500</v>
      </c>
      <c r="J61690" s="1" t="s">
        <v>206555</v>
      </c>
    </row>
    <row r="61691" spans="1:10" x14ac:dyDescent="0.35">
      <c r="A61691" s="1" t="s">
        <v>14130</v>
      </c>
      <c r="B61691" s="1" t="s">
        <v>201495</v>
      </c>
      <c r="C61691" s="1" t="s">
        <v>70</v>
      </c>
      <c r="D61691" s="1" t="s">
        <v>29448</v>
      </c>
      <c r="E61691" s="1" t="s">
        <v>206556</v>
      </c>
      <c r="F61691" s="1" t="s">
        <v>206557</v>
      </c>
      <c r="G61691" s="1" t="s">
        <v>206520</v>
      </c>
      <c r="H61691" s="1" t="s">
        <v>206521</v>
      </c>
      <c r="I61691" s="1" t="s">
        <v>201500</v>
      </c>
      <c r="J61691" s="1" t="s">
        <v>206558</v>
      </c>
    </row>
    <row r="61692" spans="1:10" x14ac:dyDescent="0.35">
      <c r="A61692" s="1" t="s">
        <v>14130</v>
      </c>
      <c r="B61692" s="1" t="s">
        <v>201495</v>
      </c>
      <c r="C61692" s="1" t="s">
        <v>75</v>
      </c>
      <c r="D61692" s="1" t="s">
        <v>10194</v>
      </c>
      <c r="E61692" s="1" t="s">
        <v>206559</v>
      </c>
      <c r="F61692" s="1" t="s">
        <v>206560</v>
      </c>
      <c r="G61692" s="1" t="s">
        <v>206520</v>
      </c>
      <c r="H61692" s="1" t="s">
        <v>206521</v>
      </c>
      <c r="I61692" s="1" t="s">
        <v>201500</v>
      </c>
      <c r="J61692" s="1" t="s">
        <v>206561</v>
      </c>
    </row>
    <row r="61693" spans="1:10" x14ac:dyDescent="0.35">
      <c r="A61693" s="1" t="s">
        <v>14130</v>
      </c>
      <c r="B61693" s="1" t="s">
        <v>201495</v>
      </c>
      <c r="C61693" s="1" t="s">
        <v>80</v>
      </c>
      <c r="D61693" s="1" t="s">
        <v>1395</v>
      </c>
      <c r="E61693" s="1" t="s">
        <v>206562</v>
      </c>
      <c r="F61693" s="1" t="s">
        <v>206563</v>
      </c>
      <c r="G61693" s="1" t="s">
        <v>206520</v>
      </c>
      <c r="H61693" s="1" t="s">
        <v>206521</v>
      </c>
      <c r="I61693" s="1" t="s">
        <v>201500</v>
      </c>
      <c r="J61693" s="1" t="s">
        <v>206564</v>
      </c>
    </row>
    <row r="61694" spans="1:10" x14ac:dyDescent="0.35">
      <c r="A61694" s="1" t="s">
        <v>14130</v>
      </c>
      <c r="B61694" s="1" t="s">
        <v>201495</v>
      </c>
      <c r="C61694" s="1" t="s">
        <v>85</v>
      </c>
      <c r="D61694" s="1" t="s">
        <v>144404</v>
      </c>
      <c r="E61694" s="1" t="s">
        <v>206565</v>
      </c>
      <c r="F61694" s="1" t="s">
        <v>206566</v>
      </c>
      <c r="G61694" s="1" t="s">
        <v>206520</v>
      </c>
      <c r="H61694" s="1" t="s">
        <v>206521</v>
      </c>
      <c r="I61694" s="1" t="s">
        <v>201500</v>
      </c>
      <c r="J61694" s="1" t="s">
        <v>206567</v>
      </c>
    </row>
    <row r="61695" spans="1:10" x14ac:dyDescent="0.35">
      <c r="A61695" s="1" t="s">
        <v>14130</v>
      </c>
      <c r="B61695" s="1" t="s">
        <v>201495</v>
      </c>
      <c r="C61695" s="1" t="s">
        <v>90</v>
      </c>
      <c r="D61695" s="1" t="s">
        <v>8917</v>
      </c>
      <c r="E61695" s="1" t="s">
        <v>206568</v>
      </c>
      <c r="F61695" s="1" t="s">
        <v>206569</v>
      </c>
      <c r="G61695" s="1" t="s">
        <v>206520</v>
      </c>
      <c r="H61695" s="1" t="s">
        <v>206521</v>
      </c>
      <c r="I61695" s="1" t="s">
        <v>201500</v>
      </c>
      <c r="J61695" s="1" t="s">
        <v>206570</v>
      </c>
    </row>
    <row r="61696" spans="1:10" x14ac:dyDescent="0.35">
      <c r="A61696" s="1" t="s">
        <v>14130</v>
      </c>
      <c r="B61696" s="1" t="s">
        <v>201495</v>
      </c>
      <c r="C61696" s="1" t="s">
        <v>95</v>
      </c>
      <c r="D61696" s="1" t="s">
        <v>115694</v>
      </c>
      <c r="E61696" s="1" t="s">
        <v>206571</v>
      </c>
      <c r="F61696" s="1" t="s">
        <v>206572</v>
      </c>
      <c r="G61696" s="1" t="s">
        <v>206520</v>
      </c>
      <c r="H61696" s="1" t="s">
        <v>206521</v>
      </c>
      <c r="I61696" s="1" t="s">
        <v>201500</v>
      </c>
      <c r="J61696" s="1" t="s">
        <v>206573</v>
      </c>
    </row>
    <row r="61697" spans="1:10" x14ac:dyDescent="0.35">
      <c r="A61697" s="1" t="s">
        <v>14130</v>
      </c>
      <c r="B61697" s="1" t="s">
        <v>201495</v>
      </c>
      <c r="C61697" s="1" t="s">
        <v>100</v>
      </c>
      <c r="D61697" s="1" t="s">
        <v>44773</v>
      </c>
      <c r="E61697" s="1" t="s">
        <v>206574</v>
      </c>
      <c r="F61697" s="1" t="s">
        <v>206575</v>
      </c>
      <c r="G61697" s="1" t="s">
        <v>206520</v>
      </c>
      <c r="H61697" s="1" t="s">
        <v>206521</v>
      </c>
      <c r="I61697" s="1" t="s">
        <v>201500</v>
      </c>
      <c r="J61697" s="1" t="s">
        <v>206576</v>
      </c>
    </row>
    <row r="61698" spans="1:10" x14ac:dyDescent="0.35">
      <c r="A61698" s="1" t="s">
        <v>14130</v>
      </c>
      <c r="B61698" s="1" t="s">
        <v>201495</v>
      </c>
      <c r="C61698" s="1" t="s">
        <v>105</v>
      </c>
      <c r="D61698" s="1" t="s">
        <v>112674</v>
      </c>
      <c r="E61698" s="1" t="s">
        <v>206577</v>
      </c>
      <c r="F61698" s="1" t="s">
        <v>206578</v>
      </c>
      <c r="G61698" s="1" t="s">
        <v>206520</v>
      </c>
      <c r="H61698" s="1" t="s">
        <v>206521</v>
      </c>
      <c r="I61698" s="1" t="s">
        <v>201500</v>
      </c>
      <c r="J61698" s="1" t="s">
        <v>206579</v>
      </c>
    </row>
    <row r="61699" spans="1:10" x14ac:dyDescent="0.35">
      <c r="A61699" s="1" t="s">
        <v>14130</v>
      </c>
      <c r="B61699" s="1" t="s">
        <v>201495</v>
      </c>
      <c r="C61699" s="1" t="s">
        <v>110</v>
      </c>
      <c r="D61699" s="1" t="s">
        <v>118141</v>
      </c>
      <c r="E61699" s="1" t="s">
        <v>206580</v>
      </c>
      <c r="F61699" s="1" t="s">
        <v>206581</v>
      </c>
      <c r="G61699" s="1" t="s">
        <v>206520</v>
      </c>
      <c r="H61699" s="1" t="s">
        <v>206521</v>
      </c>
      <c r="I61699" s="1" t="s">
        <v>201500</v>
      </c>
      <c r="J61699" s="1" t="s">
        <v>206582</v>
      </c>
    </row>
    <row r="61700" spans="1:10" x14ac:dyDescent="0.35">
      <c r="A61700" s="1" t="s">
        <v>14130</v>
      </c>
      <c r="B61700" s="1" t="s">
        <v>201495</v>
      </c>
      <c r="C61700" s="1" t="s">
        <v>115</v>
      </c>
      <c r="D61700" s="1" t="s">
        <v>206583</v>
      </c>
      <c r="E61700" s="1" t="s">
        <v>206584</v>
      </c>
      <c r="F61700" s="1" t="s">
        <v>206585</v>
      </c>
      <c r="G61700" s="1" t="s">
        <v>206520</v>
      </c>
      <c r="H61700" s="1" t="s">
        <v>206521</v>
      </c>
      <c r="I61700" s="1" t="s">
        <v>201500</v>
      </c>
      <c r="J61700" s="1" t="s">
        <v>206586</v>
      </c>
    </row>
    <row r="61701" spans="1:10" x14ac:dyDescent="0.35">
      <c r="A61701" s="1" t="s">
        <v>14130</v>
      </c>
      <c r="B61701" s="1" t="s">
        <v>201495</v>
      </c>
      <c r="C61701" s="1" t="s">
        <v>120</v>
      </c>
      <c r="D61701" s="1" t="s">
        <v>28295</v>
      </c>
      <c r="E61701" s="1" t="s">
        <v>206587</v>
      </c>
      <c r="F61701" s="1" t="s">
        <v>206588</v>
      </c>
      <c r="G61701" s="1" t="s">
        <v>206520</v>
      </c>
      <c r="H61701" s="1" t="s">
        <v>206521</v>
      </c>
      <c r="I61701" s="1" t="s">
        <v>201500</v>
      </c>
      <c r="J61701" s="1" t="s">
        <v>206589</v>
      </c>
    </row>
    <row r="61702" spans="1:10" x14ac:dyDescent="0.35">
      <c r="A61702" s="1" t="s">
        <v>14130</v>
      </c>
      <c r="B61702" s="1" t="s">
        <v>201495</v>
      </c>
      <c r="C61702" s="1" t="s">
        <v>125</v>
      </c>
      <c r="D61702" s="1" t="s">
        <v>118486</v>
      </c>
      <c r="E61702" s="1" t="s">
        <v>206590</v>
      </c>
      <c r="F61702" s="1" t="s">
        <v>206591</v>
      </c>
      <c r="G61702" s="1" t="s">
        <v>206520</v>
      </c>
      <c r="H61702" s="1" t="s">
        <v>206521</v>
      </c>
      <c r="I61702" s="1" t="s">
        <v>201500</v>
      </c>
      <c r="J61702" s="1" t="s">
        <v>206592</v>
      </c>
    </row>
    <row r="61703" spans="1:10" x14ac:dyDescent="0.35">
      <c r="A61703" s="1" t="s">
        <v>14130</v>
      </c>
      <c r="B61703" s="1" t="s">
        <v>201495</v>
      </c>
      <c r="C61703" s="1" t="s">
        <v>130</v>
      </c>
      <c r="D61703" s="1" t="s">
        <v>2592</v>
      </c>
      <c r="E61703" s="1" t="s">
        <v>206593</v>
      </c>
      <c r="F61703" s="1" t="s">
        <v>206594</v>
      </c>
      <c r="G61703" s="1" t="s">
        <v>206520</v>
      </c>
      <c r="H61703" s="1" t="s">
        <v>206521</v>
      </c>
      <c r="I61703" s="1" t="s">
        <v>201500</v>
      </c>
      <c r="J61703" s="1" t="s">
        <v>206595</v>
      </c>
    </row>
    <row r="61704" spans="1:10" x14ac:dyDescent="0.35">
      <c r="A61704" s="1" t="s">
        <v>14130</v>
      </c>
      <c r="B61704" s="1" t="s">
        <v>201495</v>
      </c>
      <c r="C61704" s="1" t="s">
        <v>135</v>
      </c>
      <c r="D61704" s="1" t="s">
        <v>30067</v>
      </c>
      <c r="E61704" s="1" t="s">
        <v>206596</v>
      </c>
      <c r="F61704" s="1" t="s">
        <v>206597</v>
      </c>
      <c r="G61704" s="1" t="s">
        <v>206520</v>
      </c>
      <c r="H61704" s="1" t="s">
        <v>206521</v>
      </c>
      <c r="I61704" s="1" t="s">
        <v>201500</v>
      </c>
      <c r="J61704" s="1" t="s">
        <v>206598</v>
      </c>
    </row>
    <row r="61705" spans="1:10" x14ac:dyDescent="0.35">
      <c r="A61705" s="1" t="s">
        <v>14130</v>
      </c>
      <c r="B61705" s="1" t="s">
        <v>201495</v>
      </c>
      <c r="C61705" s="1" t="s">
        <v>140</v>
      </c>
      <c r="D61705" s="1" t="s">
        <v>206599</v>
      </c>
      <c r="E61705" s="1" t="s">
        <v>206600</v>
      </c>
      <c r="F61705" s="1" t="s">
        <v>206601</v>
      </c>
      <c r="G61705" s="1" t="s">
        <v>206520</v>
      </c>
      <c r="H61705" s="1" t="s">
        <v>206521</v>
      </c>
      <c r="I61705" s="1" t="s">
        <v>201500</v>
      </c>
      <c r="J61705" s="1" t="s">
        <v>206602</v>
      </c>
    </row>
    <row r="61706" spans="1:10" x14ac:dyDescent="0.35">
      <c r="A61706" s="1" t="s">
        <v>14130</v>
      </c>
      <c r="B61706" s="1" t="s">
        <v>201495</v>
      </c>
      <c r="C61706" s="1" t="s">
        <v>145</v>
      </c>
      <c r="D61706" s="1" t="s">
        <v>34459</v>
      </c>
      <c r="E61706" s="1" t="s">
        <v>206603</v>
      </c>
      <c r="F61706" s="1" t="s">
        <v>206604</v>
      </c>
      <c r="G61706" s="1" t="s">
        <v>206520</v>
      </c>
      <c r="H61706" s="1" t="s">
        <v>206521</v>
      </c>
      <c r="I61706" s="1" t="s">
        <v>201500</v>
      </c>
      <c r="J61706" s="1" t="s">
        <v>206605</v>
      </c>
    </row>
    <row r="61707" spans="1:10" x14ac:dyDescent="0.35">
      <c r="A61707" s="1" t="s">
        <v>14130</v>
      </c>
      <c r="B61707" s="1" t="s">
        <v>201495</v>
      </c>
      <c r="C61707" s="1" t="s">
        <v>150</v>
      </c>
      <c r="D61707" s="1" t="s">
        <v>169971</v>
      </c>
      <c r="E61707" s="1" t="s">
        <v>206606</v>
      </c>
      <c r="F61707" s="1" t="s">
        <v>206607</v>
      </c>
      <c r="G61707" s="1" t="s">
        <v>206520</v>
      </c>
      <c r="H61707" s="1" t="s">
        <v>206521</v>
      </c>
      <c r="I61707" s="1" t="s">
        <v>201500</v>
      </c>
      <c r="J61707" s="1" t="s">
        <v>206608</v>
      </c>
    </row>
    <row r="61708" spans="1:10" x14ac:dyDescent="0.35">
      <c r="A61708" s="1" t="s">
        <v>14130</v>
      </c>
      <c r="B61708" s="1" t="s">
        <v>201495</v>
      </c>
      <c r="C61708" s="1" t="s">
        <v>155</v>
      </c>
      <c r="D61708" s="1" t="s">
        <v>49407</v>
      </c>
      <c r="E61708" s="1" t="s">
        <v>206609</v>
      </c>
      <c r="F61708" s="1" t="s">
        <v>206610</v>
      </c>
      <c r="G61708" s="1" t="s">
        <v>206520</v>
      </c>
      <c r="H61708" s="1" t="s">
        <v>206521</v>
      </c>
      <c r="I61708" s="1" t="s">
        <v>201500</v>
      </c>
      <c r="J61708" s="1" t="s">
        <v>206611</v>
      </c>
    </row>
    <row r="61709" spans="1:10" x14ac:dyDescent="0.35">
      <c r="A61709" s="1" t="s">
        <v>14130</v>
      </c>
      <c r="B61709" s="1" t="s">
        <v>201495</v>
      </c>
      <c r="C61709" s="1" t="s">
        <v>160</v>
      </c>
      <c r="D61709" s="1" t="s">
        <v>115347</v>
      </c>
      <c r="E61709" s="1" t="s">
        <v>206612</v>
      </c>
      <c r="F61709" s="1" t="s">
        <v>206613</v>
      </c>
      <c r="G61709" s="1" t="s">
        <v>206520</v>
      </c>
      <c r="H61709" s="1" t="s">
        <v>206521</v>
      </c>
      <c r="I61709" s="1" t="s">
        <v>201500</v>
      </c>
      <c r="J61709" s="1" t="s">
        <v>206614</v>
      </c>
    </row>
    <row r="61710" spans="1:10" x14ac:dyDescent="0.35">
      <c r="A61710" s="1" t="s">
        <v>14130</v>
      </c>
      <c r="B61710" s="1" t="s">
        <v>201495</v>
      </c>
      <c r="C61710" s="1" t="s">
        <v>165</v>
      </c>
      <c r="D61710" s="1" t="s">
        <v>111983</v>
      </c>
      <c r="E61710" s="1" t="s">
        <v>206615</v>
      </c>
      <c r="F61710" s="1" t="s">
        <v>206616</v>
      </c>
      <c r="G61710" s="1" t="s">
        <v>206520</v>
      </c>
      <c r="H61710" s="1" t="s">
        <v>206521</v>
      </c>
      <c r="I61710" s="1" t="s">
        <v>201500</v>
      </c>
      <c r="J61710" s="1" t="s">
        <v>206617</v>
      </c>
    </row>
    <row r="61711" spans="1:10" x14ac:dyDescent="0.35">
      <c r="A61711" s="1" t="s">
        <v>14130</v>
      </c>
      <c r="B61711" s="1" t="s">
        <v>201495</v>
      </c>
      <c r="C61711" s="1" t="s">
        <v>170</v>
      </c>
      <c r="D61711" s="1" t="s">
        <v>116475</v>
      </c>
      <c r="E61711" s="1" t="s">
        <v>206618</v>
      </c>
      <c r="F61711" s="1" t="s">
        <v>206619</v>
      </c>
      <c r="G61711" s="1" t="s">
        <v>206520</v>
      </c>
      <c r="H61711" s="1" t="s">
        <v>206521</v>
      </c>
      <c r="I61711" s="1" t="s">
        <v>201500</v>
      </c>
      <c r="J61711" s="1" t="s">
        <v>206620</v>
      </c>
    </row>
    <row r="61712" spans="1:10" x14ac:dyDescent="0.35">
      <c r="A61712" s="1" t="s">
        <v>144582</v>
      </c>
      <c r="B61712" s="1" t="s">
        <v>201495</v>
      </c>
      <c r="C61712" s="1" t="s">
        <v>8</v>
      </c>
      <c r="D61712" s="1" t="s">
        <v>206621</v>
      </c>
      <c r="E61712" s="1" t="s">
        <v>201693</v>
      </c>
      <c r="F61712" s="1" t="s">
        <v>206622</v>
      </c>
      <c r="G61712" s="1" t="s">
        <v>206623</v>
      </c>
      <c r="H61712" s="1" t="s">
        <v>206624</v>
      </c>
      <c r="I61712" s="1" t="s">
        <v>201500</v>
      </c>
      <c r="J61712" s="1" t="s">
        <v>13</v>
      </c>
    </row>
    <row r="61713" spans="1:10" x14ac:dyDescent="0.35">
      <c r="A61713" s="1" t="s">
        <v>144582</v>
      </c>
      <c r="B61713" s="1" t="s">
        <v>201495</v>
      </c>
      <c r="C61713" s="1" t="s">
        <v>15</v>
      </c>
      <c r="D61713" s="1" t="s">
        <v>18006</v>
      </c>
      <c r="E61713" s="1" t="s">
        <v>201648</v>
      </c>
      <c r="F61713" s="1" t="s">
        <v>206625</v>
      </c>
      <c r="G61713" s="1" t="s">
        <v>206623</v>
      </c>
      <c r="H61713" s="1" t="s">
        <v>206624</v>
      </c>
      <c r="I61713" s="1" t="s">
        <v>201500</v>
      </c>
      <c r="J61713" s="1" t="s">
        <v>206626</v>
      </c>
    </row>
    <row r="61714" spans="1:10" x14ac:dyDescent="0.35">
      <c r="A61714" s="1" t="s">
        <v>144582</v>
      </c>
      <c r="B61714" s="1" t="s">
        <v>201495</v>
      </c>
      <c r="C61714" s="1" t="s">
        <v>20</v>
      </c>
      <c r="D61714" s="1" t="s">
        <v>43179</v>
      </c>
      <c r="E61714" s="1" t="s">
        <v>202068</v>
      </c>
      <c r="F61714" s="1" t="s">
        <v>206627</v>
      </c>
      <c r="G61714" s="1" t="s">
        <v>206623</v>
      </c>
      <c r="H61714" s="1" t="s">
        <v>206624</v>
      </c>
      <c r="I61714" s="1" t="s">
        <v>201500</v>
      </c>
      <c r="J61714" s="1" t="s">
        <v>206628</v>
      </c>
    </row>
    <row r="61715" spans="1:10" x14ac:dyDescent="0.35">
      <c r="A61715" s="1" t="s">
        <v>144582</v>
      </c>
      <c r="B61715" s="1" t="s">
        <v>201495</v>
      </c>
      <c r="C61715" s="1" t="s">
        <v>25</v>
      </c>
      <c r="D61715" s="1" t="s">
        <v>104251</v>
      </c>
      <c r="E61715" s="1" t="s">
        <v>206629</v>
      </c>
      <c r="F61715" s="1" t="s">
        <v>206630</v>
      </c>
      <c r="G61715" s="1" t="s">
        <v>206623</v>
      </c>
      <c r="H61715" s="1" t="s">
        <v>206624</v>
      </c>
      <c r="I61715" s="1" t="s">
        <v>201500</v>
      </c>
      <c r="J61715" s="1" t="s">
        <v>206631</v>
      </c>
    </row>
    <row r="61716" spans="1:10" x14ac:dyDescent="0.35">
      <c r="A61716" s="1" t="s">
        <v>144582</v>
      </c>
      <c r="B61716" s="1" t="s">
        <v>201495</v>
      </c>
      <c r="C61716" s="1" t="s">
        <v>30</v>
      </c>
      <c r="D61716" s="1" t="s">
        <v>206632</v>
      </c>
      <c r="E61716" s="1" t="s">
        <v>206629</v>
      </c>
      <c r="F61716" s="1" t="s">
        <v>97022</v>
      </c>
      <c r="G61716" s="1" t="s">
        <v>206623</v>
      </c>
      <c r="H61716" s="1" t="s">
        <v>206624</v>
      </c>
      <c r="I61716" s="1" t="s">
        <v>201500</v>
      </c>
      <c r="J61716" s="1" t="s">
        <v>206633</v>
      </c>
    </row>
    <row r="61717" spans="1:10" x14ac:dyDescent="0.35">
      <c r="A61717" s="1" t="s">
        <v>144582</v>
      </c>
      <c r="B61717" s="1" t="s">
        <v>201495</v>
      </c>
      <c r="C61717" s="1" t="s">
        <v>35</v>
      </c>
      <c r="D61717" s="1" t="s">
        <v>174805</v>
      </c>
      <c r="E61717" s="1" t="s">
        <v>111561</v>
      </c>
      <c r="F61717" s="1" t="s">
        <v>206634</v>
      </c>
      <c r="G61717" s="1" t="s">
        <v>206623</v>
      </c>
      <c r="H61717" s="1" t="s">
        <v>206624</v>
      </c>
      <c r="I61717" s="1" t="s">
        <v>201500</v>
      </c>
      <c r="J61717" s="1" t="s">
        <v>206635</v>
      </c>
    </row>
    <row r="61718" spans="1:10" x14ac:dyDescent="0.35">
      <c r="A61718" s="1" t="s">
        <v>144582</v>
      </c>
      <c r="B61718" s="1" t="s">
        <v>201495</v>
      </c>
      <c r="C61718" s="1" t="s">
        <v>40</v>
      </c>
      <c r="D61718" s="1" t="s">
        <v>113630</v>
      </c>
      <c r="E61718" s="1" t="s">
        <v>110941</v>
      </c>
      <c r="F61718" s="1" t="s">
        <v>206636</v>
      </c>
      <c r="G61718" s="1" t="s">
        <v>206623</v>
      </c>
      <c r="H61718" s="1" t="s">
        <v>206624</v>
      </c>
      <c r="I61718" s="1" t="s">
        <v>201500</v>
      </c>
      <c r="J61718" s="1" t="s">
        <v>206637</v>
      </c>
    </row>
    <row r="61719" spans="1:10" x14ac:dyDescent="0.35">
      <c r="A61719" s="1" t="s">
        <v>144582</v>
      </c>
      <c r="B61719" s="1" t="s">
        <v>201495</v>
      </c>
      <c r="C61719" s="1" t="s">
        <v>45</v>
      </c>
      <c r="D61719" s="1" t="s">
        <v>206638</v>
      </c>
      <c r="E61719" s="1" t="s">
        <v>206639</v>
      </c>
      <c r="F61719" s="1" t="s">
        <v>206640</v>
      </c>
      <c r="G61719" s="1" t="s">
        <v>206623</v>
      </c>
      <c r="H61719" s="1" t="s">
        <v>206624</v>
      </c>
      <c r="I61719" s="1" t="s">
        <v>201500</v>
      </c>
      <c r="J61719" s="1" t="s">
        <v>206641</v>
      </c>
    </row>
    <row r="61720" spans="1:10" x14ac:dyDescent="0.35">
      <c r="A61720" s="1" t="s">
        <v>144582</v>
      </c>
      <c r="B61720" s="1" t="s">
        <v>201495</v>
      </c>
      <c r="C61720" s="1" t="s">
        <v>50</v>
      </c>
      <c r="D61720" s="1" t="s">
        <v>155292</v>
      </c>
      <c r="E61720" s="1" t="s">
        <v>206642</v>
      </c>
      <c r="F61720" s="1" t="s">
        <v>206643</v>
      </c>
      <c r="G61720" s="1" t="s">
        <v>206623</v>
      </c>
      <c r="H61720" s="1" t="s">
        <v>206624</v>
      </c>
      <c r="I61720" s="1" t="s">
        <v>201500</v>
      </c>
      <c r="J61720" s="1" t="s">
        <v>206644</v>
      </c>
    </row>
    <row r="61721" spans="1:10" x14ac:dyDescent="0.35">
      <c r="A61721" s="1" t="s">
        <v>144582</v>
      </c>
      <c r="B61721" s="1" t="s">
        <v>201495</v>
      </c>
      <c r="C61721" s="1" t="s">
        <v>55</v>
      </c>
      <c r="D61721" s="1" t="s">
        <v>184553</v>
      </c>
      <c r="E61721" s="1" t="s">
        <v>8584</v>
      </c>
      <c r="F61721" s="1" t="s">
        <v>145065</v>
      </c>
      <c r="G61721" s="1" t="s">
        <v>206623</v>
      </c>
      <c r="H61721" s="1" t="s">
        <v>206624</v>
      </c>
      <c r="I61721" s="1" t="s">
        <v>201500</v>
      </c>
      <c r="J61721" s="1" t="s">
        <v>206645</v>
      </c>
    </row>
    <row r="61722" spans="1:10" x14ac:dyDescent="0.35">
      <c r="A61722" s="1" t="s">
        <v>144582</v>
      </c>
      <c r="B61722" s="1" t="s">
        <v>201495</v>
      </c>
      <c r="C61722" s="1" t="s">
        <v>60</v>
      </c>
      <c r="D61722" s="1" t="s">
        <v>198458</v>
      </c>
      <c r="E61722" s="1" t="s">
        <v>202541</v>
      </c>
      <c r="F61722" s="1" t="s">
        <v>206646</v>
      </c>
      <c r="G61722" s="1" t="s">
        <v>206623</v>
      </c>
      <c r="H61722" s="1" t="s">
        <v>206624</v>
      </c>
      <c r="I61722" s="1" t="s">
        <v>201500</v>
      </c>
      <c r="J61722" s="1" t="s">
        <v>206647</v>
      </c>
    </row>
    <row r="61723" spans="1:10" x14ac:dyDescent="0.35">
      <c r="A61723" s="1" t="s">
        <v>144582</v>
      </c>
      <c r="B61723" s="1" t="s">
        <v>201495</v>
      </c>
      <c r="C61723" s="1" t="s">
        <v>65</v>
      </c>
      <c r="D61723" s="1" t="s">
        <v>206648</v>
      </c>
      <c r="E61723" s="1" t="s">
        <v>206649</v>
      </c>
      <c r="F61723" s="1" t="s">
        <v>206650</v>
      </c>
      <c r="G61723" s="1" t="s">
        <v>206623</v>
      </c>
      <c r="H61723" s="1" t="s">
        <v>206624</v>
      </c>
      <c r="I61723" s="1" t="s">
        <v>201500</v>
      </c>
      <c r="J61723" s="1" t="s">
        <v>206651</v>
      </c>
    </row>
    <row r="61724" spans="1:10" x14ac:dyDescent="0.35">
      <c r="A61724" s="1" t="s">
        <v>144582</v>
      </c>
      <c r="B61724" s="1" t="s">
        <v>201495</v>
      </c>
      <c r="C61724" s="1" t="s">
        <v>70</v>
      </c>
      <c r="D61724" s="1" t="s">
        <v>206652</v>
      </c>
      <c r="E61724" s="1" t="s">
        <v>206653</v>
      </c>
      <c r="F61724" s="1" t="s">
        <v>206654</v>
      </c>
      <c r="G61724" s="1" t="s">
        <v>206623</v>
      </c>
      <c r="H61724" s="1" t="s">
        <v>206624</v>
      </c>
      <c r="I61724" s="1" t="s">
        <v>201500</v>
      </c>
      <c r="J61724" s="1" t="s">
        <v>206655</v>
      </c>
    </row>
    <row r="61725" spans="1:10" x14ac:dyDescent="0.35">
      <c r="A61725" s="1" t="s">
        <v>144582</v>
      </c>
      <c r="B61725" s="1" t="s">
        <v>201495</v>
      </c>
      <c r="C61725" s="1" t="s">
        <v>75</v>
      </c>
      <c r="D61725" s="1" t="s">
        <v>43944</v>
      </c>
      <c r="E61725" s="1" t="s">
        <v>111499</v>
      </c>
      <c r="F61725" s="1" t="s">
        <v>12842</v>
      </c>
      <c r="G61725" s="1" t="s">
        <v>206623</v>
      </c>
      <c r="H61725" s="1" t="s">
        <v>206624</v>
      </c>
      <c r="I61725" s="1" t="s">
        <v>201500</v>
      </c>
      <c r="J61725" s="1" t="s">
        <v>206656</v>
      </c>
    </row>
    <row r="61726" spans="1:10" x14ac:dyDescent="0.35">
      <c r="A61726" s="1" t="s">
        <v>144582</v>
      </c>
      <c r="B61726" s="1" t="s">
        <v>201495</v>
      </c>
      <c r="C61726" s="1" t="s">
        <v>80</v>
      </c>
      <c r="D61726" s="1" t="s">
        <v>206657</v>
      </c>
      <c r="E61726" s="1" t="s">
        <v>201755</v>
      </c>
      <c r="F61726" s="1" t="s">
        <v>206658</v>
      </c>
      <c r="G61726" s="1" t="s">
        <v>206623</v>
      </c>
      <c r="H61726" s="1" t="s">
        <v>206624</v>
      </c>
      <c r="I61726" s="1" t="s">
        <v>201500</v>
      </c>
      <c r="J61726" s="1" t="s">
        <v>206659</v>
      </c>
    </row>
    <row r="61727" spans="1:10" x14ac:dyDescent="0.35">
      <c r="A61727" s="1" t="s">
        <v>144582</v>
      </c>
      <c r="B61727" s="1" t="s">
        <v>201495</v>
      </c>
      <c r="C61727" s="1" t="s">
        <v>85</v>
      </c>
      <c r="D61727" s="1" t="s">
        <v>206660</v>
      </c>
      <c r="E61727" s="1" t="s">
        <v>206629</v>
      </c>
      <c r="F61727" s="1" t="s">
        <v>206661</v>
      </c>
      <c r="G61727" s="1" t="s">
        <v>206623</v>
      </c>
      <c r="H61727" s="1" t="s">
        <v>206624</v>
      </c>
      <c r="I61727" s="1" t="s">
        <v>201500</v>
      </c>
      <c r="J61727" s="1" t="s">
        <v>206662</v>
      </c>
    </row>
    <row r="61728" spans="1:10" x14ac:dyDescent="0.35">
      <c r="A61728" s="1" t="s">
        <v>144582</v>
      </c>
      <c r="B61728" s="1" t="s">
        <v>201495</v>
      </c>
      <c r="C61728" s="1" t="s">
        <v>90</v>
      </c>
      <c r="D61728" s="1" t="s">
        <v>206663</v>
      </c>
      <c r="E61728" s="1" t="s">
        <v>206664</v>
      </c>
      <c r="F61728" s="1" t="s">
        <v>145971</v>
      </c>
      <c r="G61728" s="1" t="s">
        <v>206623</v>
      </c>
      <c r="H61728" s="1" t="s">
        <v>206624</v>
      </c>
      <c r="I61728" s="1" t="s">
        <v>201500</v>
      </c>
      <c r="J61728" s="1" t="s">
        <v>206665</v>
      </c>
    </row>
    <row r="61729" spans="1:10" x14ac:dyDescent="0.35">
      <c r="A61729" s="1" t="s">
        <v>144582</v>
      </c>
      <c r="B61729" s="1" t="s">
        <v>201495</v>
      </c>
      <c r="C61729" s="1" t="s">
        <v>95</v>
      </c>
      <c r="D61729" s="1" t="s">
        <v>24177</v>
      </c>
      <c r="E61729" s="1" t="s">
        <v>12728</v>
      </c>
      <c r="F61729" s="1" t="s">
        <v>206666</v>
      </c>
      <c r="G61729" s="1" t="s">
        <v>206623</v>
      </c>
      <c r="H61729" s="1" t="s">
        <v>206624</v>
      </c>
      <c r="I61729" s="1" t="s">
        <v>201500</v>
      </c>
      <c r="J61729" s="1" t="s">
        <v>206667</v>
      </c>
    </row>
    <row r="61730" spans="1:10" x14ac:dyDescent="0.35">
      <c r="A61730" s="1" t="s">
        <v>144582</v>
      </c>
      <c r="B61730" s="1" t="s">
        <v>201495</v>
      </c>
      <c r="C61730" s="1" t="s">
        <v>100</v>
      </c>
      <c r="D61730" s="1" t="s">
        <v>152504</v>
      </c>
      <c r="E61730" s="1" t="s">
        <v>159829</v>
      </c>
      <c r="F61730" s="1" t="s">
        <v>206668</v>
      </c>
      <c r="G61730" s="1" t="s">
        <v>206623</v>
      </c>
      <c r="H61730" s="1" t="s">
        <v>206624</v>
      </c>
      <c r="I61730" s="1" t="s">
        <v>201500</v>
      </c>
      <c r="J61730" s="1" t="s">
        <v>206669</v>
      </c>
    </row>
    <row r="61731" spans="1:10" x14ac:dyDescent="0.35">
      <c r="A61731" s="1" t="s">
        <v>144582</v>
      </c>
      <c r="B61731" s="1" t="s">
        <v>201495</v>
      </c>
      <c r="C61731" s="1" t="s">
        <v>105</v>
      </c>
      <c r="D61731" s="1" t="s">
        <v>17260</v>
      </c>
      <c r="E61731" s="1" t="s">
        <v>206670</v>
      </c>
      <c r="F61731" s="1" t="s">
        <v>206671</v>
      </c>
      <c r="G61731" s="1" t="s">
        <v>206623</v>
      </c>
      <c r="H61731" s="1" t="s">
        <v>206624</v>
      </c>
      <c r="I61731" s="1" t="s">
        <v>201500</v>
      </c>
      <c r="J61731" s="1" t="s">
        <v>206672</v>
      </c>
    </row>
    <row r="61732" spans="1:10" x14ac:dyDescent="0.35">
      <c r="A61732" s="1" t="s">
        <v>144582</v>
      </c>
      <c r="B61732" s="1" t="s">
        <v>201495</v>
      </c>
      <c r="C61732" s="1" t="s">
        <v>110</v>
      </c>
      <c r="D61732" s="1" t="s">
        <v>128418</v>
      </c>
      <c r="E61732" s="1" t="s">
        <v>201606</v>
      </c>
      <c r="F61732" s="1" t="s">
        <v>206673</v>
      </c>
      <c r="G61732" s="1" t="s">
        <v>206623</v>
      </c>
      <c r="H61732" s="1" t="s">
        <v>206624</v>
      </c>
      <c r="I61732" s="1" t="s">
        <v>201500</v>
      </c>
      <c r="J61732" s="1" t="s">
        <v>206674</v>
      </c>
    </row>
    <row r="61733" spans="1:10" x14ac:dyDescent="0.35">
      <c r="A61733" s="1" t="s">
        <v>144582</v>
      </c>
      <c r="B61733" s="1" t="s">
        <v>201495</v>
      </c>
      <c r="C61733" s="1" t="s">
        <v>115</v>
      </c>
      <c r="D61733" s="1" t="s">
        <v>206675</v>
      </c>
      <c r="E61733" s="1" t="s">
        <v>206676</v>
      </c>
      <c r="F61733" s="1" t="s">
        <v>206677</v>
      </c>
      <c r="G61733" s="1" t="s">
        <v>206623</v>
      </c>
      <c r="H61733" s="1" t="s">
        <v>206624</v>
      </c>
      <c r="I61733" s="1" t="s">
        <v>201500</v>
      </c>
      <c r="J61733" s="1" t="s">
        <v>206678</v>
      </c>
    </row>
    <row r="61734" spans="1:10" x14ac:dyDescent="0.35">
      <c r="A61734" s="1" t="s">
        <v>144582</v>
      </c>
      <c r="B61734" s="1" t="s">
        <v>201495</v>
      </c>
      <c r="C61734" s="1" t="s">
        <v>120</v>
      </c>
      <c r="D61734" s="1" t="s">
        <v>66362</v>
      </c>
      <c r="E61734" s="1" t="s">
        <v>111539</v>
      </c>
      <c r="F61734" s="1" t="s">
        <v>205584</v>
      </c>
      <c r="G61734" s="1" t="s">
        <v>206623</v>
      </c>
      <c r="H61734" s="1" t="s">
        <v>206624</v>
      </c>
      <c r="I61734" s="1" t="s">
        <v>201500</v>
      </c>
      <c r="J61734" s="1" t="s">
        <v>206679</v>
      </c>
    </row>
    <row r="61735" spans="1:10" x14ac:dyDescent="0.35">
      <c r="A61735" s="1" t="s">
        <v>144582</v>
      </c>
      <c r="B61735" s="1" t="s">
        <v>201495</v>
      </c>
      <c r="C61735" s="1" t="s">
        <v>125</v>
      </c>
      <c r="D61735" s="1" t="s">
        <v>175117</v>
      </c>
      <c r="E61735" s="1" t="s">
        <v>206680</v>
      </c>
      <c r="F61735" s="1" t="s">
        <v>206681</v>
      </c>
      <c r="G61735" s="1" t="s">
        <v>206623</v>
      </c>
      <c r="H61735" s="1" t="s">
        <v>206624</v>
      </c>
      <c r="I61735" s="1" t="s">
        <v>201500</v>
      </c>
      <c r="J61735" s="1" t="s">
        <v>206682</v>
      </c>
    </row>
    <row r="61736" spans="1:10" x14ac:dyDescent="0.35">
      <c r="A61736" s="1" t="s">
        <v>144582</v>
      </c>
      <c r="B61736" s="1" t="s">
        <v>201495</v>
      </c>
      <c r="C61736" s="1" t="s">
        <v>130</v>
      </c>
      <c r="D61736" s="1" t="s">
        <v>43064</v>
      </c>
      <c r="E61736" s="1" t="s">
        <v>201726</v>
      </c>
      <c r="F61736" s="1" t="s">
        <v>102445</v>
      </c>
      <c r="G61736" s="1" t="s">
        <v>206623</v>
      </c>
      <c r="H61736" s="1" t="s">
        <v>206624</v>
      </c>
      <c r="I61736" s="1" t="s">
        <v>201500</v>
      </c>
      <c r="J61736" s="1" t="s">
        <v>206683</v>
      </c>
    </row>
    <row r="61737" spans="1:10" x14ac:dyDescent="0.35">
      <c r="A61737" s="1" t="s">
        <v>144582</v>
      </c>
      <c r="B61737" s="1" t="s">
        <v>201495</v>
      </c>
      <c r="C61737" s="1" t="s">
        <v>135</v>
      </c>
      <c r="D61737" s="1" t="s">
        <v>139413</v>
      </c>
      <c r="E61737" s="1" t="s">
        <v>206684</v>
      </c>
      <c r="F61737" s="1" t="s">
        <v>206685</v>
      </c>
      <c r="G61737" s="1" t="s">
        <v>206623</v>
      </c>
      <c r="H61737" s="1" t="s">
        <v>206624</v>
      </c>
      <c r="I61737" s="1" t="s">
        <v>201500</v>
      </c>
      <c r="J61737" s="1" t="s">
        <v>206686</v>
      </c>
    </row>
    <row r="61738" spans="1:10" x14ac:dyDescent="0.35">
      <c r="A61738" s="1" t="s">
        <v>144582</v>
      </c>
      <c r="B61738" s="1" t="s">
        <v>201495</v>
      </c>
      <c r="C61738" s="1" t="s">
        <v>140</v>
      </c>
      <c r="D61738" s="1" t="s">
        <v>61263</v>
      </c>
      <c r="E61738" s="1" t="s">
        <v>204119</v>
      </c>
      <c r="F61738" s="1" t="s">
        <v>206687</v>
      </c>
      <c r="G61738" s="1" t="s">
        <v>206623</v>
      </c>
      <c r="H61738" s="1" t="s">
        <v>206624</v>
      </c>
      <c r="I61738" s="1" t="s">
        <v>201500</v>
      </c>
      <c r="J61738" s="1" t="s">
        <v>206688</v>
      </c>
    </row>
    <row r="61739" spans="1:10" x14ac:dyDescent="0.35">
      <c r="A61739" s="1" t="s">
        <v>144582</v>
      </c>
      <c r="B61739" s="1" t="s">
        <v>201495</v>
      </c>
      <c r="C61739" s="1" t="s">
        <v>145</v>
      </c>
      <c r="D61739" s="1" t="s">
        <v>206689</v>
      </c>
      <c r="E61739" s="1" t="s">
        <v>206653</v>
      </c>
      <c r="F61739" s="1" t="s">
        <v>206690</v>
      </c>
      <c r="G61739" s="1" t="s">
        <v>206623</v>
      </c>
      <c r="H61739" s="1" t="s">
        <v>206624</v>
      </c>
      <c r="I61739" s="1" t="s">
        <v>201500</v>
      </c>
      <c r="J61739" s="1" t="s">
        <v>206691</v>
      </c>
    </row>
    <row r="61740" spans="1:10" x14ac:dyDescent="0.35">
      <c r="A61740" s="1" t="s">
        <v>144582</v>
      </c>
      <c r="B61740" s="1" t="s">
        <v>201495</v>
      </c>
      <c r="C61740" s="1" t="s">
        <v>150</v>
      </c>
      <c r="D61740" s="1" t="s">
        <v>17072</v>
      </c>
      <c r="E61740" s="1" t="s">
        <v>206692</v>
      </c>
      <c r="F61740" s="1" t="s">
        <v>206693</v>
      </c>
      <c r="G61740" s="1" t="s">
        <v>206623</v>
      </c>
      <c r="H61740" s="1" t="s">
        <v>206624</v>
      </c>
      <c r="I61740" s="1" t="s">
        <v>201500</v>
      </c>
      <c r="J61740" s="1" t="s">
        <v>206694</v>
      </c>
    </row>
    <row r="61741" spans="1:10" x14ac:dyDescent="0.35">
      <c r="A61741" s="1" t="s">
        <v>144582</v>
      </c>
      <c r="B61741" s="1" t="s">
        <v>201495</v>
      </c>
      <c r="C61741" s="1" t="s">
        <v>155</v>
      </c>
      <c r="D61741" s="1" t="s">
        <v>160404</v>
      </c>
      <c r="E61741" s="1" t="s">
        <v>205569</v>
      </c>
      <c r="F61741" s="1" t="s">
        <v>30678</v>
      </c>
      <c r="G61741" s="1" t="s">
        <v>206623</v>
      </c>
      <c r="H61741" s="1" t="s">
        <v>206624</v>
      </c>
      <c r="I61741" s="1" t="s">
        <v>201500</v>
      </c>
      <c r="J61741" s="1" t="s">
        <v>206695</v>
      </c>
    </row>
    <row r="61742" spans="1:10" x14ac:dyDescent="0.35">
      <c r="A61742" s="1" t="s">
        <v>144582</v>
      </c>
      <c r="B61742" s="1" t="s">
        <v>201495</v>
      </c>
      <c r="C61742" s="1" t="s">
        <v>160</v>
      </c>
      <c r="D61742" s="1" t="s">
        <v>34247</v>
      </c>
      <c r="E61742" s="1" t="s">
        <v>206696</v>
      </c>
      <c r="F61742" s="1" t="s">
        <v>206697</v>
      </c>
      <c r="G61742" s="1" t="s">
        <v>206623</v>
      </c>
      <c r="H61742" s="1" t="s">
        <v>206624</v>
      </c>
      <c r="I61742" s="1" t="s">
        <v>201500</v>
      </c>
      <c r="J61742" s="1" t="s">
        <v>206698</v>
      </c>
    </row>
    <row r="61743" spans="1:10" x14ac:dyDescent="0.35">
      <c r="A61743" s="1" t="s">
        <v>144582</v>
      </c>
      <c r="B61743" s="1" t="s">
        <v>201495</v>
      </c>
      <c r="C61743" s="1" t="s">
        <v>165</v>
      </c>
      <c r="D61743" s="1" t="s">
        <v>206699</v>
      </c>
      <c r="E61743" s="1" t="s">
        <v>202529</v>
      </c>
      <c r="F61743" s="1" t="s">
        <v>206700</v>
      </c>
      <c r="G61743" s="1" t="s">
        <v>206623</v>
      </c>
      <c r="H61743" s="1" t="s">
        <v>206624</v>
      </c>
      <c r="I61743" s="1" t="s">
        <v>201500</v>
      </c>
      <c r="J61743" s="1" t="s">
        <v>206701</v>
      </c>
    </row>
    <row r="61744" spans="1:10" x14ac:dyDescent="0.35">
      <c r="A61744" s="1" t="s">
        <v>144582</v>
      </c>
      <c r="B61744" s="1" t="s">
        <v>201495</v>
      </c>
      <c r="C61744" s="1" t="s">
        <v>170</v>
      </c>
      <c r="D61744" s="1" t="s">
        <v>206702</v>
      </c>
      <c r="E61744" s="1" t="s">
        <v>202549</v>
      </c>
      <c r="F61744" s="1" t="s">
        <v>206703</v>
      </c>
      <c r="G61744" s="1" t="s">
        <v>206623</v>
      </c>
      <c r="H61744" s="1" t="s">
        <v>206624</v>
      </c>
      <c r="I61744" s="1" t="s">
        <v>201500</v>
      </c>
      <c r="J61744" s="1" t="s">
        <v>206704</v>
      </c>
    </row>
    <row r="61745" spans="1:10" x14ac:dyDescent="0.35">
      <c r="A61745" s="1" t="s">
        <v>14150</v>
      </c>
      <c r="B61745" s="1" t="s">
        <v>201495</v>
      </c>
      <c r="C61745" s="1" t="s">
        <v>8</v>
      </c>
      <c r="D61745" s="1" t="s">
        <v>30012</v>
      </c>
      <c r="E61745" s="1" t="s">
        <v>206705</v>
      </c>
      <c r="F61745" s="1" t="s">
        <v>206706</v>
      </c>
      <c r="G61745" s="1" t="s">
        <v>206707</v>
      </c>
      <c r="H61745" s="1" t="s">
        <v>206708</v>
      </c>
      <c r="I61745" s="1" t="s">
        <v>201500</v>
      </c>
      <c r="J61745" s="1" t="s">
        <v>13</v>
      </c>
    </row>
    <row r="61746" spans="1:10" x14ac:dyDescent="0.35">
      <c r="A61746" s="1" t="s">
        <v>14150</v>
      </c>
      <c r="B61746" s="1" t="s">
        <v>201495</v>
      </c>
      <c r="C61746" s="1" t="s">
        <v>15</v>
      </c>
      <c r="D61746" s="1" t="s">
        <v>29553</v>
      </c>
      <c r="E61746" s="1" t="s">
        <v>206709</v>
      </c>
      <c r="F61746" s="1" t="s">
        <v>206710</v>
      </c>
      <c r="G61746" s="1" t="s">
        <v>206707</v>
      </c>
      <c r="H61746" s="1" t="s">
        <v>206708</v>
      </c>
      <c r="I61746" s="1" t="s">
        <v>201500</v>
      </c>
      <c r="J61746" s="1" t="s">
        <v>206711</v>
      </c>
    </row>
    <row r="61747" spans="1:10" x14ac:dyDescent="0.35">
      <c r="A61747" s="1" t="s">
        <v>14150</v>
      </c>
      <c r="B61747" s="1" t="s">
        <v>201495</v>
      </c>
      <c r="C61747" s="1" t="s">
        <v>20</v>
      </c>
      <c r="D61747" s="1" t="s">
        <v>8671</v>
      </c>
      <c r="E61747" s="1" t="s">
        <v>206712</v>
      </c>
      <c r="F61747" s="1" t="s">
        <v>206713</v>
      </c>
      <c r="G61747" s="1" t="s">
        <v>206707</v>
      </c>
      <c r="H61747" s="1" t="s">
        <v>206708</v>
      </c>
      <c r="I61747" s="1" t="s">
        <v>201500</v>
      </c>
      <c r="J61747" s="1" t="s">
        <v>206714</v>
      </c>
    </row>
    <row r="61748" spans="1:10" x14ac:dyDescent="0.35">
      <c r="A61748" s="1" t="s">
        <v>14150</v>
      </c>
      <c r="B61748" s="1" t="s">
        <v>201495</v>
      </c>
      <c r="C61748" s="1" t="s">
        <v>25</v>
      </c>
      <c r="D61748" s="1" t="s">
        <v>27977</v>
      </c>
      <c r="E61748" s="1" t="s">
        <v>206715</v>
      </c>
      <c r="F61748" s="1" t="s">
        <v>206716</v>
      </c>
      <c r="G61748" s="1" t="s">
        <v>206707</v>
      </c>
      <c r="H61748" s="1" t="s">
        <v>206708</v>
      </c>
      <c r="I61748" s="1" t="s">
        <v>201500</v>
      </c>
      <c r="J61748" s="1" t="s">
        <v>206717</v>
      </c>
    </row>
    <row r="61749" spans="1:10" x14ac:dyDescent="0.35">
      <c r="A61749" s="1" t="s">
        <v>14150</v>
      </c>
      <c r="B61749" s="1" t="s">
        <v>201495</v>
      </c>
      <c r="C61749" s="1" t="s">
        <v>30</v>
      </c>
      <c r="D61749" s="1" t="s">
        <v>27798</v>
      </c>
      <c r="E61749" s="1" t="s">
        <v>206718</v>
      </c>
      <c r="F61749" s="1" t="s">
        <v>206719</v>
      </c>
      <c r="G61749" s="1" t="s">
        <v>206707</v>
      </c>
      <c r="H61749" s="1" t="s">
        <v>206708</v>
      </c>
      <c r="I61749" s="1" t="s">
        <v>201500</v>
      </c>
      <c r="J61749" s="1" t="s">
        <v>206720</v>
      </c>
    </row>
    <row r="61750" spans="1:10" x14ac:dyDescent="0.35">
      <c r="A61750" s="1" t="s">
        <v>14150</v>
      </c>
      <c r="B61750" s="1" t="s">
        <v>201495</v>
      </c>
      <c r="C61750" s="1" t="s">
        <v>35</v>
      </c>
      <c r="D61750" s="1" t="s">
        <v>171444</v>
      </c>
      <c r="E61750" s="1" t="s">
        <v>206721</v>
      </c>
      <c r="F61750" s="1" t="s">
        <v>206722</v>
      </c>
      <c r="G61750" s="1" t="s">
        <v>206707</v>
      </c>
      <c r="H61750" s="1" t="s">
        <v>206708</v>
      </c>
      <c r="I61750" s="1" t="s">
        <v>201500</v>
      </c>
      <c r="J61750" s="1" t="s">
        <v>206723</v>
      </c>
    </row>
    <row r="61751" spans="1:10" x14ac:dyDescent="0.35">
      <c r="A61751" s="1" t="s">
        <v>14150</v>
      </c>
      <c r="B61751" s="1" t="s">
        <v>201495</v>
      </c>
      <c r="C61751" s="1" t="s">
        <v>40</v>
      </c>
      <c r="D61751" s="1" t="s">
        <v>4054</v>
      </c>
      <c r="E61751" s="1" t="s">
        <v>206724</v>
      </c>
      <c r="F61751" s="1" t="s">
        <v>206725</v>
      </c>
      <c r="G61751" s="1" t="s">
        <v>206707</v>
      </c>
      <c r="H61751" s="1" t="s">
        <v>206708</v>
      </c>
      <c r="I61751" s="1" t="s">
        <v>201500</v>
      </c>
      <c r="J61751" s="1" t="s">
        <v>206726</v>
      </c>
    </row>
    <row r="61752" spans="1:10" x14ac:dyDescent="0.35">
      <c r="A61752" s="1" t="s">
        <v>14150</v>
      </c>
      <c r="B61752" s="1" t="s">
        <v>201495</v>
      </c>
      <c r="C61752" s="1" t="s">
        <v>45</v>
      </c>
      <c r="D61752" s="1" t="s">
        <v>29087</v>
      </c>
      <c r="E61752" s="1" t="s">
        <v>206727</v>
      </c>
      <c r="F61752" s="1" t="s">
        <v>206728</v>
      </c>
      <c r="G61752" s="1" t="s">
        <v>206707</v>
      </c>
      <c r="H61752" s="1" t="s">
        <v>206708</v>
      </c>
      <c r="I61752" s="1" t="s">
        <v>201500</v>
      </c>
      <c r="J61752" s="1" t="s">
        <v>206729</v>
      </c>
    </row>
    <row r="61753" spans="1:10" x14ac:dyDescent="0.35">
      <c r="A61753" s="1" t="s">
        <v>14150</v>
      </c>
      <c r="B61753" s="1" t="s">
        <v>201495</v>
      </c>
      <c r="C61753" s="1" t="s">
        <v>50</v>
      </c>
      <c r="D61753" s="1" t="s">
        <v>112228</v>
      </c>
      <c r="E61753" s="1" t="s">
        <v>206730</v>
      </c>
      <c r="F61753" s="1" t="s">
        <v>206731</v>
      </c>
      <c r="G61753" s="1" t="s">
        <v>206707</v>
      </c>
      <c r="H61753" s="1" t="s">
        <v>206708</v>
      </c>
      <c r="I61753" s="1" t="s">
        <v>201500</v>
      </c>
      <c r="J61753" s="1" t="s">
        <v>206732</v>
      </c>
    </row>
    <row r="61754" spans="1:10" x14ac:dyDescent="0.35">
      <c r="A61754" s="1" t="s">
        <v>14150</v>
      </c>
      <c r="B61754" s="1" t="s">
        <v>201495</v>
      </c>
      <c r="C61754" s="1" t="s">
        <v>55</v>
      </c>
      <c r="D61754" s="1" t="s">
        <v>15833</v>
      </c>
      <c r="E61754" s="1" t="s">
        <v>206733</v>
      </c>
      <c r="F61754" s="1" t="s">
        <v>206734</v>
      </c>
      <c r="G61754" s="1" t="s">
        <v>206707</v>
      </c>
      <c r="H61754" s="1" t="s">
        <v>206708</v>
      </c>
      <c r="I61754" s="1" t="s">
        <v>201500</v>
      </c>
      <c r="J61754" s="1" t="s">
        <v>206735</v>
      </c>
    </row>
    <row r="61755" spans="1:10" x14ac:dyDescent="0.35">
      <c r="A61755" s="1" t="s">
        <v>14150</v>
      </c>
      <c r="B61755" s="1" t="s">
        <v>201495</v>
      </c>
      <c r="C61755" s="1" t="s">
        <v>60</v>
      </c>
      <c r="D61755" s="1" t="s">
        <v>29074</v>
      </c>
      <c r="E61755" s="1" t="s">
        <v>206736</v>
      </c>
      <c r="F61755" s="1" t="s">
        <v>206737</v>
      </c>
      <c r="G61755" s="1" t="s">
        <v>206707</v>
      </c>
      <c r="H61755" s="1" t="s">
        <v>206708</v>
      </c>
      <c r="I61755" s="1" t="s">
        <v>201500</v>
      </c>
      <c r="J61755" s="1" t="s">
        <v>206738</v>
      </c>
    </row>
    <row r="61756" spans="1:10" x14ac:dyDescent="0.35">
      <c r="A61756" s="1" t="s">
        <v>14150</v>
      </c>
      <c r="B61756" s="1" t="s">
        <v>201495</v>
      </c>
      <c r="C61756" s="1" t="s">
        <v>65</v>
      </c>
      <c r="D61756" s="1" t="s">
        <v>28371</v>
      </c>
      <c r="E61756" s="1" t="s">
        <v>206739</v>
      </c>
      <c r="F61756" s="1" t="s">
        <v>206740</v>
      </c>
      <c r="G61756" s="1" t="s">
        <v>206707</v>
      </c>
      <c r="H61756" s="1" t="s">
        <v>206708</v>
      </c>
      <c r="I61756" s="1" t="s">
        <v>201500</v>
      </c>
      <c r="J61756" s="1" t="s">
        <v>206741</v>
      </c>
    </row>
    <row r="61757" spans="1:10" x14ac:dyDescent="0.35">
      <c r="A61757" s="1" t="s">
        <v>14150</v>
      </c>
      <c r="B61757" s="1" t="s">
        <v>201495</v>
      </c>
      <c r="C61757" s="1" t="s">
        <v>70</v>
      </c>
      <c r="D61757" s="1" t="s">
        <v>27756</v>
      </c>
      <c r="E61757" s="1" t="s">
        <v>206742</v>
      </c>
      <c r="F61757" s="1" t="s">
        <v>206743</v>
      </c>
      <c r="G61757" s="1" t="s">
        <v>206707</v>
      </c>
      <c r="H61757" s="1" t="s">
        <v>206708</v>
      </c>
      <c r="I61757" s="1" t="s">
        <v>201500</v>
      </c>
      <c r="J61757" s="1" t="s">
        <v>206744</v>
      </c>
    </row>
    <row r="61758" spans="1:10" x14ac:dyDescent="0.35">
      <c r="A61758" s="1" t="s">
        <v>14150</v>
      </c>
      <c r="B61758" s="1" t="s">
        <v>201495</v>
      </c>
      <c r="C61758" s="1" t="s">
        <v>75</v>
      </c>
      <c r="D61758" s="1" t="s">
        <v>45248</v>
      </c>
      <c r="E61758" s="1" t="s">
        <v>206745</v>
      </c>
      <c r="F61758" s="1" t="s">
        <v>206746</v>
      </c>
      <c r="G61758" s="1" t="s">
        <v>206707</v>
      </c>
      <c r="H61758" s="1" t="s">
        <v>206708</v>
      </c>
      <c r="I61758" s="1" t="s">
        <v>201500</v>
      </c>
      <c r="J61758" s="1" t="s">
        <v>206747</v>
      </c>
    </row>
    <row r="61759" spans="1:10" x14ac:dyDescent="0.35">
      <c r="A61759" s="1" t="s">
        <v>14150</v>
      </c>
      <c r="B61759" s="1" t="s">
        <v>201495</v>
      </c>
      <c r="C61759" s="1" t="s">
        <v>80</v>
      </c>
      <c r="D61759" s="1" t="s">
        <v>25996</v>
      </c>
      <c r="E61759" s="1" t="s">
        <v>206748</v>
      </c>
      <c r="F61759" s="1" t="s">
        <v>206749</v>
      </c>
      <c r="G61759" s="1" t="s">
        <v>206707</v>
      </c>
      <c r="H61759" s="1" t="s">
        <v>206708</v>
      </c>
      <c r="I61759" s="1" t="s">
        <v>201500</v>
      </c>
      <c r="J61759" s="1" t="s">
        <v>206750</v>
      </c>
    </row>
    <row r="61760" spans="1:10" x14ac:dyDescent="0.35">
      <c r="A61760" s="1" t="s">
        <v>14150</v>
      </c>
      <c r="B61760" s="1" t="s">
        <v>201495</v>
      </c>
      <c r="C61760" s="1" t="s">
        <v>85</v>
      </c>
      <c r="D61760" s="1" t="s">
        <v>170134</v>
      </c>
      <c r="E61760" s="1" t="s">
        <v>206751</v>
      </c>
      <c r="F61760" s="1" t="s">
        <v>206752</v>
      </c>
      <c r="G61760" s="1" t="s">
        <v>206707</v>
      </c>
      <c r="H61760" s="1" t="s">
        <v>206708</v>
      </c>
      <c r="I61760" s="1" t="s">
        <v>201500</v>
      </c>
      <c r="J61760" s="1" t="s">
        <v>206753</v>
      </c>
    </row>
    <row r="61761" spans="1:10" x14ac:dyDescent="0.35">
      <c r="A61761" s="1" t="s">
        <v>14150</v>
      </c>
      <c r="B61761" s="1" t="s">
        <v>201495</v>
      </c>
      <c r="C61761" s="1" t="s">
        <v>90</v>
      </c>
      <c r="D61761" s="1" t="s">
        <v>28773</v>
      </c>
      <c r="E61761" s="1" t="s">
        <v>206754</v>
      </c>
      <c r="F61761" s="1" t="s">
        <v>206755</v>
      </c>
      <c r="G61761" s="1" t="s">
        <v>206707</v>
      </c>
      <c r="H61761" s="1" t="s">
        <v>206708</v>
      </c>
      <c r="I61761" s="1" t="s">
        <v>201500</v>
      </c>
      <c r="J61761" s="1" t="s">
        <v>206756</v>
      </c>
    </row>
    <row r="61762" spans="1:10" x14ac:dyDescent="0.35">
      <c r="A61762" s="1" t="s">
        <v>14150</v>
      </c>
      <c r="B61762" s="1" t="s">
        <v>201495</v>
      </c>
      <c r="C61762" s="1" t="s">
        <v>95</v>
      </c>
      <c r="D61762" s="1" t="s">
        <v>27813</v>
      </c>
      <c r="E61762" s="1" t="s">
        <v>206757</v>
      </c>
      <c r="F61762" s="1" t="s">
        <v>206758</v>
      </c>
      <c r="G61762" s="1" t="s">
        <v>206707</v>
      </c>
      <c r="H61762" s="1" t="s">
        <v>206708</v>
      </c>
      <c r="I61762" s="1" t="s">
        <v>201500</v>
      </c>
      <c r="J61762" s="1" t="s">
        <v>206759</v>
      </c>
    </row>
    <row r="61763" spans="1:10" x14ac:dyDescent="0.35">
      <c r="A61763" s="1" t="s">
        <v>14150</v>
      </c>
      <c r="B61763" s="1" t="s">
        <v>201495</v>
      </c>
      <c r="C61763" s="1" t="s">
        <v>100</v>
      </c>
      <c r="D61763" s="1" t="s">
        <v>44998</v>
      </c>
      <c r="E61763" s="1" t="s">
        <v>206760</v>
      </c>
      <c r="F61763" s="1" t="s">
        <v>206761</v>
      </c>
      <c r="G61763" s="1" t="s">
        <v>206707</v>
      </c>
      <c r="H61763" s="1" t="s">
        <v>206708</v>
      </c>
      <c r="I61763" s="1" t="s">
        <v>201500</v>
      </c>
      <c r="J61763" s="1" t="s">
        <v>206762</v>
      </c>
    </row>
    <row r="61764" spans="1:10" x14ac:dyDescent="0.35">
      <c r="A61764" s="1" t="s">
        <v>14150</v>
      </c>
      <c r="B61764" s="1" t="s">
        <v>201495</v>
      </c>
      <c r="C61764" s="1" t="s">
        <v>105</v>
      </c>
      <c r="D61764" s="1" t="s">
        <v>2865</v>
      </c>
      <c r="E61764" s="1" t="s">
        <v>206763</v>
      </c>
      <c r="F61764" s="1" t="s">
        <v>206764</v>
      </c>
      <c r="G61764" s="1" t="s">
        <v>206707</v>
      </c>
      <c r="H61764" s="1" t="s">
        <v>206708</v>
      </c>
      <c r="I61764" s="1" t="s">
        <v>201500</v>
      </c>
      <c r="J61764" s="1" t="s">
        <v>206765</v>
      </c>
    </row>
    <row r="61765" spans="1:10" x14ac:dyDescent="0.35">
      <c r="A61765" s="1" t="s">
        <v>14150</v>
      </c>
      <c r="B61765" s="1" t="s">
        <v>201495</v>
      </c>
      <c r="C61765" s="1" t="s">
        <v>110</v>
      </c>
      <c r="D61765" s="1" t="s">
        <v>120816</v>
      </c>
      <c r="E61765" s="1" t="s">
        <v>206766</v>
      </c>
      <c r="F61765" s="1" t="s">
        <v>206767</v>
      </c>
      <c r="G61765" s="1" t="s">
        <v>206707</v>
      </c>
      <c r="H61765" s="1" t="s">
        <v>206708</v>
      </c>
      <c r="I61765" s="1" t="s">
        <v>201500</v>
      </c>
      <c r="J61765" s="1" t="s">
        <v>206768</v>
      </c>
    </row>
    <row r="61766" spans="1:10" x14ac:dyDescent="0.35">
      <c r="A61766" s="1" t="s">
        <v>14150</v>
      </c>
      <c r="B61766" s="1" t="s">
        <v>201495</v>
      </c>
      <c r="C61766" s="1" t="s">
        <v>115</v>
      </c>
      <c r="D61766" s="1" t="s">
        <v>141780</v>
      </c>
      <c r="E61766" s="1" t="s">
        <v>206769</v>
      </c>
      <c r="F61766" s="1" t="s">
        <v>206770</v>
      </c>
      <c r="G61766" s="1" t="s">
        <v>206707</v>
      </c>
      <c r="H61766" s="1" t="s">
        <v>206708</v>
      </c>
      <c r="I61766" s="1" t="s">
        <v>201500</v>
      </c>
      <c r="J61766" s="1" t="s">
        <v>206771</v>
      </c>
    </row>
    <row r="61767" spans="1:10" x14ac:dyDescent="0.35">
      <c r="A61767" s="1" t="s">
        <v>14150</v>
      </c>
      <c r="B61767" s="1" t="s">
        <v>201495</v>
      </c>
      <c r="C61767" s="1" t="s">
        <v>120</v>
      </c>
      <c r="D61767" s="1" t="s">
        <v>10853</v>
      </c>
      <c r="E61767" s="1" t="s">
        <v>206772</v>
      </c>
      <c r="F61767" s="1" t="s">
        <v>206773</v>
      </c>
      <c r="G61767" s="1" t="s">
        <v>206707</v>
      </c>
      <c r="H61767" s="1" t="s">
        <v>206708</v>
      </c>
      <c r="I61767" s="1" t="s">
        <v>201500</v>
      </c>
      <c r="J61767" s="1" t="s">
        <v>206774</v>
      </c>
    </row>
    <row r="61768" spans="1:10" x14ac:dyDescent="0.35">
      <c r="A61768" s="1" t="s">
        <v>14150</v>
      </c>
      <c r="B61768" s="1" t="s">
        <v>201495</v>
      </c>
      <c r="C61768" s="1" t="s">
        <v>125</v>
      </c>
      <c r="D61768" s="1" t="s">
        <v>118933</v>
      </c>
      <c r="E61768" s="1" t="s">
        <v>206775</v>
      </c>
      <c r="F61768" s="1" t="s">
        <v>206776</v>
      </c>
      <c r="G61768" s="1" t="s">
        <v>206707</v>
      </c>
      <c r="H61768" s="1" t="s">
        <v>206708</v>
      </c>
      <c r="I61768" s="1" t="s">
        <v>201500</v>
      </c>
      <c r="J61768" s="1" t="s">
        <v>206777</v>
      </c>
    </row>
    <row r="61769" spans="1:10" x14ac:dyDescent="0.35">
      <c r="A61769" s="1" t="s">
        <v>14150</v>
      </c>
      <c r="B61769" s="1" t="s">
        <v>201495</v>
      </c>
      <c r="C61769" s="1" t="s">
        <v>130</v>
      </c>
      <c r="D61769" s="1" t="s">
        <v>117057</v>
      </c>
      <c r="E61769" s="1" t="s">
        <v>206778</v>
      </c>
      <c r="F61769" s="1" t="s">
        <v>206779</v>
      </c>
      <c r="G61769" s="1" t="s">
        <v>206707</v>
      </c>
      <c r="H61769" s="1" t="s">
        <v>206708</v>
      </c>
      <c r="I61769" s="1" t="s">
        <v>201500</v>
      </c>
      <c r="J61769" s="1" t="s">
        <v>206780</v>
      </c>
    </row>
    <row r="61770" spans="1:10" x14ac:dyDescent="0.35">
      <c r="A61770" s="1" t="s">
        <v>14150</v>
      </c>
      <c r="B61770" s="1" t="s">
        <v>201495</v>
      </c>
      <c r="C61770" s="1" t="s">
        <v>135</v>
      </c>
      <c r="D61770" s="1" t="s">
        <v>28235</v>
      </c>
      <c r="E61770" s="1" t="s">
        <v>206781</v>
      </c>
      <c r="F61770" s="1" t="s">
        <v>206782</v>
      </c>
      <c r="G61770" s="1" t="s">
        <v>206707</v>
      </c>
      <c r="H61770" s="1" t="s">
        <v>206708</v>
      </c>
      <c r="I61770" s="1" t="s">
        <v>201500</v>
      </c>
      <c r="J61770" s="1" t="s">
        <v>206783</v>
      </c>
    </row>
    <row r="61771" spans="1:10" x14ac:dyDescent="0.35">
      <c r="A61771" s="1" t="s">
        <v>14150</v>
      </c>
      <c r="B61771" s="1" t="s">
        <v>201495</v>
      </c>
      <c r="C61771" s="1" t="s">
        <v>140</v>
      </c>
      <c r="D61771" s="1" t="s">
        <v>124593</v>
      </c>
      <c r="E61771" s="1" t="s">
        <v>206784</v>
      </c>
      <c r="F61771" s="1" t="s">
        <v>206785</v>
      </c>
      <c r="G61771" s="1" t="s">
        <v>206707</v>
      </c>
      <c r="H61771" s="1" t="s">
        <v>206708</v>
      </c>
      <c r="I61771" s="1" t="s">
        <v>201500</v>
      </c>
      <c r="J61771" s="1" t="s">
        <v>206786</v>
      </c>
    </row>
    <row r="61772" spans="1:10" x14ac:dyDescent="0.35">
      <c r="A61772" s="1" t="s">
        <v>14150</v>
      </c>
      <c r="B61772" s="1" t="s">
        <v>201495</v>
      </c>
      <c r="C61772" s="1" t="s">
        <v>145</v>
      </c>
      <c r="D61772" s="1" t="s">
        <v>3383</v>
      </c>
      <c r="E61772" s="1" t="s">
        <v>206787</v>
      </c>
      <c r="F61772" s="1" t="s">
        <v>206788</v>
      </c>
      <c r="G61772" s="1" t="s">
        <v>206707</v>
      </c>
      <c r="H61772" s="1" t="s">
        <v>206708</v>
      </c>
      <c r="I61772" s="1" t="s">
        <v>201500</v>
      </c>
      <c r="J61772" s="1" t="s">
        <v>206789</v>
      </c>
    </row>
    <row r="61773" spans="1:10" x14ac:dyDescent="0.35">
      <c r="A61773" s="1" t="s">
        <v>14150</v>
      </c>
      <c r="B61773" s="1" t="s">
        <v>201495</v>
      </c>
      <c r="C61773" s="1" t="s">
        <v>150</v>
      </c>
      <c r="D61773" s="1" t="s">
        <v>123475</v>
      </c>
      <c r="E61773" s="1" t="s">
        <v>206790</v>
      </c>
      <c r="F61773" s="1" t="s">
        <v>206791</v>
      </c>
      <c r="G61773" s="1" t="s">
        <v>206707</v>
      </c>
      <c r="H61773" s="1" t="s">
        <v>206708</v>
      </c>
      <c r="I61773" s="1" t="s">
        <v>201500</v>
      </c>
      <c r="J61773" s="1" t="s">
        <v>206792</v>
      </c>
    </row>
    <row r="61774" spans="1:10" x14ac:dyDescent="0.35">
      <c r="A61774" s="1" t="s">
        <v>14150</v>
      </c>
      <c r="B61774" s="1" t="s">
        <v>201495</v>
      </c>
      <c r="C61774" s="1" t="s">
        <v>155</v>
      </c>
      <c r="D61774" s="1" t="s">
        <v>34915</v>
      </c>
      <c r="E61774" s="1" t="s">
        <v>206793</v>
      </c>
      <c r="F61774" s="1" t="s">
        <v>206794</v>
      </c>
      <c r="G61774" s="1" t="s">
        <v>206707</v>
      </c>
      <c r="H61774" s="1" t="s">
        <v>206708</v>
      </c>
      <c r="I61774" s="1" t="s">
        <v>201500</v>
      </c>
      <c r="J61774" s="1" t="s">
        <v>206795</v>
      </c>
    </row>
    <row r="61775" spans="1:10" x14ac:dyDescent="0.35">
      <c r="A61775" s="1" t="s">
        <v>14150</v>
      </c>
      <c r="B61775" s="1" t="s">
        <v>201495</v>
      </c>
      <c r="C61775" s="1" t="s">
        <v>160</v>
      </c>
      <c r="D61775" s="1" t="s">
        <v>71166</v>
      </c>
      <c r="E61775" s="1" t="s">
        <v>206796</v>
      </c>
      <c r="F61775" s="1" t="s">
        <v>206797</v>
      </c>
      <c r="G61775" s="1" t="s">
        <v>206707</v>
      </c>
      <c r="H61775" s="1" t="s">
        <v>206708</v>
      </c>
      <c r="I61775" s="1" t="s">
        <v>201500</v>
      </c>
      <c r="J61775" s="1" t="s">
        <v>206798</v>
      </c>
    </row>
    <row r="61776" spans="1:10" x14ac:dyDescent="0.35">
      <c r="A61776" s="1" t="s">
        <v>14150</v>
      </c>
      <c r="B61776" s="1" t="s">
        <v>201495</v>
      </c>
      <c r="C61776" s="1" t="s">
        <v>165</v>
      </c>
      <c r="D61776" s="1" t="s">
        <v>49439</v>
      </c>
      <c r="E61776" s="1" t="s">
        <v>206799</v>
      </c>
      <c r="F61776" s="1" t="s">
        <v>206800</v>
      </c>
      <c r="G61776" s="1" t="s">
        <v>206707</v>
      </c>
      <c r="H61776" s="1" t="s">
        <v>206708</v>
      </c>
      <c r="I61776" s="1" t="s">
        <v>201500</v>
      </c>
      <c r="J61776" s="1" t="s">
        <v>206801</v>
      </c>
    </row>
    <row r="61777" spans="1:10" x14ac:dyDescent="0.35">
      <c r="A61777" s="1" t="s">
        <v>14150</v>
      </c>
      <c r="B61777" s="1" t="s">
        <v>201495</v>
      </c>
      <c r="C61777" s="1" t="s">
        <v>170</v>
      </c>
      <c r="D61777" s="1" t="s">
        <v>34700</v>
      </c>
      <c r="E61777" s="1" t="s">
        <v>206802</v>
      </c>
      <c r="F61777" s="1" t="s">
        <v>206803</v>
      </c>
      <c r="G61777" s="1" t="s">
        <v>206707</v>
      </c>
      <c r="H61777" s="1" t="s">
        <v>206708</v>
      </c>
      <c r="I61777" s="1" t="s">
        <v>201500</v>
      </c>
      <c r="J61777" s="1" t="s">
        <v>206804</v>
      </c>
    </row>
    <row r="61778" spans="1:10" x14ac:dyDescent="0.35">
      <c r="A61778" s="1" t="s">
        <v>206805</v>
      </c>
      <c r="B61778" s="1" t="s">
        <v>201495</v>
      </c>
      <c r="C61778" s="1" t="s">
        <v>8</v>
      </c>
      <c r="D61778" s="1" t="s">
        <v>75396</v>
      </c>
      <c r="E61778" s="1" t="s">
        <v>206806</v>
      </c>
      <c r="F61778" s="1" t="s">
        <v>206807</v>
      </c>
      <c r="G61778" s="1" t="s">
        <v>206808</v>
      </c>
      <c r="H61778" s="1" t="s">
        <v>206809</v>
      </c>
      <c r="I61778" s="1" t="s">
        <v>201500</v>
      </c>
      <c r="J61778" s="1" t="s">
        <v>13</v>
      </c>
    </row>
    <row r="61779" spans="1:10" x14ac:dyDescent="0.35">
      <c r="A61779" s="1" t="s">
        <v>206805</v>
      </c>
      <c r="B61779" s="1" t="s">
        <v>201495</v>
      </c>
      <c r="C61779" s="1" t="s">
        <v>15</v>
      </c>
      <c r="D61779" s="1" t="s">
        <v>197026</v>
      </c>
      <c r="E61779" s="1" t="s">
        <v>206810</v>
      </c>
      <c r="F61779" s="1" t="s">
        <v>206811</v>
      </c>
      <c r="G61779" s="1" t="s">
        <v>206808</v>
      </c>
      <c r="H61779" s="1" t="s">
        <v>206809</v>
      </c>
      <c r="I61779" s="1" t="s">
        <v>201500</v>
      </c>
      <c r="J61779" s="1" t="s">
        <v>206812</v>
      </c>
    </row>
    <row r="61780" spans="1:10" x14ac:dyDescent="0.35">
      <c r="A61780" s="1" t="s">
        <v>206805</v>
      </c>
      <c r="B61780" s="1" t="s">
        <v>201495</v>
      </c>
      <c r="C61780" s="1" t="s">
        <v>20</v>
      </c>
      <c r="D61780" s="1" t="s">
        <v>38549</v>
      </c>
      <c r="E61780" s="1" t="s">
        <v>206813</v>
      </c>
      <c r="F61780" s="1" t="s">
        <v>206814</v>
      </c>
      <c r="G61780" s="1" t="s">
        <v>206808</v>
      </c>
      <c r="H61780" s="1" t="s">
        <v>206809</v>
      </c>
      <c r="I61780" s="1" t="s">
        <v>201500</v>
      </c>
      <c r="J61780" s="1" t="s">
        <v>206815</v>
      </c>
    </row>
    <row r="61781" spans="1:10" x14ac:dyDescent="0.35">
      <c r="A61781" s="1" t="s">
        <v>206805</v>
      </c>
      <c r="B61781" s="1" t="s">
        <v>201495</v>
      </c>
      <c r="C61781" s="1" t="s">
        <v>25</v>
      </c>
      <c r="D61781" s="1" t="s">
        <v>125483</v>
      </c>
      <c r="E61781" s="1" t="s">
        <v>206816</v>
      </c>
      <c r="F61781" s="1" t="s">
        <v>206817</v>
      </c>
      <c r="G61781" s="1" t="s">
        <v>206808</v>
      </c>
      <c r="H61781" s="1" t="s">
        <v>206809</v>
      </c>
      <c r="I61781" s="1" t="s">
        <v>201500</v>
      </c>
      <c r="J61781" s="1" t="s">
        <v>206818</v>
      </c>
    </row>
    <row r="61782" spans="1:10" x14ac:dyDescent="0.35">
      <c r="A61782" s="1" t="s">
        <v>206805</v>
      </c>
      <c r="B61782" s="1" t="s">
        <v>201495</v>
      </c>
      <c r="C61782" s="1" t="s">
        <v>30</v>
      </c>
      <c r="D61782" s="1" t="s">
        <v>175039</v>
      </c>
      <c r="E61782" s="1" t="s">
        <v>206819</v>
      </c>
      <c r="F61782" s="1" t="s">
        <v>206820</v>
      </c>
      <c r="G61782" s="1" t="s">
        <v>206808</v>
      </c>
      <c r="H61782" s="1" t="s">
        <v>206809</v>
      </c>
      <c r="I61782" s="1" t="s">
        <v>201500</v>
      </c>
      <c r="J61782" s="1" t="s">
        <v>206821</v>
      </c>
    </row>
    <row r="61783" spans="1:10" x14ac:dyDescent="0.35">
      <c r="A61783" s="1" t="s">
        <v>206805</v>
      </c>
      <c r="B61783" s="1" t="s">
        <v>201495</v>
      </c>
      <c r="C61783" s="1" t="s">
        <v>35</v>
      </c>
      <c r="D61783" s="1" t="s">
        <v>32579</v>
      </c>
      <c r="E61783" s="1" t="s">
        <v>206822</v>
      </c>
      <c r="F61783" s="1" t="s">
        <v>206823</v>
      </c>
      <c r="G61783" s="1" t="s">
        <v>206808</v>
      </c>
      <c r="H61783" s="1" t="s">
        <v>206809</v>
      </c>
      <c r="I61783" s="1" t="s">
        <v>201500</v>
      </c>
      <c r="J61783" s="1" t="s">
        <v>206824</v>
      </c>
    </row>
    <row r="61784" spans="1:10" x14ac:dyDescent="0.35">
      <c r="A61784" s="1" t="s">
        <v>206805</v>
      </c>
      <c r="B61784" s="1" t="s">
        <v>201495</v>
      </c>
      <c r="C61784" s="1" t="s">
        <v>40</v>
      </c>
      <c r="D61784" s="1" t="s">
        <v>71319</v>
      </c>
      <c r="E61784" s="1" t="s">
        <v>206825</v>
      </c>
      <c r="F61784" s="1" t="s">
        <v>206826</v>
      </c>
      <c r="G61784" s="1" t="s">
        <v>206808</v>
      </c>
      <c r="H61784" s="1" t="s">
        <v>206809</v>
      </c>
      <c r="I61784" s="1" t="s">
        <v>201500</v>
      </c>
      <c r="J61784" s="1" t="s">
        <v>206827</v>
      </c>
    </row>
    <row r="61785" spans="1:10" x14ac:dyDescent="0.35">
      <c r="A61785" s="1" t="s">
        <v>206805</v>
      </c>
      <c r="B61785" s="1" t="s">
        <v>201495</v>
      </c>
      <c r="C61785" s="1" t="s">
        <v>45</v>
      </c>
      <c r="D61785" s="1" t="s">
        <v>206828</v>
      </c>
      <c r="E61785" s="1" t="s">
        <v>206829</v>
      </c>
      <c r="F61785" s="1" t="s">
        <v>206830</v>
      </c>
      <c r="G61785" s="1" t="s">
        <v>206808</v>
      </c>
      <c r="H61785" s="1" t="s">
        <v>206809</v>
      </c>
      <c r="I61785" s="1" t="s">
        <v>201500</v>
      </c>
      <c r="J61785" s="1" t="s">
        <v>206831</v>
      </c>
    </row>
    <row r="61786" spans="1:10" x14ac:dyDescent="0.35">
      <c r="A61786" s="1" t="s">
        <v>206805</v>
      </c>
      <c r="B61786" s="1" t="s">
        <v>201495</v>
      </c>
      <c r="C61786" s="1" t="s">
        <v>50</v>
      </c>
      <c r="D61786" s="1" t="s">
        <v>9613</v>
      </c>
      <c r="E61786" s="1" t="s">
        <v>206832</v>
      </c>
      <c r="F61786" s="1" t="s">
        <v>206833</v>
      </c>
      <c r="G61786" s="1" t="s">
        <v>206808</v>
      </c>
      <c r="H61786" s="1" t="s">
        <v>206809</v>
      </c>
      <c r="I61786" s="1" t="s">
        <v>201500</v>
      </c>
      <c r="J61786" s="1" t="s">
        <v>206834</v>
      </c>
    </row>
    <row r="61787" spans="1:10" x14ac:dyDescent="0.35">
      <c r="A61787" s="1" t="s">
        <v>206805</v>
      </c>
      <c r="B61787" s="1" t="s">
        <v>201495</v>
      </c>
      <c r="C61787" s="1" t="s">
        <v>55</v>
      </c>
      <c r="D61787" s="1" t="s">
        <v>31618</v>
      </c>
      <c r="E61787" s="1" t="s">
        <v>206835</v>
      </c>
      <c r="F61787" s="1" t="s">
        <v>206836</v>
      </c>
      <c r="G61787" s="1" t="s">
        <v>206808</v>
      </c>
      <c r="H61787" s="1" t="s">
        <v>206809</v>
      </c>
      <c r="I61787" s="1" t="s">
        <v>201500</v>
      </c>
      <c r="J61787" s="1" t="s">
        <v>206837</v>
      </c>
    </row>
    <row r="61788" spans="1:10" x14ac:dyDescent="0.35">
      <c r="A61788" s="1" t="s">
        <v>206805</v>
      </c>
      <c r="B61788" s="1" t="s">
        <v>201495</v>
      </c>
      <c r="C61788" s="1" t="s">
        <v>60</v>
      </c>
      <c r="D61788" s="1" t="s">
        <v>71194</v>
      </c>
      <c r="E61788" s="1" t="s">
        <v>206838</v>
      </c>
      <c r="F61788" s="1" t="s">
        <v>206839</v>
      </c>
      <c r="G61788" s="1" t="s">
        <v>206808</v>
      </c>
      <c r="H61788" s="1" t="s">
        <v>206809</v>
      </c>
      <c r="I61788" s="1" t="s">
        <v>201500</v>
      </c>
      <c r="J61788" s="1" t="s">
        <v>206840</v>
      </c>
    </row>
    <row r="61789" spans="1:10" x14ac:dyDescent="0.35">
      <c r="A61789" s="1" t="s">
        <v>206805</v>
      </c>
      <c r="B61789" s="1" t="s">
        <v>201495</v>
      </c>
      <c r="C61789" s="1" t="s">
        <v>65</v>
      </c>
      <c r="D61789" s="1" t="s">
        <v>12393</v>
      </c>
      <c r="E61789" s="1" t="s">
        <v>206841</v>
      </c>
      <c r="F61789" s="1" t="s">
        <v>206842</v>
      </c>
      <c r="G61789" s="1" t="s">
        <v>206808</v>
      </c>
      <c r="H61789" s="1" t="s">
        <v>206809</v>
      </c>
      <c r="I61789" s="1" t="s">
        <v>201500</v>
      </c>
      <c r="J61789" s="1" t="s">
        <v>206843</v>
      </c>
    </row>
    <row r="61790" spans="1:10" x14ac:dyDescent="0.35">
      <c r="A61790" s="1" t="s">
        <v>206805</v>
      </c>
      <c r="B61790" s="1" t="s">
        <v>201495</v>
      </c>
      <c r="C61790" s="1" t="s">
        <v>70</v>
      </c>
      <c r="D61790" s="1" t="s">
        <v>142246</v>
      </c>
      <c r="E61790" s="1" t="s">
        <v>206844</v>
      </c>
      <c r="F61790" s="1" t="s">
        <v>206845</v>
      </c>
      <c r="G61790" s="1" t="s">
        <v>206808</v>
      </c>
      <c r="H61790" s="1" t="s">
        <v>206809</v>
      </c>
      <c r="I61790" s="1" t="s">
        <v>201500</v>
      </c>
      <c r="J61790" s="1" t="s">
        <v>206846</v>
      </c>
    </row>
    <row r="61791" spans="1:10" x14ac:dyDescent="0.35">
      <c r="A61791" s="1" t="s">
        <v>206805</v>
      </c>
      <c r="B61791" s="1" t="s">
        <v>201495</v>
      </c>
      <c r="C61791" s="1" t="s">
        <v>75</v>
      </c>
      <c r="D61791" s="1" t="s">
        <v>206847</v>
      </c>
      <c r="E61791" s="1" t="s">
        <v>206848</v>
      </c>
      <c r="F61791" s="1" t="s">
        <v>206849</v>
      </c>
      <c r="G61791" s="1" t="s">
        <v>206808</v>
      </c>
      <c r="H61791" s="1" t="s">
        <v>206809</v>
      </c>
      <c r="I61791" s="1" t="s">
        <v>201500</v>
      </c>
      <c r="J61791" s="1" t="s">
        <v>206850</v>
      </c>
    </row>
    <row r="61792" spans="1:10" x14ac:dyDescent="0.35">
      <c r="A61792" s="1" t="s">
        <v>206805</v>
      </c>
      <c r="B61792" s="1" t="s">
        <v>201495</v>
      </c>
      <c r="C61792" s="1" t="s">
        <v>80</v>
      </c>
      <c r="D61792" s="1" t="s">
        <v>104909</v>
      </c>
      <c r="E61792" s="1" t="s">
        <v>206851</v>
      </c>
      <c r="F61792" s="1" t="s">
        <v>206852</v>
      </c>
      <c r="G61792" s="1" t="s">
        <v>206808</v>
      </c>
      <c r="H61792" s="1" t="s">
        <v>206809</v>
      </c>
      <c r="I61792" s="1" t="s">
        <v>201500</v>
      </c>
      <c r="J61792" s="1" t="s">
        <v>206853</v>
      </c>
    </row>
    <row r="61793" spans="1:10" x14ac:dyDescent="0.35">
      <c r="A61793" s="1" t="s">
        <v>206805</v>
      </c>
      <c r="B61793" s="1" t="s">
        <v>201495</v>
      </c>
      <c r="C61793" s="1" t="s">
        <v>85</v>
      </c>
      <c r="D61793" s="1" t="s">
        <v>16188</v>
      </c>
      <c r="E61793" s="1" t="s">
        <v>206854</v>
      </c>
      <c r="F61793" s="1" t="s">
        <v>206855</v>
      </c>
      <c r="G61793" s="1" t="s">
        <v>206808</v>
      </c>
      <c r="H61793" s="1" t="s">
        <v>206809</v>
      </c>
      <c r="I61793" s="1" t="s">
        <v>201500</v>
      </c>
      <c r="J61793" s="1" t="s">
        <v>206856</v>
      </c>
    </row>
    <row r="61794" spans="1:10" x14ac:dyDescent="0.35">
      <c r="A61794" s="1" t="s">
        <v>206805</v>
      </c>
      <c r="B61794" s="1" t="s">
        <v>201495</v>
      </c>
      <c r="C61794" s="1" t="s">
        <v>90</v>
      </c>
      <c r="D61794" s="1" t="s">
        <v>50302</v>
      </c>
      <c r="E61794" s="1" t="s">
        <v>206857</v>
      </c>
      <c r="F61794" s="1" t="s">
        <v>206858</v>
      </c>
      <c r="G61794" s="1" t="s">
        <v>206808</v>
      </c>
      <c r="H61794" s="1" t="s">
        <v>206809</v>
      </c>
      <c r="I61794" s="1" t="s">
        <v>201500</v>
      </c>
      <c r="J61794" s="1" t="s">
        <v>206859</v>
      </c>
    </row>
    <row r="61795" spans="1:10" x14ac:dyDescent="0.35">
      <c r="A61795" s="1" t="s">
        <v>206805</v>
      </c>
      <c r="B61795" s="1" t="s">
        <v>201495</v>
      </c>
      <c r="C61795" s="1" t="s">
        <v>95</v>
      </c>
      <c r="D61795" s="1" t="s">
        <v>74948</v>
      </c>
      <c r="E61795" s="1" t="s">
        <v>206860</v>
      </c>
      <c r="F61795" s="1" t="s">
        <v>206861</v>
      </c>
      <c r="G61795" s="1" t="s">
        <v>206808</v>
      </c>
      <c r="H61795" s="1" t="s">
        <v>206809</v>
      </c>
      <c r="I61795" s="1" t="s">
        <v>201500</v>
      </c>
      <c r="J61795" s="1" t="s">
        <v>206862</v>
      </c>
    </row>
    <row r="61796" spans="1:10" x14ac:dyDescent="0.35">
      <c r="A61796" s="1" t="s">
        <v>206805</v>
      </c>
      <c r="B61796" s="1" t="s">
        <v>201495</v>
      </c>
      <c r="C61796" s="1" t="s">
        <v>100</v>
      </c>
      <c r="D61796" s="1" t="s">
        <v>30983</v>
      </c>
      <c r="E61796" s="1" t="s">
        <v>206863</v>
      </c>
      <c r="F61796" s="1" t="s">
        <v>206864</v>
      </c>
      <c r="G61796" s="1" t="s">
        <v>206808</v>
      </c>
      <c r="H61796" s="1" t="s">
        <v>206809</v>
      </c>
      <c r="I61796" s="1" t="s">
        <v>201500</v>
      </c>
      <c r="J61796" s="1" t="s">
        <v>206865</v>
      </c>
    </row>
    <row r="61797" spans="1:10" x14ac:dyDescent="0.35">
      <c r="A61797" s="1" t="s">
        <v>206805</v>
      </c>
      <c r="B61797" s="1" t="s">
        <v>201495</v>
      </c>
      <c r="C61797" s="1" t="s">
        <v>105</v>
      </c>
      <c r="D61797" s="1" t="s">
        <v>206866</v>
      </c>
      <c r="E61797" s="1" t="s">
        <v>206867</v>
      </c>
      <c r="F61797" s="1" t="s">
        <v>206868</v>
      </c>
      <c r="G61797" s="1" t="s">
        <v>206808</v>
      </c>
      <c r="H61797" s="1" t="s">
        <v>206809</v>
      </c>
      <c r="I61797" s="1" t="s">
        <v>201500</v>
      </c>
      <c r="J61797" s="1" t="s">
        <v>206869</v>
      </c>
    </row>
    <row r="61798" spans="1:10" x14ac:dyDescent="0.35">
      <c r="A61798" s="1" t="s">
        <v>206805</v>
      </c>
      <c r="B61798" s="1" t="s">
        <v>201495</v>
      </c>
      <c r="C61798" s="1" t="s">
        <v>110</v>
      </c>
      <c r="D61798" s="1" t="s">
        <v>31537</v>
      </c>
      <c r="E61798" s="1" t="s">
        <v>206870</v>
      </c>
      <c r="F61798" s="1" t="s">
        <v>206871</v>
      </c>
      <c r="G61798" s="1" t="s">
        <v>206808</v>
      </c>
      <c r="H61798" s="1" t="s">
        <v>206809</v>
      </c>
      <c r="I61798" s="1" t="s">
        <v>201500</v>
      </c>
      <c r="J61798" s="1" t="s">
        <v>206872</v>
      </c>
    </row>
    <row r="61799" spans="1:10" x14ac:dyDescent="0.35">
      <c r="A61799" s="1" t="s">
        <v>206805</v>
      </c>
      <c r="B61799" s="1" t="s">
        <v>201495</v>
      </c>
      <c r="C61799" s="1" t="s">
        <v>115</v>
      </c>
      <c r="D61799" s="1" t="s">
        <v>206873</v>
      </c>
      <c r="E61799" s="1" t="s">
        <v>206874</v>
      </c>
      <c r="F61799" s="1" t="s">
        <v>206875</v>
      </c>
      <c r="G61799" s="1" t="s">
        <v>206808</v>
      </c>
      <c r="H61799" s="1" t="s">
        <v>206809</v>
      </c>
      <c r="I61799" s="1" t="s">
        <v>201500</v>
      </c>
      <c r="J61799" s="1" t="s">
        <v>206876</v>
      </c>
    </row>
    <row r="61800" spans="1:10" x14ac:dyDescent="0.35">
      <c r="A61800" s="1" t="s">
        <v>206805</v>
      </c>
      <c r="B61800" s="1" t="s">
        <v>201495</v>
      </c>
      <c r="C61800" s="1" t="s">
        <v>120</v>
      </c>
      <c r="D61800" s="1" t="s">
        <v>888</v>
      </c>
      <c r="E61800" s="1" t="s">
        <v>206877</v>
      </c>
      <c r="F61800" s="1" t="s">
        <v>206878</v>
      </c>
      <c r="G61800" s="1" t="s">
        <v>206808</v>
      </c>
      <c r="H61800" s="1" t="s">
        <v>206809</v>
      </c>
      <c r="I61800" s="1" t="s">
        <v>201500</v>
      </c>
      <c r="J61800" s="1" t="s">
        <v>206879</v>
      </c>
    </row>
    <row r="61801" spans="1:10" x14ac:dyDescent="0.35">
      <c r="A61801" s="1" t="s">
        <v>206805</v>
      </c>
      <c r="B61801" s="1" t="s">
        <v>201495</v>
      </c>
      <c r="C61801" s="1" t="s">
        <v>125</v>
      </c>
      <c r="D61801" s="1" t="s">
        <v>190261</v>
      </c>
      <c r="E61801" s="1" t="s">
        <v>206880</v>
      </c>
      <c r="F61801" s="1" t="s">
        <v>206881</v>
      </c>
      <c r="G61801" s="1" t="s">
        <v>206808</v>
      </c>
      <c r="H61801" s="1" t="s">
        <v>206809</v>
      </c>
      <c r="I61801" s="1" t="s">
        <v>201500</v>
      </c>
      <c r="J61801" s="1" t="s">
        <v>206882</v>
      </c>
    </row>
    <row r="61802" spans="1:10" x14ac:dyDescent="0.35">
      <c r="A61802" s="1" t="s">
        <v>206805</v>
      </c>
      <c r="B61802" s="1" t="s">
        <v>201495</v>
      </c>
      <c r="C61802" s="1" t="s">
        <v>130</v>
      </c>
      <c r="D61802" s="1" t="s">
        <v>36438</v>
      </c>
      <c r="E61802" s="1" t="s">
        <v>206883</v>
      </c>
      <c r="F61802" s="1" t="s">
        <v>206884</v>
      </c>
      <c r="G61802" s="1" t="s">
        <v>206808</v>
      </c>
      <c r="H61802" s="1" t="s">
        <v>206809</v>
      </c>
      <c r="I61802" s="1" t="s">
        <v>201500</v>
      </c>
      <c r="J61802" s="1" t="s">
        <v>206885</v>
      </c>
    </row>
    <row r="61803" spans="1:10" x14ac:dyDescent="0.35">
      <c r="A61803" s="1" t="s">
        <v>206805</v>
      </c>
      <c r="B61803" s="1" t="s">
        <v>201495</v>
      </c>
      <c r="C61803" s="1" t="s">
        <v>135</v>
      </c>
      <c r="D61803" s="1" t="s">
        <v>70679</v>
      </c>
      <c r="E61803" s="1" t="s">
        <v>206886</v>
      </c>
      <c r="F61803" s="1" t="s">
        <v>206887</v>
      </c>
      <c r="G61803" s="1" t="s">
        <v>206808</v>
      </c>
      <c r="H61803" s="1" t="s">
        <v>206809</v>
      </c>
      <c r="I61803" s="1" t="s">
        <v>201500</v>
      </c>
      <c r="J61803" s="1" t="s">
        <v>206888</v>
      </c>
    </row>
    <row r="61804" spans="1:10" x14ac:dyDescent="0.35">
      <c r="A61804" s="1" t="s">
        <v>206805</v>
      </c>
      <c r="B61804" s="1" t="s">
        <v>201495</v>
      </c>
      <c r="C61804" s="1" t="s">
        <v>140</v>
      </c>
      <c r="D61804" s="1" t="s">
        <v>125871</v>
      </c>
      <c r="E61804" s="1" t="s">
        <v>206889</v>
      </c>
      <c r="F61804" s="1" t="s">
        <v>206890</v>
      </c>
      <c r="G61804" s="1" t="s">
        <v>206808</v>
      </c>
      <c r="H61804" s="1" t="s">
        <v>206809</v>
      </c>
      <c r="I61804" s="1" t="s">
        <v>201500</v>
      </c>
      <c r="J61804" s="1" t="s">
        <v>206891</v>
      </c>
    </row>
    <row r="61805" spans="1:10" x14ac:dyDescent="0.35">
      <c r="A61805" s="1" t="s">
        <v>206805</v>
      </c>
      <c r="B61805" s="1" t="s">
        <v>201495</v>
      </c>
      <c r="C61805" s="1" t="s">
        <v>145</v>
      </c>
      <c r="D61805" s="1" t="s">
        <v>18506</v>
      </c>
      <c r="E61805" s="1" t="s">
        <v>206892</v>
      </c>
      <c r="F61805" s="1" t="s">
        <v>206893</v>
      </c>
      <c r="G61805" s="1" t="s">
        <v>206808</v>
      </c>
      <c r="H61805" s="1" t="s">
        <v>206809</v>
      </c>
      <c r="I61805" s="1" t="s">
        <v>201500</v>
      </c>
      <c r="J61805" s="1" t="s">
        <v>206894</v>
      </c>
    </row>
    <row r="61806" spans="1:10" x14ac:dyDescent="0.35">
      <c r="A61806" s="1" t="s">
        <v>206805</v>
      </c>
      <c r="B61806" s="1" t="s">
        <v>201495</v>
      </c>
      <c r="C61806" s="1" t="s">
        <v>150</v>
      </c>
      <c r="D61806" s="1" t="s">
        <v>206895</v>
      </c>
      <c r="E61806" s="1" t="s">
        <v>206896</v>
      </c>
      <c r="F61806" s="1" t="s">
        <v>206897</v>
      </c>
      <c r="G61806" s="1" t="s">
        <v>206808</v>
      </c>
      <c r="H61806" s="1" t="s">
        <v>206809</v>
      </c>
      <c r="I61806" s="1" t="s">
        <v>201500</v>
      </c>
      <c r="J61806" s="1" t="s">
        <v>206898</v>
      </c>
    </row>
    <row r="61807" spans="1:10" x14ac:dyDescent="0.35">
      <c r="A61807" s="1" t="s">
        <v>206805</v>
      </c>
      <c r="B61807" s="1" t="s">
        <v>201495</v>
      </c>
      <c r="C61807" s="1" t="s">
        <v>155</v>
      </c>
      <c r="D61807" s="1" t="s">
        <v>113432</v>
      </c>
      <c r="E61807" s="1" t="s">
        <v>206899</v>
      </c>
      <c r="F61807" s="1" t="s">
        <v>206900</v>
      </c>
      <c r="G61807" s="1" t="s">
        <v>206808</v>
      </c>
      <c r="H61807" s="1" t="s">
        <v>206809</v>
      </c>
      <c r="I61807" s="1" t="s">
        <v>201500</v>
      </c>
      <c r="J61807" s="1" t="s">
        <v>206901</v>
      </c>
    </row>
    <row r="61808" spans="1:10" x14ac:dyDescent="0.35">
      <c r="A61808" s="1" t="s">
        <v>206805</v>
      </c>
      <c r="B61808" s="1" t="s">
        <v>201495</v>
      </c>
      <c r="C61808" s="1" t="s">
        <v>160</v>
      </c>
      <c r="D61808" s="1" t="s">
        <v>50298</v>
      </c>
      <c r="E61808" s="1" t="s">
        <v>206902</v>
      </c>
      <c r="F61808" s="1" t="s">
        <v>206903</v>
      </c>
      <c r="G61808" s="1" t="s">
        <v>206808</v>
      </c>
      <c r="H61808" s="1" t="s">
        <v>206809</v>
      </c>
      <c r="I61808" s="1" t="s">
        <v>201500</v>
      </c>
      <c r="J61808" s="1" t="s">
        <v>206904</v>
      </c>
    </row>
    <row r="61809" spans="1:10" x14ac:dyDescent="0.35">
      <c r="A61809" s="1" t="s">
        <v>206805</v>
      </c>
      <c r="B61809" s="1" t="s">
        <v>201495</v>
      </c>
      <c r="C61809" s="1" t="s">
        <v>165</v>
      </c>
      <c r="D61809" s="1" t="s">
        <v>113321</v>
      </c>
      <c r="E61809" s="1" t="s">
        <v>206905</v>
      </c>
      <c r="F61809" s="1" t="s">
        <v>206906</v>
      </c>
      <c r="G61809" s="1" t="s">
        <v>206808</v>
      </c>
      <c r="H61809" s="1" t="s">
        <v>206809</v>
      </c>
      <c r="I61809" s="1" t="s">
        <v>201500</v>
      </c>
      <c r="J61809" s="1" t="s">
        <v>206907</v>
      </c>
    </row>
    <row r="61810" spans="1:10" x14ac:dyDescent="0.35">
      <c r="A61810" s="1" t="s">
        <v>206805</v>
      </c>
      <c r="B61810" s="1" t="s">
        <v>201495</v>
      </c>
      <c r="C61810" s="1" t="s">
        <v>170</v>
      </c>
      <c r="D61810" s="1" t="s">
        <v>206908</v>
      </c>
      <c r="E61810" s="1" t="s">
        <v>206909</v>
      </c>
      <c r="F61810" s="1" t="s">
        <v>206910</v>
      </c>
      <c r="G61810" s="1" t="s">
        <v>206808</v>
      </c>
      <c r="H61810" s="1" t="s">
        <v>206809</v>
      </c>
      <c r="I61810" s="1" t="s">
        <v>201500</v>
      </c>
      <c r="J61810" s="1" t="s">
        <v>206911</v>
      </c>
    </row>
    <row r="61811" spans="1:10" x14ac:dyDescent="0.35">
      <c r="A61811" s="1" t="s">
        <v>27626</v>
      </c>
      <c r="B61811" s="1" t="s">
        <v>201495</v>
      </c>
      <c r="C61811" s="1" t="s">
        <v>8</v>
      </c>
      <c r="D61811" s="1" t="s">
        <v>205989</v>
      </c>
      <c r="E61811" s="1" t="s">
        <v>206912</v>
      </c>
      <c r="F61811" s="1" t="s">
        <v>206913</v>
      </c>
      <c r="G61811" s="1" t="s">
        <v>206914</v>
      </c>
      <c r="H61811" s="1" t="s">
        <v>206915</v>
      </c>
      <c r="I61811" s="1" t="s">
        <v>201500</v>
      </c>
      <c r="J61811" s="1" t="s">
        <v>13</v>
      </c>
    </row>
    <row r="61812" spans="1:10" x14ac:dyDescent="0.35">
      <c r="A61812" s="1" t="s">
        <v>27626</v>
      </c>
      <c r="B61812" s="1" t="s">
        <v>201495</v>
      </c>
      <c r="C61812" s="1" t="s">
        <v>15</v>
      </c>
      <c r="D61812" s="1" t="s">
        <v>151607</v>
      </c>
      <c r="E61812" s="1" t="s">
        <v>206916</v>
      </c>
      <c r="F61812" s="1" t="s">
        <v>206917</v>
      </c>
      <c r="G61812" s="1" t="s">
        <v>206914</v>
      </c>
      <c r="H61812" s="1" t="s">
        <v>206915</v>
      </c>
      <c r="I61812" s="1" t="s">
        <v>201500</v>
      </c>
      <c r="J61812" s="1" t="s">
        <v>206918</v>
      </c>
    </row>
    <row r="61813" spans="1:10" x14ac:dyDescent="0.35">
      <c r="A61813" s="1" t="s">
        <v>27626</v>
      </c>
      <c r="B61813" s="1" t="s">
        <v>201495</v>
      </c>
      <c r="C61813" s="1" t="s">
        <v>20</v>
      </c>
      <c r="D61813" s="1" t="s">
        <v>146354</v>
      </c>
      <c r="E61813" s="1" t="s">
        <v>206919</v>
      </c>
      <c r="F61813" s="1" t="s">
        <v>206920</v>
      </c>
      <c r="G61813" s="1" t="s">
        <v>206914</v>
      </c>
      <c r="H61813" s="1" t="s">
        <v>206915</v>
      </c>
      <c r="I61813" s="1" t="s">
        <v>201500</v>
      </c>
      <c r="J61813" s="1" t="s">
        <v>206921</v>
      </c>
    </row>
    <row r="61814" spans="1:10" x14ac:dyDescent="0.35">
      <c r="A61814" s="1" t="s">
        <v>27626</v>
      </c>
      <c r="B61814" s="1" t="s">
        <v>201495</v>
      </c>
      <c r="C61814" s="1" t="s">
        <v>25</v>
      </c>
      <c r="D61814" s="1" t="s">
        <v>144701</v>
      </c>
      <c r="E61814" s="1" t="s">
        <v>206922</v>
      </c>
      <c r="F61814" s="1" t="s">
        <v>206923</v>
      </c>
      <c r="G61814" s="1" t="s">
        <v>206914</v>
      </c>
      <c r="H61814" s="1" t="s">
        <v>206915</v>
      </c>
      <c r="I61814" s="1" t="s">
        <v>201500</v>
      </c>
      <c r="J61814" s="1" t="s">
        <v>206924</v>
      </c>
    </row>
    <row r="61815" spans="1:10" x14ac:dyDescent="0.35">
      <c r="A61815" s="1" t="s">
        <v>27626</v>
      </c>
      <c r="B61815" s="1" t="s">
        <v>201495</v>
      </c>
      <c r="C61815" s="1" t="s">
        <v>30</v>
      </c>
      <c r="D61815" s="1" t="s">
        <v>194937</v>
      </c>
      <c r="E61815" s="1" t="s">
        <v>206925</v>
      </c>
      <c r="F61815" s="1" t="s">
        <v>206926</v>
      </c>
      <c r="G61815" s="1" t="s">
        <v>206914</v>
      </c>
      <c r="H61815" s="1" t="s">
        <v>206915</v>
      </c>
      <c r="I61815" s="1" t="s">
        <v>201500</v>
      </c>
      <c r="J61815" s="1" t="s">
        <v>206927</v>
      </c>
    </row>
    <row r="61816" spans="1:10" x14ac:dyDescent="0.35">
      <c r="A61816" s="1" t="s">
        <v>27626</v>
      </c>
      <c r="B61816" s="1" t="s">
        <v>201495</v>
      </c>
      <c r="C61816" s="1" t="s">
        <v>35</v>
      </c>
      <c r="D61816" s="1" t="s">
        <v>15449</v>
      </c>
      <c r="E61816" s="1" t="s">
        <v>206928</v>
      </c>
      <c r="F61816" s="1" t="s">
        <v>206929</v>
      </c>
      <c r="G61816" s="1" t="s">
        <v>206914</v>
      </c>
      <c r="H61816" s="1" t="s">
        <v>206915</v>
      </c>
      <c r="I61816" s="1" t="s">
        <v>201500</v>
      </c>
      <c r="J61816" s="1" t="s">
        <v>206930</v>
      </c>
    </row>
    <row r="61817" spans="1:10" x14ac:dyDescent="0.35">
      <c r="A61817" s="1" t="s">
        <v>27626</v>
      </c>
      <c r="B61817" s="1" t="s">
        <v>201495</v>
      </c>
      <c r="C61817" s="1" t="s">
        <v>40</v>
      </c>
      <c r="D61817" s="1" t="s">
        <v>44165</v>
      </c>
      <c r="E61817" s="1" t="s">
        <v>206931</v>
      </c>
      <c r="F61817" s="1" t="s">
        <v>206932</v>
      </c>
      <c r="G61817" s="1" t="s">
        <v>206914</v>
      </c>
      <c r="H61817" s="1" t="s">
        <v>206915</v>
      </c>
      <c r="I61817" s="1" t="s">
        <v>201500</v>
      </c>
      <c r="J61817" s="1" t="s">
        <v>206933</v>
      </c>
    </row>
    <row r="61818" spans="1:10" x14ac:dyDescent="0.35">
      <c r="A61818" s="1" t="s">
        <v>27626</v>
      </c>
      <c r="B61818" s="1" t="s">
        <v>201495</v>
      </c>
      <c r="C61818" s="1" t="s">
        <v>45</v>
      </c>
      <c r="D61818" s="1" t="s">
        <v>28115</v>
      </c>
      <c r="E61818" s="1" t="s">
        <v>206934</v>
      </c>
      <c r="F61818" s="1" t="s">
        <v>206935</v>
      </c>
      <c r="G61818" s="1" t="s">
        <v>206914</v>
      </c>
      <c r="H61818" s="1" t="s">
        <v>206915</v>
      </c>
      <c r="I61818" s="1" t="s">
        <v>201500</v>
      </c>
      <c r="J61818" s="1" t="s">
        <v>206936</v>
      </c>
    </row>
    <row r="61819" spans="1:10" x14ac:dyDescent="0.35">
      <c r="A61819" s="1" t="s">
        <v>27626</v>
      </c>
      <c r="B61819" s="1" t="s">
        <v>201495</v>
      </c>
      <c r="C61819" s="1" t="s">
        <v>50</v>
      </c>
      <c r="D61819" s="1" t="s">
        <v>206937</v>
      </c>
      <c r="E61819" s="1" t="s">
        <v>206938</v>
      </c>
      <c r="F61819" s="1" t="s">
        <v>206939</v>
      </c>
      <c r="G61819" s="1" t="s">
        <v>206914</v>
      </c>
      <c r="H61819" s="1" t="s">
        <v>206915</v>
      </c>
      <c r="I61819" s="1" t="s">
        <v>201500</v>
      </c>
      <c r="J61819" s="1" t="s">
        <v>206940</v>
      </c>
    </row>
    <row r="61820" spans="1:10" x14ac:dyDescent="0.35">
      <c r="A61820" s="1" t="s">
        <v>27626</v>
      </c>
      <c r="B61820" s="1" t="s">
        <v>201495</v>
      </c>
      <c r="C61820" s="1" t="s">
        <v>55</v>
      </c>
      <c r="D61820" s="1" t="s">
        <v>2901</v>
      </c>
      <c r="E61820" s="1" t="s">
        <v>206941</v>
      </c>
      <c r="F61820" s="1" t="s">
        <v>206942</v>
      </c>
      <c r="G61820" s="1" t="s">
        <v>206914</v>
      </c>
      <c r="H61820" s="1" t="s">
        <v>206915</v>
      </c>
      <c r="I61820" s="1" t="s">
        <v>201500</v>
      </c>
      <c r="J61820" s="1" t="s">
        <v>206943</v>
      </c>
    </row>
    <row r="61821" spans="1:10" x14ac:dyDescent="0.35">
      <c r="A61821" s="1" t="s">
        <v>27626</v>
      </c>
      <c r="B61821" s="1" t="s">
        <v>201495</v>
      </c>
      <c r="C61821" s="1" t="s">
        <v>60</v>
      </c>
      <c r="D61821" s="1" t="s">
        <v>158218</v>
      </c>
      <c r="E61821" s="1" t="s">
        <v>206944</v>
      </c>
      <c r="F61821" s="1" t="s">
        <v>206945</v>
      </c>
      <c r="G61821" s="1" t="s">
        <v>206914</v>
      </c>
      <c r="H61821" s="1" t="s">
        <v>206915</v>
      </c>
      <c r="I61821" s="1" t="s">
        <v>201500</v>
      </c>
      <c r="J61821" s="1" t="s">
        <v>206946</v>
      </c>
    </row>
    <row r="61822" spans="1:10" x14ac:dyDescent="0.35">
      <c r="A61822" s="1" t="s">
        <v>27626</v>
      </c>
      <c r="B61822" s="1" t="s">
        <v>201495</v>
      </c>
      <c r="C61822" s="1" t="s">
        <v>65</v>
      </c>
      <c r="D61822" s="1" t="s">
        <v>30171</v>
      </c>
      <c r="E61822" s="1" t="s">
        <v>206947</v>
      </c>
      <c r="F61822" s="1" t="s">
        <v>206948</v>
      </c>
      <c r="G61822" s="1" t="s">
        <v>206914</v>
      </c>
      <c r="H61822" s="1" t="s">
        <v>206915</v>
      </c>
      <c r="I61822" s="1" t="s">
        <v>201500</v>
      </c>
      <c r="J61822" s="1" t="s">
        <v>206949</v>
      </c>
    </row>
    <row r="61823" spans="1:10" x14ac:dyDescent="0.35">
      <c r="A61823" s="1" t="s">
        <v>27626</v>
      </c>
      <c r="B61823" s="1" t="s">
        <v>201495</v>
      </c>
      <c r="C61823" s="1" t="s">
        <v>70</v>
      </c>
      <c r="D61823" s="1" t="s">
        <v>28566</v>
      </c>
      <c r="E61823" s="1" t="s">
        <v>206950</v>
      </c>
      <c r="F61823" s="1" t="s">
        <v>206951</v>
      </c>
      <c r="G61823" s="1" t="s">
        <v>206914</v>
      </c>
      <c r="H61823" s="1" t="s">
        <v>206915</v>
      </c>
      <c r="I61823" s="1" t="s">
        <v>201500</v>
      </c>
      <c r="J61823" s="1" t="s">
        <v>189235</v>
      </c>
    </row>
    <row r="61824" spans="1:10" x14ac:dyDescent="0.35">
      <c r="A61824" s="1" t="s">
        <v>27626</v>
      </c>
      <c r="B61824" s="1" t="s">
        <v>201495</v>
      </c>
      <c r="C61824" s="1" t="s">
        <v>75</v>
      </c>
      <c r="D61824" s="1" t="s">
        <v>206952</v>
      </c>
      <c r="E61824" s="1" t="s">
        <v>206953</v>
      </c>
      <c r="F61824" s="1" t="s">
        <v>206954</v>
      </c>
      <c r="G61824" s="1" t="s">
        <v>206914</v>
      </c>
      <c r="H61824" s="1" t="s">
        <v>206915</v>
      </c>
      <c r="I61824" s="1" t="s">
        <v>201500</v>
      </c>
      <c r="J61824" s="1" t="s">
        <v>206955</v>
      </c>
    </row>
    <row r="61825" spans="1:10" x14ac:dyDescent="0.35">
      <c r="A61825" s="1" t="s">
        <v>27626</v>
      </c>
      <c r="B61825" s="1" t="s">
        <v>201495</v>
      </c>
      <c r="C61825" s="1" t="s">
        <v>80</v>
      </c>
      <c r="D61825" s="1" t="s">
        <v>121767</v>
      </c>
      <c r="E61825" s="1" t="s">
        <v>206956</v>
      </c>
      <c r="F61825" s="1" t="s">
        <v>206957</v>
      </c>
      <c r="G61825" s="1" t="s">
        <v>206914</v>
      </c>
      <c r="H61825" s="1" t="s">
        <v>206915</v>
      </c>
      <c r="I61825" s="1" t="s">
        <v>201500</v>
      </c>
      <c r="J61825" s="1" t="s">
        <v>206958</v>
      </c>
    </row>
    <row r="61826" spans="1:10" x14ac:dyDescent="0.35">
      <c r="A61826" s="1" t="s">
        <v>27626</v>
      </c>
      <c r="B61826" s="1" t="s">
        <v>201495</v>
      </c>
      <c r="C61826" s="1" t="s">
        <v>85</v>
      </c>
      <c r="D61826" s="1" t="s">
        <v>148926</v>
      </c>
      <c r="E61826" s="1" t="s">
        <v>206959</v>
      </c>
      <c r="F61826" s="1" t="s">
        <v>206960</v>
      </c>
      <c r="G61826" s="1" t="s">
        <v>206914</v>
      </c>
      <c r="H61826" s="1" t="s">
        <v>206915</v>
      </c>
      <c r="I61826" s="1" t="s">
        <v>201500</v>
      </c>
      <c r="J61826" s="1" t="s">
        <v>206961</v>
      </c>
    </row>
    <row r="61827" spans="1:10" x14ac:dyDescent="0.35">
      <c r="A61827" s="1" t="s">
        <v>27626</v>
      </c>
      <c r="B61827" s="1" t="s">
        <v>201495</v>
      </c>
      <c r="C61827" s="1" t="s">
        <v>90</v>
      </c>
      <c r="D61827" s="1" t="s">
        <v>145209</v>
      </c>
      <c r="E61827" s="1" t="s">
        <v>110964</v>
      </c>
      <c r="F61827" s="1" t="s">
        <v>206962</v>
      </c>
      <c r="G61827" s="1" t="s">
        <v>206914</v>
      </c>
      <c r="H61827" s="1" t="s">
        <v>206915</v>
      </c>
      <c r="I61827" s="1" t="s">
        <v>201500</v>
      </c>
      <c r="J61827" s="1" t="s">
        <v>206963</v>
      </c>
    </row>
    <row r="61828" spans="1:10" x14ac:dyDescent="0.35">
      <c r="A61828" s="1" t="s">
        <v>27626</v>
      </c>
      <c r="B61828" s="1" t="s">
        <v>201495</v>
      </c>
      <c r="C61828" s="1" t="s">
        <v>95</v>
      </c>
      <c r="D61828" s="1" t="s">
        <v>316</v>
      </c>
      <c r="E61828" s="1" t="s">
        <v>206964</v>
      </c>
      <c r="F61828" s="1" t="s">
        <v>206965</v>
      </c>
      <c r="G61828" s="1" t="s">
        <v>206914</v>
      </c>
      <c r="H61828" s="1" t="s">
        <v>206915</v>
      </c>
      <c r="I61828" s="1" t="s">
        <v>201500</v>
      </c>
      <c r="J61828" s="1" t="s">
        <v>206966</v>
      </c>
    </row>
    <row r="61829" spans="1:10" x14ac:dyDescent="0.35">
      <c r="A61829" s="1" t="s">
        <v>27626</v>
      </c>
      <c r="B61829" s="1" t="s">
        <v>201495</v>
      </c>
      <c r="C61829" s="1" t="s">
        <v>100</v>
      </c>
      <c r="D61829" s="1" t="s">
        <v>15736</v>
      </c>
      <c r="E61829" s="1" t="s">
        <v>8007</v>
      </c>
      <c r="F61829" s="1" t="s">
        <v>206967</v>
      </c>
      <c r="G61829" s="1" t="s">
        <v>206914</v>
      </c>
      <c r="H61829" s="1" t="s">
        <v>206915</v>
      </c>
      <c r="I61829" s="1" t="s">
        <v>201500</v>
      </c>
      <c r="J61829" s="1" t="s">
        <v>206968</v>
      </c>
    </row>
    <row r="61830" spans="1:10" x14ac:dyDescent="0.35">
      <c r="A61830" s="1" t="s">
        <v>27626</v>
      </c>
      <c r="B61830" s="1" t="s">
        <v>201495</v>
      </c>
      <c r="C61830" s="1" t="s">
        <v>105</v>
      </c>
      <c r="D61830" s="1" t="s">
        <v>9722</v>
      </c>
      <c r="E61830" s="1" t="s">
        <v>202519</v>
      </c>
      <c r="F61830" s="1" t="s">
        <v>206969</v>
      </c>
      <c r="G61830" s="1" t="s">
        <v>206914</v>
      </c>
      <c r="H61830" s="1" t="s">
        <v>206915</v>
      </c>
      <c r="I61830" s="1" t="s">
        <v>201500</v>
      </c>
      <c r="J61830" s="1" t="s">
        <v>206970</v>
      </c>
    </row>
    <row r="61831" spans="1:10" x14ac:dyDescent="0.35">
      <c r="A61831" s="1" t="s">
        <v>27626</v>
      </c>
      <c r="B61831" s="1" t="s">
        <v>201495</v>
      </c>
      <c r="C61831" s="1" t="s">
        <v>110</v>
      </c>
      <c r="D61831" s="1" t="s">
        <v>171366</v>
      </c>
      <c r="E61831" s="1" t="s">
        <v>201648</v>
      </c>
      <c r="F61831" s="1" t="s">
        <v>206971</v>
      </c>
      <c r="G61831" s="1" t="s">
        <v>206914</v>
      </c>
      <c r="H61831" s="1" t="s">
        <v>206915</v>
      </c>
      <c r="I61831" s="1" t="s">
        <v>201500</v>
      </c>
      <c r="J61831" s="1" t="s">
        <v>206972</v>
      </c>
    </row>
    <row r="61832" spans="1:10" x14ac:dyDescent="0.35">
      <c r="A61832" s="1" t="s">
        <v>27626</v>
      </c>
      <c r="B61832" s="1" t="s">
        <v>201495</v>
      </c>
      <c r="C61832" s="1" t="s">
        <v>115</v>
      </c>
      <c r="D61832" s="1" t="s">
        <v>44172</v>
      </c>
      <c r="E61832" s="1" t="s">
        <v>206973</v>
      </c>
      <c r="F61832" s="1" t="s">
        <v>206974</v>
      </c>
      <c r="G61832" s="1" t="s">
        <v>206914</v>
      </c>
      <c r="H61832" s="1" t="s">
        <v>206915</v>
      </c>
      <c r="I61832" s="1" t="s">
        <v>201500</v>
      </c>
      <c r="J61832" s="1" t="s">
        <v>206975</v>
      </c>
    </row>
    <row r="61833" spans="1:10" x14ac:dyDescent="0.35">
      <c r="A61833" s="1" t="s">
        <v>27626</v>
      </c>
      <c r="B61833" s="1" t="s">
        <v>201495</v>
      </c>
      <c r="C61833" s="1" t="s">
        <v>120</v>
      </c>
      <c r="D61833" s="1" t="s">
        <v>157334</v>
      </c>
      <c r="E61833" s="1" t="s">
        <v>206976</v>
      </c>
      <c r="F61833" s="1" t="s">
        <v>206977</v>
      </c>
      <c r="G61833" s="1" t="s">
        <v>206914</v>
      </c>
      <c r="H61833" s="1" t="s">
        <v>206915</v>
      </c>
      <c r="I61833" s="1" t="s">
        <v>201500</v>
      </c>
      <c r="J61833" s="1" t="s">
        <v>206978</v>
      </c>
    </row>
    <row r="61834" spans="1:10" x14ac:dyDescent="0.35">
      <c r="A61834" s="1" t="s">
        <v>27626</v>
      </c>
      <c r="B61834" s="1" t="s">
        <v>201495</v>
      </c>
      <c r="C61834" s="1" t="s">
        <v>125</v>
      </c>
      <c r="D61834" s="1" t="s">
        <v>49461</v>
      </c>
      <c r="E61834" s="1" t="s">
        <v>206979</v>
      </c>
      <c r="F61834" s="1" t="s">
        <v>206980</v>
      </c>
      <c r="G61834" s="1" t="s">
        <v>206914</v>
      </c>
      <c r="H61834" s="1" t="s">
        <v>206915</v>
      </c>
      <c r="I61834" s="1" t="s">
        <v>201500</v>
      </c>
      <c r="J61834" s="1" t="s">
        <v>206981</v>
      </c>
    </row>
    <row r="61835" spans="1:10" x14ac:dyDescent="0.35">
      <c r="A61835" s="1" t="s">
        <v>27626</v>
      </c>
      <c r="B61835" s="1" t="s">
        <v>201495</v>
      </c>
      <c r="C61835" s="1" t="s">
        <v>130</v>
      </c>
      <c r="D61835" s="1" t="s">
        <v>36050</v>
      </c>
      <c r="E61835" s="1" t="s">
        <v>206982</v>
      </c>
      <c r="F61835" s="1" t="s">
        <v>206983</v>
      </c>
      <c r="G61835" s="1" t="s">
        <v>206914</v>
      </c>
      <c r="H61835" s="1" t="s">
        <v>206915</v>
      </c>
      <c r="I61835" s="1" t="s">
        <v>201500</v>
      </c>
      <c r="J61835" s="1" t="s">
        <v>206984</v>
      </c>
    </row>
    <row r="61836" spans="1:10" x14ac:dyDescent="0.35">
      <c r="A61836" s="1" t="s">
        <v>27626</v>
      </c>
      <c r="B61836" s="1" t="s">
        <v>201495</v>
      </c>
      <c r="C61836" s="1" t="s">
        <v>135</v>
      </c>
      <c r="D61836" s="1" t="s">
        <v>110911</v>
      </c>
      <c r="E61836" s="1" t="s">
        <v>206985</v>
      </c>
      <c r="F61836" s="1" t="s">
        <v>206986</v>
      </c>
      <c r="G61836" s="1" t="s">
        <v>206914</v>
      </c>
      <c r="H61836" s="1" t="s">
        <v>206915</v>
      </c>
      <c r="I61836" s="1" t="s">
        <v>201500</v>
      </c>
      <c r="J61836" s="1" t="s">
        <v>206987</v>
      </c>
    </row>
    <row r="61837" spans="1:10" x14ac:dyDescent="0.35">
      <c r="A61837" s="1" t="s">
        <v>27626</v>
      </c>
      <c r="B61837" s="1" t="s">
        <v>201495</v>
      </c>
      <c r="C61837" s="1" t="s">
        <v>140</v>
      </c>
      <c r="D61837" s="1" t="s">
        <v>45404</v>
      </c>
      <c r="E61837" s="1" t="s">
        <v>206988</v>
      </c>
      <c r="F61837" s="1" t="s">
        <v>206989</v>
      </c>
      <c r="G61837" s="1" t="s">
        <v>206914</v>
      </c>
      <c r="H61837" s="1" t="s">
        <v>206915</v>
      </c>
      <c r="I61837" s="1" t="s">
        <v>201500</v>
      </c>
      <c r="J61837" s="1" t="s">
        <v>206990</v>
      </c>
    </row>
    <row r="61838" spans="1:10" x14ac:dyDescent="0.35">
      <c r="A61838" s="1" t="s">
        <v>27626</v>
      </c>
      <c r="B61838" s="1" t="s">
        <v>201495</v>
      </c>
      <c r="C61838" s="1" t="s">
        <v>145</v>
      </c>
      <c r="D61838" s="1" t="s">
        <v>115227</v>
      </c>
      <c r="E61838" s="1" t="s">
        <v>206991</v>
      </c>
      <c r="F61838" s="1" t="s">
        <v>206992</v>
      </c>
      <c r="G61838" s="1" t="s">
        <v>206914</v>
      </c>
      <c r="H61838" s="1" t="s">
        <v>206915</v>
      </c>
      <c r="I61838" s="1" t="s">
        <v>201500</v>
      </c>
      <c r="J61838" s="1" t="s">
        <v>206993</v>
      </c>
    </row>
    <row r="61839" spans="1:10" x14ac:dyDescent="0.35">
      <c r="A61839" s="1" t="s">
        <v>27626</v>
      </c>
      <c r="B61839" s="1" t="s">
        <v>201495</v>
      </c>
      <c r="C61839" s="1" t="s">
        <v>150</v>
      </c>
      <c r="D61839" s="1" t="s">
        <v>111452</v>
      </c>
      <c r="E61839" s="1" t="s">
        <v>206991</v>
      </c>
      <c r="F61839" s="1" t="s">
        <v>206994</v>
      </c>
      <c r="G61839" s="1" t="s">
        <v>206914</v>
      </c>
      <c r="H61839" s="1" t="s">
        <v>206915</v>
      </c>
      <c r="I61839" s="1" t="s">
        <v>201500</v>
      </c>
      <c r="J61839" s="1" t="s">
        <v>206995</v>
      </c>
    </row>
    <row r="61840" spans="1:10" x14ac:dyDescent="0.35">
      <c r="A61840" s="1" t="s">
        <v>27626</v>
      </c>
      <c r="B61840" s="1" t="s">
        <v>201495</v>
      </c>
      <c r="C61840" s="1" t="s">
        <v>155</v>
      </c>
      <c r="D61840" s="1" t="s">
        <v>74522</v>
      </c>
      <c r="E61840" s="1" t="s">
        <v>206996</v>
      </c>
      <c r="F61840" s="1" t="s">
        <v>206997</v>
      </c>
      <c r="G61840" s="1" t="s">
        <v>206914</v>
      </c>
      <c r="H61840" s="1" t="s">
        <v>206915</v>
      </c>
      <c r="I61840" s="1" t="s">
        <v>201500</v>
      </c>
      <c r="J61840" s="1" t="s">
        <v>206998</v>
      </c>
    </row>
    <row r="61841" spans="1:10" x14ac:dyDescent="0.35">
      <c r="A61841" s="1" t="s">
        <v>27626</v>
      </c>
      <c r="B61841" s="1" t="s">
        <v>201495</v>
      </c>
      <c r="C61841" s="1" t="s">
        <v>160</v>
      </c>
      <c r="D61841" s="1" t="s">
        <v>148742</v>
      </c>
      <c r="E61841" s="1" t="s">
        <v>206999</v>
      </c>
      <c r="F61841" s="1" t="s">
        <v>207000</v>
      </c>
      <c r="G61841" s="1" t="s">
        <v>206914</v>
      </c>
      <c r="H61841" s="1" t="s">
        <v>206915</v>
      </c>
      <c r="I61841" s="1" t="s">
        <v>201500</v>
      </c>
      <c r="J61841" s="1" t="s">
        <v>207001</v>
      </c>
    </row>
    <row r="61842" spans="1:10" x14ac:dyDescent="0.35">
      <c r="A61842" s="1" t="s">
        <v>27626</v>
      </c>
      <c r="B61842" s="1" t="s">
        <v>201495</v>
      </c>
      <c r="C61842" s="1" t="s">
        <v>165</v>
      </c>
      <c r="D61842" s="1" t="s">
        <v>207002</v>
      </c>
      <c r="E61842" s="1" t="s">
        <v>207003</v>
      </c>
      <c r="F61842" s="1" t="s">
        <v>207004</v>
      </c>
      <c r="G61842" s="1" t="s">
        <v>206914</v>
      </c>
      <c r="H61842" s="1" t="s">
        <v>206915</v>
      </c>
      <c r="I61842" s="1" t="s">
        <v>201500</v>
      </c>
      <c r="J61842" s="1" t="s">
        <v>207005</v>
      </c>
    </row>
    <row r="61843" spans="1:10" x14ac:dyDescent="0.35">
      <c r="A61843" s="1" t="s">
        <v>27626</v>
      </c>
      <c r="B61843" s="1" t="s">
        <v>201495</v>
      </c>
      <c r="C61843" s="1" t="s">
        <v>170</v>
      </c>
      <c r="D61843" s="1" t="s">
        <v>42873</v>
      </c>
      <c r="E61843" s="1" t="s">
        <v>207006</v>
      </c>
      <c r="F61843" s="1" t="s">
        <v>207007</v>
      </c>
      <c r="G61843" s="1" t="s">
        <v>206914</v>
      </c>
      <c r="H61843" s="1" t="s">
        <v>206915</v>
      </c>
      <c r="I61843" s="1" t="s">
        <v>201500</v>
      </c>
      <c r="J61843" s="1" t="s">
        <v>207008</v>
      </c>
    </row>
    <row r="61844" spans="1:10" x14ac:dyDescent="0.35">
      <c r="A61844" s="1" t="s">
        <v>143211</v>
      </c>
      <c r="B61844" s="1" t="s">
        <v>201495</v>
      </c>
      <c r="C61844" s="1" t="s">
        <v>8</v>
      </c>
      <c r="D61844" s="1" t="s">
        <v>6555</v>
      </c>
      <c r="E61844" s="1" t="s">
        <v>202526</v>
      </c>
      <c r="F61844" s="1" t="s">
        <v>207009</v>
      </c>
      <c r="G61844" s="1" t="s">
        <v>207010</v>
      </c>
      <c r="H61844" s="1" t="s">
        <v>207011</v>
      </c>
      <c r="I61844" s="1" t="s">
        <v>201500</v>
      </c>
      <c r="J61844" s="1" t="s">
        <v>13</v>
      </c>
    </row>
    <row r="61845" spans="1:10" x14ac:dyDescent="0.35">
      <c r="A61845" s="1" t="s">
        <v>143211</v>
      </c>
      <c r="B61845" s="1" t="s">
        <v>201495</v>
      </c>
      <c r="C61845" s="1" t="s">
        <v>15</v>
      </c>
      <c r="D61845" s="1" t="s">
        <v>28232</v>
      </c>
      <c r="E61845" s="1" t="s">
        <v>202058</v>
      </c>
      <c r="F61845" s="1" t="s">
        <v>207012</v>
      </c>
      <c r="G61845" s="1" t="s">
        <v>207010</v>
      </c>
      <c r="H61845" s="1" t="s">
        <v>207011</v>
      </c>
      <c r="I61845" s="1" t="s">
        <v>201500</v>
      </c>
      <c r="J61845" s="1" t="s">
        <v>207013</v>
      </c>
    </row>
    <row r="61846" spans="1:10" x14ac:dyDescent="0.35">
      <c r="A61846" s="1" t="s">
        <v>143211</v>
      </c>
      <c r="B61846" s="1" t="s">
        <v>201495</v>
      </c>
      <c r="C61846" s="1" t="s">
        <v>20</v>
      </c>
      <c r="D61846" s="1" t="s">
        <v>50453</v>
      </c>
      <c r="E61846" s="1" t="s">
        <v>159836</v>
      </c>
      <c r="F61846" s="1" t="s">
        <v>207014</v>
      </c>
      <c r="G61846" s="1" t="s">
        <v>207010</v>
      </c>
      <c r="H61846" s="1" t="s">
        <v>207011</v>
      </c>
      <c r="I61846" s="1" t="s">
        <v>201500</v>
      </c>
      <c r="J61846" s="1" t="s">
        <v>207015</v>
      </c>
    </row>
    <row r="61847" spans="1:10" x14ac:dyDescent="0.35">
      <c r="A61847" s="1" t="s">
        <v>143211</v>
      </c>
      <c r="B61847" s="1" t="s">
        <v>201495</v>
      </c>
      <c r="C61847" s="1" t="s">
        <v>25</v>
      </c>
      <c r="D61847" s="1" t="s">
        <v>74194</v>
      </c>
      <c r="E61847" s="1" t="s">
        <v>13708</v>
      </c>
      <c r="F61847" s="1" t="s">
        <v>24709</v>
      </c>
      <c r="G61847" s="1" t="s">
        <v>207010</v>
      </c>
      <c r="H61847" s="1" t="s">
        <v>207011</v>
      </c>
      <c r="I61847" s="1" t="s">
        <v>201500</v>
      </c>
      <c r="J61847" s="1" t="s">
        <v>207016</v>
      </c>
    </row>
    <row r="61848" spans="1:10" x14ac:dyDescent="0.35">
      <c r="A61848" s="1" t="s">
        <v>143211</v>
      </c>
      <c r="B61848" s="1" t="s">
        <v>201495</v>
      </c>
      <c r="C61848" s="1" t="s">
        <v>30</v>
      </c>
      <c r="D61848" s="1" t="s">
        <v>151848</v>
      </c>
      <c r="E61848" s="1" t="s">
        <v>160407</v>
      </c>
      <c r="F61848" s="1" t="s">
        <v>207017</v>
      </c>
      <c r="G61848" s="1" t="s">
        <v>207010</v>
      </c>
      <c r="H61848" s="1" t="s">
        <v>207011</v>
      </c>
      <c r="I61848" s="1" t="s">
        <v>201500</v>
      </c>
      <c r="J61848" s="1" t="s">
        <v>207018</v>
      </c>
    </row>
    <row r="61849" spans="1:10" x14ac:dyDescent="0.35">
      <c r="A61849" s="1" t="s">
        <v>143211</v>
      </c>
      <c r="B61849" s="1" t="s">
        <v>201495</v>
      </c>
      <c r="C61849" s="1" t="s">
        <v>35</v>
      </c>
      <c r="D61849" s="1" t="s">
        <v>150929</v>
      </c>
      <c r="E61849" s="1" t="s">
        <v>207019</v>
      </c>
      <c r="F61849" s="1" t="s">
        <v>207020</v>
      </c>
      <c r="G61849" s="1" t="s">
        <v>207010</v>
      </c>
      <c r="H61849" s="1" t="s">
        <v>207011</v>
      </c>
      <c r="I61849" s="1" t="s">
        <v>201500</v>
      </c>
      <c r="J61849" s="1" t="s">
        <v>207021</v>
      </c>
    </row>
    <row r="61850" spans="1:10" x14ac:dyDescent="0.35">
      <c r="A61850" s="1" t="s">
        <v>143211</v>
      </c>
      <c r="B61850" s="1" t="s">
        <v>201495</v>
      </c>
      <c r="C61850" s="1" t="s">
        <v>40</v>
      </c>
      <c r="D61850" s="1" t="s">
        <v>126293</v>
      </c>
      <c r="E61850" s="1" t="s">
        <v>12644</v>
      </c>
      <c r="F61850" s="1" t="s">
        <v>207022</v>
      </c>
      <c r="G61850" s="1" t="s">
        <v>207010</v>
      </c>
      <c r="H61850" s="1" t="s">
        <v>207011</v>
      </c>
      <c r="I61850" s="1" t="s">
        <v>201500</v>
      </c>
      <c r="J61850" s="1" t="s">
        <v>207023</v>
      </c>
    </row>
    <row r="61851" spans="1:10" x14ac:dyDescent="0.35">
      <c r="A61851" s="1" t="s">
        <v>143211</v>
      </c>
      <c r="B61851" s="1" t="s">
        <v>201495</v>
      </c>
      <c r="C61851" s="1" t="s">
        <v>45</v>
      </c>
      <c r="D61851" s="1" t="s">
        <v>207024</v>
      </c>
      <c r="E61851" s="1" t="s">
        <v>207025</v>
      </c>
      <c r="F61851" s="1" t="s">
        <v>101609</v>
      </c>
      <c r="G61851" s="1" t="s">
        <v>207010</v>
      </c>
      <c r="H61851" s="1" t="s">
        <v>207011</v>
      </c>
      <c r="I61851" s="1" t="s">
        <v>201500</v>
      </c>
      <c r="J61851" s="1" t="s">
        <v>207026</v>
      </c>
    </row>
    <row r="61852" spans="1:10" x14ac:dyDescent="0.35">
      <c r="A61852" s="1" t="s">
        <v>143211</v>
      </c>
      <c r="B61852" s="1" t="s">
        <v>201495</v>
      </c>
      <c r="C61852" s="1" t="s">
        <v>50</v>
      </c>
      <c r="D61852" s="1" t="s">
        <v>47431</v>
      </c>
      <c r="E61852" s="1" t="s">
        <v>201614</v>
      </c>
      <c r="F61852" s="1" t="s">
        <v>109964</v>
      </c>
      <c r="G61852" s="1" t="s">
        <v>207010</v>
      </c>
      <c r="H61852" s="1" t="s">
        <v>207011</v>
      </c>
      <c r="I61852" s="1" t="s">
        <v>201500</v>
      </c>
      <c r="J61852" s="1" t="s">
        <v>207027</v>
      </c>
    </row>
    <row r="61853" spans="1:10" x14ac:dyDescent="0.35">
      <c r="A61853" s="1" t="s">
        <v>143211</v>
      </c>
      <c r="B61853" s="1" t="s">
        <v>201495</v>
      </c>
      <c r="C61853" s="1" t="s">
        <v>55</v>
      </c>
      <c r="D61853" s="1" t="s">
        <v>34488</v>
      </c>
      <c r="E61853" s="1" t="s">
        <v>207028</v>
      </c>
      <c r="F61853" s="1" t="s">
        <v>207029</v>
      </c>
      <c r="G61853" s="1" t="s">
        <v>207010</v>
      </c>
      <c r="H61853" s="1" t="s">
        <v>207011</v>
      </c>
      <c r="I61853" s="1" t="s">
        <v>201500</v>
      </c>
      <c r="J61853" s="1" t="s">
        <v>207030</v>
      </c>
    </row>
    <row r="61854" spans="1:10" x14ac:dyDescent="0.35">
      <c r="A61854" s="1" t="s">
        <v>143211</v>
      </c>
      <c r="B61854" s="1" t="s">
        <v>201495</v>
      </c>
      <c r="C61854" s="1" t="s">
        <v>60</v>
      </c>
      <c r="D61854" s="1" t="s">
        <v>119550</v>
      </c>
      <c r="E61854" s="1" t="s">
        <v>159829</v>
      </c>
      <c r="F61854" s="1" t="s">
        <v>207031</v>
      </c>
      <c r="G61854" s="1" t="s">
        <v>207010</v>
      </c>
      <c r="H61854" s="1" t="s">
        <v>207011</v>
      </c>
      <c r="I61854" s="1" t="s">
        <v>201500</v>
      </c>
      <c r="J61854" s="1" t="s">
        <v>207032</v>
      </c>
    </row>
    <row r="61855" spans="1:10" x14ac:dyDescent="0.35">
      <c r="A61855" s="1" t="s">
        <v>143211</v>
      </c>
      <c r="B61855" s="1" t="s">
        <v>201495</v>
      </c>
      <c r="C61855" s="1" t="s">
        <v>65</v>
      </c>
      <c r="D61855" s="1" t="s">
        <v>37721</v>
      </c>
      <c r="E61855" s="1" t="s">
        <v>207033</v>
      </c>
      <c r="F61855" s="1" t="s">
        <v>207034</v>
      </c>
      <c r="G61855" s="1" t="s">
        <v>207010</v>
      </c>
      <c r="H61855" s="1" t="s">
        <v>207011</v>
      </c>
      <c r="I61855" s="1" t="s">
        <v>201500</v>
      </c>
      <c r="J61855" s="1" t="s">
        <v>207035</v>
      </c>
    </row>
    <row r="61856" spans="1:10" x14ac:dyDescent="0.35">
      <c r="A61856" s="1" t="s">
        <v>143211</v>
      </c>
      <c r="B61856" s="1" t="s">
        <v>201495</v>
      </c>
      <c r="C61856" s="1" t="s">
        <v>70</v>
      </c>
      <c r="D61856" s="1" t="s">
        <v>28235</v>
      </c>
      <c r="E61856" s="1" t="s">
        <v>13720</v>
      </c>
      <c r="F61856" s="1" t="s">
        <v>207036</v>
      </c>
      <c r="G61856" s="1" t="s">
        <v>207010</v>
      </c>
      <c r="H61856" s="1" t="s">
        <v>207011</v>
      </c>
      <c r="I61856" s="1" t="s">
        <v>201500</v>
      </c>
      <c r="J61856" s="1" t="s">
        <v>207037</v>
      </c>
    </row>
    <row r="61857" spans="1:10" x14ac:dyDescent="0.35">
      <c r="A61857" s="1" t="s">
        <v>143211</v>
      </c>
      <c r="B61857" s="1" t="s">
        <v>201495</v>
      </c>
      <c r="C61857" s="1" t="s">
        <v>75</v>
      </c>
      <c r="D61857" s="1" t="s">
        <v>205181</v>
      </c>
      <c r="E61857" s="1" t="s">
        <v>12200</v>
      </c>
      <c r="F61857" s="1" t="s">
        <v>100930</v>
      </c>
      <c r="G61857" s="1" t="s">
        <v>207010</v>
      </c>
      <c r="H61857" s="1" t="s">
        <v>207011</v>
      </c>
      <c r="I61857" s="1" t="s">
        <v>201500</v>
      </c>
      <c r="J61857" s="1" t="s">
        <v>207038</v>
      </c>
    </row>
    <row r="61858" spans="1:10" x14ac:dyDescent="0.35">
      <c r="A61858" s="1" t="s">
        <v>143211</v>
      </c>
      <c r="B61858" s="1" t="s">
        <v>201495</v>
      </c>
      <c r="C61858" s="1" t="s">
        <v>80</v>
      </c>
      <c r="D61858" s="1" t="s">
        <v>207039</v>
      </c>
      <c r="E61858" s="1" t="s">
        <v>207040</v>
      </c>
      <c r="F61858" s="1" t="s">
        <v>104717</v>
      </c>
      <c r="G61858" s="1" t="s">
        <v>207010</v>
      </c>
      <c r="H61858" s="1" t="s">
        <v>207011</v>
      </c>
      <c r="I61858" s="1" t="s">
        <v>201500</v>
      </c>
      <c r="J61858" s="1" t="s">
        <v>207041</v>
      </c>
    </row>
    <row r="61859" spans="1:10" x14ac:dyDescent="0.35">
      <c r="A61859" s="1" t="s">
        <v>143211</v>
      </c>
      <c r="B61859" s="1" t="s">
        <v>201495</v>
      </c>
      <c r="C61859" s="1" t="s">
        <v>85</v>
      </c>
      <c r="D61859" s="1" t="s">
        <v>36739</v>
      </c>
      <c r="E61859" s="1" t="s">
        <v>207042</v>
      </c>
      <c r="F61859" s="1" t="s">
        <v>207043</v>
      </c>
      <c r="G61859" s="1" t="s">
        <v>207010</v>
      </c>
      <c r="H61859" s="1" t="s">
        <v>207011</v>
      </c>
      <c r="I61859" s="1" t="s">
        <v>201500</v>
      </c>
      <c r="J61859" s="1" t="s">
        <v>207044</v>
      </c>
    </row>
    <row r="61860" spans="1:10" x14ac:dyDescent="0.35">
      <c r="A61860" s="1" t="s">
        <v>143211</v>
      </c>
      <c r="B61860" s="1" t="s">
        <v>201495</v>
      </c>
      <c r="C61860" s="1" t="s">
        <v>90</v>
      </c>
      <c r="D61860" s="1" t="s">
        <v>36042</v>
      </c>
      <c r="E61860" s="1" t="s">
        <v>8654</v>
      </c>
      <c r="F61860" s="1" t="s">
        <v>207045</v>
      </c>
      <c r="G61860" s="1" t="s">
        <v>207010</v>
      </c>
      <c r="H61860" s="1" t="s">
        <v>207011</v>
      </c>
      <c r="I61860" s="1" t="s">
        <v>201500</v>
      </c>
      <c r="J61860" s="1" t="s">
        <v>207046</v>
      </c>
    </row>
    <row r="61861" spans="1:10" x14ac:dyDescent="0.35">
      <c r="A61861" s="1" t="s">
        <v>143211</v>
      </c>
      <c r="B61861" s="1" t="s">
        <v>201495</v>
      </c>
      <c r="C61861" s="1" t="s">
        <v>95</v>
      </c>
      <c r="D61861" s="1" t="s">
        <v>170081</v>
      </c>
      <c r="E61861" s="1" t="s">
        <v>202041</v>
      </c>
      <c r="F61861" s="1" t="s">
        <v>207047</v>
      </c>
      <c r="G61861" s="1" t="s">
        <v>207010</v>
      </c>
      <c r="H61861" s="1" t="s">
        <v>207011</v>
      </c>
      <c r="I61861" s="1" t="s">
        <v>201500</v>
      </c>
      <c r="J61861" s="1" t="s">
        <v>207048</v>
      </c>
    </row>
    <row r="61862" spans="1:10" x14ac:dyDescent="0.35">
      <c r="A61862" s="1" t="s">
        <v>143211</v>
      </c>
      <c r="B61862" s="1" t="s">
        <v>201495</v>
      </c>
      <c r="C61862" s="1" t="s">
        <v>100</v>
      </c>
      <c r="D61862" s="1" t="s">
        <v>104674</v>
      </c>
      <c r="E61862" s="1" t="s">
        <v>27445</v>
      </c>
      <c r="F61862" s="1" t="s">
        <v>41644</v>
      </c>
      <c r="G61862" s="1" t="s">
        <v>207010</v>
      </c>
      <c r="H61862" s="1" t="s">
        <v>207011</v>
      </c>
      <c r="I61862" s="1" t="s">
        <v>201500</v>
      </c>
      <c r="J61862" s="1" t="s">
        <v>207049</v>
      </c>
    </row>
    <row r="61863" spans="1:10" x14ac:dyDescent="0.35">
      <c r="A61863" s="1" t="s">
        <v>143211</v>
      </c>
      <c r="B61863" s="1" t="s">
        <v>201495</v>
      </c>
      <c r="C61863" s="1" t="s">
        <v>105</v>
      </c>
      <c r="D61863" s="1" t="s">
        <v>15756</v>
      </c>
      <c r="E61863" s="1" t="s">
        <v>12200</v>
      </c>
      <c r="F61863" s="1" t="s">
        <v>207050</v>
      </c>
      <c r="G61863" s="1" t="s">
        <v>207010</v>
      </c>
      <c r="H61863" s="1" t="s">
        <v>207011</v>
      </c>
      <c r="I61863" s="1" t="s">
        <v>201500</v>
      </c>
      <c r="J61863" s="1" t="s">
        <v>207051</v>
      </c>
    </row>
    <row r="61864" spans="1:10" x14ac:dyDescent="0.35">
      <c r="A61864" s="1" t="s">
        <v>143211</v>
      </c>
      <c r="B61864" s="1" t="s">
        <v>201495</v>
      </c>
      <c r="C61864" s="1" t="s">
        <v>110</v>
      </c>
      <c r="D61864" s="1" t="s">
        <v>15495</v>
      </c>
      <c r="E61864" s="1" t="s">
        <v>207052</v>
      </c>
      <c r="F61864" s="1" t="s">
        <v>207053</v>
      </c>
      <c r="G61864" s="1" t="s">
        <v>207010</v>
      </c>
      <c r="H61864" s="1" t="s">
        <v>207011</v>
      </c>
      <c r="I61864" s="1" t="s">
        <v>201500</v>
      </c>
      <c r="J61864" s="1" t="s">
        <v>207054</v>
      </c>
    </row>
    <row r="61865" spans="1:10" x14ac:dyDescent="0.35">
      <c r="A61865" s="1" t="s">
        <v>143211</v>
      </c>
      <c r="B61865" s="1" t="s">
        <v>201495</v>
      </c>
      <c r="C61865" s="1" t="s">
        <v>115</v>
      </c>
      <c r="D61865" s="1" t="s">
        <v>118421</v>
      </c>
      <c r="E61865" s="1" t="s">
        <v>491</v>
      </c>
      <c r="F61865" s="1" t="s">
        <v>207055</v>
      </c>
      <c r="G61865" s="1" t="s">
        <v>207010</v>
      </c>
      <c r="H61865" s="1" t="s">
        <v>207011</v>
      </c>
      <c r="I61865" s="1" t="s">
        <v>201500</v>
      </c>
      <c r="J61865" s="1" t="s">
        <v>207056</v>
      </c>
    </row>
    <row r="61866" spans="1:10" x14ac:dyDescent="0.35">
      <c r="A61866" s="1" t="s">
        <v>143211</v>
      </c>
      <c r="B61866" s="1" t="s">
        <v>201495</v>
      </c>
      <c r="C61866" s="1" t="s">
        <v>120</v>
      </c>
      <c r="D61866" s="1" t="s">
        <v>183510</v>
      </c>
      <c r="E61866" s="1" t="s">
        <v>202011</v>
      </c>
      <c r="F61866" s="1" t="s">
        <v>15396</v>
      </c>
      <c r="G61866" s="1" t="s">
        <v>207010</v>
      </c>
      <c r="H61866" s="1" t="s">
        <v>207011</v>
      </c>
      <c r="I61866" s="1" t="s">
        <v>201500</v>
      </c>
      <c r="J61866" s="1" t="s">
        <v>207057</v>
      </c>
    </row>
    <row r="61867" spans="1:10" x14ac:dyDescent="0.35">
      <c r="A61867" s="1" t="s">
        <v>143211</v>
      </c>
      <c r="B61867" s="1" t="s">
        <v>201495</v>
      </c>
      <c r="C61867" s="1" t="s">
        <v>125</v>
      </c>
      <c r="D61867" s="1" t="s">
        <v>2954</v>
      </c>
      <c r="E61867" s="1" t="s">
        <v>207058</v>
      </c>
      <c r="F61867" s="1" t="s">
        <v>207059</v>
      </c>
      <c r="G61867" s="1" t="s">
        <v>207010</v>
      </c>
      <c r="H61867" s="1" t="s">
        <v>207011</v>
      </c>
      <c r="I61867" s="1" t="s">
        <v>201500</v>
      </c>
      <c r="J61867" s="1" t="s">
        <v>207060</v>
      </c>
    </row>
    <row r="61868" spans="1:10" x14ac:dyDescent="0.35">
      <c r="A61868" s="1" t="s">
        <v>143211</v>
      </c>
      <c r="B61868" s="1" t="s">
        <v>201495</v>
      </c>
      <c r="C61868" s="1" t="s">
        <v>130</v>
      </c>
      <c r="D61868" s="1" t="s">
        <v>31716</v>
      </c>
      <c r="E61868" s="1" t="s">
        <v>555</v>
      </c>
      <c r="F61868" s="1" t="s">
        <v>110661</v>
      </c>
      <c r="G61868" s="1" t="s">
        <v>207010</v>
      </c>
      <c r="H61868" s="1" t="s">
        <v>207011</v>
      </c>
      <c r="I61868" s="1" t="s">
        <v>201500</v>
      </c>
      <c r="J61868" s="1" t="s">
        <v>207061</v>
      </c>
    </row>
    <row r="61869" spans="1:10" x14ac:dyDescent="0.35">
      <c r="A61869" s="1" t="s">
        <v>143211</v>
      </c>
      <c r="B61869" s="1" t="s">
        <v>201495</v>
      </c>
      <c r="C61869" s="1" t="s">
        <v>135</v>
      </c>
      <c r="D61869" s="1" t="s">
        <v>135177</v>
      </c>
      <c r="E61869" s="1" t="s">
        <v>207062</v>
      </c>
      <c r="F61869" s="1" t="s">
        <v>207063</v>
      </c>
      <c r="G61869" s="1" t="s">
        <v>207010</v>
      </c>
      <c r="H61869" s="1" t="s">
        <v>207011</v>
      </c>
      <c r="I61869" s="1" t="s">
        <v>201500</v>
      </c>
      <c r="J61869" s="1" t="s">
        <v>207064</v>
      </c>
    </row>
    <row r="61870" spans="1:10" x14ac:dyDescent="0.35">
      <c r="A61870" s="1" t="s">
        <v>143211</v>
      </c>
      <c r="B61870" s="1" t="s">
        <v>201495</v>
      </c>
      <c r="C61870" s="1" t="s">
        <v>140</v>
      </c>
      <c r="D61870" s="1" t="s">
        <v>47241</v>
      </c>
      <c r="E61870" s="1" t="s">
        <v>207065</v>
      </c>
      <c r="F61870" s="1" t="s">
        <v>134047</v>
      </c>
      <c r="G61870" s="1" t="s">
        <v>207010</v>
      </c>
      <c r="H61870" s="1" t="s">
        <v>207011</v>
      </c>
      <c r="I61870" s="1" t="s">
        <v>201500</v>
      </c>
      <c r="J61870" s="1" t="s">
        <v>207066</v>
      </c>
    </row>
    <row r="61871" spans="1:10" x14ac:dyDescent="0.35">
      <c r="A61871" s="1" t="s">
        <v>143211</v>
      </c>
      <c r="B61871" s="1" t="s">
        <v>201495</v>
      </c>
      <c r="C61871" s="1" t="s">
        <v>145</v>
      </c>
      <c r="D61871" s="1" t="s">
        <v>156013</v>
      </c>
      <c r="E61871" s="1" t="s">
        <v>111325</v>
      </c>
      <c r="F61871" s="1" t="s">
        <v>207067</v>
      </c>
      <c r="G61871" s="1" t="s">
        <v>207010</v>
      </c>
      <c r="H61871" s="1" t="s">
        <v>207011</v>
      </c>
      <c r="I61871" s="1" t="s">
        <v>201500</v>
      </c>
      <c r="J61871" s="1" t="s">
        <v>207068</v>
      </c>
    </row>
    <row r="61872" spans="1:10" x14ac:dyDescent="0.35">
      <c r="A61872" s="1" t="s">
        <v>143211</v>
      </c>
      <c r="B61872" s="1" t="s">
        <v>201495</v>
      </c>
      <c r="C61872" s="1" t="s">
        <v>150</v>
      </c>
      <c r="D61872" s="1" t="s">
        <v>207069</v>
      </c>
      <c r="E61872" s="1" t="s">
        <v>160407</v>
      </c>
      <c r="F61872" s="1" t="s">
        <v>207070</v>
      </c>
      <c r="G61872" s="1" t="s">
        <v>207010</v>
      </c>
      <c r="H61872" s="1" t="s">
        <v>207011</v>
      </c>
      <c r="I61872" s="1" t="s">
        <v>201500</v>
      </c>
      <c r="J61872" s="1" t="s">
        <v>188900</v>
      </c>
    </row>
    <row r="61873" spans="1:10" x14ac:dyDescent="0.35">
      <c r="A61873" s="1" t="s">
        <v>143211</v>
      </c>
      <c r="B61873" s="1" t="s">
        <v>201495</v>
      </c>
      <c r="C61873" s="1" t="s">
        <v>155</v>
      </c>
      <c r="D61873" s="1" t="s">
        <v>36100</v>
      </c>
      <c r="E61873" s="1" t="s">
        <v>202529</v>
      </c>
      <c r="F61873" s="1" t="s">
        <v>207071</v>
      </c>
      <c r="G61873" s="1" t="s">
        <v>207010</v>
      </c>
      <c r="H61873" s="1" t="s">
        <v>207011</v>
      </c>
      <c r="I61873" s="1" t="s">
        <v>201500</v>
      </c>
      <c r="J61873" s="1" t="s">
        <v>207072</v>
      </c>
    </row>
    <row r="61874" spans="1:10" x14ac:dyDescent="0.35">
      <c r="A61874" s="1" t="s">
        <v>143211</v>
      </c>
      <c r="B61874" s="1" t="s">
        <v>201495</v>
      </c>
      <c r="C61874" s="1" t="s">
        <v>160</v>
      </c>
      <c r="D61874" s="1" t="s">
        <v>207073</v>
      </c>
      <c r="E61874" s="1" t="s">
        <v>205546</v>
      </c>
      <c r="F61874" s="1" t="s">
        <v>207074</v>
      </c>
      <c r="G61874" s="1" t="s">
        <v>207010</v>
      </c>
      <c r="H61874" s="1" t="s">
        <v>207011</v>
      </c>
      <c r="I61874" s="1" t="s">
        <v>201500</v>
      </c>
      <c r="J61874" s="1" t="s">
        <v>207075</v>
      </c>
    </row>
    <row r="61875" spans="1:10" x14ac:dyDescent="0.35">
      <c r="A61875" s="1" t="s">
        <v>143211</v>
      </c>
      <c r="B61875" s="1" t="s">
        <v>201495</v>
      </c>
      <c r="C61875" s="1" t="s">
        <v>165</v>
      </c>
      <c r="D61875" s="1" t="s">
        <v>207076</v>
      </c>
      <c r="E61875" s="1" t="s">
        <v>206680</v>
      </c>
      <c r="F61875" s="1" t="s">
        <v>207077</v>
      </c>
      <c r="G61875" s="1" t="s">
        <v>207010</v>
      </c>
      <c r="H61875" s="1" t="s">
        <v>207011</v>
      </c>
      <c r="I61875" s="1" t="s">
        <v>201500</v>
      </c>
      <c r="J61875" s="1" t="s">
        <v>207078</v>
      </c>
    </row>
    <row r="61876" spans="1:10" x14ac:dyDescent="0.35">
      <c r="A61876" s="1" t="s">
        <v>143211</v>
      </c>
      <c r="B61876" s="1" t="s">
        <v>201495</v>
      </c>
      <c r="C61876" s="1" t="s">
        <v>170</v>
      </c>
      <c r="D61876" s="1" t="s">
        <v>105125</v>
      </c>
      <c r="E61876" s="1" t="s">
        <v>207079</v>
      </c>
      <c r="F61876" s="1" t="s">
        <v>207080</v>
      </c>
      <c r="G61876" s="1" t="s">
        <v>207010</v>
      </c>
      <c r="H61876" s="1" t="s">
        <v>207011</v>
      </c>
      <c r="I61876" s="1" t="s">
        <v>201500</v>
      </c>
      <c r="J61876" s="1" t="s">
        <v>207081</v>
      </c>
    </row>
    <row r="61877" spans="1:10" x14ac:dyDescent="0.35">
      <c r="A61877" s="1" t="s">
        <v>149217</v>
      </c>
      <c r="B61877" s="1" t="s">
        <v>201495</v>
      </c>
      <c r="C61877" s="1" t="s">
        <v>8</v>
      </c>
      <c r="D61877" s="1" t="s">
        <v>170081</v>
      </c>
      <c r="E61877" s="1" t="s">
        <v>207082</v>
      </c>
      <c r="F61877" s="1" t="s">
        <v>207083</v>
      </c>
      <c r="G61877" s="1" t="s">
        <v>207084</v>
      </c>
      <c r="H61877" s="1" t="s">
        <v>207085</v>
      </c>
      <c r="I61877" s="1" t="s">
        <v>201500</v>
      </c>
      <c r="J61877" s="1" t="s">
        <v>13</v>
      </c>
    </row>
    <row r="61878" spans="1:10" x14ac:dyDescent="0.35">
      <c r="A61878" s="1" t="s">
        <v>149217</v>
      </c>
      <c r="B61878" s="1" t="s">
        <v>201495</v>
      </c>
      <c r="C61878" s="1" t="s">
        <v>15</v>
      </c>
      <c r="D61878" s="1" t="s">
        <v>45508</v>
      </c>
      <c r="E61878" s="1" t="s">
        <v>207086</v>
      </c>
      <c r="F61878" s="1" t="s">
        <v>207087</v>
      </c>
      <c r="G61878" s="1" t="s">
        <v>207084</v>
      </c>
      <c r="H61878" s="1" t="s">
        <v>207085</v>
      </c>
      <c r="I61878" s="1" t="s">
        <v>201500</v>
      </c>
      <c r="J61878" s="1" t="s">
        <v>207088</v>
      </c>
    </row>
    <row r="61879" spans="1:10" x14ac:dyDescent="0.35">
      <c r="A61879" s="1" t="s">
        <v>149217</v>
      </c>
      <c r="B61879" s="1" t="s">
        <v>201495</v>
      </c>
      <c r="C61879" s="1" t="s">
        <v>20</v>
      </c>
      <c r="D61879" s="1" t="s">
        <v>207089</v>
      </c>
      <c r="E61879" s="1" t="s">
        <v>207090</v>
      </c>
      <c r="F61879" s="1" t="s">
        <v>207091</v>
      </c>
      <c r="G61879" s="1" t="s">
        <v>207084</v>
      </c>
      <c r="H61879" s="1" t="s">
        <v>207085</v>
      </c>
      <c r="I61879" s="1" t="s">
        <v>201500</v>
      </c>
      <c r="J61879" s="1" t="s">
        <v>207092</v>
      </c>
    </row>
    <row r="61880" spans="1:10" x14ac:dyDescent="0.35">
      <c r="A61880" s="1" t="s">
        <v>149217</v>
      </c>
      <c r="B61880" s="1" t="s">
        <v>201495</v>
      </c>
      <c r="C61880" s="1" t="s">
        <v>25</v>
      </c>
      <c r="D61880" s="1" t="s">
        <v>15258</v>
      </c>
      <c r="E61880" s="1" t="s">
        <v>207093</v>
      </c>
      <c r="F61880" s="1" t="s">
        <v>207094</v>
      </c>
      <c r="G61880" s="1" t="s">
        <v>207084</v>
      </c>
      <c r="H61880" s="1" t="s">
        <v>207085</v>
      </c>
      <c r="I61880" s="1" t="s">
        <v>201500</v>
      </c>
      <c r="J61880" s="1" t="s">
        <v>207095</v>
      </c>
    </row>
    <row r="61881" spans="1:10" x14ac:dyDescent="0.35">
      <c r="A61881" s="1" t="s">
        <v>149217</v>
      </c>
      <c r="B61881" s="1" t="s">
        <v>201495</v>
      </c>
      <c r="C61881" s="1" t="s">
        <v>30</v>
      </c>
      <c r="D61881" s="1" t="s">
        <v>11795</v>
      </c>
      <c r="E61881" s="1" t="s">
        <v>207096</v>
      </c>
      <c r="F61881" s="1" t="s">
        <v>207097</v>
      </c>
      <c r="G61881" s="1" t="s">
        <v>207084</v>
      </c>
      <c r="H61881" s="1" t="s">
        <v>207085</v>
      </c>
      <c r="I61881" s="1" t="s">
        <v>201500</v>
      </c>
      <c r="J61881" s="1" t="s">
        <v>207098</v>
      </c>
    </row>
    <row r="61882" spans="1:10" x14ac:dyDescent="0.35">
      <c r="A61882" s="1" t="s">
        <v>149217</v>
      </c>
      <c r="B61882" s="1" t="s">
        <v>201495</v>
      </c>
      <c r="C61882" s="1" t="s">
        <v>35</v>
      </c>
      <c r="D61882" s="1" t="s">
        <v>116560</v>
      </c>
      <c r="E61882" s="1" t="s">
        <v>207099</v>
      </c>
      <c r="F61882" s="1" t="s">
        <v>207100</v>
      </c>
      <c r="G61882" s="1" t="s">
        <v>207084</v>
      </c>
      <c r="H61882" s="1" t="s">
        <v>207085</v>
      </c>
      <c r="I61882" s="1" t="s">
        <v>201500</v>
      </c>
      <c r="J61882" s="1" t="s">
        <v>207101</v>
      </c>
    </row>
    <row r="61883" spans="1:10" x14ac:dyDescent="0.35">
      <c r="A61883" s="1" t="s">
        <v>149217</v>
      </c>
      <c r="B61883" s="1" t="s">
        <v>201495</v>
      </c>
      <c r="C61883" s="1" t="s">
        <v>40</v>
      </c>
      <c r="D61883" s="1" t="s">
        <v>48375</v>
      </c>
      <c r="E61883" s="1" t="s">
        <v>207102</v>
      </c>
      <c r="F61883" s="1" t="s">
        <v>207103</v>
      </c>
      <c r="G61883" s="1" t="s">
        <v>207084</v>
      </c>
      <c r="H61883" s="1" t="s">
        <v>207085</v>
      </c>
      <c r="I61883" s="1" t="s">
        <v>201500</v>
      </c>
      <c r="J61883" s="1" t="s">
        <v>207104</v>
      </c>
    </row>
    <row r="61884" spans="1:10" x14ac:dyDescent="0.35">
      <c r="A61884" s="1" t="s">
        <v>149217</v>
      </c>
      <c r="B61884" s="1" t="s">
        <v>201495</v>
      </c>
      <c r="C61884" s="1" t="s">
        <v>45</v>
      </c>
      <c r="D61884" s="1" t="s">
        <v>51348</v>
      </c>
      <c r="E61884" s="1" t="s">
        <v>207105</v>
      </c>
      <c r="F61884" s="1" t="s">
        <v>207106</v>
      </c>
      <c r="G61884" s="1" t="s">
        <v>207084</v>
      </c>
      <c r="H61884" s="1" t="s">
        <v>207085</v>
      </c>
      <c r="I61884" s="1" t="s">
        <v>201500</v>
      </c>
      <c r="J61884" s="1" t="s">
        <v>207107</v>
      </c>
    </row>
    <row r="61885" spans="1:10" x14ac:dyDescent="0.35">
      <c r="A61885" s="1" t="s">
        <v>149217</v>
      </c>
      <c r="B61885" s="1" t="s">
        <v>201495</v>
      </c>
      <c r="C61885" s="1" t="s">
        <v>50</v>
      </c>
      <c r="D61885" s="1" t="s">
        <v>15779</v>
      </c>
      <c r="E61885" s="1" t="s">
        <v>207108</v>
      </c>
      <c r="F61885" s="1" t="s">
        <v>207109</v>
      </c>
      <c r="G61885" s="1" t="s">
        <v>207084</v>
      </c>
      <c r="H61885" s="1" t="s">
        <v>207085</v>
      </c>
      <c r="I61885" s="1" t="s">
        <v>201500</v>
      </c>
      <c r="J61885" s="1" t="s">
        <v>207110</v>
      </c>
    </row>
    <row r="61886" spans="1:10" x14ac:dyDescent="0.35">
      <c r="A61886" s="1" t="s">
        <v>149217</v>
      </c>
      <c r="B61886" s="1" t="s">
        <v>201495</v>
      </c>
      <c r="C61886" s="1" t="s">
        <v>55</v>
      </c>
      <c r="D61886" s="1" t="s">
        <v>123277</v>
      </c>
      <c r="E61886" s="1" t="s">
        <v>207111</v>
      </c>
      <c r="F61886" s="1" t="s">
        <v>207112</v>
      </c>
      <c r="G61886" s="1" t="s">
        <v>207084</v>
      </c>
      <c r="H61886" s="1" t="s">
        <v>207085</v>
      </c>
      <c r="I61886" s="1" t="s">
        <v>201500</v>
      </c>
      <c r="J61886" s="1" t="s">
        <v>207113</v>
      </c>
    </row>
    <row r="61887" spans="1:10" x14ac:dyDescent="0.35">
      <c r="A61887" s="1" t="s">
        <v>149217</v>
      </c>
      <c r="B61887" s="1" t="s">
        <v>201495</v>
      </c>
      <c r="C61887" s="1" t="s">
        <v>60</v>
      </c>
      <c r="D61887" s="1" t="s">
        <v>169702</v>
      </c>
      <c r="E61887" s="1" t="s">
        <v>207114</v>
      </c>
      <c r="F61887" s="1" t="s">
        <v>207115</v>
      </c>
      <c r="G61887" s="1" t="s">
        <v>207084</v>
      </c>
      <c r="H61887" s="1" t="s">
        <v>207085</v>
      </c>
      <c r="I61887" s="1" t="s">
        <v>201500</v>
      </c>
      <c r="J61887" s="1" t="s">
        <v>207116</v>
      </c>
    </row>
    <row r="61888" spans="1:10" x14ac:dyDescent="0.35">
      <c r="A61888" s="1" t="s">
        <v>149217</v>
      </c>
      <c r="B61888" s="1" t="s">
        <v>201495</v>
      </c>
      <c r="C61888" s="1" t="s">
        <v>65</v>
      </c>
      <c r="D61888" s="1" t="s">
        <v>19536</v>
      </c>
      <c r="E61888" s="1" t="s">
        <v>207117</v>
      </c>
      <c r="F61888" s="1" t="s">
        <v>207118</v>
      </c>
      <c r="G61888" s="1" t="s">
        <v>207084</v>
      </c>
      <c r="H61888" s="1" t="s">
        <v>207085</v>
      </c>
      <c r="I61888" s="1" t="s">
        <v>201500</v>
      </c>
      <c r="J61888" s="1" t="s">
        <v>207119</v>
      </c>
    </row>
    <row r="61889" spans="1:10" x14ac:dyDescent="0.35">
      <c r="A61889" s="1" t="s">
        <v>149217</v>
      </c>
      <c r="B61889" s="1" t="s">
        <v>201495</v>
      </c>
      <c r="C61889" s="1" t="s">
        <v>70</v>
      </c>
      <c r="D61889" s="1" t="s">
        <v>2963</v>
      </c>
      <c r="E61889" s="1" t="s">
        <v>207120</v>
      </c>
      <c r="F61889" s="1" t="s">
        <v>207121</v>
      </c>
      <c r="G61889" s="1" t="s">
        <v>207084</v>
      </c>
      <c r="H61889" s="1" t="s">
        <v>207085</v>
      </c>
      <c r="I61889" s="1" t="s">
        <v>201500</v>
      </c>
      <c r="J61889" s="1" t="s">
        <v>207122</v>
      </c>
    </row>
    <row r="61890" spans="1:10" x14ac:dyDescent="0.35">
      <c r="A61890" s="1" t="s">
        <v>149217</v>
      </c>
      <c r="B61890" s="1" t="s">
        <v>201495</v>
      </c>
      <c r="C61890" s="1" t="s">
        <v>75</v>
      </c>
      <c r="D61890" s="1" t="s">
        <v>148426</v>
      </c>
      <c r="E61890" s="1" t="s">
        <v>207123</v>
      </c>
      <c r="F61890" s="1" t="s">
        <v>207124</v>
      </c>
      <c r="G61890" s="1" t="s">
        <v>207084</v>
      </c>
      <c r="H61890" s="1" t="s">
        <v>207085</v>
      </c>
      <c r="I61890" s="1" t="s">
        <v>201500</v>
      </c>
      <c r="J61890" s="1" t="s">
        <v>207125</v>
      </c>
    </row>
    <row r="61891" spans="1:10" x14ac:dyDescent="0.35">
      <c r="A61891" s="1" t="s">
        <v>149217</v>
      </c>
      <c r="B61891" s="1" t="s">
        <v>201495</v>
      </c>
      <c r="C61891" s="1" t="s">
        <v>80</v>
      </c>
      <c r="D61891" s="1" t="s">
        <v>188894</v>
      </c>
      <c r="E61891" s="1" t="s">
        <v>207126</v>
      </c>
      <c r="F61891" s="1" t="s">
        <v>207127</v>
      </c>
      <c r="G61891" s="1" t="s">
        <v>207084</v>
      </c>
      <c r="H61891" s="1" t="s">
        <v>207085</v>
      </c>
      <c r="I61891" s="1" t="s">
        <v>201500</v>
      </c>
      <c r="J61891" s="1" t="s">
        <v>207128</v>
      </c>
    </row>
    <row r="61892" spans="1:10" x14ac:dyDescent="0.35">
      <c r="A61892" s="1" t="s">
        <v>149217</v>
      </c>
      <c r="B61892" s="1" t="s">
        <v>201495</v>
      </c>
      <c r="C61892" s="1" t="s">
        <v>85</v>
      </c>
      <c r="D61892" s="1" t="s">
        <v>147172</v>
      </c>
      <c r="E61892" s="1" t="s">
        <v>207129</v>
      </c>
      <c r="F61892" s="1" t="s">
        <v>207130</v>
      </c>
      <c r="G61892" s="1" t="s">
        <v>207084</v>
      </c>
      <c r="H61892" s="1" t="s">
        <v>207085</v>
      </c>
      <c r="I61892" s="1" t="s">
        <v>201500</v>
      </c>
      <c r="J61892" s="1" t="s">
        <v>207131</v>
      </c>
    </row>
    <row r="61893" spans="1:10" x14ac:dyDescent="0.35">
      <c r="A61893" s="1" t="s">
        <v>149217</v>
      </c>
      <c r="B61893" s="1" t="s">
        <v>201495</v>
      </c>
      <c r="C61893" s="1" t="s">
        <v>90</v>
      </c>
      <c r="D61893" s="1" t="s">
        <v>207132</v>
      </c>
      <c r="E61893" s="1" t="s">
        <v>207133</v>
      </c>
      <c r="F61893" s="1" t="s">
        <v>207134</v>
      </c>
      <c r="G61893" s="1" t="s">
        <v>207084</v>
      </c>
      <c r="H61893" s="1" t="s">
        <v>207085</v>
      </c>
      <c r="I61893" s="1" t="s">
        <v>201500</v>
      </c>
      <c r="J61893" s="1" t="s">
        <v>207135</v>
      </c>
    </row>
    <row r="61894" spans="1:10" x14ac:dyDescent="0.35">
      <c r="A61894" s="1" t="s">
        <v>149217</v>
      </c>
      <c r="B61894" s="1" t="s">
        <v>201495</v>
      </c>
      <c r="C61894" s="1" t="s">
        <v>95</v>
      </c>
      <c r="D61894" s="1" t="s">
        <v>17447</v>
      </c>
      <c r="E61894" s="1" t="s">
        <v>207136</v>
      </c>
      <c r="F61894" s="1" t="s">
        <v>207137</v>
      </c>
      <c r="G61894" s="1" t="s">
        <v>207084</v>
      </c>
      <c r="H61894" s="1" t="s">
        <v>207085</v>
      </c>
      <c r="I61894" s="1" t="s">
        <v>201500</v>
      </c>
      <c r="J61894" s="1" t="s">
        <v>207138</v>
      </c>
    </row>
    <row r="61895" spans="1:10" x14ac:dyDescent="0.35">
      <c r="A61895" s="1" t="s">
        <v>149217</v>
      </c>
      <c r="B61895" s="1" t="s">
        <v>201495</v>
      </c>
      <c r="C61895" s="1" t="s">
        <v>100</v>
      </c>
      <c r="D61895" s="1" t="s">
        <v>207139</v>
      </c>
      <c r="E61895" s="1" t="s">
        <v>207140</v>
      </c>
      <c r="F61895" s="1" t="s">
        <v>207141</v>
      </c>
      <c r="G61895" s="1" t="s">
        <v>207084</v>
      </c>
      <c r="H61895" s="1" t="s">
        <v>207085</v>
      </c>
      <c r="I61895" s="1" t="s">
        <v>201500</v>
      </c>
      <c r="J61895" s="1" t="s">
        <v>207142</v>
      </c>
    </row>
    <row r="61896" spans="1:10" x14ac:dyDescent="0.35">
      <c r="A61896" s="1" t="s">
        <v>149217</v>
      </c>
      <c r="B61896" s="1" t="s">
        <v>201495</v>
      </c>
      <c r="C61896" s="1" t="s">
        <v>105</v>
      </c>
      <c r="D61896" s="1" t="s">
        <v>73504</v>
      </c>
      <c r="E61896" s="1" t="s">
        <v>207143</v>
      </c>
      <c r="F61896" s="1" t="s">
        <v>207144</v>
      </c>
      <c r="G61896" s="1" t="s">
        <v>207084</v>
      </c>
      <c r="H61896" s="1" t="s">
        <v>207085</v>
      </c>
      <c r="I61896" s="1" t="s">
        <v>201500</v>
      </c>
      <c r="J61896" s="1" t="s">
        <v>207145</v>
      </c>
    </row>
    <row r="61897" spans="1:10" x14ac:dyDescent="0.35">
      <c r="A61897" s="1" t="s">
        <v>149217</v>
      </c>
      <c r="B61897" s="1" t="s">
        <v>201495</v>
      </c>
      <c r="C61897" s="1" t="s">
        <v>110</v>
      </c>
      <c r="D61897" s="1" t="s">
        <v>123886</v>
      </c>
      <c r="E61897" s="1" t="s">
        <v>207146</v>
      </c>
      <c r="F61897" s="1" t="s">
        <v>207147</v>
      </c>
      <c r="G61897" s="1" t="s">
        <v>207084</v>
      </c>
      <c r="H61897" s="1" t="s">
        <v>207085</v>
      </c>
      <c r="I61897" s="1" t="s">
        <v>201500</v>
      </c>
      <c r="J61897" s="1" t="s">
        <v>207148</v>
      </c>
    </row>
    <row r="61898" spans="1:10" x14ac:dyDescent="0.35">
      <c r="A61898" s="1" t="s">
        <v>149217</v>
      </c>
      <c r="B61898" s="1" t="s">
        <v>201495</v>
      </c>
      <c r="C61898" s="1" t="s">
        <v>115</v>
      </c>
      <c r="D61898" s="1" t="s">
        <v>207149</v>
      </c>
      <c r="E61898" s="1" t="s">
        <v>207150</v>
      </c>
      <c r="F61898" s="1" t="s">
        <v>207151</v>
      </c>
      <c r="G61898" s="1" t="s">
        <v>207084</v>
      </c>
      <c r="H61898" s="1" t="s">
        <v>207085</v>
      </c>
      <c r="I61898" s="1" t="s">
        <v>201500</v>
      </c>
      <c r="J61898" s="1" t="s">
        <v>207152</v>
      </c>
    </row>
    <row r="61899" spans="1:10" x14ac:dyDescent="0.35">
      <c r="A61899" s="1" t="s">
        <v>149217</v>
      </c>
      <c r="B61899" s="1" t="s">
        <v>201495</v>
      </c>
      <c r="C61899" s="1" t="s">
        <v>120</v>
      </c>
      <c r="D61899" s="1" t="s">
        <v>155253</v>
      </c>
      <c r="E61899" s="1" t="s">
        <v>207153</v>
      </c>
      <c r="F61899" s="1" t="s">
        <v>207154</v>
      </c>
      <c r="G61899" s="1" t="s">
        <v>207084</v>
      </c>
      <c r="H61899" s="1" t="s">
        <v>207085</v>
      </c>
      <c r="I61899" s="1" t="s">
        <v>201500</v>
      </c>
      <c r="J61899" s="1" t="s">
        <v>207155</v>
      </c>
    </row>
    <row r="61900" spans="1:10" x14ac:dyDescent="0.35">
      <c r="A61900" s="1" t="s">
        <v>149217</v>
      </c>
      <c r="B61900" s="1" t="s">
        <v>201495</v>
      </c>
      <c r="C61900" s="1" t="s">
        <v>125</v>
      </c>
      <c r="D61900" s="1" t="s">
        <v>207156</v>
      </c>
      <c r="E61900" s="1" t="s">
        <v>207157</v>
      </c>
      <c r="F61900" s="1" t="s">
        <v>207158</v>
      </c>
      <c r="G61900" s="1" t="s">
        <v>207084</v>
      </c>
      <c r="H61900" s="1" t="s">
        <v>207085</v>
      </c>
      <c r="I61900" s="1" t="s">
        <v>201500</v>
      </c>
      <c r="J61900" s="1" t="s">
        <v>207159</v>
      </c>
    </row>
    <row r="61901" spans="1:10" x14ac:dyDescent="0.35">
      <c r="A61901" s="1" t="s">
        <v>149217</v>
      </c>
      <c r="B61901" s="1" t="s">
        <v>201495</v>
      </c>
      <c r="C61901" s="1" t="s">
        <v>130</v>
      </c>
      <c r="D61901" s="1" t="s">
        <v>74371</v>
      </c>
      <c r="E61901" s="1" t="s">
        <v>207160</v>
      </c>
      <c r="F61901" s="1" t="s">
        <v>207161</v>
      </c>
      <c r="G61901" s="1" t="s">
        <v>207084</v>
      </c>
      <c r="H61901" s="1" t="s">
        <v>207085</v>
      </c>
      <c r="I61901" s="1" t="s">
        <v>201500</v>
      </c>
      <c r="J61901" s="1" t="s">
        <v>207162</v>
      </c>
    </row>
    <row r="61902" spans="1:10" x14ac:dyDescent="0.35">
      <c r="A61902" s="1" t="s">
        <v>149217</v>
      </c>
      <c r="B61902" s="1" t="s">
        <v>201495</v>
      </c>
      <c r="C61902" s="1" t="s">
        <v>135</v>
      </c>
      <c r="D61902" s="1" t="s">
        <v>82942</v>
      </c>
      <c r="E61902" s="1" t="s">
        <v>207163</v>
      </c>
      <c r="F61902" s="1" t="s">
        <v>207164</v>
      </c>
      <c r="G61902" s="1" t="s">
        <v>207084</v>
      </c>
      <c r="H61902" s="1" t="s">
        <v>207085</v>
      </c>
      <c r="I61902" s="1" t="s">
        <v>201500</v>
      </c>
      <c r="J61902" s="1" t="s">
        <v>207165</v>
      </c>
    </row>
    <row r="61903" spans="1:10" x14ac:dyDescent="0.35">
      <c r="A61903" s="1" t="s">
        <v>149217</v>
      </c>
      <c r="B61903" s="1" t="s">
        <v>201495</v>
      </c>
      <c r="C61903" s="1" t="s">
        <v>140</v>
      </c>
      <c r="D61903" s="1" t="s">
        <v>207166</v>
      </c>
      <c r="E61903" s="1" t="s">
        <v>207167</v>
      </c>
      <c r="F61903" s="1" t="s">
        <v>207168</v>
      </c>
      <c r="G61903" s="1" t="s">
        <v>207084</v>
      </c>
      <c r="H61903" s="1" t="s">
        <v>207085</v>
      </c>
      <c r="I61903" s="1" t="s">
        <v>201500</v>
      </c>
      <c r="J61903" s="1" t="s">
        <v>207169</v>
      </c>
    </row>
    <row r="61904" spans="1:10" x14ac:dyDescent="0.35">
      <c r="A61904" s="1" t="s">
        <v>149217</v>
      </c>
      <c r="B61904" s="1" t="s">
        <v>201495</v>
      </c>
      <c r="C61904" s="1" t="s">
        <v>145</v>
      </c>
      <c r="D61904" s="1" t="s">
        <v>186583</v>
      </c>
      <c r="E61904" s="1" t="s">
        <v>207170</v>
      </c>
      <c r="F61904" s="1" t="s">
        <v>207171</v>
      </c>
      <c r="G61904" s="1" t="s">
        <v>207084</v>
      </c>
      <c r="H61904" s="1" t="s">
        <v>207085</v>
      </c>
      <c r="I61904" s="1" t="s">
        <v>201500</v>
      </c>
      <c r="J61904" s="1" t="s">
        <v>207172</v>
      </c>
    </row>
    <row r="61905" spans="1:10" x14ac:dyDescent="0.35">
      <c r="A61905" s="1" t="s">
        <v>149217</v>
      </c>
      <c r="B61905" s="1" t="s">
        <v>201495</v>
      </c>
      <c r="C61905" s="1" t="s">
        <v>150</v>
      </c>
      <c r="D61905" s="1" t="s">
        <v>183917</v>
      </c>
      <c r="E61905" s="1" t="s">
        <v>207173</v>
      </c>
      <c r="F61905" s="1" t="s">
        <v>207174</v>
      </c>
      <c r="G61905" s="1" t="s">
        <v>207084</v>
      </c>
      <c r="H61905" s="1" t="s">
        <v>207085</v>
      </c>
      <c r="I61905" s="1" t="s">
        <v>201500</v>
      </c>
      <c r="J61905" s="1" t="s">
        <v>207175</v>
      </c>
    </row>
    <row r="61906" spans="1:10" x14ac:dyDescent="0.35">
      <c r="A61906" s="1" t="s">
        <v>149217</v>
      </c>
      <c r="B61906" s="1" t="s">
        <v>201495</v>
      </c>
      <c r="C61906" s="1" t="s">
        <v>155</v>
      </c>
      <c r="D61906" s="1" t="s">
        <v>33065</v>
      </c>
      <c r="E61906" s="1" t="s">
        <v>207176</v>
      </c>
      <c r="F61906" s="1" t="s">
        <v>207177</v>
      </c>
      <c r="G61906" s="1" t="s">
        <v>207084</v>
      </c>
      <c r="H61906" s="1" t="s">
        <v>207085</v>
      </c>
      <c r="I61906" s="1" t="s">
        <v>201500</v>
      </c>
      <c r="J61906" s="1" t="s">
        <v>207178</v>
      </c>
    </row>
    <row r="61907" spans="1:10" x14ac:dyDescent="0.35">
      <c r="A61907" s="1" t="s">
        <v>149217</v>
      </c>
      <c r="B61907" s="1" t="s">
        <v>201495</v>
      </c>
      <c r="C61907" s="1" t="s">
        <v>160</v>
      </c>
      <c r="D61907" s="1" t="s">
        <v>207179</v>
      </c>
      <c r="E61907" s="1" t="s">
        <v>207180</v>
      </c>
      <c r="F61907" s="1" t="s">
        <v>207181</v>
      </c>
      <c r="G61907" s="1" t="s">
        <v>207084</v>
      </c>
      <c r="H61907" s="1" t="s">
        <v>207085</v>
      </c>
      <c r="I61907" s="1" t="s">
        <v>201500</v>
      </c>
      <c r="J61907" s="1" t="s">
        <v>207182</v>
      </c>
    </row>
    <row r="61908" spans="1:10" x14ac:dyDescent="0.35">
      <c r="A61908" s="1" t="s">
        <v>149217</v>
      </c>
      <c r="B61908" s="1" t="s">
        <v>201495</v>
      </c>
      <c r="C61908" s="1" t="s">
        <v>165</v>
      </c>
      <c r="D61908" s="1" t="s">
        <v>173288</v>
      </c>
      <c r="E61908" s="1" t="s">
        <v>207183</v>
      </c>
      <c r="F61908" s="1" t="s">
        <v>207184</v>
      </c>
      <c r="G61908" s="1" t="s">
        <v>207084</v>
      </c>
      <c r="H61908" s="1" t="s">
        <v>207085</v>
      </c>
      <c r="I61908" s="1" t="s">
        <v>201500</v>
      </c>
      <c r="J61908" s="1" t="s">
        <v>207185</v>
      </c>
    </row>
    <row r="61909" spans="1:10" x14ac:dyDescent="0.35">
      <c r="A61909" s="1" t="s">
        <v>149217</v>
      </c>
      <c r="B61909" s="1" t="s">
        <v>201495</v>
      </c>
      <c r="C61909" s="1" t="s">
        <v>170</v>
      </c>
      <c r="D61909" s="1" t="s">
        <v>149419</v>
      </c>
      <c r="E61909" s="1" t="s">
        <v>207186</v>
      </c>
      <c r="F61909" s="1" t="s">
        <v>207187</v>
      </c>
      <c r="G61909" s="1" t="s">
        <v>207084</v>
      </c>
      <c r="H61909" s="1" t="s">
        <v>207085</v>
      </c>
      <c r="I61909" s="1" t="s">
        <v>201500</v>
      </c>
      <c r="J61909" s="1" t="s">
        <v>207188</v>
      </c>
    </row>
    <row r="61910" spans="1:10" x14ac:dyDescent="0.35">
      <c r="A61910" s="1" t="s">
        <v>146417</v>
      </c>
      <c r="B61910" s="1" t="s">
        <v>201495</v>
      </c>
      <c r="C61910" s="1" t="s">
        <v>8</v>
      </c>
      <c r="D61910" s="1" t="s">
        <v>121735</v>
      </c>
      <c r="E61910" s="1" t="s">
        <v>207189</v>
      </c>
      <c r="F61910" s="1" t="s">
        <v>207190</v>
      </c>
      <c r="G61910" s="1" t="s">
        <v>207191</v>
      </c>
      <c r="H61910" s="1" t="s">
        <v>207192</v>
      </c>
      <c r="I61910" s="1" t="s">
        <v>201500</v>
      </c>
      <c r="J61910" s="1" t="s">
        <v>13</v>
      </c>
    </row>
    <row r="61911" spans="1:10" x14ac:dyDescent="0.35">
      <c r="A61911" s="1" t="s">
        <v>146417</v>
      </c>
      <c r="B61911" s="1" t="s">
        <v>201495</v>
      </c>
      <c r="C61911" s="1" t="s">
        <v>15</v>
      </c>
      <c r="D61911" s="1" t="s">
        <v>27969</v>
      </c>
      <c r="E61911" s="1" t="s">
        <v>207193</v>
      </c>
      <c r="F61911" s="1" t="s">
        <v>207194</v>
      </c>
      <c r="G61911" s="1" t="s">
        <v>207191</v>
      </c>
      <c r="H61911" s="1" t="s">
        <v>207192</v>
      </c>
      <c r="I61911" s="1" t="s">
        <v>201500</v>
      </c>
      <c r="J61911" s="1" t="s">
        <v>207195</v>
      </c>
    </row>
    <row r="61912" spans="1:10" x14ac:dyDescent="0.35">
      <c r="A61912" s="1" t="s">
        <v>146417</v>
      </c>
      <c r="B61912" s="1" t="s">
        <v>201495</v>
      </c>
      <c r="C61912" s="1" t="s">
        <v>20</v>
      </c>
      <c r="D61912" s="1" t="s">
        <v>14161</v>
      </c>
      <c r="E61912" s="1" t="s">
        <v>207196</v>
      </c>
      <c r="F61912" s="1" t="s">
        <v>207197</v>
      </c>
      <c r="G61912" s="1" t="s">
        <v>207191</v>
      </c>
      <c r="H61912" s="1" t="s">
        <v>207192</v>
      </c>
      <c r="I61912" s="1" t="s">
        <v>201500</v>
      </c>
      <c r="J61912" s="1" t="s">
        <v>207198</v>
      </c>
    </row>
    <row r="61913" spans="1:10" x14ac:dyDescent="0.35">
      <c r="A61913" s="1" t="s">
        <v>146417</v>
      </c>
      <c r="B61913" s="1" t="s">
        <v>201495</v>
      </c>
      <c r="C61913" s="1" t="s">
        <v>25</v>
      </c>
      <c r="D61913" s="1" t="s">
        <v>14142</v>
      </c>
      <c r="E61913" s="1" t="s">
        <v>207199</v>
      </c>
      <c r="F61913" s="1" t="s">
        <v>207200</v>
      </c>
      <c r="G61913" s="1" t="s">
        <v>207191</v>
      </c>
      <c r="H61913" s="1" t="s">
        <v>207192</v>
      </c>
      <c r="I61913" s="1" t="s">
        <v>201500</v>
      </c>
      <c r="J61913" s="1" t="s">
        <v>207201</v>
      </c>
    </row>
    <row r="61914" spans="1:10" x14ac:dyDescent="0.35">
      <c r="A61914" s="1" t="s">
        <v>146417</v>
      </c>
      <c r="B61914" s="1" t="s">
        <v>201495</v>
      </c>
      <c r="C61914" s="1" t="s">
        <v>30</v>
      </c>
      <c r="D61914" s="1" t="s">
        <v>119480</v>
      </c>
      <c r="E61914" s="1" t="s">
        <v>207202</v>
      </c>
      <c r="F61914" s="1" t="s">
        <v>207203</v>
      </c>
      <c r="G61914" s="1" t="s">
        <v>207191</v>
      </c>
      <c r="H61914" s="1" t="s">
        <v>207192</v>
      </c>
      <c r="I61914" s="1" t="s">
        <v>201500</v>
      </c>
      <c r="J61914" s="1" t="s">
        <v>207204</v>
      </c>
    </row>
    <row r="61915" spans="1:10" x14ac:dyDescent="0.35">
      <c r="A61915" s="1" t="s">
        <v>146417</v>
      </c>
      <c r="B61915" s="1" t="s">
        <v>201495</v>
      </c>
      <c r="C61915" s="1" t="s">
        <v>35</v>
      </c>
      <c r="D61915" s="1" t="s">
        <v>156443</v>
      </c>
      <c r="E61915" s="1" t="s">
        <v>207205</v>
      </c>
      <c r="F61915" s="1" t="s">
        <v>207206</v>
      </c>
      <c r="G61915" s="1" t="s">
        <v>207191</v>
      </c>
      <c r="H61915" s="1" t="s">
        <v>207192</v>
      </c>
      <c r="I61915" s="1" t="s">
        <v>201500</v>
      </c>
      <c r="J61915" s="1" t="s">
        <v>207207</v>
      </c>
    </row>
    <row r="61916" spans="1:10" x14ac:dyDescent="0.35">
      <c r="A61916" s="1" t="s">
        <v>146417</v>
      </c>
      <c r="B61916" s="1" t="s">
        <v>201495</v>
      </c>
      <c r="C61916" s="1" t="s">
        <v>40</v>
      </c>
      <c r="D61916" s="1" t="s">
        <v>7044</v>
      </c>
      <c r="E61916" s="1" t="s">
        <v>207208</v>
      </c>
      <c r="F61916" s="1" t="s">
        <v>207209</v>
      </c>
      <c r="G61916" s="1" t="s">
        <v>207191</v>
      </c>
      <c r="H61916" s="1" t="s">
        <v>207192</v>
      </c>
      <c r="I61916" s="1" t="s">
        <v>201500</v>
      </c>
      <c r="J61916" s="1" t="s">
        <v>207210</v>
      </c>
    </row>
    <row r="61917" spans="1:10" x14ac:dyDescent="0.35">
      <c r="A61917" s="1" t="s">
        <v>146417</v>
      </c>
      <c r="B61917" s="1" t="s">
        <v>201495</v>
      </c>
      <c r="C61917" s="1" t="s">
        <v>45</v>
      </c>
      <c r="D61917" s="1" t="s">
        <v>120494</v>
      </c>
      <c r="E61917" s="1" t="s">
        <v>207211</v>
      </c>
      <c r="F61917" s="1" t="s">
        <v>207212</v>
      </c>
      <c r="G61917" s="1" t="s">
        <v>207191</v>
      </c>
      <c r="H61917" s="1" t="s">
        <v>207192</v>
      </c>
      <c r="I61917" s="1" t="s">
        <v>201500</v>
      </c>
      <c r="J61917" s="1" t="s">
        <v>207213</v>
      </c>
    </row>
    <row r="61918" spans="1:10" x14ac:dyDescent="0.35">
      <c r="A61918" s="1" t="s">
        <v>146417</v>
      </c>
      <c r="B61918" s="1" t="s">
        <v>201495</v>
      </c>
      <c r="C61918" s="1" t="s">
        <v>50</v>
      </c>
      <c r="D61918" s="1" t="s">
        <v>8032</v>
      </c>
      <c r="E61918" s="1" t="s">
        <v>207214</v>
      </c>
      <c r="F61918" s="1" t="s">
        <v>207215</v>
      </c>
      <c r="G61918" s="1" t="s">
        <v>207191</v>
      </c>
      <c r="H61918" s="1" t="s">
        <v>207192</v>
      </c>
      <c r="I61918" s="1" t="s">
        <v>201500</v>
      </c>
      <c r="J61918" s="1" t="s">
        <v>207216</v>
      </c>
    </row>
    <row r="61919" spans="1:10" x14ac:dyDescent="0.35">
      <c r="A61919" s="1" t="s">
        <v>146417</v>
      </c>
      <c r="B61919" s="1" t="s">
        <v>201495</v>
      </c>
      <c r="C61919" s="1" t="s">
        <v>55</v>
      </c>
      <c r="D61919" s="1" t="s">
        <v>121419</v>
      </c>
      <c r="E61919" s="1" t="s">
        <v>207217</v>
      </c>
      <c r="F61919" s="1" t="s">
        <v>207218</v>
      </c>
      <c r="G61919" s="1" t="s">
        <v>207191</v>
      </c>
      <c r="H61919" s="1" t="s">
        <v>207192</v>
      </c>
      <c r="I61919" s="1" t="s">
        <v>201500</v>
      </c>
      <c r="J61919" s="1" t="s">
        <v>207219</v>
      </c>
    </row>
    <row r="61920" spans="1:10" x14ac:dyDescent="0.35">
      <c r="A61920" s="1" t="s">
        <v>146417</v>
      </c>
      <c r="B61920" s="1" t="s">
        <v>201495</v>
      </c>
      <c r="C61920" s="1" t="s">
        <v>60</v>
      </c>
      <c r="D61920" s="1" t="s">
        <v>8769</v>
      </c>
      <c r="E61920" s="1" t="s">
        <v>207220</v>
      </c>
      <c r="F61920" s="1" t="s">
        <v>207221</v>
      </c>
      <c r="G61920" s="1" t="s">
        <v>207191</v>
      </c>
      <c r="H61920" s="1" t="s">
        <v>207192</v>
      </c>
      <c r="I61920" s="1" t="s">
        <v>201500</v>
      </c>
      <c r="J61920" s="1" t="s">
        <v>207222</v>
      </c>
    </row>
    <row r="61921" spans="1:10" x14ac:dyDescent="0.35">
      <c r="A61921" s="1" t="s">
        <v>146417</v>
      </c>
      <c r="B61921" s="1" t="s">
        <v>201495</v>
      </c>
      <c r="C61921" s="1" t="s">
        <v>65</v>
      </c>
      <c r="D61921" s="1" t="s">
        <v>25393</v>
      </c>
      <c r="E61921" s="1" t="s">
        <v>207223</v>
      </c>
      <c r="F61921" s="1" t="s">
        <v>207224</v>
      </c>
      <c r="G61921" s="1" t="s">
        <v>207191</v>
      </c>
      <c r="H61921" s="1" t="s">
        <v>207192</v>
      </c>
      <c r="I61921" s="1" t="s">
        <v>201500</v>
      </c>
      <c r="J61921" s="1" t="s">
        <v>207225</v>
      </c>
    </row>
    <row r="61922" spans="1:10" x14ac:dyDescent="0.35">
      <c r="A61922" s="1" t="s">
        <v>146417</v>
      </c>
      <c r="B61922" s="1" t="s">
        <v>201495</v>
      </c>
      <c r="C61922" s="1" t="s">
        <v>70</v>
      </c>
      <c r="D61922" s="1" t="s">
        <v>111821</v>
      </c>
      <c r="E61922" s="1" t="s">
        <v>207226</v>
      </c>
      <c r="F61922" s="1" t="s">
        <v>207227</v>
      </c>
      <c r="G61922" s="1" t="s">
        <v>207191</v>
      </c>
      <c r="H61922" s="1" t="s">
        <v>207192</v>
      </c>
      <c r="I61922" s="1" t="s">
        <v>201500</v>
      </c>
      <c r="J61922" s="1" t="s">
        <v>207228</v>
      </c>
    </row>
    <row r="61923" spans="1:10" x14ac:dyDescent="0.35">
      <c r="A61923" s="1" t="s">
        <v>146417</v>
      </c>
      <c r="B61923" s="1" t="s">
        <v>201495</v>
      </c>
      <c r="C61923" s="1" t="s">
        <v>75</v>
      </c>
      <c r="D61923" s="1" t="s">
        <v>4396</v>
      </c>
      <c r="E61923" s="1" t="s">
        <v>207229</v>
      </c>
      <c r="F61923" s="1" t="s">
        <v>207230</v>
      </c>
      <c r="G61923" s="1" t="s">
        <v>207191</v>
      </c>
      <c r="H61923" s="1" t="s">
        <v>207192</v>
      </c>
      <c r="I61923" s="1" t="s">
        <v>201500</v>
      </c>
      <c r="J61923" s="1" t="s">
        <v>207231</v>
      </c>
    </row>
    <row r="61924" spans="1:10" x14ac:dyDescent="0.35">
      <c r="A61924" s="1" t="s">
        <v>146417</v>
      </c>
      <c r="B61924" s="1" t="s">
        <v>201495</v>
      </c>
      <c r="C61924" s="1" t="s">
        <v>80</v>
      </c>
      <c r="D61924" s="1" t="s">
        <v>119770</v>
      </c>
      <c r="E61924" s="1" t="s">
        <v>207232</v>
      </c>
      <c r="F61924" s="1" t="s">
        <v>207233</v>
      </c>
      <c r="G61924" s="1" t="s">
        <v>207191</v>
      </c>
      <c r="H61924" s="1" t="s">
        <v>207192</v>
      </c>
      <c r="I61924" s="1" t="s">
        <v>201500</v>
      </c>
      <c r="J61924" s="1" t="s">
        <v>207234</v>
      </c>
    </row>
    <row r="61925" spans="1:10" x14ac:dyDescent="0.35">
      <c r="A61925" s="1" t="s">
        <v>146417</v>
      </c>
      <c r="B61925" s="1" t="s">
        <v>201495</v>
      </c>
      <c r="C61925" s="1" t="s">
        <v>85</v>
      </c>
      <c r="D61925" s="1" t="s">
        <v>207235</v>
      </c>
      <c r="E61925" s="1" t="s">
        <v>207236</v>
      </c>
      <c r="F61925" s="1" t="s">
        <v>207237</v>
      </c>
      <c r="G61925" s="1" t="s">
        <v>207191</v>
      </c>
      <c r="H61925" s="1" t="s">
        <v>207192</v>
      </c>
      <c r="I61925" s="1" t="s">
        <v>201500</v>
      </c>
      <c r="J61925" s="1" t="s">
        <v>207238</v>
      </c>
    </row>
    <row r="61926" spans="1:10" x14ac:dyDescent="0.35">
      <c r="A61926" s="1" t="s">
        <v>146417</v>
      </c>
      <c r="B61926" s="1" t="s">
        <v>201495</v>
      </c>
      <c r="C61926" s="1" t="s">
        <v>90</v>
      </c>
      <c r="D61926" s="1" t="s">
        <v>1651</v>
      </c>
      <c r="E61926" s="1" t="s">
        <v>207239</v>
      </c>
      <c r="F61926" s="1" t="s">
        <v>207240</v>
      </c>
      <c r="G61926" s="1" t="s">
        <v>207191</v>
      </c>
      <c r="H61926" s="1" t="s">
        <v>207192</v>
      </c>
      <c r="I61926" s="1" t="s">
        <v>201500</v>
      </c>
      <c r="J61926" s="1" t="s">
        <v>207241</v>
      </c>
    </row>
    <row r="61927" spans="1:10" x14ac:dyDescent="0.35">
      <c r="A61927" s="1" t="s">
        <v>146417</v>
      </c>
      <c r="B61927" s="1" t="s">
        <v>201495</v>
      </c>
      <c r="C61927" s="1" t="s">
        <v>95</v>
      </c>
      <c r="D61927" s="1" t="s">
        <v>8087</v>
      </c>
      <c r="E61927" s="1" t="s">
        <v>207242</v>
      </c>
      <c r="F61927" s="1" t="s">
        <v>207243</v>
      </c>
      <c r="G61927" s="1" t="s">
        <v>207191</v>
      </c>
      <c r="H61927" s="1" t="s">
        <v>207192</v>
      </c>
      <c r="I61927" s="1" t="s">
        <v>201500</v>
      </c>
      <c r="J61927" s="1" t="s">
        <v>207244</v>
      </c>
    </row>
    <row r="61928" spans="1:10" x14ac:dyDescent="0.35">
      <c r="A61928" s="1" t="s">
        <v>146417</v>
      </c>
      <c r="B61928" s="1" t="s">
        <v>201495</v>
      </c>
      <c r="C61928" s="1" t="s">
        <v>100</v>
      </c>
      <c r="D61928" s="1" t="s">
        <v>2071</v>
      </c>
      <c r="E61928" s="1" t="s">
        <v>207245</v>
      </c>
      <c r="F61928" s="1" t="s">
        <v>207246</v>
      </c>
      <c r="G61928" s="1" t="s">
        <v>207191</v>
      </c>
      <c r="H61928" s="1" t="s">
        <v>207192</v>
      </c>
      <c r="I61928" s="1" t="s">
        <v>201500</v>
      </c>
      <c r="J61928" s="1" t="s">
        <v>207247</v>
      </c>
    </row>
    <row r="61929" spans="1:10" x14ac:dyDescent="0.35">
      <c r="A61929" s="1" t="s">
        <v>146417</v>
      </c>
      <c r="B61929" s="1" t="s">
        <v>201495</v>
      </c>
      <c r="C61929" s="1" t="s">
        <v>105</v>
      </c>
      <c r="D61929" s="1" t="s">
        <v>167930</v>
      </c>
      <c r="E61929" s="1" t="s">
        <v>207248</v>
      </c>
      <c r="F61929" s="1" t="s">
        <v>207249</v>
      </c>
      <c r="G61929" s="1" t="s">
        <v>207191</v>
      </c>
      <c r="H61929" s="1" t="s">
        <v>207192</v>
      </c>
      <c r="I61929" s="1" t="s">
        <v>201500</v>
      </c>
      <c r="J61929" s="1" t="s">
        <v>207250</v>
      </c>
    </row>
    <row r="61930" spans="1:10" x14ac:dyDescent="0.35">
      <c r="A61930" s="1" t="s">
        <v>146417</v>
      </c>
      <c r="B61930" s="1" t="s">
        <v>201495</v>
      </c>
      <c r="C61930" s="1" t="s">
        <v>110</v>
      </c>
      <c r="D61930" s="1" t="s">
        <v>27480</v>
      </c>
      <c r="E61930" s="1" t="s">
        <v>207251</v>
      </c>
      <c r="F61930" s="1" t="s">
        <v>207252</v>
      </c>
      <c r="G61930" s="1" t="s">
        <v>207191</v>
      </c>
      <c r="H61930" s="1" t="s">
        <v>207192</v>
      </c>
      <c r="I61930" s="1" t="s">
        <v>201500</v>
      </c>
      <c r="J61930" s="1" t="s">
        <v>207253</v>
      </c>
    </row>
    <row r="61931" spans="1:10" x14ac:dyDescent="0.35">
      <c r="A61931" s="1" t="s">
        <v>146417</v>
      </c>
      <c r="B61931" s="1" t="s">
        <v>201495</v>
      </c>
      <c r="C61931" s="1" t="s">
        <v>115</v>
      </c>
      <c r="D61931" s="1" t="s">
        <v>148720</v>
      </c>
      <c r="E61931" s="1" t="s">
        <v>207254</v>
      </c>
      <c r="F61931" s="1" t="s">
        <v>207255</v>
      </c>
      <c r="G61931" s="1" t="s">
        <v>207191</v>
      </c>
      <c r="H61931" s="1" t="s">
        <v>207192</v>
      </c>
      <c r="I61931" s="1" t="s">
        <v>201500</v>
      </c>
      <c r="J61931" s="1" t="s">
        <v>207256</v>
      </c>
    </row>
    <row r="61932" spans="1:10" x14ac:dyDescent="0.35">
      <c r="A61932" s="1" t="s">
        <v>146417</v>
      </c>
      <c r="B61932" s="1" t="s">
        <v>201495</v>
      </c>
      <c r="C61932" s="1" t="s">
        <v>120</v>
      </c>
      <c r="D61932" s="1" t="s">
        <v>6567</v>
      </c>
      <c r="E61932" s="1" t="s">
        <v>207257</v>
      </c>
      <c r="F61932" s="1" t="s">
        <v>207258</v>
      </c>
      <c r="G61932" s="1" t="s">
        <v>207191</v>
      </c>
      <c r="H61932" s="1" t="s">
        <v>207192</v>
      </c>
      <c r="I61932" s="1" t="s">
        <v>201500</v>
      </c>
      <c r="J61932" s="1" t="s">
        <v>207259</v>
      </c>
    </row>
    <row r="61933" spans="1:10" x14ac:dyDescent="0.35">
      <c r="A61933" s="1" t="s">
        <v>146417</v>
      </c>
      <c r="B61933" s="1" t="s">
        <v>201495</v>
      </c>
      <c r="C61933" s="1" t="s">
        <v>125</v>
      </c>
      <c r="D61933" s="1" t="s">
        <v>119176</v>
      </c>
      <c r="E61933" s="1" t="s">
        <v>207260</v>
      </c>
      <c r="F61933" s="1" t="s">
        <v>207261</v>
      </c>
      <c r="G61933" s="1" t="s">
        <v>207191</v>
      </c>
      <c r="H61933" s="1" t="s">
        <v>207192</v>
      </c>
      <c r="I61933" s="1" t="s">
        <v>201500</v>
      </c>
      <c r="J61933" s="1" t="s">
        <v>207262</v>
      </c>
    </row>
    <row r="61934" spans="1:10" x14ac:dyDescent="0.35">
      <c r="A61934" s="1" t="s">
        <v>146417</v>
      </c>
      <c r="B61934" s="1" t="s">
        <v>201495</v>
      </c>
      <c r="C61934" s="1" t="s">
        <v>130</v>
      </c>
      <c r="D61934" s="1" t="s">
        <v>172437</v>
      </c>
      <c r="E61934" s="1" t="s">
        <v>207263</v>
      </c>
      <c r="F61934" s="1" t="s">
        <v>207264</v>
      </c>
      <c r="G61934" s="1" t="s">
        <v>207191</v>
      </c>
      <c r="H61934" s="1" t="s">
        <v>207192</v>
      </c>
      <c r="I61934" s="1" t="s">
        <v>201500</v>
      </c>
      <c r="J61934" s="1" t="s">
        <v>207265</v>
      </c>
    </row>
    <row r="61935" spans="1:10" x14ac:dyDescent="0.35">
      <c r="A61935" s="1" t="s">
        <v>146417</v>
      </c>
      <c r="B61935" s="1" t="s">
        <v>201495</v>
      </c>
      <c r="C61935" s="1" t="s">
        <v>135</v>
      </c>
      <c r="D61935" s="1" t="s">
        <v>28306</v>
      </c>
      <c r="E61935" s="1" t="s">
        <v>207266</v>
      </c>
      <c r="F61935" s="1" t="s">
        <v>207267</v>
      </c>
      <c r="G61935" s="1" t="s">
        <v>207191</v>
      </c>
      <c r="H61935" s="1" t="s">
        <v>207192</v>
      </c>
      <c r="I61935" s="1" t="s">
        <v>201500</v>
      </c>
      <c r="J61935" s="1" t="s">
        <v>207268</v>
      </c>
    </row>
    <row r="61936" spans="1:10" x14ac:dyDescent="0.35">
      <c r="A61936" s="1" t="s">
        <v>146417</v>
      </c>
      <c r="B61936" s="1" t="s">
        <v>201495</v>
      </c>
      <c r="C61936" s="1" t="s">
        <v>140</v>
      </c>
      <c r="D61936" s="1" t="s">
        <v>170308</v>
      </c>
      <c r="E61936" s="1" t="s">
        <v>207269</v>
      </c>
      <c r="F61936" s="1" t="s">
        <v>207270</v>
      </c>
      <c r="G61936" s="1" t="s">
        <v>207191</v>
      </c>
      <c r="H61936" s="1" t="s">
        <v>207192</v>
      </c>
      <c r="I61936" s="1" t="s">
        <v>201500</v>
      </c>
      <c r="J61936" s="1" t="s">
        <v>207271</v>
      </c>
    </row>
    <row r="61937" spans="1:10" x14ac:dyDescent="0.35">
      <c r="A61937" s="1" t="s">
        <v>146417</v>
      </c>
      <c r="B61937" s="1" t="s">
        <v>201495</v>
      </c>
      <c r="C61937" s="1" t="s">
        <v>145</v>
      </c>
      <c r="D61937" s="1" t="s">
        <v>119537</v>
      </c>
      <c r="E61937" s="1" t="s">
        <v>207272</v>
      </c>
      <c r="F61937" s="1" t="s">
        <v>207273</v>
      </c>
      <c r="G61937" s="1" t="s">
        <v>207191</v>
      </c>
      <c r="H61937" s="1" t="s">
        <v>207192</v>
      </c>
      <c r="I61937" s="1" t="s">
        <v>201500</v>
      </c>
      <c r="J61937" s="1" t="s">
        <v>207274</v>
      </c>
    </row>
    <row r="61938" spans="1:10" x14ac:dyDescent="0.35">
      <c r="A61938" s="1" t="s">
        <v>146417</v>
      </c>
      <c r="B61938" s="1" t="s">
        <v>201495</v>
      </c>
      <c r="C61938" s="1" t="s">
        <v>150</v>
      </c>
      <c r="D61938" s="1" t="s">
        <v>35405</v>
      </c>
      <c r="E61938" s="1" t="s">
        <v>207275</v>
      </c>
      <c r="F61938" s="1" t="s">
        <v>207276</v>
      </c>
      <c r="G61938" s="1" t="s">
        <v>207191</v>
      </c>
      <c r="H61938" s="1" t="s">
        <v>207192</v>
      </c>
      <c r="I61938" s="1" t="s">
        <v>201500</v>
      </c>
      <c r="J61938" s="1" t="s">
        <v>207277</v>
      </c>
    </row>
    <row r="61939" spans="1:10" x14ac:dyDescent="0.35">
      <c r="A61939" s="1" t="s">
        <v>146417</v>
      </c>
      <c r="B61939" s="1" t="s">
        <v>201495</v>
      </c>
      <c r="C61939" s="1" t="s">
        <v>155</v>
      </c>
      <c r="D61939" s="1" t="s">
        <v>110103</v>
      </c>
      <c r="E61939" s="1" t="s">
        <v>207278</v>
      </c>
      <c r="F61939" s="1" t="s">
        <v>207279</v>
      </c>
      <c r="G61939" s="1" t="s">
        <v>207191</v>
      </c>
      <c r="H61939" s="1" t="s">
        <v>207192</v>
      </c>
      <c r="I61939" s="1" t="s">
        <v>201500</v>
      </c>
      <c r="J61939" s="1" t="s">
        <v>207280</v>
      </c>
    </row>
    <row r="61940" spans="1:10" x14ac:dyDescent="0.35">
      <c r="A61940" s="1" t="s">
        <v>146417</v>
      </c>
      <c r="B61940" s="1" t="s">
        <v>201495</v>
      </c>
      <c r="C61940" s="1" t="s">
        <v>160</v>
      </c>
      <c r="D61940" s="1" t="s">
        <v>162061</v>
      </c>
      <c r="E61940" s="1" t="s">
        <v>207281</v>
      </c>
      <c r="F61940" s="1" t="s">
        <v>207282</v>
      </c>
      <c r="G61940" s="1" t="s">
        <v>207191</v>
      </c>
      <c r="H61940" s="1" t="s">
        <v>207192</v>
      </c>
      <c r="I61940" s="1" t="s">
        <v>201500</v>
      </c>
      <c r="J61940" s="1" t="s">
        <v>207283</v>
      </c>
    </row>
    <row r="61941" spans="1:10" x14ac:dyDescent="0.35">
      <c r="A61941" s="1" t="s">
        <v>146417</v>
      </c>
      <c r="B61941" s="1" t="s">
        <v>201495</v>
      </c>
      <c r="C61941" s="1" t="s">
        <v>165</v>
      </c>
      <c r="D61941" s="1" t="s">
        <v>197051</v>
      </c>
      <c r="E61941" s="1" t="s">
        <v>207284</v>
      </c>
      <c r="F61941" s="1" t="s">
        <v>207285</v>
      </c>
      <c r="G61941" s="1" t="s">
        <v>207191</v>
      </c>
      <c r="H61941" s="1" t="s">
        <v>207192</v>
      </c>
      <c r="I61941" s="1" t="s">
        <v>201500</v>
      </c>
      <c r="J61941" s="1" t="s">
        <v>207286</v>
      </c>
    </row>
    <row r="61942" spans="1:10" x14ac:dyDescent="0.35">
      <c r="A61942" s="1" t="s">
        <v>146417</v>
      </c>
      <c r="B61942" s="1" t="s">
        <v>201495</v>
      </c>
      <c r="C61942" s="1" t="s">
        <v>170</v>
      </c>
      <c r="D61942" s="1" t="s">
        <v>207287</v>
      </c>
      <c r="E61942" s="1" t="s">
        <v>207288</v>
      </c>
      <c r="F61942" s="1" t="s">
        <v>207289</v>
      </c>
      <c r="G61942" s="1" t="s">
        <v>207191</v>
      </c>
      <c r="H61942" s="1" t="s">
        <v>207192</v>
      </c>
      <c r="I61942" s="1" t="s">
        <v>201500</v>
      </c>
      <c r="J61942" s="1" t="s">
        <v>207290</v>
      </c>
    </row>
    <row r="61943" spans="1:10" x14ac:dyDescent="0.35">
      <c r="A61943" s="1" t="s">
        <v>207291</v>
      </c>
      <c r="B61943" s="1" t="s">
        <v>201495</v>
      </c>
      <c r="C61943" s="1" t="s">
        <v>8</v>
      </c>
      <c r="D61943" s="1" t="s">
        <v>111370</v>
      </c>
      <c r="E61943" s="1" t="s">
        <v>207292</v>
      </c>
      <c r="F61943" s="1" t="s">
        <v>207293</v>
      </c>
      <c r="G61943" s="1" t="s">
        <v>207294</v>
      </c>
      <c r="H61943" s="1" t="s">
        <v>207295</v>
      </c>
      <c r="I61943" s="1" t="s">
        <v>201500</v>
      </c>
      <c r="J61943" s="1" t="s">
        <v>13</v>
      </c>
    </row>
    <row r="61944" spans="1:10" x14ac:dyDescent="0.35">
      <c r="A61944" s="1" t="s">
        <v>207291</v>
      </c>
      <c r="B61944" s="1" t="s">
        <v>201495</v>
      </c>
      <c r="C61944" s="1" t="s">
        <v>15</v>
      </c>
      <c r="D61944" s="1" t="s">
        <v>115460</v>
      </c>
      <c r="E61944" s="1" t="s">
        <v>207296</v>
      </c>
      <c r="F61944" s="1" t="s">
        <v>207297</v>
      </c>
      <c r="G61944" s="1" t="s">
        <v>207294</v>
      </c>
      <c r="H61944" s="1" t="s">
        <v>207295</v>
      </c>
      <c r="I61944" s="1" t="s">
        <v>201500</v>
      </c>
      <c r="J61944" s="1" t="s">
        <v>207298</v>
      </c>
    </row>
    <row r="61945" spans="1:10" x14ac:dyDescent="0.35">
      <c r="A61945" s="1" t="s">
        <v>207291</v>
      </c>
      <c r="B61945" s="1" t="s">
        <v>201495</v>
      </c>
      <c r="C61945" s="1" t="s">
        <v>20</v>
      </c>
      <c r="D61945" s="1" t="s">
        <v>207299</v>
      </c>
      <c r="E61945" s="1" t="s">
        <v>207300</v>
      </c>
      <c r="F61945" s="1" t="s">
        <v>207301</v>
      </c>
      <c r="G61945" s="1" t="s">
        <v>207294</v>
      </c>
      <c r="H61945" s="1" t="s">
        <v>207295</v>
      </c>
      <c r="I61945" s="1" t="s">
        <v>201500</v>
      </c>
      <c r="J61945" s="1" t="s">
        <v>207302</v>
      </c>
    </row>
    <row r="61946" spans="1:10" x14ac:dyDescent="0.35">
      <c r="A61946" s="1" t="s">
        <v>207291</v>
      </c>
      <c r="B61946" s="1" t="s">
        <v>201495</v>
      </c>
      <c r="C61946" s="1" t="s">
        <v>25</v>
      </c>
      <c r="D61946" s="1" t="s">
        <v>171606</v>
      </c>
      <c r="E61946" s="1" t="s">
        <v>207303</v>
      </c>
      <c r="F61946" s="1" t="s">
        <v>207304</v>
      </c>
      <c r="G61946" s="1" t="s">
        <v>207294</v>
      </c>
      <c r="H61946" s="1" t="s">
        <v>207295</v>
      </c>
      <c r="I61946" s="1" t="s">
        <v>201500</v>
      </c>
      <c r="J61946" s="1" t="s">
        <v>207305</v>
      </c>
    </row>
    <row r="61947" spans="1:10" x14ac:dyDescent="0.35">
      <c r="A61947" s="1" t="s">
        <v>207291</v>
      </c>
      <c r="B61947" s="1" t="s">
        <v>201495</v>
      </c>
      <c r="C61947" s="1" t="s">
        <v>30</v>
      </c>
      <c r="D61947" s="1" t="s">
        <v>49170</v>
      </c>
      <c r="E61947" s="1" t="s">
        <v>207306</v>
      </c>
      <c r="F61947" s="1" t="s">
        <v>207307</v>
      </c>
      <c r="G61947" s="1" t="s">
        <v>207294</v>
      </c>
      <c r="H61947" s="1" t="s">
        <v>207295</v>
      </c>
      <c r="I61947" s="1" t="s">
        <v>201500</v>
      </c>
      <c r="J61947" s="1" t="s">
        <v>207308</v>
      </c>
    </row>
    <row r="61948" spans="1:10" x14ac:dyDescent="0.35">
      <c r="A61948" s="1" t="s">
        <v>207291</v>
      </c>
      <c r="B61948" s="1" t="s">
        <v>201495</v>
      </c>
      <c r="C61948" s="1" t="s">
        <v>35</v>
      </c>
      <c r="D61948" s="1" t="s">
        <v>34466</v>
      </c>
      <c r="E61948" s="1" t="s">
        <v>207309</v>
      </c>
      <c r="F61948" s="1" t="s">
        <v>207310</v>
      </c>
      <c r="G61948" s="1" t="s">
        <v>207294</v>
      </c>
      <c r="H61948" s="1" t="s">
        <v>207295</v>
      </c>
      <c r="I61948" s="1" t="s">
        <v>201500</v>
      </c>
      <c r="J61948" s="1" t="s">
        <v>207311</v>
      </c>
    </row>
    <row r="61949" spans="1:10" x14ac:dyDescent="0.35">
      <c r="A61949" s="1" t="s">
        <v>207291</v>
      </c>
      <c r="B61949" s="1" t="s">
        <v>201495</v>
      </c>
      <c r="C61949" s="1" t="s">
        <v>40</v>
      </c>
      <c r="D61949" s="1" t="s">
        <v>35419</v>
      </c>
      <c r="E61949" s="1" t="s">
        <v>207312</v>
      </c>
      <c r="F61949" s="1" t="s">
        <v>207313</v>
      </c>
      <c r="G61949" s="1" t="s">
        <v>207294</v>
      </c>
      <c r="H61949" s="1" t="s">
        <v>207295</v>
      </c>
      <c r="I61949" s="1" t="s">
        <v>201500</v>
      </c>
      <c r="J61949" s="1" t="s">
        <v>207314</v>
      </c>
    </row>
    <row r="61950" spans="1:10" x14ac:dyDescent="0.35">
      <c r="A61950" s="1" t="s">
        <v>207291</v>
      </c>
      <c r="B61950" s="1" t="s">
        <v>201495</v>
      </c>
      <c r="C61950" s="1" t="s">
        <v>45</v>
      </c>
      <c r="D61950" s="1" t="s">
        <v>14064</v>
      </c>
      <c r="E61950" s="1" t="s">
        <v>207315</v>
      </c>
      <c r="F61950" s="1" t="s">
        <v>207316</v>
      </c>
      <c r="G61950" s="1" t="s">
        <v>207294</v>
      </c>
      <c r="H61950" s="1" t="s">
        <v>207295</v>
      </c>
      <c r="I61950" s="1" t="s">
        <v>201500</v>
      </c>
      <c r="J61950" s="1" t="s">
        <v>207317</v>
      </c>
    </row>
    <row r="61951" spans="1:10" x14ac:dyDescent="0.35">
      <c r="A61951" s="1" t="s">
        <v>207291</v>
      </c>
      <c r="B61951" s="1" t="s">
        <v>201495</v>
      </c>
      <c r="C61951" s="1" t="s">
        <v>50</v>
      </c>
      <c r="D61951" s="1" t="s">
        <v>111094</v>
      </c>
      <c r="E61951" s="1" t="s">
        <v>207318</v>
      </c>
      <c r="F61951" s="1" t="s">
        <v>207319</v>
      </c>
      <c r="G61951" s="1" t="s">
        <v>207294</v>
      </c>
      <c r="H61951" s="1" t="s">
        <v>207295</v>
      </c>
      <c r="I61951" s="1" t="s">
        <v>201500</v>
      </c>
      <c r="J61951" s="1" t="s">
        <v>207320</v>
      </c>
    </row>
    <row r="61952" spans="1:10" x14ac:dyDescent="0.35">
      <c r="A61952" s="1" t="s">
        <v>207291</v>
      </c>
      <c r="B61952" s="1" t="s">
        <v>201495</v>
      </c>
      <c r="C61952" s="1" t="s">
        <v>55</v>
      </c>
      <c r="D61952" s="1" t="s">
        <v>148623</v>
      </c>
      <c r="E61952" s="1" t="s">
        <v>207321</v>
      </c>
      <c r="F61952" s="1" t="s">
        <v>207322</v>
      </c>
      <c r="G61952" s="1" t="s">
        <v>207294</v>
      </c>
      <c r="H61952" s="1" t="s">
        <v>207295</v>
      </c>
      <c r="I61952" s="1" t="s">
        <v>201500</v>
      </c>
      <c r="J61952" s="1" t="s">
        <v>207323</v>
      </c>
    </row>
    <row r="61953" spans="1:10" x14ac:dyDescent="0.35">
      <c r="A61953" s="1" t="s">
        <v>207291</v>
      </c>
      <c r="B61953" s="1" t="s">
        <v>201495</v>
      </c>
      <c r="C61953" s="1" t="s">
        <v>60</v>
      </c>
      <c r="D61953" s="1" t="s">
        <v>45855</v>
      </c>
      <c r="E61953" s="1" t="s">
        <v>207324</v>
      </c>
      <c r="F61953" s="1" t="s">
        <v>207325</v>
      </c>
      <c r="G61953" s="1" t="s">
        <v>207294</v>
      </c>
      <c r="H61953" s="1" t="s">
        <v>207295</v>
      </c>
      <c r="I61953" s="1" t="s">
        <v>201500</v>
      </c>
      <c r="J61953" s="1" t="s">
        <v>207326</v>
      </c>
    </row>
    <row r="61954" spans="1:10" x14ac:dyDescent="0.35">
      <c r="A61954" s="1" t="s">
        <v>207291</v>
      </c>
      <c r="B61954" s="1" t="s">
        <v>201495</v>
      </c>
      <c r="C61954" s="1" t="s">
        <v>65</v>
      </c>
      <c r="D61954" s="1" t="s">
        <v>142888</v>
      </c>
      <c r="E61954" s="1" t="s">
        <v>207327</v>
      </c>
      <c r="F61954" s="1" t="s">
        <v>207328</v>
      </c>
      <c r="G61954" s="1" t="s">
        <v>207294</v>
      </c>
      <c r="H61954" s="1" t="s">
        <v>207295</v>
      </c>
      <c r="I61954" s="1" t="s">
        <v>201500</v>
      </c>
      <c r="J61954" s="1" t="s">
        <v>207329</v>
      </c>
    </row>
    <row r="61955" spans="1:10" x14ac:dyDescent="0.35">
      <c r="A61955" s="1" t="s">
        <v>207291</v>
      </c>
      <c r="B61955" s="1" t="s">
        <v>201495</v>
      </c>
      <c r="C61955" s="1" t="s">
        <v>70</v>
      </c>
      <c r="D61955" s="1" t="s">
        <v>167920</v>
      </c>
      <c r="E61955" s="1" t="s">
        <v>207330</v>
      </c>
      <c r="F61955" s="1" t="s">
        <v>207331</v>
      </c>
      <c r="G61955" s="1" t="s">
        <v>207294</v>
      </c>
      <c r="H61955" s="1" t="s">
        <v>207295</v>
      </c>
      <c r="I61955" s="1" t="s">
        <v>201500</v>
      </c>
      <c r="J61955" s="1" t="s">
        <v>207332</v>
      </c>
    </row>
    <row r="61956" spans="1:10" x14ac:dyDescent="0.35">
      <c r="A61956" s="1" t="s">
        <v>207291</v>
      </c>
      <c r="B61956" s="1" t="s">
        <v>201495</v>
      </c>
      <c r="C61956" s="1" t="s">
        <v>75</v>
      </c>
      <c r="D61956" s="1" t="s">
        <v>181391</v>
      </c>
      <c r="E61956" s="1" t="s">
        <v>207333</v>
      </c>
      <c r="F61956" s="1" t="s">
        <v>207334</v>
      </c>
      <c r="G61956" s="1" t="s">
        <v>207294</v>
      </c>
      <c r="H61956" s="1" t="s">
        <v>207295</v>
      </c>
      <c r="I61956" s="1" t="s">
        <v>201500</v>
      </c>
      <c r="J61956" s="1" t="s">
        <v>207335</v>
      </c>
    </row>
    <row r="61957" spans="1:10" x14ac:dyDescent="0.35">
      <c r="A61957" s="1" t="s">
        <v>207291</v>
      </c>
      <c r="B61957" s="1" t="s">
        <v>201495</v>
      </c>
      <c r="C61957" s="1" t="s">
        <v>80</v>
      </c>
      <c r="D61957" s="1" t="s">
        <v>162044</v>
      </c>
      <c r="E61957" s="1" t="s">
        <v>207336</v>
      </c>
      <c r="F61957" s="1" t="s">
        <v>207337</v>
      </c>
      <c r="G61957" s="1" t="s">
        <v>207294</v>
      </c>
      <c r="H61957" s="1" t="s">
        <v>207295</v>
      </c>
      <c r="I61957" s="1" t="s">
        <v>201500</v>
      </c>
      <c r="J61957" s="1" t="s">
        <v>207338</v>
      </c>
    </row>
    <row r="61958" spans="1:10" x14ac:dyDescent="0.35">
      <c r="A61958" s="1" t="s">
        <v>207291</v>
      </c>
      <c r="B61958" s="1" t="s">
        <v>201495</v>
      </c>
      <c r="C61958" s="1" t="s">
        <v>85</v>
      </c>
      <c r="D61958" s="1" t="s">
        <v>6665</v>
      </c>
      <c r="E61958" s="1" t="s">
        <v>207339</v>
      </c>
      <c r="F61958" s="1" t="s">
        <v>207340</v>
      </c>
      <c r="G61958" s="1" t="s">
        <v>207294</v>
      </c>
      <c r="H61958" s="1" t="s">
        <v>207295</v>
      </c>
      <c r="I61958" s="1" t="s">
        <v>201500</v>
      </c>
      <c r="J61958" s="1" t="s">
        <v>207341</v>
      </c>
    </row>
    <row r="61959" spans="1:10" x14ac:dyDescent="0.35">
      <c r="A61959" s="1" t="s">
        <v>207291</v>
      </c>
      <c r="B61959" s="1" t="s">
        <v>201495</v>
      </c>
      <c r="C61959" s="1" t="s">
        <v>90</v>
      </c>
      <c r="D61959" s="1" t="s">
        <v>28314</v>
      </c>
      <c r="E61959" s="1" t="s">
        <v>207342</v>
      </c>
      <c r="F61959" s="1" t="s">
        <v>207343</v>
      </c>
      <c r="G61959" s="1" t="s">
        <v>207294</v>
      </c>
      <c r="H61959" s="1" t="s">
        <v>207295</v>
      </c>
      <c r="I61959" s="1" t="s">
        <v>201500</v>
      </c>
      <c r="J61959" s="1" t="s">
        <v>207344</v>
      </c>
    </row>
    <row r="61960" spans="1:10" x14ac:dyDescent="0.35">
      <c r="A61960" s="1" t="s">
        <v>207291</v>
      </c>
      <c r="B61960" s="1" t="s">
        <v>201495</v>
      </c>
      <c r="C61960" s="1" t="s">
        <v>95</v>
      </c>
      <c r="D61960" s="1" t="s">
        <v>169981</v>
      </c>
      <c r="E61960" s="1" t="s">
        <v>207345</v>
      </c>
      <c r="F61960" s="1" t="s">
        <v>207346</v>
      </c>
      <c r="G61960" s="1" t="s">
        <v>207294</v>
      </c>
      <c r="H61960" s="1" t="s">
        <v>207295</v>
      </c>
      <c r="I61960" s="1" t="s">
        <v>201500</v>
      </c>
      <c r="J61960" s="1" t="s">
        <v>207347</v>
      </c>
    </row>
    <row r="61961" spans="1:10" x14ac:dyDescent="0.35">
      <c r="A61961" s="1" t="s">
        <v>207291</v>
      </c>
      <c r="B61961" s="1" t="s">
        <v>201495</v>
      </c>
      <c r="C61961" s="1" t="s">
        <v>100</v>
      </c>
      <c r="D61961" s="1" t="s">
        <v>10346</v>
      </c>
      <c r="E61961" s="1" t="s">
        <v>207348</v>
      </c>
      <c r="F61961" s="1" t="s">
        <v>207349</v>
      </c>
      <c r="G61961" s="1" t="s">
        <v>207294</v>
      </c>
      <c r="H61961" s="1" t="s">
        <v>207295</v>
      </c>
      <c r="I61961" s="1" t="s">
        <v>201500</v>
      </c>
      <c r="J61961" s="1" t="s">
        <v>207350</v>
      </c>
    </row>
    <row r="61962" spans="1:10" x14ac:dyDescent="0.35">
      <c r="A61962" s="1" t="s">
        <v>207291</v>
      </c>
      <c r="B61962" s="1" t="s">
        <v>201495</v>
      </c>
      <c r="C61962" s="1" t="s">
        <v>105</v>
      </c>
      <c r="D61962" s="1" t="s">
        <v>3387</v>
      </c>
      <c r="E61962" s="1" t="s">
        <v>207351</v>
      </c>
      <c r="F61962" s="1" t="s">
        <v>207352</v>
      </c>
      <c r="G61962" s="1" t="s">
        <v>207294</v>
      </c>
      <c r="H61962" s="1" t="s">
        <v>207295</v>
      </c>
      <c r="I61962" s="1" t="s">
        <v>201500</v>
      </c>
      <c r="J61962" s="1" t="s">
        <v>207353</v>
      </c>
    </row>
    <row r="61963" spans="1:10" x14ac:dyDescent="0.35">
      <c r="A61963" s="1" t="s">
        <v>207291</v>
      </c>
      <c r="B61963" s="1" t="s">
        <v>201495</v>
      </c>
      <c r="C61963" s="1" t="s">
        <v>110</v>
      </c>
      <c r="D61963" s="1" t="s">
        <v>14634</v>
      </c>
      <c r="E61963" s="1" t="s">
        <v>207354</v>
      </c>
      <c r="F61963" s="1" t="s">
        <v>207355</v>
      </c>
      <c r="G61963" s="1" t="s">
        <v>207294</v>
      </c>
      <c r="H61963" s="1" t="s">
        <v>207295</v>
      </c>
      <c r="I61963" s="1" t="s">
        <v>201500</v>
      </c>
      <c r="J61963" s="1" t="s">
        <v>207356</v>
      </c>
    </row>
    <row r="61964" spans="1:10" x14ac:dyDescent="0.35">
      <c r="A61964" s="1" t="s">
        <v>207291</v>
      </c>
      <c r="B61964" s="1" t="s">
        <v>201495</v>
      </c>
      <c r="C61964" s="1" t="s">
        <v>115</v>
      </c>
      <c r="D61964" s="1" t="s">
        <v>116620</v>
      </c>
      <c r="E61964" s="1" t="s">
        <v>207357</v>
      </c>
      <c r="F61964" s="1" t="s">
        <v>207358</v>
      </c>
      <c r="G61964" s="1" t="s">
        <v>207294</v>
      </c>
      <c r="H61964" s="1" t="s">
        <v>207295</v>
      </c>
      <c r="I61964" s="1" t="s">
        <v>201500</v>
      </c>
      <c r="J61964" s="1" t="s">
        <v>207359</v>
      </c>
    </row>
    <row r="61965" spans="1:10" x14ac:dyDescent="0.35">
      <c r="A61965" s="1" t="s">
        <v>207291</v>
      </c>
      <c r="B61965" s="1" t="s">
        <v>201495</v>
      </c>
      <c r="C61965" s="1" t="s">
        <v>120</v>
      </c>
      <c r="D61965" s="1" t="s">
        <v>72740</v>
      </c>
      <c r="E61965" s="1" t="s">
        <v>207360</v>
      </c>
      <c r="F61965" s="1" t="s">
        <v>207361</v>
      </c>
      <c r="G61965" s="1" t="s">
        <v>207294</v>
      </c>
      <c r="H61965" s="1" t="s">
        <v>207295</v>
      </c>
      <c r="I61965" s="1" t="s">
        <v>201500</v>
      </c>
      <c r="J61965" s="1" t="s">
        <v>207362</v>
      </c>
    </row>
    <row r="61966" spans="1:10" x14ac:dyDescent="0.35">
      <c r="A61966" s="1" t="s">
        <v>207291</v>
      </c>
      <c r="B61966" s="1" t="s">
        <v>201495</v>
      </c>
      <c r="C61966" s="1" t="s">
        <v>125</v>
      </c>
      <c r="D61966" s="1" t="s">
        <v>151343</v>
      </c>
      <c r="E61966" s="1" t="s">
        <v>207363</v>
      </c>
      <c r="F61966" s="1" t="s">
        <v>207364</v>
      </c>
      <c r="G61966" s="1" t="s">
        <v>207294</v>
      </c>
      <c r="H61966" s="1" t="s">
        <v>207295</v>
      </c>
      <c r="I61966" s="1" t="s">
        <v>201500</v>
      </c>
      <c r="J61966" s="1" t="s">
        <v>207365</v>
      </c>
    </row>
    <row r="61967" spans="1:10" x14ac:dyDescent="0.35">
      <c r="A61967" s="1" t="s">
        <v>207291</v>
      </c>
      <c r="B61967" s="1" t="s">
        <v>201495</v>
      </c>
      <c r="C61967" s="1" t="s">
        <v>130</v>
      </c>
      <c r="D61967" s="1" t="s">
        <v>170468</v>
      </c>
      <c r="E61967" s="1" t="s">
        <v>207366</v>
      </c>
      <c r="F61967" s="1" t="s">
        <v>207367</v>
      </c>
      <c r="G61967" s="1" t="s">
        <v>207294</v>
      </c>
      <c r="H61967" s="1" t="s">
        <v>207295</v>
      </c>
      <c r="I61967" s="1" t="s">
        <v>201500</v>
      </c>
      <c r="J61967" s="1" t="s">
        <v>207368</v>
      </c>
    </row>
    <row r="61968" spans="1:10" x14ac:dyDescent="0.35">
      <c r="A61968" s="1" t="s">
        <v>207291</v>
      </c>
      <c r="B61968" s="1" t="s">
        <v>201495</v>
      </c>
      <c r="C61968" s="1" t="s">
        <v>135</v>
      </c>
      <c r="D61968" s="1" t="s">
        <v>73117</v>
      </c>
      <c r="E61968" s="1" t="s">
        <v>207369</v>
      </c>
      <c r="F61968" s="1" t="s">
        <v>207370</v>
      </c>
      <c r="G61968" s="1" t="s">
        <v>207294</v>
      </c>
      <c r="H61968" s="1" t="s">
        <v>207295</v>
      </c>
      <c r="I61968" s="1" t="s">
        <v>201500</v>
      </c>
      <c r="J61968" s="1" t="s">
        <v>207371</v>
      </c>
    </row>
    <row r="61969" spans="1:10" x14ac:dyDescent="0.35">
      <c r="A61969" s="1" t="s">
        <v>207291</v>
      </c>
      <c r="B61969" s="1" t="s">
        <v>201495</v>
      </c>
      <c r="C61969" s="1" t="s">
        <v>140</v>
      </c>
      <c r="D61969" s="1" t="s">
        <v>105158</v>
      </c>
      <c r="E61969" s="1" t="s">
        <v>207372</v>
      </c>
      <c r="F61969" s="1" t="s">
        <v>207373</v>
      </c>
      <c r="G61969" s="1" t="s">
        <v>207294</v>
      </c>
      <c r="H61969" s="1" t="s">
        <v>207295</v>
      </c>
      <c r="I61969" s="1" t="s">
        <v>201500</v>
      </c>
      <c r="J61969" s="1" t="s">
        <v>207374</v>
      </c>
    </row>
    <row r="61970" spans="1:10" x14ac:dyDescent="0.35">
      <c r="A61970" s="1" t="s">
        <v>207291</v>
      </c>
      <c r="B61970" s="1" t="s">
        <v>201495</v>
      </c>
      <c r="C61970" s="1" t="s">
        <v>145</v>
      </c>
      <c r="D61970" s="1" t="s">
        <v>125430</v>
      </c>
      <c r="E61970" s="1" t="s">
        <v>207375</v>
      </c>
      <c r="F61970" s="1" t="s">
        <v>207376</v>
      </c>
      <c r="G61970" s="1" t="s">
        <v>207294</v>
      </c>
      <c r="H61970" s="1" t="s">
        <v>207295</v>
      </c>
      <c r="I61970" s="1" t="s">
        <v>201500</v>
      </c>
      <c r="J61970" s="1" t="s">
        <v>207377</v>
      </c>
    </row>
    <row r="61971" spans="1:10" x14ac:dyDescent="0.35">
      <c r="A61971" s="1" t="s">
        <v>207291</v>
      </c>
      <c r="B61971" s="1" t="s">
        <v>201495</v>
      </c>
      <c r="C61971" s="1" t="s">
        <v>150</v>
      </c>
      <c r="D61971" s="1" t="s">
        <v>207378</v>
      </c>
      <c r="E61971" s="1" t="s">
        <v>207379</v>
      </c>
      <c r="F61971" s="1" t="s">
        <v>207380</v>
      </c>
      <c r="G61971" s="1" t="s">
        <v>207294</v>
      </c>
      <c r="H61971" s="1" t="s">
        <v>207295</v>
      </c>
      <c r="I61971" s="1" t="s">
        <v>201500</v>
      </c>
      <c r="J61971" s="1" t="s">
        <v>207381</v>
      </c>
    </row>
    <row r="61972" spans="1:10" x14ac:dyDescent="0.35">
      <c r="A61972" s="1" t="s">
        <v>207291</v>
      </c>
      <c r="B61972" s="1" t="s">
        <v>201495</v>
      </c>
      <c r="C61972" s="1" t="s">
        <v>155</v>
      </c>
      <c r="D61972" s="1" t="s">
        <v>16135</v>
      </c>
      <c r="E61972" s="1" t="s">
        <v>207382</v>
      </c>
      <c r="F61972" s="1" t="s">
        <v>207383</v>
      </c>
      <c r="G61972" s="1" t="s">
        <v>207294</v>
      </c>
      <c r="H61972" s="1" t="s">
        <v>207295</v>
      </c>
      <c r="I61972" s="1" t="s">
        <v>201500</v>
      </c>
      <c r="J61972" s="1" t="s">
        <v>207384</v>
      </c>
    </row>
    <row r="61973" spans="1:10" x14ac:dyDescent="0.35">
      <c r="A61973" s="1" t="s">
        <v>207291</v>
      </c>
      <c r="B61973" s="1" t="s">
        <v>201495</v>
      </c>
      <c r="C61973" s="1" t="s">
        <v>160</v>
      </c>
      <c r="D61973" s="1" t="s">
        <v>34868</v>
      </c>
      <c r="E61973" s="1" t="s">
        <v>207385</v>
      </c>
      <c r="F61973" s="1" t="s">
        <v>207386</v>
      </c>
      <c r="G61973" s="1" t="s">
        <v>207294</v>
      </c>
      <c r="H61973" s="1" t="s">
        <v>207295</v>
      </c>
      <c r="I61973" s="1" t="s">
        <v>201500</v>
      </c>
      <c r="J61973" s="1" t="s">
        <v>207387</v>
      </c>
    </row>
    <row r="61974" spans="1:10" x14ac:dyDescent="0.35">
      <c r="A61974" s="1" t="s">
        <v>207291</v>
      </c>
      <c r="B61974" s="1" t="s">
        <v>201495</v>
      </c>
      <c r="C61974" s="1" t="s">
        <v>165</v>
      </c>
      <c r="D61974" s="1" t="s">
        <v>33813</v>
      </c>
      <c r="E61974" s="1" t="s">
        <v>207388</v>
      </c>
      <c r="F61974" s="1" t="s">
        <v>207389</v>
      </c>
      <c r="G61974" s="1" t="s">
        <v>207294</v>
      </c>
      <c r="H61974" s="1" t="s">
        <v>207295</v>
      </c>
      <c r="I61974" s="1" t="s">
        <v>201500</v>
      </c>
      <c r="J61974" s="1" t="s">
        <v>207390</v>
      </c>
    </row>
    <row r="61975" spans="1:10" x14ac:dyDescent="0.35">
      <c r="A61975" s="1" t="s">
        <v>207291</v>
      </c>
      <c r="B61975" s="1" t="s">
        <v>201495</v>
      </c>
      <c r="C61975" s="1" t="s">
        <v>170</v>
      </c>
      <c r="D61975" s="1" t="s">
        <v>35567</v>
      </c>
      <c r="E61975" s="1" t="s">
        <v>207391</v>
      </c>
      <c r="F61975" s="1" t="s">
        <v>207392</v>
      </c>
      <c r="G61975" s="1" t="s">
        <v>207294</v>
      </c>
      <c r="H61975" s="1" t="s">
        <v>207295</v>
      </c>
      <c r="I61975" s="1" t="s">
        <v>201500</v>
      </c>
      <c r="J61975" s="1" t="s">
        <v>207393</v>
      </c>
    </row>
    <row r="61976" spans="1:10" x14ac:dyDescent="0.35">
      <c r="A61976" s="1" t="s">
        <v>110559</v>
      </c>
      <c r="B61976" s="1" t="s">
        <v>201495</v>
      </c>
      <c r="C61976" s="1" t="s">
        <v>8</v>
      </c>
      <c r="D61976" s="1" t="s">
        <v>145986</v>
      </c>
      <c r="E61976" s="1" t="s">
        <v>8626</v>
      </c>
      <c r="F61976" s="1" t="s">
        <v>207394</v>
      </c>
      <c r="G61976" s="1" t="s">
        <v>207395</v>
      </c>
      <c r="H61976" s="1" t="s">
        <v>207396</v>
      </c>
      <c r="I61976" s="1" t="s">
        <v>201500</v>
      </c>
      <c r="J61976" s="1" t="s">
        <v>13</v>
      </c>
    </row>
    <row r="61977" spans="1:10" x14ac:dyDescent="0.35">
      <c r="A61977" s="1" t="s">
        <v>110559</v>
      </c>
      <c r="B61977" s="1" t="s">
        <v>201495</v>
      </c>
      <c r="C61977" s="1" t="s">
        <v>15</v>
      </c>
      <c r="D61977" s="1" t="s">
        <v>34796</v>
      </c>
      <c r="E61977" s="1" t="s">
        <v>27469</v>
      </c>
      <c r="F61977" s="1" t="s">
        <v>207397</v>
      </c>
      <c r="G61977" s="1" t="s">
        <v>207395</v>
      </c>
      <c r="H61977" s="1" t="s">
        <v>207396</v>
      </c>
      <c r="I61977" s="1" t="s">
        <v>201500</v>
      </c>
      <c r="J61977" s="1" t="s">
        <v>207398</v>
      </c>
    </row>
    <row r="61978" spans="1:10" x14ac:dyDescent="0.35">
      <c r="A61978" s="1" t="s">
        <v>110559</v>
      </c>
      <c r="B61978" s="1" t="s">
        <v>201495</v>
      </c>
      <c r="C61978" s="1" t="s">
        <v>20</v>
      </c>
      <c r="D61978" s="1" t="s">
        <v>112588</v>
      </c>
      <c r="E61978" s="1" t="s">
        <v>8592</v>
      </c>
      <c r="F61978" s="1" t="s">
        <v>100185</v>
      </c>
      <c r="G61978" s="1" t="s">
        <v>207395</v>
      </c>
      <c r="H61978" s="1" t="s">
        <v>207396</v>
      </c>
      <c r="I61978" s="1" t="s">
        <v>201500</v>
      </c>
      <c r="J61978" s="1" t="s">
        <v>207399</v>
      </c>
    </row>
    <row r="61979" spans="1:10" x14ac:dyDescent="0.35">
      <c r="A61979" s="1" t="s">
        <v>110559</v>
      </c>
      <c r="B61979" s="1" t="s">
        <v>201495</v>
      </c>
      <c r="C61979" s="1" t="s">
        <v>25</v>
      </c>
      <c r="D61979" s="1" t="s">
        <v>50170</v>
      </c>
      <c r="E61979" s="1" t="s">
        <v>8015</v>
      </c>
      <c r="F61979" s="1" t="s">
        <v>207400</v>
      </c>
      <c r="G61979" s="1" t="s">
        <v>207395</v>
      </c>
      <c r="H61979" s="1" t="s">
        <v>207396</v>
      </c>
      <c r="I61979" s="1" t="s">
        <v>201500</v>
      </c>
      <c r="J61979" s="1" t="s">
        <v>207401</v>
      </c>
    </row>
    <row r="61980" spans="1:10" x14ac:dyDescent="0.35">
      <c r="A61980" s="1" t="s">
        <v>110559</v>
      </c>
      <c r="B61980" s="1" t="s">
        <v>201495</v>
      </c>
      <c r="C61980" s="1" t="s">
        <v>30</v>
      </c>
      <c r="D61980" s="1" t="s">
        <v>301</v>
      </c>
      <c r="E61980" s="1" t="s">
        <v>8011</v>
      </c>
      <c r="F61980" s="1" t="s">
        <v>207402</v>
      </c>
      <c r="G61980" s="1" t="s">
        <v>207395</v>
      </c>
      <c r="H61980" s="1" t="s">
        <v>207396</v>
      </c>
      <c r="I61980" s="1" t="s">
        <v>201500</v>
      </c>
      <c r="J61980" s="1" t="s">
        <v>207403</v>
      </c>
    </row>
    <row r="61981" spans="1:10" x14ac:dyDescent="0.35">
      <c r="A61981" s="1" t="s">
        <v>110559</v>
      </c>
      <c r="B61981" s="1" t="s">
        <v>201495</v>
      </c>
      <c r="C61981" s="1" t="s">
        <v>35</v>
      </c>
      <c r="D61981" s="1" t="s">
        <v>48724</v>
      </c>
      <c r="E61981" s="1" t="s">
        <v>7929</v>
      </c>
      <c r="F61981" s="1" t="s">
        <v>207404</v>
      </c>
      <c r="G61981" s="1" t="s">
        <v>207395</v>
      </c>
      <c r="H61981" s="1" t="s">
        <v>207396</v>
      </c>
      <c r="I61981" s="1" t="s">
        <v>201500</v>
      </c>
      <c r="J61981" s="1" t="s">
        <v>207405</v>
      </c>
    </row>
    <row r="61982" spans="1:10" x14ac:dyDescent="0.35">
      <c r="A61982" s="1" t="s">
        <v>110559</v>
      </c>
      <c r="B61982" s="1" t="s">
        <v>201495</v>
      </c>
      <c r="C61982" s="1" t="s">
        <v>40</v>
      </c>
      <c r="D61982" s="1" t="s">
        <v>605</v>
      </c>
      <c r="E61982" s="1" t="s">
        <v>207406</v>
      </c>
      <c r="F61982" s="1" t="s">
        <v>207407</v>
      </c>
      <c r="G61982" s="1" t="s">
        <v>207395</v>
      </c>
      <c r="H61982" s="1" t="s">
        <v>207396</v>
      </c>
      <c r="I61982" s="1" t="s">
        <v>201500</v>
      </c>
      <c r="J61982" s="1" t="s">
        <v>207408</v>
      </c>
    </row>
    <row r="61983" spans="1:10" x14ac:dyDescent="0.35">
      <c r="A61983" s="1" t="s">
        <v>110559</v>
      </c>
      <c r="B61983" s="1" t="s">
        <v>201495</v>
      </c>
      <c r="C61983" s="1" t="s">
        <v>45</v>
      </c>
      <c r="D61983" s="1" t="s">
        <v>33783</v>
      </c>
      <c r="E61983" s="1" t="s">
        <v>159996</v>
      </c>
      <c r="F61983" s="1" t="s">
        <v>207409</v>
      </c>
      <c r="G61983" s="1" t="s">
        <v>207395</v>
      </c>
      <c r="H61983" s="1" t="s">
        <v>207396</v>
      </c>
      <c r="I61983" s="1" t="s">
        <v>201500</v>
      </c>
      <c r="J61983" s="1" t="s">
        <v>207410</v>
      </c>
    </row>
    <row r="61984" spans="1:10" x14ac:dyDescent="0.35">
      <c r="A61984" s="1" t="s">
        <v>110559</v>
      </c>
      <c r="B61984" s="1" t="s">
        <v>201495</v>
      </c>
      <c r="C61984" s="1" t="s">
        <v>50</v>
      </c>
      <c r="D61984" s="1" t="s">
        <v>35723</v>
      </c>
      <c r="E61984" s="1" t="s">
        <v>205940</v>
      </c>
      <c r="F61984" s="1" t="s">
        <v>207411</v>
      </c>
      <c r="G61984" s="1" t="s">
        <v>207395</v>
      </c>
      <c r="H61984" s="1" t="s">
        <v>207396</v>
      </c>
      <c r="I61984" s="1" t="s">
        <v>201500</v>
      </c>
      <c r="J61984" s="1" t="s">
        <v>207412</v>
      </c>
    </row>
    <row r="61985" spans="1:10" x14ac:dyDescent="0.35">
      <c r="A61985" s="1" t="s">
        <v>110559</v>
      </c>
      <c r="B61985" s="1" t="s">
        <v>201495</v>
      </c>
      <c r="C61985" s="1" t="s">
        <v>55</v>
      </c>
      <c r="D61985" s="1" t="s">
        <v>34500</v>
      </c>
      <c r="E61985" s="1" t="s">
        <v>12196</v>
      </c>
      <c r="F61985" s="1" t="s">
        <v>207413</v>
      </c>
      <c r="G61985" s="1" t="s">
        <v>207395</v>
      </c>
      <c r="H61985" s="1" t="s">
        <v>207396</v>
      </c>
      <c r="I61985" s="1" t="s">
        <v>201500</v>
      </c>
      <c r="J61985" s="1" t="s">
        <v>207414</v>
      </c>
    </row>
    <row r="61986" spans="1:10" x14ac:dyDescent="0.35">
      <c r="A61986" s="1" t="s">
        <v>110559</v>
      </c>
      <c r="B61986" s="1" t="s">
        <v>201495</v>
      </c>
      <c r="C61986" s="1" t="s">
        <v>60</v>
      </c>
      <c r="D61986" s="1" t="s">
        <v>35270</v>
      </c>
      <c r="E61986" s="1" t="s">
        <v>111300</v>
      </c>
      <c r="F61986" s="1" t="s">
        <v>207415</v>
      </c>
      <c r="G61986" s="1" t="s">
        <v>207395</v>
      </c>
      <c r="H61986" s="1" t="s">
        <v>207396</v>
      </c>
      <c r="I61986" s="1" t="s">
        <v>201500</v>
      </c>
      <c r="J61986" s="1" t="s">
        <v>207416</v>
      </c>
    </row>
    <row r="61987" spans="1:10" x14ac:dyDescent="0.35">
      <c r="A61987" s="1" t="s">
        <v>110559</v>
      </c>
      <c r="B61987" s="1" t="s">
        <v>201495</v>
      </c>
      <c r="C61987" s="1" t="s">
        <v>65</v>
      </c>
      <c r="D61987" s="1" t="s">
        <v>73095</v>
      </c>
      <c r="E61987" s="1" t="s">
        <v>14806</v>
      </c>
      <c r="F61987" s="1" t="s">
        <v>207417</v>
      </c>
      <c r="G61987" s="1" t="s">
        <v>207395</v>
      </c>
      <c r="H61987" s="1" t="s">
        <v>207396</v>
      </c>
      <c r="I61987" s="1" t="s">
        <v>201500</v>
      </c>
      <c r="J61987" s="1" t="s">
        <v>207418</v>
      </c>
    </row>
    <row r="61988" spans="1:10" x14ac:dyDescent="0.35">
      <c r="A61988" s="1" t="s">
        <v>110559</v>
      </c>
      <c r="B61988" s="1" t="s">
        <v>201495</v>
      </c>
      <c r="C61988" s="1" t="s">
        <v>70</v>
      </c>
      <c r="D61988" s="1" t="s">
        <v>151358</v>
      </c>
      <c r="E61988" s="1" t="s">
        <v>159832</v>
      </c>
      <c r="F61988" s="1" t="s">
        <v>207419</v>
      </c>
      <c r="G61988" s="1" t="s">
        <v>207395</v>
      </c>
      <c r="H61988" s="1" t="s">
        <v>207396</v>
      </c>
      <c r="I61988" s="1" t="s">
        <v>201500</v>
      </c>
      <c r="J61988" s="1" t="s">
        <v>207420</v>
      </c>
    </row>
    <row r="61989" spans="1:10" x14ac:dyDescent="0.35">
      <c r="A61989" s="1" t="s">
        <v>110559</v>
      </c>
      <c r="B61989" s="1" t="s">
        <v>201495</v>
      </c>
      <c r="C61989" s="1" t="s">
        <v>75</v>
      </c>
      <c r="D61989" s="1" t="s">
        <v>125430</v>
      </c>
      <c r="E61989" s="1" t="s">
        <v>4459</v>
      </c>
      <c r="F61989" s="1" t="s">
        <v>207421</v>
      </c>
      <c r="G61989" s="1" t="s">
        <v>207395</v>
      </c>
      <c r="H61989" s="1" t="s">
        <v>207396</v>
      </c>
      <c r="I61989" s="1" t="s">
        <v>201500</v>
      </c>
      <c r="J61989" s="1" t="s">
        <v>207422</v>
      </c>
    </row>
    <row r="61990" spans="1:10" x14ac:dyDescent="0.35">
      <c r="A61990" s="1" t="s">
        <v>110559</v>
      </c>
      <c r="B61990" s="1" t="s">
        <v>201495</v>
      </c>
      <c r="C61990" s="1" t="s">
        <v>80</v>
      </c>
      <c r="D61990" s="1" t="s">
        <v>13067</v>
      </c>
      <c r="E61990" s="1" t="s">
        <v>203987</v>
      </c>
      <c r="F61990" s="1" t="s">
        <v>207423</v>
      </c>
      <c r="G61990" s="1" t="s">
        <v>207395</v>
      </c>
      <c r="H61990" s="1" t="s">
        <v>207396</v>
      </c>
      <c r="I61990" s="1" t="s">
        <v>201500</v>
      </c>
      <c r="J61990" s="1" t="s">
        <v>207424</v>
      </c>
    </row>
    <row r="61991" spans="1:10" x14ac:dyDescent="0.35">
      <c r="A61991" s="1" t="s">
        <v>110559</v>
      </c>
      <c r="B61991" s="1" t="s">
        <v>201495</v>
      </c>
      <c r="C61991" s="1" t="s">
        <v>85</v>
      </c>
      <c r="D61991" s="1" t="s">
        <v>3453</v>
      </c>
      <c r="E61991" s="1" t="s">
        <v>12671</v>
      </c>
      <c r="F61991" s="1" t="s">
        <v>207425</v>
      </c>
      <c r="G61991" s="1" t="s">
        <v>207395</v>
      </c>
      <c r="H61991" s="1" t="s">
        <v>207396</v>
      </c>
      <c r="I61991" s="1" t="s">
        <v>201500</v>
      </c>
      <c r="J61991" s="1" t="s">
        <v>207426</v>
      </c>
    </row>
    <row r="61992" spans="1:10" x14ac:dyDescent="0.35">
      <c r="A61992" s="1" t="s">
        <v>110559</v>
      </c>
      <c r="B61992" s="1" t="s">
        <v>201495</v>
      </c>
      <c r="C61992" s="1" t="s">
        <v>90</v>
      </c>
      <c r="D61992" s="1" t="s">
        <v>207427</v>
      </c>
      <c r="E61992" s="1" t="s">
        <v>207428</v>
      </c>
      <c r="F61992" s="1" t="s">
        <v>207429</v>
      </c>
      <c r="G61992" s="1" t="s">
        <v>207395</v>
      </c>
      <c r="H61992" s="1" t="s">
        <v>207396</v>
      </c>
      <c r="I61992" s="1" t="s">
        <v>201500</v>
      </c>
      <c r="J61992" s="1" t="s">
        <v>207430</v>
      </c>
    </row>
    <row r="61993" spans="1:10" x14ac:dyDescent="0.35">
      <c r="A61993" s="1" t="s">
        <v>110559</v>
      </c>
      <c r="B61993" s="1" t="s">
        <v>201495</v>
      </c>
      <c r="C61993" s="1" t="s">
        <v>95</v>
      </c>
      <c r="D61993" s="1" t="s">
        <v>4169</v>
      </c>
      <c r="E61993" s="1" t="s">
        <v>205951</v>
      </c>
      <c r="F61993" s="1" t="s">
        <v>204867</v>
      </c>
      <c r="G61993" s="1" t="s">
        <v>207395</v>
      </c>
      <c r="H61993" s="1" t="s">
        <v>207396</v>
      </c>
      <c r="I61993" s="1" t="s">
        <v>201500</v>
      </c>
      <c r="J61993" s="1" t="s">
        <v>207431</v>
      </c>
    </row>
    <row r="61994" spans="1:10" x14ac:dyDescent="0.35">
      <c r="A61994" s="1" t="s">
        <v>110559</v>
      </c>
      <c r="B61994" s="1" t="s">
        <v>201495</v>
      </c>
      <c r="C61994" s="1" t="s">
        <v>100</v>
      </c>
      <c r="D61994" s="1" t="s">
        <v>203136</v>
      </c>
      <c r="E61994" s="1" t="s">
        <v>7899</v>
      </c>
      <c r="F61994" s="1" t="s">
        <v>207432</v>
      </c>
      <c r="G61994" s="1" t="s">
        <v>207395</v>
      </c>
      <c r="H61994" s="1" t="s">
        <v>207396</v>
      </c>
      <c r="I61994" s="1" t="s">
        <v>201500</v>
      </c>
      <c r="J61994" s="1" t="s">
        <v>207433</v>
      </c>
    </row>
    <row r="61995" spans="1:10" x14ac:dyDescent="0.35">
      <c r="A61995" s="1" t="s">
        <v>110559</v>
      </c>
      <c r="B61995" s="1" t="s">
        <v>201495</v>
      </c>
      <c r="C61995" s="1" t="s">
        <v>105</v>
      </c>
      <c r="D61995" s="1" t="s">
        <v>135717</v>
      </c>
      <c r="E61995" s="1" t="s">
        <v>8596</v>
      </c>
      <c r="F61995" s="1" t="s">
        <v>207434</v>
      </c>
      <c r="G61995" s="1" t="s">
        <v>207395</v>
      </c>
      <c r="H61995" s="1" t="s">
        <v>207396</v>
      </c>
      <c r="I61995" s="1" t="s">
        <v>201500</v>
      </c>
      <c r="J61995" s="1" t="s">
        <v>207435</v>
      </c>
    </row>
    <row r="61996" spans="1:10" x14ac:dyDescent="0.35">
      <c r="A61996" s="1" t="s">
        <v>110559</v>
      </c>
      <c r="B61996" s="1" t="s">
        <v>201495</v>
      </c>
      <c r="C61996" s="1" t="s">
        <v>110</v>
      </c>
      <c r="D61996" s="1" t="s">
        <v>5361</v>
      </c>
      <c r="E61996" s="1" t="s">
        <v>207436</v>
      </c>
      <c r="F61996" s="1" t="s">
        <v>207437</v>
      </c>
      <c r="G61996" s="1" t="s">
        <v>207395</v>
      </c>
      <c r="H61996" s="1" t="s">
        <v>207396</v>
      </c>
      <c r="I61996" s="1" t="s">
        <v>201500</v>
      </c>
      <c r="J61996" s="1" t="s">
        <v>207438</v>
      </c>
    </row>
    <row r="61997" spans="1:10" x14ac:dyDescent="0.35">
      <c r="A61997" s="1" t="s">
        <v>110559</v>
      </c>
      <c r="B61997" s="1" t="s">
        <v>201495</v>
      </c>
      <c r="C61997" s="1" t="s">
        <v>115</v>
      </c>
      <c r="D61997" s="1" t="s">
        <v>207439</v>
      </c>
      <c r="E61997" s="1" t="s">
        <v>3033</v>
      </c>
      <c r="F61997" s="1" t="s">
        <v>207440</v>
      </c>
      <c r="G61997" s="1" t="s">
        <v>207395</v>
      </c>
      <c r="H61997" s="1" t="s">
        <v>207396</v>
      </c>
      <c r="I61997" s="1" t="s">
        <v>201500</v>
      </c>
      <c r="J61997" s="1" t="s">
        <v>207441</v>
      </c>
    </row>
    <row r="61998" spans="1:10" x14ac:dyDescent="0.35">
      <c r="A61998" s="1" t="s">
        <v>110559</v>
      </c>
      <c r="B61998" s="1" t="s">
        <v>201495</v>
      </c>
      <c r="C61998" s="1" t="s">
        <v>120</v>
      </c>
      <c r="D61998" s="1" t="s">
        <v>173041</v>
      </c>
      <c r="E61998" s="1" t="s">
        <v>8003</v>
      </c>
      <c r="F61998" s="1" t="s">
        <v>207442</v>
      </c>
      <c r="G61998" s="1" t="s">
        <v>207395</v>
      </c>
      <c r="H61998" s="1" t="s">
        <v>207396</v>
      </c>
      <c r="I61998" s="1" t="s">
        <v>201500</v>
      </c>
      <c r="J61998" s="1" t="s">
        <v>207443</v>
      </c>
    </row>
    <row r="61999" spans="1:10" x14ac:dyDescent="0.35">
      <c r="A61999" s="1" t="s">
        <v>110559</v>
      </c>
      <c r="B61999" s="1" t="s">
        <v>201495</v>
      </c>
      <c r="C61999" s="1" t="s">
        <v>125</v>
      </c>
      <c r="D61999" s="1" t="s">
        <v>207444</v>
      </c>
      <c r="E61999" s="1" t="s">
        <v>12648</v>
      </c>
      <c r="F61999" s="1" t="s">
        <v>207445</v>
      </c>
      <c r="G61999" s="1" t="s">
        <v>207395</v>
      </c>
      <c r="H61999" s="1" t="s">
        <v>207396</v>
      </c>
      <c r="I61999" s="1" t="s">
        <v>201500</v>
      </c>
      <c r="J61999" s="1" t="s">
        <v>207446</v>
      </c>
    </row>
    <row r="62000" spans="1:10" x14ac:dyDescent="0.35">
      <c r="A62000" s="1" t="s">
        <v>110559</v>
      </c>
      <c r="B62000" s="1" t="s">
        <v>201495</v>
      </c>
      <c r="C62000" s="1" t="s">
        <v>130</v>
      </c>
      <c r="D62000" s="1" t="s">
        <v>31489</v>
      </c>
      <c r="E62000" s="1" t="s">
        <v>207033</v>
      </c>
      <c r="F62000" s="1" t="s">
        <v>169246</v>
      </c>
      <c r="G62000" s="1" t="s">
        <v>207395</v>
      </c>
      <c r="H62000" s="1" t="s">
        <v>207396</v>
      </c>
      <c r="I62000" s="1" t="s">
        <v>201500</v>
      </c>
      <c r="J62000" s="1" t="s">
        <v>207447</v>
      </c>
    </row>
    <row r="62001" spans="1:10" x14ac:dyDescent="0.35">
      <c r="A62001" s="1" t="s">
        <v>110559</v>
      </c>
      <c r="B62001" s="1" t="s">
        <v>201495</v>
      </c>
      <c r="C62001" s="1" t="s">
        <v>135</v>
      </c>
      <c r="D62001" s="1" t="s">
        <v>9750</v>
      </c>
      <c r="E62001" s="1" t="s">
        <v>13693</v>
      </c>
      <c r="F62001" s="1" t="s">
        <v>207448</v>
      </c>
      <c r="G62001" s="1" t="s">
        <v>207395</v>
      </c>
      <c r="H62001" s="1" t="s">
        <v>207396</v>
      </c>
      <c r="I62001" s="1" t="s">
        <v>201500</v>
      </c>
      <c r="J62001" s="1" t="s">
        <v>207449</v>
      </c>
    </row>
    <row r="62002" spans="1:10" x14ac:dyDescent="0.35">
      <c r="A62002" s="1" t="s">
        <v>110559</v>
      </c>
      <c r="B62002" s="1" t="s">
        <v>201495</v>
      </c>
      <c r="C62002" s="1" t="s">
        <v>140</v>
      </c>
      <c r="D62002" s="1" t="s">
        <v>35446</v>
      </c>
      <c r="E62002" s="1" t="s">
        <v>159992</v>
      </c>
      <c r="F62002" s="1" t="s">
        <v>207450</v>
      </c>
      <c r="G62002" s="1" t="s">
        <v>207395</v>
      </c>
      <c r="H62002" s="1" t="s">
        <v>207396</v>
      </c>
      <c r="I62002" s="1" t="s">
        <v>201500</v>
      </c>
      <c r="J62002" s="1" t="s">
        <v>207451</v>
      </c>
    </row>
    <row r="62003" spans="1:10" x14ac:dyDescent="0.35">
      <c r="A62003" s="1" t="s">
        <v>110559</v>
      </c>
      <c r="B62003" s="1" t="s">
        <v>201495</v>
      </c>
      <c r="C62003" s="1" t="s">
        <v>145</v>
      </c>
      <c r="D62003" s="1" t="s">
        <v>21</v>
      </c>
      <c r="E62003" s="1" t="s">
        <v>8642</v>
      </c>
      <c r="F62003" s="1" t="s">
        <v>207452</v>
      </c>
      <c r="G62003" s="1" t="s">
        <v>207395</v>
      </c>
      <c r="H62003" s="1" t="s">
        <v>207396</v>
      </c>
      <c r="I62003" s="1" t="s">
        <v>201500</v>
      </c>
      <c r="J62003" s="1" t="s">
        <v>207453</v>
      </c>
    </row>
    <row r="62004" spans="1:10" x14ac:dyDescent="0.35">
      <c r="A62004" s="1" t="s">
        <v>110559</v>
      </c>
      <c r="B62004" s="1" t="s">
        <v>201495</v>
      </c>
      <c r="C62004" s="1" t="s">
        <v>150</v>
      </c>
      <c r="D62004" s="1" t="s">
        <v>5790</v>
      </c>
      <c r="E62004" s="1" t="s">
        <v>27464</v>
      </c>
      <c r="F62004" s="1" t="s">
        <v>207454</v>
      </c>
      <c r="G62004" s="1" t="s">
        <v>207395</v>
      </c>
      <c r="H62004" s="1" t="s">
        <v>207396</v>
      </c>
      <c r="I62004" s="1" t="s">
        <v>201500</v>
      </c>
      <c r="J62004" s="1" t="s">
        <v>207455</v>
      </c>
    </row>
    <row r="62005" spans="1:10" x14ac:dyDescent="0.35">
      <c r="A62005" s="1" t="s">
        <v>110559</v>
      </c>
      <c r="B62005" s="1" t="s">
        <v>201495</v>
      </c>
      <c r="C62005" s="1" t="s">
        <v>155</v>
      </c>
      <c r="D62005" s="1" t="s">
        <v>207456</v>
      </c>
      <c r="E62005" s="1" t="s">
        <v>160407</v>
      </c>
      <c r="F62005" s="1" t="s">
        <v>207457</v>
      </c>
      <c r="G62005" s="1" t="s">
        <v>207395</v>
      </c>
      <c r="H62005" s="1" t="s">
        <v>207396</v>
      </c>
      <c r="I62005" s="1" t="s">
        <v>201500</v>
      </c>
      <c r="J62005" s="1" t="s">
        <v>207458</v>
      </c>
    </row>
    <row r="62006" spans="1:10" x14ac:dyDescent="0.35">
      <c r="A62006" s="1" t="s">
        <v>110559</v>
      </c>
      <c r="B62006" s="1" t="s">
        <v>201495</v>
      </c>
      <c r="C62006" s="1" t="s">
        <v>160</v>
      </c>
      <c r="D62006" s="1" t="s">
        <v>207459</v>
      </c>
      <c r="E62006" s="1" t="s">
        <v>202047</v>
      </c>
      <c r="F62006" s="1" t="s">
        <v>207460</v>
      </c>
      <c r="G62006" s="1" t="s">
        <v>207395</v>
      </c>
      <c r="H62006" s="1" t="s">
        <v>207396</v>
      </c>
      <c r="I62006" s="1" t="s">
        <v>201500</v>
      </c>
      <c r="J62006" s="1" t="s">
        <v>207461</v>
      </c>
    </row>
    <row r="62007" spans="1:10" x14ac:dyDescent="0.35">
      <c r="A62007" s="1" t="s">
        <v>110559</v>
      </c>
      <c r="B62007" s="1" t="s">
        <v>201495</v>
      </c>
      <c r="C62007" s="1" t="s">
        <v>165</v>
      </c>
      <c r="D62007" s="1" t="s">
        <v>123800</v>
      </c>
      <c r="E62007" s="1" t="s">
        <v>12695</v>
      </c>
      <c r="F62007" s="1" t="s">
        <v>207462</v>
      </c>
      <c r="G62007" s="1" t="s">
        <v>207395</v>
      </c>
      <c r="H62007" s="1" t="s">
        <v>207396</v>
      </c>
      <c r="I62007" s="1" t="s">
        <v>201500</v>
      </c>
      <c r="J62007" s="1" t="s">
        <v>207463</v>
      </c>
    </row>
    <row r="62008" spans="1:10" x14ac:dyDescent="0.35">
      <c r="A62008" s="1" t="s">
        <v>110559</v>
      </c>
      <c r="B62008" s="1" t="s">
        <v>201495</v>
      </c>
      <c r="C62008" s="1" t="s">
        <v>170</v>
      </c>
      <c r="D62008" s="1" t="s">
        <v>73550</v>
      </c>
      <c r="E62008" s="1" t="s">
        <v>12648</v>
      </c>
      <c r="F62008" s="1" t="s">
        <v>207464</v>
      </c>
      <c r="G62008" s="1" t="s">
        <v>207395</v>
      </c>
      <c r="H62008" s="1" t="s">
        <v>207396</v>
      </c>
      <c r="I62008" s="1" t="s">
        <v>201500</v>
      </c>
      <c r="J62008" s="1" t="s">
        <v>207465</v>
      </c>
    </row>
    <row r="62009" spans="1:10" x14ac:dyDescent="0.35">
      <c r="A62009" s="1" t="s">
        <v>45375</v>
      </c>
      <c r="B62009" s="1" t="s">
        <v>201495</v>
      </c>
      <c r="C62009" s="1" t="s">
        <v>8</v>
      </c>
      <c r="D62009" s="1" t="s">
        <v>148693</v>
      </c>
      <c r="E62009" s="1" t="s">
        <v>207466</v>
      </c>
      <c r="F62009" s="1" t="s">
        <v>207467</v>
      </c>
      <c r="G62009" s="1" t="s">
        <v>207468</v>
      </c>
      <c r="H62009" s="1" t="s">
        <v>207469</v>
      </c>
      <c r="I62009" s="1" t="s">
        <v>201500</v>
      </c>
      <c r="J62009" s="1" t="s">
        <v>13</v>
      </c>
    </row>
    <row r="62010" spans="1:10" x14ac:dyDescent="0.35">
      <c r="A62010" s="1" t="s">
        <v>45375</v>
      </c>
      <c r="B62010" s="1" t="s">
        <v>201495</v>
      </c>
      <c r="C62010" s="1" t="s">
        <v>15</v>
      </c>
      <c r="D62010" s="1" t="s">
        <v>44560</v>
      </c>
      <c r="E62010" s="1" t="s">
        <v>207470</v>
      </c>
      <c r="F62010" s="1" t="s">
        <v>207471</v>
      </c>
      <c r="G62010" s="1" t="s">
        <v>207468</v>
      </c>
      <c r="H62010" s="1" t="s">
        <v>207469</v>
      </c>
      <c r="I62010" s="1" t="s">
        <v>201500</v>
      </c>
      <c r="J62010" s="1" t="s">
        <v>207472</v>
      </c>
    </row>
    <row r="62011" spans="1:10" x14ac:dyDescent="0.35">
      <c r="A62011" s="1" t="s">
        <v>45375</v>
      </c>
      <c r="B62011" s="1" t="s">
        <v>201495</v>
      </c>
      <c r="C62011" s="1" t="s">
        <v>20</v>
      </c>
      <c r="D62011" s="1" t="s">
        <v>207473</v>
      </c>
      <c r="E62011" s="1" t="s">
        <v>207474</v>
      </c>
      <c r="F62011" s="1" t="s">
        <v>207475</v>
      </c>
      <c r="G62011" s="1" t="s">
        <v>207468</v>
      </c>
      <c r="H62011" s="1" t="s">
        <v>207469</v>
      </c>
      <c r="I62011" s="1" t="s">
        <v>201500</v>
      </c>
      <c r="J62011" s="1" t="s">
        <v>207476</v>
      </c>
    </row>
    <row r="62012" spans="1:10" x14ac:dyDescent="0.35">
      <c r="A62012" s="1" t="s">
        <v>45375</v>
      </c>
      <c r="B62012" s="1" t="s">
        <v>201495</v>
      </c>
      <c r="C62012" s="1" t="s">
        <v>25</v>
      </c>
      <c r="D62012" s="1" t="s">
        <v>118891</v>
      </c>
      <c r="E62012" s="1" t="s">
        <v>207477</v>
      </c>
      <c r="F62012" s="1" t="s">
        <v>207478</v>
      </c>
      <c r="G62012" s="1" t="s">
        <v>207468</v>
      </c>
      <c r="H62012" s="1" t="s">
        <v>207469</v>
      </c>
      <c r="I62012" s="1" t="s">
        <v>201500</v>
      </c>
      <c r="J62012" s="1" t="s">
        <v>207479</v>
      </c>
    </row>
    <row r="62013" spans="1:10" x14ac:dyDescent="0.35">
      <c r="A62013" s="1" t="s">
        <v>45375</v>
      </c>
      <c r="B62013" s="1" t="s">
        <v>201495</v>
      </c>
      <c r="C62013" s="1" t="s">
        <v>30</v>
      </c>
      <c r="D62013" s="1" t="s">
        <v>156476</v>
      </c>
      <c r="E62013" s="1" t="s">
        <v>207480</v>
      </c>
      <c r="F62013" s="1" t="s">
        <v>207481</v>
      </c>
      <c r="G62013" s="1" t="s">
        <v>207468</v>
      </c>
      <c r="H62013" s="1" t="s">
        <v>207469</v>
      </c>
      <c r="I62013" s="1" t="s">
        <v>201500</v>
      </c>
      <c r="J62013" s="1" t="s">
        <v>207482</v>
      </c>
    </row>
    <row r="62014" spans="1:10" x14ac:dyDescent="0.35">
      <c r="A62014" s="1" t="s">
        <v>45375</v>
      </c>
      <c r="B62014" s="1" t="s">
        <v>201495</v>
      </c>
      <c r="C62014" s="1" t="s">
        <v>35</v>
      </c>
      <c r="D62014" s="1" t="s">
        <v>171783</v>
      </c>
      <c r="E62014" s="1" t="s">
        <v>207483</v>
      </c>
      <c r="F62014" s="1" t="s">
        <v>207484</v>
      </c>
      <c r="G62014" s="1" t="s">
        <v>207468</v>
      </c>
      <c r="H62014" s="1" t="s">
        <v>207469</v>
      </c>
      <c r="I62014" s="1" t="s">
        <v>201500</v>
      </c>
      <c r="J62014" s="1" t="s">
        <v>207485</v>
      </c>
    </row>
    <row r="62015" spans="1:10" x14ac:dyDescent="0.35">
      <c r="A62015" s="1" t="s">
        <v>45375</v>
      </c>
      <c r="B62015" s="1" t="s">
        <v>201495</v>
      </c>
      <c r="C62015" s="1" t="s">
        <v>40</v>
      </c>
      <c r="D62015" s="1" t="s">
        <v>37329</v>
      </c>
      <c r="E62015" s="1" t="s">
        <v>207486</v>
      </c>
      <c r="F62015" s="1" t="s">
        <v>207487</v>
      </c>
      <c r="G62015" s="1" t="s">
        <v>207468</v>
      </c>
      <c r="H62015" s="1" t="s">
        <v>207469</v>
      </c>
      <c r="I62015" s="1" t="s">
        <v>201500</v>
      </c>
      <c r="J62015" s="1" t="s">
        <v>207488</v>
      </c>
    </row>
    <row r="62016" spans="1:10" x14ac:dyDescent="0.35">
      <c r="A62016" s="1" t="s">
        <v>45375</v>
      </c>
      <c r="B62016" s="1" t="s">
        <v>201495</v>
      </c>
      <c r="C62016" s="1" t="s">
        <v>45</v>
      </c>
      <c r="D62016" s="1" t="s">
        <v>7074</v>
      </c>
      <c r="E62016" s="1" t="s">
        <v>207489</v>
      </c>
      <c r="F62016" s="1" t="s">
        <v>207490</v>
      </c>
      <c r="G62016" s="1" t="s">
        <v>207468</v>
      </c>
      <c r="H62016" s="1" t="s">
        <v>207469</v>
      </c>
      <c r="I62016" s="1" t="s">
        <v>201500</v>
      </c>
      <c r="J62016" s="1" t="s">
        <v>207491</v>
      </c>
    </row>
    <row r="62017" spans="1:10" x14ac:dyDescent="0.35">
      <c r="A62017" s="1" t="s">
        <v>45375</v>
      </c>
      <c r="B62017" s="1" t="s">
        <v>201495</v>
      </c>
      <c r="C62017" s="1" t="s">
        <v>50</v>
      </c>
      <c r="D62017" s="1" t="s">
        <v>16336</v>
      </c>
      <c r="E62017" s="1" t="s">
        <v>207492</v>
      </c>
      <c r="F62017" s="1" t="s">
        <v>207493</v>
      </c>
      <c r="G62017" s="1" t="s">
        <v>207468</v>
      </c>
      <c r="H62017" s="1" t="s">
        <v>207469</v>
      </c>
      <c r="I62017" s="1" t="s">
        <v>201500</v>
      </c>
      <c r="J62017" s="1" t="s">
        <v>207494</v>
      </c>
    </row>
    <row r="62018" spans="1:10" x14ac:dyDescent="0.35">
      <c r="A62018" s="1" t="s">
        <v>45375</v>
      </c>
      <c r="B62018" s="1" t="s">
        <v>201495</v>
      </c>
      <c r="C62018" s="1" t="s">
        <v>55</v>
      </c>
      <c r="D62018" s="1" t="s">
        <v>117968</v>
      </c>
      <c r="E62018" s="1" t="s">
        <v>207495</v>
      </c>
      <c r="F62018" s="1" t="s">
        <v>207496</v>
      </c>
      <c r="G62018" s="1" t="s">
        <v>207468</v>
      </c>
      <c r="H62018" s="1" t="s">
        <v>207469</v>
      </c>
      <c r="I62018" s="1" t="s">
        <v>201500</v>
      </c>
      <c r="J62018" s="1" t="s">
        <v>207497</v>
      </c>
    </row>
    <row r="62019" spans="1:10" x14ac:dyDescent="0.35">
      <c r="A62019" s="1" t="s">
        <v>45375</v>
      </c>
      <c r="B62019" s="1" t="s">
        <v>201495</v>
      </c>
      <c r="C62019" s="1" t="s">
        <v>60</v>
      </c>
      <c r="D62019" s="1" t="s">
        <v>111983</v>
      </c>
      <c r="E62019" s="1" t="s">
        <v>207498</v>
      </c>
      <c r="F62019" s="1" t="s">
        <v>207499</v>
      </c>
      <c r="G62019" s="1" t="s">
        <v>207468</v>
      </c>
      <c r="H62019" s="1" t="s">
        <v>207469</v>
      </c>
      <c r="I62019" s="1" t="s">
        <v>201500</v>
      </c>
      <c r="J62019" s="1" t="s">
        <v>207500</v>
      </c>
    </row>
    <row r="62020" spans="1:10" x14ac:dyDescent="0.35">
      <c r="A62020" s="1" t="s">
        <v>45375</v>
      </c>
      <c r="B62020" s="1" t="s">
        <v>201495</v>
      </c>
      <c r="C62020" s="1" t="s">
        <v>65</v>
      </c>
      <c r="D62020" s="1" t="s">
        <v>27487</v>
      </c>
      <c r="E62020" s="1" t="s">
        <v>207501</v>
      </c>
      <c r="F62020" s="1" t="s">
        <v>207502</v>
      </c>
      <c r="G62020" s="1" t="s">
        <v>207468</v>
      </c>
      <c r="H62020" s="1" t="s">
        <v>207469</v>
      </c>
      <c r="I62020" s="1" t="s">
        <v>201500</v>
      </c>
      <c r="J62020" s="1" t="s">
        <v>207503</v>
      </c>
    </row>
    <row r="62021" spans="1:10" x14ac:dyDescent="0.35">
      <c r="A62021" s="1" t="s">
        <v>45375</v>
      </c>
      <c r="B62021" s="1" t="s">
        <v>201495</v>
      </c>
      <c r="C62021" s="1" t="s">
        <v>70</v>
      </c>
      <c r="D62021" s="1" t="s">
        <v>49385</v>
      </c>
      <c r="E62021" s="1" t="s">
        <v>207504</v>
      </c>
      <c r="F62021" s="1" t="s">
        <v>207505</v>
      </c>
      <c r="G62021" s="1" t="s">
        <v>207468</v>
      </c>
      <c r="H62021" s="1" t="s">
        <v>207469</v>
      </c>
      <c r="I62021" s="1" t="s">
        <v>201500</v>
      </c>
      <c r="J62021" s="1" t="s">
        <v>207506</v>
      </c>
    </row>
    <row r="62022" spans="1:10" x14ac:dyDescent="0.35">
      <c r="A62022" s="1" t="s">
        <v>45375</v>
      </c>
      <c r="B62022" s="1" t="s">
        <v>201495</v>
      </c>
      <c r="C62022" s="1" t="s">
        <v>75</v>
      </c>
      <c r="D62022" s="1" t="s">
        <v>170183</v>
      </c>
      <c r="E62022" s="1" t="s">
        <v>207507</v>
      </c>
      <c r="F62022" s="1" t="s">
        <v>207508</v>
      </c>
      <c r="G62022" s="1" t="s">
        <v>207468</v>
      </c>
      <c r="H62022" s="1" t="s">
        <v>207469</v>
      </c>
      <c r="I62022" s="1" t="s">
        <v>201500</v>
      </c>
      <c r="J62022" s="1" t="s">
        <v>207509</v>
      </c>
    </row>
    <row r="62023" spans="1:10" x14ac:dyDescent="0.35">
      <c r="A62023" s="1" t="s">
        <v>45375</v>
      </c>
      <c r="B62023" s="1" t="s">
        <v>201495</v>
      </c>
      <c r="C62023" s="1" t="s">
        <v>80</v>
      </c>
      <c r="D62023" s="1" t="s">
        <v>4114</v>
      </c>
      <c r="E62023" s="1" t="s">
        <v>207510</v>
      </c>
      <c r="F62023" s="1" t="s">
        <v>207511</v>
      </c>
      <c r="G62023" s="1" t="s">
        <v>207468</v>
      </c>
      <c r="H62023" s="1" t="s">
        <v>207469</v>
      </c>
      <c r="I62023" s="1" t="s">
        <v>201500</v>
      </c>
      <c r="J62023" s="1" t="s">
        <v>207512</v>
      </c>
    </row>
    <row r="62024" spans="1:10" x14ac:dyDescent="0.35">
      <c r="A62024" s="1" t="s">
        <v>45375</v>
      </c>
      <c r="B62024" s="1" t="s">
        <v>201495</v>
      </c>
      <c r="C62024" s="1" t="s">
        <v>85</v>
      </c>
      <c r="D62024" s="1" t="s">
        <v>4110</v>
      </c>
      <c r="E62024" s="1" t="s">
        <v>207513</v>
      </c>
      <c r="F62024" s="1" t="s">
        <v>207514</v>
      </c>
      <c r="G62024" s="1" t="s">
        <v>207468</v>
      </c>
      <c r="H62024" s="1" t="s">
        <v>207469</v>
      </c>
      <c r="I62024" s="1" t="s">
        <v>201500</v>
      </c>
      <c r="J62024" s="1" t="s">
        <v>207515</v>
      </c>
    </row>
    <row r="62025" spans="1:10" x14ac:dyDescent="0.35">
      <c r="A62025" s="1" t="s">
        <v>45375</v>
      </c>
      <c r="B62025" s="1" t="s">
        <v>201495</v>
      </c>
      <c r="C62025" s="1" t="s">
        <v>90</v>
      </c>
      <c r="D62025" s="1" t="s">
        <v>204256</v>
      </c>
      <c r="E62025" s="1" t="s">
        <v>207516</v>
      </c>
      <c r="F62025" s="1" t="s">
        <v>207517</v>
      </c>
      <c r="G62025" s="1" t="s">
        <v>207468</v>
      </c>
      <c r="H62025" s="1" t="s">
        <v>207469</v>
      </c>
      <c r="I62025" s="1" t="s">
        <v>201500</v>
      </c>
      <c r="J62025" s="1" t="s">
        <v>207518</v>
      </c>
    </row>
    <row r="62026" spans="1:10" x14ac:dyDescent="0.35">
      <c r="A62026" s="1" t="s">
        <v>45375</v>
      </c>
      <c r="B62026" s="1" t="s">
        <v>201495</v>
      </c>
      <c r="C62026" s="1" t="s">
        <v>95</v>
      </c>
      <c r="D62026" s="1" t="s">
        <v>119718</v>
      </c>
      <c r="E62026" s="1" t="s">
        <v>207519</v>
      </c>
      <c r="F62026" s="1" t="s">
        <v>207520</v>
      </c>
      <c r="G62026" s="1" t="s">
        <v>207468</v>
      </c>
      <c r="H62026" s="1" t="s">
        <v>207469</v>
      </c>
      <c r="I62026" s="1" t="s">
        <v>201500</v>
      </c>
      <c r="J62026" s="1" t="s">
        <v>207521</v>
      </c>
    </row>
    <row r="62027" spans="1:10" x14ac:dyDescent="0.35">
      <c r="A62027" s="1" t="s">
        <v>45375</v>
      </c>
      <c r="B62027" s="1" t="s">
        <v>201495</v>
      </c>
      <c r="C62027" s="1" t="s">
        <v>100</v>
      </c>
      <c r="D62027" s="1" t="s">
        <v>35037</v>
      </c>
      <c r="E62027" s="1" t="s">
        <v>207522</v>
      </c>
      <c r="F62027" s="1" t="s">
        <v>207523</v>
      </c>
      <c r="G62027" s="1" t="s">
        <v>207468</v>
      </c>
      <c r="H62027" s="1" t="s">
        <v>207469</v>
      </c>
      <c r="I62027" s="1" t="s">
        <v>201500</v>
      </c>
      <c r="J62027" s="1" t="s">
        <v>207524</v>
      </c>
    </row>
    <row r="62028" spans="1:10" x14ac:dyDescent="0.35">
      <c r="A62028" s="1" t="s">
        <v>45375</v>
      </c>
      <c r="B62028" s="1" t="s">
        <v>201495</v>
      </c>
      <c r="C62028" s="1" t="s">
        <v>105</v>
      </c>
      <c r="D62028" s="1" t="s">
        <v>15444</v>
      </c>
      <c r="E62028" s="1" t="s">
        <v>207525</v>
      </c>
      <c r="F62028" s="1" t="s">
        <v>207526</v>
      </c>
      <c r="G62028" s="1" t="s">
        <v>207468</v>
      </c>
      <c r="H62028" s="1" t="s">
        <v>207469</v>
      </c>
      <c r="I62028" s="1" t="s">
        <v>201500</v>
      </c>
      <c r="J62028" s="1" t="s">
        <v>207527</v>
      </c>
    </row>
    <row r="62029" spans="1:10" x14ac:dyDescent="0.35">
      <c r="A62029" s="1" t="s">
        <v>45375</v>
      </c>
      <c r="B62029" s="1" t="s">
        <v>201495</v>
      </c>
      <c r="C62029" s="1" t="s">
        <v>110</v>
      </c>
      <c r="D62029" s="1" t="s">
        <v>71013</v>
      </c>
      <c r="E62029" s="1" t="s">
        <v>207528</v>
      </c>
      <c r="F62029" s="1" t="s">
        <v>207529</v>
      </c>
      <c r="G62029" s="1" t="s">
        <v>207468</v>
      </c>
      <c r="H62029" s="1" t="s">
        <v>207469</v>
      </c>
      <c r="I62029" s="1" t="s">
        <v>201500</v>
      </c>
      <c r="J62029" s="1" t="s">
        <v>207530</v>
      </c>
    </row>
    <row r="62030" spans="1:10" x14ac:dyDescent="0.35">
      <c r="A62030" s="1" t="s">
        <v>45375</v>
      </c>
      <c r="B62030" s="1" t="s">
        <v>201495</v>
      </c>
      <c r="C62030" s="1" t="s">
        <v>115</v>
      </c>
      <c r="D62030" s="1" t="s">
        <v>207531</v>
      </c>
      <c r="E62030" s="1" t="s">
        <v>207532</v>
      </c>
      <c r="F62030" s="1" t="s">
        <v>207533</v>
      </c>
      <c r="G62030" s="1" t="s">
        <v>207468</v>
      </c>
      <c r="H62030" s="1" t="s">
        <v>207469</v>
      </c>
      <c r="I62030" s="1" t="s">
        <v>201500</v>
      </c>
      <c r="J62030" s="1" t="s">
        <v>207534</v>
      </c>
    </row>
    <row r="62031" spans="1:10" x14ac:dyDescent="0.35">
      <c r="A62031" s="1" t="s">
        <v>45375</v>
      </c>
      <c r="B62031" s="1" t="s">
        <v>201495</v>
      </c>
      <c r="C62031" s="1" t="s">
        <v>120</v>
      </c>
      <c r="D62031" s="1" t="s">
        <v>183510</v>
      </c>
      <c r="E62031" s="1" t="s">
        <v>207535</v>
      </c>
      <c r="F62031" s="1" t="s">
        <v>207536</v>
      </c>
      <c r="G62031" s="1" t="s">
        <v>207468</v>
      </c>
      <c r="H62031" s="1" t="s">
        <v>207469</v>
      </c>
      <c r="I62031" s="1" t="s">
        <v>201500</v>
      </c>
      <c r="J62031" s="1" t="s">
        <v>207537</v>
      </c>
    </row>
    <row r="62032" spans="1:10" x14ac:dyDescent="0.35">
      <c r="A62032" s="1" t="s">
        <v>45375</v>
      </c>
      <c r="B62032" s="1" t="s">
        <v>201495</v>
      </c>
      <c r="C62032" s="1" t="s">
        <v>125</v>
      </c>
      <c r="D62032" s="1" t="s">
        <v>15933</v>
      </c>
      <c r="E62032" s="1" t="s">
        <v>207538</v>
      </c>
      <c r="F62032" s="1" t="s">
        <v>207539</v>
      </c>
      <c r="G62032" s="1" t="s">
        <v>207468</v>
      </c>
      <c r="H62032" s="1" t="s">
        <v>207469</v>
      </c>
      <c r="I62032" s="1" t="s">
        <v>201500</v>
      </c>
      <c r="J62032" s="1" t="s">
        <v>207540</v>
      </c>
    </row>
    <row r="62033" spans="1:10" x14ac:dyDescent="0.35">
      <c r="A62033" s="1" t="s">
        <v>45375</v>
      </c>
      <c r="B62033" s="1" t="s">
        <v>201495</v>
      </c>
      <c r="C62033" s="1" t="s">
        <v>130</v>
      </c>
      <c r="D62033" s="1" t="s">
        <v>71794</v>
      </c>
      <c r="E62033" s="1" t="s">
        <v>207541</v>
      </c>
      <c r="F62033" s="1" t="s">
        <v>207542</v>
      </c>
      <c r="G62033" s="1" t="s">
        <v>207468</v>
      </c>
      <c r="H62033" s="1" t="s">
        <v>207469</v>
      </c>
      <c r="I62033" s="1" t="s">
        <v>201500</v>
      </c>
      <c r="J62033" s="1" t="s">
        <v>207543</v>
      </c>
    </row>
    <row r="62034" spans="1:10" x14ac:dyDescent="0.35">
      <c r="A62034" s="1" t="s">
        <v>45375</v>
      </c>
      <c r="B62034" s="1" t="s">
        <v>201495</v>
      </c>
      <c r="C62034" s="1" t="s">
        <v>135</v>
      </c>
      <c r="D62034" s="1" t="s">
        <v>44195</v>
      </c>
      <c r="E62034" s="1" t="s">
        <v>207544</v>
      </c>
      <c r="F62034" s="1" t="s">
        <v>207545</v>
      </c>
      <c r="G62034" s="1" t="s">
        <v>207468</v>
      </c>
      <c r="H62034" s="1" t="s">
        <v>207469</v>
      </c>
      <c r="I62034" s="1" t="s">
        <v>201500</v>
      </c>
      <c r="J62034" s="1" t="s">
        <v>207546</v>
      </c>
    </row>
    <row r="62035" spans="1:10" x14ac:dyDescent="0.35">
      <c r="A62035" s="1" t="s">
        <v>45375</v>
      </c>
      <c r="B62035" s="1" t="s">
        <v>201495</v>
      </c>
      <c r="C62035" s="1" t="s">
        <v>140</v>
      </c>
      <c r="D62035" s="1" t="s">
        <v>207547</v>
      </c>
      <c r="E62035" s="1" t="s">
        <v>207548</v>
      </c>
      <c r="F62035" s="1" t="s">
        <v>207549</v>
      </c>
      <c r="G62035" s="1" t="s">
        <v>207468</v>
      </c>
      <c r="H62035" s="1" t="s">
        <v>207469</v>
      </c>
      <c r="I62035" s="1" t="s">
        <v>201500</v>
      </c>
      <c r="J62035" s="1" t="s">
        <v>207550</v>
      </c>
    </row>
    <row r="62036" spans="1:10" x14ac:dyDescent="0.35">
      <c r="A62036" s="1" t="s">
        <v>45375</v>
      </c>
      <c r="B62036" s="1" t="s">
        <v>201495</v>
      </c>
      <c r="C62036" s="1" t="s">
        <v>145</v>
      </c>
      <c r="D62036" s="1" t="s">
        <v>168678</v>
      </c>
      <c r="E62036" s="1" t="s">
        <v>207551</v>
      </c>
      <c r="F62036" s="1" t="s">
        <v>207552</v>
      </c>
      <c r="G62036" s="1" t="s">
        <v>207468</v>
      </c>
      <c r="H62036" s="1" t="s">
        <v>207469</v>
      </c>
      <c r="I62036" s="1" t="s">
        <v>201500</v>
      </c>
      <c r="J62036" s="1" t="s">
        <v>207553</v>
      </c>
    </row>
    <row r="62037" spans="1:10" x14ac:dyDescent="0.35">
      <c r="A62037" s="1" t="s">
        <v>45375</v>
      </c>
      <c r="B62037" s="1" t="s">
        <v>201495</v>
      </c>
      <c r="C62037" s="1" t="s">
        <v>150</v>
      </c>
      <c r="D62037" s="1" t="s">
        <v>157977</v>
      </c>
      <c r="E62037" s="1" t="s">
        <v>207554</v>
      </c>
      <c r="F62037" s="1" t="s">
        <v>207555</v>
      </c>
      <c r="G62037" s="1" t="s">
        <v>207468</v>
      </c>
      <c r="H62037" s="1" t="s">
        <v>207469</v>
      </c>
      <c r="I62037" s="1" t="s">
        <v>201500</v>
      </c>
      <c r="J62037" s="1" t="s">
        <v>207556</v>
      </c>
    </row>
    <row r="62038" spans="1:10" x14ac:dyDescent="0.35">
      <c r="A62038" s="1" t="s">
        <v>45375</v>
      </c>
      <c r="B62038" s="1" t="s">
        <v>201495</v>
      </c>
      <c r="C62038" s="1" t="s">
        <v>155</v>
      </c>
      <c r="D62038" s="1" t="s">
        <v>207069</v>
      </c>
      <c r="E62038" s="1" t="s">
        <v>207557</v>
      </c>
      <c r="F62038" s="1" t="s">
        <v>207558</v>
      </c>
      <c r="G62038" s="1" t="s">
        <v>207468</v>
      </c>
      <c r="H62038" s="1" t="s">
        <v>207469</v>
      </c>
      <c r="I62038" s="1" t="s">
        <v>201500</v>
      </c>
      <c r="J62038" s="1" t="s">
        <v>207559</v>
      </c>
    </row>
    <row r="62039" spans="1:10" x14ac:dyDescent="0.35">
      <c r="A62039" s="1" t="s">
        <v>45375</v>
      </c>
      <c r="B62039" s="1" t="s">
        <v>201495</v>
      </c>
      <c r="C62039" s="1" t="s">
        <v>160</v>
      </c>
      <c r="D62039" s="1" t="s">
        <v>71741</v>
      </c>
      <c r="E62039" s="1" t="s">
        <v>207560</v>
      </c>
      <c r="F62039" s="1" t="s">
        <v>207561</v>
      </c>
      <c r="G62039" s="1" t="s">
        <v>207468</v>
      </c>
      <c r="H62039" s="1" t="s">
        <v>207469</v>
      </c>
      <c r="I62039" s="1" t="s">
        <v>201500</v>
      </c>
      <c r="J62039" s="1" t="s">
        <v>207562</v>
      </c>
    </row>
    <row r="62040" spans="1:10" x14ac:dyDescent="0.35">
      <c r="A62040" s="1" t="s">
        <v>45375</v>
      </c>
      <c r="B62040" s="1" t="s">
        <v>201495</v>
      </c>
      <c r="C62040" s="1" t="s">
        <v>165</v>
      </c>
      <c r="D62040" s="1" t="s">
        <v>207563</v>
      </c>
      <c r="E62040" s="1" t="s">
        <v>207564</v>
      </c>
      <c r="F62040" s="1" t="s">
        <v>207565</v>
      </c>
      <c r="G62040" s="1" t="s">
        <v>207468</v>
      </c>
      <c r="H62040" s="1" t="s">
        <v>207469</v>
      </c>
      <c r="I62040" s="1" t="s">
        <v>201500</v>
      </c>
      <c r="J62040" s="1" t="s">
        <v>207566</v>
      </c>
    </row>
    <row r="62041" spans="1:10" x14ac:dyDescent="0.35">
      <c r="A62041" s="1" t="s">
        <v>45375</v>
      </c>
      <c r="B62041" s="1" t="s">
        <v>201495</v>
      </c>
      <c r="C62041" s="1" t="s">
        <v>170</v>
      </c>
      <c r="D62041" s="1" t="s">
        <v>14267</v>
      </c>
      <c r="E62041" s="1" t="s">
        <v>207567</v>
      </c>
      <c r="F62041" s="1" t="s">
        <v>207568</v>
      </c>
      <c r="G62041" s="1" t="s">
        <v>207468</v>
      </c>
      <c r="H62041" s="1" t="s">
        <v>207469</v>
      </c>
      <c r="I62041" s="1" t="s">
        <v>201500</v>
      </c>
      <c r="J62041" s="1" t="s">
        <v>207569</v>
      </c>
    </row>
    <row r="62042" spans="1:10" x14ac:dyDescent="0.35">
      <c r="A62042" s="1" t="s">
        <v>44146</v>
      </c>
      <c r="B62042" s="1" t="s">
        <v>201495</v>
      </c>
      <c r="C62042" s="1" t="s">
        <v>8</v>
      </c>
      <c r="D62042" s="1" t="s">
        <v>7606</v>
      </c>
      <c r="E62042" s="1" t="s">
        <v>207570</v>
      </c>
      <c r="F62042" s="1" t="s">
        <v>207571</v>
      </c>
      <c r="G62042" s="1" t="s">
        <v>207572</v>
      </c>
      <c r="H62042" s="1" t="s">
        <v>207573</v>
      </c>
      <c r="I62042" s="1" t="s">
        <v>201500</v>
      </c>
      <c r="J62042" s="1" t="s">
        <v>13</v>
      </c>
    </row>
    <row r="62043" spans="1:10" x14ac:dyDescent="0.35">
      <c r="A62043" s="1" t="s">
        <v>44146</v>
      </c>
      <c r="B62043" s="1" t="s">
        <v>201495</v>
      </c>
      <c r="C62043" s="1" t="s">
        <v>15</v>
      </c>
      <c r="D62043" s="1" t="s">
        <v>116385</v>
      </c>
      <c r="E62043" s="1" t="s">
        <v>207574</v>
      </c>
      <c r="F62043" s="1" t="s">
        <v>207575</v>
      </c>
      <c r="G62043" s="1" t="s">
        <v>207572</v>
      </c>
      <c r="H62043" s="1" t="s">
        <v>207573</v>
      </c>
      <c r="I62043" s="1" t="s">
        <v>201500</v>
      </c>
      <c r="J62043" s="1" t="s">
        <v>207576</v>
      </c>
    </row>
    <row r="62044" spans="1:10" x14ac:dyDescent="0.35">
      <c r="A62044" s="1" t="s">
        <v>44146</v>
      </c>
      <c r="B62044" s="1" t="s">
        <v>201495</v>
      </c>
      <c r="C62044" s="1" t="s">
        <v>20</v>
      </c>
      <c r="D62044" s="1" t="s">
        <v>7932</v>
      </c>
      <c r="E62044" s="1" t="s">
        <v>207577</v>
      </c>
      <c r="F62044" s="1" t="s">
        <v>207578</v>
      </c>
      <c r="G62044" s="1" t="s">
        <v>207572</v>
      </c>
      <c r="H62044" s="1" t="s">
        <v>207573</v>
      </c>
      <c r="I62044" s="1" t="s">
        <v>201500</v>
      </c>
      <c r="J62044" s="1" t="s">
        <v>207579</v>
      </c>
    </row>
    <row r="62045" spans="1:10" x14ac:dyDescent="0.35">
      <c r="A62045" s="1" t="s">
        <v>44146</v>
      </c>
      <c r="B62045" s="1" t="s">
        <v>201495</v>
      </c>
      <c r="C62045" s="1" t="s">
        <v>25</v>
      </c>
      <c r="D62045" s="1" t="s">
        <v>15339</v>
      </c>
      <c r="E62045" s="1" t="s">
        <v>207580</v>
      </c>
      <c r="F62045" s="1" t="s">
        <v>207581</v>
      </c>
      <c r="G62045" s="1" t="s">
        <v>207572</v>
      </c>
      <c r="H62045" s="1" t="s">
        <v>207573</v>
      </c>
      <c r="I62045" s="1" t="s">
        <v>201500</v>
      </c>
      <c r="J62045" s="1" t="s">
        <v>207582</v>
      </c>
    </row>
    <row r="62046" spans="1:10" x14ac:dyDescent="0.35">
      <c r="A62046" s="1" t="s">
        <v>44146</v>
      </c>
      <c r="B62046" s="1" t="s">
        <v>201495</v>
      </c>
      <c r="C62046" s="1" t="s">
        <v>30</v>
      </c>
      <c r="D62046" s="1" t="s">
        <v>9005</v>
      </c>
      <c r="E62046" s="1" t="s">
        <v>207583</v>
      </c>
      <c r="F62046" s="1" t="s">
        <v>207584</v>
      </c>
      <c r="G62046" s="1" t="s">
        <v>207572</v>
      </c>
      <c r="H62046" s="1" t="s">
        <v>207573</v>
      </c>
      <c r="I62046" s="1" t="s">
        <v>201500</v>
      </c>
      <c r="J62046" s="1" t="s">
        <v>207585</v>
      </c>
    </row>
    <row r="62047" spans="1:10" x14ac:dyDescent="0.35">
      <c r="A62047" s="1" t="s">
        <v>44146</v>
      </c>
      <c r="B62047" s="1" t="s">
        <v>201495</v>
      </c>
      <c r="C62047" s="1" t="s">
        <v>35</v>
      </c>
      <c r="D62047" s="1" t="s">
        <v>71159</v>
      </c>
      <c r="E62047" s="1" t="s">
        <v>207586</v>
      </c>
      <c r="F62047" s="1" t="s">
        <v>207587</v>
      </c>
      <c r="G62047" s="1" t="s">
        <v>207572</v>
      </c>
      <c r="H62047" s="1" t="s">
        <v>207573</v>
      </c>
      <c r="I62047" s="1" t="s">
        <v>201500</v>
      </c>
      <c r="J62047" s="1" t="s">
        <v>207588</v>
      </c>
    </row>
    <row r="62048" spans="1:10" x14ac:dyDescent="0.35">
      <c r="A62048" s="1" t="s">
        <v>44146</v>
      </c>
      <c r="B62048" s="1" t="s">
        <v>201495</v>
      </c>
      <c r="C62048" s="1" t="s">
        <v>40</v>
      </c>
      <c r="D62048" s="1" t="s">
        <v>48140</v>
      </c>
      <c r="E62048" s="1" t="s">
        <v>207589</v>
      </c>
      <c r="F62048" s="1" t="s">
        <v>207590</v>
      </c>
      <c r="G62048" s="1" t="s">
        <v>207572</v>
      </c>
      <c r="H62048" s="1" t="s">
        <v>207573</v>
      </c>
      <c r="I62048" s="1" t="s">
        <v>201500</v>
      </c>
      <c r="J62048" s="1" t="s">
        <v>207591</v>
      </c>
    </row>
    <row r="62049" spans="1:10" x14ac:dyDescent="0.35">
      <c r="A62049" s="1" t="s">
        <v>44146</v>
      </c>
      <c r="B62049" s="1" t="s">
        <v>201495</v>
      </c>
      <c r="C62049" s="1" t="s">
        <v>45</v>
      </c>
      <c r="D62049" s="1" t="s">
        <v>16108</v>
      </c>
      <c r="E62049" s="1" t="s">
        <v>207592</v>
      </c>
      <c r="F62049" s="1" t="s">
        <v>207593</v>
      </c>
      <c r="G62049" s="1" t="s">
        <v>207572</v>
      </c>
      <c r="H62049" s="1" t="s">
        <v>207573</v>
      </c>
      <c r="I62049" s="1" t="s">
        <v>201500</v>
      </c>
      <c r="J62049" s="1" t="s">
        <v>207594</v>
      </c>
    </row>
    <row r="62050" spans="1:10" x14ac:dyDescent="0.35">
      <c r="A62050" s="1" t="s">
        <v>44146</v>
      </c>
      <c r="B62050" s="1" t="s">
        <v>201495</v>
      </c>
      <c r="C62050" s="1" t="s">
        <v>50</v>
      </c>
      <c r="D62050" s="1" t="s">
        <v>36149</v>
      </c>
      <c r="E62050" s="1" t="s">
        <v>207595</v>
      </c>
      <c r="F62050" s="1" t="s">
        <v>207596</v>
      </c>
      <c r="G62050" s="1" t="s">
        <v>207572</v>
      </c>
      <c r="H62050" s="1" t="s">
        <v>207573</v>
      </c>
      <c r="I62050" s="1" t="s">
        <v>201500</v>
      </c>
      <c r="J62050" s="1" t="s">
        <v>207597</v>
      </c>
    </row>
    <row r="62051" spans="1:10" x14ac:dyDescent="0.35">
      <c r="A62051" s="1" t="s">
        <v>44146</v>
      </c>
      <c r="B62051" s="1" t="s">
        <v>201495</v>
      </c>
      <c r="C62051" s="1" t="s">
        <v>55</v>
      </c>
      <c r="D62051" s="1" t="s">
        <v>9722</v>
      </c>
      <c r="E62051" s="1" t="s">
        <v>207598</v>
      </c>
      <c r="F62051" s="1" t="s">
        <v>207599</v>
      </c>
      <c r="G62051" s="1" t="s">
        <v>207572</v>
      </c>
      <c r="H62051" s="1" t="s">
        <v>207573</v>
      </c>
      <c r="I62051" s="1" t="s">
        <v>201500</v>
      </c>
      <c r="J62051" s="1" t="s">
        <v>207600</v>
      </c>
    </row>
    <row r="62052" spans="1:10" x14ac:dyDescent="0.35">
      <c r="A62052" s="1" t="s">
        <v>44146</v>
      </c>
      <c r="B62052" s="1" t="s">
        <v>201495</v>
      </c>
      <c r="C62052" s="1" t="s">
        <v>60</v>
      </c>
      <c r="D62052" s="1" t="s">
        <v>6551</v>
      </c>
      <c r="E62052" s="1" t="s">
        <v>207601</v>
      </c>
      <c r="F62052" s="1" t="s">
        <v>207602</v>
      </c>
      <c r="G62052" s="1" t="s">
        <v>207572</v>
      </c>
      <c r="H62052" s="1" t="s">
        <v>207573</v>
      </c>
      <c r="I62052" s="1" t="s">
        <v>201500</v>
      </c>
      <c r="J62052" s="1" t="s">
        <v>207603</v>
      </c>
    </row>
    <row r="62053" spans="1:10" x14ac:dyDescent="0.35">
      <c r="A62053" s="1" t="s">
        <v>44146</v>
      </c>
      <c r="B62053" s="1" t="s">
        <v>201495</v>
      </c>
      <c r="C62053" s="1" t="s">
        <v>65</v>
      </c>
      <c r="D62053" s="1" t="s">
        <v>115335</v>
      </c>
      <c r="E62053" s="1" t="s">
        <v>207604</v>
      </c>
      <c r="F62053" s="1" t="s">
        <v>207605</v>
      </c>
      <c r="G62053" s="1" t="s">
        <v>207572</v>
      </c>
      <c r="H62053" s="1" t="s">
        <v>207573</v>
      </c>
      <c r="I62053" s="1" t="s">
        <v>201500</v>
      </c>
      <c r="J62053" s="1" t="s">
        <v>207606</v>
      </c>
    </row>
    <row r="62054" spans="1:10" x14ac:dyDescent="0.35">
      <c r="A62054" s="1" t="s">
        <v>44146</v>
      </c>
      <c r="B62054" s="1" t="s">
        <v>201495</v>
      </c>
      <c r="C62054" s="1" t="s">
        <v>70</v>
      </c>
      <c r="D62054" s="1" t="s">
        <v>5095</v>
      </c>
      <c r="E62054" s="1" t="s">
        <v>207607</v>
      </c>
      <c r="F62054" s="1" t="s">
        <v>207608</v>
      </c>
      <c r="G62054" s="1" t="s">
        <v>207572</v>
      </c>
      <c r="H62054" s="1" t="s">
        <v>207573</v>
      </c>
      <c r="I62054" s="1" t="s">
        <v>201500</v>
      </c>
      <c r="J62054" s="1" t="s">
        <v>186441</v>
      </c>
    </row>
    <row r="62055" spans="1:10" x14ac:dyDescent="0.35">
      <c r="A62055" s="1" t="s">
        <v>44146</v>
      </c>
      <c r="B62055" s="1" t="s">
        <v>201495</v>
      </c>
      <c r="C62055" s="1" t="s">
        <v>75</v>
      </c>
      <c r="D62055" s="1" t="s">
        <v>144916</v>
      </c>
      <c r="E62055" s="1" t="s">
        <v>207609</v>
      </c>
      <c r="F62055" s="1" t="s">
        <v>207610</v>
      </c>
      <c r="G62055" s="1" t="s">
        <v>207572</v>
      </c>
      <c r="H62055" s="1" t="s">
        <v>207573</v>
      </c>
      <c r="I62055" s="1" t="s">
        <v>201500</v>
      </c>
      <c r="J62055" s="1" t="s">
        <v>207611</v>
      </c>
    </row>
    <row r="62056" spans="1:10" x14ac:dyDescent="0.35">
      <c r="A62056" s="1" t="s">
        <v>44146</v>
      </c>
      <c r="B62056" s="1" t="s">
        <v>201495</v>
      </c>
      <c r="C62056" s="1" t="s">
        <v>80</v>
      </c>
      <c r="D62056" s="1" t="s">
        <v>142985</v>
      </c>
      <c r="E62056" s="1" t="s">
        <v>207612</v>
      </c>
      <c r="F62056" s="1" t="s">
        <v>207613</v>
      </c>
      <c r="G62056" s="1" t="s">
        <v>207572</v>
      </c>
      <c r="H62056" s="1" t="s">
        <v>207573</v>
      </c>
      <c r="I62056" s="1" t="s">
        <v>201500</v>
      </c>
      <c r="J62056" s="1" t="s">
        <v>207614</v>
      </c>
    </row>
    <row r="62057" spans="1:10" x14ac:dyDescent="0.35">
      <c r="A62057" s="1" t="s">
        <v>44146</v>
      </c>
      <c r="B62057" s="1" t="s">
        <v>201495</v>
      </c>
      <c r="C62057" s="1" t="s">
        <v>85</v>
      </c>
      <c r="D62057" s="1" t="s">
        <v>151436</v>
      </c>
      <c r="E62057" s="1" t="s">
        <v>207615</v>
      </c>
      <c r="F62057" s="1" t="s">
        <v>207616</v>
      </c>
      <c r="G62057" s="1" t="s">
        <v>207572</v>
      </c>
      <c r="H62057" s="1" t="s">
        <v>207573</v>
      </c>
      <c r="I62057" s="1" t="s">
        <v>201500</v>
      </c>
      <c r="J62057" s="1" t="s">
        <v>207617</v>
      </c>
    </row>
    <row r="62058" spans="1:10" x14ac:dyDescent="0.35">
      <c r="A62058" s="1" t="s">
        <v>44146</v>
      </c>
      <c r="B62058" s="1" t="s">
        <v>201495</v>
      </c>
      <c r="C62058" s="1" t="s">
        <v>90</v>
      </c>
      <c r="D62058" s="1" t="s">
        <v>311</v>
      </c>
      <c r="E62058" s="1" t="s">
        <v>207618</v>
      </c>
      <c r="F62058" s="1" t="s">
        <v>207619</v>
      </c>
      <c r="G62058" s="1" t="s">
        <v>207572</v>
      </c>
      <c r="H62058" s="1" t="s">
        <v>207573</v>
      </c>
      <c r="I62058" s="1" t="s">
        <v>201500</v>
      </c>
      <c r="J62058" s="1" t="s">
        <v>207620</v>
      </c>
    </row>
    <row r="62059" spans="1:10" x14ac:dyDescent="0.35">
      <c r="A62059" s="1" t="s">
        <v>44146</v>
      </c>
      <c r="B62059" s="1" t="s">
        <v>201495</v>
      </c>
      <c r="C62059" s="1" t="s">
        <v>95</v>
      </c>
      <c r="D62059" s="1" t="s">
        <v>72670</v>
      </c>
      <c r="E62059" s="1" t="s">
        <v>207621</v>
      </c>
      <c r="F62059" s="1" t="s">
        <v>207622</v>
      </c>
      <c r="G62059" s="1" t="s">
        <v>207572</v>
      </c>
      <c r="H62059" s="1" t="s">
        <v>207573</v>
      </c>
      <c r="I62059" s="1" t="s">
        <v>201500</v>
      </c>
      <c r="J62059" s="1" t="s">
        <v>207623</v>
      </c>
    </row>
    <row r="62060" spans="1:10" x14ac:dyDescent="0.35">
      <c r="A62060" s="1" t="s">
        <v>44146</v>
      </c>
      <c r="B62060" s="1" t="s">
        <v>201495</v>
      </c>
      <c r="C62060" s="1" t="s">
        <v>100</v>
      </c>
      <c r="D62060" s="1" t="s">
        <v>49178</v>
      </c>
      <c r="E62060" s="1" t="s">
        <v>207624</v>
      </c>
      <c r="F62060" s="1" t="s">
        <v>207625</v>
      </c>
      <c r="G62060" s="1" t="s">
        <v>207572</v>
      </c>
      <c r="H62060" s="1" t="s">
        <v>207573</v>
      </c>
      <c r="I62060" s="1" t="s">
        <v>201500</v>
      </c>
      <c r="J62060" s="1" t="s">
        <v>207626</v>
      </c>
    </row>
    <row r="62061" spans="1:10" x14ac:dyDescent="0.35">
      <c r="A62061" s="1" t="s">
        <v>44146</v>
      </c>
      <c r="B62061" s="1" t="s">
        <v>201495</v>
      </c>
      <c r="C62061" s="1" t="s">
        <v>105</v>
      </c>
      <c r="D62061" s="1" t="s">
        <v>207627</v>
      </c>
      <c r="E62061" s="1" t="s">
        <v>207628</v>
      </c>
      <c r="F62061" s="1" t="s">
        <v>207629</v>
      </c>
      <c r="G62061" s="1" t="s">
        <v>207572</v>
      </c>
      <c r="H62061" s="1" t="s">
        <v>207573</v>
      </c>
      <c r="I62061" s="1" t="s">
        <v>201500</v>
      </c>
      <c r="J62061" s="1" t="s">
        <v>207630</v>
      </c>
    </row>
    <row r="62062" spans="1:10" x14ac:dyDescent="0.35">
      <c r="A62062" s="1" t="s">
        <v>44146</v>
      </c>
      <c r="B62062" s="1" t="s">
        <v>201495</v>
      </c>
      <c r="C62062" s="1" t="s">
        <v>110</v>
      </c>
      <c r="D62062" s="1" t="s">
        <v>207631</v>
      </c>
      <c r="E62062" s="1" t="s">
        <v>207632</v>
      </c>
      <c r="F62062" s="1" t="s">
        <v>207633</v>
      </c>
      <c r="G62062" s="1" t="s">
        <v>207572</v>
      </c>
      <c r="H62062" s="1" t="s">
        <v>207573</v>
      </c>
      <c r="I62062" s="1" t="s">
        <v>201500</v>
      </c>
      <c r="J62062" s="1" t="s">
        <v>207634</v>
      </c>
    </row>
    <row r="62063" spans="1:10" x14ac:dyDescent="0.35">
      <c r="A62063" s="1" t="s">
        <v>44146</v>
      </c>
      <c r="B62063" s="1" t="s">
        <v>201495</v>
      </c>
      <c r="C62063" s="1" t="s">
        <v>115</v>
      </c>
      <c r="D62063" s="1" t="s">
        <v>126281</v>
      </c>
      <c r="E62063" s="1" t="s">
        <v>207635</v>
      </c>
      <c r="F62063" s="1" t="s">
        <v>207636</v>
      </c>
      <c r="G62063" s="1" t="s">
        <v>207572</v>
      </c>
      <c r="H62063" s="1" t="s">
        <v>207573</v>
      </c>
      <c r="I62063" s="1" t="s">
        <v>201500</v>
      </c>
      <c r="J62063" s="1" t="s">
        <v>207637</v>
      </c>
    </row>
    <row r="62064" spans="1:10" x14ac:dyDescent="0.35">
      <c r="A62064" s="1" t="s">
        <v>44146</v>
      </c>
      <c r="B62064" s="1" t="s">
        <v>201495</v>
      </c>
      <c r="C62064" s="1" t="s">
        <v>120</v>
      </c>
      <c r="D62064" s="1" t="s">
        <v>31120</v>
      </c>
      <c r="E62064" s="1" t="s">
        <v>207638</v>
      </c>
      <c r="F62064" s="1" t="s">
        <v>207639</v>
      </c>
      <c r="G62064" s="1" t="s">
        <v>207572</v>
      </c>
      <c r="H62064" s="1" t="s">
        <v>207573</v>
      </c>
      <c r="I62064" s="1" t="s">
        <v>201500</v>
      </c>
      <c r="J62064" s="1" t="s">
        <v>207640</v>
      </c>
    </row>
    <row r="62065" spans="1:10" x14ac:dyDescent="0.35">
      <c r="A62065" s="1" t="s">
        <v>44146</v>
      </c>
      <c r="B62065" s="1" t="s">
        <v>201495</v>
      </c>
      <c r="C62065" s="1" t="s">
        <v>125</v>
      </c>
      <c r="D62065" s="1" t="s">
        <v>161327</v>
      </c>
      <c r="E62065" s="1" t="s">
        <v>207641</v>
      </c>
      <c r="F62065" s="1" t="s">
        <v>207642</v>
      </c>
      <c r="G62065" s="1" t="s">
        <v>207572</v>
      </c>
      <c r="H62065" s="1" t="s">
        <v>207573</v>
      </c>
      <c r="I62065" s="1" t="s">
        <v>201500</v>
      </c>
      <c r="J62065" s="1" t="s">
        <v>207643</v>
      </c>
    </row>
    <row r="62066" spans="1:10" x14ac:dyDescent="0.35">
      <c r="A62066" s="1" t="s">
        <v>44146</v>
      </c>
      <c r="B62066" s="1" t="s">
        <v>201495</v>
      </c>
      <c r="C62066" s="1" t="s">
        <v>130</v>
      </c>
      <c r="D62066" s="1" t="s">
        <v>181484</v>
      </c>
      <c r="E62066" s="1" t="s">
        <v>207644</v>
      </c>
      <c r="F62066" s="1" t="s">
        <v>207645</v>
      </c>
      <c r="G62066" s="1" t="s">
        <v>207572</v>
      </c>
      <c r="H62066" s="1" t="s">
        <v>207573</v>
      </c>
      <c r="I62066" s="1" t="s">
        <v>201500</v>
      </c>
      <c r="J62066" s="1" t="s">
        <v>207646</v>
      </c>
    </row>
    <row r="62067" spans="1:10" x14ac:dyDescent="0.35">
      <c r="A62067" s="1" t="s">
        <v>44146</v>
      </c>
      <c r="B62067" s="1" t="s">
        <v>201495</v>
      </c>
      <c r="C62067" s="1" t="s">
        <v>135</v>
      </c>
      <c r="D62067" s="1" t="s">
        <v>45876</v>
      </c>
      <c r="E62067" s="1" t="s">
        <v>207647</v>
      </c>
      <c r="F62067" s="1" t="s">
        <v>207648</v>
      </c>
      <c r="G62067" s="1" t="s">
        <v>207572</v>
      </c>
      <c r="H62067" s="1" t="s">
        <v>207573</v>
      </c>
      <c r="I62067" s="1" t="s">
        <v>201500</v>
      </c>
      <c r="J62067" s="1" t="s">
        <v>207649</v>
      </c>
    </row>
    <row r="62068" spans="1:10" x14ac:dyDescent="0.35">
      <c r="A62068" s="1" t="s">
        <v>44146</v>
      </c>
      <c r="B62068" s="1" t="s">
        <v>201495</v>
      </c>
      <c r="C62068" s="1" t="s">
        <v>140</v>
      </c>
      <c r="D62068" s="1" t="s">
        <v>15368</v>
      </c>
      <c r="E62068" s="1" t="s">
        <v>207650</v>
      </c>
      <c r="F62068" s="1" t="s">
        <v>207651</v>
      </c>
      <c r="G62068" s="1" t="s">
        <v>207572</v>
      </c>
      <c r="H62068" s="1" t="s">
        <v>207573</v>
      </c>
      <c r="I62068" s="1" t="s">
        <v>201500</v>
      </c>
      <c r="J62068" s="1" t="s">
        <v>207652</v>
      </c>
    </row>
    <row r="62069" spans="1:10" x14ac:dyDescent="0.35">
      <c r="A62069" s="1" t="s">
        <v>44146</v>
      </c>
      <c r="B62069" s="1" t="s">
        <v>201495</v>
      </c>
      <c r="C62069" s="1" t="s">
        <v>145</v>
      </c>
      <c r="D62069" s="1" t="s">
        <v>47897</v>
      </c>
      <c r="E62069" s="1" t="s">
        <v>207653</v>
      </c>
      <c r="F62069" s="1" t="s">
        <v>207654</v>
      </c>
      <c r="G62069" s="1" t="s">
        <v>207572</v>
      </c>
      <c r="H62069" s="1" t="s">
        <v>207573</v>
      </c>
      <c r="I62069" s="1" t="s">
        <v>201500</v>
      </c>
      <c r="J62069" s="1" t="s">
        <v>207655</v>
      </c>
    </row>
    <row r="62070" spans="1:10" x14ac:dyDescent="0.35">
      <c r="A62070" s="1" t="s">
        <v>44146</v>
      </c>
      <c r="B62070" s="1" t="s">
        <v>201495</v>
      </c>
      <c r="C62070" s="1" t="s">
        <v>150</v>
      </c>
      <c r="D62070" s="1" t="s">
        <v>125419</v>
      </c>
      <c r="E62070" s="1" t="s">
        <v>207656</v>
      </c>
      <c r="F62070" s="1" t="s">
        <v>207657</v>
      </c>
      <c r="G62070" s="1" t="s">
        <v>207572</v>
      </c>
      <c r="H62070" s="1" t="s">
        <v>207573</v>
      </c>
      <c r="I62070" s="1" t="s">
        <v>201500</v>
      </c>
      <c r="J62070" s="1" t="s">
        <v>207658</v>
      </c>
    </row>
    <row r="62071" spans="1:10" x14ac:dyDescent="0.35">
      <c r="A62071" s="1" t="s">
        <v>44146</v>
      </c>
      <c r="B62071" s="1" t="s">
        <v>201495</v>
      </c>
      <c r="C62071" s="1" t="s">
        <v>155</v>
      </c>
      <c r="D62071" s="1" t="s">
        <v>3425</v>
      </c>
      <c r="E62071" s="1" t="s">
        <v>207659</v>
      </c>
      <c r="F62071" s="1" t="s">
        <v>207660</v>
      </c>
      <c r="G62071" s="1" t="s">
        <v>207572</v>
      </c>
      <c r="H62071" s="1" t="s">
        <v>207573</v>
      </c>
      <c r="I62071" s="1" t="s">
        <v>201500</v>
      </c>
      <c r="J62071" s="1" t="s">
        <v>207661</v>
      </c>
    </row>
    <row r="62072" spans="1:10" x14ac:dyDescent="0.35">
      <c r="A62072" s="1" t="s">
        <v>44146</v>
      </c>
      <c r="B62072" s="1" t="s">
        <v>201495</v>
      </c>
      <c r="C62072" s="1" t="s">
        <v>160</v>
      </c>
      <c r="D62072" s="1" t="s">
        <v>37359</v>
      </c>
      <c r="E62072" s="1" t="s">
        <v>207662</v>
      </c>
      <c r="F62072" s="1" t="s">
        <v>207663</v>
      </c>
      <c r="G62072" s="1" t="s">
        <v>207572</v>
      </c>
      <c r="H62072" s="1" t="s">
        <v>207573</v>
      </c>
      <c r="I62072" s="1" t="s">
        <v>201500</v>
      </c>
      <c r="J62072" s="1" t="s">
        <v>207664</v>
      </c>
    </row>
    <row r="62073" spans="1:10" x14ac:dyDescent="0.35">
      <c r="A62073" s="1" t="s">
        <v>44146</v>
      </c>
      <c r="B62073" s="1" t="s">
        <v>201495</v>
      </c>
      <c r="C62073" s="1" t="s">
        <v>165</v>
      </c>
      <c r="D62073" s="1" t="s">
        <v>203129</v>
      </c>
      <c r="E62073" s="1" t="s">
        <v>207665</v>
      </c>
      <c r="F62073" s="1" t="s">
        <v>207666</v>
      </c>
      <c r="G62073" s="1" t="s">
        <v>207572</v>
      </c>
      <c r="H62073" s="1" t="s">
        <v>207573</v>
      </c>
      <c r="I62073" s="1" t="s">
        <v>201500</v>
      </c>
      <c r="J62073" s="1" t="s">
        <v>207667</v>
      </c>
    </row>
    <row r="62074" spans="1:10" x14ac:dyDescent="0.35">
      <c r="A62074" s="1" t="s">
        <v>44146</v>
      </c>
      <c r="B62074" s="1" t="s">
        <v>201495</v>
      </c>
      <c r="C62074" s="1" t="s">
        <v>170</v>
      </c>
      <c r="D62074" s="1" t="s">
        <v>37821</v>
      </c>
      <c r="E62074" s="1" t="s">
        <v>207668</v>
      </c>
      <c r="F62074" s="1" t="s">
        <v>207669</v>
      </c>
      <c r="G62074" s="1" t="s">
        <v>207572</v>
      </c>
      <c r="H62074" s="1" t="s">
        <v>207573</v>
      </c>
      <c r="I62074" s="1" t="s">
        <v>201500</v>
      </c>
      <c r="J62074" s="1" t="s">
        <v>207670</v>
      </c>
    </row>
    <row r="62075" spans="1:10" x14ac:dyDescent="0.35">
      <c r="A62075" s="1" t="s">
        <v>51189</v>
      </c>
      <c r="B62075" s="1" t="s">
        <v>201495</v>
      </c>
      <c r="C62075" s="1" t="s">
        <v>8</v>
      </c>
      <c r="D62075" s="1" t="s">
        <v>8963</v>
      </c>
      <c r="E62075" s="1" t="s">
        <v>207671</v>
      </c>
      <c r="F62075" s="1" t="s">
        <v>207672</v>
      </c>
      <c r="G62075" s="1" t="s">
        <v>207673</v>
      </c>
      <c r="H62075" s="1" t="s">
        <v>207674</v>
      </c>
      <c r="I62075" s="1" t="s">
        <v>201500</v>
      </c>
      <c r="J62075" s="1" t="s">
        <v>13</v>
      </c>
    </row>
    <row r="62076" spans="1:10" x14ac:dyDescent="0.35">
      <c r="A62076" s="1" t="s">
        <v>51189</v>
      </c>
      <c r="B62076" s="1" t="s">
        <v>201495</v>
      </c>
      <c r="C62076" s="1" t="s">
        <v>15</v>
      </c>
      <c r="D62076" s="1" t="s">
        <v>151499</v>
      </c>
      <c r="E62076" s="1" t="s">
        <v>207675</v>
      </c>
      <c r="F62076" s="1" t="s">
        <v>207676</v>
      </c>
      <c r="G62076" s="1" t="s">
        <v>207673</v>
      </c>
      <c r="H62076" s="1" t="s">
        <v>207674</v>
      </c>
      <c r="I62076" s="1" t="s">
        <v>201500</v>
      </c>
      <c r="J62076" s="1" t="s">
        <v>207677</v>
      </c>
    </row>
    <row r="62077" spans="1:10" x14ac:dyDescent="0.35">
      <c r="A62077" s="1" t="s">
        <v>51189</v>
      </c>
      <c r="B62077" s="1" t="s">
        <v>201495</v>
      </c>
      <c r="C62077" s="1" t="s">
        <v>20</v>
      </c>
      <c r="D62077" s="1" t="s">
        <v>204256</v>
      </c>
      <c r="E62077" s="1" t="s">
        <v>207678</v>
      </c>
      <c r="F62077" s="1" t="s">
        <v>207679</v>
      </c>
      <c r="G62077" s="1" t="s">
        <v>207673</v>
      </c>
      <c r="H62077" s="1" t="s">
        <v>207674</v>
      </c>
      <c r="I62077" s="1" t="s">
        <v>201500</v>
      </c>
      <c r="J62077" s="1" t="s">
        <v>207680</v>
      </c>
    </row>
    <row r="62078" spans="1:10" x14ac:dyDescent="0.35">
      <c r="A62078" s="1" t="s">
        <v>51189</v>
      </c>
      <c r="B62078" s="1" t="s">
        <v>201495</v>
      </c>
      <c r="C62078" s="1" t="s">
        <v>25</v>
      </c>
      <c r="D62078" s="1" t="s">
        <v>34601</v>
      </c>
      <c r="E62078" s="1" t="s">
        <v>207681</v>
      </c>
      <c r="F62078" s="1" t="s">
        <v>207682</v>
      </c>
      <c r="G62078" s="1" t="s">
        <v>207673</v>
      </c>
      <c r="H62078" s="1" t="s">
        <v>207674</v>
      </c>
      <c r="I62078" s="1" t="s">
        <v>201500</v>
      </c>
      <c r="J62078" s="1" t="s">
        <v>207683</v>
      </c>
    </row>
    <row r="62079" spans="1:10" x14ac:dyDescent="0.35">
      <c r="A62079" s="1" t="s">
        <v>51189</v>
      </c>
      <c r="B62079" s="1" t="s">
        <v>201495</v>
      </c>
      <c r="C62079" s="1" t="s">
        <v>30</v>
      </c>
      <c r="D62079" s="1" t="s">
        <v>25285</v>
      </c>
      <c r="E62079" s="1" t="s">
        <v>207684</v>
      </c>
      <c r="F62079" s="1" t="s">
        <v>207685</v>
      </c>
      <c r="G62079" s="1" t="s">
        <v>207673</v>
      </c>
      <c r="H62079" s="1" t="s">
        <v>207674</v>
      </c>
      <c r="I62079" s="1" t="s">
        <v>201500</v>
      </c>
      <c r="J62079" s="1" t="s">
        <v>207686</v>
      </c>
    </row>
    <row r="62080" spans="1:10" x14ac:dyDescent="0.35">
      <c r="A62080" s="1" t="s">
        <v>51189</v>
      </c>
      <c r="B62080" s="1" t="s">
        <v>201495</v>
      </c>
      <c r="C62080" s="1" t="s">
        <v>35</v>
      </c>
      <c r="D62080" s="1" t="s">
        <v>207687</v>
      </c>
      <c r="E62080" s="1" t="s">
        <v>207688</v>
      </c>
      <c r="F62080" s="1" t="s">
        <v>207689</v>
      </c>
      <c r="G62080" s="1" t="s">
        <v>207673</v>
      </c>
      <c r="H62080" s="1" t="s">
        <v>207674</v>
      </c>
      <c r="I62080" s="1" t="s">
        <v>201500</v>
      </c>
      <c r="J62080" s="1" t="s">
        <v>207690</v>
      </c>
    </row>
    <row r="62081" spans="1:10" x14ac:dyDescent="0.35">
      <c r="A62081" s="1" t="s">
        <v>51189</v>
      </c>
      <c r="B62081" s="1" t="s">
        <v>201495</v>
      </c>
      <c r="C62081" s="1" t="s">
        <v>40</v>
      </c>
      <c r="D62081" s="1" t="s">
        <v>207691</v>
      </c>
      <c r="E62081" s="1" t="s">
        <v>207692</v>
      </c>
      <c r="F62081" s="1" t="s">
        <v>207693</v>
      </c>
      <c r="G62081" s="1" t="s">
        <v>207673</v>
      </c>
      <c r="H62081" s="1" t="s">
        <v>207674</v>
      </c>
      <c r="I62081" s="1" t="s">
        <v>201500</v>
      </c>
      <c r="J62081" s="1" t="s">
        <v>207694</v>
      </c>
    </row>
    <row r="62082" spans="1:10" x14ac:dyDescent="0.35">
      <c r="A62082" s="1" t="s">
        <v>51189</v>
      </c>
      <c r="B62082" s="1" t="s">
        <v>201495</v>
      </c>
      <c r="C62082" s="1" t="s">
        <v>45</v>
      </c>
      <c r="D62082" s="1" t="s">
        <v>142909</v>
      </c>
      <c r="E62082" s="1" t="s">
        <v>207695</v>
      </c>
      <c r="F62082" s="1" t="s">
        <v>207696</v>
      </c>
      <c r="G62082" s="1" t="s">
        <v>207673</v>
      </c>
      <c r="H62082" s="1" t="s">
        <v>207674</v>
      </c>
      <c r="I62082" s="1" t="s">
        <v>201500</v>
      </c>
      <c r="J62082" s="1" t="s">
        <v>207697</v>
      </c>
    </row>
    <row r="62083" spans="1:10" x14ac:dyDescent="0.35">
      <c r="A62083" s="1" t="s">
        <v>51189</v>
      </c>
      <c r="B62083" s="1" t="s">
        <v>201495</v>
      </c>
      <c r="C62083" s="1" t="s">
        <v>50</v>
      </c>
      <c r="D62083" s="1" t="s">
        <v>196753</v>
      </c>
      <c r="E62083" s="1" t="s">
        <v>207698</v>
      </c>
      <c r="F62083" s="1" t="s">
        <v>207699</v>
      </c>
      <c r="G62083" s="1" t="s">
        <v>207673</v>
      </c>
      <c r="H62083" s="1" t="s">
        <v>207674</v>
      </c>
      <c r="I62083" s="1" t="s">
        <v>201500</v>
      </c>
      <c r="J62083" s="1" t="s">
        <v>207700</v>
      </c>
    </row>
    <row r="62084" spans="1:10" x14ac:dyDescent="0.35">
      <c r="A62084" s="1" t="s">
        <v>51189</v>
      </c>
      <c r="B62084" s="1" t="s">
        <v>201495</v>
      </c>
      <c r="C62084" s="1" t="s">
        <v>55</v>
      </c>
      <c r="D62084" s="1" t="s">
        <v>116412</v>
      </c>
      <c r="E62084" s="1" t="s">
        <v>207701</v>
      </c>
      <c r="F62084" s="1" t="s">
        <v>207702</v>
      </c>
      <c r="G62084" s="1" t="s">
        <v>207673</v>
      </c>
      <c r="H62084" s="1" t="s">
        <v>207674</v>
      </c>
      <c r="I62084" s="1" t="s">
        <v>201500</v>
      </c>
      <c r="J62084" s="1" t="s">
        <v>207703</v>
      </c>
    </row>
    <row r="62085" spans="1:10" x14ac:dyDescent="0.35">
      <c r="A62085" s="1" t="s">
        <v>51189</v>
      </c>
      <c r="B62085" s="1" t="s">
        <v>201495</v>
      </c>
      <c r="C62085" s="1" t="s">
        <v>60</v>
      </c>
      <c r="D62085" s="1" t="s">
        <v>6657</v>
      </c>
      <c r="E62085" s="1" t="s">
        <v>2597</v>
      </c>
      <c r="F62085" s="1" t="s">
        <v>207704</v>
      </c>
      <c r="G62085" s="1" t="s">
        <v>207673</v>
      </c>
      <c r="H62085" s="1" t="s">
        <v>207674</v>
      </c>
      <c r="I62085" s="1" t="s">
        <v>201500</v>
      </c>
      <c r="J62085" s="1" t="s">
        <v>207705</v>
      </c>
    </row>
    <row r="62086" spans="1:10" x14ac:dyDescent="0.35">
      <c r="A62086" s="1" t="s">
        <v>51189</v>
      </c>
      <c r="B62086" s="1" t="s">
        <v>201495</v>
      </c>
      <c r="C62086" s="1" t="s">
        <v>65</v>
      </c>
      <c r="D62086" s="1" t="s">
        <v>34904</v>
      </c>
      <c r="E62086" s="1" t="s">
        <v>207706</v>
      </c>
      <c r="F62086" s="1" t="s">
        <v>207707</v>
      </c>
      <c r="G62086" s="1" t="s">
        <v>207673</v>
      </c>
      <c r="H62086" s="1" t="s">
        <v>207674</v>
      </c>
      <c r="I62086" s="1" t="s">
        <v>201500</v>
      </c>
      <c r="J62086" s="1" t="s">
        <v>207708</v>
      </c>
    </row>
    <row r="62087" spans="1:10" x14ac:dyDescent="0.35">
      <c r="A62087" s="1" t="s">
        <v>51189</v>
      </c>
      <c r="B62087" s="1" t="s">
        <v>201495</v>
      </c>
      <c r="C62087" s="1" t="s">
        <v>70</v>
      </c>
      <c r="D62087" s="1" t="s">
        <v>74774</v>
      </c>
      <c r="E62087" s="1" t="s">
        <v>207709</v>
      </c>
      <c r="F62087" s="1" t="s">
        <v>207710</v>
      </c>
      <c r="G62087" s="1" t="s">
        <v>207673</v>
      </c>
      <c r="H62087" s="1" t="s">
        <v>207674</v>
      </c>
      <c r="I62087" s="1" t="s">
        <v>201500</v>
      </c>
      <c r="J62087" s="1" t="s">
        <v>207711</v>
      </c>
    </row>
    <row r="62088" spans="1:10" x14ac:dyDescent="0.35">
      <c r="A62088" s="1" t="s">
        <v>51189</v>
      </c>
      <c r="B62088" s="1" t="s">
        <v>201495</v>
      </c>
      <c r="C62088" s="1" t="s">
        <v>75</v>
      </c>
      <c r="D62088" s="1" t="s">
        <v>202040</v>
      </c>
      <c r="E62088" s="1" t="s">
        <v>207712</v>
      </c>
      <c r="F62088" s="1" t="s">
        <v>207713</v>
      </c>
      <c r="G62088" s="1" t="s">
        <v>207673</v>
      </c>
      <c r="H62088" s="1" t="s">
        <v>207674</v>
      </c>
      <c r="I62088" s="1" t="s">
        <v>201500</v>
      </c>
      <c r="J62088" s="1" t="s">
        <v>207714</v>
      </c>
    </row>
    <row r="62089" spans="1:10" x14ac:dyDescent="0.35">
      <c r="A62089" s="1" t="s">
        <v>51189</v>
      </c>
      <c r="B62089" s="1" t="s">
        <v>201495</v>
      </c>
      <c r="C62089" s="1" t="s">
        <v>80</v>
      </c>
      <c r="D62089" s="1" t="s">
        <v>49771</v>
      </c>
      <c r="E62089" s="1" t="s">
        <v>207715</v>
      </c>
      <c r="F62089" s="1" t="s">
        <v>207716</v>
      </c>
      <c r="G62089" s="1" t="s">
        <v>207673</v>
      </c>
      <c r="H62089" s="1" t="s">
        <v>207674</v>
      </c>
      <c r="I62089" s="1" t="s">
        <v>201500</v>
      </c>
      <c r="J62089" s="1" t="s">
        <v>207717</v>
      </c>
    </row>
    <row r="62090" spans="1:10" x14ac:dyDescent="0.35">
      <c r="A62090" s="1" t="s">
        <v>51189</v>
      </c>
      <c r="B62090" s="1" t="s">
        <v>201495</v>
      </c>
      <c r="C62090" s="1" t="s">
        <v>85</v>
      </c>
      <c r="D62090" s="1" t="s">
        <v>207718</v>
      </c>
      <c r="E62090" s="1" t="s">
        <v>207719</v>
      </c>
      <c r="F62090" s="1" t="s">
        <v>207720</v>
      </c>
      <c r="G62090" s="1" t="s">
        <v>207673</v>
      </c>
      <c r="H62090" s="1" t="s">
        <v>207674</v>
      </c>
      <c r="I62090" s="1" t="s">
        <v>201500</v>
      </c>
      <c r="J62090" s="1" t="s">
        <v>207721</v>
      </c>
    </row>
    <row r="62091" spans="1:10" x14ac:dyDescent="0.35">
      <c r="A62091" s="1" t="s">
        <v>51189</v>
      </c>
      <c r="B62091" s="1" t="s">
        <v>201495</v>
      </c>
      <c r="C62091" s="1" t="s">
        <v>90</v>
      </c>
      <c r="D62091" s="1" t="s">
        <v>205015</v>
      </c>
      <c r="E62091" s="1" t="s">
        <v>207722</v>
      </c>
      <c r="F62091" s="1" t="s">
        <v>207723</v>
      </c>
      <c r="G62091" s="1" t="s">
        <v>207673</v>
      </c>
      <c r="H62091" s="1" t="s">
        <v>207674</v>
      </c>
      <c r="I62091" s="1" t="s">
        <v>201500</v>
      </c>
      <c r="J62091" s="1" t="s">
        <v>207724</v>
      </c>
    </row>
    <row r="62092" spans="1:10" x14ac:dyDescent="0.35">
      <c r="A62092" s="1" t="s">
        <v>51189</v>
      </c>
      <c r="B62092" s="1" t="s">
        <v>201495</v>
      </c>
      <c r="C62092" s="1" t="s">
        <v>95</v>
      </c>
      <c r="D62092" s="1" t="s">
        <v>50249</v>
      </c>
      <c r="E62092" s="1" t="s">
        <v>207725</v>
      </c>
      <c r="F62092" s="1" t="s">
        <v>207726</v>
      </c>
      <c r="G62092" s="1" t="s">
        <v>207673</v>
      </c>
      <c r="H62092" s="1" t="s">
        <v>207674</v>
      </c>
      <c r="I62092" s="1" t="s">
        <v>201500</v>
      </c>
      <c r="J62092" s="1" t="s">
        <v>207727</v>
      </c>
    </row>
    <row r="62093" spans="1:10" x14ac:dyDescent="0.35">
      <c r="A62093" s="1" t="s">
        <v>51189</v>
      </c>
      <c r="B62093" s="1" t="s">
        <v>201495</v>
      </c>
      <c r="C62093" s="1" t="s">
        <v>100</v>
      </c>
      <c r="D62093" s="1" t="s">
        <v>31112</v>
      </c>
      <c r="E62093" s="1" t="s">
        <v>207728</v>
      </c>
      <c r="F62093" s="1" t="s">
        <v>207729</v>
      </c>
      <c r="G62093" s="1" t="s">
        <v>207673</v>
      </c>
      <c r="H62093" s="1" t="s">
        <v>207674</v>
      </c>
      <c r="I62093" s="1" t="s">
        <v>201500</v>
      </c>
      <c r="J62093" s="1" t="s">
        <v>207730</v>
      </c>
    </row>
    <row r="62094" spans="1:10" x14ac:dyDescent="0.35">
      <c r="A62094" s="1" t="s">
        <v>51189</v>
      </c>
      <c r="B62094" s="1" t="s">
        <v>201495</v>
      </c>
      <c r="C62094" s="1" t="s">
        <v>105</v>
      </c>
      <c r="D62094" s="1" t="s">
        <v>33568</v>
      </c>
      <c r="E62094" s="1" t="s">
        <v>207731</v>
      </c>
      <c r="F62094" s="1" t="s">
        <v>207732</v>
      </c>
      <c r="G62094" s="1" t="s">
        <v>207673</v>
      </c>
      <c r="H62094" s="1" t="s">
        <v>207674</v>
      </c>
      <c r="I62094" s="1" t="s">
        <v>201500</v>
      </c>
      <c r="J62094" s="1" t="s">
        <v>207733</v>
      </c>
    </row>
    <row r="62095" spans="1:10" x14ac:dyDescent="0.35">
      <c r="A62095" s="1" t="s">
        <v>51189</v>
      </c>
      <c r="B62095" s="1" t="s">
        <v>201495</v>
      </c>
      <c r="C62095" s="1" t="s">
        <v>110</v>
      </c>
      <c r="D62095" s="1" t="s">
        <v>49060</v>
      </c>
      <c r="E62095" s="1" t="s">
        <v>207734</v>
      </c>
      <c r="F62095" s="1" t="s">
        <v>207735</v>
      </c>
      <c r="G62095" s="1" t="s">
        <v>207673</v>
      </c>
      <c r="H62095" s="1" t="s">
        <v>207674</v>
      </c>
      <c r="I62095" s="1" t="s">
        <v>201500</v>
      </c>
      <c r="J62095" s="1" t="s">
        <v>207736</v>
      </c>
    </row>
    <row r="62096" spans="1:10" x14ac:dyDescent="0.35">
      <c r="A62096" s="1" t="s">
        <v>51189</v>
      </c>
      <c r="B62096" s="1" t="s">
        <v>201495</v>
      </c>
      <c r="C62096" s="1" t="s">
        <v>115</v>
      </c>
      <c r="D62096" s="1" t="s">
        <v>148785</v>
      </c>
      <c r="E62096" s="1" t="s">
        <v>207737</v>
      </c>
      <c r="F62096" s="1" t="s">
        <v>207738</v>
      </c>
      <c r="G62096" s="1" t="s">
        <v>207673</v>
      </c>
      <c r="H62096" s="1" t="s">
        <v>207674</v>
      </c>
      <c r="I62096" s="1" t="s">
        <v>201500</v>
      </c>
      <c r="J62096" s="1" t="s">
        <v>207739</v>
      </c>
    </row>
    <row r="62097" spans="1:10" x14ac:dyDescent="0.35">
      <c r="A62097" s="1" t="s">
        <v>51189</v>
      </c>
      <c r="B62097" s="1" t="s">
        <v>201495</v>
      </c>
      <c r="C62097" s="1" t="s">
        <v>120</v>
      </c>
      <c r="D62097" s="1" t="s">
        <v>5171</v>
      </c>
      <c r="E62097" s="1" t="s">
        <v>207740</v>
      </c>
      <c r="F62097" s="1" t="s">
        <v>207741</v>
      </c>
      <c r="G62097" s="1" t="s">
        <v>207673</v>
      </c>
      <c r="H62097" s="1" t="s">
        <v>207674</v>
      </c>
      <c r="I62097" s="1" t="s">
        <v>201500</v>
      </c>
      <c r="J62097" s="1" t="s">
        <v>207742</v>
      </c>
    </row>
    <row r="62098" spans="1:10" x14ac:dyDescent="0.35">
      <c r="A62098" s="1" t="s">
        <v>51189</v>
      </c>
      <c r="B62098" s="1" t="s">
        <v>201495</v>
      </c>
      <c r="C62098" s="1" t="s">
        <v>125</v>
      </c>
      <c r="D62098" s="1" t="s">
        <v>207743</v>
      </c>
      <c r="E62098" s="1" t="s">
        <v>207744</v>
      </c>
      <c r="F62098" s="1" t="s">
        <v>207745</v>
      </c>
      <c r="G62098" s="1" t="s">
        <v>207673</v>
      </c>
      <c r="H62098" s="1" t="s">
        <v>207674</v>
      </c>
      <c r="I62098" s="1" t="s">
        <v>201500</v>
      </c>
      <c r="J62098" s="1" t="s">
        <v>207746</v>
      </c>
    </row>
    <row r="62099" spans="1:10" x14ac:dyDescent="0.35">
      <c r="A62099" s="1" t="s">
        <v>51189</v>
      </c>
      <c r="B62099" s="1" t="s">
        <v>201495</v>
      </c>
      <c r="C62099" s="1" t="s">
        <v>130</v>
      </c>
      <c r="D62099" s="1" t="s">
        <v>105158</v>
      </c>
      <c r="E62099" s="1" t="s">
        <v>207747</v>
      </c>
      <c r="F62099" s="1" t="s">
        <v>207748</v>
      </c>
      <c r="G62099" s="1" t="s">
        <v>207673</v>
      </c>
      <c r="H62099" s="1" t="s">
        <v>207674</v>
      </c>
      <c r="I62099" s="1" t="s">
        <v>201500</v>
      </c>
      <c r="J62099" s="1" t="s">
        <v>207749</v>
      </c>
    </row>
    <row r="62100" spans="1:10" x14ac:dyDescent="0.35">
      <c r="A62100" s="1" t="s">
        <v>51189</v>
      </c>
      <c r="B62100" s="1" t="s">
        <v>201495</v>
      </c>
      <c r="C62100" s="1" t="s">
        <v>135</v>
      </c>
      <c r="D62100" s="1" t="s">
        <v>197494</v>
      </c>
      <c r="E62100" s="1" t="s">
        <v>207750</v>
      </c>
      <c r="F62100" s="1" t="s">
        <v>207751</v>
      </c>
      <c r="G62100" s="1" t="s">
        <v>207673</v>
      </c>
      <c r="H62100" s="1" t="s">
        <v>207674</v>
      </c>
      <c r="I62100" s="1" t="s">
        <v>201500</v>
      </c>
      <c r="J62100" s="1" t="s">
        <v>207752</v>
      </c>
    </row>
    <row r="62101" spans="1:10" x14ac:dyDescent="0.35">
      <c r="A62101" s="1" t="s">
        <v>51189</v>
      </c>
      <c r="B62101" s="1" t="s">
        <v>201495</v>
      </c>
      <c r="C62101" s="1" t="s">
        <v>140</v>
      </c>
      <c r="D62101" s="1" t="s">
        <v>5135</v>
      </c>
      <c r="E62101" s="1" t="s">
        <v>207753</v>
      </c>
      <c r="F62101" s="1" t="s">
        <v>207754</v>
      </c>
      <c r="G62101" s="1" t="s">
        <v>207673</v>
      </c>
      <c r="H62101" s="1" t="s">
        <v>207674</v>
      </c>
      <c r="I62101" s="1" t="s">
        <v>201500</v>
      </c>
      <c r="J62101" s="1" t="s">
        <v>207755</v>
      </c>
    </row>
    <row r="62102" spans="1:10" x14ac:dyDescent="0.35">
      <c r="A62102" s="1" t="s">
        <v>51189</v>
      </c>
      <c r="B62102" s="1" t="s">
        <v>201495</v>
      </c>
      <c r="C62102" s="1" t="s">
        <v>145</v>
      </c>
      <c r="D62102" s="1" t="s">
        <v>156027</v>
      </c>
      <c r="E62102" s="1" t="s">
        <v>207756</v>
      </c>
      <c r="F62102" s="1" t="s">
        <v>207757</v>
      </c>
      <c r="G62102" s="1" t="s">
        <v>207673</v>
      </c>
      <c r="H62102" s="1" t="s">
        <v>207674</v>
      </c>
      <c r="I62102" s="1" t="s">
        <v>201500</v>
      </c>
      <c r="J62102" s="1" t="s">
        <v>207758</v>
      </c>
    </row>
    <row r="62103" spans="1:10" x14ac:dyDescent="0.35">
      <c r="A62103" s="1" t="s">
        <v>51189</v>
      </c>
      <c r="B62103" s="1" t="s">
        <v>201495</v>
      </c>
      <c r="C62103" s="1" t="s">
        <v>150</v>
      </c>
      <c r="D62103" s="1" t="s">
        <v>34946</v>
      </c>
      <c r="E62103" s="1" t="s">
        <v>207759</v>
      </c>
      <c r="F62103" s="1" t="s">
        <v>207760</v>
      </c>
      <c r="G62103" s="1" t="s">
        <v>207673</v>
      </c>
      <c r="H62103" s="1" t="s">
        <v>207674</v>
      </c>
      <c r="I62103" s="1" t="s">
        <v>201500</v>
      </c>
      <c r="J62103" s="1" t="s">
        <v>207761</v>
      </c>
    </row>
    <row r="62104" spans="1:10" x14ac:dyDescent="0.35">
      <c r="A62104" s="1" t="s">
        <v>51189</v>
      </c>
      <c r="B62104" s="1" t="s">
        <v>201495</v>
      </c>
      <c r="C62104" s="1" t="s">
        <v>155</v>
      </c>
      <c r="D62104" s="1" t="s">
        <v>207762</v>
      </c>
      <c r="E62104" s="1" t="s">
        <v>207763</v>
      </c>
      <c r="F62104" s="1" t="s">
        <v>207764</v>
      </c>
      <c r="G62104" s="1" t="s">
        <v>207673</v>
      </c>
      <c r="H62104" s="1" t="s">
        <v>207674</v>
      </c>
      <c r="I62104" s="1" t="s">
        <v>201500</v>
      </c>
      <c r="J62104" s="1" t="s">
        <v>207765</v>
      </c>
    </row>
    <row r="62105" spans="1:10" x14ac:dyDescent="0.35">
      <c r="A62105" s="1" t="s">
        <v>51189</v>
      </c>
      <c r="B62105" s="1" t="s">
        <v>201495</v>
      </c>
      <c r="C62105" s="1" t="s">
        <v>160</v>
      </c>
      <c r="D62105" s="1" t="s">
        <v>71111</v>
      </c>
      <c r="E62105" s="1" t="s">
        <v>207766</v>
      </c>
      <c r="F62105" s="1" t="s">
        <v>207767</v>
      </c>
      <c r="G62105" s="1" t="s">
        <v>207673</v>
      </c>
      <c r="H62105" s="1" t="s">
        <v>207674</v>
      </c>
      <c r="I62105" s="1" t="s">
        <v>201500</v>
      </c>
      <c r="J62105" s="1" t="s">
        <v>207768</v>
      </c>
    </row>
    <row r="62106" spans="1:10" x14ac:dyDescent="0.35">
      <c r="A62106" s="1" t="s">
        <v>51189</v>
      </c>
      <c r="B62106" s="1" t="s">
        <v>201495</v>
      </c>
      <c r="C62106" s="1" t="s">
        <v>165</v>
      </c>
      <c r="D62106" s="1" t="s">
        <v>46745</v>
      </c>
      <c r="E62106" s="1" t="s">
        <v>207769</v>
      </c>
      <c r="F62106" s="1" t="s">
        <v>207770</v>
      </c>
      <c r="G62106" s="1" t="s">
        <v>207673</v>
      </c>
      <c r="H62106" s="1" t="s">
        <v>207674</v>
      </c>
      <c r="I62106" s="1" t="s">
        <v>201500</v>
      </c>
      <c r="J62106" s="1" t="s">
        <v>207771</v>
      </c>
    </row>
    <row r="62107" spans="1:10" x14ac:dyDescent="0.35">
      <c r="A62107" s="1" t="s">
        <v>51189</v>
      </c>
      <c r="B62107" s="1" t="s">
        <v>201495</v>
      </c>
      <c r="C62107" s="1" t="s">
        <v>170</v>
      </c>
      <c r="D62107" s="1" t="s">
        <v>48614</v>
      </c>
      <c r="E62107" s="1" t="s">
        <v>207772</v>
      </c>
      <c r="F62107" s="1" t="s">
        <v>207773</v>
      </c>
      <c r="G62107" s="1" t="s">
        <v>207673</v>
      </c>
      <c r="H62107" s="1" t="s">
        <v>207674</v>
      </c>
      <c r="I62107" s="1" t="s">
        <v>201500</v>
      </c>
      <c r="J62107" s="1" t="s">
        <v>207774</v>
      </c>
    </row>
    <row r="62108" spans="1:10" x14ac:dyDescent="0.35">
      <c r="A62108" s="1" t="s">
        <v>15038</v>
      </c>
      <c r="B62108" s="1" t="s">
        <v>201495</v>
      </c>
      <c r="C62108" s="1" t="s">
        <v>8</v>
      </c>
      <c r="D62108" s="1" t="s">
        <v>5697</v>
      </c>
      <c r="E62108" s="1" t="s">
        <v>499</v>
      </c>
      <c r="F62108" s="1" t="s">
        <v>207775</v>
      </c>
      <c r="G62108" s="1" t="s">
        <v>207776</v>
      </c>
      <c r="H62108" s="1" t="s">
        <v>207777</v>
      </c>
      <c r="I62108" s="1" t="s">
        <v>201500</v>
      </c>
      <c r="J62108" s="1" t="s">
        <v>13</v>
      </c>
    </row>
    <row r="62109" spans="1:10" x14ac:dyDescent="0.35">
      <c r="A62109" s="1" t="s">
        <v>15038</v>
      </c>
      <c r="B62109" s="1" t="s">
        <v>201495</v>
      </c>
      <c r="C62109" s="1" t="s">
        <v>15</v>
      </c>
      <c r="D62109" s="1" t="s">
        <v>29893</v>
      </c>
      <c r="E62109" s="1" t="s">
        <v>207778</v>
      </c>
      <c r="F62109" s="1" t="s">
        <v>207779</v>
      </c>
      <c r="G62109" s="1" t="s">
        <v>207776</v>
      </c>
      <c r="H62109" s="1" t="s">
        <v>207777</v>
      </c>
      <c r="I62109" s="1" t="s">
        <v>201500</v>
      </c>
      <c r="J62109" s="1" t="s">
        <v>207780</v>
      </c>
    </row>
    <row r="62110" spans="1:10" x14ac:dyDescent="0.35">
      <c r="A62110" s="1" t="s">
        <v>15038</v>
      </c>
      <c r="B62110" s="1" t="s">
        <v>201495</v>
      </c>
      <c r="C62110" s="1" t="s">
        <v>20</v>
      </c>
      <c r="D62110" s="1" t="s">
        <v>29664</v>
      </c>
      <c r="E62110" s="1" t="s">
        <v>495</v>
      </c>
      <c r="F62110" s="1" t="s">
        <v>207781</v>
      </c>
      <c r="G62110" s="1" t="s">
        <v>207776</v>
      </c>
      <c r="H62110" s="1" t="s">
        <v>207777</v>
      </c>
      <c r="I62110" s="1" t="s">
        <v>201500</v>
      </c>
      <c r="J62110" s="1" t="s">
        <v>207782</v>
      </c>
    </row>
    <row r="62111" spans="1:10" x14ac:dyDescent="0.35">
      <c r="A62111" s="1" t="s">
        <v>15038</v>
      </c>
      <c r="B62111" s="1" t="s">
        <v>201495</v>
      </c>
      <c r="C62111" s="1" t="s">
        <v>25</v>
      </c>
      <c r="D62111" s="1" t="s">
        <v>25397</v>
      </c>
      <c r="E62111" s="1" t="s">
        <v>519</v>
      </c>
      <c r="F62111" s="1" t="s">
        <v>207783</v>
      </c>
      <c r="G62111" s="1" t="s">
        <v>207776</v>
      </c>
      <c r="H62111" s="1" t="s">
        <v>207777</v>
      </c>
      <c r="I62111" s="1" t="s">
        <v>201500</v>
      </c>
      <c r="J62111" s="1" t="s">
        <v>207784</v>
      </c>
    </row>
    <row r="62112" spans="1:10" x14ac:dyDescent="0.35">
      <c r="A62112" s="1" t="s">
        <v>15038</v>
      </c>
      <c r="B62112" s="1" t="s">
        <v>201495</v>
      </c>
      <c r="C62112" s="1" t="s">
        <v>30</v>
      </c>
      <c r="D62112" s="1" t="s">
        <v>29179</v>
      </c>
      <c r="E62112" s="1" t="s">
        <v>14818</v>
      </c>
      <c r="F62112" s="1" t="s">
        <v>207785</v>
      </c>
      <c r="G62112" s="1" t="s">
        <v>207776</v>
      </c>
      <c r="H62112" s="1" t="s">
        <v>207777</v>
      </c>
      <c r="I62112" s="1" t="s">
        <v>201500</v>
      </c>
      <c r="J62112" s="1" t="s">
        <v>207786</v>
      </c>
    </row>
    <row r="62113" spans="1:10" x14ac:dyDescent="0.35">
      <c r="A62113" s="1" t="s">
        <v>15038</v>
      </c>
      <c r="B62113" s="1" t="s">
        <v>201495</v>
      </c>
      <c r="C62113" s="1" t="s">
        <v>35</v>
      </c>
      <c r="D62113" s="1" t="s">
        <v>28259</v>
      </c>
      <c r="E62113" s="1" t="s">
        <v>207787</v>
      </c>
      <c r="F62113" s="1" t="s">
        <v>207788</v>
      </c>
      <c r="G62113" s="1" t="s">
        <v>207776</v>
      </c>
      <c r="H62113" s="1" t="s">
        <v>207777</v>
      </c>
      <c r="I62113" s="1" t="s">
        <v>201500</v>
      </c>
      <c r="J62113" s="1" t="s">
        <v>207789</v>
      </c>
    </row>
    <row r="62114" spans="1:10" x14ac:dyDescent="0.35">
      <c r="A62114" s="1" t="s">
        <v>15038</v>
      </c>
      <c r="B62114" s="1" t="s">
        <v>201495</v>
      </c>
      <c r="C62114" s="1" t="s">
        <v>40</v>
      </c>
      <c r="D62114" s="1" t="s">
        <v>27859</v>
      </c>
      <c r="E62114" s="1" t="s">
        <v>207790</v>
      </c>
      <c r="F62114" s="1" t="s">
        <v>207791</v>
      </c>
      <c r="G62114" s="1" t="s">
        <v>207776</v>
      </c>
      <c r="H62114" s="1" t="s">
        <v>207777</v>
      </c>
      <c r="I62114" s="1" t="s">
        <v>201500</v>
      </c>
      <c r="J62114" s="1" t="s">
        <v>207792</v>
      </c>
    </row>
    <row r="62115" spans="1:10" x14ac:dyDescent="0.35">
      <c r="A62115" s="1" t="s">
        <v>15038</v>
      </c>
      <c r="B62115" s="1" t="s">
        <v>201495</v>
      </c>
      <c r="C62115" s="1" t="s">
        <v>45</v>
      </c>
      <c r="D62115" s="1" t="s">
        <v>188167</v>
      </c>
      <c r="E62115" s="1" t="s">
        <v>160371</v>
      </c>
      <c r="F62115" s="1" t="s">
        <v>207793</v>
      </c>
      <c r="G62115" s="1" t="s">
        <v>207776</v>
      </c>
      <c r="H62115" s="1" t="s">
        <v>207777</v>
      </c>
      <c r="I62115" s="1" t="s">
        <v>201500</v>
      </c>
      <c r="J62115" s="1" t="s">
        <v>207794</v>
      </c>
    </row>
    <row r="62116" spans="1:10" x14ac:dyDescent="0.35">
      <c r="A62116" s="1" t="s">
        <v>15038</v>
      </c>
      <c r="B62116" s="1" t="s">
        <v>201495</v>
      </c>
      <c r="C62116" s="1" t="s">
        <v>50</v>
      </c>
      <c r="D62116" s="1" t="s">
        <v>156443</v>
      </c>
      <c r="E62116" s="1" t="s">
        <v>12739</v>
      </c>
      <c r="F62116" s="1" t="s">
        <v>207795</v>
      </c>
      <c r="G62116" s="1" t="s">
        <v>207776</v>
      </c>
      <c r="H62116" s="1" t="s">
        <v>207777</v>
      </c>
      <c r="I62116" s="1" t="s">
        <v>201500</v>
      </c>
      <c r="J62116" s="1" t="s">
        <v>207796</v>
      </c>
    </row>
    <row r="62117" spans="1:10" x14ac:dyDescent="0.35">
      <c r="A62117" s="1" t="s">
        <v>15038</v>
      </c>
      <c r="B62117" s="1" t="s">
        <v>201495</v>
      </c>
      <c r="C62117" s="1" t="s">
        <v>55</v>
      </c>
      <c r="D62117" s="1" t="s">
        <v>8303</v>
      </c>
      <c r="E62117" s="1" t="s">
        <v>3049</v>
      </c>
      <c r="F62117" s="1" t="s">
        <v>99994</v>
      </c>
      <c r="G62117" s="1" t="s">
        <v>207776</v>
      </c>
      <c r="H62117" s="1" t="s">
        <v>207777</v>
      </c>
      <c r="I62117" s="1" t="s">
        <v>201500</v>
      </c>
      <c r="J62117" s="1" t="s">
        <v>207797</v>
      </c>
    </row>
    <row r="62118" spans="1:10" x14ac:dyDescent="0.35">
      <c r="A62118" s="1" t="s">
        <v>15038</v>
      </c>
      <c r="B62118" s="1" t="s">
        <v>201495</v>
      </c>
      <c r="C62118" s="1" t="s">
        <v>60</v>
      </c>
      <c r="D62118" s="1" t="s">
        <v>10102</v>
      </c>
      <c r="E62118" s="1" t="s">
        <v>14769</v>
      </c>
      <c r="F62118" s="1" t="s">
        <v>207798</v>
      </c>
      <c r="G62118" s="1" t="s">
        <v>207776</v>
      </c>
      <c r="H62118" s="1" t="s">
        <v>207777</v>
      </c>
      <c r="I62118" s="1" t="s">
        <v>201500</v>
      </c>
      <c r="J62118" s="1" t="s">
        <v>207799</v>
      </c>
    </row>
    <row r="62119" spans="1:10" x14ac:dyDescent="0.35">
      <c r="A62119" s="1" t="s">
        <v>15038</v>
      </c>
      <c r="B62119" s="1" t="s">
        <v>201495</v>
      </c>
      <c r="C62119" s="1" t="s">
        <v>65</v>
      </c>
      <c r="D62119" s="1" t="s">
        <v>10278</v>
      </c>
      <c r="E62119" s="1" t="s">
        <v>13623</v>
      </c>
      <c r="F62119" s="1" t="s">
        <v>207800</v>
      </c>
      <c r="G62119" s="1" t="s">
        <v>207776</v>
      </c>
      <c r="H62119" s="1" t="s">
        <v>207777</v>
      </c>
      <c r="I62119" s="1" t="s">
        <v>201500</v>
      </c>
      <c r="J62119" s="1" t="s">
        <v>207801</v>
      </c>
    </row>
    <row r="62120" spans="1:10" x14ac:dyDescent="0.35">
      <c r="A62120" s="1" t="s">
        <v>15038</v>
      </c>
      <c r="B62120" s="1" t="s">
        <v>201495</v>
      </c>
      <c r="C62120" s="1" t="s">
        <v>70</v>
      </c>
      <c r="D62120" s="1" t="s">
        <v>27640</v>
      </c>
      <c r="E62120" s="1" t="s">
        <v>110895</v>
      </c>
      <c r="F62120" s="1" t="s">
        <v>207802</v>
      </c>
      <c r="G62120" s="1" t="s">
        <v>207776</v>
      </c>
      <c r="H62120" s="1" t="s">
        <v>207777</v>
      </c>
      <c r="I62120" s="1" t="s">
        <v>201500</v>
      </c>
      <c r="J62120" s="1" t="s">
        <v>207803</v>
      </c>
    </row>
    <row r="62121" spans="1:10" x14ac:dyDescent="0.35">
      <c r="A62121" s="1" t="s">
        <v>15038</v>
      </c>
      <c r="B62121" s="1" t="s">
        <v>201495</v>
      </c>
      <c r="C62121" s="1" t="s">
        <v>75</v>
      </c>
      <c r="D62121" s="1" t="s">
        <v>8321</v>
      </c>
      <c r="E62121" s="1" t="s">
        <v>111300</v>
      </c>
      <c r="F62121" s="1" t="s">
        <v>207804</v>
      </c>
      <c r="G62121" s="1" t="s">
        <v>207776</v>
      </c>
      <c r="H62121" s="1" t="s">
        <v>207777</v>
      </c>
      <c r="I62121" s="1" t="s">
        <v>201500</v>
      </c>
      <c r="J62121" s="1" t="s">
        <v>207805</v>
      </c>
    </row>
    <row r="62122" spans="1:10" x14ac:dyDescent="0.35">
      <c r="A62122" s="1" t="s">
        <v>15038</v>
      </c>
      <c r="B62122" s="1" t="s">
        <v>201495</v>
      </c>
      <c r="C62122" s="1" t="s">
        <v>80</v>
      </c>
      <c r="D62122" s="1" t="s">
        <v>10302</v>
      </c>
      <c r="E62122" s="1" t="s">
        <v>207806</v>
      </c>
      <c r="F62122" s="1" t="s">
        <v>207807</v>
      </c>
      <c r="G62122" s="1" t="s">
        <v>207776</v>
      </c>
      <c r="H62122" s="1" t="s">
        <v>207777</v>
      </c>
      <c r="I62122" s="1" t="s">
        <v>201500</v>
      </c>
      <c r="J62122" s="1" t="s">
        <v>207808</v>
      </c>
    </row>
    <row r="62123" spans="1:10" x14ac:dyDescent="0.35">
      <c r="A62123" s="1" t="s">
        <v>15038</v>
      </c>
      <c r="B62123" s="1" t="s">
        <v>201495</v>
      </c>
      <c r="C62123" s="1" t="s">
        <v>85</v>
      </c>
      <c r="D62123" s="1" t="s">
        <v>149231</v>
      </c>
      <c r="E62123" s="1" t="s">
        <v>207809</v>
      </c>
      <c r="F62123" s="1" t="s">
        <v>207810</v>
      </c>
      <c r="G62123" s="1" t="s">
        <v>207776</v>
      </c>
      <c r="H62123" s="1" t="s">
        <v>207777</v>
      </c>
      <c r="I62123" s="1" t="s">
        <v>201500</v>
      </c>
      <c r="J62123" s="1" t="s">
        <v>207811</v>
      </c>
    </row>
    <row r="62124" spans="1:10" x14ac:dyDescent="0.35">
      <c r="A62124" s="1" t="s">
        <v>15038</v>
      </c>
      <c r="B62124" s="1" t="s">
        <v>201495</v>
      </c>
      <c r="C62124" s="1" t="s">
        <v>90</v>
      </c>
      <c r="D62124" s="1" t="s">
        <v>8349</v>
      </c>
      <c r="E62124" s="1" t="s">
        <v>8011</v>
      </c>
      <c r="F62124" s="1" t="s">
        <v>207812</v>
      </c>
      <c r="G62124" s="1" t="s">
        <v>207776</v>
      </c>
      <c r="H62124" s="1" t="s">
        <v>207777</v>
      </c>
      <c r="I62124" s="1" t="s">
        <v>201500</v>
      </c>
      <c r="J62124" s="1" t="s">
        <v>207813</v>
      </c>
    </row>
    <row r="62125" spans="1:10" x14ac:dyDescent="0.35">
      <c r="A62125" s="1" t="s">
        <v>15038</v>
      </c>
      <c r="B62125" s="1" t="s">
        <v>201495</v>
      </c>
      <c r="C62125" s="1" t="s">
        <v>95</v>
      </c>
      <c r="D62125" s="1" t="s">
        <v>2853</v>
      </c>
      <c r="E62125" s="1" t="s">
        <v>8608</v>
      </c>
      <c r="F62125" s="1" t="s">
        <v>207814</v>
      </c>
      <c r="G62125" s="1" t="s">
        <v>207776</v>
      </c>
      <c r="H62125" s="1" t="s">
        <v>207777</v>
      </c>
      <c r="I62125" s="1" t="s">
        <v>201500</v>
      </c>
      <c r="J62125" s="1" t="s">
        <v>207815</v>
      </c>
    </row>
    <row r="62126" spans="1:10" x14ac:dyDescent="0.35">
      <c r="A62126" s="1" t="s">
        <v>15038</v>
      </c>
      <c r="B62126" s="1" t="s">
        <v>201495</v>
      </c>
      <c r="C62126" s="1" t="s">
        <v>100</v>
      </c>
      <c r="D62126" s="1" t="s">
        <v>9995</v>
      </c>
      <c r="E62126" s="1" t="s">
        <v>73098</v>
      </c>
      <c r="F62126" s="1" t="s">
        <v>207816</v>
      </c>
      <c r="G62126" s="1" t="s">
        <v>207776</v>
      </c>
      <c r="H62126" s="1" t="s">
        <v>207777</v>
      </c>
      <c r="I62126" s="1" t="s">
        <v>201500</v>
      </c>
      <c r="J62126" s="1" t="s">
        <v>207817</v>
      </c>
    </row>
    <row r="62127" spans="1:10" x14ac:dyDescent="0.35">
      <c r="A62127" s="1" t="s">
        <v>15038</v>
      </c>
      <c r="B62127" s="1" t="s">
        <v>201495</v>
      </c>
      <c r="C62127" s="1" t="s">
        <v>105</v>
      </c>
      <c r="D62127" s="1" t="s">
        <v>7499</v>
      </c>
      <c r="E62127" s="1" t="s">
        <v>159958</v>
      </c>
      <c r="F62127" s="1" t="s">
        <v>207818</v>
      </c>
      <c r="G62127" s="1" t="s">
        <v>207776</v>
      </c>
      <c r="H62127" s="1" t="s">
        <v>207777</v>
      </c>
      <c r="I62127" s="1" t="s">
        <v>201500</v>
      </c>
      <c r="J62127" s="1" t="s">
        <v>207819</v>
      </c>
    </row>
    <row r="62128" spans="1:10" x14ac:dyDescent="0.35">
      <c r="A62128" s="1" t="s">
        <v>15038</v>
      </c>
      <c r="B62128" s="1" t="s">
        <v>201495</v>
      </c>
      <c r="C62128" s="1" t="s">
        <v>110</v>
      </c>
      <c r="D62128" s="1" t="s">
        <v>167846</v>
      </c>
      <c r="E62128" s="1" t="s">
        <v>27464</v>
      </c>
      <c r="F62128" s="1" t="s">
        <v>133236</v>
      </c>
      <c r="G62128" s="1" t="s">
        <v>207776</v>
      </c>
      <c r="H62128" s="1" t="s">
        <v>207777</v>
      </c>
      <c r="I62128" s="1" t="s">
        <v>201500</v>
      </c>
      <c r="J62128" s="1" t="s">
        <v>207820</v>
      </c>
    </row>
    <row r="62129" spans="1:10" x14ac:dyDescent="0.35">
      <c r="A62129" s="1" t="s">
        <v>15038</v>
      </c>
      <c r="B62129" s="1" t="s">
        <v>201495</v>
      </c>
      <c r="C62129" s="1" t="s">
        <v>115</v>
      </c>
      <c r="D62129" s="1" t="s">
        <v>44788</v>
      </c>
      <c r="E62129" s="1" t="s">
        <v>207821</v>
      </c>
      <c r="F62129" s="1" t="s">
        <v>207822</v>
      </c>
      <c r="G62129" s="1" t="s">
        <v>207776</v>
      </c>
      <c r="H62129" s="1" t="s">
        <v>207777</v>
      </c>
      <c r="I62129" s="1" t="s">
        <v>201500</v>
      </c>
      <c r="J62129" s="1" t="s">
        <v>207823</v>
      </c>
    </row>
    <row r="62130" spans="1:10" x14ac:dyDescent="0.35">
      <c r="A62130" s="1" t="s">
        <v>15038</v>
      </c>
      <c r="B62130" s="1" t="s">
        <v>201495</v>
      </c>
      <c r="C62130" s="1" t="s">
        <v>120</v>
      </c>
      <c r="D62130" s="1" t="s">
        <v>157953</v>
      </c>
      <c r="E62130" s="1" t="s">
        <v>207824</v>
      </c>
      <c r="F62130" s="1" t="s">
        <v>207825</v>
      </c>
      <c r="G62130" s="1" t="s">
        <v>207776</v>
      </c>
      <c r="H62130" s="1" t="s">
        <v>207777</v>
      </c>
      <c r="I62130" s="1" t="s">
        <v>201500</v>
      </c>
      <c r="J62130" s="1" t="s">
        <v>207826</v>
      </c>
    </row>
    <row r="62131" spans="1:10" x14ac:dyDescent="0.35">
      <c r="A62131" s="1" t="s">
        <v>15038</v>
      </c>
      <c r="B62131" s="1" t="s">
        <v>201495</v>
      </c>
      <c r="C62131" s="1" t="s">
        <v>125</v>
      </c>
      <c r="D62131" s="1" t="s">
        <v>48290</v>
      </c>
      <c r="E62131" s="1" t="s">
        <v>7894</v>
      </c>
      <c r="F62131" s="1" t="s">
        <v>207827</v>
      </c>
      <c r="G62131" s="1" t="s">
        <v>207776</v>
      </c>
      <c r="H62131" s="1" t="s">
        <v>207777</v>
      </c>
      <c r="I62131" s="1" t="s">
        <v>201500</v>
      </c>
      <c r="J62131" s="1" t="s">
        <v>207828</v>
      </c>
    </row>
    <row r="62132" spans="1:10" x14ac:dyDescent="0.35">
      <c r="A62132" s="1" t="s">
        <v>15038</v>
      </c>
      <c r="B62132" s="1" t="s">
        <v>201495</v>
      </c>
      <c r="C62132" s="1" t="s">
        <v>130</v>
      </c>
      <c r="D62132" s="1" t="s">
        <v>207829</v>
      </c>
      <c r="E62132" s="1" t="s">
        <v>8592</v>
      </c>
      <c r="F62132" s="1" t="s">
        <v>207830</v>
      </c>
      <c r="G62132" s="1" t="s">
        <v>207776</v>
      </c>
      <c r="H62132" s="1" t="s">
        <v>207777</v>
      </c>
      <c r="I62132" s="1" t="s">
        <v>201500</v>
      </c>
      <c r="J62132" s="1" t="s">
        <v>207831</v>
      </c>
    </row>
    <row r="62133" spans="1:10" x14ac:dyDescent="0.35">
      <c r="A62133" s="1" t="s">
        <v>15038</v>
      </c>
      <c r="B62133" s="1" t="s">
        <v>201495</v>
      </c>
      <c r="C62133" s="1" t="s">
        <v>135</v>
      </c>
      <c r="D62133" s="1" t="s">
        <v>49396</v>
      </c>
      <c r="E62133" s="1" t="s">
        <v>8638</v>
      </c>
      <c r="F62133" s="1" t="s">
        <v>207832</v>
      </c>
      <c r="G62133" s="1" t="s">
        <v>207776</v>
      </c>
      <c r="H62133" s="1" t="s">
        <v>207777</v>
      </c>
      <c r="I62133" s="1" t="s">
        <v>201500</v>
      </c>
      <c r="J62133" s="1" t="s">
        <v>207833</v>
      </c>
    </row>
    <row r="62134" spans="1:10" x14ac:dyDescent="0.35">
      <c r="A62134" s="1" t="s">
        <v>15038</v>
      </c>
      <c r="B62134" s="1" t="s">
        <v>201495</v>
      </c>
      <c r="C62134" s="1" t="s">
        <v>140</v>
      </c>
      <c r="D62134" s="1" t="s">
        <v>117968</v>
      </c>
      <c r="E62134" s="1" t="s">
        <v>13693</v>
      </c>
      <c r="F62134" s="1" t="s">
        <v>207834</v>
      </c>
      <c r="G62134" s="1" t="s">
        <v>207776</v>
      </c>
      <c r="H62134" s="1" t="s">
        <v>207777</v>
      </c>
      <c r="I62134" s="1" t="s">
        <v>201500</v>
      </c>
      <c r="J62134" s="1" t="s">
        <v>207835</v>
      </c>
    </row>
    <row r="62135" spans="1:10" x14ac:dyDescent="0.35">
      <c r="A62135" s="1" t="s">
        <v>15038</v>
      </c>
      <c r="B62135" s="1" t="s">
        <v>201495</v>
      </c>
      <c r="C62135" s="1" t="s">
        <v>145</v>
      </c>
      <c r="D62135" s="1" t="s">
        <v>156210</v>
      </c>
      <c r="E62135" s="1" t="s">
        <v>159923</v>
      </c>
      <c r="F62135" s="1" t="s">
        <v>207836</v>
      </c>
      <c r="G62135" s="1" t="s">
        <v>207776</v>
      </c>
      <c r="H62135" s="1" t="s">
        <v>207777</v>
      </c>
      <c r="I62135" s="1" t="s">
        <v>201500</v>
      </c>
      <c r="J62135" s="1" t="s">
        <v>207837</v>
      </c>
    </row>
    <row r="62136" spans="1:10" x14ac:dyDescent="0.35">
      <c r="A62136" s="1" t="s">
        <v>15038</v>
      </c>
      <c r="B62136" s="1" t="s">
        <v>201495</v>
      </c>
      <c r="C62136" s="1" t="s">
        <v>150</v>
      </c>
      <c r="D62136" s="1" t="s">
        <v>144981</v>
      </c>
      <c r="E62136" s="1" t="s">
        <v>49027</v>
      </c>
      <c r="F62136" s="1" t="s">
        <v>207838</v>
      </c>
      <c r="G62136" s="1" t="s">
        <v>207776</v>
      </c>
      <c r="H62136" s="1" t="s">
        <v>207777</v>
      </c>
      <c r="I62136" s="1" t="s">
        <v>201500</v>
      </c>
      <c r="J62136" s="1" t="s">
        <v>207839</v>
      </c>
    </row>
    <row r="62137" spans="1:10" x14ac:dyDescent="0.35">
      <c r="A62137" s="1" t="s">
        <v>15038</v>
      </c>
      <c r="B62137" s="1" t="s">
        <v>201495</v>
      </c>
      <c r="C62137" s="1" t="s">
        <v>155</v>
      </c>
      <c r="D62137" s="1" t="s">
        <v>2327</v>
      </c>
      <c r="E62137" s="1" t="s">
        <v>111325</v>
      </c>
      <c r="F62137" s="1" t="s">
        <v>23295</v>
      </c>
      <c r="G62137" s="1" t="s">
        <v>207776</v>
      </c>
      <c r="H62137" s="1" t="s">
        <v>207777</v>
      </c>
      <c r="I62137" s="1" t="s">
        <v>201500</v>
      </c>
      <c r="J62137" s="1" t="s">
        <v>207840</v>
      </c>
    </row>
    <row r="62138" spans="1:10" x14ac:dyDescent="0.35">
      <c r="A62138" s="1" t="s">
        <v>15038</v>
      </c>
      <c r="B62138" s="1" t="s">
        <v>201495</v>
      </c>
      <c r="C62138" s="1" t="s">
        <v>160</v>
      </c>
      <c r="D62138" s="1" t="s">
        <v>151264</v>
      </c>
      <c r="E62138" s="1" t="s">
        <v>27464</v>
      </c>
      <c r="F62138" s="1" t="s">
        <v>207841</v>
      </c>
      <c r="G62138" s="1" t="s">
        <v>207776</v>
      </c>
      <c r="H62138" s="1" t="s">
        <v>207777</v>
      </c>
      <c r="I62138" s="1" t="s">
        <v>201500</v>
      </c>
      <c r="J62138" s="1" t="s">
        <v>207842</v>
      </c>
    </row>
    <row r="62139" spans="1:10" x14ac:dyDescent="0.35">
      <c r="A62139" s="1" t="s">
        <v>15038</v>
      </c>
      <c r="B62139" s="1" t="s">
        <v>201495</v>
      </c>
      <c r="C62139" s="1" t="s">
        <v>165</v>
      </c>
      <c r="D62139" s="1" t="s">
        <v>117053</v>
      </c>
      <c r="E62139" s="1" t="s">
        <v>12150</v>
      </c>
      <c r="F62139" s="1" t="s">
        <v>207843</v>
      </c>
      <c r="G62139" s="1" t="s">
        <v>207776</v>
      </c>
      <c r="H62139" s="1" t="s">
        <v>207777</v>
      </c>
      <c r="I62139" s="1" t="s">
        <v>201500</v>
      </c>
      <c r="J62139" s="1" t="s">
        <v>207844</v>
      </c>
    </row>
    <row r="62140" spans="1:10" x14ac:dyDescent="0.35">
      <c r="A62140" s="1" t="s">
        <v>15038</v>
      </c>
      <c r="B62140" s="1" t="s">
        <v>201495</v>
      </c>
      <c r="C62140" s="1" t="s">
        <v>170</v>
      </c>
      <c r="D62140" s="1" t="s">
        <v>202454</v>
      </c>
      <c r="E62140" s="1" t="s">
        <v>14756</v>
      </c>
      <c r="F62140" s="1" t="s">
        <v>207845</v>
      </c>
      <c r="G62140" s="1" t="s">
        <v>207776</v>
      </c>
      <c r="H62140" s="1" t="s">
        <v>207777</v>
      </c>
      <c r="I62140" s="1" t="s">
        <v>201500</v>
      </c>
      <c r="J62140" s="1" t="s">
        <v>207846</v>
      </c>
    </row>
    <row r="62141" spans="1:10" x14ac:dyDescent="0.35">
      <c r="A62141" s="1" t="s">
        <v>161441</v>
      </c>
      <c r="B62141" s="1" t="s">
        <v>207847</v>
      </c>
      <c r="C62141" s="1" t="s">
        <v>8</v>
      </c>
      <c r="D62141" s="1" t="s">
        <v>74920</v>
      </c>
      <c r="E62141" s="1" t="s">
        <v>207848</v>
      </c>
      <c r="F62141" s="1" t="s">
        <v>207849</v>
      </c>
      <c r="G62141" s="1" t="s">
        <v>207850</v>
      </c>
      <c r="H62141" s="1" t="s">
        <v>207851</v>
      </c>
      <c r="I62141" s="1" t="s">
        <v>207852</v>
      </c>
      <c r="J62141" s="1" t="s">
        <v>13</v>
      </c>
    </row>
    <row r="62142" spans="1:10" x14ac:dyDescent="0.35">
      <c r="A62142" s="1" t="s">
        <v>161441</v>
      </c>
      <c r="B62142" s="1" t="s">
        <v>207847</v>
      </c>
      <c r="C62142" s="1" t="s">
        <v>15</v>
      </c>
      <c r="D62142" s="1" t="s">
        <v>72333</v>
      </c>
      <c r="E62142" s="1" t="s">
        <v>207853</v>
      </c>
      <c r="F62142" s="1" t="s">
        <v>207854</v>
      </c>
      <c r="G62142" s="1" t="s">
        <v>207850</v>
      </c>
      <c r="H62142" s="1" t="s">
        <v>207851</v>
      </c>
      <c r="I62142" s="1" t="s">
        <v>207852</v>
      </c>
      <c r="J62142" s="1" t="s">
        <v>207855</v>
      </c>
    </row>
    <row r="62143" spans="1:10" x14ac:dyDescent="0.35">
      <c r="A62143" s="1" t="s">
        <v>161441</v>
      </c>
      <c r="B62143" s="1" t="s">
        <v>207847</v>
      </c>
      <c r="C62143" s="1" t="s">
        <v>20</v>
      </c>
      <c r="D62143" s="1" t="s">
        <v>207856</v>
      </c>
      <c r="E62143" s="1" t="s">
        <v>207857</v>
      </c>
      <c r="F62143" s="1" t="s">
        <v>207858</v>
      </c>
      <c r="G62143" s="1" t="s">
        <v>207850</v>
      </c>
      <c r="H62143" s="1" t="s">
        <v>207851</v>
      </c>
      <c r="I62143" s="1" t="s">
        <v>207852</v>
      </c>
      <c r="J62143" s="1" t="s">
        <v>207859</v>
      </c>
    </row>
    <row r="62144" spans="1:10" x14ac:dyDescent="0.35">
      <c r="A62144" s="1" t="s">
        <v>161441</v>
      </c>
      <c r="B62144" s="1" t="s">
        <v>207847</v>
      </c>
      <c r="C62144" s="1" t="s">
        <v>25</v>
      </c>
      <c r="D62144" s="1" t="s">
        <v>207860</v>
      </c>
      <c r="E62144" s="1" t="s">
        <v>207861</v>
      </c>
      <c r="F62144" s="1" t="s">
        <v>207862</v>
      </c>
      <c r="G62144" s="1" t="s">
        <v>207850</v>
      </c>
      <c r="H62144" s="1" t="s">
        <v>207851</v>
      </c>
      <c r="I62144" s="1" t="s">
        <v>207852</v>
      </c>
      <c r="J62144" s="1" t="s">
        <v>207863</v>
      </c>
    </row>
    <row r="62145" spans="1:10" x14ac:dyDescent="0.35">
      <c r="A62145" s="1" t="s">
        <v>161441</v>
      </c>
      <c r="B62145" s="1" t="s">
        <v>207847</v>
      </c>
      <c r="C62145" s="1" t="s">
        <v>30</v>
      </c>
      <c r="D62145" s="1" t="s">
        <v>74237</v>
      </c>
      <c r="E62145" s="1" t="s">
        <v>207864</v>
      </c>
      <c r="F62145" s="1" t="s">
        <v>207865</v>
      </c>
      <c r="G62145" s="1" t="s">
        <v>207850</v>
      </c>
      <c r="H62145" s="1" t="s">
        <v>207851</v>
      </c>
      <c r="I62145" s="1" t="s">
        <v>207852</v>
      </c>
      <c r="J62145" s="1" t="s">
        <v>207866</v>
      </c>
    </row>
    <row r="62146" spans="1:10" x14ac:dyDescent="0.35">
      <c r="A62146" s="1" t="s">
        <v>161441</v>
      </c>
      <c r="B62146" s="1" t="s">
        <v>207847</v>
      </c>
      <c r="C62146" s="1" t="s">
        <v>35</v>
      </c>
      <c r="D62146" s="1" t="s">
        <v>32983</v>
      </c>
      <c r="E62146" s="1" t="s">
        <v>207867</v>
      </c>
      <c r="F62146" s="1" t="s">
        <v>207868</v>
      </c>
      <c r="G62146" s="1" t="s">
        <v>207850</v>
      </c>
      <c r="H62146" s="1" t="s">
        <v>207851</v>
      </c>
      <c r="I62146" s="1" t="s">
        <v>207852</v>
      </c>
      <c r="J62146" s="1" t="s">
        <v>207869</v>
      </c>
    </row>
    <row r="62147" spans="1:10" x14ac:dyDescent="0.35">
      <c r="A62147" s="1" t="s">
        <v>161441</v>
      </c>
      <c r="B62147" s="1" t="s">
        <v>207847</v>
      </c>
      <c r="C62147" s="1" t="s">
        <v>40</v>
      </c>
      <c r="D62147" s="1" t="s">
        <v>194379</v>
      </c>
      <c r="E62147" s="1" t="s">
        <v>207870</v>
      </c>
      <c r="F62147" s="1" t="s">
        <v>207871</v>
      </c>
      <c r="G62147" s="1" t="s">
        <v>207850</v>
      </c>
      <c r="H62147" s="1" t="s">
        <v>207851</v>
      </c>
      <c r="I62147" s="1" t="s">
        <v>207852</v>
      </c>
      <c r="J62147" s="1" t="s">
        <v>207872</v>
      </c>
    </row>
    <row r="62148" spans="1:10" x14ac:dyDescent="0.35">
      <c r="A62148" s="1" t="s">
        <v>161441</v>
      </c>
      <c r="B62148" s="1" t="s">
        <v>207847</v>
      </c>
      <c r="C62148" s="1" t="s">
        <v>45</v>
      </c>
      <c r="D62148" s="1" t="s">
        <v>188562</v>
      </c>
      <c r="E62148" s="1" t="s">
        <v>207873</v>
      </c>
      <c r="F62148" s="1" t="s">
        <v>207874</v>
      </c>
      <c r="G62148" s="1" t="s">
        <v>207850</v>
      </c>
      <c r="H62148" s="1" t="s">
        <v>207851</v>
      </c>
      <c r="I62148" s="1" t="s">
        <v>207852</v>
      </c>
      <c r="J62148" s="1" t="s">
        <v>207875</v>
      </c>
    </row>
    <row r="62149" spans="1:10" x14ac:dyDescent="0.35">
      <c r="A62149" s="1" t="s">
        <v>161441</v>
      </c>
      <c r="B62149" s="1" t="s">
        <v>207847</v>
      </c>
      <c r="C62149" s="1" t="s">
        <v>50</v>
      </c>
      <c r="D62149" s="1" t="s">
        <v>32175</v>
      </c>
      <c r="E62149" s="1" t="s">
        <v>207876</v>
      </c>
      <c r="F62149" s="1" t="s">
        <v>207877</v>
      </c>
      <c r="G62149" s="1" t="s">
        <v>207850</v>
      </c>
      <c r="H62149" s="1" t="s">
        <v>207851</v>
      </c>
      <c r="I62149" s="1" t="s">
        <v>207852</v>
      </c>
      <c r="J62149" s="1" t="s">
        <v>207878</v>
      </c>
    </row>
    <row r="62150" spans="1:10" x14ac:dyDescent="0.35">
      <c r="A62150" s="1" t="s">
        <v>161441</v>
      </c>
      <c r="B62150" s="1" t="s">
        <v>207847</v>
      </c>
      <c r="C62150" s="1" t="s">
        <v>55</v>
      </c>
      <c r="D62150" s="1" t="s">
        <v>73041</v>
      </c>
      <c r="E62150" s="1" t="s">
        <v>207879</v>
      </c>
      <c r="F62150" s="1" t="s">
        <v>207880</v>
      </c>
      <c r="G62150" s="1" t="s">
        <v>207850</v>
      </c>
      <c r="H62150" s="1" t="s">
        <v>207851</v>
      </c>
      <c r="I62150" s="1" t="s">
        <v>207852</v>
      </c>
      <c r="J62150" s="1" t="s">
        <v>207881</v>
      </c>
    </row>
    <row r="62151" spans="1:10" x14ac:dyDescent="0.35">
      <c r="A62151" s="1" t="s">
        <v>161441</v>
      </c>
      <c r="B62151" s="1" t="s">
        <v>207847</v>
      </c>
      <c r="C62151" s="1" t="s">
        <v>60</v>
      </c>
      <c r="D62151" s="1" t="s">
        <v>207882</v>
      </c>
      <c r="E62151" s="1" t="s">
        <v>207883</v>
      </c>
      <c r="F62151" s="1" t="s">
        <v>106750</v>
      </c>
      <c r="G62151" s="1" t="s">
        <v>207850</v>
      </c>
      <c r="H62151" s="1" t="s">
        <v>207851</v>
      </c>
      <c r="I62151" s="1" t="s">
        <v>207852</v>
      </c>
      <c r="J62151" s="1" t="s">
        <v>207884</v>
      </c>
    </row>
    <row r="62152" spans="1:10" x14ac:dyDescent="0.35">
      <c r="A62152" s="1" t="s">
        <v>161441</v>
      </c>
      <c r="B62152" s="1" t="s">
        <v>207847</v>
      </c>
      <c r="C62152" s="1" t="s">
        <v>65</v>
      </c>
      <c r="D62152" s="1" t="s">
        <v>105173</v>
      </c>
      <c r="E62152" s="1" t="s">
        <v>207885</v>
      </c>
      <c r="F62152" s="1" t="s">
        <v>207886</v>
      </c>
      <c r="G62152" s="1" t="s">
        <v>207850</v>
      </c>
      <c r="H62152" s="1" t="s">
        <v>207851</v>
      </c>
      <c r="I62152" s="1" t="s">
        <v>207852</v>
      </c>
      <c r="J62152" s="1" t="s">
        <v>207887</v>
      </c>
    </row>
    <row r="62153" spans="1:10" x14ac:dyDescent="0.35">
      <c r="A62153" s="1" t="s">
        <v>161441</v>
      </c>
      <c r="B62153" s="1" t="s">
        <v>207847</v>
      </c>
      <c r="C62153" s="1" t="s">
        <v>70</v>
      </c>
      <c r="D62153" s="1" t="s">
        <v>45193</v>
      </c>
      <c r="E62153" s="1" t="s">
        <v>207888</v>
      </c>
      <c r="F62153" s="1" t="s">
        <v>207889</v>
      </c>
      <c r="G62153" s="1" t="s">
        <v>207850</v>
      </c>
      <c r="H62153" s="1" t="s">
        <v>207851</v>
      </c>
      <c r="I62153" s="1" t="s">
        <v>207852</v>
      </c>
      <c r="J62153" s="1" t="s">
        <v>207890</v>
      </c>
    </row>
    <row r="62154" spans="1:10" x14ac:dyDescent="0.35">
      <c r="A62154" s="1" t="s">
        <v>161441</v>
      </c>
      <c r="B62154" s="1" t="s">
        <v>207847</v>
      </c>
      <c r="C62154" s="1" t="s">
        <v>75</v>
      </c>
      <c r="D62154" s="1" t="s">
        <v>19848</v>
      </c>
      <c r="E62154" s="1" t="s">
        <v>207891</v>
      </c>
      <c r="F62154" s="1" t="s">
        <v>207892</v>
      </c>
      <c r="G62154" s="1" t="s">
        <v>207850</v>
      </c>
      <c r="H62154" s="1" t="s">
        <v>207851</v>
      </c>
      <c r="I62154" s="1" t="s">
        <v>207852</v>
      </c>
      <c r="J62154" s="1" t="s">
        <v>207893</v>
      </c>
    </row>
    <row r="62155" spans="1:10" x14ac:dyDescent="0.35">
      <c r="A62155" s="1" t="s">
        <v>161441</v>
      </c>
      <c r="B62155" s="1" t="s">
        <v>207847</v>
      </c>
      <c r="C62155" s="1" t="s">
        <v>80</v>
      </c>
      <c r="D62155" s="1" t="s">
        <v>48474</v>
      </c>
      <c r="E62155" s="1" t="s">
        <v>207894</v>
      </c>
      <c r="F62155" s="1" t="s">
        <v>207895</v>
      </c>
      <c r="G62155" s="1" t="s">
        <v>207850</v>
      </c>
      <c r="H62155" s="1" t="s">
        <v>207851</v>
      </c>
      <c r="I62155" s="1" t="s">
        <v>207852</v>
      </c>
      <c r="J62155" s="1" t="s">
        <v>207896</v>
      </c>
    </row>
    <row r="62156" spans="1:10" x14ac:dyDescent="0.35">
      <c r="A62156" s="1" t="s">
        <v>161441</v>
      </c>
      <c r="B62156" s="1" t="s">
        <v>207847</v>
      </c>
      <c r="C62156" s="1" t="s">
        <v>85</v>
      </c>
      <c r="D62156" s="1" t="s">
        <v>142023</v>
      </c>
      <c r="E62156" s="1" t="s">
        <v>207897</v>
      </c>
      <c r="F62156" s="1" t="s">
        <v>207898</v>
      </c>
      <c r="G62156" s="1" t="s">
        <v>207850</v>
      </c>
      <c r="H62156" s="1" t="s">
        <v>207851</v>
      </c>
      <c r="I62156" s="1" t="s">
        <v>207852</v>
      </c>
      <c r="J62156" s="1" t="s">
        <v>207899</v>
      </c>
    </row>
    <row r="62157" spans="1:10" x14ac:dyDescent="0.35">
      <c r="A62157" s="1" t="s">
        <v>161441</v>
      </c>
      <c r="B62157" s="1" t="s">
        <v>207847</v>
      </c>
      <c r="C62157" s="1" t="s">
        <v>90</v>
      </c>
      <c r="D62157" s="1" t="s">
        <v>207900</v>
      </c>
      <c r="E62157" s="1" t="s">
        <v>207901</v>
      </c>
      <c r="F62157" s="1" t="s">
        <v>207902</v>
      </c>
      <c r="G62157" s="1" t="s">
        <v>207850</v>
      </c>
      <c r="H62157" s="1" t="s">
        <v>207851</v>
      </c>
      <c r="I62157" s="1" t="s">
        <v>207852</v>
      </c>
      <c r="J62157" s="1" t="s">
        <v>207903</v>
      </c>
    </row>
    <row r="62158" spans="1:10" x14ac:dyDescent="0.35">
      <c r="A62158" s="1" t="s">
        <v>161441</v>
      </c>
      <c r="B62158" s="1" t="s">
        <v>207847</v>
      </c>
      <c r="C62158" s="1" t="s">
        <v>95</v>
      </c>
      <c r="D62158" s="1" t="s">
        <v>169021</v>
      </c>
      <c r="E62158" s="1" t="s">
        <v>207904</v>
      </c>
      <c r="F62158" s="1" t="s">
        <v>207905</v>
      </c>
      <c r="G62158" s="1" t="s">
        <v>207850</v>
      </c>
      <c r="H62158" s="1" t="s">
        <v>207851</v>
      </c>
      <c r="I62158" s="1" t="s">
        <v>207852</v>
      </c>
      <c r="J62158" s="1" t="s">
        <v>207906</v>
      </c>
    </row>
    <row r="62159" spans="1:10" x14ac:dyDescent="0.35">
      <c r="A62159" s="1" t="s">
        <v>161441</v>
      </c>
      <c r="B62159" s="1" t="s">
        <v>207847</v>
      </c>
      <c r="C62159" s="1" t="s">
        <v>100</v>
      </c>
      <c r="D62159" s="1" t="s">
        <v>114028</v>
      </c>
      <c r="E62159" s="1" t="s">
        <v>207907</v>
      </c>
      <c r="F62159" s="1" t="s">
        <v>207908</v>
      </c>
      <c r="G62159" s="1" t="s">
        <v>207850</v>
      </c>
      <c r="H62159" s="1" t="s">
        <v>207851</v>
      </c>
      <c r="I62159" s="1" t="s">
        <v>207852</v>
      </c>
      <c r="J62159" s="1" t="s">
        <v>207909</v>
      </c>
    </row>
    <row r="62160" spans="1:10" x14ac:dyDescent="0.35">
      <c r="A62160" s="1" t="s">
        <v>161441</v>
      </c>
      <c r="B62160" s="1" t="s">
        <v>207847</v>
      </c>
      <c r="C62160" s="1" t="s">
        <v>105</v>
      </c>
      <c r="D62160" s="1" t="s">
        <v>207910</v>
      </c>
      <c r="E62160" s="1" t="s">
        <v>207911</v>
      </c>
      <c r="F62160" s="1" t="s">
        <v>207912</v>
      </c>
      <c r="G62160" s="1" t="s">
        <v>207850</v>
      </c>
      <c r="H62160" s="1" t="s">
        <v>207851</v>
      </c>
      <c r="I62160" s="1" t="s">
        <v>207852</v>
      </c>
      <c r="J62160" s="1" t="s">
        <v>207913</v>
      </c>
    </row>
    <row r="62161" spans="1:10" x14ac:dyDescent="0.35">
      <c r="A62161" s="1" t="s">
        <v>161441</v>
      </c>
      <c r="B62161" s="1" t="s">
        <v>207847</v>
      </c>
      <c r="C62161" s="1" t="s">
        <v>110</v>
      </c>
      <c r="D62161" s="1" t="s">
        <v>46794</v>
      </c>
      <c r="E62161" s="1" t="s">
        <v>207914</v>
      </c>
      <c r="F62161" s="1" t="s">
        <v>207915</v>
      </c>
      <c r="G62161" s="1" t="s">
        <v>207850</v>
      </c>
      <c r="H62161" s="1" t="s">
        <v>207851</v>
      </c>
      <c r="I62161" s="1" t="s">
        <v>207852</v>
      </c>
      <c r="J62161" s="1" t="s">
        <v>207916</v>
      </c>
    </row>
    <row r="62162" spans="1:10" x14ac:dyDescent="0.35">
      <c r="A62162" s="1" t="s">
        <v>161441</v>
      </c>
      <c r="B62162" s="1" t="s">
        <v>207847</v>
      </c>
      <c r="C62162" s="1" t="s">
        <v>115</v>
      </c>
      <c r="D62162" s="1" t="s">
        <v>44116</v>
      </c>
      <c r="E62162" s="1" t="s">
        <v>207917</v>
      </c>
      <c r="F62162" s="1" t="s">
        <v>207918</v>
      </c>
      <c r="G62162" s="1" t="s">
        <v>207850</v>
      </c>
      <c r="H62162" s="1" t="s">
        <v>207851</v>
      </c>
      <c r="I62162" s="1" t="s">
        <v>207852</v>
      </c>
      <c r="J62162" s="1" t="s">
        <v>207919</v>
      </c>
    </row>
    <row r="62163" spans="1:10" x14ac:dyDescent="0.35">
      <c r="A62163" s="1" t="s">
        <v>161441</v>
      </c>
      <c r="B62163" s="1" t="s">
        <v>207847</v>
      </c>
      <c r="C62163" s="1" t="s">
        <v>120</v>
      </c>
      <c r="D62163" s="1" t="s">
        <v>151090</v>
      </c>
      <c r="E62163" s="1" t="s">
        <v>207920</v>
      </c>
      <c r="F62163" s="1" t="s">
        <v>207921</v>
      </c>
      <c r="G62163" s="1" t="s">
        <v>207850</v>
      </c>
      <c r="H62163" s="1" t="s">
        <v>207851</v>
      </c>
      <c r="I62163" s="1" t="s">
        <v>207852</v>
      </c>
      <c r="J62163" s="1" t="s">
        <v>207922</v>
      </c>
    </row>
    <row r="62164" spans="1:10" x14ac:dyDescent="0.35">
      <c r="A62164" s="1" t="s">
        <v>161441</v>
      </c>
      <c r="B62164" s="1" t="s">
        <v>207847</v>
      </c>
      <c r="C62164" s="1" t="s">
        <v>125</v>
      </c>
      <c r="D62164" s="1" t="s">
        <v>207923</v>
      </c>
      <c r="E62164" s="1" t="s">
        <v>207924</v>
      </c>
      <c r="F62164" s="1" t="s">
        <v>207925</v>
      </c>
      <c r="G62164" s="1" t="s">
        <v>207850</v>
      </c>
      <c r="H62164" s="1" t="s">
        <v>207851</v>
      </c>
      <c r="I62164" s="1" t="s">
        <v>207852</v>
      </c>
      <c r="J62164" s="1" t="s">
        <v>207926</v>
      </c>
    </row>
    <row r="62165" spans="1:10" x14ac:dyDescent="0.35">
      <c r="A62165" s="1" t="s">
        <v>161441</v>
      </c>
      <c r="B62165" s="1" t="s">
        <v>207847</v>
      </c>
      <c r="C62165" s="1" t="s">
        <v>130</v>
      </c>
      <c r="D62165" s="1" t="s">
        <v>207927</v>
      </c>
      <c r="E62165" s="1" t="s">
        <v>207928</v>
      </c>
      <c r="F62165" s="1" t="s">
        <v>207929</v>
      </c>
      <c r="G62165" s="1" t="s">
        <v>207850</v>
      </c>
      <c r="H62165" s="1" t="s">
        <v>207851</v>
      </c>
      <c r="I62165" s="1" t="s">
        <v>207852</v>
      </c>
      <c r="J62165" s="1" t="s">
        <v>207930</v>
      </c>
    </row>
    <row r="62166" spans="1:10" x14ac:dyDescent="0.35">
      <c r="A62166" s="1" t="s">
        <v>161441</v>
      </c>
      <c r="B62166" s="1" t="s">
        <v>207847</v>
      </c>
      <c r="C62166" s="1" t="s">
        <v>135</v>
      </c>
      <c r="D62166" s="1" t="s">
        <v>32739</v>
      </c>
      <c r="E62166" s="1" t="s">
        <v>207931</v>
      </c>
      <c r="F62166" s="1" t="s">
        <v>207932</v>
      </c>
      <c r="G62166" s="1" t="s">
        <v>207850</v>
      </c>
      <c r="H62166" s="1" t="s">
        <v>207851</v>
      </c>
      <c r="I62166" s="1" t="s">
        <v>207852</v>
      </c>
      <c r="J62166" s="1" t="s">
        <v>207933</v>
      </c>
    </row>
    <row r="62167" spans="1:10" x14ac:dyDescent="0.35">
      <c r="A62167" s="1" t="s">
        <v>161441</v>
      </c>
      <c r="B62167" s="1" t="s">
        <v>207847</v>
      </c>
      <c r="C62167" s="1" t="s">
        <v>140</v>
      </c>
      <c r="D62167" s="1" t="s">
        <v>43052</v>
      </c>
      <c r="E62167" s="1" t="s">
        <v>207934</v>
      </c>
      <c r="F62167" s="1" t="s">
        <v>207935</v>
      </c>
      <c r="G62167" s="1" t="s">
        <v>207850</v>
      </c>
      <c r="H62167" s="1" t="s">
        <v>207851</v>
      </c>
      <c r="I62167" s="1" t="s">
        <v>207852</v>
      </c>
      <c r="J62167" s="1" t="s">
        <v>207936</v>
      </c>
    </row>
    <row r="62168" spans="1:10" x14ac:dyDescent="0.35">
      <c r="A62168" s="1" t="s">
        <v>161441</v>
      </c>
      <c r="B62168" s="1" t="s">
        <v>207847</v>
      </c>
      <c r="C62168" s="1" t="s">
        <v>145</v>
      </c>
      <c r="D62168" s="1" t="s">
        <v>193004</v>
      </c>
      <c r="E62168" s="1" t="s">
        <v>207937</v>
      </c>
      <c r="F62168" s="1" t="s">
        <v>207938</v>
      </c>
      <c r="G62168" s="1" t="s">
        <v>207850</v>
      </c>
      <c r="H62168" s="1" t="s">
        <v>207851</v>
      </c>
      <c r="I62168" s="1" t="s">
        <v>207852</v>
      </c>
      <c r="J62168" s="1" t="s">
        <v>207939</v>
      </c>
    </row>
    <row r="62169" spans="1:10" x14ac:dyDescent="0.35">
      <c r="A62169" s="1" t="s">
        <v>161441</v>
      </c>
      <c r="B62169" s="1" t="s">
        <v>207847</v>
      </c>
      <c r="C62169" s="1" t="s">
        <v>150</v>
      </c>
      <c r="D62169" s="1" t="s">
        <v>207940</v>
      </c>
      <c r="E62169" s="1" t="s">
        <v>207941</v>
      </c>
      <c r="F62169" s="1" t="s">
        <v>207942</v>
      </c>
      <c r="G62169" s="1" t="s">
        <v>207850</v>
      </c>
      <c r="H62169" s="1" t="s">
        <v>207851</v>
      </c>
      <c r="I62169" s="1" t="s">
        <v>207852</v>
      </c>
      <c r="J62169" s="1" t="s">
        <v>207943</v>
      </c>
    </row>
    <row r="62170" spans="1:10" x14ac:dyDescent="0.35">
      <c r="A62170" s="1" t="s">
        <v>161441</v>
      </c>
      <c r="B62170" s="1" t="s">
        <v>207847</v>
      </c>
      <c r="C62170" s="1" t="s">
        <v>155</v>
      </c>
      <c r="D62170" s="1" t="s">
        <v>207944</v>
      </c>
      <c r="E62170" s="1" t="s">
        <v>207945</v>
      </c>
      <c r="F62170" s="1" t="s">
        <v>207946</v>
      </c>
      <c r="G62170" s="1" t="s">
        <v>207850</v>
      </c>
      <c r="H62170" s="1" t="s">
        <v>207851</v>
      </c>
      <c r="I62170" s="1" t="s">
        <v>207852</v>
      </c>
      <c r="J62170" s="1" t="s">
        <v>207947</v>
      </c>
    </row>
    <row r="62171" spans="1:10" x14ac:dyDescent="0.35">
      <c r="A62171" s="1" t="s">
        <v>161441</v>
      </c>
      <c r="B62171" s="1" t="s">
        <v>207847</v>
      </c>
      <c r="C62171" s="1" t="s">
        <v>160</v>
      </c>
      <c r="D62171" s="1" t="s">
        <v>207948</v>
      </c>
      <c r="E62171" s="1" t="s">
        <v>207949</v>
      </c>
      <c r="F62171" s="1" t="s">
        <v>207950</v>
      </c>
      <c r="G62171" s="1" t="s">
        <v>207850</v>
      </c>
      <c r="H62171" s="1" t="s">
        <v>207851</v>
      </c>
      <c r="I62171" s="1" t="s">
        <v>207852</v>
      </c>
      <c r="J62171" s="1" t="s">
        <v>105063</v>
      </c>
    </row>
    <row r="62172" spans="1:10" x14ac:dyDescent="0.35">
      <c r="A62172" s="1" t="s">
        <v>161441</v>
      </c>
      <c r="B62172" s="1" t="s">
        <v>207847</v>
      </c>
      <c r="C62172" s="1" t="s">
        <v>165</v>
      </c>
      <c r="D62172" s="1" t="s">
        <v>207951</v>
      </c>
      <c r="E62172" s="1" t="s">
        <v>207952</v>
      </c>
      <c r="F62172" s="1" t="s">
        <v>207953</v>
      </c>
      <c r="G62172" s="1" t="s">
        <v>207850</v>
      </c>
      <c r="H62172" s="1" t="s">
        <v>207851</v>
      </c>
      <c r="I62172" s="1" t="s">
        <v>207852</v>
      </c>
      <c r="J62172" s="1" t="s">
        <v>207954</v>
      </c>
    </row>
    <row r="62173" spans="1:10" x14ac:dyDescent="0.35">
      <c r="A62173" s="1" t="s">
        <v>161441</v>
      </c>
      <c r="B62173" s="1" t="s">
        <v>207847</v>
      </c>
      <c r="C62173" s="1" t="s">
        <v>170</v>
      </c>
      <c r="D62173" s="1" t="s">
        <v>107301</v>
      </c>
      <c r="E62173" s="1" t="s">
        <v>207955</v>
      </c>
      <c r="F62173" s="1" t="s">
        <v>207956</v>
      </c>
      <c r="G62173" s="1" t="s">
        <v>207850</v>
      </c>
      <c r="H62173" s="1" t="s">
        <v>207851</v>
      </c>
      <c r="I62173" s="1" t="s">
        <v>207852</v>
      </c>
      <c r="J62173" s="1" t="s">
        <v>207957</v>
      </c>
    </row>
    <row r="62174" spans="1:10" x14ac:dyDescent="0.35">
      <c r="A62174" s="1" t="s">
        <v>29564</v>
      </c>
      <c r="B62174" s="1" t="s">
        <v>207847</v>
      </c>
      <c r="C62174" s="1" t="s">
        <v>8</v>
      </c>
      <c r="D62174" s="1" t="s">
        <v>207958</v>
      </c>
      <c r="E62174" s="1" t="s">
        <v>207959</v>
      </c>
      <c r="F62174" s="1" t="s">
        <v>207960</v>
      </c>
      <c r="G62174" s="1" t="s">
        <v>207961</v>
      </c>
      <c r="H62174" s="1" t="s">
        <v>207962</v>
      </c>
      <c r="I62174" s="1" t="s">
        <v>207852</v>
      </c>
      <c r="J62174" s="1" t="s">
        <v>13</v>
      </c>
    </row>
    <row r="62175" spans="1:10" x14ac:dyDescent="0.35">
      <c r="A62175" s="1" t="s">
        <v>29564</v>
      </c>
      <c r="B62175" s="1" t="s">
        <v>207847</v>
      </c>
      <c r="C62175" s="1" t="s">
        <v>15</v>
      </c>
      <c r="D62175" s="1" t="s">
        <v>207963</v>
      </c>
      <c r="E62175" s="1" t="s">
        <v>207964</v>
      </c>
      <c r="F62175" s="1" t="s">
        <v>207965</v>
      </c>
      <c r="G62175" s="1" t="s">
        <v>207961</v>
      </c>
      <c r="H62175" s="1" t="s">
        <v>207962</v>
      </c>
      <c r="I62175" s="1" t="s">
        <v>207852</v>
      </c>
      <c r="J62175" s="1" t="s">
        <v>207966</v>
      </c>
    </row>
    <row r="62176" spans="1:10" x14ac:dyDescent="0.35">
      <c r="A62176" s="1" t="s">
        <v>29564</v>
      </c>
      <c r="B62176" s="1" t="s">
        <v>207847</v>
      </c>
      <c r="C62176" s="1" t="s">
        <v>20</v>
      </c>
      <c r="D62176" s="1" t="s">
        <v>48606</v>
      </c>
      <c r="E62176" s="1" t="s">
        <v>207967</v>
      </c>
      <c r="F62176" s="1" t="s">
        <v>207968</v>
      </c>
      <c r="G62176" s="1" t="s">
        <v>207961</v>
      </c>
      <c r="H62176" s="1" t="s">
        <v>207962</v>
      </c>
      <c r="I62176" s="1" t="s">
        <v>207852</v>
      </c>
      <c r="J62176" s="1" t="s">
        <v>207969</v>
      </c>
    </row>
    <row r="62177" spans="1:10" x14ac:dyDescent="0.35">
      <c r="A62177" s="1" t="s">
        <v>29564</v>
      </c>
      <c r="B62177" s="1" t="s">
        <v>207847</v>
      </c>
      <c r="C62177" s="1" t="s">
        <v>25</v>
      </c>
      <c r="D62177" s="1" t="s">
        <v>207970</v>
      </c>
      <c r="E62177" s="1" t="s">
        <v>207971</v>
      </c>
      <c r="F62177" s="1" t="s">
        <v>207972</v>
      </c>
      <c r="G62177" s="1" t="s">
        <v>207961</v>
      </c>
      <c r="H62177" s="1" t="s">
        <v>207962</v>
      </c>
      <c r="I62177" s="1" t="s">
        <v>207852</v>
      </c>
      <c r="J62177" s="1" t="s">
        <v>207973</v>
      </c>
    </row>
    <row r="62178" spans="1:10" x14ac:dyDescent="0.35">
      <c r="A62178" s="1" t="s">
        <v>29564</v>
      </c>
      <c r="B62178" s="1" t="s">
        <v>207847</v>
      </c>
      <c r="C62178" s="1" t="s">
        <v>30</v>
      </c>
      <c r="D62178" s="1" t="s">
        <v>181464</v>
      </c>
      <c r="E62178" s="1" t="s">
        <v>207974</v>
      </c>
      <c r="F62178" s="1" t="s">
        <v>207975</v>
      </c>
      <c r="G62178" s="1" t="s">
        <v>207961</v>
      </c>
      <c r="H62178" s="1" t="s">
        <v>207962</v>
      </c>
      <c r="I62178" s="1" t="s">
        <v>207852</v>
      </c>
      <c r="J62178" s="1" t="s">
        <v>207976</v>
      </c>
    </row>
    <row r="62179" spans="1:10" x14ac:dyDescent="0.35">
      <c r="A62179" s="1" t="s">
        <v>29564</v>
      </c>
      <c r="B62179" s="1" t="s">
        <v>207847</v>
      </c>
      <c r="C62179" s="1" t="s">
        <v>35</v>
      </c>
      <c r="D62179" s="1" t="s">
        <v>38806</v>
      </c>
      <c r="E62179" s="1" t="s">
        <v>207977</v>
      </c>
      <c r="F62179" s="1" t="s">
        <v>207978</v>
      </c>
      <c r="G62179" s="1" t="s">
        <v>207961</v>
      </c>
      <c r="H62179" s="1" t="s">
        <v>207962</v>
      </c>
      <c r="I62179" s="1" t="s">
        <v>207852</v>
      </c>
      <c r="J62179" s="1" t="s">
        <v>207979</v>
      </c>
    </row>
    <row r="62180" spans="1:10" x14ac:dyDescent="0.35">
      <c r="A62180" s="1" t="s">
        <v>29564</v>
      </c>
      <c r="B62180" s="1" t="s">
        <v>207847</v>
      </c>
      <c r="C62180" s="1" t="s">
        <v>40</v>
      </c>
      <c r="D62180" s="1" t="s">
        <v>9554</v>
      </c>
      <c r="E62180" s="1" t="s">
        <v>207980</v>
      </c>
      <c r="F62180" s="1" t="s">
        <v>207981</v>
      </c>
      <c r="G62180" s="1" t="s">
        <v>207961</v>
      </c>
      <c r="H62180" s="1" t="s">
        <v>207962</v>
      </c>
      <c r="I62180" s="1" t="s">
        <v>207852</v>
      </c>
      <c r="J62180" s="1" t="s">
        <v>207982</v>
      </c>
    </row>
    <row r="62181" spans="1:10" x14ac:dyDescent="0.35">
      <c r="A62181" s="1" t="s">
        <v>29564</v>
      </c>
      <c r="B62181" s="1" t="s">
        <v>207847</v>
      </c>
      <c r="C62181" s="1" t="s">
        <v>45</v>
      </c>
      <c r="D62181" s="1" t="s">
        <v>7112</v>
      </c>
      <c r="E62181" s="1" t="s">
        <v>207983</v>
      </c>
      <c r="F62181" s="1" t="s">
        <v>207984</v>
      </c>
      <c r="G62181" s="1" t="s">
        <v>207961</v>
      </c>
      <c r="H62181" s="1" t="s">
        <v>207962</v>
      </c>
      <c r="I62181" s="1" t="s">
        <v>207852</v>
      </c>
      <c r="J62181" s="1" t="s">
        <v>207985</v>
      </c>
    </row>
    <row r="62182" spans="1:10" x14ac:dyDescent="0.35">
      <c r="A62182" s="1" t="s">
        <v>29564</v>
      </c>
      <c r="B62182" s="1" t="s">
        <v>207847</v>
      </c>
      <c r="C62182" s="1" t="s">
        <v>50</v>
      </c>
      <c r="D62182" s="1" t="s">
        <v>207986</v>
      </c>
      <c r="E62182" s="1" t="s">
        <v>207987</v>
      </c>
      <c r="F62182" s="1" t="s">
        <v>207988</v>
      </c>
      <c r="G62182" s="1" t="s">
        <v>207961</v>
      </c>
      <c r="H62182" s="1" t="s">
        <v>207962</v>
      </c>
      <c r="I62182" s="1" t="s">
        <v>207852</v>
      </c>
      <c r="J62182" s="1" t="s">
        <v>207989</v>
      </c>
    </row>
    <row r="62183" spans="1:10" x14ac:dyDescent="0.35">
      <c r="A62183" s="1" t="s">
        <v>29564</v>
      </c>
      <c r="B62183" s="1" t="s">
        <v>207847</v>
      </c>
      <c r="C62183" s="1" t="s">
        <v>55</v>
      </c>
      <c r="D62183" s="1" t="s">
        <v>25297</v>
      </c>
      <c r="E62183" s="1" t="s">
        <v>207990</v>
      </c>
      <c r="F62183" s="1" t="s">
        <v>207991</v>
      </c>
      <c r="G62183" s="1" t="s">
        <v>207961</v>
      </c>
      <c r="H62183" s="1" t="s">
        <v>207962</v>
      </c>
      <c r="I62183" s="1" t="s">
        <v>207852</v>
      </c>
      <c r="J62183" s="1" t="s">
        <v>207992</v>
      </c>
    </row>
    <row r="62184" spans="1:10" x14ac:dyDescent="0.35">
      <c r="A62184" s="1" t="s">
        <v>29564</v>
      </c>
      <c r="B62184" s="1" t="s">
        <v>207847</v>
      </c>
      <c r="C62184" s="1" t="s">
        <v>60</v>
      </c>
      <c r="D62184" s="1" t="s">
        <v>104404</v>
      </c>
      <c r="E62184" s="1" t="s">
        <v>207993</v>
      </c>
      <c r="F62184" s="1" t="s">
        <v>207994</v>
      </c>
      <c r="G62184" s="1" t="s">
        <v>207961</v>
      </c>
      <c r="H62184" s="1" t="s">
        <v>207962</v>
      </c>
      <c r="I62184" s="1" t="s">
        <v>207852</v>
      </c>
      <c r="J62184" s="1" t="s">
        <v>207995</v>
      </c>
    </row>
    <row r="62185" spans="1:10" x14ac:dyDescent="0.35">
      <c r="A62185" s="1" t="s">
        <v>29564</v>
      </c>
      <c r="B62185" s="1" t="s">
        <v>207847</v>
      </c>
      <c r="C62185" s="1" t="s">
        <v>65</v>
      </c>
      <c r="D62185" s="1" t="s">
        <v>41998</v>
      </c>
      <c r="E62185" s="1" t="s">
        <v>207996</v>
      </c>
      <c r="F62185" s="1" t="s">
        <v>207997</v>
      </c>
      <c r="G62185" s="1" t="s">
        <v>207961</v>
      </c>
      <c r="H62185" s="1" t="s">
        <v>207962</v>
      </c>
      <c r="I62185" s="1" t="s">
        <v>207852</v>
      </c>
      <c r="J62185" s="1" t="s">
        <v>207998</v>
      </c>
    </row>
    <row r="62186" spans="1:10" x14ac:dyDescent="0.35">
      <c r="A62186" s="1" t="s">
        <v>29564</v>
      </c>
      <c r="B62186" s="1" t="s">
        <v>207847</v>
      </c>
      <c r="C62186" s="1" t="s">
        <v>70</v>
      </c>
      <c r="D62186" s="1" t="s">
        <v>188750</v>
      </c>
      <c r="E62186" s="1" t="s">
        <v>207999</v>
      </c>
      <c r="F62186" s="1" t="s">
        <v>208000</v>
      </c>
      <c r="G62186" s="1" t="s">
        <v>207961</v>
      </c>
      <c r="H62186" s="1" t="s">
        <v>207962</v>
      </c>
      <c r="I62186" s="1" t="s">
        <v>207852</v>
      </c>
      <c r="J62186" s="1" t="s">
        <v>208001</v>
      </c>
    </row>
    <row r="62187" spans="1:10" x14ac:dyDescent="0.35">
      <c r="A62187" s="1" t="s">
        <v>29564</v>
      </c>
      <c r="B62187" s="1" t="s">
        <v>207847</v>
      </c>
      <c r="C62187" s="1" t="s">
        <v>75</v>
      </c>
      <c r="D62187" s="1" t="s">
        <v>25746</v>
      </c>
      <c r="E62187" s="1" t="s">
        <v>208002</v>
      </c>
      <c r="F62187" s="1" t="s">
        <v>208003</v>
      </c>
      <c r="G62187" s="1" t="s">
        <v>207961</v>
      </c>
      <c r="H62187" s="1" t="s">
        <v>207962</v>
      </c>
      <c r="I62187" s="1" t="s">
        <v>207852</v>
      </c>
      <c r="J62187" s="1" t="s">
        <v>208004</v>
      </c>
    </row>
    <row r="62188" spans="1:10" x14ac:dyDescent="0.35">
      <c r="A62188" s="1" t="s">
        <v>29564</v>
      </c>
      <c r="B62188" s="1" t="s">
        <v>207847</v>
      </c>
      <c r="C62188" s="1" t="s">
        <v>80</v>
      </c>
      <c r="D62188" s="1" t="s">
        <v>35136</v>
      </c>
      <c r="E62188" s="1" t="s">
        <v>208005</v>
      </c>
      <c r="F62188" s="1" t="s">
        <v>208006</v>
      </c>
      <c r="G62188" s="1" t="s">
        <v>207961</v>
      </c>
      <c r="H62188" s="1" t="s">
        <v>207962</v>
      </c>
      <c r="I62188" s="1" t="s">
        <v>207852</v>
      </c>
      <c r="J62188" s="1" t="s">
        <v>208007</v>
      </c>
    </row>
    <row r="62189" spans="1:10" x14ac:dyDescent="0.35">
      <c r="A62189" s="1" t="s">
        <v>29564</v>
      </c>
      <c r="B62189" s="1" t="s">
        <v>207847</v>
      </c>
      <c r="C62189" s="1" t="s">
        <v>85</v>
      </c>
      <c r="D62189" s="1" t="s">
        <v>31979</v>
      </c>
      <c r="E62189" s="1" t="s">
        <v>208008</v>
      </c>
      <c r="F62189" s="1" t="s">
        <v>208009</v>
      </c>
      <c r="G62189" s="1" t="s">
        <v>207961</v>
      </c>
      <c r="H62189" s="1" t="s">
        <v>207962</v>
      </c>
      <c r="I62189" s="1" t="s">
        <v>207852</v>
      </c>
      <c r="J62189" s="1" t="s">
        <v>208010</v>
      </c>
    </row>
    <row r="62190" spans="1:10" x14ac:dyDescent="0.35">
      <c r="A62190" s="1" t="s">
        <v>29564</v>
      </c>
      <c r="B62190" s="1" t="s">
        <v>207847</v>
      </c>
      <c r="C62190" s="1" t="s">
        <v>90</v>
      </c>
      <c r="D62190" s="1" t="s">
        <v>36108</v>
      </c>
      <c r="E62190" s="1" t="s">
        <v>208011</v>
      </c>
      <c r="F62190" s="1" t="s">
        <v>208012</v>
      </c>
      <c r="G62190" s="1" t="s">
        <v>207961</v>
      </c>
      <c r="H62190" s="1" t="s">
        <v>207962</v>
      </c>
      <c r="I62190" s="1" t="s">
        <v>207852</v>
      </c>
      <c r="J62190" s="1" t="s">
        <v>208013</v>
      </c>
    </row>
    <row r="62191" spans="1:10" x14ac:dyDescent="0.35">
      <c r="A62191" s="1" t="s">
        <v>29564</v>
      </c>
      <c r="B62191" s="1" t="s">
        <v>207847</v>
      </c>
      <c r="C62191" s="1" t="s">
        <v>95</v>
      </c>
      <c r="D62191" s="1" t="s">
        <v>46768</v>
      </c>
      <c r="E62191" s="1" t="s">
        <v>208014</v>
      </c>
      <c r="F62191" s="1" t="s">
        <v>208015</v>
      </c>
      <c r="G62191" s="1" t="s">
        <v>207961</v>
      </c>
      <c r="H62191" s="1" t="s">
        <v>207962</v>
      </c>
      <c r="I62191" s="1" t="s">
        <v>207852</v>
      </c>
      <c r="J62191" s="1" t="s">
        <v>208016</v>
      </c>
    </row>
    <row r="62192" spans="1:10" x14ac:dyDescent="0.35">
      <c r="A62192" s="1" t="s">
        <v>29564</v>
      </c>
      <c r="B62192" s="1" t="s">
        <v>207847</v>
      </c>
      <c r="C62192" s="1" t="s">
        <v>100</v>
      </c>
      <c r="D62192" s="1" t="s">
        <v>135345</v>
      </c>
      <c r="E62192" s="1" t="s">
        <v>208017</v>
      </c>
      <c r="F62192" s="1" t="s">
        <v>208018</v>
      </c>
      <c r="G62192" s="1" t="s">
        <v>207961</v>
      </c>
      <c r="H62192" s="1" t="s">
        <v>207962</v>
      </c>
      <c r="I62192" s="1" t="s">
        <v>207852</v>
      </c>
      <c r="J62192" s="1" t="s">
        <v>208019</v>
      </c>
    </row>
    <row r="62193" spans="1:10" x14ac:dyDescent="0.35">
      <c r="A62193" s="1" t="s">
        <v>29564</v>
      </c>
      <c r="B62193" s="1" t="s">
        <v>207847</v>
      </c>
      <c r="C62193" s="1" t="s">
        <v>105</v>
      </c>
      <c r="D62193" s="1" t="s">
        <v>36</v>
      </c>
      <c r="E62193" s="1" t="s">
        <v>208020</v>
      </c>
      <c r="F62193" s="1" t="s">
        <v>208021</v>
      </c>
      <c r="G62193" s="1" t="s">
        <v>207961</v>
      </c>
      <c r="H62193" s="1" t="s">
        <v>207962</v>
      </c>
      <c r="I62193" s="1" t="s">
        <v>207852</v>
      </c>
      <c r="J62193" s="1" t="s">
        <v>208022</v>
      </c>
    </row>
    <row r="62194" spans="1:10" x14ac:dyDescent="0.35">
      <c r="A62194" s="1" t="s">
        <v>29564</v>
      </c>
      <c r="B62194" s="1" t="s">
        <v>207847</v>
      </c>
      <c r="C62194" s="1" t="s">
        <v>110</v>
      </c>
      <c r="D62194" s="1" t="s">
        <v>208023</v>
      </c>
      <c r="E62194" s="1" t="s">
        <v>208024</v>
      </c>
      <c r="F62194" s="1" t="s">
        <v>208025</v>
      </c>
      <c r="G62194" s="1" t="s">
        <v>207961</v>
      </c>
      <c r="H62194" s="1" t="s">
        <v>207962</v>
      </c>
      <c r="I62194" s="1" t="s">
        <v>207852</v>
      </c>
      <c r="J62194" s="1" t="s">
        <v>208026</v>
      </c>
    </row>
    <row r="62195" spans="1:10" x14ac:dyDescent="0.35">
      <c r="A62195" s="1" t="s">
        <v>29564</v>
      </c>
      <c r="B62195" s="1" t="s">
        <v>207847</v>
      </c>
      <c r="C62195" s="1" t="s">
        <v>115</v>
      </c>
      <c r="D62195" s="1" t="s">
        <v>194839</v>
      </c>
      <c r="E62195" s="1" t="s">
        <v>208027</v>
      </c>
      <c r="F62195" s="1" t="s">
        <v>208028</v>
      </c>
      <c r="G62195" s="1" t="s">
        <v>207961</v>
      </c>
      <c r="H62195" s="1" t="s">
        <v>207962</v>
      </c>
      <c r="I62195" s="1" t="s">
        <v>207852</v>
      </c>
      <c r="J62195" s="1" t="s">
        <v>208029</v>
      </c>
    </row>
    <row r="62196" spans="1:10" x14ac:dyDescent="0.35">
      <c r="A62196" s="1" t="s">
        <v>29564</v>
      </c>
      <c r="B62196" s="1" t="s">
        <v>207847</v>
      </c>
      <c r="C62196" s="1" t="s">
        <v>120</v>
      </c>
      <c r="D62196" s="1" t="s">
        <v>35942</v>
      </c>
      <c r="E62196" s="1" t="s">
        <v>208030</v>
      </c>
      <c r="F62196" s="1" t="s">
        <v>208031</v>
      </c>
      <c r="G62196" s="1" t="s">
        <v>207961</v>
      </c>
      <c r="H62196" s="1" t="s">
        <v>207962</v>
      </c>
      <c r="I62196" s="1" t="s">
        <v>207852</v>
      </c>
      <c r="J62196" s="1" t="s">
        <v>208032</v>
      </c>
    </row>
    <row r="62197" spans="1:10" x14ac:dyDescent="0.35">
      <c r="A62197" s="1" t="s">
        <v>29564</v>
      </c>
      <c r="B62197" s="1" t="s">
        <v>207847</v>
      </c>
      <c r="C62197" s="1" t="s">
        <v>125</v>
      </c>
      <c r="D62197" s="1" t="s">
        <v>44729</v>
      </c>
      <c r="E62197" s="1" t="s">
        <v>208033</v>
      </c>
      <c r="F62197" s="1" t="s">
        <v>208034</v>
      </c>
      <c r="G62197" s="1" t="s">
        <v>207961</v>
      </c>
      <c r="H62197" s="1" t="s">
        <v>207962</v>
      </c>
      <c r="I62197" s="1" t="s">
        <v>207852</v>
      </c>
      <c r="J62197" s="1" t="s">
        <v>208035</v>
      </c>
    </row>
    <row r="62198" spans="1:10" x14ac:dyDescent="0.35">
      <c r="A62198" s="1" t="s">
        <v>29564</v>
      </c>
      <c r="B62198" s="1" t="s">
        <v>207847</v>
      </c>
      <c r="C62198" s="1" t="s">
        <v>130</v>
      </c>
      <c r="D62198" s="1" t="s">
        <v>194314</v>
      </c>
      <c r="E62198" s="1" t="s">
        <v>208036</v>
      </c>
      <c r="F62198" s="1" t="s">
        <v>208037</v>
      </c>
      <c r="G62198" s="1" t="s">
        <v>207961</v>
      </c>
      <c r="H62198" s="1" t="s">
        <v>207962</v>
      </c>
      <c r="I62198" s="1" t="s">
        <v>207852</v>
      </c>
      <c r="J62198" s="1" t="s">
        <v>208038</v>
      </c>
    </row>
    <row r="62199" spans="1:10" x14ac:dyDescent="0.35">
      <c r="A62199" s="1" t="s">
        <v>29564</v>
      </c>
      <c r="B62199" s="1" t="s">
        <v>207847</v>
      </c>
      <c r="C62199" s="1" t="s">
        <v>135</v>
      </c>
      <c r="D62199" s="1" t="s">
        <v>8842</v>
      </c>
      <c r="E62199" s="1" t="s">
        <v>208039</v>
      </c>
      <c r="F62199" s="1" t="s">
        <v>208040</v>
      </c>
      <c r="G62199" s="1" t="s">
        <v>207961</v>
      </c>
      <c r="H62199" s="1" t="s">
        <v>207962</v>
      </c>
      <c r="I62199" s="1" t="s">
        <v>207852</v>
      </c>
      <c r="J62199" s="1" t="s">
        <v>208041</v>
      </c>
    </row>
    <row r="62200" spans="1:10" x14ac:dyDescent="0.35">
      <c r="A62200" s="1" t="s">
        <v>29564</v>
      </c>
      <c r="B62200" s="1" t="s">
        <v>207847</v>
      </c>
      <c r="C62200" s="1" t="s">
        <v>140</v>
      </c>
      <c r="D62200" s="1" t="s">
        <v>82209</v>
      </c>
      <c r="E62200" s="1" t="s">
        <v>208042</v>
      </c>
      <c r="F62200" s="1" t="s">
        <v>208043</v>
      </c>
      <c r="G62200" s="1" t="s">
        <v>207961</v>
      </c>
      <c r="H62200" s="1" t="s">
        <v>207962</v>
      </c>
      <c r="I62200" s="1" t="s">
        <v>207852</v>
      </c>
      <c r="J62200" s="1" t="s">
        <v>208044</v>
      </c>
    </row>
    <row r="62201" spans="1:10" x14ac:dyDescent="0.35">
      <c r="A62201" s="1" t="s">
        <v>29564</v>
      </c>
      <c r="B62201" s="1" t="s">
        <v>207847</v>
      </c>
      <c r="C62201" s="1" t="s">
        <v>145</v>
      </c>
      <c r="D62201" s="1" t="s">
        <v>44213</v>
      </c>
      <c r="E62201" s="1" t="s">
        <v>208045</v>
      </c>
      <c r="F62201" s="1" t="s">
        <v>208046</v>
      </c>
      <c r="G62201" s="1" t="s">
        <v>207961</v>
      </c>
      <c r="H62201" s="1" t="s">
        <v>207962</v>
      </c>
      <c r="I62201" s="1" t="s">
        <v>207852</v>
      </c>
      <c r="J62201" s="1" t="s">
        <v>208047</v>
      </c>
    </row>
    <row r="62202" spans="1:10" x14ac:dyDescent="0.35">
      <c r="A62202" s="1" t="s">
        <v>29564</v>
      </c>
      <c r="B62202" s="1" t="s">
        <v>207847</v>
      </c>
      <c r="C62202" s="1" t="s">
        <v>150</v>
      </c>
      <c r="D62202" s="1" t="s">
        <v>153068</v>
      </c>
      <c r="E62202" s="1" t="s">
        <v>208048</v>
      </c>
      <c r="F62202" s="1" t="s">
        <v>208049</v>
      </c>
      <c r="G62202" s="1" t="s">
        <v>207961</v>
      </c>
      <c r="H62202" s="1" t="s">
        <v>207962</v>
      </c>
      <c r="I62202" s="1" t="s">
        <v>207852</v>
      </c>
      <c r="J62202" s="1" t="s">
        <v>208050</v>
      </c>
    </row>
    <row r="62203" spans="1:10" x14ac:dyDescent="0.35">
      <c r="A62203" s="1" t="s">
        <v>29564</v>
      </c>
      <c r="B62203" s="1" t="s">
        <v>207847</v>
      </c>
      <c r="C62203" s="1" t="s">
        <v>155</v>
      </c>
      <c r="D62203" s="1" t="s">
        <v>37142</v>
      </c>
      <c r="E62203" s="1" t="s">
        <v>208051</v>
      </c>
      <c r="F62203" s="1" t="s">
        <v>208052</v>
      </c>
      <c r="G62203" s="1" t="s">
        <v>207961</v>
      </c>
      <c r="H62203" s="1" t="s">
        <v>207962</v>
      </c>
      <c r="I62203" s="1" t="s">
        <v>207852</v>
      </c>
      <c r="J62203" s="1" t="s">
        <v>208053</v>
      </c>
    </row>
    <row r="62204" spans="1:10" x14ac:dyDescent="0.35">
      <c r="A62204" s="1" t="s">
        <v>29564</v>
      </c>
      <c r="B62204" s="1" t="s">
        <v>207847</v>
      </c>
      <c r="C62204" s="1" t="s">
        <v>160</v>
      </c>
      <c r="D62204" s="1" t="s">
        <v>125343</v>
      </c>
      <c r="E62204" s="1" t="s">
        <v>208054</v>
      </c>
      <c r="F62204" s="1" t="s">
        <v>208055</v>
      </c>
      <c r="G62204" s="1" t="s">
        <v>207961</v>
      </c>
      <c r="H62204" s="1" t="s">
        <v>207962</v>
      </c>
      <c r="I62204" s="1" t="s">
        <v>207852</v>
      </c>
      <c r="J62204" s="1" t="s">
        <v>208056</v>
      </c>
    </row>
    <row r="62205" spans="1:10" x14ac:dyDescent="0.35">
      <c r="A62205" s="1" t="s">
        <v>29564</v>
      </c>
      <c r="B62205" s="1" t="s">
        <v>207847</v>
      </c>
      <c r="C62205" s="1" t="s">
        <v>165</v>
      </c>
      <c r="D62205" s="1" t="s">
        <v>48010</v>
      </c>
      <c r="E62205" s="1" t="s">
        <v>208057</v>
      </c>
      <c r="F62205" s="1" t="s">
        <v>208058</v>
      </c>
      <c r="G62205" s="1" t="s">
        <v>207961</v>
      </c>
      <c r="H62205" s="1" t="s">
        <v>207962</v>
      </c>
      <c r="I62205" s="1" t="s">
        <v>207852</v>
      </c>
      <c r="J62205" s="1" t="s">
        <v>208059</v>
      </c>
    </row>
    <row r="62206" spans="1:10" x14ac:dyDescent="0.35">
      <c r="A62206" s="1" t="s">
        <v>29564</v>
      </c>
      <c r="B62206" s="1" t="s">
        <v>207847</v>
      </c>
      <c r="C62206" s="1" t="s">
        <v>170</v>
      </c>
      <c r="D62206" s="1" t="s">
        <v>208060</v>
      </c>
      <c r="E62206" s="1" t="s">
        <v>208061</v>
      </c>
      <c r="F62206" s="1" t="s">
        <v>208062</v>
      </c>
      <c r="G62206" s="1" t="s">
        <v>207961</v>
      </c>
      <c r="H62206" s="1" t="s">
        <v>207962</v>
      </c>
      <c r="I62206" s="1" t="s">
        <v>207852</v>
      </c>
      <c r="J62206" s="1" t="s">
        <v>208063</v>
      </c>
    </row>
    <row r="62207" spans="1:10" x14ac:dyDescent="0.35">
      <c r="A62207" s="1" t="s">
        <v>4026</v>
      </c>
      <c r="B62207" s="1" t="s">
        <v>207847</v>
      </c>
      <c r="C62207" s="1" t="s">
        <v>8</v>
      </c>
      <c r="D62207" s="1" t="s">
        <v>14271</v>
      </c>
      <c r="E62207" s="1" t="s">
        <v>208064</v>
      </c>
      <c r="F62207" s="1" t="s">
        <v>208065</v>
      </c>
      <c r="G62207" s="1" t="s">
        <v>208066</v>
      </c>
      <c r="H62207" s="1" t="s">
        <v>208067</v>
      </c>
      <c r="I62207" s="1" t="s">
        <v>207852</v>
      </c>
      <c r="J62207" s="1" t="s">
        <v>13</v>
      </c>
    </row>
    <row r="62208" spans="1:10" x14ac:dyDescent="0.35">
      <c r="A62208" s="1" t="s">
        <v>4026</v>
      </c>
      <c r="B62208" s="1" t="s">
        <v>207847</v>
      </c>
      <c r="C62208" s="1" t="s">
        <v>15</v>
      </c>
      <c r="D62208" s="1" t="s">
        <v>125010</v>
      </c>
      <c r="E62208" s="1" t="s">
        <v>208068</v>
      </c>
      <c r="F62208" s="1" t="s">
        <v>208069</v>
      </c>
      <c r="G62208" s="1" t="s">
        <v>208066</v>
      </c>
      <c r="H62208" s="1" t="s">
        <v>208067</v>
      </c>
      <c r="I62208" s="1" t="s">
        <v>207852</v>
      </c>
      <c r="J62208" s="1" t="s">
        <v>208070</v>
      </c>
    </row>
    <row r="62209" spans="1:10" x14ac:dyDescent="0.35">
      <c r="A62209" s="1" t="s">
        <v>4026</v>
      </c>
      <c r="B62209" s="1" t="s">
        <v>207847</v>
      </c>
      <c r="C62209" s="1" t="s">
        <v>20</v>
      </c>
      <c r="D62209" s="1" t="s">
        <v>208071</v>
      </c>
      <c r="E62209" s="1" t="s">
        <v>208072</v>
      </c>
      <c r="F62209" s="1" t="s">
        <v>208073</v>
      </c>
      <c r="G62209" s="1" t="s">
        <v>208066</v>
      </c>
      <c r="H62209" s="1" t="s">
        <v>208067</v>
      </c>
      <c r="I62209" s="1" t="s">
        <v>207852</v>
      </c>
      <c r="J62209" s="1" t="s">
        <v>208074</v>
      </c>
    </row>
    <row r="62210" spans="1:10" x14ac:dyDescent="0.35">
      <c r="A62210" s="1" t="s">
        <v>4026</v>
      </c>
      <c r="B62210" s="1" t="s">
        <v>207847</v>
      </c>
      <c r="C62210" s="1" t="s">
        <v>25</v>
      </c>
      <c r="D62210" s="1" t="s">
        <v>30495</v>
      </c>
      <c r="E62210" s="1" t="s">
        <v>208075</v>
      </c>
      <c r="F62210" s="1" t="s">
        <v>208076</v>
      </c>
      <c r="G62210" s="1" t="s">
        <v>208066</v>
      </c>
      <c r="H62210" s="1" t="s">
        <v>208067</v>
      </c>
      <c r="I62210" s="1" t="s">
        <v>207852</v>
      </c>
      <c r="J62210" s="1" t="s">
        <v>208077</v>
      </c>
    </row>
    <row r="62211" spans="1:10" x14ac:dyDescent="0.35">
      <c r="A62211" s="1" t="s">
        <v>4026</v>
      </c>
      <c r="B62211" s="1" t="s">
        <v>207847</v>
      </c>
      <c r="C62211" s="1" t="s">
        <v>30</v>
      </c>
      <c r="D62211" s="1" t="s">
        <v>45519</v>
      </c>
      <c r="E62211" s="1" t="s">
        <v>208078</v>
      </c>
      <c r="F62211" s="1" t="s">
        <v>208079</v>
      </c>
      <c r="G62211" s="1" t="s">
        <v>208066</v>
      </c>
      <c r="H62211" s="1" t="s">
        <v>208067</v>
      </c>
      <c r="I62211" s="1" t="s">
        <v>207852</v>
      </c>
      <c r="J62211" s="1" t="s">
        <v>208080</v>
      </c>
    </row>
    <row r="62212" spans="1:10" x14ac:dyDescent="0.35">
      <c r="A62212" s="1" t="s">
        <v>4026</v>
      </c>
      <c r="B62212" s="1" t="s">
        <v>207847</v>
      </c>
      <c r="C62212" s="1" t="s">
        <v>35</v>
      </c>
      <c r="D62212" s="1" t="s">
        <v>17879</v>
      </c>
      <c r="E62212" s="1" t="s">
        <v>208081</v>
      </c>
      <c r="F62212" s="1" t="s">
        <v>208082</v>
      </c>
      <c r="G62212" s="1" t="s">
        <v>208066</v>
      </c>
      <c r="H62212" s="1" t="s">
        <v>208067</v>
      </c>
      <c r="I62212" s="1" t="s">
        <v>207852</v>
      </c>
      <c r="J62212" s="1" t="s">
        <v>208083</v>
      </c>
    </row>
    <row r="62213" spans="1:10" x14ac:dyDescent="0.35">
      <c r="A62213" s="1" t="s">
        <v>4026</v>
      </c>
      <c r="B62213" s="1" t="s">
        <v>207847</v>
      </c>
      <c r="C62213" s="1" t="s">
        <v>40</v>
      </c>
      <c r="D62213" s="1" t="s">
        <v>42517</v>
      </c>
      <c r="E62213" s="1" t="s">
        <v>208084</v>
      </c>
      <c r="F62213" s="1" t="s">
        <v>208085</v>
      </c>
      <c r="G62213" s="1" t="s">
        <v>208066</v>
      </c>
      <c r="H62213" s="1" t="s">
        <v>208067</v>
      </c>
      <c r="I62213" s="1" t="s">
        <v>207852</v>
      </c>
      <c r="J62213" s="1" t="s">
        <v>208086</v>
      </c>
    </row>
    <row r="62214" spans="1:10" x14ac:dyDescent="0.35">
      <c r="A62214" s="1" t="s">
        <v>4026</v>
      </c>
      <c r="B62214" s="1" t="s">
        <v>207847</v>
      </c>
      <c r="C62214" s="1" t="s">
        <v>45</v>
      </c>
      <c r="D62214" s="1" t="s">
        <v>120416</v>
      </c>
      <c r="E62214" s="1" t="s">
        <v>208087</v>
      </c>
      <c r="F62214" s="1" t="s">
        <v>208088</v>
      </c>
      <c r="G62214" s="1" t="s">
        <v>208066</v>
      </c>
      <c r="H62214" s="1" t="s">
        <v>208067</v>
      </c>
      <c r="I62214" s="1" t="s">
        <v>207852</v>
      </c>
      <c r="J62214" s="1" t="s">
        <v>208089</v>
      </c>
    </row>
    <row r="62215" spans="1:10" x14ac:dyDescent="0.35">
      <c r="A62215" s="1" t="s">
        <v>4026</v>
      </c>
      <c r="B62215" s="1" t="s">
        <v>207847</v>
      </c>
      <c r="C62215" s="1" t="s">
        <v>50</v>
      </c>
      <c r="D62215" s="1" t="s">
        <v>36403</v>
      </c>
      <c r="E62215" s="1" t="s">
        <v>208090</v>
      </c>
      <c r="F62215" s="1" t="s">
        <v>208091</v>
      </c>
      <c r="G62215" s="1" t="s">
        <v>208066</v>
      </c>
      <c r="H62215" s="1" t="s">
        <v>208067</v>
      </c>
      <c r="I62215" s="1" t="s">
        <v>207852</v>
      </c>
      <c r="J62215" s="1" t="s">
        <v>208092</v>
      </c>
    </row>
    <row r="62216" spans="1:10" x14ac:dyDescent="0.35">
      <c r="A62216" s="1" t="s">
        <v>4026</v>
      </c>
      <c r="B62216" s="1" t="s">
        <v>207847</v>
      </c>
      <c r="C62216" s="1" t="s">
        <v>55</v>
      </c>
      <c r="D62216" s="1" t="s">
        <v>5373</v>
      </c>
      <c r="E62216" s="1" t="s">
        <v>208093</v>
      </c>
      <c r="F62216" s="1" t="s">
        <v>208094</v>
      </c>
      <c r="G62216" s="1" t="s">
        <v>208066</v>
      </c>
      <c r="H62216" s="1" t="s">
        <v>208067</v>
      </c>
      <c r="I62216" s="1" t="s">
        <v>207852</v>
      </c>
      <c r="J62216" s="1" t="s">
        <v>208095</v>
      </c>
    </row>
    <row r="62217" spans="1:10" x14ac:dyDescent="0.35">
      <c r="A62217" s="1" t="s">
        <v>4026</v>
      </c>
      <c r="B62217" s="1" t="s">
        <v>207847</v>
      </c>
      <c r="C62217" s="1" t="s">
        <v>60</v>
      </c>
      <c r="D62217" s="1" t="s">
        <v>45189</v>
      </c>
      <c r="E62217" s="1" t="s">
        <v>208096</v>
      </c>
      <c r="F62217" s="1" t="s">
        <v>208097</v>
      </c>
      <c r="G62217" s="1" t="s">
        <v>208066</v>
      </c>
      <c r="H62217" s="1" t="s">
        <v>208067</v>
      </c>
      <c r="I62217" s="1" t="s">
        <v>207852</v>
      </c>
      <c r="J62217" s="1" t="s">
        <v>208098</v>
      </c>
    </row>
    <row r="62218" spans="1:10" x14ac:dyDescent="0.35">
      <c r="A62218" s="1" t="s">
        <v>4026</v>
      </c>
      <c r="B62218" s="1" t="s">
        <v>207847</v>
      </c>
      <c r="C62218" s="1" t="s">
        <v>65</v>
      </c>
      <c r="D62218" s="1" t="s">
        <v>38327</v>
      </c>
      <c r="E62218" s="1" t="s">
        <v>208099</v>
      </c>
      <c r="F62218" s="1" t="s">
        <v>208100</v>
      </c>
      <c r="G62218" s="1" t="s">
        <v>208066</v>
      </c>
      <c r="H62218" s="1" t="s">
        <v>208067</v>
      </c>
      <c r="I62218" s="1" t="s">
        <v>207852</v>
      </c>
      <c r="J62218" s="1" t="s">
        <v>208101</v>
      </c>
    </row>
    <row r="62219" spans="1:10" x14ac:dyDescent="0.35">
      <c r="A62219" s="1" t="s">
        <v>4026</v>
      </c>
      <c r="B62219" s="1" t="s">
        <v>207847</v>
      </c>
      <c r="C62219" s="1" t="s">
        <v>70</v>
      </c>
      <c r="D62219" s="1" t="s">
        <v>184724</v>
      </c>
      <c r="E62219" s="1" t="s">
        <v>208102</v>
      </c>
      <c r="F62219" s="1" t="s">
        <v>208103</v>
      </c>
      <c r="G62219" s="1" t="s">
        <v>208066</v>
      </c>
      <c r="H62219" s="1" t="s">
        <v>208067</v>
      </c>
      <c r="I62219" s="1" t="s">
        <v>207852</v>
      </c>
      <c r="J62219" s="1" t="s">
        <v>208104</v>
      </c>
    </row>
    <row r="62220" spans="1:10" x14ac:dyDescent="0.35">
      <c r="A62220" s="1" t="s">
        <v>4026</v>
      </c>
      <c r="B62220" s="1" t="s">
        <v>207847</v>
      </c>
      <c r="C62220" s="1" t="s">
        <v>75</v>
      </c>
      <c r="D62220" s="1" t="s">
        <v>183967</v>
      </c>
      <c r="E62220" s="1" t="s">
        <v>208105</v>
      </c>
      <c r="F62220" s="1" t="s">
        <v>208106</v>
      </c>
      <c r="G62220" s="1" t="s">
        <v>208066</v>
      </c>
      <c r="H62220" s="1" t="s">
        <v>208067</v>
      </c>
      <c r="I62220" s="1" t="s">
        <v>207852</v>
      </c>
      <c r="J62220" s="1" t="s">
        <v>208107</v>
      </c>
    </row>
    <row r="62221" spans="1:10" x14ac:dyDescent="0.35">
      <c r="A62221" s="1" t="s">
        <v>4026</v>
      </c>
      <c r="B62221" s="1" t="s">
        <v>207847</v>
      </c>
      <c r="C62221" s="1" t="s">
        <v>80</v>
      </c>
      <c r="D62221" s="1" t="s">
        <v>31768</v>
      </c>
      <c r="E62221" s="1" t="s">
        <v>208108</v>
      </c>
      <c r="F62221" s="1" t="s">
        <v>208109</v>
      </c>
      <c r="G62221" s="1" t="s">
        <v>208066</v>
      </c>
      <c r="H62221" s="1" t="s">
        <v>208067</v>
      </c>
      <c r="I62221" s="1" t="s">
        <v>207852</v>
      </c>
      <c r="J62221" s="1" t="s">
        <v>208110</v>
      </c>
    </row>
    <row r="62222" spans="1:10" x14ac:dyDescent="0.35">
      <c r="A62222" s="1" t="s">
        <v>4026</v>
      </c>
      <c r="B62222" s="1" t="s">
        <v>207847</v>
      </c>
      <c r="C62222" s="1" t="s">
        <v>85</v>
      </c>
      <c r="D62222" s="1" t="s">
        <v>173272</v>
      </c>
      <c r="E62222" s="1" t="s">
        <v>208111</v>
      </c>
      <c r="F62222" s="1" t="s">
        <v>208112</v>
      </c>
      <c r="G62222" s="1" t="s">
        <v>208066</v>
      </c>
      <c r="H62222" s="1" t="s">
        <v>208067</v>
      </c>
      <c r="I62222" s="1" t="s">
        <v>207852</v>
      </c>
      <c r="J62222" s="1" t="s">
        <v>208113</v>
      </c>
    </row>
    <row r="62223" spans="1:10" x14ac:dyDescent="0.35">
      <c r="A62223" s="1" t="s">
        <v>4026</v>
      </c>
      <c r="B62223" s="1" t="s">
        <v>207847</v>
      </c>
      <c r="C62223" s="1" t="s">
        <v>90</v>
      </c>
      <c r="D62223" s="1" t="s">
        <v>208114</v>
      </c>
      <c r="E62223" s="1" t="s">
        <v>208115</v>
      </c>
      <c r="F62223" s="1" t="s">
        <v>208116</v>
      </c>
      <c r="G62223" s="1" t="s">
        <v>208066</v>
      </c>
      <c r="H62223" s="1" t="s">
        <v>208067</v>
      </c>
      <c r="I62223" s="1" t="s">
        <v>207852</v>
      </c>
      <c r="J62223" s="1" t="s">
        <v>208117</v>
      </c>
    </row>
    <row r="62224" spans="1:10" x14ac:dyDescent="0.35">
      <c r="A62224" s="1" t="s">
        <v>4026</v>
      </c>
      <c r="B62224" s="1" t="s">
        <v>207847</v>
      </c>
      <c r="C62224" s="1" t="s">
        <v>95</v>
      </c>
      <c r="D62224" s="1" t="s">
        <v>36836</v>
      </c>
      <c r="E62224" s="1" t="s">
        <v>208118</v>
      </c>
      <c r="F62224" s="1" t="s">
        <v>208119</v>
      </c>
      <c r="G62224" s="1" t="s">
        <v>208066</v>
      </c>
      <c r="H62224" s="1" t="s">
        <v>208067</v>
      </c>
      <c r="I62224" s="1" t="s">
        <v>207852</v>
      </c>
      <c r="J62224" s="1" t="s">
        <v>208120</v>
      </c>
    </row>
    <row r="62225" spans="1:10" x14ac:dyDescent="0.35">
      <c r="A62225" s="1" t="s">
        <v>4026</v>
      </c>
      <c r="B62225" s="1" t="s">
        <v>207847</v>
      </c>
      <c r="C62225" s="1" t="s">
        <v>100</v>
      </c>
      <c r="D62225" s="1" t="s">
        <v>50016</v>
      </c>
      <c r="E62225" s="1" t="s">
        <v>208121</v>
      </c>
      <c r="F62225" s="1" t="s">
        <v>208122</v>
      </c>
      <c r="G62225" s="1" t="s">
        <v>208066</v>
      </c>
      <c r="H62225" s="1" t="s">
        <v>208067</v>
      </c>
      <c r="I62225" s="1" t="s">
        <v>207852</v>
      </c>
      <c r="J62225" s="1" t="s">
        <v>208123</v>
      </c>
    </row>
    <row r="62226" spans="1:10" x14ac:dyDescent="0.35">
      <c r="A62226" s="1" t="s">
        <v>4026</v>
      </c>
      <c r="B62226" s="1" t="s">
        <v>207847</v>
      </c>
      <c r="C62226" s="1" t="s">
        <v>105</v>
      </c>
      <c r="D62226" s="1" t="s">
        <v>30287</v>
      </c>
      <c r="E62226" s="1" t="s">
        <v>208124</v>
      </c>
      <c r="F62226" s="1" t="s">
        <v>208125</v>
      </c>
      <c r="G62226" s="1" t="s">
        <v>208066</v>
      </c>
      <c r="H62226" s="1" t="s">
        <v>208067</v>
      </c>
      <c r="I62226" s="1" t="s">
        <v>207852</v>
      </c>
      <c r="J62226" s="1" t="s">
        <v>208126</v>
      </c>
    </row>
    <row r="62227" spans="1:10" x14ac:dyDescent="0.35">
      <c r="A62227" s="1" t="s">
        <v>4026</v>
      </c>
      <c r="B62227" s="1" t="s">
        <v>207847</v>
      </c>
      <c r="C62227" s="1" t="s">
        <v>110</v>
      </c>
      <c r="D62227" s="1" t="s">
        <v>208127</v>
      </c>
      <c r="E62227" s="1" t="s">
        <v>208128</v>
      </c>
      <c r="F62227" s="1" t="s">
        <v>208129</v>
      </c>
      <c r="G62227" s="1" t="s">
        <v>208066</v>
      </c>
      <c r="H62227" s="1" t="s">
        <v>208067</v>
      </c>
      <c r="I62227" s="1" t="s">
        <v>207852</v>
      </c>
      <c r="J62227" s="1" t="s">
        <v>208130</v>
      </c>
    </row>
    <row r="62228" spans="1:10" x14ac:dyDescent="0.35">
      <c r="A62228" s="1" t="s">
        <v>4026</v>
      </c>
      <c r="B62228" s="1" t="s">
        <v>207847</v>
      </c>
      <c r="C62228" s="1" t="s">
        <v>115</v>
      </c>
      <c r="D62228" s="1" t="s">
        <v>13679</v>
      </c>
      <c r="E62228" s="1" t="s">
        <v>208131</v>
      </c>
      <c r="F62228" s="1" t="s">
        <v>208132</v>
      </c>
      <c r="G62228" s="1" t="s">
        <v>208066</v>
      </c>
      <c r="H62228" s="1" t="s">
        <v>208067</v>
      </c>
      <c r="I62228" s="1" t="s">
        <v>207852</v>
      </c>
      <c r="J62228" s="1" t="s">
        <v>208133</v>
      </c>
    </row>
    <row r="62229" spans="1:10" x14ac:dyDescent="0.35">
      <c r="A62229" s="1" t="s">
        <v>4026</v>
      </c>
      <c r="B62229" s="1" t="s">
        <v>207847</v>
      </c>
      <c r="C62229" s="1" t="s">
        <v>120</v>
      </c>
      <c r="D62229" s="1" t="s">
        <v>175171</v>
      </c>
      <c r="E62229" s="1" t="s">
        <v>208134</v>
      </c>
      <c r="F62229" s="1" t="s">
        <v>208135</v>
      </c>
      <c r="G62229" s="1" t="s">
        <v>208066</v>
      </c>
      <c r="H62229" s="1" t="s">
        <v>208067</v>
      </c>
      <c r="I62229" s="1" t="s">
        <v>207852</v>
      </c>
      <c r="J62229" s="1" t="s">
        <v>208136</v>
      </c>
    </row>
    <row r="62230" spans="1:10" x14ac:dyDescent="0.35">
      <c r="A62230" s="1" t="s">
        <v>4026</v>
      </c>
      <c r="B62230" s="1" t="s">
        <v>207847</v>
      </c>
      <c r="C62230" s="1" t="s">
        <v>125</v>
      </c>
      <c r="D62230" s="1" t="s">
        <v>208137</v>
      </c>
      <c r="E62230" s="1" t="s">
        <v>208138</v>
      </c>
      <c r="F62230" s="1" t="s">
        <v>208139</v>
      </c>
      <c r="G62230" s="1" t="s">
        <v>208066</v>
      </c>
      <c r="H62230" s="1" t="s">
        <v>208067</v>
      </c>
      <c r="I62230" s="1" t="s">
        <v>207852</v>
      </c>
      <c r="J62230" s="1" t="s">
        <v>208140</v>
      </c>
    </row>
    <row r="62231" spans="1:10" x14ac:dyDescent="0.35">
      <c r="A62231" s="1" t="s">
        <v>4026</v>
      </c>
      <c r="B62231" s="1" t="s">
        <v>207847</v>
      </c>
      <c r="C62231" s="1" t="s">
        <v>130</v>
      </c>
      <c r="D62231" s="1" t="s">
        <v>100117</v>
      </c>
      <c r="E62231" s="1" t="s">
        <v>208141</v>
      </c>
      <c r="F62231" s="1" t="s">
        <v>208142</v>
      </c>
      <c r="G62231" s="1" t="s">
        <v>208066</v>
      </c>
      <c r="H62231" s="1" t="s">
        <v>208067</v>
      </c>
      <c r="I62231" s="1" t="s">
        <v>207852</v>
      </c>
      <c r="J62231" s="1" t="s">
        <v>208143</v>
      </c>
    </row>
    <row r="62232" spans="1:10" x14ac:dyDescent="0.35">
      <c r="A62232" s="1" t="s">
        <v>4026</v>
      </c>
      <c r="B62232" s="1" t="s">
        <v>207847</v>
      </c>
      <c r="C62232" s="1" t="s">
        <v>135</v>
      </c>
      <c r="D62232" s="1" t="s">
        <v>185554</v>
      </c>
      <c r="E62232" s="1" t="s">
        <v>208144</v>
      </c>
      <c r="F62232" s="1" t="s">
        <v>208145</v>
      </c>
      <c r="G62232" s="1" t="s">
        <v>208066</v>
      </c>
      <c r="H62232" s="1" t="s">
        <v>208067</v>
      </c>
      <c r="I62232" s="1" t="s">
        <v>207852</v>
      </c>
      <c r="J62232" s="1" t="s">
        <v>208146</v>
      </c>
    </row>
    <row r="62233" spans="1:10" x14ac:dyDescent="0.35">
      <c r="A62233" s="1" t="s">
        <v>4026</v>
      </c>
      <c r="B62233" s="1" t="s">
        <v>207847</v>
      </c>
      <c r="C62233" s="1" t="s">
        <v>140</v>
      </c>
      <c r="D62233" s="1" t="s">
        <v>208147</v>
      </c>
      <c r="E62233" s="1" t="s">
        <v>208148</v>
      </c>
      <c r="F62233" s="1" t="s">
        <v>208149</v>
      </c>
      <c r="G62233" s="1" t="s">
        <v>208066</v>
      </c>
      <c r="H62233" s="1" t="s">
        <v>208067</v>
      </c>
      <c r="I62233" s="1" t="s">
        <v>207852</v>
      </c>
      <c r="J62233" s="1" t="s">
        <v>208150</v>
      </c>
    </row>
    <row r="62234" spans="1:10" x14ac:dyDescent="0.35">
      <c r="A62234" s="1" t="s">
        <v>4026</v>
      </c>
      <c r="B62234" s="1" t="s">
        <v>207847</v>
      </c>
      <c r="C62234" s="1" t="s">
        <v>145</v>
      </c>
      <c r="D62234" s="1" t="s">
        <v>208151</v>
      </c>
      <c r="E62234" s="1" t="s">
        <v>208152</v>
      </c>
      <c r="F62234" s="1" t="s">
        <v>208153</v>
      </c>
      <c r="G62234" s="1" t="s">
        <v>208066</v>
      </c>
      <c r="H62234" s="1" t="s">
        <v>208067</v>
      </c>
      <c r="I62234" s="1" t="s">
        <v>207852</v>
      </c>
      <c r="J62234" s="1" t="s">
        <v>208154</v>
      </c>
    </row>
    <row r="62235" spans="1:10" x14ac:dyDescent="0.35">
      <c r="A62235" s="1" t="s">
        <v>4026</v>
      </c>
      <c r="B62235" s="1" t="s">
        <v>207847</v>
      </c>
      <c r="C62235" s="1" t="s">
        <v>150</v>
      </c>
      <c r="D62235" s="1" t="s">
        <v>208155</v>
      </c>
      <c r="E62235" s="1" t="s">
        <v>208156</v>
      </c>
      <c r="F62235" s="1" t="s">
        <v>208157</v>
      </c>
      <c r="G62235" s="1" t="s">
        <v>208066</v>
      </c>
      <c r="H62235" s="1" t="s">
        <v>208067</v>
      </c>
      <c r="I62235" s="1" t="s">
        <v>207852</v>
      </c>
      <c r="J62235" s="1" t="s">
        <v>208158</v>
      </c>
    </row>
    <row r="62236" spans="1:10" x14ac:dyDescent="0.35">
      <c r="A62236" s="1" t="s">
        <v>4026</v>
      </c>
      <c r="B62236" s="1" t="s">
        <v>207847</v>
      </c>
      <c r="C62236" s="1" t="s">
        <v>155</v>
      </c>
      <c r="D62236" s="1" t="s">
        <v>208159</v>
      </c>
      <c r="E62236" s="1" t="s">
        <v>208160</v>
      </c>
      <c r="F62236" s="1" t="s">
        <v>208161</v>
      </c>
      <c r="G62236" s="1" t="s">
        <v>208066</v>
      </c>
      <c r="H62236" s="1" t="s">
        <v>208067</v>
      </c>
      <c r="I62236" s="1" t="s">
        <v>207852</v>
      </c>
      <c r="J62236" s="1" t="s">
        <v>208162</v>
      </c>
    </row>
    <row r="62237" spans="1:10" x14ac:dyDescent="0.35">
      <c r="A62237" s="1" t="s">
        <v>4026</v>
      </c>
      <c r="B62237" s="1" t="s">
        <v>207847</v>
      </c>
      <c r="C62237" s="1" t="s">
        <v>160</v>
      </c>
      <c r="D62237" s="1" t="s">
        <v>115119</v>
      </c>
      <c r="E62237" s="1" t="s">
        <v>208163</v>
      </c>
      <c r="F62237" s="1" t="s">
        <v>208164</v>
      </c>
      <c r="G62237" s="1" t="s">
        <v>208066</v>
      </c>
      <c r="H62237" s="1" t="s">
        <v>208067</v>
      </c>
      <c r="I62237" s="1" t="s">
        <v>207852</v>
      </c>
      <c r="J62237" s="1" t="s">
        <v>208165</v>
      </c>
    </row>
    <row r="62238" spans="1:10" x14ac:dyDescent="0.35">
      <c r="A62238" s="1" t="s">
        <v>4026</v>
      </c>
      <c r="B62238" s="1" t="s">
        <v>207847</v>
      </c>
      <c r="C62238" s="1" t="s">
        <v>165</v>
      </c>
      <c r="D62238" s="1" t="s">
        <v>109358</v>
      </c>
      <c r="E62238" s="1" t="s">
        <v>208166</v>
      </c>
      <c r="F62238" s="1" t="s">
        <v>208167</v>
      </c>
      <c r="G62238" s="1" t="s">
        <v>208066</v>
      </c>
      <c r="H62238" s="1" t="s">
        <v>208067</v>
      </c>
      <c r="I62238" s="1" t="s">
        <v>207852</v>
      </c>
      <c r="J62238" s="1" t="s">
        <v>208168</v>
      </c>
    </row>
    <row r="62239" spans="1:10" x14ac:dyDescent="0.35">
      <c r="A62239" s="1" t="s">
        <v>4026</v>
      </c>
      <c r="B62239" s="1" t="s">
        <v>207847</v>
      </c>
      <c r="C62239" s="1" t="s">
        <v>170</v>
      </c>
      <c r="D62239" s="1" t="s">
        <v>90416</v>
      </c>
      <c r="E62239" s="1" t="s">
        <v>208169</v>
      </c>
      <c r="F62239" s="1" t="s">
        <v>208170</v>
      </c>
      <c r="G62239" s="1" t="s">
        <v>208066</v>
      </c>
      <c r="H62239" s="1" t="s">
        <v>208067</v>
      </c>
      <c r="I62239" s="1" t="s">
        <v>207852</v>
      </c>
      <c r="J62239" s="1" t="s">
        <v>208171</v>
      </c>
    </row>
    <row r="62240" spans="1:10" x14ac:dyDescent="0.35">
      <c r="A62240" s="1" t="s">
        <v>28536</v>
      </c>
      <c r="B62240" s="1" t="s">
        <v>207847</v>
      </c>
      <c r="C62240" s="1" t="s">
        <v>8</v>
      </c>
      <c r="D62240" s="1" t="s">
        <v>208172</v>
      </c>
      <c r="E62240" s="1" t="s">
        <v>208173</v>
      </c>
      <c r="F62240" s="1" t="s">
        <v>208174</v>
      </c>
      <c r="G62240" s="1" t="s">
        <v>208175</v>
      </c>
      <c r="H62240" s="1" t="s">
        <v>208176</v>
      </c>
      <c r="I62240" s="1" t="s">
        <v>207852</v>
      </c>
      <c r="J62240" s="1" t="s">
        <v>13</v>
      </c>
    </row>
    <row r="62241" spans="1:10" x14ac:dyDescent="0.35">
      <c r="A62241" s="1" t="s">
        <v>28536</v>
      </c>
      <c r="B62241" s="1" t="s">
        <v>207847</v>
      </c>
      <c r="C62241" s="1" t="s">
        <v>15</v>
      </c>
      <c r="D62241" s="1" t="s">
        <v>2351</v>
      </c>
      <c r="E62241" s="1" t="s">
        <v>208177</v>
      </c>
      <c r="F62241" s="1" t="s">
        <v>208178</v>
      </c>
      <c r="G62241" s="1" t="s">
        <v>208175</v>
      </c>
      <c r="H62241" s="1" t="s">
        <v>208176</v>
      </c>
      <c r="I62241" s="1" t="s">
        <v>207852</v>
      </c>
      <c r="J62241" s="1" t="s">
        <v>208179</v>
      </c>
    </row>
    <row r="62242" spans="1:10" x14ac:dyDescent="0.35">
      <c r="A62242" s="1" t="s">
        <v>28536</v>
      </c>
      <c r="B62242" s="1" t="s">
        <v>207847</v>
      </c>
      <c r="C62242" s="1" t="s">
        <v>20</v>
      </c>
      <c r="D62242" s="1" t="s">
        <v>118926</v>
      </c>
      <c r="E62242" s="1" t="s">
        <v>208180</v>
      </c>
      <c r="F62242" s="1" t="s">
        <v>208181</v>
      </c>
      <c r="G62242" s="1" t="s">
        <v>208175</v>
      </c>
      <c r="H62242" s="1" t="s">
        <v>208176</v>
      </c>
      <c r="I62242" s="1" t="s">
        <v>207852</v>
      </c>
      <c r="J62242" s="1" t="s">
        <v>208182</v>
      </c>
    </row>
    <row r="62243" spans="1:10" x14ac:dyDescent="0.35">
      <c r="A62243" s="1" t="s">
        <v>28536</v>
      </c>
      <c r="B62243" s="1" t="s">
        <v>207847</v>
      </c>
      <c r="C62243" s="1" t="s">
        <v>25</v>
      </c>
      <c r="D62243" s="1" t="s">
        <v>117192</v>
      </c>
      <c r="E62243" s="1" t="s">
        <v>208183</v>
      </c>
      <c r="F62243" s="1" t="s">
        <v>208184</v>
      </c>
      <c r="G62243" s="1" t="s">
        <v>208175</v>
      </c>
      <c r="H62243" s="1" t="s">
        <v>208176</v>
      </c>
      <c r="I62243" s="1" t="s">
        <v>207852</v>
      </c>
      <c r="J62243" s="1" t="s">
        <v>208185</v>
      </c>
    </row>
    <row r="62244" spans="1:10" x14ac:dyDescent="0.35">
      <c r="A62244" s="1" t="s">
        <v>28536</v>
      </c>
      <c r="B62244" s="1" t="s">
        <v>207847</v>
      </c>
      <c r="C62244" s="1" t="s">
        <v>30</v>
      </c>
      <c r="D62244" s="1" t="s">
        <v>189158</v>
      </c>
      <c r="E62244" s="1" t="s">
        <v>208186</v>
      </c>
      <c r="F62244" s="1" t="s">
        <v>208187</v>
      </c>
      <c r="G62244" s="1" t="s">
        <v>208175</v>
      </c>
      <c r="H62244" s="1" t="s">
        <v>208176</v>
      </c>
      <c r="I62244" s="1" t="s">
        <v>207852</v>
      </c>
      <c r="J62244" s="1" t="s">
        <v>208188</v>
      </c>
    </row>
    <row r="62245" spans="1:10" x14ac:dyDescent="0.35">
      <c r="A62245" s="1" t="s">
        <v>28536</v>
      </c>
      <c r="B62245" s="1" t="s">
        <v>207847</v>
      </c>
      <c r="C62245" s="1" t="s">
        <v>35</v>
      </c>
      <c r="D62245" s="1" t="s">
        <v>48294</v>
      </c>
      <c r="E62245" s="1" t="s">
        <v>208189</v>
      </c>
      <c r="F62245" s="1" t="s">
        <v>208190</v>
      </c>
      <c r="G62245" s="1" t="s">
        <v>208175</v>
      </c>
      <c r="H62245" s="1" t="s">
        <v>208176</v>
      </c>
      <c r="I62245" s="1" t="s">
        <v>207852</v>
      </c>
      <c r="J62245" s="1" t="s">
        <v>208191</v>
      </c>
    </row>
    <row r="62246" spans="1:10" x14ac:dyDescent="0.35">
      <c r="A62246" s="1" t="s">
        <v>28536</v>
      </c>
      <c r="B62246" s="1" t="s">
        <v>207847</v>
      </c>
      <c r="C62246" s="1" t="s">
        <v>40</v>
      </c>
      <c r="D62246" s="1" t="s">
        <v>208192</v>
      </c>
      <c r="E62246" s="1" t="s">
        <v>208193</v>
      </c>
      <c r="F62246" s="1" t="s">
        <v>208194</v>
      </c>
      <c r="G62246" s="1" t="s">
        <v>208175</v>
      </c>
      <c r="H62246" s="1" t="s">
        <v>208176</v>
      </c>
      <c r="I62246" s="1" t="s">
        <v>207852</v>
      </c>
      <c r="J62246" s="1" t="s">
        <v>208195</v>
      </c>
    </row>
    <row r="62247" spans="1:10" x14ac:dyDescent="0.35">
      <c r="A62247" s="1" t="s">
        <v>28536</v>
      </c>
      <c r="B62247" s="1" t="s">
        <v>207847</v>
      </c>
      <c r="C62247" s="1" t="s">
        <v>45</v>
      </c>
      <c r="D62247" s="1" t="s">
        <v>72696</v>
      </c>
      <c r="E62247" s="1" t="s">
        <v>208196</v>
      </c>
      <c r="F62247" s="1" t="s">
        <v>208197</v>
      </c>
      <c r="G62247" s="1" t="s">
        <v>208175</v>
      </c>
      <c r="H62247" s="1" t="s">
        <v>208176</v>
      </c>
      <c r="I62247" s="1" t="s">
        <v>207852</v>
      </c>
      <c r="J62247" s="1" t="s">
        <v>208198</v>
      </c>
    </row>
    <row r="62248" spans="1:10" x14ac:dyDescent="0.35">
      <c r="A62248" s="1" t="s">
        <v>28536</v>
      </c>
      <c r="B62248" s="1" t="s">
        <v>207847</v>
      </c>
      <c r="C62248" s="1" t="s">
        <v>50</v>
      </c>
      <c r="D62248" s="1" t="s">
        <v>44798</v>
      </c>
      <c r="E62248" s="1" t="s">
        <v>208199</v>
      </c>
      <c r="F62248" s="1" t="s">
        <v>208200</v>
      </c>
      <c r="G62248" s="1" t="s">
        <v>208175</v>
      </c>
      <c r="H62248" s="1" t="s">
        <v>208176</v>
      </c>
      <c r="I62248" s="1" t="s">
        <v>207852</v>
      </c>
      <c r="J62248" s="1" t="s">
        <v>208201</v>
      </c>
    </row>
    <row r="62249" spans="1:10" x14ac:dyDescent="0.35">
      <c r="A62249" s="1" t="s">
        <v>28536</v>
      </c>
      <c r="B62249" s="1" t="s">
        <v>207847</v>
      </c>
      <c r="C62249" s="1" t="s">
        <v>55</v>
      </c>
      <c r="D62249" s="1" t="s">
        <v>28351</v>
      </c>
      <c r="E62249" s="1" t="s">
        <v>208202</v>
      </c>
      <c r="F62249" s="1" t="s">
        <v>208203</v>
      </c>
      <c r="G62249" s="1" t="s">
        <v>208175</v>
      </c>
      <c r="H62249" s="1" t="s">
        <v>208176</v>
      </c>
      <c r="I62249" s="1" t="s">
        <v>207852</v>
      </c>
      <c r="J62249" s="1" t="s">
        <v>208204</v>
      </c>
    </row>
    <row r="62250" spans="1:10" x14ac:dyDescent="0.35">
      <c r="A62250" s="1" t="s">
        <v>28536</v>
      </c>
      <c r="B62250" s="1" t="s">
        <v>207847</v>
      </c>
      <c r="C62250" s="1" t="s">
        <v>60</v>
      </c>
      <c r="D62250" s="1" t="s">
        <v>159725</v>
      </c>
      <c r="E62250" s="1" t="s">
        <v>208205</v>
      </c>
      <c r="F62250" s="1" t="s">
        <v>208206</v>
      </c>
      <c r="G62250" s="1" t="s">
        <v>208175</v>
      </c>
      <c r="H62250" s="1" t="s">
        <v>208176</v>
      </c>
      <c r="I62250" s="1" t="s">
        <v>207852</v>
      </c>
      <c r="J62250" s="1" t="s">
        <v>208207</v>
      </c>
    </row>
    <row r="62251" spans="1:10" x14ac:dyDescent="0.35">
      <c r="A62251" s="1" t="s">
        <v>28536</v>
      </c>
      <c r="B62251" s="1" t="s">
        <v>207847</v>
      </c>
      <c r="C62251" s="1" t="s">
        <v>65</v>
      </c>
      <c r="D62251" s="1" t="s">
        <v>45767</v>
      </c>
      <c r="E62251" s="1" t="s">
        <v>208208</v>
      </c>
      <c r="F62251" s="1" t="s">
        <v>125308</v>
      </c>
      <c r="G62251" s="1" t="s">
        <v>208175</v>
      </c>
      <c r="H62251" s="1" t="s">
        <v>208176</v>
      </c>
      <c r="I62251" s="1" t="s">
        <v>207852</v>
      </c>
      <c r="J62251" s="1" t="s">
        <v>208209</v>
      </c>
    </row>
    <row r="62252" spans="1:10" x14ac:dyDescent="0.35">
      <c r="A62252" s="1" t="s">
        <v>28536</v>
      </c>
      <c r="B62252" s="1" t="s">
        <v>207847</v>
      </c>
      <c r="C62252" s="1" t="s">
        <v>70</v>
      </c>
      <c r="D62252" s="1" t="s">
        <v>36192</v>
      </c>
      <c r="E62252" s="1" t="s">
        <v>208210</v>
      </c>
      <c r="F62252" s="1" t="s">
        <v>208211</v>
      </c>
      <c r="G62252" s="1" t="s">
        <v>208175</v>
      </c>
      <c r="H62252" s="1" t="s">
        <v>208176</v>
      </c>
      <c r="I62252" s="1" t="s">
        <v>207852</v>
      </c>
      <c r="J62252" s="1" t="s">
        <v>208212</v>
      </c>
    </row>
    <row r="62253" spans="1:10" x14ac:dyDescent="0.35">
      <c r="A62253" s="1" t="s">
        <v>28536</v>
      </c>
      <c r="B62253" s="1" t="s">
        <v>207847</v>
      </c>
      <c r="C62253" s="1" t="s">
        <v>75</v>
      </c>
      <c r="D62253" s="1" t="s">
        <v>116058</v>
      </c>
      <c r="E62253" s="1" t="s">
        <v>208213</v>
      </c>
      <c r="F62253" s="1" t="s">
        <v>208214</v>
      </c>
      <c r="G62253" s="1" t="s">
        <v>208175</v>
      </c>
      <c r="H62253" s="1" t="s">
        <v>208176</v>
      </c>
      <c r="I62253" s="1" t="s">
        <v>207852</v>
      </c>
      <c r="J62253" s="1" t="s">
        <v>208215</v>
      </c>
    </row>
    <row r="62254" spans="1:10" x14ac:dyDescent="0.35">
      <c r="A62254" s="1" t="s">
        <v>28536</v>
      </c>
      <c r="B62254" s="1" t="s">
        <v>207847</v>
      </c>
      <c r="C62254" s="1" t="s">
        <v>80</v>
      </c>
      <c r="D62254" s="1" t="s">
        <v>208216</v>
      </c>
      <c r="E62254" s="1" t="s">
        <v>208217</v>
      </c>
      <c r="F62254" s="1" t="s">
        <v>208218</v>
      </c>
      <c r="G62254" s="1" t="s">
        <v>208175</v>
      </c>
      <c r="H62254" s="1" t="s">
        <v>208176</v>
      </c>
      <c r="I62254" s="1" t="s">
        <v>207852</v>
      </c>
      <c r="J62254" s="1" t="s">
        <v>208219</v>
      </c>
    </row>
    <row r="62255" spans="1:10" x14ac:dyDescent="0.35">
      <c r="A62255" s="1" t="s">
        <v>28536</v>
      </c>
      <c r="B62255" s="1" t="s">
        <v>207847</v>
      </c>
      <c r="C62255" s="1" t="s">
        <v>85</v>
      </c>
      <c r="D62255" s="1" t="s">
        <v>168893</v>
      </c>
      <c r="E62255" s="1" t="s">
        <v>208220</v>
      </c>
      <c r="F62255" s="1" t="s">
        <v>208221</v>
      </c>
      <c r="G62255" s="1" t="s">
        <v>208175</v>
      </c>
      <c r="H62255" s="1" t="s">
        <v>208176</v>
      </c>
      <c r="I62255" s="1" t="s">
        <v>207852</v>
      </c>
      <c r="J62255" s="1" t="s">
        <v>208222</v>
      </c>
    </row>
    <row r="62256" spans="1:10" x14ac:dyDescent="0.35">
      <c r="A62256" s="1" t="s">
        <v>28536</v>
      </c>
      <c r="B62256" s="1" t="s">
        <v>207847</v>
      </c>
      <c r="C62256" s="1" t="s">
        <v>90</v>
      </c>
      <c r="D62256" s="1" t="s">
        <v>170081</v>
      </c>
      <c r="E62256" s="1" t="s">
        <v>208223</v>
      </c>
      <c r="F62256" s="1" t="s">
        <v>208224</v>
      </c>
      <c r="G62256" s="1" t="s">
        <v>208175</v>
      </c>
      <c r="H62256" s="1" t="s">
        <v>208176</v>
      </c>
      <c r="I62256" s="1" t="s">
        <v>207852</v>
      </c>
      <c r="J62256" s="1" t="s">
        <v>208225</v>
      </c>
    </row>
    <row r="62257" spans="1:10" x14ac:dyDescent="0.35">
      <c r="A62257" s="1" t="s">
        <v>28536</v>
      </c>
      <c r="B62257" s="1" t="s">
        <v>207847</v>
      </c>
      <c r="C62257" s="1" t="s">
        <v>95</v>
      </c>
      <c r="D62257" s="1" t="s">
        <v>28322</v>
      </c>
      <c r="E62257" s="1" t="s">
        <v>208226</v>
      </c>
      <c r="F62257" s="1" t="s">
        <v>208227</v>
      </c>
      <c r="G62257" s="1" t="s">
        <v>208175</v>
      </c>
      <c r="H62257" s="1" t="s">
        <v>208176</v>
      </c>
      <c r="I62257" s="1" t="s">
        <v>207852</v>
      </c>
      <c r="J62257" s="1" t="s">
        <v>208228</v>
      </c>
    </row>
    <row r="62258" spans="1:10" x14ac:dyDescent="0.35">
      <c r="A62258" s="1" t="s">
        <v>28536</v>
      </c>
      <c r="B62258" s="1" t="s">
        <v>207847</v>
      </c>
      <c r="C62258" s="1" t="s">
        <v>100</v>
      </c>
      <c r="D62258" s="1" t="s">
        <v>10354</v>
      </c>
      <c r="E62258" s="1" t="s">
        <v>208229</v>
      </c>
      <c r="F62258" s="1" t="s">
        <v>208230</v>
      </c>
      <c r="G62258" s="1" t="s">
        <v>208175</v>
      </c>
      <c r="H62258" s="1" t="s">
        <v>208176</v>
      </c>
      <c r="I62258" s="1" t="s">
        <v>207852</v>
      </c>
      <c r="J62258" s="1" t="s">
        <v>208231</v>
      </c>
    </row>
    <row r="62259" spans="1:10" x14ac:dyDescent="0.35">
      <c r="A62259" s="1" t="s">
        <v>28536</v>
      </c>
      <c r="B62259" s="1" t="s">
        <v>207847</v>
      </c>
      <c r="C62259" s="1" t="s">
        <v>105</v>
      </c>
      <c r="D62259" s="1" t="s">
        <v>203287</v>
      </c>
      <c r="E62259" s="1" t="s">
        <v>208232</v>
      </c>
      <c r="F62259" s="1" t="s">
        <v>208233</v>
      </c>
      <c r="G62259" s="1" t="s">
        <v>208175</v>
      </c>
      <c r="H62259" s="1" t="s">
        <v>208176</v>
      </c>
      <c r="I62259" s="1" t="s">
        <v>207852</v>
      </c>
      <c r="J62259" s="1" t="s">
        <v>208234</v>
      </c>
    </row>
    <row r="62260" spans="1:10" x14ac:dyDescent="0.35">
      <c r="A62260" s="1" t="s">
        <v>28536</v>
      </c>
      <c r="B62260" s="1" t="s">
        <v>207847</v>
      </c>
      <c r="C62260" s="1" t="s">
        <v>110</v>
      </c>
      <c r="D62260" s="1" t="s">
        <v>121791</v>
      </c>
      <c r="E62260" s="1" t="s">
        <v>208235</v>
      </c>
      <c r="F62260" s="1" t="s">
        <v>208236</v>
      </c>
      <c r="G62260" s="1" t="s">
        <v>208175</v>
      </c>
      <c r="H62260" s="1" t="s">
        <v>208176</v>
      </c>
      <c r="I62260" s="1" t="s">
        <v>207852</v>
      </c>
      <c r="J62260" s="1" t="s">
        <v>208237</v>
      </c>
    </row>
    <row r="62261" spans="1:10" x14ac:dyDescent="0.35">
      <c r="A62261" s="1" t="s">
        <v>28536</v>
      </c>
      <c r="B62261" s="1" t="s">
        <v>207847</v>
      </c>
      <c r="C62261" s="1" t="s">
        <v>115</v>
      </c>
      <c r="D62261" s="1" t="s">
        <v>73124</v>
      </c>
      <c r="E62261" s="1" t="s">
        <v>208238</v>
      </c>
      <c r="F62261" s="1" t="s">
        <v>208239</v>
      </c>
      <c r="G62261" s="1" t="s">
        <v>208175</v>
      </c>
      <c r="H62261" s="1" t="s">
        <v>208176</v>
      </c>
      <c r="I62261" s="1" t="s">
        <v>207852</v>
      </c>
      <c r="J62261" s="1" t="s">
        <v>208240</v>
      </c>
    </row>
    <row r="62262" spans="1:10" x14ac:dyDescent="0.35">
      <c r="A62262" s="1" t="s">
        <v>28536</v>
      </c>
      <c r="B62262" s="1" t="s">
        <v>207847</v>
      </c>
      <c r="C62262" s="1" t="s">
        <v>120</v>
      </c>
      <c r="D62262" s="1" t="s">
        <v>71790</v>
      </c>
      <c r="E62262" s="1" t="s">
        <v>208241</v>
      </c>
      <c r="F62262" s="1" t="s">
        <v>208242</v>
      </c>
      <c r="G62262" s="1" t="s">
        <v>208175</v>
      </c>
      <c r="H62262" s="1" t="s">
        <v>208176</v>
      </c>
      <c r="I62262" s="1" t="s">
        <v>207852</v>
      </c>
      <c r="J62262" s="1" t="s">
        <v>208243</v>
      </c>
    </row>
    <row r="62263" spans="1:10" x14ac:dyDescent="0.35">
      <c r="A62263" s="1" t="s">
        <v>28536</v>
      </c>
      <c r="B62263" s="1" t="s">
        <v>207847</v>
      </c>
      <c r="C62263" s="1" t="s">
        <v>125</v>
      </c>
      <c r="D62263" s="1" t="s">
        <v>204203</v>
      </c>
      <c r="E62263" s="1" t="s">
        <v>208244</v>
      </c>
      <c r="F62263" s="1" t="s">
        <v>208245</v>
      </c>
      <c r="G62263" s="1" t="s">
        <v>208175</v>
      </c>
      <c r="H62263" s="1" t="s">
        <v>208176</v>
      </c>
      <c r="I62263" s="1" t="s">
        <v>207852</v>
      </c>
      <c r="J62263" s="1" t="s">
        <v>208246</v>
      </c>
    </row>
    <row r="62264" spans="1:10" x14ac:dyDescent="0.35">
      <c r="A62264" s="1" t="s">
        <v>28536</v>
      </c>
      <c r="B62264" s="1" t="s">
        <v>207847</v>
      </c>
      <c r="C62264" s="1" t="s">
        <v>130</v>
      </c>
      <c r="D62264" s="1" t="s">
        <v>49787</v>
      </c>
      <c r="E62264" s="1" t="s">
        <v>208247</v>
      </c>
      <c r="F62264" s="1" t="s">
        <v>208248</v>
      </c>
      <c r="G62264" s="1" t="s">
        <v>208175</v>
      </c>
      <c r="H62264" s="1" t="s">
        <v>208176</v>
      </c>
      <c r="I62264" s="1" t="s">
        <v>207852</v>
      </c>
      <c r="J62264" s="1" t="s">
        <v>208249</v>
      </c>
    </row>
    <row r="62265" spans="1:10" x14ac:dyDescent="0.35">
      <c r="A62265" s="1" t="s">
        <v>28536</v>
      </c>
      <c r="B62265" s="1" t="s">
        <v>207847</v>
      </c>
      <c r="C62265" s="1" t="s">
        <v>135</v>
      </c>
      <c r="D62265" s="1" t="s">
        <v>159794</v>
      </c>
      <c r="E62265" s="1" t="s">
        <v>208250</v>
      </c>
      <c r="F62265" s="1" t="s">
        <v>208251</v>
      </c>
      <c r="G62265" s="1" t="s">
        <v>208175</v>
      </c>
      <c r="H62265" s="1" t="s">
        <v>208176</v>
      </c>
      <c r="I62265" s="1" t="s">
        <v>207852</v>
      </c>
      <c r="J62265" s="1" t="s">
        <v>208252</v>
      </c>
    </row>
    <row r="62266" spans="1:10" x14ac:dyDescent="0.35">
      <c r="A62266" s="1" t="s">
        <v>28536</v>
      </c>
      <c r="B62266" s="1" t="s">
        <v>207847</v>
      </c>
      <c r="C62266" s="1" t="s">
        <v>140</v>
      </c>
      <c r="D62266" s="1" t="s">
        <v>187615</v>
      </c>
      <c r="E62266" s="1" t="s">
        <v>208253</v>
      </c>
      <c r="F62266" s="1" t="s">
        <v>208254</v>
      </c>
      <c r="G62266" s="1" t="s">
        <v>208175</v>
      </c>
      <c r="H62266" s="1" t="s">
        <v>208176</v>
      </c>
      <c r="I62266" s="1" t="s">
        <v>207852</v>
      </c>
      <c r="J62266" s="1" t="s">
        <v>208255</v>
      </c>
    </row>
    <row r="62267" spans="1:10" x14ac:dyDescent="0.35">
      <c r="A62267" s="1" t="s">
        <v>28536</v>
      </c>
      <c r="B62267" s="1" t="s">
        <v>207847</v>
      </c>
      <c r="C62267" s="1" t="s">
        <v>145</v>
      </c>
      <c r="D62267" s="1" t="s">
        <v>208256</v>
      </c>
      <c r="E62267" s="1" t="s">
        <v>208257</v>
      </c>
      <c r="F62267" s="1" t="s">
        <v>208258</v>
      </c>
      <c r="G62267" s="1" t="s">
        <v>208175</v>
      </c>
      <c r="H62267" s="1" t="s">
        <v>208176</v>
      </c>
      <c r="I62267" s="1" t="s">
        <v>207852</v>
      </c>
      <c r="J62267" s="1" t="s">
        <v>208259</v>
      </c>
    </row>
    <row r="62268" spans="1:10" x14ac:dyDescent="0.35">
      <c r="A62268" s="1" t="s">
        <v>28536</v>
      </c>
      <c r="B62268" s="1" t="s">
        <v>207847</v>
      </c>
      <c r="C62268" s="1" t="s">
        <v>150</v>
      </c>
      <c r="D62268" s="1" t="s">
        <v>7179</v>
      </c>
      <c r="E62268" s="1" t="s">
        <v>208260</v>
      </c>
      <c r="F62268" s="1" t="s">
        <v>208261</v>
      </c>
      <c r="G62268" s="1" t="s">
        <v>208175</v>
      </c>
      <c r="H62268" s="1" t="s">
        <v>208176</v>
      </c>
      <c r="I62268" s="1" t="s">
        <v>207852</v>
      </c>
      <c r="J62268" s="1" t="s">
        <v>208262</v>
      </c>
    </row>
    <row r="62269" spans="1:10" x14ac:dyDescent="0.35">
      <c r="A62269" s="1" t="s">
        <v>28536</v>
      </c>
      <c r="B62269" s="1" t="s">
        <v>207847</v>
      </c>
      <c r="C62269" s="1" t="s">
        <v>155</v>
      </c>
      <c r="D62269" s="1" t="s">
        <v>208263</v>
      </c>
      <c r="E62269" s="1" t="s">
        <v>208264</v>
      </c>
      <c r="F62269" s="1" t="s">
        <v>208265</v>
      </c>
      <c r="G62269" s="1" t="s">
        <v>208175</v>
      </c>
      <c r="H62269" s="1" t="s">
        <v>208176</v>
      </c>
      <c r="I62269" s="1" t="s">
        <v>207852</v>
      </c>
      <c r="J62269" s="1" t="s">
        <v>208266</v>
      </c>
    </row>
    <row r="62270" spans="1:10" x14ac:dyDescent="0.35">
      <c r="A62270" s="1" t="s">
        <v>28536</v>
      </c>
      <c r="B62270" s="1" t="s">
        <v>207847</v>
      </c>
      <c r="C62270" s="1" t="s">
        <v>160</v>
      </c>
      <c r="D62270" s="1" t="s">
        <v>70656</v>
      </c>
      <c r="E62270" s="1" t="s">
        <v>208267</v>
      </c>
      <c r="F62270" s="1" t="s">
        <v>208268</v>
      </c>
      <c r="G62270" s="1" t="s">
        <v>208175</v>
      </c>
      <c r="H62270" s="1" t="s">
        <v>208176</v>
      </c>
      <c r="I62270" s="1" t="s">
        <v>207852</v>
      </c>
      <c r="J62270" s="1" t="s">
        <v>208269</v>
      </c>
    </row>
    <row r="62271" spans="1:10" x14ac:dyDescent="0.35">
      <c r="A62271" s="1" t="s">
        <v>28536</v>
      </c>
      <c r="B62271" s="1" t="s">
        <v>207847</v>
      </c>
      <c r="C62271" s="1" t="s">
        <v>165</v>
      </c>
      <c r="D62271" s="1" t="s">
        <v>48741</v>
      </c>
      <c r="E62271" s="1" t="s">
        <v>208270</v>
      </c>
      <c r="F62271" s="1" t="s">
        <v>208271</v>
      </c>
      <c r="G62271" s="1" t="s">
        <v>208175</v>
      </c>
      <c r="H62271" s="1" t="s">
        <v>208176</v>
      </c>
      <c r="I62271" s="1" t="s">
        <v>207852</v>
      </c>
      <c r="J62271" s="1" t="s">
        <v>208272</v>
      </c>
    </row>
    <row r="62272" spans="1:10" x14ac:dyDescent="0.35">
      <c r="A62272" s="1" t="s">
        <v>28536</v>
      </c>
      <c r="B62272" s="1" t="s">
        <v>207847</v>
      </c>
      <c r="C62272" s="1" t="s">
        <v>170</v>
      </c>
      <c r="D62272" s="1" t="s">
        <v>188545</v>
      </c>
      <c r="E62272" s="1" t="s">
        <v>208273</v>
      </c>
      <c r="F62272" s="1" t="s">
        <v>208274</v>
      </c>
      <c r="G62272" s="1" t="s">
        <v>208175</v>
      </c>
      <c r="H62272" s="1" t="s">
        <v>208176</v>
      </c>
      <c r="I62272" s="1" t="s">
        <v>207852</v>
      </c>
      <c r="J62272" s="1" t="s">
        <v>208275</v>
      </c>
    </row>
    <row r="62273" spans="1:10" x14ac:dyDescent="0.35">
      <c r="A62273" s="1" t="s">
        <v>120159</v>
      </c>
      <c r="B62273" s="1" t="s">
        <v>207847</v>
      </c>
      <c r="C62273" s="1" t="s">
        <v>8</v>
      </c>
      <c r="D62273" s="1" t="s">
        <v>261</v>
      </c>
      <c r="E62273" s="1" t="s">
        <v>208276</v>
      </c>
      <c r="F62273" s="1" t="s">
        <v>208277</v>
      </c>
      <c r="G62273" s="1" t="s">
        <v>208278</v>
      </c>
      <c r="H62273" s="1" t="s">
        <v>208279</v>
      </c>
      <c r="I62273" s="1" t="s">
        <v>207852</v>
      </c>
      <c r="J62273" s="1" t="s">
        <v>13</v>
      </c>
    </row>
    <row r="62274" spans="1:10" x14ac:dyDescent="0.35">
      <c r="A62274" s="1" t="s">
        <v>120159</v>
      </c>
      <c r="B62274" s="1" t="s">
        <v>207847</v>
      </c>
      <c r="C62274" s="1" t="s">
        <v>15</v>
      </c>
      <c r="D62274" s="1" t="s">
        <v>150818</v>
      </c>
      <c r="E62274" s="1" t="s">
        <v>208280</v>
      </c>
      <c r="F62274" s="1" t="s">
        <v>208281</v>
      </c>
      <c r="G62274" s="1" t="s">
        <v>208278</v>
      </c>
      <c r="H62274" s="1" t="s">
        <v>208279</v>
      </c>
      <c r="I62274" s="1" t="s">
        <v>207852</v>
      </c>
      <c r="J62274" s="1" t="s">
        <v>208282</v>
      </c>
    </row>
    <row r="62275" spans="1:10" x14ac:dyDescent="0.35">
      <c r="A62275" s="1" t="s">
        <v>120159</v>
      </c>
      <c r="B62275" s="1" t="s">
        <v>207847</v>
      </c>
      <c r="C62275" s="1" t="s">
        <v>20</v>
      </c>
      <c r="D62275" s="1" t="s">
        <v>118087</v>
      </c>
      <c r="E62275" s="1" t="s">
        <v>208283</v>
      </c>
      <c r="F62275" s="1" t="s">
        <v>208284</v>
      </c>
      <c r="G62275" s="1" t="s">
        <v>208278</v>
      </c>
      <c r="H62275" s="1" t="s">
        <v>208279</v>
      </c>
      <c r="I62275" s="1" t="s">
        <v>207852</v>
      </c>
      <c r="J62275" s="1" t="s">
        <v>208285</v>
      </c>
    </row>
    <row r="62276" spans="1:10" x14ac:dyDescent="0.35">
      <c r="A62276" s="1" t="s">
        <v>120159</v>
      </c>
      <c r="B62276" s="1" t="s">
        <v>207847</v>
      </c>
      <c r="C62276" s="1" t="s">
        <v>25</v>
      </c>
      <c r="D62276" s="1" t="s">
        <v>73867</v>
      </c>
      <c r="E62276" s="1" t="s">
        <v>208286</v>
      </c>
      <c r="F62276" s="1" t="s">
        <v>208287</v>
      </c>
      <c r="G62276" s="1" t="s">
        <v>208278</v>
      </c>
      <c r="H62276" s="1" t="s">
        <v>208279</v>
      </c>
      <c r="I62276" s="1" t="s">
        <v>207852</v>
      </c>
      <c r="J62276" s="1" t="s">
        <v>208288</v>
      </c>
    </row>
    <row r="62277" spans="1:10" x14ac:dyDescent="0.35">
      <c r="A62277" s="1" t="s">
        <v>120159</v>
      </c>
      <c r="B62277" s="1" t="s">
        <v>207847</v>
      </c>
      <c r="C62277" s="1" t="s">
        <v>30</v>
      </c>
      <c r="D62277" s="1" t="s">
        <v>5123</v>
      </c>
      <c r="E62277" s="1" t="s">
        <v>208289</v>
      </c>
      <c r="F62277" s="1" t="s">
        <v>208290</v>
      </c>
      <c r="G62277" s="1" t="s">
        <v>208278</v>
      </c>
      <c r="H62277" s="1" t="s">
        <v>208279</v>
      </c>
      <c r="I62277" s="1" t="s">
        <v>207852</v>
      </c>
      <c r="J62277" s="1" t="s">
        <v>208291</v>
      </c>
    </row>
    <row r="62278" spans="1:10" x14ac:dyDescent="0.35">
      <c r="A62278" s="1" t="s">
        <v>120159</v>
      </c>
      <c r="B62278" s="1" t="s">
        <v>207847</v>
      </c>
      <c r="C62278" s="1" t="s">
        <v>35</v>
      </c>
      <c r="D62278" s="1" t="s">
        <v>208292</v>
      </c>
      <c r="E62278" s="1" t="s">
        <v>208293</v>
      </c>
      <c r="F62278" s="1" t="s">
        <v>208294</v>
      </c>
      <c r="G62278" s="1" t="s">
        <v>208278</v>
      </c>
      <c r="H62278" s="1" t="s">
        <v>208279</v>
      </c>
      <c r="I62278" s="1" t="s">
        <v>207852</v>
      </c>
      <c r="J62278" s="1" t="s">
        <v>208295</v>
      </c>
    </row>
    <row r="62279" spans="1:10" x14ac:dyDescent="0.35">
      <c r="A62279" s="1" t="s">
        <v>120159</v>
      </c>
      <c r="B62279" s="1" t="s">
        <v>207847</v>
      </c>
      <c r="C62279" s="1" t="s">
        <v>40</v>
      </c>
      <c r="D62279" s="1" t="s">
        <v>155119</v>
      </c>
      <c r="E62279" s="1" t="s">
        <v>208296</v>
      </c>
      <c r="F62279" s="1" t="s">
        <v>208297</v>
      </c>
      <c r="G62279" s="1" t="s">
        <v>208278</v>
      </c>
      <c r="H62279" s="1" t="s">
        <v>208279</v>
      </c>
      <c r="I62279" s="1" t="s">
        <v>207852</v>
      </c>
      <c r="J62279" s="1" t="s">
        <v>208298</v>
      </c>
    </row>
    <row r="62280" spans="1:10" x14ac:dyDescent="0.35">
      <c r="A62280" s="1" t="s">
        <v>120159</v>
      </c>
      <c r="B62280" s="1" t="s">
        <v>207847</v>
      </c>
      <c r="C62280" s="1" t="s">
        <v>45</v>
      </c>
      <c r="D62280" s="1" t="s">
        <v>208299</v>
      </c>
      <c r="E62280" s="1" t="s">
        <v>208300</v>
      </c>
      <c r="F62280" s="1" t="s">
        <v>208301</v>
      </c>
      <c r="G62280" s="1" t="s">
        <v>208278</v>
      </c>
      <c r="H62280" s="1" t="s">
        <v>208279</v>
      </c>
      <c r="I62280" s="1" t="s">
        <v>207852</v>
      </c>
      <c r="J62280" s="1" t="s">
        <v>208302</v>
      </c>
    </row>
    <row r="62281" spans="1:10" x14ac:dyDescent="0.35">
      <c r="A62281" s="1" t="s">
        <v>120159</v>
      </c>
      <c r="B62281" s="1" t="s">
        <v>207847</v>
      </c>
      <c r="C62281" s="1" t="s">
        <v>50</v>
      </c>
      <c r="D62281" s="1" t="s">
        <v>155910</v>
      </c>
      <c r="E62281" s="1" t="s">
        <v>208303</v>
      </c>
      <c r="F62281" s="1" t="s">
        <v>208304</v>
      </c>
      <c r="G62281" s="1" t="s">
        <v>208278</v>
      </c>
      <c r="H62281" s="1" t="s">
        <v>208279</v>
      </c>
      <c r="I62281" s="1" t="s">
        <v>207852</v>
      </c>
      <c r="J62281" s="1" t="s">
        <v>208305</v>
      </c>
    </row>
    <row r="62282" spans="1:10" x14ac:dyDescent="0.35">
      <c r="A62282" s="1" t="s">
        <v>120159</v>
      </c>
      <c r="B62282" s="1" t="s">
        <v>207847</v>
      </c>
      <c r="C62282" s="1" t="s">
        <v>55</v>
      </c>
      <c r="D62282" s="1" t="s">
        <v>156113</v>
      </c>
      <c r="E62282" s="1" t="s">
        <v>208306</v>
      </c>
      <c r="F62282" s="1" t="s">
        <v>208307</v>
      </c>
      <c r="G62282" s="1" t="s">
        <v>208278</v>
      </c>
      <c r="H62282" s="1" t="s">
        <v>208279</v>
      </c>
      <c r="I62282" s="1" t="s">
        <v>207852</v>
      </c>
      <c r="J62282" s="1" t="s">
        <v>208308</v>
      </c>
    </row>
    <row r="62283" spans="1:10" x14ac:dyDescent="0.35">
      <c r="A62283" s="1" t="s">
        <v>120159</v>
      </c>
      <c r="B62283" s="1" t="s">
        <v>207847</v>
      </c>
      <c r="C62283" s="1" t="s">
        <v>60</v>
      </c>
      <c r="D62283" s="1" t="s">
        <v>125726</v>
      </c>
      <c r="E62283" s="1" t="s">
        <v>208309</v>
      </c>
      <c r="F62283" s="1" t="s">
        <v>208310</v>
      </c>
      <c r="G62283" s="1" t="s">
        <v>208278</v>
      </c>
      <c r="H62283" s="1" t="s">
        <v>208279</v>
      </c>
      <c r="I62283" s="1" t="s">
        <v>207852</v>
      </c>
      <c r="J62283" s="1" t="s">
        <v>208311</v>
      </c>
    </row>
    <row r="62284" spans="1:10" x14ac:dyDescent="0.35">
      <c r="A62284" s="1" t="s">
        <v>120159</v>
      </c>
      <c r="B62284" s="1" t="s">
        <v>207847</v>
      </c>
      <c r="C62284" s="1" t="s">
        <v>65</v>
      </c>
      <c r="D62284" s="1" t="s">
        <v>125010</v>
      </c>
      <c r="E62284" s="1" t="s">
        <v>208312</v>
      </c>
      <c r="F62284" s="1" t="s">
        <v>208313</v>
      </c>
      <c r="G62284" s="1" t="s">
        <v>208278</v>
      </c>
      <c r="H62284" s="1" t="s">
        <v>208279</v>
      </c>
      <c r="I62284" s="1" t="s">
        <v>207852</v>
      </c>
      <c r="J62284" s="1" t="s">
        <v>208314</v>
      </c>
    </row>
    <row r="62285" spans="1:10" x14ac:dyDescent="0.35">
      <c r="A62285" s="1" t="s">
        <v>120159</v>
      </c>
      <c r="B62285" s="1" t="s">
        <v>207847</v>
      </c>
      <c r="C62285" s="1" t="s">
        <v>70</v>
      </c>
      <c r="D62285" s="1" t="s">
        <v>154126</v>
      </c>
      <c r="E62285" s="1" t="s">
        <v>208315</v>
      </c>
      <c r="F62285" s="1" t="s">
        <v>208316</v>
      </c>
      <c r="G62285" s="1" t="s">
        <v>208278</v>
      </c>
      <c r="H62285" s="1" t="s">
        <v>208279</v>
      </c>
      <c r="I62285" s="1" t="s">
        <v>207852</v>
      </c>
      <c r="J62285" s="1" t="s">
        <v>208317</v>
      </c>
    </row>
    <row r="62286" spans="1:10" x14ac:dyDescent="0.35">
      <c r="A62286" s="1" t="s">
        <v>120159</v>
      </c>
      <c r="B62286" s="1" t="s">
        <v>207847</v>
      </c>
      <c r="C62286" s="1" t="s">
        <v>75</v>
      </c>
      <c r="D62286" s="1" t="s">
        <v>9605</v>
      </c>
      <c r="E62286" s="1" t="s">
        <v>208318</v>
      </c>
      <c r="F62286" s="1" t="s">
        <v>208319</v>
      </c>
      <c r="G62286" s="1" t="s">
        <v>208278</v>
      </c>
      <c r="H62286" s="1" t="s">
        <v>208279</v>
      </c>
      <c r="I62286" s="1" t="s">
        <v>207852</v>
      </c>
      <c r="J62286" s="1" t="s">
        <v>208320</v>
      </c>
    </row>
    <row r="62287" spans="1:10" x14ac:dyDescent="0.35">
      <c r="A62287" s="1" t="s">
        <v>120159</v>
      </c>
      <c r="B62287" s="1" t="s">
        <v>207847</v>
      </c>
      <c r="C62287" s="1" t="s">
        <v>80</v>
      </c>
      <c r="D62287" s="1" t="s">
        <v>121805</v>
      </c>
      <c r="E62287" s="1" t="s">
        <v>208321</v>
      </c>
      <c r="F62287" s="1" t="s">
        <v>208322</v>
      </c>
      <c r="G62287" s="1" t="s">
        <v>208278</v>
      </c>
      <c r="H62287" s="1" t="s">
        <v>208279</v>
      </c>
      <c r="I62287" s="1" t="s">
        <v>207852</v>
      </c>
      <c r="J62287" s="1" t="s">
        <v>208323</v>
      </c>
    </row>
    <row r="62288" spans="1:10" x14ac:dyDescent="0.35">
      <c r="A62288" s="1" t="s">
        <v>120159</v>
      </c>
      <c r="B62288" s="1" t="s">
        <v>207847</v>
      </c>
      <c r="C62288" s="1" t="s">
        <v>85</v>
      </c>
      <c r="D62288" s="1" t="s">
        <v>72993</v>
      </c>
      <c r="E62288" s="1" t="s">
        <v>208324</v>
      </c>
      <c r="F62288" s="1" t="s">
        <v>208325</v>
      </c>
      <c r="G62288" s="1" t="s">
        <v>208278</v>
      </c>
      <c r="H62288" s="1" t="s">
        <v>208279</v>
      </c>
      <c r="I62288" s="1" t="s">
        <v>207852</v>
      </c>
      <c r="J62288" s="1" t="s">
        <v>208326</v>
      </c>
    </row>
    <row r="62289" spans="1:10" x14ac:dyDescent="0.35">
      <c r="A62289" s="1" t="s">
        <v>120159</v>
      </c>
      <c r="B62289" s="1" t="s">
        <v>207847</v>
      </c>
      <c r="C62289" s="1" t="s">
        <v>90</v>
      </c>
      <c r="D62289" s="1" t="s">
        <v>83119</v>
      </c>
      <c r="E62289" s="1" t="s">
        <v>208327</v>
      </c>
      <c r="F62289" s="1" t="s">
        <v>208328</v>
      </c>
      <c r="G62289" s="1" t="s">
        <v>208278</v>
      </c>
      <c r="H62289" s="1" t="s">
        <v>208279</v>
      </c>
      <c r="I62289" s="1" t="s">
        <v>207852</v>
      </c>
      <c r="J62289" s="1" t="s">
        <v>208329</v>
      </c>
    </row>
    <row r="62290" spans="1:10" x14ac:dyDescent="0.35">
      <c r="A62290" s="1" t="s">
        <v>120159</v>
      </c>
      <c r="B62290" s="1" t="s">
        <v>207847</v>
      </c>
      <c r="C62290" s="1" t="s">
        <v>95</v>
      </c>
      <c r="D62290" s="1" t="s">
        <v>13279</v>
      </c>
      <c r="E62290" s="1" t="s">
        <v>208330</v>
      </c>
      <c r="F62290" s="1" t="s">
        <v>208331</v>
      </c>
      <c r="G62290" s="1" t="s">
        <v>208278</v>
      </c>
      <c r="H62290" s="1" t="s">
        <v>208279</v>
      </c>
      <c r="I62290" s="1" t="s">
        <v>207852</v>
      </c>
      <c r="J62290" s="1" t="s">
        <v>208332</v>
      </c>
    </row>
    <row r="62291" spans="1:10" x14ac:dyDescent="0.35">
      <c r="A62291" s="1" t="s">
        <v>120159</v>
      </c>
      <c r="B62291" s="1" t="s">
        <v>207847</v>
      </c>
      <c r="C62291" s="1" t="s">
        <v>100</v>
      </c>
      <c r="D62291" s="1" t="s">
        <v>30273</v>
      </c>
      <c r="E62291" s="1" t="s">
        <v>208333</v>
      </c>
      <c r="F62291" s="1" t="s">
        <v>208334</v>
      </c>
      <c r="G62291" s="1" t="s">
        <v>208278</v>
      </c>
      <c r="H62291" s="1" t="s">
        <v>208279</v>
      </c>
      <c r="I62291" s="1" t="s">
        <v>207852</v>
      </c>
      <c r="J62291" s="1" t="s">
        <v>208335</v>
      </c>
    </row>
    <row r="62292" spans="1:10" x14ac:dyDescent="0.35">
      <c r="A62292" s="1" t="s">
        <v>120159</v>
      </c>
      <c r="B62292" s="1" t="s">
        <v>207847</v>
      </c>
      <c r="C62292" s="1" t="s">
        <v>105</v>
      </c>
      <c r="D62292" s="1" t="s">
        <v>45818</v>
      </c>
      <c r="E62292" s="1" t="s">
        <v>208336</v>
      </c>
      <c r="F62292" s="1" t="s">
        <v>208337</v>
      </c>
      <c r="G62292" s="1" t="s">
        <v>208278</v>
      </c>
      <c r="H62292" s="1" t="s">
        <v>208279</v>
      </c>
      <c r="I62292" s="1" t="s">
        <v>207852</v>
      </c>
      <c r="J62292" s="1" t="s">
        <v>208338</v>
      </c>
    </row>
    <row r="62293" spans="1:10" x14ac:dyDescent="0.35">
      <c r="A62293" s="1" t="s">
        <v>120159</v>
      </c>
      <c r="B62293" s="1" t="s">
        <v>207847</v>
      </c>
      <c r="C62293" s="1" t="s">
        <v>110</v>
      </c>
      <c r="D62293" s="1" t="s">
        <v>186534</v>
      </c>
      <c r="E62293" s="1" t="s">
        <v>208339</v>
      </c>
      <c r="F62293" s="1" t="s">
        <v>208340</v>
      </c>
      <c r="G62293" s="1" t="s">
        <v>208278</v>
      </c>
      <c r="H62293" s="1" t="s">
        <v>208279</v>
      </c>
      <c r="I62293" s="1" t="s">
        <v>207852</v>
      </c>
      <c r="J62293" s="1" t="s">
        <v>208341</v>
      </c>
    </row>
    <row r="62294" spans="1:10" x14ac:dyDescent="0.35">
      <c r="A62294" s="1" t="s">
        <v>120159</v>
      </c>
      <c r="B62294" s="1" t="s">
        <v>207847</v>
      </c>
      <c r="C62294" s="1" t="s">
        <v>115</v>
      </c>
      <c r="D62294" s="1" t="s">
        <v>153821</v>
      </c>
      <c r="E62294" s="1" t="s">
        <v>208342</v>
      </c>
      <c r="F62294" s="1" t="s">
        <v>208343</v>
      </c>
      <c r="G62294" s="1" t="s">
        <v>208278</v>
      </c>
      <c r="H62294" s="1" t="s">
        <v>208279</v>
      </c>
      <c r="I62294" s="1" t="s">
        <v>207852</v>
      </c>
      <c r="J62294" s="1" t="s">
        <v>208344</v>
      </c>
    </row>
    <row r="62295" spans="1:10" x14ac:dyDescent="0.35">
      <c r="A62295" s="1" t="s">
        <v>120159</v>
      </c>
      <c r="B62295" s="1" t="s">
        <v>207847</v>
      </c>
      <c r="C62295" s="1" t="s">
        <v>120</v>
      </c>
      <c r="D62295" s="1" t="s">
        <v>208345</v>
      </c>
      <c r="E62295" s="1" t="s">
        <v>208346</v>
      </c>
      <c r="F62295" s="1" t="s">
        <v>208347</v>
      </c>
      <c r="G62295" s="1" t="s">
        <v>208278</v>
      </c>
      <c r="H62295" s="1" t="s">
        <v>208279</v>
      </c>
      <c r="I62295" s="1" t="s">
        <v>207852</v>
      </c>
      <c r="J62295" s="1" t="s">
        <v>208348</v>
      </c>
    </row>
    <row r="62296" spans="1:10" x14ac:dyDescent="0.35">
      <c r="A62296" s="1" t="s">
        <v>120159</v>
      </c>
      <c r="B62296" s="1" t="s">
        <v>207847</v>
      </c>
      <c r="C62296" s="1" t="s">
        <v>125</v>
      </c>
      <c r="D62296" s="1" t="s">
        <v>17601</v>
      </c>
      <c r="E62296" s="1" t="s">
        <v>208349</v>
      </c>
      <c r="F62296" s="1" t="s">
        <v>208350</v>
      </c>
      <c r="G62296" s="1" t="s">
        <v>208278</v>
      </c>
      <c r="H62296" s="1" t="s">
        <v>208279</v>
      </c>
      <c r="I62296" s="1" t="s">
        <v>207852</v>
      </c>
      <c r="J62296" s="1" t="s">
        <v>208351</v>
      </c>
    </row>
    <row r="62297" spans="1:10" x14ac:dyDescent="0.35">
      <c r="A62297" s="1" t="s">
        <v>120159</v>
      </c>
      <c r="B62297" s="1" t="s">
        <v>207847</v>
      </c>
      <c r="C62297" s="1" t="s">
        <v>130</v>
      </c>
      <c r="D62297" s="1" t="s">
        <v>208352</v>
      </c>
      <c r="E62297" s="1" t="s">
        <v>208353</v>
      </c>
      <c r="F62297" s="1" t="s">
        <v>208354</v>
      </c>
      <c r="G62297" s="1" t="s">
        <v>208278</v>
      </c>
      <c r="H62297" s="1" t="s">
        <v>208279</v>
      </c>
      <c r="I62297" s="1" t="s">
        <v>207852</v>
      </c>
      <c r="J62297" s="1" t="s">
        <v>208355</v>
      </c>
    </row>
    <row r="62298" spans="1:10" x14ac:dyDescent="0.35">
      <c r="A62298" s="1" t="s">
        <v>120159</v>
      </c>
      <c r="B62298" s="1" t="s">
        <v>207847</v>
      </c>
      <c r="C62298" s="1" t="s">
        <v>135</v>
      </c>
      <c r="D62298" s="1" t="s">
        <v>208356</v>
      </c>
      <c r="E62298" s="1" t="s">
        <v>208357</v>
      </c>
      <c r="F62298" s="1" t="s">
        <v>208358</v>
      </c>
      <c r="G62298" s="1" t="s">
        <v>208278</v>
      </c>
      <c r="H62298" s="1" t="s">
        <v>208279</v>
      </c>
      <c r="I62298" s="1" t="s">
        <v>207852</v>
      </c>
      <c r="J62298" s="1" t="s">
        <v>208359</v>
      </c>
    </row>
    <row r="62299" spans="1:10" x14ac:dyDescent="0.35">
      <c r="A62299" s="1" t="s">
        <v>120159</v>
      </c>
      <c r="B62299" s="1" t="s">
        <v>207847</v>
      </c>
      <c r="C62299" s="1" t="s">
        <v>140</v>
      </c>
      <c r="D62299" s="1" t="s">
        <v>208360</v>
      </c>
      <c r="E62299" s="1" t="s">
        <v>208361</v>
      </c>
      <c r="F62299" s="1" t="s">
        <v>208362</v>
      </c>
      <c r="G62299" s="1" t="s">
        <v>208278</v>
      </c>
      <c r="H62299" s="1" t="s">
        <v>208279</v>
      </c>
      <c r="I62299" s="1" t="s">
        <v>207852</v>
      </c>
      <c r="J62299" s="1" t="s">
        <v>208363</v>
      </c>
    </row>
    <row r="62300" spans="1:10" x14ac:dyDescent="0.35">
      <c r="A62300" s="1" t="s">
        <v>120159</v>
      </c>
      <c r="B62300" s="1" t="s">
        <v>207847</v>
      </c>
      <c r="C62300" s="1" t="s">
        <v>145</v>
      </c>
      <c r="D62300" s="1" t="s">
        <v>96878</v>
      </c>
      <c r="E62300" s="1" t="s">
        <v>208364</v>
      </c>
      <c r="F62300" s="1" t="s">
        <v>208365</v>
      </c>
      <c r="G62300" s="1" t="s">
        <v>208278</v>
      </c>
      <c r="H62300" s="1" t="s">
        <v>208279</v>
      </c>
      <c r="I62300" s="1" t="s">
        <v>207852</v>
      </c>
      <c r="J62300" s="1" t="s">
        <v>208366</v>
      </c>
    </row>
    <row r="62301" spans="1:10" x14ac:dyDescent="0.35">
      <c r="A62301" s="1" t="s">
        <v>120159</v>
      </c>
      <c r="B62301" s="1" t="s">
        <v>207847</v>
      </c>
      <c r="C62301" s="1" t="s">
        <v>150</v>
      </c>
      <c r="D62301" s="1" t="s">
        <v>208367</v>
      </c>
      <c r="E62301" s="1" t="s">
        <v>208368</v>
      </c>
      <c r="F62301" s="1" t="s">
        <v>208369</v>
      </c>
      <c r="G62301" s="1" t="s">
        <v>208278</v>
      </c>
      <c r="H62301" s="1" t="s">
        <v>208279</v>
      </c>
      <c r="I62301" s="1" t="s">
        <v>207852</v>
      </c>
      <c r="J62301" s="1" t="s">
        <v>208370</v>
      </c>
    </row>
    <row r="62302" spans="1:10" x14ac:dyDescent="0.35">
      <c r="A62302" s="1" t="s">
        <v>120159</v>
      </c>
      <c r="B62302" s="1" t="s">
        <v>207847</v>
      </c>
      <c r="C62302" s="1" t="s">
        <v>155</v>
      </c>
      <c r="D62302" s="1" t="s">
        <v>208371</v>
      </c>
      <c r="E62302" s="1" t="s">
        <v>208372</v>
      </c>
      <c r="F62302" s="1" t="s">
        <v>208373</v>
      </c>
      <c r="G62302" s="1" t="s">
        <v>208278</v>
      </c>
      <c r="H62302" s="1" t="s">
        <v>208279</v>
      </c>
      <c r="I62302" s="1" t="s">
        <v>207852</v>
      </c>
      <c r="J62302" s="1" t="s">
        <v>208374</v>
      </c>
    </row>
    <row r="62303" spans="1:10" x14ac:dyDescent="0.35">
      <c r="A62303" s="1" t="s">
        <v>120159</v>
      </c>
      <c r="B62303" s="1" t="s">
        <v>207847</v>
      </c>
      <c r="C62303" s="1" t="s">
        <v>160</v>
      </c>
      <c r="D62303" s="1" t="s">
        <v>15104</v>
      </c>
      <c r="E62303" s="1" t="s">
        <v>208375</v>
      </c>
      <c r="F62303" s="1" t="s">
        <v>208376</v>
      </c>
      <c r="G62303" s="1" t="s">
        <v>208278</v>
      </c>
      <c r="H62303" s="1" t="s">
        <v>208279</v>
      </c>
      <c r="I62303" s="1" t="s">
        <v>207852</v>
      </c>
      <c r="J62303" s="1" t="s">
        <v>208377</v>
      </c>
    </row>
    <row r="62304" spans="1:10" x14ac:dyDescent="0.35">
      <c r="A62304" s="1" t="s">
        <v>120159</v>
      </c>
      <c r="B62304" s="1" t="s">
        <v>207847</v>
      </c>
      <c r="C62304" s="1" t="s">
        <v>165</v>
      </c>
      <c r="D62304" s="1" t="s">
        <v>61286</v>
      </c>
      <c r="E62304" s="1" t="s">
        <v>208378</v>
      </c>
      <c r="F62304" s="1" t="s">
        <v>208379</v>
      </c>
      <c r="G62304" s="1" t="s">
        <v>208278</v>
      </c>
      <c r="H62304" s="1" t="s">
        <v>208279</v>
      </c>
      <c r="I62304" s="1" t="s">
        <v>207852</v>
      </c>
      <c r="J62304" s="1" t="s">
        <v>208380</v>
      </c>
    </row>
    <row r="62305" spans="1:10" x14ac:dyDescent="0.35">
      <c r="A62305" s="1" t="s">
        <v>120159</v>
      </c>
      <c r="B62305" s="1" t="s">
        <v>207847</v>
      </c>
      <c r="C62305" s="1" t="s">
        <v>170</v>
      </c>
      <c r="D62305" s="1" t="s">
        <v>66830</v>
      </c>
      <c r="E62305" s="1" t="s">
        <v>208381</v>
      </c>
      <c r="F62305" s="1" t="s">
        <v>208382</v>
      </c>
      <c r="G62305" s="1" t="s">
        <v>208278</v>
      </c>
      <c r="H62305" s="1" t="s">
        <v>208279</v>
      </c>
      <c r="I62305" s="1" t="s">
        <v>207852</v>
      </c>
      <c r="J62305" s="1" t="s">
        <v>208383</v>
      </c>
    </row>
    <row r="62306" spans="1:10" x14ac:dyDescent="0.35">
      <c r="A62306" s="1" t="s">
        <v>104427</v>
      </c>
      <c r="B62306" s="1" t="s">
        <v>207847</v>
      </c>
      <c r="C62306" s="1" t="s">
        <v>8</v>
      </c>
      <c r="D62306" s="1" t="s">
        <v>51612</v>
      </c>
      <c r="E62306" s="1" t="s">
        <v>208384</v>
      </c>
      <c r="F62306" s="1" t="s">
        <v>208385</v>
      </c>
      <c r="G62306" s="1" t="s">
        <v>208386</v>
      </c>
      <c r="H62306" s="1" t="s">
        <v>208387</v>
      </c>
      <c r="I62306" s="1" t="s">
        <v>207852</v>
      </c>
      <c r="J62306" s="1" t="s">
        <v>13</v>
      </c>
    </row>
    <row r="62307" spans="1:10" x14ac:dyDescent="0.35">
      <c r="A62307" s="1" t="s">
        <v>104427</v>
      </c>
      <c r="B62307" s="1" t="s">
        <v>207847</v>
      </c>
      <c r="C62307" s="1" t="s">
        <v>15</v>
      </c>
      <c r="D62307" s="1" t="s">
        <v>34169</v>
      </c>
      <c r="E62307" s="1" t="s">
        <v>208388</v>
      </c>
      <c r="F62307" s="1" t="s">
        <v>208389</v>
      </c>
      <c r="G62307" s="1" t="s">
        <v>208386</v>
      </c>
      <c r="H62307" s="1" t="s">
        <v>208387</v>
      </c>
      <c r="I62307" s="1" t="s">
        <v>207852</v>
      </c>
      <c r="J62307" s="1" t="s">
        <v>208390</v>
      </c>
    </row>
    <row r="62308" spans="1:10" x14ac:dyDescent="0.35">
      <c r="A62308" s="1" t="s">
        <v>104427</v>
      </c>
      <c r="B62308" s="1" t="s">
        <v>207847</v>
      </c>
      <c r="C62308" s="1" t="s">
        <v>20</v>
      </c>
      <c r="D62308" s="1" t="s">
        <v>125726</v>
      </c>
      <c r="E62308" s="1" t="s">
        <v>208391</v>
      </c>
      <c r="F62308" s="1" t="s">
        <v>208392</v>
      </c>
      <c r="G62308" s="1" t="s">
        <v>208386</v>
      </c>
      <c r="H62308" s="1" t="s">
        <v>208387</v>
      </c>
      <c r="I62308" s="1" t="s">
        <v>207852</v>
      </c>
      <c r="J62308" s="1" t="s">
        <v>208393</v>
      </c>
    </row>
    <row r="62309" spans="1:10" x14ac:dyDescent="0.35">
      <c r="A62309" s="1" t="s">
        <v>104427</v>
      </c>
      <c r="B62309" s="1" t="s">
        <v>207847</v>
      </c>
      <c r="C62309" s="1" t="s">
        <v>25</v>
      </c>
      <c r="D62309" s="1" t="s">
        <v>30983</v>
      </c>
      <c r="E62309" s="1" t="s">
        <v>208394</v>
      </c>
      <c r="F62309" s="1" t="s">
        <v>208395</v>
      </c>
      <c r="G62309" s="1" t="s">
        <v>208386</v>
      </c>
      <c r="H62309" s="1" t="s">
        <v>208387</v>
      </c>
      <c r="I62309" s="1" t="s">
        <v>207852</v>
      </c>
      <c r="J62309" s="1" t="s">
        <v>208396</v>
      </c>
    </row>
    <row r="62310" spans="1:10" x14ac:dyDescent="0.35">
      <c r="A62310" s="1" t="s">
        <v>104427</v>
      </c>
      <c r="B62310" s="1" t="s">
        <v>207847</v>
      </c>
      <c r="C62310" s="1" t="s">
        <v>30</v>
      </c>
      <c r="D62310" s="1" t="s">
        <v>208397</v>
      </c>
      <c r="E62310" s="1" t="s">
        <v>208398</v>
      </c>
      <c r="F62310" s="1" t="s">
        <v>208399</v>
      </c>
      <c r="G62310" s="1" t="s">
        <v>208386</v>
      </c>
      <c r="H62310" s="1" t="s">
        <v>208387</v>
      </c>
      <c r="I62310" s="1" t="s">
        <v>207852</v>
      </c>
      <c r="J62310" s="1" t="s">
        <v>208400</v>
      </c>
    </row>
    <row r="62311" spans="1:10" x14ac:dyDescent="0.35">
      <c r="A62311" s="1" t="s">
        <v>104427</v>
      </c>
      <c r="B62311" s="1" t="s">
        <v>207847</v>
      </c>
      <c r="C62311" s="1" t="s">
        <v>35</v>
      </c>
      <c r="D62311" s="1" t="s">
        <v>174906</v>
      </c>
      <c r="E62311" s="1" t="s">
        <v>208401</v>
      </c>
      <c r="F62311" s="1" t="s">
        <v>208402</v>
      </c>
      <c r="G62311" s="1" t="s">
        <v>208386</v>
      </c>
      <c r="H62311" s="1" t="s">
        <v>208387</v>
      </c>
      <c r="I62311" s="1" t="s">
        <v>207852</v>
      </c>
      <c r="J62311" s="1" t="s">
        <v>208403</v>
      </c>
    </row>
    <row r="62312" spans="1:10" x14ac:dyDescent="0.35">
      <c r="A62312" s="1" t="s">
        <v>104427</v>
      </c>
      <c r="B62312" s="1" t="s">
        <v>207847</v>
      </c>
      <c r="C62312" s="1" t="s">
        <v>40</v>
      </c>
      <c r="D62312" s="1" t="s">
        <v>32979</v>
      </c>
      <c r="E62312" s="1" t="s">
        <v>208404</v>
      </c>
      <c r="F62312" s="1" t="s">
        <v>208405</v>
      </c>
      <c r="G62312" s="1" t="s">
        <v>208386</v>
      </c>
      <c r="H62312" s="1" t="s">
        <v>208387</v>
      </c>
      <c r="I62312" s="1" t="s">
        <v>207852</v>
      </c>
      <c r="J62312" s="1" t="s">
        <v>208406</v>
      </c>
    </row>
    <row r="62313" spans="1:10" x14ac:dyDescent="0.35">
      <c r="A62313" s="1" t="s">
        <v>104427</v>
      </c>
      <c r="B62313" s="1" t="s">
        <v>207847</v>
      </c>
      <c r="C62313" s="1" t="s">
        <v>45</v>
      </c>
      <c r="D62313" s="1" t="s">
        <v>208407</v>
      </c>
      <c r="E62313" s="1" t="s">
        <v>208408</v>
      </c>
      <c r="F62313" s="1" t="s">
        <v>208409</v>
      </c>
      <c r="G62313" s="1" t="s">
        <v>208386</v>
      </c>
      <c r="H62313" s="1" t="s">
        <v>208387</v>
      </c>
      <c r="I62313" s="1" t="s">
        <v>207852</v>
      </c>
      <c r="J62313" s="1" t="s">
        <v>208410</v>
      </c>
    </row>
    <row r="62314" spans="1:10" x14ac:dyDescent="0.35">
      <c r="A62314" s="1" t="s">
        <v>104427</v>
      </c>
      <c r="B62314" s="1" t="s">
        <v>207847</v>
      </c>
      <c r="C62314" s="1" t="s">
        <v>50</v>
      </c>
      <c r="D62314" s="1" t="s">
        <v>9640</v>
      </c>
      <c r="E62314" s="1" t="s">
        <v>208411</v>
      </c>
      <c r="F62314" s="1" t="s">
        <v>208412</v>
      </c>
      <c r="G62314" s="1" t="s">
        <v>208386</v>
      </c>
      <c r="H62314" s="1" t="s">
        <v>208387</v>
      </c>
      <c r="I62314" s="1" t="s">
        <v>207852</v>
      </c>
      <c r="J62314" s="1" t="s">
        <v>208413</v>
      </c>
    </row>
    <row r="62315" spans="1:10" x14ac:dyDescent="0.35">
      <c r="A62315" s="1" t="s">
        <v>104427</v>
      </c>
      <c r="B62315" s="1" t="s">
        <v>207847</v>
      </c>
      <c r="C62315" s="1" t="s">
        <v>55</v>
      </c>
      <c r="D62315" s="1" t="s">
        <v>208414</v>
      </c>
      <c r="E62315" s="1" t="s">
        <v>208415</v>
      </c>
      <c r="F62315" s="1" t="s">
        <v>208416</v>
      </c>
      <c r="G62315" s="1" t="s">
        <v>208386</v>
      </c>
      <c r="H62315" s="1" t="s">
        <v>208387</v>
      </c>
      <c r="I62315" s="1" t="s">
        <v>207852</v>
      </c>
      <c r="J62315" s="1" t="s">
        <v>208417</v>
      </c>
    </row>
    <row r="62316" spans="1:10" x14ac:dyDescent="0.35">
      <c r="A62316" s="1" t="s">
        <v>104427</v>
      </c>
      <c r="B62316" s="1" t="s">
        <v>207847</v>
      </c>
      <c r="C62316" s="1" t="s">
        <v>60</v>
      </c>
      <c r="D62316" s="1" t="s">
        <v>30925</v>
      </c>
      <c r="E62316" s="1" t="s">
        <v>208418</v>
      </c>
      <c r="F62316" s="1" t="s">
        <v>208419</v>
      </c>
      <c r="G62316" s="1" t="s">
        <v>208386</v>
      </c>
      <c r="H62316" s="1" t="s">
        <v>208387</v>
      </c>
      <c r="I62316" s="1" t="s">
        <v>207852</v>
      </c>
      <c r="J62316" s="1" t="s">
        <v>208420</v>
      </c>
    </row>
    <row r="62317" spans="1:10" x14ac:dyDescent="0.35">
      <c r="A62317" s="1" t="s">
        <v>104427</v>
      </c>
      <c r="B62317" s="1" t="s">
        <v>207847</v>
      </c>
      <c r="C62317" s="1" t="s">
        <v>65</v>
      </c>
      <c r="D62317" s="1" t="s">
        <v>75249</v>
      </c>
      <c r="E62317" s="1" t="s">
        <v>208421</v>
      </c>
      <c r="F62317" s="1" t="s">
        <v>208422</v>
      </c>
      <c r="G62317" s="1" t="s">
        <v>208386</v>
      </c>
      <c r="H62317" s="1" t="s">
        <v>208387</v>
      </c>
      <c r="I62317" s="1" t="s">
        <v>207852</v>
      </c>
      <c r="J62317" s="1" t="s">
        <v>208423</v>
      </c>
    </row>
    <row r="62318" spans="1:10" x14ac:dyDescent="0.35">
      <c r="A62318" s="1" t="s">
        <v>104427</v>
      </c>
      <c r="B62318" s="1" t="s">
        <v>207847</v>
      </c>
      <c r="C62318" s="1" t="s">
        <v>70</v>
      </c>
      <c r="D62318" s="1" t="s">
        <v>186509</v>
      </c>
      <c r="E62318" s="1" t="s">
        <v>208424</v>
      </c>
      <c r="F62318" s="1" t="s">
        <v>208425</v>
      </c>
      <c r="G62318" s="1" t="s">
        <v>208386</v>
      </c>
      <c r="H62318" s="1" t="s">
        <v>208387</v>
      </c>
      <c r="I62318" s="1" t="s">
        <v>207852</v>
      </c>
      <c r="J62318" s="1" t="s">
        <v>208426</v>
      </c>
    </row>
    <row r="62319" spans="1:10" x14ac:dyDescent="0.35">
      <c r="A62319" s="1" t="s">
        <v>104427</v>
      </c>
      <c r="B62319" s="1" t="s">
        <v>207847</v>
      </c>
      <c r="C62319" s="1" t="s">
        <v>75</v>
      </c>
      <c r="D62319" s="1" t="s">
        <v>153667</v>
      </c>
      <c r="E62319" s="1" t="s">
        <v>208427</v>
      </c>
      <c r="F62319" s="1" t="s">
        <v>208428</v>
      </c>
      <c r="G62319" s="1" t="s">
        <v>208386</v>
      </c>
      <c r="H62319" s="1" t="s">
        <v>208387</v>
      </c>
      <c r="I62319" s="1" t="s">
        <v>207852</v>
      </c>
      <c r="J62319" s="1" t="s">
        <v>208429</v>
      </c>
    </row>
    <row r="62320" spans="1:10" x14ac:dyDescent="0.35">
      <c r="A62320" s="1" t="s">
        <v>104427</v>
      </c>
      <c r="B62320" s="1" t="s">
        <v>207847</v>
      </c>
      <c r="C62320" s="1" t="s">
        <v>80</v>
      </c>
      <c r="D62320" s="1" t="s">
        <v>190840</v>
      </c>
      <c r="E62320" s="1" t="s">
        <v>208430</v>
      </c>
      <c r="F62320" s="1" t="s">
        <v>208431</v>
      </c>
      <c r="G62320" s="1" t="s">
        <v>208386</v>
      </c>
      <c r="H62320" s="1" t="s">
        <v>208387</v>
      </c>
      <c r="I62320" s="1" t="s">
        <v>207852</v>
      </c>
      <c r="J62320" s="1" t="s">
        <v>208432</v>
      </c>
    </row>
    <row r="62321" spans="1:10" x14ac:dyDescent="0.35">
      <c r="A62321" s="1" t="s">
        <v>104427</v>
      </c>
      <c r="B62321" s="1" t="s">
        <v>207847</v>
      </c>
      <c r="C62321" s="1" t="s">
        <v>85</v>
      </c>
      <c r="D62321" s="1" t="s">
        <v>208433</v>
      </c>
      <c r="E62321" s="1" t="s">
        <v>208434</v>
      </c>
      <c r="F62321" s="1" t="s">
        <v>208435</v>
      </c>
      <c r="G62321" s="1" t="s">
        <v>208386</v>
      </c>
      <c r="H62321" s="1" t="s">
        <v>208387</v>
      </c>
      <c r="I62321" s="1" t="s">
        <v>207852</v>
      </c>
      <c r="J62321" s="1" t="s">
        <v>208436</v>
      </c>
    </row>
    <row r="62322" spans="1:10" x14ac:dyDescent="0.35">
      <c r="A62322" s="1" t="s">
        <v>104427</v>
      </c>
      <c r="B62322" s="1" t="s">
        <v>207847</v>
      </c>
      <c r="C62322" s="1" t="s">
        <v>90</v>
      </c>
      <c r="D62322" s="1" t="s">
        <v>4210</v>
      </c>
      <c r="E62322" s="1" t="s">
        <v>208437</v>
      </c>
      <c r="F62322" s="1" t="s">
        <v>208438</v>
      </c>
      <c r="G62322" s="1" t="s">
        <v>208386</v>
      </c>
      <c r="H62322" s="1" t="s">
        <v>208387</v>
      </c>
      <c r="I62322" s="1" t="s">
        <v>207852</v>
      </c>
      <c r="J62322" s="1" t="s">
        <v>208439</v>
      </c>
    </row>
    <row r="62323" spans="1:10" x14ac:dyDescent="0.35">
      <c r="A62323" s="1" t="s">
        <v>104427</v>
      </c>
      <c r="B62323" s="1" t="s">
        <v>207847</v>
      </c>
      <c r="C62323" s="1" t="s">
        <v>95</v>
      </c>
      <c r="D62323" s="1" t="s">
        <v>25655</v>
      </c>
      <c r="E62323" s="1" t="s">
        <v>208440</v>
      </c>
      <c r="F62323" s="1" t="s">
        <v>208441</v>
      </c>
      <c r="G62323" s="1" t="s">
        <v>208386</v>
      </c>
      <c r="H62323" s="1" t="s">
        <v>208387</v>
      </c>
      <c r="I62323" s="1" t="s">
        <v>207852</v>
      </c>
      <c r="J62323" s="1" t="s">
        <v>208442</v>
      </c>
    </row>
    <row r="62324" spans="1:10" x14ac:dyDescent="0.35">
      <c r="A62324" s="1" t="s">
        <v>104427</v>
      </c>
      <c r="B62324" s="1" t="s">
        <v>207847</v>
      </c>
      <c r="C62324" s="1" t="s">
        <v>100</v>
      </c>
      <c r="D62324" s="1" t="s">
        <v>3862</v>
      </c>
      <c r="E62324" s="1" t="s">
        <v>208443</v>
      </c>
      <c r="F62324" s="1" t="s">
        <v>208444</v>
      </c>
      <c r="G62324" s="1" t="s">
        <v>208386</v>
      </c>
      <c r="H62324" s="1" t="s">
        <v>208387</v>
      </c>
      <c r="I62324" s="1" t="s">
        <v>207852</v>
      </c>
      <c r="J62324" s="1" t="s">
        <v>208445</v>
      </c>
    </row>
    <row r="62325" spans="1:10" x14ac:dyDescent="0.35">
      <c r="A62325" s="1" t="s">
        <v>104427</v>
      </c>
      <c r="B62325" s="1" t="s">
        <v>207847</v>
      </c>
      <c r="C62325" s="1" t="s">
        <v>105</v>
      </c>
      <c r="D62325" s="1" t="s">
        <v>48841</v>
      </c>
      <c r="E62325" s="1" t="s">
        <v>208446</v>
      </c>
      <c r="F62325" s="1" t="s">
        <v>208447</v>
      </c>
      <c r="G62325" s="1" t="s">
        <v>208386</v>
      </c>
      <c r="H62325" s="1" t="s">
        <v>208387</v>
      </c>
      <c r="I62325" s="1" t="s">
        <v>207852</v>
      </c>
      <c r="J62325" s="1" t="s">
        <v>208448</v>
      </c>
    </row>
    <row r="62326" spans="1:10" x14ac:dyDescent="0.35">
      <c r="A62326" s="1" t="s">
        <v>104427</v>
      </c>
      <c r="B62326" s="1" t="s">
        <v>207847</v>
      </c>
      <c r="C62326" s="1" t="s">
        <v>110</v>
      </c>
      <c r="D62326" s="1" t="s">
        <v>17021</v>
      </c>
      <c r="E62326" s="1" t="s">
        <v>208449</v>
      </c>
      <c r="F62326" s="1" t="s">
        <v>208450</v>
      </c>
      <c r="G62326" s="1" t="s">
        <v>208386</v>
      </c>
      <c r="H62326" s="1" t="s">
        <v>208387</v>
      </c>
      <c r="I62326" s="1" t="s">
        <v>207852</v>
      </c>
      <c r="J62326" s="1" t="s">
        <v>208451</v>
      </c>
    </row>
    <row r="62327" spans="1:10" x14ac:dyDescent="0.35">
      <c r="A62327" s="1" t="s">
        <v>104427</v>
      </c>
      <c r="B62327" s="1" t="s">
        <v>207847</v>
      </c>
      <c r="C62327" s="1" t="s">
        <v>115</v>
      </c>
      <c r="D62327" s="1" t="s">
        <v>208452</v>
      </c>
      <c r="E62327" s="1" t="s">
        <v>208453</v>
      </c>
      <c r="F62327" s="1" t="s">
        <v>208454</v>
      </c>
      <c r="G62327" s="1" t="s">
        <v>208386</v>
      </c>
      <c r="H62327" s="1" t="s">
        <v>208387</v>
      </c>
      <c r="I62327" s="1" t="s">
        <v>207852</v>
      </c>
      <c r="J62327" s="1" t="s">
        <v>208455</v>
      </c>
    </row>
    <row r="62328" spans="1:10" x14ac:dyDescent="0.35">
      <c r="A62328" s="1" t="s">
        <v>104427</v>
      </c>
      <c r="B62328" s="1" t="s">
        <v>207847</v>
      </c>
      <c r="C62328" s="1" t="s">
        <v>120</v>
      </c>
      <c r="D62328" s="1" t="s">
        <v>125908</v>
      </c>
      <c r="E62328" s="1" t="s">
        <v>208456</v>
      </c>
      <c r="F62328" s="1" t="s">
        <v>208457</v>
      </c>
      <c r="G62328" s="1" t="s">
        <v>208386</v>
      </c>
      <c r="H62328" s="1" t="s">
        <v>208387</v>
      </c>
      <c r="I62328" s="1" t="s">
        <v>207852</v>
      </c>
      <c r="J62328" s="1" t="s">
        <v>208458</v>
      </c>
    </row>
    <row r="62329" spans="1:10" x14ac:dyDescent="0.35">
      <c r="A62329" s="1" t="s">
        <v>104427</v>
      </c>
      <c r="B62329" s="1" t="s">
        <v>207847</v>
      </c>
      <c r="C62329" s="1" t="s">
        <v>125</v>
      </c>
      <c r="D62329" s="1" t="s">
        <v>208459</v>
      </c>
      <c r="E62329" s="1" t="s">
        <v>208460</v>
      </c>
      <c r="F62329" s="1" t="s">
        <v>208461</v>
      </c>
      <c r="G62329" s="1" t="s">
        <v>208386</v>
      </c>
      <c r="H62329" s="1" t="s">
        <v>208387</v>
      </c>
      <c r="I62329" s="1" t="s">
        <v>207852</v>
      </c>
      <c r="J62329" s="1" t="s">
        <v>208462</v>
      </c>
    </row>
    <row r="62330" spans="1:10" x14ac:dyDescent="0.35">
      <c r="A62330" s="1" t="s">
        <v>104427</v>
      </c>
      <c r="B62330" s="1" t="s">
        <v>207847</v>
      </c>
      <c r="C62330" s="1" t="s">
        <v>130</v>
      </c>
      <c r="D62330" s="1" t="s">
        <v>46543</v>
      </c>
      <c r="E62330" s="1" t="s">
        <v>208463</v>
      </c>
      <c r="F62330" s="1" t="s">
        <v>208464</v>
      </c>
      <c r="G62330" s="1" t="s">
        <v>208386</v>
      </c>
      <c r="H62330" s="1" t="s">
        <v>208387</v>
      </c>
      <c r="I62330" s="1" t="s">
        <v>207852</v>
      </c>
      <c r="J62330" s="1" t="s">
        <v>208465</v>
      </c>
    </row>
    <row r="62331" spans="1:10" x14ac:dyDescent="0.35">
      <c r="A62331" s="1" t="s">
        <v>104427</v>
      </c>
      <c r="B62331" s="1" t="s">
        <v>207847</v>
      </c>
      <c r="C62331" s="1" t="s">
        <v>135</v>
      </c>
      <c r="D62331" s="1" t="s">
        <v>208466</v>
      </c>
      <c r="E62331" s="1" t="s">
        <v>208467</v>
      </c>
      <c r="F62331" s="1" t="s">
        <v>208468</v>
      </c>
      <c r="G62331" s="1" t="s">
        <v>208386</v>
      </c>
      <c r="H62331" s="1" t="s">
        <v>208387</v>
      </c>
      <c r="I62331" s="1" t="s">
        <v>207852</v>
      </c>
      <c r="J62331" s="1" t="s">
        <v>208469</v>
      </c>
    </row>
    <row r="62332" spans="1:10" x14ac:dyDescent="0.35">
      <c r="A62332" s="1" t="s">
        <v>104427</v>
      </c>
      <c r="B62332" s="1" t="s">
        <v>207847</v>
      </c>
      <c r="C62332" s="1" t="s">
        <v>140</v>
      </c>
      <c r="D62332" s="1" t="s">
        <v>105414</v>
      </c>
      <c r="E62332" s="1" t="s">
        <v>208470</v>
      </c>
      <c r="F62332" s="1" t="s">
        <v>208471</v>
      </c>
      <c r="G62332" s="1" t="s">
        <v>208386</v>
      </c>
      <c r="H62332" s="1" t="s">
        <v>208387</v>
      </c>
      <c r="I62332" s="1" t="s">
        <v>207852</v>
      </c>
      <c r="J62332" s="1" t="s">
        <v>208472</v>
      </c>
    </row>
    <row r="62333" spans="1:10" x14ac:dyDescent="0.35">
      <c r="A62333" s="1" t="s">
        <v>104427</v>
      </c>
      <c r="B62333" s="1" t="s">
        <v>207847</v>
      </c>
      <c r="C62333" s="1" t="s">
        <v>145</v>
      </c>
      <c r="D62333" s="1" t="s">
        <v>208473</v>
      </c>
      <c r="E62333" s="1" t="s">
        <v>208474</v>
      </c>
      <c r="F62333" s="1" t="s">
        <v>208475</v>
      </c>
      <c r="G62333" s="1" t="s">
        <v>208386</v>
      </c>
      <c r="H62333" s="1" t="s">
        <v>208387</v>
      </c>
      <c r="I62333" s="1" t="s">
        <v>207852</v>
      </c>
      <c r="J62333" s="1" t="s">
        <v>208476</v>
      </c>
    </row>
    <row r="62334" spans="1:10" x14ac:dyDescent="0.35">
      <c r="A62334" s="1" t="s">
        <v>104427</v>
      </c>
      <c r="B62334" s="1" t="s">
        <v>207847</v>
      </c>
      <c r="C62334" s="1" t="s">
        <v>150</v>
      </c>
      <c r="D62334" s="1" t="s">
        <v>50081</v>
      </c>
      <c r="E62334" s="1" t="s">
        <v>208477</v>
      </c>
      <c r="F62334" s="1" t="s">
        <v>208478</v>
      </c>
      <c r="G62334" s="1" t="s">
        <v>208386</v>
      </c>
      <c r="H62334" s="1" t="s">
        <v>208387</v>
      </c>
      <c r="I62334" s="1" t="s">
        <v>207852</v>
      </c>
      <c r="J62334" s="1" t="s">
        <v>208479</v>
      </c>
    </row>
    <row r="62335" spans="1:10" x14ac:dyDescent="0.35">
      <c r="A62335" s="1" t="s">
        <v>104427</v>
      </c>
      <c r="B62335" s="1" t="s">
        <v>207847</v>
      </c>
      <c r="C62335" s="1" t="s">
        <v>155</v>
      </c>
      <c r="D62335" s="1" t="s">
        <v>64838</v>
      </c>
      <c r="E62335" s="1" t="s">
        <v>208480</v>
      </c>
      <c r="F62335" s="1" t="s">
        <v>208481</v>
      </c>
      <c r="G62335" s="1" t="s">
        <v>208386</v>
      </c>
      <c r="H62335" s="1" t="s">
        <v>208387</v>
      </c>
      <c r="I62335" s="1" t="s">
        <v>207852</v>
      </c>
      <c r="J62335" s="1" t="s">
        <v>208482</v>
      </c>
    </row>
    <row r="62336" spans="1:10" x14ac:dyDescent="0.35">
      <c r="A62336" s="1" t="s">
        <v>104427</v>
      </c>
      <c r="B62336" s="1" t="s">
        <v>207847</v>
      </c>
      <c r="C62336" s="1" t="s">
        <v>160</v>
      </c>
      <c r="D62336" s="1" t="s">
        <v>208483</v>
      </c>
      <c r="E62336" s="1" t="s">
        <v>208484</v>
      </c>
      <c r="F62336" s="1" t="s">
        <v>208485</v>
      </c>
      <c r="G62336" s="1" t="s">
        <v>208386</v>
      </c>
      <c r="H62336" s="1" t="s">
        <v>208387</v>
      </c>
      <c r="I62336" s="1" t="s">
        <v>207852</v>
      </c>
      <c r="J62336" s="1" t="s">
        <v>208486</v>
      </c>
    </row>
    <row r="62337" spans="1:10" x14ac:dyDescent="0.35">
      <c r="A62337" s="1" t="s">
        <v>104427</v>
      </c>
      <c r="B62337" s="1" t="s">
        <v>207847</v>
      </c>
      <c r="C62337" s="1" t="s">
        <v>165</v>
      </c>
      <c r="D62337" s="1" t="s">
        <v>208487</v>
      </c>
      <c r="E62337" s="1" t="s">
        <v>208488</v>
      </c>
      <c r="F62337" s="1" t="s">
        <v>208489</v>
      </c>
      <c r="G62337" s="1" t="s">
        <v>208386</v>
      </c>
      <c r="H62337" s="1" t="s">
        <v>208387</v>
      </c>
      <c r="I62337" s="1" t="s">
        <v>207852</v>
      </c>
      <c r="J62337" s="1" t="s">
        <v>208490</v>
      </c>
    </row>
    <row r="62338" spans="1:10" x14ac:dyDescent="0.35">
      <c r="A62338" s="1" t="s">
        <v>104427</v>
      </c>
      <c r="B62338" s="1" t="s">
        <v>207847</v>
      </c>
      <c r="C62338" s="1" t="s">
        <v>170</v>
      </c>
      <c r="D62338" s="1" t="s">
        <v>208491</v>
      </c>
      <c r="E62338" s="1" t="s">
        <v>208492</v>
      </c>
      <c r="F62338" s="1" t="s">
        <v>208493</v>
      </c>
      <c r="G62338" s="1" t="s">
        <v>208386</v>
      </c>
      <c r="H62338" s="1" t="s">
        <v>208387</v>
      </c>
      <c r="I62338" s="1" t="s">
        <v>207852</v>
      </c>
      <c r="J62338" s="1" t="s">
        <v>208494</v>
      </c>
    </row>
    <row r="62339" spans="1:10" x14ac:dyDescent="0.35">
      <c r="A62339" s="1" t="s">
        <v>29175</v>
      </c>
      <c r="B62339" s="1" t="s">
        <v>207847</v>
      </c>
      <c r="C62339" s="1" t="s">
        <v>8</v>
      </c>
      <c r="D62339" s="1" t="s">
        <v>208495</v>
      </c>
      <c r="E62339" s="1" t="s">
        <v>208496</v>
      </c>
      <c r="F62339" s="1" t="s">
        <v>208497</v>
      </c>
      <c r="G62339" s="1" t="s">
        <v>208498</v>
      </c>
      <c r="H62339" s="1" t="s">
        <v>208499</v>
      </c>
      <c r="I62339" s="1" t="s">
        <v>207852</v>
      </c>
      <c r="J62339" s="1" t="s">
        <v>13</v>
      </c>
    </row>
    <row r="62340" spans="1:10" x14ac:dyDescent="0.35">
      <c r="A62340" s="1" t="s">
        <v>29175</v>
      </c>
      <c r="B62340" s="1" t="s">
        <v>207847</v>
      </c>
      <c r="C62340" s="1" t="s">
        <v>15</v>
      </c>
      <c r="D62340" s="1" t="s">
        <v>142071</v>
      </c>
      <c r="E62340" s="1" t="s">
        <v>208500</v>
      </c>
      <c r="F62340" s="1" t="s">
        <v>208501</v>
      </c>
      <c r="G62340" s="1" t="s">
        <v>208498</v>
      </c>
      <c r="H62340" s="1" t="s">
        <v>208499</v>
      </c>
      <c r="I62340" s="1" t="s">
        <v>207852</v>
      </c>
      <c r="J62340" s="1" t="s">
        <v>208502</v>
      </c>
    </row>
    <row r="62341" spans="1:10" x14ac:dyDescent="0.35">
      <c r="A62341" s="1" t="s">
        <v>29175</v>
      </c>
      <c r="B62341" s="1" t="s">
        <v>207847</v>
      </c>
      <c r="C62341" s="1" t="s">
        <v>20</v>
      </c>
      <c r="D62341" s="1" t="s">
        <v>208503</v>
      </c>
      <c r="E62341" s="1" t="s">
        <v>208504</v>
      </c>
      <c r="F62341" s="1" t="s">
        <v>208505</v>
      </c>
      <c r="G62341" s="1" t="s">
        <v>208498</v>
      </c>
      <c r="H62341" s="1" t="s">
        <v>208499</v>
      </c>
      <c r="I62341" s="1" t="s">
        <v>207852</v>
      </c>
      <c r="J62341" s="1" t="s">
        <v>208506</v>
      </c>
    </row>
    <row r="62342" spans="1:10" x14ac:dyDescent="0.35">
      <c r="A62342" s="1" t="s">
        <v>29175</v>
      </c>
      <c r="B62342" s="1" t="s">
        <v>207847</v>
      </c>
      <c r="C62342" s="1" t="s">
        <v>25</v>
      </c>
      <c r="D62342" s="1" t="s">
        <v>61810</v>
      </c>
      <c r="E62342" s="1" t="s">
        <v>208507</v>
      </c>
      <c r="F62342" s="1" t="s">
        <v>208508</v>
      </c>
      <c r="G62342" s="1" t="s">
        <v>208498</v>
      </c>
      <c r="H62342" s="1" t="s">
        <v>208499</v>
      </c>
      <c r="I62342" s="1" t="s">
        <v>207852</v>
      </c>
      <c r="J62342" s="1" t="s">
        <v>208509</v>
      </c>
    </row>
    <row r="62343" spans="1:10" x14ac:dyDescent="0.35">
      <c r="A62343" s="1" t="s">
        <v>29175</v>
      </c>
      <c r="B62343" s="1" t="s">
        <v>207847</v>
      </c>
      <c r="C62343" s="1" t="s">
        <v>30</v>
      </c>
      <c r="D62343" s="1" t="s">
        <v>5907</v>
      </c>
      <c r="E62343" s="1" t="s">
        <v>208510</v>
      </c>
      <c r="F62343" s="1" t="s">
        <v>208511</v>
      </c>
      <c r="G62343" s="1" t="s">
        <v>208498</v>
      </c>
      <c r="H62343" s="1" t="s">
        <v>208499</v>
      </c>
      <c r="I62343" s="1" t="s">
        <v>207852</v>
      </c>
      <c r="J62343" s="1" t="s">
        <v>208512</v>
      </c>
    </row>
    <row r="62344" spans="1:10" x14ac:dyDescent="0.35">
      <c r="A62344" s="1" t="s">
        <v>29175</v>
      </c>
      <c r="B62344" s="1" t="s">
        <v>207847</v>
      </c>
      <c r="C62344" s="1" t="s">
        <v>35</v>
      </c>
      <c r="D62344" s="1" t="s">
        <v>19113</v>
      </c>
      <c r="E62344" s="1" t="s">
        <v>208513</v>
      </c>
      <c r="F62344" s="1" t="s">
        <v>208514</v>
      </c>
      <c r="G62344" s="1" t="s">
        <v>208498</v>
      </c>
      <c r="H62344" s="1" t="s">
        <v>208499</v>
      </c>
      <c r="I62344" s="1" t="s">
        <v>207852</v>
      </c>
      <c r="J62344" s="1" t="s">
        <v>208515</v>
      </c>
    </row>
    <row r="62345" spans="1:10" x14ac:dyDescent="0.35">
      <c r="A62345" s="1" t="s">
        <v>29175</v>
      </c>
      <c r="B62345" s="1" t="s">
        <v>207847</v>
      </c>
      <c r="C62345" s="1" t="s">
        <v>40</v>
      </c>
      <c r="D62345" s="1" t="s">
        <v>53923</v>
      </c>
      <c r="E62345" s="1" t="s">
        <v>208516</v>
      </c>
      <c r="F62345" s="1" t="s">
        <v>208517</v>
      </c>
      <c r="G62345" s="1" t="s">
        <v>208498</v>
      </c>
      <c r="H62345" s="1" t="s">
        <v>208499</v>
      </c>
      <c r="I62345" s="1" t="s">
        <v>207852</v>
      </c>
      <c r="J62345" s="1" t="s">
        <v>208518</v>
      </c>
    </row>
    <row r="62346" spans="1:10" x14ac:dyDescent="0.35">
      <c r="A62346" s="1" t="s">
        <v>29175</v>
      </c>
      <c r="B62346" s="1" t="s">
        <v>207847</v>
      </c>
      <c r="C62346" s="1" t="s">
        <v>45</v>
      </c>
      <c r="D62346" s="1" t="s">
        <v>80258</v>
      </c>
      <c r="E62346" s="1" t="s">
        <v>208519</v>
      </c>
      <c r="F62346" s="1" t="s">
        <v>208520</v>
      </c>
      <c r="G62346" s="1" t="s">
        <v>208498</v>
      </c>
      <c r="H62346" s="1" t="s">
        <v>208499</v>
      </c>
      <c r="I62346" s="1" t="s">
        <v>207852</v>
      </c>
      <c r="J62346" s="1" t="s">
        <v>208521</v>
      </c>
    </row>
    <row r="62347" spans="1:10" x14ac:dyDescent="0.35">
      <c r="A62347" s="1" t="s">
        <v>29175</v>
      </c>
      <c r="B62347" s="1" t="s">
        <v>207847</v>
      </c>
      <c r="C62347" s="1" t="s">
        <v>50</v>
      </c>
      <c r="D62347" s="1" t="s">
        <v>106310</v>
      </c>
      <c r="E62347" s="1" t="s">
        <v>208522</v>
      </c>
      <c r="F62347" s="1" t="s">
        <v>208523</v>
      </c>
      <c r="G62347" s="1" t="s">
        <v>208498</v>
      </c>
      <c r="H62347" s="1" t="s">
        <v>208499</v>
      </c>
      <c r="I62347" s="1" t="s">
        <v>207852</v>
      </c>
      <c r="J62347" s="1" t="s">
        <v>208524</v>
      </c>
    </row>
    <row r="62348" spans="1:10" x14ac:dyDescent="0.35">
      <c r="A62348" s="1" t="s">
        <v>29175</v>
      </c>
      <c r="B62348" s="1" t="s">
        <v>207847</v>
      </c>
      <c r="C62348" s="1" t="s">
        <v>55</v>
      </c>
      <c r="D62348" s="1" t="s">
        <v>180116</v>
      </c>
      <c r="E62348" s="1" t="s">
        <v>208525</v>
      </c>
      <c r="F62348" s="1" t="s">
        <v>208526</v>
      </c>
      <c r="G62348" s="1" t="s">
        <v>208498</v>
      </c>
      <c r="H62348" s="1" t="s">
        <v>208499</v>
      </c>
      <c r="I62348" s="1" t="s">
        <v>207852</v>
      </c>
      <c r="J62348" s="1" t="s">
        <v>208527</v>
      </c>
    </row>
    <row r="62349" spans="1:10" x14ac:dyDescent="0.35">
      <c r="A62349" s="1" t="s">
        <v>29175</v>
      </c>
      <c r="B62349" s="1" t="s">
        <v>207847</v>
      </c>
      <c r="C62349" s="1" t="s">
        <v>60</v>
      </c>
      <c r="D62349" s="1" t="s">
        <v>98581</v>
      </c>
      <c r="E62349" s="1" t="s">
        <v>208528</v>
      </c>
      <c r="F62349" s="1" t="s">
        <v>208529</v>
      </c>
      <c r="G62349" s="1" t="s">
        <v>208498</v>
      </c>
      <c r="H62349" s="1" t="s">
        <v>208499</v>
      </c>
      <c r="I62349" s="1" t="s">
        <v>207852</v>
      </c>
      <c r="J62349" s="1" t="s">
        <v>208530</v>
      </c>
    </row>
    <row r="62350" spans="1:10" x14ac:dyDescent="0.35">
      <c r="A62350" s="1" t="s">
        <v>29175</v>
      </c>
      <c r="B62350" s="1" t="s">
        <v>207847</v>
      </c>
      <c r="C62350" s="1" t="s">
        <v>65</v>
      </c>
      <c r="D62350" s="1" t="s">
        <v>208531</v>
      </c>
      <c r="E62350" s="1" t="s">
        <v>208532</v>
      </c>
      <c r="F62350" s="1" t="s">
        <v>208533</v>
      </c>
      <c r="G62350" s="1" t="s">
        <v>208498</v>
      </c>
      <c r="H62350" s="1" t="s">
        <v>208499</v>
      </c>
      <c r="I62350" s="1" t="s">
        <v>207852</v>
      </c>
      <c r="J62350" s="1" t="s">
        <v>208534</v>
      </c>
    </row>
    <row r="62351" spans="1:10" x14ac:dyDescent="0.35">
      <c r="A62351" s="1" t="s">
        <v>29175</v>
      </c>
      <c r="B62351" s="1" t="s">
        <v>207847</v>
      </c>
      <c r="C62351" s="1" t="s">
        <v>70</v>
      </c>
      <c r="D62351" s="1" t="s">
        <v>106020</v>
      </c>
      <c r="E62351" s="1" t="s">
        <v>208535</v>
      </c>
      <c r="F62351" s="1" t="s">
        <v>208536</v>
      </c>
      <c r="G62351" s="1" t="s">
        <v>208498</v>
      </c>
      <c r="H62351" s="1" t="s">
        <v>208499</v>
      </c>
      <c r="I62351" s="1" t="s">
        <v>207852</v>
      </c>
      <c r="J62351" s="1" t="s">
        <v>208537</v>
      </c>
    </row>
    <row r="62352" spans="1:10" x14ac:dyDescent="0.35">
      <c r="A62352" s="1" t="s">
        <v>29175</v>
      </c>
      <c r="B62352" s="1" t="s">
        <v>207847</v>
      </c>
      <c r="C62352" s="1" t="s">
        <v>75</v>
      </c>
      <c r="D62352" s="1" t="s">
        <v>94336</v>
      </c>
      <c r="E62352" s="1" t="s">
        <v>208538</v>
      </c>
      <c r="F62352" s="1" t="s">
        <v>208539</v>
      </c>
      <c r="G62352" s="1" t="s">
        <v>208498</v>
      </c>
      <c r="H62352" s="1" t="s">
        <v>208499</v>
      </c>
      <c r="I62352" s="1" t="s">
        <v>207852</v>
      </c>
      <c r="J62352" s="1" t="s">
        <v>208540</v>
      </c>
    </row>
    <row r="62353" spans="1:10" x14ac:dyDescent="0.35">
      <c r="A62353" s="1" t="s">
        <v>29175</v>
      </c>
      <c r="B62353" s="1" t="s">
        <v>207847</v>
      </c>
      <c r="C62353" s="1" t="s">
        <v>80</v>
      </c>
      <c r="D62353" s="1" t="s">
        <v>208541</v>
      </c>
      <c r="E62353" s="1" t="s">
        <v>208542</v>
      </c>
      <c r="F62353" s="1" t="s">
        <v>208543</v>
      </c>
      <c r="G62353" s="1" t="s">
        <v>208498</v>
      </c>
      <c r="H62353" s="1" t="s">
        <v>208499</v>
      </c>
      <c r="I62353" s="1" t="s">
        <v>207852</v>
      </c>
      <c r="J62353" s="1" t="s">
        <v>208544</v>
      </c>
    </row>
    <row r="62354" spans="1:10" x14ac:dyDescent="0.35">
      <c r="A62354" s="1" t="s">
        <v>29175</v>
      </c>
      <c r="B62354" s="1" t="s">
        <v>207847</v>
      </c>
      <c r="C62354" s="1" t="s">
        <v>85</v>
      </c>
      <c r="D62354" s="1" t="s">
        <v>24235</v>
      </c>
      <c r="E62354" s="1" t="s">
        <v>208545</v>
      </c>
      <c r="F62354" s="1" t="s">
        <v>208546</v>
      </c>
      <c r="G62354" s="1" t="s">
        <v>208498</v>
      </c>
      <c r="H62354" s="1" t="s">
        <v>208499</v>
      </c>
      <c r="I62354" s="1" t="s">
        <v>207852</v>
      </c>
      <c r="J62354" s="1" t="s">
        <v>208547</v>
      </c>
    </row>
    <row r="62355" spans="1:10" x14ac:dyDescent="0.35">
      <c r="A62355" s="1" t="s">
        <v>29175</v>
      </c>
      <c r="B62355" s="1" t="s">
        <v>207847</v>
      </c>
      <c r="C62355" s="1" t="s">
        <v>90</v>
      </c>
      <c r="D62355" s="1" t="s">
        <v>208548</v>
      </c>
      <c r="E62355" s="1" t="s">
        <v>208549</v>
      </c>
      <c r="F62355" s="1" t="s">
        <v>208550</v>
      </c>
      <c r="G62355" s="1" t="s">
        <v>208498</v>
      </c>
      <c r="H62355" s="1" t="s">
        <v>208499</v>
      </c>
      <c r="I62355" s="1" t="s">
        <v>207852</v>
      </c>
      <c r="J62355" s="1" t="s">
        <v>208551</v>
      </c>
    </row>
    <row r="62356" spans="1:10" x14ac:dyDescent="0.35">
      <c r="A62356" s="1" t="s">
        <v>29175</v>
      </c>
      <c r="B62356" s="1" t="s">
        <v>207847</v>
      </c>
      <c r="C62356" s="1" t="s">
        <v>95</v>
      </c>
      <c r="D62356" s="1" t="s">
        <v>61920</v>
      </c>
      <c r="E62356" s="1" t="s">
        <v>208552</v>
      </c>
      <c r="F62356" s="1" t="s">
        <v>208553</v>
      </c>
      <c r="G62356" s="1" t="s">
        <v>208498</v>
      </c>
      <c r="H62356" s="1" t="s">
        <v>208499</v>
      </c>
      <c r="I62356" s="1" t="s">
        <v>207852</v>
      </c>
      <c r="J62356" s="1" t="s">
        <v>208554</v>
      </c>
    </row>
    <row r="62357" spans="1:10" x14ac:dyDescent="0.35">
      <c r="A62357" s="1" t="s">
        <v>29175</v>
      </c>
      <c r="B62357" s="1" t="s">
        <v>207847</v>
      </c>
      <c r="C62357" s="1" t="s">
        <v>100</v>
      </c>
      <c r="D62357" s="1" t="s">
        <v>59821</v>
      </c>
      <c r="E62357" s="1" t="s">
        <v>208555</v>
      </c>
      <c r="F62357" s="1" t="s">
        <v>208556</v>
      </c>
      <c r="G62357" s="1" t="s">
        <v>208498</v>
      </c>
      <c r="H62357" s="1" t="s">
        <v>208499</v>
      </c>
      <c r="I62357" s="1" t="s">
        <v>207852</v>
      </c>
      <c r="J62357" s="1" t="s">
        <v>208557</v>
      </c>
    </row>
    <row r="62358" spans="1:10" x14ac:dyDescent="0.35">
      <c r="A62358" s="1" t="s">
        <v>29175</v>
      </c>
      <c r="B62358" s="1" t="s">
        <v>207847</v>
      </c>
      <c r="C62358" s="1" t="s">
        <v>105</v>
      </c>
      <c r="D62358" s="1" t="s">
        <v>22399</v>
      </c>
      <c r="E62358" s="1" t="s">
        <v>208558</v>
      </c>
      <c r="F62358" s="1" t="s">
        <v>208559</v>
      </c>
      <c r="G62358" s="1" t="s">
        <v>208498</v>
      </c>
      <c r="H62358" s="1" t="s">
        <v>208499</v>
      </c>
      <c r="I62358" s="1" t="s">
        <v>207852</v>
      </c>
      <c r="J62358" s="1" t="s">
        <v>208560</v>
      </c>
    </row>
    <row r="62359" spans="1:10" x14ac:dyDescent="0.35">
      <c r="A62359" s="1" t="s">
        <v>29175</v>
      </c>
      <c r="B62359" s="1" t="s">
        <v>207847</v>
      </c>
      <c r="C62359" s="1" t="s">
        <v>110</v>
      </c>
      <c r="D62359" s="1" t="s">
        <v>107569</v>
      </c>
      <c r="E62359" s="1" t="s">
        <v>208561</v>
      </c>
      <c r="F62359" s="1" t="s">
        <v>208562</v>
      </c>
      <c r="G62359" s="1" t="s">
        <v>208498</v>
      </c>
      <c r="H62359" s="1" t="s">
        <v>208499</v>
      </c>
      <c r="I62359" s="1" t="s">
        <v>207852</v>
      </c>
      <c r="J62359" s="1" t="s">
        <v>208563</v>
      </c>
    </row>
    <row r="62360" spans="1:10" x14ac:dyDescent="0.35">
      <c r="A62360" s="1" t="s">
        <v>29175</v>
      </c>
      <c r="B62360" s="1" t="s">
        <v>207847</v>
      </c>
      <c r="C62360" s="1" t="s">
        <v>115</v>
      </c>
      <c r="D62360" s="1" t="s">
        <v>208564</v>
      </c>
      <c r="E62360" s="1" t="s">
        <v>208565</v>
      </c>
      <c r="F62360" s="1" t="s">
        <v>208566</v>
      </c>
      <c r="G62360" s="1" t="s">
        <v>208498</v>
      </c>
      <c r="H62360" s="1" t="s">
        <v>208499</v>
      </c>
      <c r="I62360" s="1" t="s">
        <v>207852</v>
      </c>
      <c r="J62360" s="1" t="s">
        <v>208567</v>
      </c>
    </row>
    <row r="62361" spans="1:10" x14ac:dyDescent="0.35">
      <c r="A62361" s="1" t="s">
        <v>29175</v>
      </c>
      <c r="B62361" s="1" t="s">
        <v>207847</v>
      </c>
      <c r="C62361" s="1" t="s">
        <v>120</v>
      </c>
      <c r="D62361" s="1" t="s">
        <v>208568</v>
      </c>
      <c r="E62361" s="1" t="s">
        <v>208569</v>
      </c>
      <c r="F62361" s="1" t="s">
        <v>208570</v>
      </c>
      <c r="G62361" s="1" t="s">
        <v>208498</v>
      </c>
      <c r="H62361" s="1" t="s">
        <v>208499</v>
      </c>
      <c r="I62361" s="1" t="s">
        <v>207852</v>
      </c>
      <c r="J62361" s="1" t="s">
        <v>208571</v>
      </c>
    </row>
    <row r="62362" spans="1:10" x14ac:dyDescent="0.35">
      <c r="A62362" s="1" t="s">
        <v>29175</v>
      </c>
      <c r="B62362" s="1" t="s">
        <v>207847</v>
      </c>
      <c r="C62362" s="1" t="s">
        <v>125</v>
      </c>
      <c r="D62362" s="1" t="s">
        <v>94603</v>
      </c>
      <c r="E62362" s="1" t="s">
        <v>208572</v>
      </c>
      <c r="F62362" s="1" t="s">
        <v>208573</v>
      </c>
      <c r="G62362" s="1" t="s">
        <v>208498</v>
      </c>
      <c r="H62362" s="1" t="s">
        <v>208499</v>
      </c>
      <c r="I62362" s="1" t="s">
        <v>207852</v>
      </c>
      <c r="J62362" s="1" t="s">
        <v>208574</v>
      </c>
    </row>
    <row r="62363" spans="1:10" x14ac:dyDescent="0.35">
      <c r="A62363" s="1" t="s">
        <v>29175</v>
      </c>
      <c r="B62363" s="1" t="s">
        <v>207847</v>
      </c>
      <c r="C62363" s="1" t="s">
        <v>130</v>
      </c>
      <c r="D62363" s="1" t="s">
        <v>96003</v>
      </c>
      <c r="E62363" s="1" t="s">
        <v>208575</v>
      </c>
      <c r="F62363" s="1" t="s">
        <v>208576</v>
      </c>
      <c r="G62363" s="1" t="s">
        <v>208498</v>
      </c>
      <c r="H62363" s="1" t="s">
        <v>208499</v>
      </c>
      <c r="I62363" s="1" t="s">
        <v>207852</v>
      </c>
      <c r="J62363" s="1" t="s">
        <v>208577</v>
      </c>
    </row>
    <row r="62364" spans="1:10" x14ac:dyDescent="0.35">
      <c r="A62364" s="1" t="s">
        <v>29175</v>
      </c>
      <c r="B62364" s="1" t="s">
        <v>207847</v>
      </c>
      <c r="C62364" s="1" t="s">
        <v>135</v>
      </c>
      <c r="D62364" s="1" t="s">
        <v>128266</v>
      </c>
      <c r="E62364" s="1" t="s">
        <v>208578</v>
      </c>
      <c r="F62364" s="1" t="s">
        <v>208579</v>
      </c>
      <c r="G62364" s="1" t="s">
        <v>208498</v>
      </c>
      <c r="H62364" s="1" t="s">
        <v>208499</v>
      </c>
      <c r="I62364" s="1" t="s">
        <v>207852</v>
      </c>
      <c r="J62364" s="1" t="s">
        <v>208580</v>
      </c>
    </row>
    <row r="62365" spans="1:10" x14ac:dyDescent="0.35">
      <c r="A62365" s="1" t="s">
        <v>29175</v>
      </c>
      <c r="B62365" s="1" t="s">
        <v>207847</v>
      </c>
      <c r="C62365" s="1" t="s">
        <v>140</v>
      </c>
      <c r="D62365" s="1" t="s">
        <v>208581</v>
      </c>
      <c r="E62365" s="1" t="s">
        <v>208582</v>
      </c>
      <c r="F62365" s="1" t="s">
        <v>208583</v>
      </c>
      <c r="G62365" s="1" t="s">
        <v>208498</v>
      </c>
      <c r="H62365" s="1" t="s">
        <v>208499</v>
      </c>
      <c r="I62365" s="1" t="s">
        <v>207852</v>
      </c>
      <c r="J62365" s="1" t="s">
        <v>208584</v>
      </c>
    </row>
    <row r="62366" spans="1:10" x14ac:dyDescent="0.35">
      <c r="A62366" s="1" t="s">
        <v>29175</v>
      </c>
      <c r="B62366" s="1" t="s">
        <v>207847</v>
      </c>
      <c r="C62366" s="1" t="s">
        <v>145</v>
      </c>
      <c r="D62366" s="1" t="s">
        <v>208585</v>
      </c>
      <c r="E62366" s="1" t="s">
        <v>208586</v>
      </c>
      <c r="F62366" s="1" t="s">
        <v>208587</v>
      </c>
      <c r="G62366" s="1" t="s">
        <v>208498</v>
      </c>
      <c r="H62366" s="1" t="s">
        <v>208499</v>
      </c>
      <c r="I62366" s="1" t="s">
        <v>207852</v>
      </c>
      <c r="J62366" s="1" t="s">
        <v>208588</v>
      </c>
    </row>
    <row r="62367" spans="1:10" x14ac:dyDescent="0.35">
      <c r="A62367" s="1" t="s">
        <v>29175</v>
      </c>
      <c r="B62367" s="1" t="s">
        <v>207847</v>
      </c>
      <c r="C62367" s="1" t="s">
        <v>150</v>
      </c>
      <c r="D62367" s="1" t="s">
        <v>208589</v>
      </c>
      <c r="E62367" s="1" t="s">
        <v>208590</v>
      </c>
      <c r="F62367" s="1" t="s">
        <v>208591</v>
      </c>
      <c r="G62367" s="1" t="s">
        <v>208498</v>
      </c>
      <c r="H62367" s="1" t="s">
        <v>208499</v>
      </c>
      <c r="I62367" s="1" t="s">
        <v>207852</v>
      </c>
      <c r="J62367" s="1" t="s">
        <v>208592</v>
      </c>
    </row>
    <row r="62368" spans="1:10" x14ac:dyDescent="0.35">
      <c r="A62368" s="1" t="s">
        <v>29175</v>
      </c>
      <c r="B62368" s="1" t="s">
        <v>207847</v>
      </c>
      <c r="C62368" s="1" t="s">
        <v>155</v>
      </c>
      <c r="D62368" s="1" t="s">
        <v>38916</v>
      </c>
      <c r="E62368" s="1" t="s">
        <v>208593</v>
      </c>
      <c r="F62368" s="1" t="s">
        <v>208594</v>
      </c>
      <c r="G62368" s="1" t="s">
        <v>208498</v>
      </c>
      <c r="H62368" s="1" t="s">
        <v>208499</v>
      </c>
      <c r="I62368" s="1" t="s">
        <v>207852</v>
      </c>
      <c r="J62368" s="1" t="s">
        <v>208595</v>
      </c>
    </row>
    <row r="62369" spans="1:10" x14ac:dyDescent="0.35">
      <c r="A62369" s="1" t="s">
        <v>29175</v>
      </c>
      <c r="B62369" s="1" t="s">
        <v>207847</v>
      </c>
      <c r="C62369" s="1" t="s">
        <v>160</v>
      </c>
      <c r="D62369" s="1" t="s">
        <v>208596</v>
      </c>
      <c r="E62369" s="1" t="s">
        <v>208597</v>
      </c>
      <c r="F62369" s="1" t="s">
        <v>208598</v>
      </c>
      <c r="G62369" s="1" t="s">
        <v>208498</v>
      </c>
      <c r="H62369" s="1" t="s">
        <v>208499</v>
      </c>
      <c r="I62369" s="1" t="s">
        <v>207852</v>
      </c>
      <c r="J62369" s="1" t="s">
        <v>208599</v>
      </c>
    </row>
    <row r="62370" spans="1:10" x14ac:dyDescent="0.35">
      <c r="A62370" s="1" t="s">
        <v>29175</v>
      </c>
      <c r="B62370" s="1" t="s">
        <v>207847</v>
      </c>
      <c r="C62370" s="1" t="s">
        <v>165</v>
      </c>
      <c r="D62370" s="1" t="s">
        <v>97517</v>
      </c>
      <c r="E62370" s="1" t="s">
        <v>208600</v>
      </c>
      <c r="F62370" s="1" t="s">
        <v>208601</v>
      </c>
      <c r="G62370" s="1" t="s">
        <v>208498</v>
      </c>
      <c r="H62370" s="1" t="s">
        <v>208499</v>
      </c>
      <c r="I62370" s="1" t="s">
        <v>207852</v>
      </c>
      <c r="J62370" s="1" t="s">
        <v>208602</v>
      </c>
    </row>
    <row r="62371" spans="1:10" x14ac:dyDescent="0.35">
      <c r="A62371" s="1" t="s">
        <v>29175</v>
      </c>
      <c r="B62371" s="1" t="s">
        <v>207847</v>
      </c>
      <c r="C62371" s="1" t="s">
        <v>170</v>
      </c>
      <c r="D62371" s="1" t="s">
        <v>23873</v>
      </c>
      <c r="E62371" s="1" t="s">
        <v>208603</v>
      </c>
      <c r="F62371" s="1" t="s">
        <v>208604</v>
      </c>
      <c r="G62371" s="1" t="s">
        <v>208498</v>
      </c>
      <c r="H62371" s="1" t="s">
        <v>208499</v>
      </c>
      <c r="I62371" s="1" t="s">
        <v>207852</v>
      </c>
      <c r="J62371" s="1" t="s">
        <v>208605</v>
      </c>
    </row>
    <row r="62372" spans="1:10" x14ac:dyDescent="0.35">
      <c r="A62372" s="1" t="s">
        <v>25397</v>
      </c>
      <c r="B62372" s="1" t="s">
        <v>207847</v>
      </c>
      <c r="C62372" s="1" t="s">
        <v>8</v>
      </c>
      <c r="D62372" s="1" t="s">
        <v>208606</v>
      </c>
      <c r="E62372" s="1" t="s">
        <v>208607</v>
      </c>
      <c r="F62372" s="1" t="s">
        <v>208608</v>
      </c>
      <c r="G62372" s="1" t="s">
        <v>208609</v>
      </c>
      <c r="H62372" s="1" t="s">
        <v>208610</v>
      </c>
      <c r="I62372" s="1" t="s">
        <v>207852</v>
      </c>
      <c r="J62372" s="1" t="s">
        <v>13</v>
      </c>
    </row>
    <row r="62373" spans="1:10" x14ac:dyDescent="0.35">
      <c r="A62373" s="1" t="s">
        <v>25397</v>
      </c>
      <c r="B62373" s="1" t="s">
        <v>207847</v>
      </c>
      <c r="C62373" s="1" t="s">
        <v>15</v>
      </c>
      <c r="D62373" s="1" t="s">
        <v>33519</v>
      </c>
      <c r="E62373" s="1" t="s">
        <v>208611</v>
      </c>
      <c r="F62373" s="1" t="s">
        <v>208612</v>
      </c>
      <c r="G62373" s="1" t="s">
        <v>208609</v>
      </c>
      <c r="H62373" s="1" t="s">
        <v>208610</v>
      </c>
      <c r="I62373" s="1" t="s">
        <v>207852</v>
      </c>
      <c r="J62373" s="1" t="s">
        <v>208613</v>
      </c>
    </row>
    <row r="62374" spans="1:10" x14ac:dyDescent="0.35">
      <c r="A62374" s="1" t="s">
        <v>25397</v>
      </c>
      <c r="B62374" s="1" t="s">
        <v>207847</v>
      </c>
      <c r="C62374" s="1" t="s">
        <v>20</v>
      </c>
      <c r="D62374" s="1" t="s">
        <v>180910</v>
      </c>
      <c r="E62374" s="1" t="s">
        <v>208614</v>
      </c>
      <c r="F62374" s="1" t="s">
        <v>208615</v>
      </c>
      <c r="G62374" s="1" t="s">
        <v>208609</v>
      </c>
      <c r="H62374" s="1" t="s">
        <v>208610</v>
      </c>
      <c r="I62374" s="1" t="s">
        <v>207852</v>
      </c>
      <c r="J62374" s="1" t="s">
        <v>208616</v>
      </c>
    </row>
    <row r="62375" spans="1:10" x14ac:dyDescent="0.35">
      <c r="A62375" s="1" t="s">
        <v>25397</v>
      </c>
      <c r="B62375" s="1" t="s">
        <v>207847</v>
      </c>
      <c r="C62375" s="1" t="s">
        <v>25</v>
      </c>
      <c r="D62375" s="1" t="s">
        <v>190904</v>
      </c>
      <c r="E62375" s="1" t="s">
        <v>208617</v>
      </c>
      <c r="F62375" s="1" t="s">
        <v>208618</v>
      </c>
      <c r="G62375" s="1" t="s">
        <v>208609</v>
      </c>
      <c r="H62375" s="1" t="s">
        <v>208610</v>
      </c>
      <c r="I62375" s="1" t="s">
        <v>207852</v>
      </c>
      <c r="J62375" s="1" t="s">
        <v>208619</v>
      </c>
    </row>
    <row r="62376" spans="1:10" x14ac:dyDescent="0.35">
      <c r="A62376" s="1" t="s">
        <v>25397</v>
      </c>
      <c r="B62376" s="1" t="s">
        <v>207847</v>
      </c>
      <c r="C62376" s="1" t="s">
        <v>30</v>
      </c>
      <c r="D62376" s="1" t="s">
        <v>19195</v>
      </c>
      <c r="E62376" s="1" t="s">
        <v>208620</v>
      </c>
      <c r="F62376" s="1" t="s">
        <v>208621</v>
      </c>
      <c r="G62376" s="1" t="s">
        <v>208609</v>
      </c>
      <c r="H62376" s="1" t="s">
        <v>208610</v>
      </c>
      <c r="I62376" s="1" t="s">
        <v>207852</v>
      </c>
      <c r="J62376" s="1" t="s">
        <v>208622</v>
      </c>
    </row>
    <row r="62377" spans="1:10" x14ac:dyDescent="0.35">
      <c r="A62377" s="1" t="s">
        <v>25397</v>
      </c>
      <c r="B62377" s="1" t="s">
        <v>207847</v>
      </c>
      <c r="C62377" s="1" t="s">
        <v>35</v>
      </c>
      <c r="D62377" s="1" t="s">
        <v>147307</v>
      </c>
      <c r="E62377" s="1" t="s">
        <v>208623</v>
      </c>
      <c r="F62377" s="1" t="s">
        <v>208624</v>
      </c>
      <c r="G62377" s="1" t="s">
        <v>208609</v>
      </c>
      <c r="H62377" s="1" t="s">
        <v>208610</v>
      </c>
      <c r="I62377" s="1" t="s">
        <v>207852</v>
      </c>
      <c r="J62377" s="1" t="s">
        <v>208625</v>
      </c>
    </row>
    <row r="62378" spans="1:10" x14ac:dyDescent="0.35">
      <c r="A62378" s="1" t="s">
        <v>25397</v>
      </c>
      <c r="B62378" s="1" t="s">
        <v>207847</v>
      </c>
      <c r="C62378" s="1" t="s">
        <v>40</v>
      </c>
      <c r="D62378" s="1" t="s">
        <v>208626</v>
      </c>
      <c r="E62378" s="1" t="s">
        <v>208627</v>
      </c>
      <c r="F62378" s="1" t="s">
        <v>208628</v>
      </c>
      <c r="G62378" s="1" t="s">
        <v>208609</v>
      </c>
      <c r="H62378" s="1" t="s">
        <v>208610</v>
      </c>
      <c r="I62378" s="1" t="s">
        <v>207852</v>
      </c>
      <c r="J62378" s="1" t="s">
        <v>208629</v>
      </c>
    </row>
    <row r="62379" spans="1:10" x14ac:dyDescent="0.35">
      <c r="A62379" s="1" t="s">
        <v>25397</v>
      </c>
      <c r="B62379" s="1" t="s">
        <v>207847</v>
      </c>
      <c r="C62379" s="1" t="s">
        <v>45</v>
      </c>
      <c r="D62379" s="1" t="s">
        <v>34235</v>
      </c>
      <c r="E62379" s="1" t="s">
        <v>208630</v>
      </c>
      <c r="F62379" s="1" t="s">
        <v>208631</v>
      </c>
      <c r="G62379" s="1" t="s">
        <v>208609</v>
      </c>
      <c r="H62379" s="1" t="s">
        <v>208610</v>
      </c>
      <c r="I62379" s="1" t="s">
        <v>207852</v>
      </c>
      <c r="J62379" s="1" t="s">
        <v>208632</v>
      </c>
    </row>
    <row r="62380" spans="1:10" x14ac:dyDescent="0.35">
      <c r="A62380" s="1" t="s">
        <v>25397</v>
      </c>
      <c r="B62380" s="1" t="s">
        <v>207847</v>
      </c>
      <c r="C62380" s="1" t="s">
        <v>50</v>
      </c>
      <c r="D62380" s="1" t="s">
        <v>101781</v>
      </c>
      <c r="E62380" s="1" t="s">
        <v>208633</v>
      </c>
      <c r="F62380" s="1" t="s">
        <v>208634</v>
      </c>
      <c r="G62380" s="1" t="s">
        <v>208609</v>
      </c>
      <c r="H62380" s="1" t="s">
        <v>208610</v>
      </c>
      <c r="I62380" s="1" t="s">
        <v>207852</v>
      </c>
      <c r="J62380" s="1" t="s">
        <v>208635</v>
      </c>
    </row>
    <row r="62381" spans="1:10" x14ac:dyDescent="0.35">
      <c r="A62381" s="1" t="s">
        <v>25397</v>
      </c>
      <c r="B62381" s="1" t="s">
        <v>207847</v>
      </c>
      <c r="C62381" s="1" t="s">
        <v>55</v>
      </c>
      <c r="D62381" s="1" t="s">
        <v>208636</v>
      </c>
      <c r="E62381" s="1" t="s">
        <v>208637</v>
      </c>
      <c r="F62381" s="1" t="s">
        <v>208638</v>
      </c>
      <c r="G62381" s="1" t="s">
        <v>208609</v>
      </c>
      <c r="H62381" s="1" t="s">
        <v>208610</v>
      </c>
      <c r="I62381" s="1" t="s">
        <v>207852</v>
      </c>
      <c r="J62381" s="1" t="s">
        <v>208639</v>
      </c>
    </row>
    <row r="62382" spans="1:10" x14ac:dyDescent="0.35">
      <c r="A62382" s="1" t="s">
        <v>25397</v>
      </c>
      <c r="B62382" s="1" t="s">
        <v>207847</v>
      </c>
      <c r="C62382" s="1" t="s">
        <v>60</v>
      </c>
      <c r="D62382" s="1" t="s">
        <v>208640</v>
      </c>
      <c r="E62382" s="1" t="s">
        <v>208641</v>
      </c>
      <c r="F62382" s="1" t="s">
        <v>208642</v>
      </c>
      <c r="G62382" s="1" t="s">
        <v>208609</v>
      </c>
      <c r="H62382" s="1" t="s">
        <v>208610</v>
      </c>
      <c r="I62382" s="1" t="s">
        <v>207852</v>
      </c>
      <c r="J62382" s="1" t="s">
        <v>208643</v>
      </c>
    </row>
    <row r="62383" spans="1:10" x14ac:dyDescent="0.35">
      <c r="A62383" s="1" t="s">
        <v>25397</v>
      </c>
      <c r="B62383" s="1" t="s">
        <v>207847</v>
      </c>
      <c r="C62383" s="1" t="s">
        <v>65</v>
      </c>
      <c r="D62383" s="1" t="s">
        <v>179666</v>
      </c>
      <c r="E62383" s="1" t="s">
        <v>208644</v>
      </c>
      <c r="F62383" s="1" t="s">
        <v>208645</v>
      </c>
      <c r="G62383" s="1" t="s">
        <v>208609</v>
      </c>
      <c r="H62383" s="1" t="s">
        <v>208610</v>
      </c>
      <c r="I62383" s="1" t="s">
        <v>207852</v>
      </c>
      <c r="J62383" s="1" t="s">
        <v>208646</v>
      </c>
    </row>
    <row r="62384" spans="1:10" x14ac:dyDescent="0.35">
      <c r="A62384" s="1" t="s">
        <v>25397</v>
      </c>
      <c r="B62384" s="1" t="s">
        <v>207847</v>
      </c>
      <c r="C62384" s="1" t="s">
        <v>70</v>
      </c>
      <c r="D62384" s="1" t="s">
        <v>177072</v>
      </c>
      <c r="E62384" s="1" t="s">
        <v>208647</v>
      </c>
      <c r="F62384" s="1" t="s">
        <v>208648</v>
      </c>
      <c r="G62384" s="1" t="s">
        <v>208609</v>
      </c>
      <c r="H62384" s="1" t="s">
        <v>208610</v>
      </c>
      <c r="I62384" s="1" t="s">
        <v>207852</v>
      </c>
      <c r="J62384" s="1" t="s">
        <v>208649</v>
      </c>
    </row>
    <row r="62385" spans="1:10" x14ac:dyDescent="0.35">
      <c r="A62385" s="1" t="s">
        <v>25397</v>
      </c>
      <c r="B62385" s="1" t="s">
        <v>207847</v>
      </c>
      <c r="C62385" s="1" t="s">
        <v>75</v>
      </c>
      <c r="D62385" s="1" t="s">
        <v>208650</v>
      </c>
      <c r="E62385" s="1" t="s">
        <v>208651</v>
      </c>
      <c r="F62385" s="1" t="s">
        <v>208652</v>
      </c>
      <c r="G62385" s="1" t="s">
        <v>208609</v>
      </c>
      <c r="H62385" s="1" t="s">
        <v>208610</v>
      </c>
      <c r="I62385" s="1" t="s">
        <v>207852</v>
      </c>
      <c r="J62385" s="1" t="s">
        <v>208653</v>
      </c>
    </row>
    <row r="62386" spans="1:10" x14ac:dyDescent="0.35">
      <c r="A62386" s="1" t="s">
        <v>25397</v>
      </c>
      <c r="B62386" s="1" t="s">
        <v>207847</v>
      </c>
      <c r="C62386" s="1" t="s">
        <v>80</v>
      </c>
      <c r="D62386" s="1" t="s">
        <v>208654</v>
      </c>
      <c r="E62386" s="1" t="s">
        <v>208655</v>
      </c>
      <c r="F62386" s="1" t="s">
        <v>208656</v>
      </c>
      <c r="G62386" s="1" t="s">
        <v>208609</v>
      </c>
      <c r="H62386" s="1" t="s">
        <v>208610</v>
      </c>
      <c r="I62386" s="1" t="s">
        <v>207852</v>
      </c>
      <c r="J62386" s="1" t="s">
        <v>208657</v>
      </c>
    </row>
    <row r="62387" spans="1:10" x14ac:dyDescent="0.35">
      <c r="A62387" s="1" t="s">
        <v>25397</v>
      </c>
      <c r="B62387" s="1" t="s">
        <v>207847</v>
      </c>
      <c r="C62387" s="1" t="s">
        <v>85</v>
      </c>
      <c r="D62387" s="1" t="s">
        <v>59702</v>
      </c>
      <c r="E62387" s="1" t="s">
        <v>208658</v>
      </c>
      <c r="F62387" s="1" t="s">
        <v>208659</v>
      </c>
      <c r="G62387" s="1" t="s">
        <v>208609</v>
      </c>
      <c r="H62387" s="1" t="s">
        <v>208610</v>
      </c>
      <c r="I62387" s="1" t="s">
        <v>207852</v>
      </c>
      <c r="J62387" s="1" t="s">
        <v>208660</v>
      </c>
    </row>
    <row r="62388" spans="1:10" x14ac:dyDescent="0.35">
      <c r="A62388" s="1" t="s">
        <v>25397</v>
      </c>
      <c r="B62388" s="1" t="s">
        <v>207847</v>
      </c>
      <c r="C62388" s="1" t="s">
        <v>90</v>
      </c>
      <c r="D62388" s="1" t="s">
        <v>81748</v>
      </c>
      <c r="E62388" s="1" t="s">
        <v>208661</v>
      </c>
      <c r="F62388" s="1" t="s">
        <v>208662</v>
      </c>
      <c r="G62388" s="1" t="s">
        <v>208609</v>
      </c>
      <c r="H62388" s="1" t="s">
        <v>208610</v>
      </c>
      <c r="I62388" s="1" t="s">
        <v>207852</v>
      </c>
      <c r="J62388" s="1" t="s">
        <v>208663</v>
      </c>
    </row>
    <row r="62389" spans="1:10" x14ac:dyDescent="0.35">
      <c r="A62389" s="1" t="s">
        <v>25397</v>
      </c>
      <c r="B62389" s="1" t="s">
        <v>207847</v>
      </c>
      <c r="C62389" s="1" t="s">
        <v>95</v>
      </c>
      <c r="D62389" s="1" t="s">
        <v>88677</v>
      </c>
      <c r="E62389" s="1" t="s">
        <v>208664</v>
      </c>
      <c r="F62389" s="1" t="s">
        <v>208665</v>
      </c>
      <c r="G62389" s="1" t="s">
        <v>208609</v>
      </c>
      <c r="H62389" s="1" t="s">
        <v>208610</v>
      </c>
      <c r="I62389" s="1" t="s">
        <v>207852</v>
      </c>
      <c r="J62389" s="1" t="s">
        <v>208666</v>
      </c>
    </row>
    <row r="62390" spans="1:10" x14ac:dyDescent="0.35">
      <c r="A62390" s="1" t="s">
        <v>25397</v>
      </c>
      <c r="B62390" s="1" t="s">
        <v>207847</v>
      </c>
      <c r="C62390" s="1" t="s">
        <v>100</v>
      </c>
      <c r="D62390" s="1" t="s">
        <v>85220</v>
      </c>
      <c r="E62390" s="1" t="s">
        <v>208667</v>
      </c>
      <c r="F62390" s="1" t="s">
        <v>208668</v>
      </c>
      <c r="G62390" s="1" t="s">
        <v>208609</v>
      </c>
      <c r="H62390" s="1" t="s">
        <v>208610</v>
      </c>
      <c r="I62390" s="1" t="s">
        <v>207852</v>
      </c>
      <c r="J62390" s="1" t="s">
        <v>208669</v>
      </c>
    </row>
    <row r="62391" spans="1:10" x14ac:dyDescent="0.35">
      <c r="A62391" s="1" t="s">
        <v>25397</v>
      </c>
      <c r="B62391" s="1" t="s">
        <v>207847</v>
      </c>
      <c r="C62391" s="1" t="s">
        <v>105</v>
      </c>
      <c r="D62391" s="1" t="s">
        <v>66808</v>
      </c>
      <c r="E62391" s="1" t="s">
        <v>208670</v>
      </c>
      <c r="F62391" s="1" t="s">
        <v>208671</v>
      </c>
      <c r="G62391" s="1" t="s">
        <v>208609</v>
      </c>
      <c r="H62391" s="1" t="s">
        <v>208610</v>
      </c>
      <c r="I62391" s="1" t="s">
        <v>207852</v>
      </c>
      <c r="J62391" s="1" t="s">
        <v>208672</v>
      </c>
    </row>
    <row r="62392" spans="1:10" x14ac:dyDescent="0.35">
      <c r="A62392" s="1" t="s">
        <v>25397</v>
      </c>
      <c r="B62392" s="1" t="s">
        <v>207847</v>
      </c>
      <c r="C62392" s="1" t="s">
        <v>110</v>
      </c>
      <c r="D62392" s="1" t="s">
        <v>208673</v>
      </c>
      <c r="E62392" s="1" t="s">
        <v>208674</v>
      </c>
      <c r="F62392" s="1" t="s">
        <v>208675</v>
      </c>
      <c r="G62392" s="1" t="s">
        <v>208609</v>
      </c>
      <c r="H62392" s="1" t="s">
        <v>208610</v>
      </c>
      <c r="I62392" s="1" t="s">
        <v>207852</v>
      </c>
      <c r="J62392" s="1" t="s">
        <v>208676</v>
      </c>
    </row>
    <row r="62393" spans="1:10" x14ac:dyDescent="0.35">
      <c r="A62393" s="1" t="s">
        <v>25397</v>
      </c>
      <c r="B62393" s="1" t="s">
        <v>207847</v>
      </c>
      <c r="C62393" s="1" t="s">
        <v>115</v>
      </c>
      <c r="D62393" s="1" t="s">
        <v>62944</v>
      </c>
      <c r="E62393" s="1" t="s">
        <v>208677</v>
      </c>
      <c r="F62393" s="1" t="s">
        <v>208678</v>
      </c>
      <c r="G62393" s="1" t="s">
        <v>208609</v>
      </c>
      <c r="H62393" s="1" t="s">
        <v>208610</v>
      </c>
      <c r="I62393" s="1" t="s">
        <v>207852</v>
      </c>
      <c r="J62393" s="1" t="s">
        <v>208679</v>
      </c>
    </row>
    <row r="62394" spans="1:10" x14ac:dyDescent="0.35">
      <c r="A62394" s="1" t="s">
        <v>25397</v>
      </c>
      <c r="B62394" s="1" t="s">
        <v>207847</v>
      </c>
      <c r="C62394" s="1" t="s">
        <v>120</v>
      </c>
      <c r="D62394" s="1" t="s">
        <v>24069</v>
      </c>
      <c r="E62394" s="1" t="s">
        <v>208680</v>
      </c>
      <c r="F62394" s="1" t="s">
        <v>208681</v>
      </c>
      <c r="G62394" s="1" t="s">
        <v>208609</v>
      </c>
      <c r="H62394" s="1" t="s">
        <v>208610</v>
      </c>
      <c r="I62394" s="1" t="s">
        <v>207852</v>
      </c>
      <c r="J62394" s="1" t="s">
        <v>208682</v>
      </c>
    </row>
    <row r="62395" spans="1:10" x14ac:dyDescent="0.35">
      <c r="A62395" s="1" t="s">
        <v>25397</v>
      </c>
      <c r="B62395" s="1" t="s">
        <v>207847</v>
      </c>
      <c r="C62395" s="1" t="s">
        <v>125</v>
      </c>
      <c r="D62395" s="1" t="s">
        <v>178906</v>
      </c>
      <c r="E62395" s="1" t="s">
        <v>208683</v>
      </c>
      <c r="F62395" s="1" t="s">
        <v>208684</v>
      </c>
      <c r="G62395" s="1" t="s">
        <v>208609</v>
      </c>
      <c r="H62395" s="1" t="s">
        <v>208610</v>
      </c>
      <c r="I62395" s="1" t="s">
        <v>207852</v>
      </c>
      <c r="J62395" s="1" t="s">
        <v>208685</v>
      </c>
    </row>
    <row r="62396" spans="1:10" x14ac:dyDescent="0.35">
      <c r="A62396" s="1" t="s">
        <v>25397</v>
      </c>
      <c r="B62396" s="1" t="s">
        <v>207847</v>
      </c>
      <c r="C62396" s="1" t="s">
        <v>130</v>
      </c>
      <c r="D62396" s="1" t="s">
        <v>67250</v>
      </c>
      <c r="E62396" s="1" t="s">
        <v>208686</v>
      </c>
      <c r="F62396" s="1" t="s">
        <v>208687</v>
      </c>
      <c r="G62396" s="1" t="s">
        <v>208609</v>
      </c>
      <c r="H62396" s="1" t="s">
        <v>208610</v>
      </c>
      <c r="I62396" s="1" t="s">
        <v>207852</v>
      </c>
      <c r="J62396" s="1" t="s">
        <v>208688</v>
      </c>
    </row>
    <row r="62397" spans="1:10" x14ac:dyDescent="0.35">
      <c r="A62397" s="1" t="s">
        <v>25397</v>
      </c>
      <c r="B62397" s="1" t="s">
        <v>207847</v>
      </c>
      <c r="C62397" s="1" t="s">
        <v>135</v>
      </c>
      <c r="D62397" s="1" t="s">
        <v>60578</v>
      </c>
      <c r="E62397" s="1" t="s">
        <v>208689</v>
      </c>
      <c r="F62397" s="1" t="s">
        <v>208690</v>
      </c>
      <c r="G62397" s="1" t="s">
        <v>208609</v>
      </c>
      <c r="H62397" s="1" t="s">
        <v>208610</v>
      </c>
      <c r="I62397" s="1" t="s">
        <v>207852</v>
      </c>
      <c r="J62397" s="1" t="s">
        <v>208691</v>
      </c>
    </row>
    <row r="62398" spans="1:10" x14ac:dyDescent="0.35">
      <c r="A62398" s="1" t="s">
        <v>25397</v>
      </c>
      <c r="B62398" s="1" t="s">
        <v>207847</v>
      </c>
      <c r="C62398" s="1" t="s">
        <v>140</v>
      </c>
      <c r="D62398" s="1" t="s">
        <v>208692</v>
      </c>
      <c r="E62398" s="1" t="s">
        <v>208693</v>
      </c>
      <c r="F62398" s="1" t="s">
        <v>208694</v>
      </c>
      <c r="G62398" s="1" t="s">
        <v>208609</v>
      </c>
      <c r="H62398" s="1" t="s">
        <v>208610</v>
      </c>
      <c r="I62398" s="1" t="s">
        <v>207852</v>
      </c>
      <c r="J62398" s="1" t="s">
        <v>208695</v>
      </c>
    </row>
    <row r="62399" spans="1:10" x14ac:dyDescent="0.35">
      <c r="A62399" s="1" t="s">
        <v>25397</v>
      </c>
      <c r="B62399" s="1" t="s">
        <v>207847</v>
      </c>
      <c r="C62399" s="1" t="s">
        <v>145</v>
      </c>
      <c r="D62399" s="1" t="s">
        <v>56792</v>
      </c>
      <c r="E62399" s="1" t="s">
        <v>208696</v>
      </c>
      <c r="F62399" s="1" t="s">
        <v>208697</v>
      </c>
      <c r="G62399" s="1" t="s">
        <v>208609</v>
      </c>
      <c r="H62399" s="1" t="s">
        <v>208610</v>
      </c>
      <c r="I62399" s="1" t="s">
        <v>207852</v>
      </c>
      <c r="J62399" s="1" t="s">
        <v>208698</v>
      </c>
    </row>
    <row r="62400" spans="1:10" x14ac:dyDescent="0.35">
      <c r="A62400" s="1" t="s">
        <v>25397</v>
      </c>
      <c r="B62400" s="1" t="s">
        <v>207847</v>
      </c>
      <c r="C62400" s="1" t="s">
        <v>150</v>
      </c>
      <c r="D62400" s="1" t="s">
        <v>64058</v>
      </c>
      <c r="E62400" s="1" t="s">
        <v>120031</v>
      </c>
      <c r="F62400" s="1" t="s">
        <v>208699</v>
      </c>
      <c r="G62400" s="1" t="s">
        <v>208609</v>
      </c>
      <c r="H62400" s="1" t="s">
        <v>208610</v>
      </c>
      <c r="I62400" s="1" t="s">
        <v>207852</v>
      </c>
      <c r="J62400" s="1" t="s">
        <v>208700</v>
      </c>
    </row>
    <row r="62401" spans="1:10" x14ac:dyDescent="0.35">
      <c r="A62401" s="1" t="s">
        <v>25397</v>
      </c>
      <c r="B62401" s="1" t="s">
        <v>207847</v>
      </c>
      <c r="C62401" s="1" t="s">
        <v>155</v>
      </c>
      <c r="D62401" s="1" t="s">
        <v>201176</v>
      </c>
      <c r="E62401" s="1" t="s">
        <v>208701</v>
      </c>
      <c r="F62401" s="1" t="s">
        <v>208702</v>
      </c>
      <c r="G62401" s="1" t="s">
        <v>208609</v>
      </c>
      <c r="H62401" s="1" t="s">
        <v>208610</v>
      </c>
      <c r="I62401" s="1" t="s">
        <v>207852</v>
      </c>
      <c r="J62401" s="1" t="s">
        <v>208703</v>
      </c>
    </row>
    <row r="62402" spans="1:10" x14ac:dyDescent="0.35">
      <c r="A62402" s="1" t="s">
        <v>25397</v>
      </c>
      <c r="B62402" s="1" t="s">
        <v>207847</v>
      </c>
      <c r="C62402" s="1" t="s">
        <v>160</v>
      </c>
      <c r="D62402" s="1" t="s">
        <v>208704</v>
      </c>
      <c r="E62402" s="1" t="s">
        <v>208705</v>
      </c>
      <c r="F62402" s="1" t="s">
        <v>208706</v>
      </c>
      <c r="G62402" s="1" t="s">
        <v>208609</v>
      </c>
      <c r="H62402" s="1" t="s">
        <v>208610</v>
      </c>
      <c r="I62402" s="1" t="s">
        <v>207852</v>
      </c>
      <c r="J62402" s="1" t="s">
        <v>208707</v>
      </c>
    </row>
    <row r="62403" spans="1:10" x14ac:dyDescent="0.35">
      <c r="A62403" s="1" t="s">
        <v>25397</v>
      </c>
      <c r="B62403" s="1" t="s">
        <v>207847</v>
      </c>
      <c r="C62403" s="1" t="s">
        <v>165</v>
      </c>
      <c r="D62403" s="1" t="s">
        <v>76193</v>
      </c>
      <c r="E62403" s="1" t="s">
        <v>208708</v>
      </c>
      <c r="F62403" s="1" t="s">
        <v>208709</v>
      </c>
      <c r="G62403" s="1" t="s">
        <v>208609</v>
      </c>
      <c r="H62403" s="1" t="s">
        <v>208610</v>
      </c>
      <c r="I62403" s="1" t="s">
        <v>207852</v>
      </c>
      <c r="J62403" s="1" t="s">
        <v>208710</v>
      </c>
    </row>
    <row r="62404" spans="1:10" x14ac:dyDescent="0.35">
      <c r="A62404" s="1" t="s">
        <v>25397</v>
      </c>
      <c r="B62404" s="1" t="s">
        <v>207847</v>
      </c>
      <c r="C62404" s="1" t="s">
        <v>170</v>
      </c>
      <c r="D62404" s="1" t="s">
        <v>61719</v>
      </c>
      <c r="E62404" s="1" t="s">
        <v>208711</v>
      </c>
      <c r="F62404" s="1" t="s">
        <v>208712</v>
      </c>
      <c r="G62404" s="1" t="s">
        <v>208609</v>
      </c>
      <c r="H62404" s="1" t="s">
        <v>208610</v>
      </c>
      <c r="I62404" s="1" t="s">
        <v>207852</v>
      </c>
      <c r="J62404" s="1" t="s">
        <v>208713</v>
      </c>
    </row>
    <row r="62405" spans="1:10" x14ac:dyDescent="0.35">
      <c r="A62405" s="1" t="s">
        <v>119263</v>
      </c>
      <c r="B62405" s="1" t="s">
        <v>207847</v>
      </c>
      <c r="C62405" s="1" t="s">
        <v>8</v>
      </c>
      <c r="D62405" s="1" t="s">
        <v>46483</v>
      </c>
      <c r="E62405" s="1" t="s">
        <v>208714</v>
      </c>
      <c r="F62405" s="1" t="s">
        <v>208715</v>
      </c>
      <c r="G62405" s="1" t="s">
        <v>208716</v>
      </c>
      <c r="H62405" s="1" t="s">
        <v>208717</v>
      </c>
      <c r="I62405" s="1" t="s">
        <v>207852</v>
      </c>
      <c r="J62405" s="1" t="s">
        <v>13</v>
      </c>
    </row>
    <row r="62406" spans="1:10" x14ac:dyDescent="0.35">
      <c r="A62406" s="1" t="s">
        <v>119263</v>
      </c>
      <c r="B62406" s="1" t="s">
        <v>207847</v>
      </c>
      <c r="C62406" s="1" t="s">
        <v>15</v>
      </c>
      <c r="D62406" s="1" t="s">
        <v>83404</v>
      </c>
      <c r="E62406" s="1" t="s">
        <v>208718</v>
      </c>
      <c r="F62406" s="1" t="s">
        <v>208719</v>
      </c>
      <c r="G62406" s="1" t="s">
        <v>208716</v>
      </c>
      <c r="H62406" s="1" t="s">
        <v>208717</v>
      </c>
      <c r="I62406" s="1" t="s">
        <v>207852</v>
      </c>
      <c r="J62406" s="1" t="s">
        <v>208720</v>
      </c>
    </row>
    <row r="62407" spans="1:10" x14ac:dyDescent="0.35">
      <c r="A62407" s="1" t="s">
        <v>119263</v>
      </c>
      <c r="B62407" s="1" t="s">
        <v>207847</v>
      </c>
      <c r="C62407" s="1" t="s">
        <v>20</v>
      </c>
      <c r="D62407" s="1" t="s">
        <v>36775</v>
      </c>
      <c r="E62407" s="1" t="s">
        <v>208721</v>
      </c>
      <c r="F62407" s="1" t="s">
        <v>208722</v>
      </c>
      <c r="G62407" s="1" t="s">
        <v>208716</v>
      </c>
      <c r="H62407" s="1" t="s">
        <v>208717</v>
      </c>
      <c r="I62407" s="1" t="s">
        <v>207852</v>
      </c>
      <c r="J62407" s="1" t="s">
        <v>208234</v>
      </c>
    </row>
    <row r="62408" spans="1:10" x14ac:dyDescent="0.35">
      <c r="A62408" s="1" t="s">
        <v>119263</v>
      </c>
      <c r="B62408" s="1" t="s">
        <v>207847</v>
      </c>
      <c r="C62408" s="1" t="s">
        <v>25</v>
      </c>
      <c r="D62408" s="1" t="s">
        <v>30720</v>
      </c>
      <c r="E62408" s="1" t="s">
        <v>208723</v>
      </c>
      <c r="F62408" s="1" t="s">
        <v>208724</v>
      </c>
      <c r="G62408" s="1" t="s">
        <v>208716</v>
      </c>
      <c r="H62408" s="1" t="s">
        <v>208717</v>
      </c>
      <c r="I62408" s="1" t="s">
        <v>207852</v>
      </c>
      <c r="J62408" s="1" t="s">
        <v>208725</v>
      </c>
    </row>
    <row r="62409" spans="1:10" x14ac:dyDescent="0.35">
      <c r="A62409" s="1" t="s">
        <v>119263</v>
      </c>
      <c r="B62409" s="1" t="s">
        <v>207847</v>
      </c>
      <c r="C62409" s="1" t="s">
        <v>30</v>
      </c>
      <c r="D62409" s="1" t="s">
        <v>72782</v>
      </c>
      <c r="E62409" s="1" t="s">
        <v>208726</v>
      </c>
      <c r="F62409" s="1" t="s">
        <v>208727</v>
      </c>
      <c r="G62409" s="1" t="s">
        <v>208716</v>
      </c>
      <c r="H62409" s="1" t="s">
        <v>208717</v>
      </c>
      <c r="I62409" s="1" t="s">
        <v>207852</v>
      </c>
      <c r="J62409" s="1" t="s">
        <v>208728</v>
      </c>
    </row>
    <row r="62410" spans="1:10" x14ac:dyDescent="0.35">
      <c r="A62410" s="1" t="s">
        <v>119263</v>
      </c>
      <c r="B62410" s="1" t="s">
        <v>207847</v>
      </c>
      <c r="C62410" s="1" t="s">
        <v>35</v>
      </c>
      <c r="D62410" s="1" t="s">
        <v>35314</v>
      </c>
      <c r="E62410" s="1" t="s">
        <v>208729</v>
      </c>
      <c r="F62410" s="1" t="s">
        <v>208730</v>
      </c>
      <c r="G62410" s="1" t="s">
        <v>208716</v>
      </c>
      <c r="H62410" s="1" t="s">
        <v>208717</v>
      </c>
      <c r="I62410" s="1" t="s">
        <v>207852</v>
      </c>
      <c r="J62410" s="1" t="s">
        <v>208731</v>
      </c>
    </row>
    <row r="62411" spans="1:10" x14ac:dyDescent="0.35">
      <c r="A62411" s="1" t="s">
        <v>119263</v>
      </c>
      <c r="B62411" s="1" t="s">
        <v>207847</v>
      </c>
      <c r="C62411" s="1" t="s">
        <v>40</v>
      </c>
      <c r="D62411" s="1" t="s">
        <v>72145</v>
      </c>
      <c r="E62411" s="1" t="s">
        <v>208732</v>
      </c>
      <c r="F62411" s="1" t="s">
        <v>208733</v>
      </c>
      <c r="G62411" s="1" t="s">
        <v>208716</v>
      </c>
      <c r="H62411" s="1" t="s">
        <v>208717</v>
      </c>
      <c r="I62411" s="1" t="s">
        <v>207852</v>
      </c>
      <c r="J62411" s="1" t="s">
        <v>208734</v>
      </c>
    </row>
    <row r="62412" spans="1:10" x14ac:dyDescent="0.35">
      <c r="A62412" s="1" t="s">
        <v>119263</v>
      </c>
      <c r="B62412" s="1" t="s">
        <v>207847</v>
      </c>
      <c r="C62412" s="1" t="s">
        <v>45</v>
      </c>
      <c r="D62412" s="1" t="s">
        <v>207073</v>
      </c>
      <c r="E62412" s="1" t="s">
        <v>208735</v>
      </c>
      <c r="F62412" s="1" t="s">
        <v>208736</v>
      </c>
      <c r="G62412" s="1" t="s">
        <v>208716</v>
      </c>
      <c r="H62412" s="1" t="s">
        <v>208717</v>
      </c>
      <c r="I62412" s="1" t="s">
        <v>207852</v>
      </c>
      <c r="J62412" s="1" t="s">
        <v>208737</v>
      </c>
    </row>
    <row r="62413" spans="1:10" x14ac:dyDescent="0.35">
      <c r="A62413" s="1" t="s">
        <v>119263</v>
      </c>
      <c r="B62413" s="1" t="s">
        <v>207847</v>
      </c>
      <c r="C62413" s="1" t="s">
        <v>50</v>
      </c>
      <c r="D62413" s="1" t="s">
        <v>35121</v>
      </c>
      <c r="E62413" s="1" t="s">
        <v>208738</v>
      </c>
      <c r="F62413" s="1" t="s">
        <v>208739</v>
      </c>
      <c r="G62413" s="1" t="s">
        <v>208716</v>
      </c>
      <c r="H62413" s="1" t="s">
        <v>208717</v>
      </c>
      <c r="I62413" s="1" t="s">
        <v>207852</v>
      </c>
      <c r="J62413" s="1" t="s">
        <v>208740</v>
      </c>
    </row>
    <row r="62414" spans="1:10" x14ac:dyDescent="0.35">
      <c r="A62414" s="1" t="s">
        <v>119263</v>
      </c>
      <c r="B62414" s="1" t="s">
        <v>207847</v>
      </c>
      <c r="C62414" s="1" t="s">
        <v>55</v>
      </c>
      <c r="D62414" s="1" t="s">
        <v>177002</v>
      </c>
      <c r="E62414" s="1" t="s">
        <v>208741</v>
      </c>
      <c r="F62414" s="1" t="s">
        <v>208742</v>
      </c>
      <c r="G62414" s="1" t="s">
        <v>208716</v>
      </c>
      <c r="H62414" s="1" t="s">
        <v>208717</v>
      </c>
      <c r="I62414" s="1" t="s">
        <v>207852</v>
      </c>
      <c r="J62414" s="1" t="s">
        <v>208743</v>
      </c>
    </row>
    <row r="62415" spans="1:10" x14ac:dyDescent="0.35">
      <c r="A62415" s="1" t="s">
        <v>119263</v>
      </c>
      <c r="B62415" s="1" t="s">
        <v>207847</v>
      </c>
      <c r="C62415" s="1" t="s">
        <v>60</v>
      </c>
      <c r="D62415" s="1" t="s">
        <v>14630</v>
      </c>
      <c r="E62415" s="1" t="s">
        <v>208744</v>
      </c>
      <c r="F62415" s="1" t="s">
        <v>208745</v>
      </c>
      <c r="G62415" s="1" t="s">
        <v>208716</v>
      </c>
      <c r="H62415" s="1" t="s">
        <v>208717</v>
      </c>
      <c r="I62415" s="1" t="s">
        <v>207852</v>
      </c>
      <c r="J62415" s="1" t="s">
        <v>208746</v>
      </c>
    </row>
    <row r="62416" spans="1:10" x14ac:dyDescent="0.35">
      <c r="A62416" s="1" t="s">
        <v>119263</v>
      </c>
      <c r="B62416" s="1" t="s">
        <v>207847</v>
      </c>
      <c r="C62416" s="1" t="s">
        <v>65</v>
      </c>
      <c r="D62416" s="1" t="s">
        <v>156027</v>
      </c>
      <c r="E62416" s="1" t="s">
        <v>208747</v>
      </c>
      <c r="F62416" s="1" t="s">
        <v>208748</v>
      </c>
      <c r="G62416" s="1" t="s">
        <v>208716</v>
      </c>
      <c r="H62416" s="1" t="s">
        <v>208717</v>
      </c>
      <c r="I62416" s="1" t="s">
        <v>207852</v>
      </c>
      <c r="J62416" s="1" t="s">
        <v>208749</v>
      </c>
    </row>
    <row r="62417" spans="1:10" x14ac:dyDescent="0.35">
      <c r="A62417" s="1" t="s">
        <v>119263</v>
      </c>
      <c r="B62417" s="1" t="s">
        <v>207847</v>
      </c>
      <c r="C62417" s="1" t="s">
        <v>70</v>
      </c>
      <c r="D62417" s="1" t="s">
        <v>71409</v>
      </c>
      <c r="E62417" s="1" t="s">
        <v>208750</v>
      </c>
      <c r="F62417" s="1" t="s">
        <v>208751</v>
      </c>
      <c r="G62417" s="1" t="s">
        <v>208716</v>
      </c>
      <c r="H62417" s="1" t="s">
        <v>208717</v>
      </c>
      <c r="I62417" s="1" t="s">
        <v>207852</v>
      </c>
      <c r="J62417" s="1" t="s">
        <v>208752</v>
      </c>
    </row>
    <row r="62418" spans="1:10" x14ac:dyDescent="0.35">
      <c r="A62418" s="1" t="s">
        <v>119263</v>
      </c>
      <c r="B62418" s="1" t="s">
        <v>207847</v>
      </c>
      <c r="C62418" s="1" t="s">
        <v>75</v>
      </c>
      <c r="D62418" s="1" t="s">
        <v>43132</v>
      </c>
      <c r="E62418" s="1" t="s">
        <v>208753</v>
      </c>
      <c r="F62418" s="1" t="s">
        <v>208754</v>
      </c>
      <c r="G62418" s="1" t="s">
        <v>208716</v>
      </c>
      <c r="H62418" s="1" t="s">
        <v>208717</v>
      </c>
      <c r="I62418" s="1" t="s">
        <v>207852</v>
      </c>
      <c r="J62418" s="1" t="s">
        <v>208755</v>
      </c>
    </row>
    <row r="62419" spans="1:10" x14ac:dyDescent="0.35">
      <c r="A62419" s="1" t="s">
        <v>119263</v>
      </c>
      <c r="B62419" s="1" t="s">
        <v>207847</v>
      </c>
      <c r="C62419" s="1" t="s">
        <v>80</v>
      </c>
      <c r="D62419" s="1" t="s">
        <v>3449</v>
      </c>
      <c r="E62419" s="1" t="s">
        <v>208756</v>
      </c>
      <c r="F62419" s="1" t="s">
        <v>208757</v>
      </c>
      <c r="G62419" s="1" t="s">
        <v>208716</v>
      </c>
      <c r="H62419" s="1" t="s">
        <v>208717</v>
      </c>
      <c r="I62419" s="1" t="s">
        <v>207852</v>
      </c>
      <c r="J62419" s="1" t="s">
        <v>208758</v>
      </c>
    </row>
    <row r="62420" spans="1:10" x14ac:dyDescent="0.35">
      <c r="A62420" s="1" t="s">
        <v>119263</v>
      </c>
      <c r="B62420" s="1" t="s">
        <v>207847</v>
      </c>
      <c r="C62420" s="1" t="s">
        <v>85</v>
      </c>
      <c r="D62420" s="1" t="s">
        <v>37614</v>
      </c>
      <c r="E62420" s="1" t="s">
        <v>208759</v>
      </c>
      <c r="F62420" s="1" t="s">
        <v>208760</v>
      </c>
      <c r="G62420" s="1" t="s">
        <v>208716</v>
      </c>
      <c r="H62420" s="1" t="s">
        <v>208717</v>
      </c>
      <c r="I62420" s="1" t="s">
        <v>207852</v>
      </c>
      <c r="J62420" s="1" t="s">
        <v>82324</v>
      </c>
    </row>
    <row r="62421" spans="1:10" x14ac:dyDescent="0.35">
      <c r="A62421" s="1" t="s">
        <v>119263</v>
      </c>
      <c r="B62421" s="1" t="s">
        <v>207847</v>
      </c>
      <c r="C62421" s="1" t="s">
        <v>90</v>
      </c>
      <c r="D62421" s="1" t="s">
        <v>205489</v>
      </c>
      <c r="E62421" s="1" t="s">
        <v>208761</v>
      </c>
      <c r="F62421" s="1" t="s">
        <v>208762</v>
      </c>
      <c r="G62421" s="1" t="s">
        <v>208716</v>
      </c>
      <c r="H62421" s="1" t="s">
        <v>208717</v>
      </c>
      <c r="I62421" s="1" t="s">
        <v>207852</v>
      </c>
      <c r="J62421" s="1" t="s">
        <v>208763</v>
      </c>
    </row>
    <row r="62422" spans="1:10" x14ac:dyDescent="0.35">
      <c r="A62422" s="1" t="s">
        <v>119263</v>
      </c>
      <c r="B62422" s="1" t="s">
        <v>207847</v>
      </c>
      <c r="C62422" s="1" t="s">
        <v>95</v>
      </c>
      <c r="D62422" s="1" t="s">
        <v>17933</v>
      </c>
      <c r="E62422" s="1" t="s">
        <v>208764</v>
      </c>
      <c r="F62422" s="1" t="s">
        <v>208765</v>
      </c>
      <c r="G62422" s="1" t="s">
        <v>208716</v>
      </c>
      <c r="H62422" s="1" t="s">
        <v>208717</v>
      </c>
      <c r="I62422" s="1" t="s">
        <v>207852</v>
      </c>
      <c r="J62422" s="1" t="s">
        <v>208766</v>
      </c>
    </row>
    <row r="62423" spans="1:10" x14ac:dyDescent="0.35">
      <c r="A62423" s="1" t="s">
        <v>119263</v>
      </c>
      <c r="B62423" s="1" t="s">
        <v>207847</v>
      </c>
      <c r="C62423" s="1" t="s">
        <v>100</v>
      </c>
      <c r="D62423" s="1" t="s">
        <v>110486</v>
      </c>
      <c r="E62423" s="1" t="s">
        <v>208767</v>
      </c>
      <c r="F62423" s="1" t="s">
        <v>208768</v>
      </c>
      <c r="G62423" s="1" t="s">
        <v>208716</v>
      </c>
      <c r="H62423" s="1" t="s">
        <v>208717</v>
      </c>
      <c r="I62423" s="1" t="s">
        <v>207852</v>
      </c>
      <c r="J62423" s="1" t="s">
        <v>208769</v>
      </c>
    </row>
    <row r="62424" spans="1:10" x14ac:dyDescent="0.35">
      <c r="A62424" s="1" t="s">
        <v>119263</v>
      </c>
      <c r="B62424" s="1" t="s">
        <v>207847</v>
      </c>
      <c r="C62424" s="1" t="s">
        <v>105</v>
      </c>
      <c r="D62424" s="1" t="s">
        <v>144839</v>
      </c>
      <c r="E62424" s="1" t="s">
        <v>208770</v>
      </c>
      <c r="F62424" s="1" t="s">
        <v>208771</v>
      </c>
      <c r="G62424" s="1" t="s">
        <v>208716</v>
      </c>
      <c r="H62424" s="1" t="s">
        <v>208717</v>
      </c>
      <c r="I62424" s="1" t="s">
        <v>207852</v>
      </c>
      <c r="J62424" s="1" t="s">
        <v>208772</v>
      </c>
    </row>
    <row r="62425" spans="1:10" x14ac:dyDescent="0.35">
      <c r="A62425" s="1" t="s">
        <v>119263</v>
      </c>
      <c r="B62425" s="1" t="s">
        <v>207847</v>
      </c>
      <c r="C62425" s="1" t="s">
        <v>110</v>
      </c>
      <c r="D62425" s="1" t="s">
        <v>896</v>
      </c>
      <c r="E62425" s="1" t="s">
        <v>208773</v>
      </c>
      <c r="F62425" s="1" t="s">
        <v>208774</v>
      </c>
      <c r="G62425" s="1" t="s">
        <v>208716</v>
      </c>
      <c r="H62425" s="1" t="s">
        <v>208717</v>
      </c>
      <c r="I62425" s="1" t="s">
        <v>207852</v>
      </c>
      <c r="J62425" s="1" t="s">
        <v>208775</v>
      </c>
    </row>
    <row r="62426" spans="1:10" x14ac:dyDescent="0.35">
      <c r="A62426" s="1" t="s">
        <v>119263</v>
      </c>
      <c r="B62426" s="1" t="s">
        <v>207847</v>
      </c>
      <c r="C62426" s="1" t="s">
        <v>115</v>
      </c>
      <c r="D62426" s="1" t="s">
        <v>185401</v>
      </c>
      <c r="E62426" s="1" t="s">
        <v>208776</v>
      </c>
      <c r="F62426" s="1" t="s">
        <v>208777</v>
      </c>
      <c r="G62426" s="1" t="s">
        <v>208716</v>
      </c>
      <c r="H62426" s="1" t="s">
        <v>208717</v>
      </c>
      <c r="I62426" s="1" t="s">
        <v>207852</v>
      </c>
      <c r="J62426" s="1" t="s">
        <v>208778</v>
      </c>
    </row>
    <row r="62427" spans="1:10" x14ac:dyDescent="0.35">
      <c r="A62427" s="1" t="s">
        <v>119263</v>
      </c>
      <c r="B62427" s="1" t="s">
        <v>207847</v>
      </c>
      <c r="C62427" s="1" t="s">
        <v>120</v>
      </c>
      <c r="D62427" s="1" t="s">
        <v>125879</v>
      </c>
      <c r="E62427" s="1" t="s">
        <v>208779</v>
      </c>
      <c r="F62427" s="1" t="s">
        <v>208780</v>
      </c>
      <c r="G62427" s="1" t="s">
        <v>208716</v>
      </c>
      <c r="H62427" s="1" t="s">
        <v>208717</v>
      </c>
      <c r="I62427" s="1" t="s">
        <v>207852</v>
      </c>
      <c r="J62427" s="1" t="s">
        <v>208781</v>
      </c>
    </row>
    <row r="62428" spans="1:10" x14ac:dyDescent="0.35">
      <c r="A62428" s="1" t="s">
        <v>119263</v>
      </c>
      <c r="B62428" s="1" t="s">
        <v>207847</v>
      </c>
      <c r="C62428" s="1" t="s">
        <v>125</v>
      </c>
      <c r="D62428" s="1" t="s">
        <v>208782</v>
      </c>
      <c r="E62428" s="1" t="s">
        <v>208783</v>
      </c>
      <c r="F62428" s="1" t="s">
        <v>208784</v>
      </c>
      <c r="G62428" s="1" t="s">
        <v>208716</v>
      </c>
      <c r="H62428" s="1" t="s">
        <v>208717</v>
      </c>
      <c r="I62428" s="1" t="s">
        <v>207852</v>
      </c>
      <c r="J62428" s="1" t="s">
        <v>208785</v>
      </c>
    </row>
    <row r="62429" spans="1:10" x14ac:dyDescent="0.35">
      <c r="A62429" s="1" t="s">
        <v>119263</v>
      </c>
      <c r="B62429" s="1" t="s">
        <v>207847</v>
      </c>
      <c r="C62429" s="1" t="s">
        <v>130</v>
      </c>
      <c r="D62429" s="1" t="s">
        <v>104263</v>
      </c>
      <c r="E62429" s="1" t="s">
        <v>208786</v>
      </c>
      <c r="F62429" s="1" t="s">
        <v>208787</v>
      </c>
      <c r="G62429" s="1" t="s">
        <v>208716</v>
      </c>
      <c r="H62429" s="1" t="s">
        <v>208717</v>
      </c>
      <c r="I62429" s="1" t="s">
        <v>207852</v>
      </c>
      <c r="J62429" s="1" t="s">
        <v>208788</v>
      </c>
    </row>
    <row r="62430" spans="1:10" x14ac:dyDescent="0.35">
      <c r="A62430" s="1" t="s">
        <v>119263</v>
      </c>
      <c r="B62430" s="1" t="s">
        <v>207847</v>
      </c>
      <c r="C62430" s="1" t="s">
        <v>135</v>
      </c>
      <c r="D62430" s="1" t="s">
        <v>208789</v>
      </c>
      <c r="E62430" s="1" t="s">
        <v>208790</v>
      </c>
      <c r="F62430" s="1" t="s">
        <v>208791</v>
      </c>
      <c r="G62430" s="1" t="s">
        <v>208716</v>
      </c>
      <c r="H62430" s="1" t="s">
        <v>208717</v>
      </c>
      <c r="I62430" s="1" t="s">
        <v>207852</v>
      </c>
      <c r="J62430" s="1" t="s">
        <v>208792</v>
      </c>
    </row>
    <row r="62431" spans="1:10" x14ac:dyDescent="0.35">
      <c r="A62431" s="1" t="s">
        <v>119263</v>
      </c>
      <c r="B62431" s="1" t="s">
        <v>207847</v>
      </c>
      <c r="C62431" s="1" t="s">
        <v>140</v>
      </c>
      <c r="D62431" s="1" t="s">
        <v>19375</v>
      </c>
      <c r="E62431" s="1" t="s">
        <v>208793</v>
      </c>
      <c r="F62431" s="1" t="s">
        <v>208794</v>
      </c>
      <c r="G62431" s="1" t="s">
        <v>208716</v>
      </c>
      <c r="H62431" s="1" t="s">
        <v>208717</v>
      </c>
      <c r="I62431" s="1" t="s">
        <v>207852</v>
      </c>
      <c r="J62431" s="1" t="s">
        <v>208795</v>
      </c>
    </row>
    <row r="62432" spans="1:10" x14ac:dyDescent="0.35">
      <c r="A62432" s="1" t="s">
        <v>119263</v>
      </c>
      <c r="B62432" s="1" t="s">
        <v>207847</v>
      </c>
      <c r="C62432" s="1" t="s">
        <v>145</v>
      </c>
      <c r="D62432" s="1" t="s">
        <v>208796</v>
      </c>
      <c r="E62432" s="1" t="s">
        <v>208797</v>
      </c>
      <c r="F62432" s="1" t="s">
        <v>208798</v>
      </c>
      <c r="G62432" s="1" t="s">
        <v>208716</v>
      </c>
      <c r="H62432" s="1" t="s">
        <v>208717</v>
      </c>
      <c r="I62432" s="1" t="s">
        <v>207852</v>
      </c>
      <c r="J62432" s="1" t="s">
        <v>208799</v>
      </c>
    </row>
    <row r="62433" spans="1:10" x14ac:dyDescent="0.35">
      <c r="A62433" s="1" t="s">
        <v>119263</v>
      </c>
      <c r="B62433" s="1" t="s">
        <v>207847</v>
      </c>
      <c r="C62433" s="1" t="s">
        <v>150</v>
      </c>
      <c r="D62433" s="1" t="s">
        <v>208800</v>
      </c>
      <c r="E62433" s="1" t="s">
        <v>208801</v>
      </c>
      <c r="F62433" s="1" t="s">
        <v>208802</v>
      </c>
      <c r="G62433" s="1" t="s">
        <v>208716</v>
      </c>
      <c r="H62433" s="1" t="s">
        <v>208717</v>
      </c>
      <c r="I62433" s="1" t="s">
        <v>207852</v>
      </c>
      <c r="J62433" s="1" t="s">
        <v>208803</v>
      </c>
    </row>
    <row r="62434" spans="1:10" x14ac:dyDescent="0.35">
      <c r="A62434" s="1" t="s">
        <v>119263</v>
      </c>
      <c r="B62434" s="1" t="s">
        <v>207847</v>
      </c>
      <c r="C62434" s="1" t="s">
        <v>155</v>
      </c>
      <c r="D62434" s="1" t="s">
        <v>116934</v>
      </c>
      <c r="E62434" s="1" t="s">
        <v>208804</v>
      </c>
      <c r="F62434" s="1" t="s">
        <v>208805</v>
      </c>
      <c r="G62434" s="1" t="s">
        <v>208716</v>
      </c>
      <c r="H62434" s="1" t="s">
        <v>208717</v>
      </c>
      <c r="I62434" s="1" t="s">
        <v>207852</v>
      </c>
      <c r="J62434" s="1" t="s">
        <v>208806</v>
      </c>
    </row>
    <row r="62435" spans="1:10" x14ac:dyDescent="0.35">
      <c r="A62435" s="1" t="s">
        <v>119263</v>
      </c>
      <c r="B62435" s="1" t="s">
        <v>207847</v>
      </c>
      <c r="C62435" s="1" t="s">
        <v>160</v>
      </c>
      <c r="D62435" s="1" t="s">
        <v>167687</v>
      </c>
      <c r="E62435" s="1" t="s">
        <v>208807</v>
      </c>
      <c r="F62435" s="1" t="s">
        <v>208808</v>
      </c>
      <c r="G62435" s="1" t="s">
        <v>208716</v>
      </c>
      <c r="H62435" s="1" t="s">
        <v>208717</v>
      </c>
      <c r="I62435" s="1" t="s">
        <v>207852</v>
      </c>
      <c r="J62435" s="1" t="s">
        <v>208809</v>
      </c>
    </row>
    <row r="62436" spans="1:10" x14ac:dyDescent="0.35">
      <c r="A62436" s="1" t="s">
        <v>119263</v>
      </c>
      <c r="B62436" s="1" t="s">
        <v>207847</v>
      </c>
      <c r="C62436" s="1" t="s">
        <v>165</v>
      </c>
      <c r="D62436" s="1" t="s">
        <v>208810</v>
      </c>
      <c r="E62436" s="1" t="s">
        <v>208811</v>
      </c>
      <c r="F62436" s="1" t="s">
        <v>208812</v>
      </c>
      <c r="G62436" s="1" t="s">
        <v>208716</v>
      </c>
      <c r="H62436" s="1" t="s">
        <v>208717</v>
      </c>
      <c r="I62436" s="1" t="s">
        <v>207852</v>
      </c>
      <c r="J62436" s="1" t="s">
        <v>208813</v>
      </c>
    </row>
    <row r="62437" spans="1:10" x14ac:dyDescent="0.35">
      <c r="A62437" s="1" t="s">
        <v>119263</v>
      </c>
      <c r="B62437" s="1" t="s">
        <v>207847</v>
      </c>
      <c r="C62437" s="1" t="s">
        <v>170</v>
      </c>
      <c r="D62437" s="1" t="s">
        <v>19447</v>
      </c>
      <c r="E62437" s="1" t="s">
        <v>208814</v>
      </c>
      <c r="F62437" s="1" t="s">
        <v>208815</v>
      </c>
      <c r="G62437" s="1" t="s">
        <v>208716</v>
      </c>
      <c r="H62437" s="1" t="s">
        <v>208717</v>
      </c>
      <c r="I62437" s="1" t="s">
        <v>207852</v>
      </c>
      <c r="J62437" s="1" t="s">
        <v>208816</v>
      </c>
    </row>
    <row r="62438" spans="1:10" x14ac:dyDescent="0.35">
      <c r="A62438" s="1" t="s">
        <v>45248</v>
      </c>
      <c r="B62438" s="1" t="s">
        <v>207847</v>
      </c>
      <c r="C62438" s="1" t="s">
        <v>8</v>
      </c>
      <c r="D62438" s="1" t="s">
        <v>18974</v>
      </c>
      <c r="E62438" s="1" t="s">
        <v>208817</v>
      </c>
      <c r="F62438" s="1" t="s">
        <v>208818</v>
      </c>
      <c r="G62438" s="1" t="s">
        <v>208819</v>
      </c>
      <c r="H62438" s="1" t="s">
        <v>208820</v>
      </c>
      <c r="I62438" s="1" t="s">
        <v>207852</v>
      </c>
      <c r="J62438" s="1" t="s">
        <v>13</v>
      </c>
    </row>
    <row r="62439" spans="1:10" x14ac:dyDescent="0.35">
      <c r="A62439" s="1" t="s">
        <v>45248</v>
      </c>
      <c r="B62439" s="1" t="s">
        <v>207847</v>
      </c>
      <c r="C62439" s="1" t="s">
        <v>15</v>
      </c>
      <c r="D62439" s="1" t="s">
        <v>73012</v>
      </c>
      <c r="E62439" s="1" t="s">
        <v>208821</v>
      </c>
      <c r="F62439" s="1" t="s">
        <v>208822</v>
      </c>
      <c r="G62439" s="1" t="s">
        <v>208819</v>
      </c>
      <c r="H62439" s="1" t="s">
        <v>208820</v>
      </c>
      <c r="I62439" s="1" t="s">
        <v>207852</v>
      </c>
      <c r="J62439" s="1" t="s">
        <v>208823</v>
      </c>
    </row>
    <row r="62440" spans="1:10" x14ac:dyDescent="0.35">
      <c r="A62440" s="1" t="s">
        <v>45248</v>
      </c>
      <c r="B62440" s="1" t="s">
        <v>207847</v>
      </c>
      <c r="C62440" s="1" t="s">
        <v>20</v>
      </c>
      <c r="D62440" s="1" t="s">
        <v>75278</v>
      </c>
      <c r="E62440" s="1" t="s">
        <v>208824</v>
      </c>
      <c r="F62440" s="1" t="s">
        <v>208825</v>
      </c>
      <c r="G62440" s="1" t="s">
        <v>208819</v>
      </c>
      <c r="H62440" s="1" t="s">
        <v>208820</v>
      </c>
      <c r="I62440" s="1" t="s">
        <v>207852</v>
      </c>
      <c r="J62440" s="1" t="s">
        <v>208826</v>
      </c>
    </row>
    <row r="62441" spans="1:10" x14ac:dyDescent="0.35">
      <c r="A62441" s="1" t="s">
        <v>45248</v>
      </c>
      <c r="B62441" s="1" t="s">
        <v>207847</v>
      </c>
      <c r="C62441" s="1" t="s">
        <v>25</v>
      </c>
      <c r="D62441" s="1" t="s">
        <v>177849</v>
      </c>
      <c r="E62441" s="1" t="s">
        <v>208827</v>
      </c>
      <c r="F62441" s="1" t="s">
        <v>208828</v>
      </c>
      <c r="G62441" s="1" t="s">
        <v>208819</v>
      </c>
      <c r="H62441" s="1" t="s">
        <v>208820</v>
      </c>
      <c r="I62441" s="1" t="s">
        <v>207852</v>
      </c>
      <c r="J62441" s="1" t="s">
        <v>208829</v>
      </c>
    </row>
    <row r="62442" spans="1:10" x14ac:dyDescent="0.35">
      <c r="A62442" s="1" t="s">
        <v>45248</v>
      </c>
      <c r="B62442" s="1" t="s">
        <v>207847</v>
      </c>
      <c r="C62442" s="1" t="s">
        <v>30</v>
      </c>
      <c r="D62442" s="1" t="s">
        <v>32594</v>
      </c>
      <c r="E62442" s="1" t="s">
        <v>208830</v>
      </c>
      <c r="F62442" s="1" t="s">
        <v>208831</v>
      </c>
      <c r="G62442" s="1" t="s">
        <v>208819</v>
      </c>
      <c r="H62442" s="1" t="s">
        <v>208820</v>
      </c>
      <c r="I62442" s="1" t="s">
        <v>207852</v>
      </c>
      <c r="J62442" s="1" t="s">
        <v>208832</v>
      </c>
    </row>
    <row r="62443" spans="1:10" x14ac:dyDescent="0.35">
      <c r="A62443" s="1" t="s">
        <v>45248</v>
      </c>
      <c r="B62443" s="1" t="s">
        <v>207847</v>
      </c>
      <c r="C62443" s="1" t="s">
        <v>35</v>
      </c>
      <c r="D62443" s="1" t="s">
        <v>13533</v>
      </c>
      <c r="E62443" s="1" t="s">
        <v>208833</v>
      </c>
      <c r="F62443" s="1" t="s">
        <v>208834</v>
      </c>
      <c r="G62443" s="1" t="s">
        <v>208819</v>
      </c>
      <c r="H62443" s="1" t="s">
        <v>208820</v>
      </c>
      <c r="I62443" s="1" t="s">
        <v>207852</v>
      </c>
      <c r="J62443" s="1" t="s">
        <v>208835</v>
      </c>
    </row>
    <row r="62444" spans="1:10" x14ac:dyDescent="0.35">
      <c r="A62444" s="1" t="s">
        <v>45248</v>
      </c>
      <c r="B62444" s="1" t="s">
        <v>207847</v>
      </c>
      <c r="C62444" s="1" t="s">
        <v>40</v>
      </c>
      <c r="D62444" s="1" t="s">
        <v>18970</v>
      </c>
      <c r="E62444" s="1" t="s">
        <v>208836</v>
      </c>
      <c r="F62444" s="1" t="s">
        <v>208837</v>
      </c>
      <c r="G62444" s="1" t="s">
        <v>208819</v>
      </c>
      <c r="H62444" s="1" t="s">
        <v>208820</v>
      </c>
      <c r="I62444" s="1" t="s">
        <v>207852</v>
      </c>
      <c r="J62444" s="1" t="s">
        <v>208838</v>
      </c>
    </row>
    <row r="62445" spans="1:10" x14ac:dyDescent="0.35">
      <c r="A62445" s="1" t="s">
        <v>45248</v>
      </c>
      <c r="B62445" s="1" t="s">
        <v>207847</v>
      </c>
      <c r="C62445" s="1" t="s">
        <v>45</v>
      </c>
      <c r="D62445" s="1" t="s">
        <v>208839</v>
      </c>
      <c r="E62445" s="1" t="s">
        <v>208840</v>
      </c>
      <c r="F62445" s="1" t="s">
        <v>208841</v>
      </c>
      <c r="G62445" s="1" t="s">
        <v>208819</v>
      </c>
      <c r="H62445" s="1" t="s">
        <v>208820</v>
      </c>
      <c r="I62445" s="1" t="s">
        <v>207852</v>
      </c>
      <c r="J62445" s="1" t="s">
        <v>208842</v>
      </c>
    </row>
    <row r="62446" spans="1:10" x14ac:dyDescent="0.35">
      <c r="A62446" s="1" t="s">
        <v>45248</v>
      </c>
      <c r="B62446" s="1" t="s">
        <v>207847</v>
      </c>
      <c r="C62446" s="1" t="s">
        <v>50</v>
      </c>
      <c r="D62446" s="1" t="s">
        <v>208843</v>
      </c>
      <c r="E62446" s="1" t="s">
        <v>208844</v>
      </c>
      <c r="F62446" s="1" t="s">
        <v>208845</v>
      </c>
      <c r="G62446" s="1" t="s">
        <v>208819</v>
      </c>
      <c r="H62446" s="1" t="s">
        <v>208820</v>
      </c>
      <c r="I62446" s="1" t="s">
        <v>207852</v>
      </c>
      <c r="J62446" s="1" t="s">
        <v>208846</v>
      </c>
    </row>
    <row r="62447" spans="1:10" x14ac:dyDescent="0.35">
      <c r="A62447" s="1" t="s">
        <v>45248</v>
      </c>
      <c r="B62447" s="1" t="s">
        <v>207847</v>
      </c>
      <c r="C62447" s="1" t="s">
        <v>55</v>
      </c>
      <c r="D62447" s="1" t="s">
        <v>134992</v>
      </c>
      <c r="E62447" s="1" t="s">
        <v>208847</v>
      </c>
      <c r="F62447" s="1" t="s">
        <v>208848</v>
      </c>
      <c r="G62447" s="1" t="s">
        <v>208819</v>
      </c>
      <c r="H62447" s="1" t="s">
        <v>208820</v>
      </c>
      <c r="I62447" s="1" t="s">
        <v>207852</v>
      </c>
      <c r="J62447" s="1" t="s">
        <v>208849</v>
      </c>
    </row>
    <row r="62448" spans="1:10" x14ac:dyDescent="0.35">
      <c r="A62448" s="1" t="s">
        <v>45248</v>
      </c>
      <c r="B62448" s="1" t="s">
        <v>207847</v>
      </c>
      <c r="C62448" s="1" t="s">
        <v>60</v>
      </c>
      <c r="D62448" s="1" t="s">
        <v>18949</v>
      </c>
      <c r="E62448" s="1" t="s">
        <v>208850</v>
      </c>
      <c r="F62448" s="1" t="s">
        <v>208851</v>
      </c>
      <c r="G62448" s="1" t="s">
        <v>208819</v>
      </c>
      <c r="H62448" s="1" t="s">
        <v>208820</v>
      </c>
      <c r="I62448" s="1" t="s">
        <v>207852</v>
      </c>
      <c r="J62448" s="1" t="s">
        <v>208852</v>
      </c>
    </row>
    <row r="62449" spans="1:10" x14ac:dyDescent="0.35">
      <c r="A62449" s="1" t="s">
        <v>45248</v>
      </c>
      <c r="B62449" s="1" t="s">
        <v>207847</v>
      </c>
      <c r="C62449" s="1" t="s">
        <v>65</v>
      </c>
      <c r="D62449" s="1" t="s">
        <v>208853</v>
      </c>
      <c r="E62449" s="1" t="s">
        <v>208854</v>
      </c>
      <c r="F62449" s="1" t="s">
        <v>208855</v>
      </c>
      <c r="G62449" s="1" t="s">
        <v>208819</v>
      </c>
      <c r="H62449" s="1" t="s">
        <v>208820</v>
      </c>
      <c r="I62449" s="1" t="s">
        <v>207852</v>
      </c>
      <c r="J62449" s="1" t="s">
        <v>208856</v>
      </c>
    </row>
    <row r="62450" spans="1:10" x14ac:dyDescent="0.35">
      <c r="A62450" s="1" t="s">
        <v>45248</v>
      </c>
      <c r="B62450" s="1" t="s">
        <v>207847</v>
      </c>
      <c r="C62450" s="1" t="s">
        <v>70</v>
      </c>
      <c r="D62450" s="1" t="s">
        <v>44448</v>
      </c>
      <c r="E62450" s="1" t="s">
        <v>208857</v>
      </c>
      <c r="F62450" s="1" t="s">
        <v>208858</v>
      </c>
      <c r="G62450" s="1" t="s">
        <v>208819</v>
      </c>
      <c r="H62450" s="1" t="s">
        <v>208820</v>
      </c>
      <c r="I62450" s="1" t="s">
        <v>207852</v>
      </c>
      <c r="J62450" s="1" t="s">
        <v>208859</v>
      </c>
    </row>
    <row r="62451" spans="1:10" x14ac:dyDescent="0.35">
      <c r="A62451" s="1" t="s">
        <v>45248</v>
      </c>
      <c r="B62451" s="1" t="s">
        <v>207847</v>
      </c>
      <c r="C62451" s="1" t="s">
        <v>75</v>
      </c>
      <c r="D62451" s="1" t="s">
        <v>10598</v>
      </c>
      <c r="E62451" s="1" t="s">
        <v>208860</v>
      </c>
      <c r="F62451" s="1" t="s">
        <v>208861</v>
      </c>
      <c r="G62451" s="1" t="s">
        <v>208819</v>
      </c>
      <c r="H62451" s="1" t="s">
        <v>208820</v>
      </c>
      <c r="I62451" s="1" t="s">
        <v>207852</v>
      </c>
      <c r="J62451" s="1" t="s">
        <v>208862</v>
      </c>
    </row>
    <row r="62452" spans="1:10" x14ac:dyDescent="0.35">
      <c r="A62452" s="1" t="s">
        <v>45248</v>
      </c>
      <c r="B62452" s="1" t="s">
        <v>207847</v>
      </c>
      <c r="C62452" s="1" t="s">
        <v>80</v>
      </c>
      <c r="D62452" s="1" t="s">
        <v>184083</v>
      </c>
      <c r="E62452" s="1" t="s">
        <v>208863</v>
      </c>
      <c r="F62452" s="1" t="s">
        <v>208864</v>
      </c>
      <c r="G62452" s="1" t="s">
        <v>208819</v>
      </c>
      <c r="H62452" s="1" t="s">
        <v>208820</v>
      </c>
      <c r="I62452" s="1" t="s">
        <v>207852</v>
      </c>
      <c r="J62452" s="1" t="s">
        <v>208865</v>
      </c>
    </row>
    <row r="62453" spans="1:10" x14ac:dyDescent="0.35">
      <c r="A62453" s="1" t="s">
        <v>45248</v>
      </c>
      <c r="B62453" s="1" t="s">
        <v>207847</v>
      </c>
      <c r="C62453" s="1" t="s">
        <v>85</v>
      </c>
      <c r="D62453" s="1" t="s">
        <v>208866</v>
      </c>
      <c r="E62453" s="1" t="s">
        <v>208867</v>
      </c>
      <c r="F62453" s="1" t="s">
        <v>208868</v>
      </c>
      <c r="G62453" s="1" t="s">
        <v>208819</v>
      </c>
      <c r="H62453" s="1" t="s">
        <v>208820</v>
      </c>
      <c r="I62453" s="1" t="s">
        <v>207852</v>
      </c>
      <c r="J62453" s="1" t="s">
        <v>208869</v>
      </c>
    </row>
    <row r="62454" spans="1:10" x14ac:dyDescent="0.35">
      <c r="A62454" s="1" t="s">
        <v>45248</v>
      </c>
      <c r="B62454" s="1" t="s">
        <v>207847</v>
      </c>
      <c r="C62454" s="1" t="s">
        <v>90</v>
      </c>
      <c r="D62454" s="1" t="s">
        <v>208870</v>
      </c>
      <c r="E62454" s="1" t="s">
        <v>208871</v>
      </c>
      <c r="F62454" s="1" t="s">
        <v>208872</v>
      </c>
      <c r="G62454" s="1" t="s">
        <v>208819</v>
      </c>
      <c r="H62454" s="1" t="s">
        <v>208820</v>
      </c>
      <c r="I62454" s="1" t="s">
        <v>207852</v>
      </c>
      <c r="J62454" s="1" t="s">
        <v>208873</v>
      </c>
    </row>
    <row r="62455" spans="1:10" x14ac:dyDescent="0.35">
      <c r="A62455" s="1" t="s">
        <v>45248</v>
      </c>
      <c r="B62455" s="1" t="s">
        <v>207847</v>
      </c>
      <c r="C62455" s="1" t="s">
        <v>95</v>
      </c>
      <c r="D62455" s="1" t="s">
        <v>208874</v>
      </c>
      <c r="E62455" s="1" t="s">
        <v>208875</v>
      </c>
      <c r="F62455" s="1" t="s">
        <v>208876</v>
      </c>
      <c r="G62455" s="1" t="s">
        <v>208819</v>
      </c>
      <c r="H62455" s="1" t="s">
        <v>208820</v>
      </c>
      <c r="I62455" s="1" t="s">
        <v>207852</v>
      </c>
      <c r="J62455" s="1" t="s">
        <v>208877</v>
      </c>
    </row>
    <row r="62456" spans="1:10" x14ac:dyDescent="0.35">
      <c r="A62456" s="1" t="s">
        <v>45248</v>
      </c>
      <c r="B62456" s="1" t="s">
        <v>207847</v>
      </c>
      <c r="C62456" s="1" t="s">
        <v>100</v>
      </c>
      <c r="D62456" s="1" t="s">
        <v>107467</v>
      </c>
      <c r="E62456" s="1" t="s">
        <v>208878</v>
      </c>
      <c r="F62456" s="1" t="s">
        <v>208879</v>
      </c>
      <c r="G62456" s="1" t="s">
        <v>208819</v>
      </c>
      <c r="H62456" s="1" t="s">
        <v>208820</v>
      </c>
      <c r="I62456" s="1" t="s">
        <v>207852</v>
      </c>
      <c r="J62456" s="1" t="s">
        <v>208880</v>
      </c>
    </row>
    <row r="62457" spans="1:10" x14ac:dyDescent="0.35">
      <c r="A62457" s="1" t="s">
        <v>45248</v>
      </c>
      <c r="B62457" s="1" t="s">
        <v>207847</v>
      </c>
      <c r="C62457" s="1" t="s">
        <v>105</v>
      </c>
      <c r="D62457" s="1" t="s">
        <v>153122</v>
      </c>
      <c r="E62457" s="1" t="s">
        <v>208881</v>
      </c>
      <c r="F62457" s="1" t="s">
        <v>208882</v>
      </c>
      <c r="G62457" s="1" t="s">
        <v>208819</v>
      </c>
      <c r="H62457" s="1" t="s">
        <v>208820</v>
      </c>
      <c r="I62457" s="1" t="s">
        <v>207852</v>
      </c>
      <c r="J62457" s="1" t="s">
        <v>208883</v>
      </c>
    </row>
    <row r="62458" spans="1:10" x14ac:dyDescent="0.35">
      <c r="A62458" s="1" t="s">
        <v>45248</v>
      </c>
      <c r="B62458" s="1" t="s">
        <v>207847</v>
      </c>
      <c r="C62458" s="1" t="s">
        <v>110</v>
      </c>
      <c r="D62458" s="1" t="s">
        <v>115111</v>
      </c>
      <c r="E62458" s="1" t="s">
        <v>208884</v>
      </c>
      <c r="F62458" s="1" t="s">
        <v>208885</v>
      </c>
      <c r="G62458" s="1" t="s">
        <v>208819</v>
      </c>
      <c r="H62458" s="1" t="s">
        <v>208820</v>
      </c>
      <c r="I62458" s="1" t="s">
        <v>207852</v>
      </c>
      <c r="J62458" s="1" t="s">
        <v>208886</v>
      </c>
    </row>
    <row r="62459" spans="1:10" x14ac:dyDescent="0.35">
      <c r="A62459" s="1" t="s">
        <v>45248</v>
      </c>
      <c r="B62459" s="1" t="s">
        <v>207847</v>
      </c>
      <c r="C62459" s="1" t="s">
        <v>115</v>
      </c>
      <c r="D62459" s="1" t="s">
        <v>190881</v>
      </c>
      <c r="E62459" s="1" t="s">
        <v>208887</v>
      </c>
      <c r="F62459" s="1" t="s">
        <v>208888</v>
      </c>
      <c r="G62459" s="1" t="s">
        <v>208819</v>
      </c>
      <c r="H62459" s="1" t="s">
        <v>208820</v>
      </c>
      <c r="I62459" s="1" t="s">
        <v>207852</v>
      </c>
      <c r="J62459" s="1" t="s">
        <v>208889</v>
      </c>
    </row>
    <row r="62460" spans="1:10" x14ac:dyDescent="0.35">
      <c r="A62460" s="1" t="s">
        <v>45248</v>
      </c>
      <c r="B62460" s="1" t="s">
        <v>207847</v>
      </c>
      <c r="C62460" s="1" t="s">
        <v>120</v>
      </c>
      <c r="D62460" s="1" t="s">
        <v>121595</v>
      </c>
      <c r="E62460" s="1" t="s">
        <v>208890</v>
      </c>
      <c r="F62460" s="1" t="s">
        <v>208891</v>
      </c>
      <c r="G62460" s="1" t="s">
        <v>208819</v>
      </c>
      <c r="H62460" s="1" t="s">
        <v>208820</v>
      </c>
      <c r="I62460" s="1" t="s">
        <v>207852</v>
      </c>
      <c r="J62460" s="1" t="s">
        <v>208892</v>
      </c>
    </row>
    <row r="62461" spans="1:10" x14ac:dyDescent="0.35">
      <c r="A62461" s="1" t="s">
        <v>45248</v>
      </c>
      <c r="B62461" s="1" t="s">
        <v>207847</v>
      </c>
      <c r="C62461" s="1" t="s">
        <v>125</v>
      </c>
      <c r="D62461" s="1" t="s">
        <v>208893</v>
      </c>
      <c r="E62461" s="1" t="s">
        <v>208894</v>
      </c>
      <c r="F62461" s="1" t="s">
        <v>208895</v>
      </c>
      <c r="G62461" s="1" t="s">
        <v>208819</v>
      </c>
      <c r="H62461" s="1" t="s">
        <v>208820</v>
      </c>
      <c r="I62461" s="1" t="s">
        <v>207852</v>
      </c>
      <c r="J62461" s="1" t="s">
        <v>208896</v>
      </c>
    </row>
    <row r="62462" spans="1:10" x14ac:dyDescent="0.35">
      <c r="A62462" s="1" t="s">
        <v>45248</v>
      </c>
      <c r="B62462" s="1" t="s">
        <v>207847</v>
      </c>
      <c r="C62462" s="1" t="s">
        <v>130</v>
      </c>
      <c r="D62462" s="1" t="s">
        <v>208897</v>
      </c>
      <c r="E62462" s="1" t="s">
        <v>208898</v>
      </c>
      <c r="F62462" s="1" t="s">
        <v>208899</v>
      </c>
      <c r="G62462" s="1" t="s">
        <v>208819</v>
      </c>
      <c r="H62462" s="1" t="s">
        <v>208820</v>
      </c>
      <c r="I62462" s="1" t="s">
        <v>207852</v>
      </c>
      <c r="J62462" s="1" t="s">
        <v>208900</v>
      </c>
    </row>
    <row r="62463" spans="1:10" x14ac:dyDescent="0.35">
      <c r="A62463" s="1" t="s">
        <v>45248</v>
      </c>
      <c r="B62463" s="1" t="s">
        <v>207847</v>
      </c>
      <c r="C62463" s="1" t="s">
        <v>135</v>
      </c>
      <c r="D62463" s="1" t="s">
        <v>80366</v>
      </c>
      <c r="E62463" s="1" t="s">
        <v>208901</v>
      </c>
      <c r="F62463" s="1" t="s">
        <v>208902</v>
      </c>
      <c r="G62463" s="1" t="s">
        <v>208819</v>
      </c>
      <c r="H62463" s="1" t="s">
        <v>208820</v>
      </c>
      <c r="I62463" s="1" t="s">
        <v>207852</v>
      </c>
      <c r="J62463" s="1" t="s">
        <v>208903</v>
      </c>
    </row>
    <row r="62464" spans="1:10" x14ac:dyDescent="0.35">
      <c r="A62464" s="1" t="s">
        <v>45248</v>
      </c>
      <c r="B62464" s="1" t="s">
        <v>207847</v>
      </c>
      <c r="C62464" s="1" t="s">
        <v>140</v>
      </c>
      <c r="D62464" s="1" t="s">
        <v>11266</v>
      </c>
      <c r="E62464" s="1" t="s">
        <v>208904</v>
      </c>
      <c r="F62464" s="1" t="s">
        <v>208905</v>
      </c>
      <c r="G62464" s="1" t="s">
        <v>208819</v>
      </c>
      <c r="H62464" s="1" t="s">
        <v>208820</v>
      </c>
      <c r="I62464" s="1" t="s">
        <v>207852</v>
      </c>
      <c r="J62464" s="1" t="s">
        <v>208906</v>
      </c>
    </row>
    <row r="62465" spans="1:10" x14ac:dyDescent="0.35">
      <c r="A62465" s="1" t="s">
        <v>45248</v>
      </c>
      <c r="B62465" s="1" t="s">
        <v>207847</v>
      </c>
      <c r="C62465" s="1" t="s">
        <v>145</v>
      </c>
      <c r="D62465" s="1" t="s">
        <v>58178</v>
      </c>
      <c r="E62465" s="1" t="s">
        <v>208907</v>
      </c>
      <c r="F62465" s="1" t="s">
        <v>208908</v>
      </c>
      <c r="G62465" s="1" t="s">
        <v>208819</v>
      </c>
      <c r="H62465" s="1" t="s">
        <v>208820</v>
      </c>
      <c r="I62465" s="1" t="s">
        <v>207852</v>
      </c>
      <c r="J62465" s="1" t="s">
        <v>208909</v>
      </c>
    </row>
    <row r="62466" spans="1:10" x14ac:dyDescent="0.35">
      <c r="A62466" s="1" t="s">
        <v>45248</v>
      </c>
      <c r="B62466" s="1" t="s">
        <v>207847</v>
      </c>
      <c r="C62466" s="1" t="s">
        <v>150</v>
      </c>
      <c r="D62466" s="1" t="s">
        <v>86295</v>
      </c>
      <c r="E62466" s="1" t="s">
        <v>208910</v>
      </c>
      <c r="F62466" s="1" t="s">
        <v>208911</v>
      </c>
      <c r="G62466" s="1" t="s">
        <v>208819</v>
      </c>
      <c r="H62466" s="1" t="s">
        <v>208820</v>
      </c>
      <c r="I62466" s="1" t="s">
        <v>207852</v>
      </c>
      <c r="J62466" s="1" t="s">
        <v>208912</v>
      </c>
    </row>
    <row r="62467" spans="1:10" x14ac:dyDescent="0.35">
      <c r="A62467" s="1" t="s">
        <v>45248</v>
      </c>
      <c r="B62467" s="1" t="s">
        <v>207847</v>
      </c>
      <c r="C62467" s="1" t="s">
        <v>155</v>
      </c>
      <c r="D62467" s="1" t="s">
        <v>208913</v>
      </c>
      <c r="E62467" s="1" t="s">
        <v>208914</v>
      </c>
      <c r="F62467" s="1" t="s">
        <v>208915</v>
      </c>
      <c r="G62467" s="1" t="s">
        <v>208819</v>
      </c>
      <c r="H62467" s="1" t="s">
        <v>208820</v>
      </c>
      <c r="I62467" s="1" t="s">
        <v>207852</v>
      </c>
      <c r="J62467" s="1" t="s">
        <v>208916</v>
      </c>
    </row>
    <row r="62468" spans="1:10" x14ac:dyDescent="0.35">
      <c r="A62468" s="1" t="s">
        <v>45248</v>
      </c>
      <c r="B62468" s="1" t="s">
        <v>207847</v>
      </c>
      <c r="C62468" s="1" t="s">
        <v>160</v>
      </c>
      <c r="D62468" s="1" t="s">
        <v>68851</v>
      </c>
      <c r="E62468" s="1" t="s">
        <v>208917</v>
      </c>
      <c r="F62468" s="1" t="s">
        <v>208918</v>
      </c>
      <c r="G62468" s="1" t="s">
        <v>208819</v>
      </c>
      <c r="H62468" s="1" t="s">
        <v>208820</v>
      </c>
      <c r="I62468" s="1" t="s">
        <v>207852</v>
      </c>
      <c r="J62468" s="1" t="s">
        <v>208919</v>
      </c>
    </row>
    <row r="62469" spans="1:10" x14ac:dyDescent="0.35">
      <c r="A62469" s="1" t="s">
        <v>45248</v>
      </c>
      <c r="B62469" s="1" t="s">
        <v>207847</v>
      </c>
      <c r="C62469" s="1" t="s">
        <v>165</v>
      </c>
      <c r="D62469" s="1" t="s">
        <v>208920</v>
      </c>
      <c r="E62469" s="1" t="s">
        <v>208921</v>
      </c>
      <c r="F62469" s="1" t="s">
        <v>208922</v>
      </c>
      <c r="G62469" s="1" t="s">
        <v>208819</v>
      </c>
      <c r="H62469" s="1" t="s">
        <v>208820</v>
      </c>
      <c r="I62469" s="1" t="s">
        <v>207852</v>
      </c>
      <c r="J62469" s="1" t="s">
        <v>208923</v>
      </c>
    </row>
    <row r="62470" spans="1:10" x14ac:dyDescent="0.35">
      <c r="A62470" s="1" t="s">
        <v>45248</v>
      </c>
      <c r="B62470" s="1" t="s">
        <v>207847</v>
      </c>
      <c r="C62470" s="1" t="s">
        <v>170</v>
      </c>
      <c r="D62470" s="1" t="s">
        <v>208924</v>
      </c>
      <c r="E62470" s="1" t="s">
        <v>208925</v>
      </c>
      <c r="F62470" s="1" t="s">
        <v>208926</v>
      </c>
      <c r="G62470" s="1" t="s">
        <v>208819</v>
      </c>
      <c r="H62470" s="1" t="s">
        <v>208820</v>
      </c>
      <c r="I62470" s="1" t="s">
        <v>207852</v>
      </c>
      <c r="J62470" s="1" t="s">
        <v>208927</v>
      </c>
    </row>
    <row r="62471" spans="1:10" x14ac:dyDescent="0.35">
      <c r="A62471" s="1" t="s">
        <v>143905</v>
      </c>
      <c r="B62471" s="1" t="s">
        <v>207847</v>
      </c>
      <c r="C62471" s="1" t="s">
        <v>8</v>
      </c>
      <c r="D62471" s="1" t="s">
        <v>208928</v>
      </c>
      <c r="E62471" s="1" t="s">
        <v>208929</v>
      </c>
      <c r="F62471" s="1" t="s">
        <v>208930</v>
      </c>
      <c r="G62471" s="1" t="s">
        <v>208931</v>
      </c>
      <c r="H62471" s="1" t="s">
        <v>208932</v>
      </c>
      <c r="I62471" s="1" t="s">
        <v>207852</v>
      </c>
      <c r="J62471" s="1" t="s">
        <v>13</v>
      </c>
    </row>
    <row r="62472" spans="1:10" x14ac:dyDescent="0.35">
      <c r="A62472" s="1" t="s">
        <v>143905</v>
      </c>
      <c r="B62472" s="1" t="s">
        <v>207847</v>
      </c>
      <c r="C62472" s="1" t="s">
        <v>15</v>
      </c>
      <c r="D62472" s="1" t="s">
        <v>18494</v>
      </c>
      <c r="E62472" s="1" t="s">
        <v>208933</v>
      </c>
      <c r="F62472" s="1" t="s">
        <v>208934</v>
      </c>
      <c r="G62472" s="1" t="s">
        <v>208931</v>
      </c>
      <c r="H62472" s="1" t="s">
        <v>208932</v>
      </c>
      <c r="I62472" s="1" t="s">
        <v>207852</v>
      </c>
      <c r="J62472" s="1" t="s">
        <v>208935</v>
      </c>
    </row>
    <row r="62473" spans="1:10" x14ac:dyDescent="0.35">
      <c r="A62473" s="1" t="s">
        <v>143905</v>
      </c>
      <c r="B62473" s="1" t="s">
        <v>207847</v>
      </c>
      <c r="C62473" s="1" t="s">
        <v>20</v>
      </c>
      <c r="D62473" s="1" t="s">
        <v>156146</v>
      </c>
      <c r="E62473" s="1" t="s">
        <v>208936</v>
      </c>
      <c r="F62473" s="1" t="s">
        <v>208937</v>
      </c>
      <c r="G62473" s="1" t="s">
        <v>208931</v>
      </c>
      <c r="H62473" s="1" t="s">
        <v>208932</v>
      </c>
      <c r="I62473" s="1" t="s">
        <v>207852</v>
      </c>
      <c r="J62473" s="1" t="s">
        <v>208938</v>
      </c>
    </row>
    <row r="62474" spans="1:10" x14ac:dyDescent="0.35">
      <c r="A62474" s="1" t="s">
        <v>143905</v>
      </c>
      <c r="B62474" s="1" t="s">
        <v>207847</v>
      </c>
      <c r="C62474" s="1" t="s">
        <v>25</v>
      </c>
      <c r="D62474" s="1" t="s">
        <v>36445</v>
      </c>
      <c r="E62474" s="1" t="s">
        <v>208939</v>
      </c>
      <c r="F62474" s="1" t="s">
        <v>208940</v>
      </c>
      <c r="G62474" s="1" t="s">
        <v>208931</v>
      </c>
      <c r="H62474" s="1" t="s">
        <v>208932</v>
      </c>
      <c r="I62474" s="1" t="s">
        <v>207852</v>
      </c>
      <c r="J62474" s="1" t="s">
        <v>208941</v>
      </c>
    </row>
    <row r="62475" spans="1:10" x14ac:dyDescent="0.35">
      <c r="A62475" s="1" t="s">
        <v>143905</v>
      </c>
      <c r="B62475" s="1" t="s">
        <v>207847</v>
      </c>
      <c r="C62475" s="1" t="s">
        <v>30</v>
      </c>
      <c r="D62475" s="1" t="s">
        <v>2429</v>
      </c>
      <c r="E62475" s="1" t="s">
        <v>208942</v>
      </c>
      <c r="F62475" s="1" t="s">
        <v>208943</v>
      </c>
      <c r="G62475" s="1" t="s">
        <v>208931</v>
      </c>
      <c r="H62475" s="1" t="s">
        <v>208932</v>
      </c>
      <c r="I62475" s="1" t="s">
        <v>207852</v>
      </c>
      <c r="J62475" s="1" t="s">
        <v>208944</v>
      </c>
    </row>
    <row r="62476" spans="1:10" x14ac:dyDescent="0.35">
      <c r="A62476" s="1" t="s">
        <v>143905</v>
      </c>
      <c r="B62476" s="1" t="s">
        <v>207847</v>
      </c>
      <c r="C62476" s="1" t="s">
        <v>35</v>
      </c>
      <c r="D62476" s="1" t="s">
        <v>42161</v>
      </c>
      <c r="E62476" s="1" t="s">
        <v>208945</v>
      </c>
      <c r="F62476" s="1" t="s">
        <v>208946</v>
      </c>
      <c r="G62476" s="1" t="s">
        <v>208931</v>
      </c>
      <c r="H62476" s="1" t="s">
        <v>208932</v>
      </c>
      <c r="I62476" s="1" t="s">
        <v>207852</v>
      </c>
      <c r="J62476" s="1" t="s">
        <v>208947</v>
      </c>
    </row>
    <row r="62477" spans="1:10" x14ac:dyDescent="0.35">
      <c r="A62477" s="1" t="s">
        <v>143905</v>
      </c>
      <c r="B62477" s="1" t="s">
        <v>207847</v>
      </c>
      <c r="C62477" s="1" t="s">
        <v>40</v>
      </c>
      <c r="D62477" s="1" t="s">
        <v>208948</v>
      </c>
      <c r="E62477" s="1" t="s">
        <v>208949</v>
      </c>
      <c r="F62477" s="1" t="s">
        <v>208950</v>
      </c>
      <c r="G62477" s="1" t="s">
        <v>208931</v>
      </c>
      <c r="H62477" s="1" t="s">
        <v>208932</v>
      </c>
      <c r="I62477" s="1" t="s">
        <v>207852</v>
      </c>
      <c r="J62477" s="1" t="s">
        <v>208951</v>
      </c>
    </row>
    <row r="62478" spans="1:10" x14ac:dyDescent="0.35">
      <c r="A62478" s="1" t="s">
        <v>143905</v>
      </c>
      <c r="B62478" s="1" t="s">
        <v>207847</v>
      </c>
      <c r="C62478" s="1" t="s">
        <v>45</v>
      </c>
      <c r="D62478" s="1" t="s">
        <v>208952</v>
      </c>
      <c r="E62478" s="1" t="s">
        <v>208953</v>
      </c>
      <c r="F62478" s="1" t="s">
        <v>208954</v>
      </c>
      <c r="G62478" s="1" t="s">
        <v>208931</v>
      </c>
      <c r="H62478" s="1" t="s">
        <v>208932</v>
      </c>
      <c r="I62478" s="1" t="s">
        <v>207852</v>
      </c>
      <c r="J62478" s="1" t="s">
        <v>208955</v>
      </c>
    </row>
    <row r="62479" spans="1:10" x14ac:dyDescent="0.35">
      <c r="A62479" s="1" t="s">
        <v>143905</v>
      </c>
      <c r="B62479" s="1" t="s">
        <v>207847</v>
      </c>
      <c r="C62479" s="1" t="s">
        <v>50</v>
      </c>
      <c r="D62479" s="1" t="s">
        <v>177155</v>
      </c>
      <c r="E62479" s="1" t="s">
        <v>208956</v>
      </c>
      <c r="F62479" s="1" t="s">
        <v>208957</v>
      </c>
      <c r="G62479" s="1" t="s">
        <v>208931</v>
      </c>
      <c r="H62479" s="1" t="s">
        <v>208932</v>
      </c>
      <c r="I62479" s="1" t="s">
        <v>207852</v>
      </c>
      <c r="J62479" s="1" t="s">
        <v>208958</v>
      </c>
    </row>
    <row r="62480" spans="1:10" x14ac:dyDescent="0.35">
      <c r="A62480" s="1" t="s">
        <v>143905</v>
      </c>
      <c r="B62480" s="1" t="s">
        <v>207847</v>
      </c>
      <c r="C62480" s="1" t="s">
        <v>55</v>
      </c>
      <c r="D62480" s="1" t="s">
        <v>208959</v>
      </c>
      <c r="E62480" s="1" t="s">
        <v>208960</v>
      </c>
      <c r="F62480" s="1" t="s">
        <v>208961</v>
      </c>
      <c r="G62480" s="1" t="s">
        <v>208931</v>
      </c>
      <c r="H62480" s="1" t="s">
        <v>208932</v>
      </c>
      <c r="I62480" s="1" t="s">
        <v>207852</v>
      </c>
      <c r="J62480" s="1" t="s">
        <v>208962</v>
      </c>
    </row>
    <row r="62481" spans="1:10" x14ac:dyDescent="0.35">
      <c r="A62481" s="1" t="s">
        <v>143905</v>
      </c>
      <c r="B62481" s="1" t="s">
        <v>207847</v>
      </c>
      <c r="C62481" s="1" t="s">
        <v>60</v>
      </c>
      <c r="D62481" s="1" t="s">
        <v>13295</v>
      </c>
      <c r="E62481" s="1" t="s">
        <v>208963</v>
      </c>
      <c r="F62481" s="1" t="s">
        <v>208964</v>
      </c>
      <c r="G62481" s="1" t="s">
        <v>208931</v>
      </c>
      <c r="H62481" s="1" t="s">
        <v>208932</v>
      </c>
      <c r="I62481" s="1" t="s">
        <v>207852</v>
      </c>
      <c r="J62481" s="1" t="s">
        <v>208965</v>
      </c>
    </row>
    <row r="62482" spans="1:10" x14ac:dyDescent="0.35">
      <c r="A62482" s="1" t="s">
        <v>143905</v>
      </c>
      <c r="B62482" s="1" t="s">
        <v>207847</v>
      </c>
      <c r="C62482" s="1" t="s">
        <v>65</v>
      </c>
      <c r="D62482" s="1" t="s">
        <v>208966</v>
      </c>
      <c r="E62482" s="1" t="s">
        <v>208967</v>
      </c>
      <c r="F62482" s="1" t="s">
        <v>208968</v>
      </c>
      <c r="G62482" s="1" t="s">
        <v>208931</v>
      </c>
      <c r="H62482" s="1" t="s">
        <v>208932</v>
      </c>
      <c r="I62482" s="1" t="s">
        <v>207852</v>
      </c>
      <c r="J62482" s="1" t="s">
        <v>208969</v>
      </c>
    </row>
    <row r="62483" spans="1:10" x14ac:dyDescent="0.35">
      <c r="A62483" s="1" t="s">
        <v>143905</v>
      </c>
      <c r="B62483" s="1" t="s">
        <v>207847</v>
      </c>
      <c r="C62483" s="1" t="s">
        <v>70</v>
      </c>
      <c r="D62483" s="1" t="s">
        <v>178784</v>
      </c>
      <c r="E62483" s="1" t="s">
        <v>208970</v>
      </c>
      <c r="F62483" s="1" t="s">
        <v>208971</v>
      </c>
      <c r="G62483" s="1" t="s">
        <v>208931</v>
      </c>
      <c r="H62483" s="1" t="s">
        <v>208932</v>
      </c>
      <c r="I62483" s="1" t="s">
        <v>207852</v>
      </c>
      <c r="J62483" s="1" t="s">
        <v>208972</v>
      </c>
    </row>
    <row r="62484" spans="1:10" x14ac:dyDescent="0.35">
      <c r="A62484" s="1" t="s">
        <v>143905</v>
      </c>
      <c r="B62484" s="1" t="s">
        <v>207847</v>
      </c>
      <c r="C62484" s="1" t="s">
        <v>75</v>
      </c>
      <c r="D62484" s="1" t="s">
        <v>125389</v>
      </c>
      <c r="E62484" s="1" t="s">
        <v>208973</v>
      </c>
      <c r="F62484" s="1" t="s">
        <v>208974</v>
      </c>
      <c r="G62484" s="1" t="s">
        <v>208931</v>
      </c>
      <c r="H62484" s="1" t="s">
        <v>208932</v>
      </c>
      <c r="I62484" s="1" t="s">
        <v>207852</v>
      </c>
      <c r="J62484" s="1" t="s">
        <v>208975</v>
      </c>
    </row>
    <row r="62485" spans="1:10" x14ac:dyDescent="0.35">
      <c r="A62485" s="1" t="s">
        <v>143905</v>
      </c>
      <c r="B62485" s="1" t="s">
        <v>207847</v>
      </c>
      <c r="C62485" s="1" t="s">
        <v>80</v>
      </c>
      <c r="D62485" s="1" t="s">
        <v>42184</v>
      </c>
      <c r="E62485" s="1" t="s">
        <v>208976</v>
      </c>
      <c r="F62485" s="1" t="s">
        <v>208977</v>
      </c>
      <c r="G62485" s="1" t="s">
        <v>208931</v>
      </c>
      <c r="H62485" s="1" t="s">
        <v>208932</v>
      </c>
      <c r="I62485" s="1" t="s">
        <v>207852</v>
      </c>
      <c r="J62485" s="1" t="s">
        <v>208978</v>
      </c>
    </row>
    <row r="62486" spans="1:10" x14ac:dyDescent="0.35">
      <c r="A62486" s="1" t="s">
        <v>143905</v>
      </c>
      <c r="B62486" s="1" t="s">
        <v>207847</v>
      </c>
      <c r="C62486" s="1" t="s">
        <v>85</v>
      </c>
      <c r="D62486" s="1" t="s">
        <v>187856</v>
      </c>
      <c r="E62486" s="1" t="s">
        <v>208979</v>
      </c>
      <c r="F62486" s="1" t="s">
        <v>208980</v>
      </c>
      <c r="G62486" s="1" t="s">
        <v>208931</v>
      </c>
      <c r="H62486" s="1" t="s">
        <v>208932</v>
      </c>
      <c r="I62486" s="1" t="s">
        <v>207852</v>
      </c>
      <c r="J62486" s="1" t="s">
        <v>208981</v>
      </c>
    </row>
    <row r="62487" spans="1:10" x14ac:dyDescent="0.35">
      <c r="A62487" s="1" t="s">
        <v>143905</v>
      </c>
      <c r="B62487" s="1" t="s">
        <v>207847</v>
      </c>
      <c r="C62487" s="1" t="s">
        <v>90</v>
      </c>
      <c r="D62487" s="1" t="s">
        <v>125216</v>
      </c>
      <c r="E62487" s="1" t="s">
        <v>208982</v>
      </c>
      <c r="F62487" s="1" t="s">
        <v>208983</v>
      </c>
      <c r="G62487" s="1" t="s">
        <v>208931</v>
      </c>
      <c r="H62487" s="1" t="s">
        <v>208932</v>
      </c>
      <c r="I62487" s="1" t="s">
        <v>207852</v>
      </c>
      <c r="J62487" s="1" t="s">
        <v>208984</v>
      </c>
    </row>
    <row r="62488" spans="1:10" x14ac:dyDescent="0.35">
      <c r="A62488" s="1" t="s">
        <v>143905</v>
      </c>
      <c r="B62488" s="1" t="s">
        <v>207847</v>
      </c>
      <c r="C62488" s="1" t="s">
        <v>95</v>
      </c>
      <c r="D62488" s="1" t="s">
        <v>33507</v>
      </c>
      <c r="E62488" s="1" t="s">
        <v>208985</v>
      </c>
      <c r="F62488" s="1" t="s">
        <v>208986</v>
      </c>
      <c r="G62488" s="1" t="s">
        <v>208931</v>
      </c>
      <c r="H62488" s="1" t="s">
        <v>208932</v>
      </c>
      <c r="I62488" s="1" t="s">
        <v>207852</v>
      </c>
      <c r="J62488" s="1" t="s">
        <v>208987</v>
      </c>
    </row>
    <row r="62489" spans="1:10" x14ac:dyDescent="0.35">
      <c r="A62489" s="1" t="s">
        <v>143905</v>
      </c>
      <c r="B62489" s="1" t="s">
        <v>207847</v>
      </c>
      <c r="C62489" s="1" t="s">
        <v>100</v>
      </c>
      <c r="D62489" s="1" t="s">
        <v>208988</v>
      </c>
      <c r="E62489" s="1" t="s">
        <v>208989</v>
      </c>
      <c r="F62489" s="1" t="s">
        <v>208990</v>
      </c>
      <c r="G62489" s="1" t="s">
        <v>208931</v>
      </c>
      <c r="H62489" s="1" t="s">
        <v>208932</v>
      </c>
      <c r="I62489" s="1" t="s">
        <v>207852</v>
      </c>
      <c r="J62489" s="1" t="s">
        <v>208991</v>
      </c>
    </row>
    <row r="62490" spans="1:10" x14ac:dyDescent="0.35">
      <c r="A62490" s="1" t="s">
        <v>143905</v>
      </c>
      <c r="B62490" s="1" t="s">
        <v>207847</v>
      </c>
      <c r="C62490" s="1" t="s">
        <v>105</v>
      </c>
      <c r="D62490" s="1" t="s">
        <v>150747</v>
      </c>
      <c r="E62490" s="1" t="s">
        <v>208992</v>
      </c>
      <c r="F62490" s="1" t="s">
        <v>208993</v>
      </c>
      <c r="G62490" s="1" t="s">
        <v>208931</v>
      </c>
      <c r="H62490" s="1" t="s">
        <v>208932</v>
      </c>
      <c r="I62490" s="1" t="s">
        <v>207852</v>
      </c>
      <c r="J62490" s="1" t="s">
        <v>208994</v>
      </c>
    </row>
    <row r="62491" spans="1:10" x14ac:dyDescent="0.35">
      <c r="A62491" s="1" t="s">
        <v>143905</v>
      </c>
      <c r="B62491" s="1" t="s">
        <v>207847</v>
      </c>
      <c r="C62491" s="1" t="s">
        <v>110</v>
      </c>
      <c r="D62491" s="1" t="s">
        <v>208995</v>
      </c>
      <c r="E62491" s="1" t="s">
        <v>208996</v>
      </c>
      <c r="F62491" s="1" t="s">
        <v>208997</v>
      </c>
      <c r="G62491" s="1" t="s">
        <v>208931</v>
      </c>
      <c r="H62491" s="1" t="s">
        <v>208932</v>
      </c>
      <c r="I62491" s="1" t="s">
        <v>207852</v>
      </c>
      <c r="J62491" s="1" t="s">
        <v>208998</v>
      </c>
    </row>
    <row r="62492" spans="1:10" x14ac:dyDescent="0.35">
      <c r="A62492" s="1" t="s">
        <v>143905</v>
      </c>
      <c r="B62492" s="1" t="s">
        <v>207847</v>
      </c>
      <c r="C62492" s="1" t="s">
        <v>115</v>
      </c>
      <c r="D62492" s="1" t="s">
        <v>208999</v>
      </c>
      <c r="E62492" s="1" t="s">
        <v>209000</v>
      </c>
      <c r="F62492" s="1" t="s">
        <v>209001</v>
      </c>
      <c r="G62492" s="1" t="s">
        <v>208931</v>
      </c>
      <c r="H62492" s="1" t="s">
        <v>208932</v>
      </c>
      <c r="I62492" s="1" t="s">
        <v>207852</v>
      </c>
      <c r="J62492" s="1" t="s">
        <v>209002</v>
      </c>
    </row>
    <row r="62493" spans="1:10" x14ac:dyDescent="0.35">
      <c r="A62493" s="1" t="s">
        <v>143905</v>
      </c>
      <c r="B62493" s="1" t="s">
        <v>207847</v>
      </c>
      <c r="C62493" s="1" t="s">
        <v>120</v>
      </c>
      <c r="D62493" s="1" t="s">
        <v>152997</v>
      </c>
      <c r="E62493" s="1" t="s">
        <v>209003</v>
      </c>
      <c r="F62493" s="1" t="s">
        <v>209004</v>
      </c>
      <c r="G62493" s="1" t="s">
        <v>208931</v>
      </c>
      <c r="H62493" s="1" t="s">
        <v>208932</v>
      </c>
      <c r="I62493" s="1" t="s">
        <v>207852</v>
      </c>
      <c r="J62493" s="1" t="s">
        <v>209005</v>
      </c>
    </row>
    <row r="62494" spans="1:10" x14ac:dyDescent="0.35">
      <c r="A62494" s="1" t="s">
        <v>143905</v>
      </c>
      <c r="B62494" s="1" t="s">
        <v>207847</v>
      </c>
      <c r="C62494" s="1" t="s">
        <v>125</v>
      </c>
      <c r="D62494" s="1" t="s">
        <v>209006</v>
      </c>
      <c r="E62494" s="1" t="s">
        <v>209007</v>
      </c>
      <c r="F62494" s="1" t="s">
        <v>209008</v>
      </c>
      <c r="G62494" s="1" t="s">
        <v>208931</v>
      </c>
      <c r="H62494" s="1" t="s">
        <v>208932</v>
      </c>
      <c r="I62494" s="1" t="s">
        <v>207852</v>
      </c>
      <c r="J62494" s="1" t="s">
        <v>209009</v>
      </c>
    </row>
    <row r="62495" spans="1:10" x14ac:dyDescent="0.35">
      <c r="A62495" s="1" t="s">
        <v>143905</v>
      </c>
      <c r="B62495" s="1" t="s">
        <v>207847</v>
      </c>
      <c r="C62495" s="1" t="s">
        <v>130</v>
      </c>
      <c r="D62495" s="1" t="s">
        <v>61060</v>
      </c>
      <c r="E62495" s="1" t="s">
        <v>209010</v>
      </c>
      <c r="F62495" s="1" t="s">
        <v>209011</v>
      </c>
      <c r="G62495" s="1" t="s">
        <v>208931</v>
      </c>
      <c r="H62495" s="1" t="s">
        <v>208932</v>
      </c>
      <c r="I62495" s="1" t="s">
        <v>207852</v>
      </c>
      <c r="J62495" s="1" t="s">
        <v>209012</v>
      </c>
    </row>
    <row r="62496" spans="1:10" x14ac:dyDescent="0.35">
      <c r="A62496" s="1" t="s">
        <v>143905</v>
      </c>
      <c r="B62496" s="1" t="s">
        <v>207847</v>
      </c>
      <c r="C62496" s="1" t="s">
        <v>135</v>
      </c>
      <c r="D62496" s="1" t="s">
        <v>81705</v>
      </c>
      <c r="E62496" s="1" t="s">
        <v>209013</v>
      </c>
      <c r="F62496" s="1" t="s">
        <v>209014</v>
      </c>
      <c r="G62496" s="1" t="s">
        <v>208931</v>
      </c>
      <c r="H62496" s="1" t="s">
        <v>208932</v>
      </c>
      <c r="I62496" s="1" t="s">
        <v>207852</v>
      </c>
      <c r="J62496" s="1" t="s">
        <v>209015</v>
      </c>
    </row>
    <row r="62497" spans="1:10" x14ac:dyDescent="0.35">
      <c r="A62497" s="1" t="s">
        <v>143905</v>
      </c>
      <c r="B62497" s="1" t="s">
        <v>207847</v>
      </c>
      <c r="C62497" s="1" t="s">
        <v>140</v>
      </c>
      <c r="D62497" s="1" t="s">
        <v>80013</v>
      </c>
      <c r="E62497" s="1" t="s">
        <v>209016</v>
      </c>
      <c r="F62497" s="1" t="s">
        <v>209017</v>
      </c>
      <c r="G62497" s="1" t="s">
        <v>208931</v>
      </c>
      <c r="H62497" s="1" t="s">
        <v>208932</v>
      </c>
      <c r="I62497" s="1" t="s">
        <v>207852</v>
      </c>
      <c r="J62497" s="1" t="s">
        <v>209018</v>
      </c>
    </row>
    <row r="62498" spans="1:10" x14ac:dyDescent="0.35">
      <c r="A62498" s="1" t="s">
        <v>143905</v>
      </c>
      <c r="B62498" s="1" t="s">
        <v>207847</v>
      </c>
      <c r="C62498" s="1" t="s">
        <v>145</v>
      </c>
      <c r="D62498" s="1" t="s">
        <v>65045</v>
      </c>
      <c r="E62498" s="1" t="s">
        <v>209019</v>
      </c>
      <c r="F62498" s="1" t="s">
        <v>209020</v>
      </c>
      <c r="G62498" s="1" t="s">
        <v>208931</v>
      </c>
      <c r="H62498" s="1" t="s">
        <v>208932</v>
      </c>
      <c r="I62498" s="1" t="s">
        <v>207852</v>
      </c>
      <c r="J62498" s="1" t="s">
        <v>209021</v>
      </c>
    </row>
    <row r="62499" spans="1:10" x14ac:dyDescent="0.35">
      <c r="A62499" s="1" t="s">
        <v>143905</v>
      </c>
      <c r="B62499" s="1" t="s">
        <v>207847</v>
      </c>
      <c r="C62499" s="1" t="s">
        <v>150</v>
      </c>
      <c r="D62499" s="1" t="s">
        <v>178114</v>
      </c>
      <c r="E62499" s="1" t="s">
        <v>209022</v>
      </c>
      <c r="F62499" s="1" t="s">
        <v>209023</v>
      </c>
      <c r="G62499" s="1" t="s">
        <v>208931</v>
      </c>
      <c r="H62499" s="1" t="s">
        <v>208932</v>
      </c>
      <c r="I62499" s="1" t="s">
        <v>207852</v>
      </c>
      <c r="J62499" s="1" t="s">
        <v>209024</v>
      </c>
    </row>
    <row r="62500" spans="1:10" x14ac:dyDescent="0.35">
      <c r="A62500" s="1" t="s">
        <v>143905</v>
      </c>
      <c r="B62500" s="1" t="s">
        <v>207847</v>
      </c>
      <c r="C62500" s="1" t="s">
        <v>155</v>
      </c>
      <c r="D62500" s="1" t="s">
        <v>209025</v>
      </c>
      <c r="E62500" s="1" t="s">
        <v>209026</v>
      </c>
      <c r="F62500" s="1" t="s">
        <v>209027</v>
      </c>
      <c r="G62500" s="1" t="s">
        <v>208931</v>
      </c>
      <c r="H62500" s="1" t="s">
        <v>208932</v>
      </c>
      <c r="I62500" s="1" t="s">
        <v>207852</v>
      </c>
      <c r="J62500" s="1" t="s">
        <v>209028</v>
      </c>
    </row>
    <row r="62501" spans="1:10" x14ac:dyDescent="0.35">
      <c r="A62501" s="1" t="s">
        <v>143905</v>
      </c>
      <c r="B62501" s="1" t="s">
        <v>207847</v>
      </c>
      <c r="C62501" s="1" t="s">
        <v>160</v>
      </c>
      <c r="D62501" s="1" t="s">
        <v>52977</v>
      </c>
      <c r="E62501" s="1" t="s">
        <v>209029</v>
      </c>
      <c r="F62501" s="1" t="s">
        <v>209030</v>
      </c>
      <c r="G62501" s="1" t="s">
        <v>208931</v>
      </c>
      <c r="H62501" s="1" t="s">
        <v>208932</v>
      </c>
      <c r="I62501" s="1" t="s">
        <v>207852</v>
      </c>
      <c r="J62501" s="1" t="s">
        <v>209031</v>
      </c>
    </row>
    <row r="62502" spans="1:10" x14ac:dyDescent="0.35">
      <c r="A62502" s="1" t="s">
        <v>143905</v>
      </c>
      <c r="B62502" s="1" t="s">
        <v>207847</v>
      </c>
      <c r="C62502" s="1" t="s">
        <v>165</v>
      </c>
      <c r="D62502" s="1" t="s">
        <v>209032</v>
      </c>
      <c r="E62502" s="1" t="s">
        <v>209033</v>
      </c>
      <c r="F62502" s="1" t="s">
        <v>209034</v>
      </c>
      <c r="G62502" s="1" t="s">
        <v>208931</v>
      </c>
      <c r="H62502" s="1" t="s">
        <v>208932</v>
      </c>
      <c r="I62502" s="1" t="s">
        <v>207852</v>
      </c>
      <c r="J62502" s="1" t="s">
        <v>209035</v>
      </c>
    </row>
    <row r="62503" spans="1:10" x14ac:dyDescent="0.35">
      <c r="A62503" s="1" t="s">
        <v>143905</v>
      </c>
      <c r="B62503" s="1" t="s">
        <v>207847</v>
      </c>
      <c r="C62503" s="1" t="s">
        <v>170</v>
      </c>
      <c r="D62503" s="1" t="s">
        <v>194645</v>
      </c>
      <c r="E62503" s="1" t="s">
        <v>209036</v>
      </c>
      <c r="F62503" s="1" t="s">
        <v>209037</v>
      </c>
      <c r="G62503" s="1" t="s">
        <v>208931</v>
      </c>
      <c r="H62503" s="1" t="s">
        <v>208932</v>
      </c>
      <c r="I62503" s="1" t="s">
        <v>207852</v>
      </c>
      <c r="J62503" s="1" t="s">
        <v>209038</v>
      </c>
    </row>
    <row r="62504" spans="1:10" x14ac:dyDescent="0.35">
      <c r="A62504" s="1" t="s">
        <v>45631</v>
      </c>
      <c r="B62504" s="1" t="s">
        <v>207847</v>
      </c>
      <c r="C62504" s="1" t="s">
        <v>8</v>
      </c>
      <c r="D62504" s="1" t="s">
        <v>18208</v>
      </c>
      <c r="E62504" s="1" t="s">
        <v>209039</v>
      </c>
      <c r="F62504" s="1" t="s">
        <v>209040</v>
      </c>
      <c r="G62504" s="1" t="s">
        <v>209041</v>
      </c>
      <c r="H62504" s="1" t="s">
        <v>209042</v>
      </c>
      <c r="I62504" s="1" t="s">
        <v>207852</v>
      </c>
      <c r="J62504" s="1" t="s">
        <v>13</v>
      </c>
    </row>
    <row r="62505" spans="1:10" x14ac:dyDescent="0.35">
      <c r="A62505" s="1" t="s">
        <v>45631</v>
      </c>
      <c r="B62505" s="1" t="s">
        <v>207847</v>
      </c>
      <c r="C62505" s="1" t="s">
        <v>15</v>
      </c>
      <c r="D62505" s="1" t="s">
        <v>44835</v>
      </c>
      <c r="E62505" s="1" t="s">
        <v>209043</v>
      </c>
      <c r="F62505" s="1" t="s">
        <v>209044</v>
      </c>
      <c r="G62505" s="1" t="s">
        <v>209041</v>
      </c>
      <c r="H62505" s="1" t="s">
        <v>209042</v>
      </c>
      <c r="I62505" s="1" t="s">
        <v>207852</v>
      </c>
      <c r="J62505" s="1" t="s">
        <v>209045</v>
      </c>
    </row>
    <row r="62506" spans="1:10" x14ac:dyDescent="0.35">
      <c r="A62506" s="1" t="s">
        <v>45631</v>
      </c>
      <c r="B62506" s="1" t="s">
        <v>207847</v>
      </c>
      <c r="C62506" s="1" t="s">
        <v>20</v>
      </c>
      <c r="D62506" s="1" t="s">
        <v>209046</v>
      </c>
      <c r="E62506" s="1" t="s">
        <v>209047</v>
      </c>
      <c r="F62506" s="1" t="s">
        <v>209048</v>
      </c>
      <c r="G62506" s="1" t="s">
        <v>209041</v>
      </c>
      <c r="H62506" s="1" t="s">
        <v>209042</v>
      </c>
      <c r="I62506" s="1" t="s">
        <v>207852</v>
      </c>
      <c r="J62506" s="1" t="s">
        <v>209049</v>
      </c>
    </row>
    <row r="62507" spans="1:10" x14ac:dyDescent="0.35">
      <c r="A62507" s="1" t="s">
        <v>45631</v>
      </c>
      <c r="B62507" s="1" t="s">
        <v>207847</v>
      </c>
      <c r="C62507" s="1" t="s">
        <v>25</v>
      </c>
      <c r="D62507" s="1" t="s">
        <v>209050</v>
      </c>
      <c r="E62507" s="1" t="s">
        <v>209051</v>
      </c>
      <c r="F62507" s="1" t="s">
        <v>209052</v>
      </c>
      <c r="G62507" s="1" t="s">
        <v>209041</v>
      </c>
      <c r="H62507" s="1" t="s">
        <v>209042</v>
      </c>
      <c r="I62507" s="1" t="s">
        <v>207852</v>
      </c>
      <c r="J62507" s="1" t="s">
        <v>209053</v>
      </c>
    </row>
    <row r="62508" spans="1:10" x14ac:dyDescent="0.35">
      <c r="A62508" s="1" t="s">
        <v>45631</v>
      </c>
      <c r="B62508" s="1" t="s">
        <v>207847</v>
      </c>
      <c r="C62508" s="1" t="s">
        <v>30</v>
      </c>
      <c r="D62508" s="1" t="s">
        <v>73062</v>
      </c>
      <c r="E62508" s="1" t="s">
        <v>209054</v>
      </c>
      <c r="F62508" s="1" t="s">
        <v>209055</v>
      </c>
      <c r="G62508" s="1" t="s">
        <v>209041</v>
      </c>
      <c r="H62508" s="1" t="s">
        <v>209042</v>
      </c>
      <c r="I62508" s="1" t="s">
        <v>207852</v>
      </c>
      <c r="J62508" s="1" t="s">
        <v>209056</v>
      </c>
    </row>
    <row r="62509" spans="1:10" x14ac:dyDescent="0.35">
      <c r="A62509" s="1" t="s">
        <v>45631</v>
      </c>
      <c r="B62509" s="1" t="s">
        <v>207847</v>
      </c>
      <c r="C62509" s="1" t="s">
        <v>35</v>
      </c>
      <c r="D62509" s="1" t="s">
        <v>209057</v>
      </c>
      <c r="E62509" s="1" t="s">
        <v>209058</v>
      </c>
      <c r="F62509" s="1" t="s">
        <v>209059</v>
      </c>
      <c r="G62509" s="1" t="s">
        <v>209041</v>
      </c>
      <c r="H62509" s="1" t="s">
        <v>209042</v>
      </c>
      <c r="I62509" s="1" t="s">
        <v>207852</v>
      </c>
      <c r="J62509" s="1" t="s">
        <v>209060</v>
      </c>
    </row>
    <row r="62510" spans="1:10" x14ac:dyDescent="0.35">
      <c r="A62510" s="1" t="s">
        <v>45631</v>
      </c>
      <c r="B62510" s="1" t="s">
        <v>207847</v>
      </c>
      <c r="C62510" s="1" t="s">
        <v>40</v>
      </c>
      <c r="D62510" s="1" t="s">
        <v>209061</v>
      </c>
      <c r="E62510" s="1" t="s">
        <v>209062</v>
      </c>
      <c r="F62510" s="1" t="s">
        <v>209063</v>
      </c>
      <c r="G62510" s="1" t="s">
        <v>209041</v>
      </c>
      <c r="H62510" s="1" t="s">
        <v>209042</v>
      </c>
      <c r="I62510" s="1" t="s">
        <v>207852</v>
      </c>
      <c r="J62510" s="1" t="s">
        <v>209064</v>
      </c>
    </row>
    <row r="62511" spans="1:10" x14ac:dyDescent="0.35">
      <c r="A62511" s="1" t="s">
        <v>45631</v>
      </c>
      <c r="B62511" s="1" t="s">
        <v>207847</v>
      </c>
      <c r="C62511" s="1" t="s">
        <v>45</v>
      </c>
      <c r="D62511" s="1" t="s">
        <v>209065</v>
      </c>
      <c r="E62511" s="1" t="s">
        <v>209066</v>
      </c>
      <c r="F62511" s="1" t="s">
        <v>209067</v>
      </c>
      <c r="G62511" s="1" t="s">
        <v>209041</v>
      </c>
      <c r="H62511" s="1" t="s">
        <v>209042</v>
      </c>
      <c r="I62511" s="1" t="s">
        <v>207852</v>
      </c>
      <c r="J62511" s="1" t="s">
        <v>209068</v>
      </c>
    </row>
    <row r="62512" spans="1:10" x14ac:dyDescent="0.35">
      <c r="A62512" s="1" t="s">
        <v>45631</v>
      </c>
      <c r="B62512" s="1" t="s">
        <v>207847</v>
      </c>
      <c r="C62512" s="1" t="s">
        <v>50</v>
      </c>
      <c r="D62512" s="1" t="s">
        <v>142292</v>
      </c>
      <c r="E62512" s="1" t="s">
        <v>209069</v>
      </c>
      <c r="F62512" s="1" t="s">
        <v>209070</v>
      </c>
      <c r="G62512" s="1" t="s">
        <v>209041</v>
      </c>
      <c r="H62512" s="1" t="s">
        <v>209042</v>
      </c>
      <c r="I62512" s="1" t="s">
        <v>207852</v>
      </c>
      <c r="J62512" s="1" t="s">
        <v>209071</v>
      </c>
    </row>
    <row r="62513" spans="1:10" x14ac:dyDescent="0.35">
      <c r="A62513" s="1" t="s">
        <v>45631</v>
      </c>
      <c r="B62513" s="1" t="s">
        <v>207847</v>
      </c>
      <c r="C62513" s="1" t="s">
        <v>55</v>
      </c>
      <c r="D62513" s="1" t="s">
        <v>178671</v>
      </c>
      <c r="E62513" s="1" t="s">
        <v>209072</v>
      </c>
      <c r="F62513" s="1" t="s">
        <v>209073</v>
      </c>
      <c r="G62513" s="1" t="s">
        <v>209041</v>
      </c>
      <c r="H62513" s="1" t="s">
        <v>209042</v>
      </c>
      <c r="I62513" s="1" t="s">
        <v>207852</v>
      </c>
      <c r="J62513" s="1" t="s">
        <v>209074</v>
      </c>
    </row>
    <row r="62514" spans="1:10" x14ac:dyDescent="0.35">
      <c r="A62514" s="1" t="s">
        <v>45631</v>
      </c>
      <c r="B62514" s="1" t="s">
        <v>207847</v>
      </c>
      <c r="C62514" s="1" t="s">
        <v>60</v>
      </c>
      <c r="D62514" s="1" t="s">
        <v>209075</v>
      </c>
      <c r="E62514" s="1" t="s">
        <v>209076</v>
      </c>
      <c r="F62514" s="1" t="s">
        <v>209077</v>
      </c>
      <c r="G62514" s="1" t="s">
        <v>209041</v>
      </c>
      <c r="H62514" s="1" t="s">
        <v>209042</v>
      </c>
      <c r="I62514" s="1" t="s">
        <v>207852</v>
      </c>
      <c r="J62514" s="1" t="s">
        <v>209078</v>
      </c>
    </row>
    <row r="62515" spans="1:10" x14ac:dyDescent="0.35">
      <c r="A62515" s="1" t="s">
        <v>45631</v>
      </c>
      <c r="B62515" s="1" t="s">
        <v>207847</v>
      </c>
      <c r="C62515" s="1" t="s">
        <v>65</v>
      </c>
      <c r="D62515" s="1" t="s">
        <v>209079</v>
      </c>
      <c r="E62515" s="1" t="s">
        <v>209080</v>
      </c>
      <c r="F62515" s="1" t="s">
        <v>209081</v>
      </c>
      <c r="G62515" s="1" t="s">
        <v>209041</v>
      </c>
      <c r="H62515" s="1" t="s">
        <v>209042</v>
      </c>
      <c r="I62515" s="1" t="s">
        <v>207852</v>
      </c>
      <c r="J62515" s="1" t="s">
        <v>209082</v>
      </c>
    </row>
    <row r="62516" spans="1:10" x14ac:dyDescent="0.35">
      <c r="A62516" s="1" t="s">
        <v>45631</v>
      </c>
      <c r="B62516" s="1" t="s">
        <v>207847</v>
      </c>
      <c r="C62516" s="1" t="s">
        <v>70</v>
      </c>
      <c r="D62516" s="1" t="s">
        <v>209083</v>
      </c>
      <c r="E62516" s="1" t="s">
        <v>209084</v>
      </c>
      <c r="F62516" s="1" t="s">
        <v>209085</v>
      </c>
      <c r="G62516" s="1" t="s">
        <v>209041</v>
      </c>
      <c r="H62516" s="1" t="s">
        <v>209042</v>
      </c>
      <c r="I62516" s="1" t="s">
        <v>207852</v>
      </c>
      <c r="J62516" s="1" t="s">
        <v>209086</v>
      </c>
    </row>
    <row r="62517" spans="1:10" x14ac:dyDescent="0.35">
      <c r="A62517" s="1" t="s">
        <v>45631</v>
      </c>
      <c r="B62517" s="1" t="s">
        <v>207847</v>
      </c>
      <c r="C62517" s="1" t="s">
        <v>75</v>
      </c>
      <c r="D62517" s="1" t="s">
        <v>3862</v>
      </c>
      <c r="E62517" s="1" t="s">
        <v>209087</v>
      </c>
      <c r="F62517" s="1" t="s">
        <v>209088</v>
      </c>
      <c r="G62517" s="1" t="s">
        <v>209041</v>
      </c>
      <c r="H62517" s="1" t="s">
        <v>209042</v>
      </c>
      <c r="I62517" s="1" t="s">
        <v>207852</v>
      </c>
      <c r="J62517" s="1" t="s">
        <v>209089</v>
      </c>
    </row>
    <row r="62518" spans="1:10" x14ac:dyDescent="0.35">
      <c r="A62518" s="1" t="s">
        <v>45631</v>
      </c>
      <c r="B62518" s="1" t="s">
        <v>207847</v>
      </c>
      <c r="C62518" s="1" t="s">
        <v>80</v>
      </c>
      <c r="D62518" s="1" t="s">
        <v>113696</v>
      </c>
      <c r="E62518" s="1" t="s">
        <v>209090</v>
      </c>
      <c r="F62518" s="1" t="s">
        <v>209091</v>
      </c>
      <c r="G62518" s="1" t="s">
        <v>209041</v>
      </c>
      <c r="H62518" s="1" t="s">
        <v>209042</v>
      </c>
      <c r="I62518" s="1" t="s">
        <v>207852</v>
      </c>
      <c r="J62518" s="1" t="s">
        <v>209092</v>
      </c>
    </row>
    <row r="62519" spans="1:10" x14ac:dyDescent="0.35">
      <c r="A62519" s="1" t="s">
        <v>45631</v>
      </c>
      <c r="B62519" s="1" t="s">
        <v>207847</v>
      </c>
      <c r="C62519" s="1" t="s">
        <v>85</v>
      </c>
      <c r="D62519" s="1" t="s">
        <v>187087</v>
      </c>
      <c r="E62519" s="1" t="s">
        <v>209093</v>
      </c>
      <c r="F62519" s="1" t="s">
        <v>209094</v>
      </c>
      <c r="G62519" s="1" t="s">
        <v>209041</v>
      </c>
      <c r="H62519" s="1" t="s">
        <v>209042</v>
      </c>
      <c r="I62519" s="1" t="s">
        <v>207852</v>
      </c>
      <c r="J62519" s="1" t="s">
        <v>209095</v>
      </c>
    </row>
    <row r="62520" spans="1:10" x14ac:dyDescent="0.35">
      <c r="A62520" s="1" t="s">
        <v>45631</v>
      </c>
      <c r="B62520" s="1" t="s">
        <v>207847</v>
      </c>
      <c r="C62520" s="1" t="s">
        <v>90</v>
      </c>
      <c r="D62520" s="1" t="s">
        <v>37250</v>
      </c>
      <c r="E62520" s="1" t="s">
        <v>209096</v>
      </c>
      <c r="F62520" s="1" t="s">
        <v>209097</v>
      </c>
      <c r="G62520" s="1" t="s">
        <v>209041</v>
      </c>
      <c r="H62520" s="1" t="s">
        <v>209042</v>
      </c>
      <c r="I62520" s="1" t="s">
        <v>207852</v>
      </c>
      <c r="J62520" s="1" t="s">
        <v>209098</v>
      </c>
    </row>
    <row r="62521" spans="1:10" x14ac:dyDescent="0.35">
      <c r="A62521" s="1" t="s">
        <v>45631</v>
      </c>
      <c r="B62521" s="1" t="s">
        <v>207847</v>
      </c>
      <c r="C62521" s="1" t="s">
        <v>95</v>
      </c>
      <c r="D62521" s="1" t="s">
        <v>106348</v>
      </c>
      <c r="E62521" s="1" t="s">
        <v>209099</v>
      </c>
      <c r="F62521" s="1" t="s">
        <v>209100</v>
      </c>
      <c r="G62521" s="1" t="s">
        <v>209041</v>
      </c>
      <c r="H62521" s="1" t="s">
        <v>209042</v>
      </c>
      <c r="I62521" s="1" t="s">
        <v>207852</v>
      </c>
      <c r="J62521" s="1" t="s">
        <v>209101</v>
      </c>
    </row>
    <row r="62522" spans="1:10" x14ac:dyDescent="0.35">
      <c r="A62522" s="1" t="s">
        <v>45631</v>
      </c>
      <c r="B62522" s="1" t="s">
        <v>207847</v>
      </c>
      <c r="C62522" s="1" t="s">
        <v>100</v>
      </c>
      <c r="D62522" s="1" t="s">
        <v>179910</v>
      </c>
      <c r="E62522" s="1" t="s">
        <v>209102</v>
      </c>
      <c r="F62522" s="1" t="s">
        <v>209103</v>
      </c>
      <c r="G62522" s="1" t="s">
        <v>209041</v>
      </c>
      <c r="H62522" s="1" t="s">
        <v>209042</v>
      </c>
      <c r="I62522" s="1" t="s">
        <v>207852</v>
      </c>
      <c r="J62522" s="1" t="s">
        <v>209104</v>
      </c>
    </row>
    <row r="62523" spans="1:10" x14ac:dyDescent="0.35">
      <c r="A62523" s="1" t="s">
        <v>45631</v>
      </c>
      <c r="B62523" s="1" t="s">
        <v>207847</v>
      </c>
      <c r="C62523" s="1" t="s">
        <v>105</v>
      </c>
      <c r="D62523" s="1" t="s">
        <v>209105</v>
      </c>
      <c r="E62523" s="1" t="s">
        <v>209106</v>
      </c>
      <c r="F62523" s="1" t="s">
        <v>209107</v>
      </c>
      <c r="G62523" s="1" t="s">
        <v>209041</v>
      </c>
      <c r="H62523" s="1" t="s">
        <v>209042</v>
      </c>
      <c r="I62523" s="1" t="s">
        <v>207852</v>
      </c>
      <c r="J62523" s="1" t="s">
        <v>209108</v>
      </c>
    </row>
    <row r="62524" spans="1:10" x14ac:dyDescent="0.35">
      <c r="A62524" s="1" t="s">
        <v>45631</v>
      </c>
      <c r="B62524" s="1" t="s">
        <v>207847</v>
      </c>
      <c r="C62524" s="1" t="s">
        <v>110</v>
      </c>
      <c r="D62524" s="1" t="s">
        <v>209109</v>
      </c>
      <c r="E62524" s="1" t="s">
        <v>209110</v>
      </c>
      <c r="F62524" s="1" t="s">
        <v>209111</v>
      </c>
      <c r="G62524" s="1" t="s">
        <v>209041</v>
      </c>
      <c r="H62524" s="1" t="s">
        <v>209042</v>
      </c>
      <c r="I62524" s="1" t="s">
        <v>207852</v>
      </c>
      <c r="J62524" s="1" t="s">
        <v>209112</v>
      </c>
    </row>
    <row r="62525" spans="1:10" x14ac:dyDescent="0.35">
      <c r="A62525" s="1" t="s">
        <v>45631</v>
      </c>
      <c r="B62525" s="1" t="s">
        <v>207847</v>
      </c>
      <c r="C62525" s="1" t="s">
        <v>115</v>
      </c>
      <c r="D62525" s="1" t="s">
        <v>42714</v>
      </c>
      <c r="E62525" s="1" t="s">
        <v>209113</v>
      </c>
      <c r="F62525" s="1" t="s">
        <v>209114</v>
      </c>
      <c r="G62525" s="1" t="s">
        <v>209041</v>
      </c>
      <c r="H62525" s="1" t="s">
        <v>209042</v>
      </c>
      <c r="I62525" s="1" t="s">
        <v>207852</v>
      </c>
      <c r="J62525" s="1" t="s">
        <v>209115</v>
      </c>
    </row>
    <row r="62526" spans="1:10" x14ac:dyDescent="0.35">
      <c r="A62526" s="1" t="s">
        <v>45631</v>
      </c>
      <c r="B62526" s="1" t="s">
        <v>207847</v>
      </c>
      <c r="C62526" s="1" t="s">
        <v>120</v>
      </c>
      <c r="D62526" s="1" t="s">
        <v>185230</v>
      </c>
      <c r="E62526" s="1" t="s">
        <v>209116</v>
      </c>
      <c r="F62526" s="1" t="s">
        <v>209117</v>
      </c>
      <c r="G62526" s="1" t="s">
        <v>209041</v>
      </c>
      <c r="H62526" s="1" t="s">
        <v>209042</v>
      </c>
      <c r="I62526" s="1" t="s">
        <v>207852</v>
      </c>
      <c r="J62526" s="1" t="s">
        <v>209118</v>
      </c>
    </row>
    <row r="62527" spans="1:10" x14ac:dyDescent="0.35">
      <c r="A62527" s="1" t="s">
        <v>45631</v>
      </c>
      <c r="B62527" s="1" t="s">
        <v>207847</v>
      </c>
      <c r="C62527" s="1" t="s">
        <v>125</v>
      </c>
      <c r="D62527" s="1" t="s">
        <v>209119</v>
      </c>
      <c r="E62527" s="1" t="s">
        <v>209120</v>
      </c>
      <c r="F62527" s="1" t="s">
        <v>209121</v>
      </c>
      <c r="G62527" s="1" t="s">
        <v>209041</v>
      </c>
      <c r="H62527" s="1" t="s">
        <v>209042</v>
      </c>
      <c r="I62527" s="1" t="s">
        <v>207852</v>
      </c>
      <c r="J62527" s="1" t="s">
        <v>209122</v>
      </c>
    </row>
    <row r="62528" spans="1:10" x14ac:dyDescent="0.35">
      <c r="A62528" s="1" t="s">
        <v>45631</v>
      </c>
      <c r="B62528" s="1" t="s">
        <v>207847</v>
      </c>
      <c r="C62528" s="1" t="s">
        <v>130</v>
      </c>
      <c r="D62528" s="1" t="s">
        <v>16981</v>
      </c>
      <c r="E62528" s="1" t="s">
        <v>209123</v>
      </c>
      <c r="F62528" s="1" t="s">
        <v>209124</v>
      </c>
      <c r="G62528" s="1" t="s">
        <v>209041</v>
      </c>
      <c r="H62528" s="1" t="s">
        <v>209042</v>
      </c>
      <c r="I62528" s="1" t="s">
        <v>207852</v>
      </c>
      <c r="J62528" s="1" t="s">
        <v>209125</v>
      </c>
    </row>
    <row r="62529" spans="1:10" x14ac:dyDescent="0.35">
      <c r="A62529" s="1" t="s">
        <v>45631</v>
      </c>
      <c r="B62529" s="1" t="s">
        <v>207847</v>
      </c>
      <c r="C62529" s="1" t="s">
        <v>135</v>
      </c>
      <c r="D62529" s="1" t="s">
        <v>209126</v>
      </c>
      <c r="E62529" s="1" t="s">
        <v>209127</v>
      </c>
      <c r="F62529" s="1" t="s">
        <v>209128</v>
      </c>
      <c r="G62529" s="1" t="s">
        <v>209041</v>
      </c>
      <c r="H62529" s="1" t="s">
        <v>209042</v>
      </c>
      <c r="I62529" s="1" t="s">
        <v>207852</v>
      </c>
      <c r="J62529" s="1" t="s">
        <v>209129</v>
      </c>
    </row>
    <row r="62530" spans="1:10" x14ac:dyDescent="0.35">
      <c r="A62530" s="1" t="s">
        <v>45631</v>
      </c>
      <c r="B62530" s="1" t="s">
        <v>207847</v>
      </c>
      <c r="C62530" s="1" t="s">
        <v>140</v>
      </c>
      <c r="D62530" s="1" t="s">
        <v>67379</v>
      </c>
      <c r="E62530" s="1" t="s">
        <v>209130</v>
      </c>
      <c r="F62530" s="1" t="s">
        <v>209131</v>
      </c>
      <c r="G62530" s="1" t="s">
        <v>209041</v>
      </c>
      <c r="H62530" s="1" t="s">
        <v>209042</v>
      </c>
      <c r="I62530" s="1" t="s">
        <v>207852</v>
      </c>
      <c r="J62530" s="1" t="s">
        <v>209132</v>
      </c>
    </row>
    <row r="62531" spans="1:10" x14ac:dyDescent="0.35">
      <c r="A62531" s="1" t="s">
        <v>45631</v>
      </c>
      <c r="B62531" s="1" t="s">
        <v>207847</v>
      </c>
      <c r="C62531" s="1" t="s">
        <v>145</v>
      </c>
      <c r="D62531" s="1" t="s">
        <v>209133</v>
      </c>
      <c r="E62531" s="1" t="s">
        <v>209134</v>
      </c>
      <c r="F62531" s="1" t="s">
        <v>209135</v>
      </c>
      <c r="G62531" s="1" t="s">
        <v>209041</v>
      </c>
      <c r="H62531" s="1" t="s">
        <v>209042</v>
      </c>
      <c r="I62531" s="1" t="s">
        <v>207852</v>
      </c>
      <c r="J62531" s="1" t="s">
        <v>209136</v>
      </c>
    </row>
    <row r="62532" spans="1:10" x14ac:dyDescent="0.35">
      <c r="A62532" s="1" t="s">
        <v>45631</v>
      </c>
      <c r="B62532" s="1" t="s">
        <v>207847</v>
      </c>
      <c r="C62532" s="1" t="s">
        <v>150</v>
      </c>
      <c r="D62532" s="1" t="s">
        <v>209137</v>
      </c>
      <c r="E62532" s="1" t="s">
        <v>209138</v>
      </c>
      <c r="F62532" s="1" t="s">
        <v>209139</v>
      </c>
      <c r="G62532" s="1" t="s">
        <v>209041</v>
      </c>
      <c r="H62532" s="1" t="s">
        <v>209042</v>
      </c>
      <c r="I62532" s="1" t="s">
        <v>207852</v>
      </c>
      <c r="J62532" s="1" t="s">
        <v>209140</v>
      </c>
    </row>
    <row r="62533" spans="1:10" x14ac:dyDescent="0.35">
      <c r="A62533" s="1" t="s">
        <v>45631</v>
      </c>
      <c r="B62533" s="1" t="s">
        <v>207847</v>
      </c>
      <c r="C62533" s="1" t="s">
        <v>155</v>
      </c>
      <c r="D62533" s="1" t="s">
        <v>209141</v>
      </c>
      <c r="E62533" s="1" t="s">
        <v>209142</v>
      </c>
      <c r="F62533" s="1" t="s">
        <v>209143</v>
      </c>
      <c r="G62533" s="1" t="s">
        <v>209041</v>
      </c>
      <c r="H62533" s="1" t="s">
        <v>209042</v>
      </c>
      <c r="I62533" s="1" t="s">
        <v>207852</v>
      </c>
      <c r="J62533" s="1" t="s">
        <v>209144</v>
      </c>
    </row>
    <row r="62534" spans="1:10" x14ac:dyDescent="0.35">
      <c r="A62534" s="1" t="s">
        <v>45631</v>
      </c>
      <c r="B62534" s="1" t="s">
        <v>207847</v>
      </c>
      <c r="C62534" s="1" t="s">
        <v>160</v>
      </c>
      <c r="D62534" s="1" t="s">
        <v>130045</v>
      </c>
      <c r="E62534" s="1" t="s">
        <v>209145</v>
      </c>
      <c r="F62534" s="1" t="s">
        <v>209146</v>
      </c>
      <c r="G62534" s="1" t="s">
        <v>209041</v>
      </c>
      <c r="H62534" s="1" t="s">
        <v>209042</v>
      </c>
      <c r="I62534" s="1" t="s">
        <v>207852</v>
      </c>
      <c r="J62534" s="1" t="s">
        <v>209147</v>
      </c>
    </row>
    <row r="62535" spans="1:10" x14ac:dyDescent="0.35">
      <c r="A62535" s="1" t="s">
        <v>45631</v>
      </c>
      <c r="B62535" s="1" t="s">
        <v>207847</v>
      </c>
      <c r="C62535" s="1" t="s">
        <v>165</v>
      </c>
      <c r="D62535" s="1" t="s">
        <v>58213</v>
      </c>
      <c r="E62535" s="1" t="s">
        <v>209148</v>
      </c>
      <c r="F62535" s="1" t="s">
        <v>209149</v>
      </c>
      <c r="G62535" s="1" t="s">
        <v>209041</v>
      </c>
      <c r="H62535" s="1" t="s">
        <v>209042</v>
      </c>
      <c r="I62535" s="1" t="s">
        <v>207852</v>
      </c>
      <c r="J62535" s="1" t="s">
        <v>209150</v>
      </c>
    </row>
    <row r="62536" spans="1:10" x14ac:dyDescent="0.35">
      <c r="A62536" s="1" t="s">
        <v>45631</v>
      </c>
      <c r="B62536" s="1" t="s">
        <v>207847</v>
      </c>
      <c r="C62536" s="1" t="s">
        <v>170</v>
      </c>
      <c r="D62536" s="1" t="s">
        <v>100270</v>
      </c>
      <c r="E62536" s="1" t="s">
        <v>209151</v>
      </c>
      <c r="F62536" s="1" t="s">
        <v>209152</v>
      </c>
      <c r="G62536" s="1" t="s">
        <v>209041</v>
      </c>
      <c r="H62536" s="1" t="s">
        <v>209042</v>
      </c>
      <c r="I62536" s="1" t="s">
        <v>207852</v>
      </c>
      <c r="J62536" s="1" t="s">
        <v>209153</v>
      </c>
    </row>
    <row r="62537" spans="1:10" x14ac:dyDescent="0.35">
      <c r="A62537" s="1" t="s">
        <v>142643</v>
      </c>
      <c r="B62537" s="1" t="s">
        <v>207847</v>
      </c>
      <c r="C62537" s="1" t="s">
        <v>8</v>
      </c>
      <c r="D62537" s="1" t="s">
        <v>44939</v>
      </c>
      <c r="E62537" s="1" t="s">
        <v>209154</v>
      </c>
      <c r="F62537" s="1" t="s">
        <v>209155</v>
      </c>
      <c r="G62537" s="1" t="s">
        <v>209156</v>
      </c>
      <c r="H62537" s="1" t="s">
        <v>209157</v>
      </c>
      <c r="I62537" s="1" t="s">
        <v>207852</v>
      </c>
      <c r="J62537" s="1" t="s">
        <v>13</v>
      </c>
    </row>
    <row r="62538" spans="1:10" x14ac:dyDescent="0.35">
      <c r="A62538" s="1" t="s">
        <v>142643</v>
      </c>
      <c r="B62538" s="1" t="s">
        <v>207847</v>
      </c>
      <c r="C62538" s="1" t="s">
        <v>15</v>
      </c>
      <c r="D62538" s="1" t="s">
        <v>72322</v>
      </c>
      <c r="E62538" s="1" t="s">
        <v>209158</v>
      </c>
      <c r="F62538" s="1" t="s">
        <v>209159</v>
      </c>
      <c r="G62538" s="1" t="s">
        <v>209156</v>
      </c>
      <c r="H62538" s="1" t="s">
        <v>209157</v>
      </c>
      <c r="I62538" s="1" t="s">
        <v>207852</v>
      </c>
      <c r="J62538" s="1" t="s">
        <v>209160</v>
      </c>
    </row>
    <row r="62539" spans="1:10" x14ac:dyDescent="0.35">
      <c r="A62539" s="1" t="s">
        <v>142643</v>
      </c>
      <c r="B62539" s="1" t="s">
        <v>207847</v>
      </c>
      <c r="C62539" s="1" t="s">
        <v>20</v>
      </c>
      <c r="D62539" s="1" t="s">
        <v>35876</v>
      </c>
      <c r="E62539" s="1" t="s">
        <v>209161</v>
      </c>
      <c r="F62539" s="1" t="s">
        <v>209162</v>
      </c>
      <c r="G62539" s="1" t="s">
        <v>209156</v>
      </c>
      <c r="H62539" s="1" t="s">
        <v>209157</v>
      </c>
      <c r="I62539" s="1" t="s">
        <v>207852</v>
      </c>
      <c r="J62539" s="1" t="s">
        <v>209163</v>
      </c>
    </row>
    <row r="62540" spans="1:10" x14ac:dyDescent="0.35">
      <c r="A62540" s="1" t="s">
        <v>142643</v>
      </c>
      <c r="B62540" s="1" t="s">
        <v>207847</v>
      </c>
      <c r="C62540" s="1" t="s">
        <v>25</v>
      </c>
      <c r="D62540" s="1" t="s">
        <v>104610</v>
      </c>
      <c r="E62540" s="1" t="s">
        <v>209164</v>
      </c>
      <c r="F62540" s="1" t="s">
        <v>209165</v>
      </c>
      <c r="G62540" s="1" t="s">
        <v>209156</v>
      </c>
      <c r="H62540" s="1" t="s">
        <v>209157</v>
      </c>
      <c r="I62540" s="1" t="s">
        <v>207852</v>
      </c>
      <c r="J62540" s="1" t="s">
        <v>209166</v>
      </c>
    </row>
    <row r="62541" spans="1:10" x14ac:dyDescent="0.35">
      <c r="A62541" s="1" t="s">
        <v>142643</v>
      </c>
      <c r="B62541" s="1" t="s">
        <v>207847</v>
      </c>
      <c r="C62541" s="1" t="s">
        <v>30</v>
      </c>
      <c r="D62541" s="1" t="s">
        <v>34340</v>
      </c>
      <c r="E62541" s="1" t="s">
        <v>209167</v>
      </c>
      <c r="F62541" s="1" t="s">
        <v>209168</v>
      </c>
      <c r="G62541" s="1" t="s">
        <v>209156</v>
      </c>
      <c r="H62541" s="1" t="s">
        <v>209157</v>
      </c>
      <c r="I62541" s="1" t="s">
        <v>207852</v>
      </c>
      <c r="J62541" s="1" t="s">
        <v>209169</v>
      </c>
    </row>
    <row r="62542" spans="1:10" x14ac:dyDescent="0.35">
      <c r="A62542" s="1" t="s">
        <v>142643</v>
      </c>
      <c r="B62542" s="1" t="s">
        <v>207847</v>
      </c>
      <c r="C62542" s="1" t="s">
        <v>35</v>
      </c>
      <c r="D62542" s="1" t="s">
        <v>30221</v>
      </c>
      <c r="E62542" s="1" t="s">
        <v>209170</v>
      </c>
      <c r="F62542" s="1" t="s">
        <v>209171</v>
      </c>
      <c r="G62542" s="1" t="s">
        <v>209156</v>
      </c>
      <c r="H62542" s="1" t="s">
        <v>209157</v>
      </c>
      <c r="I62542" s="1" t="s">
        <v>207852</v>
      </c>
      <c r="J62542" s="1" t="s">
        <v>12282</v>
      </c>
    </row>
    <row r="62543" spans="1:10" x14ac:dyDescent="0.35">
      <c r="A62543" s="1" t="s">
        <v>142643</v>
      </c>
      <c r="B62543" s="1" t="s">
        <v>207847</v>
      </c>
      <c r="C62543" s="1" t="s">
        <v>40</v>
      </c>
      <c r="D62543" s="1" t="s">
        <v>36562</v>
      </c>
      <c r="E62543" s="1" t="s">
        <v>209172</v>
      </c>
      <c r="F62543" s="1" t="s">
        <v>209173</v>
      </c>
      <c r="G62543" s="1" t="s">
        <v>209156</v>
      </c>
      <c r="H62543" s="1" t="s">
        <v>209157</v>
      </c>
      <c r="I62543" s="1" t="s">
        <v>207852</v>
      </c>
      <c r="J62543" s="1" t="s">
        <v>209174</v>
      </c>
    </row>
    <row r="62544" spans="1:10" x14ac:dyDescent="0.35">
      <c r="A62544" s="1" t="s">
        <v>142643</v>
      </c>
      <c r="B62544" s="1" t="s">
        <v>207847</v>
      </c>
      <c r="C62544" s="1" t="s">
        <v>45</v>
      </c>
      <c r="D62544" s="1" t="s">
        <v>209175</v>
      </c>
      <c r="E62544" s="1" t="s">
        <v>209176</v>
      </c>
      <c r="F62544" s="1" t="s">
        <v>209177</v>
      </c>
      <c r="G62544" s="1" t="s">
        <v>209156</v>
      </c>
      <c r="H62544" s="1" t="s">
        <v>209157</v>
      </c>
      <c r="I62544" s="1" t="s">
        <v>207852</v>
      </c>
      <c r="J62544" s="1" t="s">
        <v>209178</v>
      </c>
    </row>
    <row r="62545" spans="1:10" x14ac:dyDescent="0.35">
      <c r="A62545" s="1" t="s">
        <v>142643</v>
      </c>
      <c r="B62545" s="1" t="s">
        <v>207847</v>
      </c>
      <c r="C62545" s="1" t="s">
        <v>50</v>
      </c>
      <c r="D62545" s="1" t="s">
        <v>156057</v>
      </c>
      <c r="E62545" s="1" t="s">
        <v>209179</v>
      </c>
      <c r="F62545" s="1" t="s">
        <v>209180</v>
      </c>
      <c r="G62545" s="1" t="s">
        <v>209156</v>
      </c>
      <c r="H62545" s="1" t="s">
        <v>209157</v>
      </c>
      <c r="I62545" s="1" t="s">
        <v>207852</v>
      </c>
      <c r="J62545" s="1" t="s">
        <v>209181</v>
      </c>
    </row>
    <row r="62546" spans="1:10" x14ac:dyDescent="0.35">
      <c r="A62546" s="1" t="s">
        <v>142643</v>
      </c>
      <c r="B62546" s="1" t="s">
        <v>207847</v>
      </c>
      <c r="C62546" s="1" t="s">
        <v>55</v>
      </c>
      <c r="D62546" s="1" t="s">
        <v>120299</v>
      </c>
      <c r="E62546" s="1" t="s">
        <v>209182</v>
      </c>
      <c r="F62546" s="1" t="s">
        <v>209183</v>
      </c>
      <c r="G62546" s="1" t="s">
        <v>209156</v>
      </c>
      <c r="H62546" s="1" t="s">
        <v>209157</v>
      </c>
      <c r="I62546" s="1" t="s">
        <v>207852</v>
      </c>
      <c r="J62546" s="1" t="s">
        <v>209184</v>
      </c>
    </row>
    <row r="62547" spans="1:10" x14ac:dyDescent="0.35">
      <c r="A62547" s="1" t="s">
        <v>142643</v>
      </c>
      <c r="B62547" s="1" t="s">
        <v>207847</v>
      </c>
      <c r="C62547" s="1" t="s">
        <v>60</v>
      </c>
      <c r="D62547" s="1" t="s">
        <v>17933</v>
      </c>
      <c r="E62547" s="1" t="s">
        <v>209185</v>
      </c>
      <c r="F62547" s="1" t="s">
        <v>209186</v>
      </c>
      <c r="G62547" s="1" t="s">
        <v>209156</v>
      </c>
      <c r="H62547" s="1" t="s">
        <v>209157</v>
      </c>
      <c r="I62547" s="1" t="s">
        <v>207852</v>
      </c>
      <c r="J62547" s="1" t="s">
        <v>209187</v>
      </c>
    </row>
    <row r="62548" spans="1:10" x14ac:dyDescent="0.35">
      <c r="A62548" s="1" t="s">
        <v>142643</v>
      </c>
      <c r="B62548" s="1" t="s">
        <v>207847</v>
      </c>
      <c r="C62548" s="1" t="s">
        <v>65</v>
      </c>
      <c r="D62548" s="1" t="s">
        <v>209188</v>
      </c>
      <c r="E62548" s="1" t="s">
        <v>209189</v>
      </c>
      <c r="F62548" s="1" t="s">
        <v>209190</v>
      </c>
      <c r="G62548" s="1" t="s">
        <v>209156</v>
      </c>
      <c r="H62548" s="1" t="s">
        <v>209157</v>
      </c>
      <c r="I62548" s="1" t="s">
        <v>207852</v>
      </c>
      <c r="J62548" s="1" t="s">
        <v>209191</v>
      </c>
    </row>
    <row r="62549" spans="1:10" x14ac:dyDescent="0.35">
      <c r="A62549" s="1" t="s">
        <v>142643</v>
      </c>
      <c r="B62549" s="1" t="s">
        <v>207847</v>
      </c>
      <c r="C62549" s="1" t="s">
        <v>70</v>
      </c>
      <c r="D62549" s="1" t="s">
        <v>203647</v>
      </c>
      <c r="E62549" s="1" t="s">
        <v>209192</v>
      </c>
      <c r="F62549" s="1" t="s">
        <v>209193</v>
      </c>
      <c r="G62549" s="1" t="s">
        <v>209156</v>
      </c>
      <c r="H62549" s="1" t="s">
        <v>209157</v>
      </c>
      <c r="I62549" s="1" t="s">
        <v>207852</v>
      </c>
      <c r="J62549" s="1" t="s">
        <v>209194</v>
      </c>
    </row>
    <row r="62550" spans="1:10" x14ac:dyDescent="0.35">
      <c r="A62550" s="1" t="s">
        <v>142643</v>
      </c>
      <c r="B62550" s="1" t="s">
        <v>207847</v>
      </c>
      <c r="C62550" s="1" t="s">
        <v>75</v>
      </c>
      <c r="D62550" s="1" t="s">
        <v>125525</v>
      </c>
      <c r="E62550" s="1" t="s">
        <v>209195</v>
      </c>
      <c r="F62550" s="1" t="s">
        <v>209196</v>
      </c>
      <c r="G62550" s="1" t="s">
        <v>209156</v>
      </c>
      <c r="H62550" s="1" t="s">
        <v>209157</v>
      </c>
      <c r="I62550" s="1" t="s">
        <v>207852</v>
      </c>
      <c r="J62550" s="1" t="s">
        <v>209197</v>
      </c>
    </row>
    <row r="62551" spans="1:10" x14ac:dyDescent="0.35">
      <c r="A62551" s="1" t="s">
        <v>142643</v>
      </c>
      <c r="B62551" s="1" t="s">
        <v>207847</v>
      </c>
      <c r="C62551" s="1" t="s">
        <v>80</v>
      </c>
      <c r="D62551" s="1" t="s">
        <v>126428</v>
      </c>
      <c r="E62551" s="1" t="s">
        <v>209198</v>
      </c>
      <c r="F62551" s="1" t="s">
        <v>209199</v>
      </c>
      <c r="G62551" s="1" t="s">
        <v>209156</v>
      </c>
      <c r="H62551" s="1" t="s">
        <v>209157</v>
      </c>
      <c r="I62551" s="1" t="s">
        <v>207852</v>
      </c>
      <c r="J62551" s="1" t="s">
        <v>209200</v>
      </c>
    </row>
    <row r="62552" spans="1:10" x14ac:dyDescent="0.35">
      <c r="A62552" s="1" t="s">
        <v>142643</v>
      </c>
      <c r="B62552" s="1" t="s">
        <v>207847</v>
      </c>
      <c r="C62552" s="1" t="s">
        <v>85</v>
      </c>
      <c r="D62552" s="1" t="s">
        <v>195592</v>
      </c>
      <c r="E62552" s="1" t="s">
        <v>209201</v>
      </c>
      <c r="F62552" s="1" t="s">
        <v>209202</v>
      </c>
      <c r="G62552" s="1" t="s">
        <v>209156</v>
      </c>
      <c r="H62552" s="1" t="s">
        <v>209157</v>
      </c>
      <c r="I62552" s="1" t="s">
        <v>207852</v>
      </c>
      <c r="J62552" s="1" t="s">
        <v>209203</v>
      </c>
    </row>
    <row r="62553" spans="1:10" x14ac:dyDescent="0.35">
      <c r="A62553" s="1" t="s">
        <v>142643</v>
      </c>
      <c r="B62553" s="1" t="s">
        <v>207847</v>
      </c>
      <c r="C62553" s="1" t="s">
        <v>90</v>
      </c>
      <c r="D62553" s="1" t="s">
        <v>3048</v>
      </c>
      <c r="E62553" s="1" t="s">
        <v>209204</v>
      </c>
      <c r="F62553" s="1" t="s">
        <v>209205</v>
      </c>
      <c r="G62553" s="1" t="s">
        <v>209156</v>
      </c>
      <c r="H62553" s="1" t="s">
        <v>209157</v>
      </c>
      <c r="I62553" s="1" t="s">
        <v>207852</v>
      </c>
      <c r="J62553" s="1" t="s">
        <v>209206</v>
      </c>
    </row>
    <row r="62554" spans="1:10" x14ac:dyDescent="0.35">
      <c r="A62554" s="1" t="s">
        <v>142643</v>
      </c>
      <c r="B62554" s="1" t="s">
        <v>207847</v>
      </c>
      <c r="C62554" s="1" t="s">
        <v>95</v>
      </c>
      <c r="D62554" s="1" t="s">
        <v>32434</v>
      </c>
      <c r="E62554" s="1" t="s">
        <v>209207</v>
      </c>
      <c r="F62554" s="1" t="s">
        <v>209208</v>
      </c>
      <c r="G62554" s="1" t="s">
        <v>209156</v>
      </c>
      <c r="H62554" s="1" t="s">
        <v>209157</v>
      </c>
      <c r="I62554" s="1" t="s">
        <v>207852</v>
      </c>
      <c r="J62554" s="1" t="s">
        <v>209209</v>
      </c>
    </row>
    <row r="62555" spans="1:10" x14ac:dyDescent="0.35">
      <c r="A62555" s="1" t="s">
        <v>142643</v>
      </c>
      <c r="B62555" s="1" t="s">
        <v>207847</v>
      </c>
      <c r="C62555" s="1" t="s">
        <v>100</v>
      </c>
      <c r="D62555" s="1" t="s">
        <v>4222</v>
      </c>
      <c r="E62555" s="1" t="s">
        <v>209210</v>
      </c>
      <c r="F62555" s="1" t="s">
        <v>209211</v>
      </c>
      <c r="G62555" s="1" t="s">
        <v>209156</v>
      </c>
      <c r="H62555" s="1" t="s">
        <v>209157</v>
      </c>
      <c r="I62555" s="1" t="s">
        <v>207852</v>
      </c>
      <c r="J62555" s="1" t="s">
        <v>209212</v>
      </c>
    </row>
    <row r="62556" spans="1:10" x14ac:dyDescent="0.35">
      <c r="A62556" s="1" t="s">
        <v>142643</v>
      </c>
      <c r="B62556" s="1" t="s">
        <v>207847</v>
      </c>
      <c r="C62556" s="1" t="s">
        <v>105</v>
      </c>
      <c r="D62556" s="1" t="s">
        <v>194531</v>
      </c>
      <c r="E62556" s="1" t="s">
        <v>209213</v>
      </c>
      <c r="F62556" s="1" t="s">
        <v>209214</v>
      </c>
      <c r="G62556" s="1" t="s">
        <v>209156</v>
      </c>
      <c r="H62556" s="1" t="s">
        <v>209157</v>
      </c>
      <c r="I62556" s="1" t="s">
        <v>207852</v>
      </c>
      <c r="J62556" s="1" t="s">
        <v>209215</v>
      </c>
    </row>
    <row r="62557" spans="1:10" x14ac:dyDescent="0.35">
      <c r="A62557" s="1" t="s">
        <v>142643</v>
      </c>
      <c r="B62557" s="1" t="s">
        <v>207847</v>
      </c>
      <c r="C62557" s="1" t="s">
        <v>110</v>
      </c>
      <c r="D62557" s="1" t="s">
        <v>9071</v>
      </c>
      <c r="E62557" s="1" t="s">
        <v>209216</v>
      </c>
      <c r="F62557" s="1" t="s">
        <v>209217</v>
      </c>
      <c r="G62557" s="1" t="s">
        <v>209156</v>
      </c>
      <c r="H62557" s="1" t="s">
        <v>209157</v>
      </c>
      <c r="I62557" s="1" t="s">
        <v>207852</v>
      </c>
      <c r="J62557" s="1" t="s">
        <v>209218</v>
      </c>
    </row>
    <row r="62558" spans="1:10" x14ac:dyDescent="0.35">
      <c r="A62558" s="1" t="s">
        <v>142643</v>
      </c>
      <c r="B62558" s="1" t="s">
        <v>207847</v>
      </c>
      <c r="C62558" s="1" t="s">
        <v>115</v>
      </c>
      <c r="D62558" s="1" t="s">
        <v>209219</v>
      </c>
      <c r="E62558" s="1" t="s">
        <v>209220</v>
      </c>
      <c r="F62558" s="1" t="s">
        <v>209221</v>
      </c>
      <c r="G62558" s="1" t="s">
        <v>209156</v>
      </c>
      <c r="H62558" s="1" t="s">
        <v>209157</v>
      </c>
      <c r="I62558" s="1" t="s">
        <v>207852</v>
      </c>
      <c r="J62558" s="1" t="s">
        <v>209222</v>
      </c>
    </row>
    <row r="62559" spans="1:10" x14ac:dyDescent="0.35">
      <c r="A62559" s="1" t="s">
        <v>142643</v>
      </c>
      <c r="B62559" s="1" t="s">
        <v>207847</v>
      </c>
      <c r="C62559" s="1" t="s">
        <v>120</v>
      </c>
      <c r="D62559" s="1" t="s">
        <v>209223</v>
      </c>
      <c r="E62559" s="1" t="s">
        <v>209224</v>
      </c>
      <c r="F62559" s="1" t="s">
        <v>209225</v>
      </c>
      <c r="G62559" s="1" t="s">
        <v>209156</v>
      </c>
      <c r="H62559" s="1" t="s">
        <v>209157</v>
      </c>
      <c r="I62559" s="1" t="s">
        <v>207852</v>
      </c>
      <c r="J62559" s="1" t="s">
        <v>209226</v>
      </c>
    </row>
    <row r="62560" spans="1:10" x14ac:dyDescent="0.35">
      <c r="A62560" s="1" t="s">
        <v>142643</v>
      </c>
      <c r="B62560" s="1" t="s">
        <v>207847</v>
      </c>
      <c r="C62560" s="1" t="s">
        <v>125</v>
      </c>
      <c r="D62560" s="1" t="s">
        <v>11487</v>
      </c>
      <c r="E62560" s="1" t="s">
        <v>78114</v>
      </c>
      <c r="F62560" s="1" t="s">
        <v>209227</v>
      </c>
      <c r="G62560" s="1" t="s">
        <v>209156</v>
      </c>
      <c r="H62560" s="1" t="s">
        <v>209157</v>
      </c>
      <c r="I62560" s="1" t="s">
        <v>207852</v>
      </c>
      <c r="J62560" s="1" t="s">
        <v>209228</v>
      </c>
    </row>
    <row r="62561" spans="1:10" x14ac:dyDescent="0.35">
      <c r="A62561" s="1" t="s">
        <v>142643</v>
      </c>
      <c r="B62561" s="1" t="s">
        <v>207847</v>
      </c>
      <c r="C62561" s="1" t="s">
        <v>130</v>
      </c>
      <c r="D62561" s="1" t="s">
        <v>170445</v>
      </c>
      <c r="E62561" s="1" t="s">
        <v>209229</v>
      </c>
      <c r="F62561" s="1" t="s">
        <v>209230</v>
      </c>
      <c r="G62561" s="1" t="s">
        <v>209156</v>
      </c>
      <c r="H62561" s="1" t="s">
        <v>209157</v>
      </c>
      <c r="I62561" s="1" t="s">
        <v>207852</v>
      </c>
      <c r="J62561" s="1" t="s">
        <v>209231</v>
      </c>
    </row>
    <row r="62562" spans="1:10" x14ac:dyDescent="0.35">
      <c r="A62562" s="1" t="s">
        <v>142643</v>
      </c>
      <c r="B62562" s="1" t="s">
        <v>207847</v>
      </c>
      <c r="C62562" s="1" t="s">
        <v>135</v>
      </c>
      <c r="D62562" s="1" t="s">
        <v>114959</v>
      </c>
      <c r="E62562" s="1" t="s">
        <v>209232</v>
      </c>
      <c r="F62562" s="1" t="s">
        <v>209233</v>
      </c>
      <c r="G62562" s="1" t="s">
        <v>209156</v>
      </c>
      <c r="H62562" s="1" t="s">
        <v>209157</v>
      </c>
      <c r="I62562" s="1" t="s">
        <v>207852</v>
      </c>
      <c r="J62562" s="1" t="s">
        <v>209234</v>
      </c>
    </row>
    <row r="62563" spans="1:10" x14ac:dyDescent="0.35">
      <c r="A62563" s="1" t="s">
        <v>142643</v>
      </c>
      <c r="B62563" s="1" t="s">
        <v>207847</v>
      </c>
      <c r="C62563" s="1" t="s">
        <v>140</v>
      </c>
      <c r="D62563" s="1" t="s">
        <v>114897</v>
      </c>
      <c r="E62563" s="1" t="s">
        <v>209235</v>
      </c>
      <c r="F62563" s="1" t="s">
        <v>209236</v>
      </c>
      <c r="G62563" s="1" t="s">
        <v>209156</v>
      </c>
      <c r="H62563" s="1" t="s">
        <v>209157</v>
      </c>
      <c r="I62563" s="1" t="s">
        <v>207852</v>
      </c>
      <c r="J62563" s="1" t="s">
        <v>209237</v>
      </c>
    </row>
    <row r="62564" spans="1:10" x14ac:dyDescent="0.35">
      <c r="A62564" s="1" t="s">
        <v>142643</v>
      </c>
      <c r="B62564" s="1" t="s">
        <v>207847</v>
      </c>
      <c r="C62564" s="1" t="s">
        <v>145</v>
      </c>
      <c r="D62564" s="1" t="s">
        <v>209238</v>
      </c>
      <c r="E62564" s="1" t="s">
        <v>209239</v>
      </c>
      <c r="F62564" s="1" t="s">
        <v>209240</v>
      </c>
      <c r="G62564" s="1" t="s">
        <v>209156</v>
      </c>
      <c r="H62564" s="1" t="s">
        <v>209157</v>
      </c>
      <c r="I62564" s="1" t="s">
        <v>207852</v>
      </c>
      <c r="J62564" s="1" t="s">
        <v>209241</v>
      </c>
    </row>
    <row r="62565" spans="1:10" x14ac:dyDescent="0.35">
      <c r="A62565" s="1" t="s">
        <v>142643</v>
      </c>
      <c r="B62565" s="1" t="s">
        <v>207847</v>
      </c>
      <c r="C62565" s="1" t="s">
        <v>150</v>
      </c>
      <c r="D62565" s="1" t="s">
        <v>82258</v>
      </c>
      <c r="E62565" s="1" t="s">
        <v>209242</v>
      </c>
      <c r="F62565" s="1" t="s">
        <v>209243</v>
      </c>
      <c r="G62565" s="1" t="s">
        <v>209156</v>
      </c>
      <c r="H62565" s="1" t="s">
        <v>209157</v>
      </c>
      <c r="I62565" s="1" t="s">
        <v>207852</v>
      </c>
      <c r="J62565" s="1" t="s">
        <v>209244</v>
      </c>
    </row>
    <row r="62566" spans="1:10" x14ac:dyDescent="0.35">
      <c r="A62566" s="1" t="s">
        <v>142643</v>
      </c>
      <c r="B62566" s="1" t="s">
        <v>207847</v>
      </c>
      <c r="C62566" s="1" t="s">
        <v>155</v>
      </c>
      <c r="D62566" s="1" t="s">
        <v>187076</v>
      </c>
      <c r="E62566" s="1" t="s">
        <v>209245</v>
      </c>
      <c r="F62566" s="1" t="s">
        <v>209246</v>
      </c>
      <c r="G62566" s="1" t="s">
        <v>209156</v>
      </c>
      <c r="H62566" s="1" t="s">
        <v>209157</v>
      </c>
      <c r="I62566" s="1" t="s">
        <v>207852</v>
      </c>
      <c r="J62566" s="1" t="s">
        <v>209247</v>
      </c>
    </row>
    <row r="62567" spans="1:10" x14ac:dyDescent="0.35">
      <c r="A62567" s="1" t="s">
        <v>142643</v>
      </c>
      <c r="B62567" s="1" t="s">
        <v>207847</v>
      </c>
      <c r="C62567" s="1" t="s">
        <v>160</v>
      </c>
      <c r="D62567" s="1" t="s">
        <v>154782</v>
      </c>
      <c r="E62567" s="1" t="s">
        <v>209248</v>
      </c>
      <c r="F62567" s="1" t="s">
        <v>209249</v>
      </c>
      <c r="G62567" s="1" t="s">
        <v>209156</v>
      </c>
      <c r="H62567" s="1" t="s">
        <v>209157</v>
      </c>
      <c r="I62567" s="1" t="s">
        <v>207852</v>
      </c>
      <c r="J62567" s="1" t="s">
        <v>209250</v>
      </c>
    </row>
    <row r="62568" spans="1:10" x14ac:dyDescent="0.35">
      <c r="A62568" s="1" t="s">
        <v>142643</v>
      </c>
      <c r="B62568" s="1" t="s">
        <v>207847</v>
      </c>
      <c r="C62568" s="1" t="s">
        <v>165</v>
      </c>
      <c r="D62568" s="1" t="s">
        <v>192350</v>
      </c>
      <c r="E62568" s="1" t="s">
        <v>209251</v>
      </c>
      <c r="F62568" s="1" t="s">
        <v>209252</v>
      </c>
      <c r="G62568" s="1" t="s">
        <v>209156</v>
      </c>
      <c r="H62568" s="1" t="s">
        <v>209157</v>
      </c>
      <c r="I62568" s="1" t="s">
        <v>207852</v>
      </c>
      <c r="J62568" s="1" t="s">
        <v>209253</v>
      </c>
    </row>
    <row r="62569" spans="1:10" x14ac:dyDescent="0.35">
      <c r="A62569" s="1" t="s">
        <v>142643</v>
      </c>
      <c r="B62569" s="1" t="s">
        <v>207847</v>
      </c>
      <c r="C62569" s="1" t="s">
        <v>170</v>
      </c>
      <c r="D62569" s="1" t="s">
        <v>209254</v>
      </c>
      <c r="E62569" s="1" t="s">
        <v>209255</v>
      </c>
      <c r="F62569" s="1" t="s">
        <v>209256</v>
      </c>
      <c r="G62569" s="1" t="s">
        <v>209156</v>
      </c>
      <c r="H62569" s="1" t="s">
        <v>209157</v>
      </c>
      <c r="I62569" s="1" t="s">
        <v>207852</v>
      </c>
      <c r="J62569" s="1" t="s">
        <v>209257</v>
      </c>
    </row>
    <row r="62570" spans="1:10" x14ac:dyDescent="0.35">
      <c r="A62570" s="1" t="s">
        <v>119480</v>
      </c>
      <c r="B62570" s="1" t="s">
        <v>207847</v>
      </c>
      <c r="C62570" s="1" t="s">
        <v>8</v>
      </c>
      <c r="D62570" s="1" t="s">
        <v>135803</v>
      </c>
      <c r="E62570" s="1" t="s">
        <v>209258</v>
      </c>
      <c r="F62570" s="1" t="s">
        <v>209259</v>
      </c>
      <c r="G62570" s="1" t="s">
        <v>209260</v>
      </c>
      <c r="H62570" s="1" t="s">
        <v>209261</v>
      </c>
      <c r="I62570" s="1" t="s">
        <v>207852</v>
      </c>
      <c r="J62570" s="1" t="s">
        <v>13</v>
      </c>
    </row>
    <row r="62571" spans="1:10" x14ac:dyDescent="0.35">
      <c r="A62571" s="1" t="s">
        <v>119480</v>
      </c>
      <c r="B62571" s="1" t="s">
        <v>207847</v>
      </c>
      <c r="C62571" s="1" t="s">
        <v>15</v>
      </c>
      <c r="D62571" s="1" t="s">
        <v>144211</v>
      </c>
      <c r="E62571" s="1" t="s">
        <v>209262</v>
      </c>
      <c r="F62571" s="1" t="s">
        <v>209263</v>
      </c>
      <c r="G62571" s="1" t="s">
        <v>209260</v>
      </c>
      <c r="H62571" s="1" t="s">
        <v>209261</v>
      </c>
      <c r="I62571" s="1" t="s">
        <v>207852</v>
      </c>
      <c r="J62571" s="1" t="s">
        <v>209264</v>
      </c>
    </row>
    <row r="62572" spans="1:10" x14ac:dyDescent="0.35">
      <c r="A62572" s="1" t="s">
        <v>119480</v>
      </c>
      <c r="B62572" s="1" t="s">
        <v>207847</v>
      </c>
      <c r="C62572" s="1" t="s">
        <v>20</v>
      </c>
      <c r="D62572" s="1" t="s">
        <v>115327</v>
      </c>
      <c r="E62572" s="1" t="s">
        <v>209265</v>
      </c>
      <c r="F62572" s="1" t="s">
        <v>209266</v>
      </c>
      <c r="G62572" s="1" t="s">
        <v>209260</v>
      </c>
      <c r="H62572" s="1" t="s">
        <v>209261</v>
      </c>
      <c r="I62572" s="1" t="s">
        <v>207852</v>
      </c>
      <c r="J62572" s="1" t="s">
        <v>209267</v>
      </c>
    </row>
    <row r="62573" spans="1:10" x14ac:dyDescent="0.35">
      <c r="A62573" s="1" t="s">
        <v>119480</v>
      </c>
      <c r="B62573" s="1" t="s">
        <v>207847</v>
      </c>
      <c r="C62573" s="1" t="s">
        <v>25</v>
      </c>
      <c r="D62573" s="1" t="s">
        <v>37821</v>
      </c>
      <c r="E62573" s="1" t="s">
        <v>209268</v>
      </c>
      <c r="F62573" s="1" t="s">
        <v>209269</v>
      </c>
      <c r="G62573" s="1" t="s">
        <v>209260</v>
      </c>
      <c r="H62573" s="1" t="s">
        <v>209261</v>
      </c>
      <c r="I62573" s="1" t="s">
        <v>207852</v>
      </c>
      <c r="J62573" s="1" t="s">
        <v>209270</v>
      </c>
    </row>
    <row r="62574" spans="1:10" x14ac:dyDescent="0.35">
      <c r="A62574" s="1" t="s">
        <v>119480</v>
      </c>
      <c r="B62574" s="1" t="s">
        <v>207847</v>
      </c>
      <c r="C62574" s="1" t="s">
        <v>30</v>
      </c>
      <c r="D62574" s="1" t="s">
        <v>3083</v>
      </c>
      <c r="E62574" s="1" t="s">
        <v>209271</v>
      </c>
      <c r="F62574" s="1" t="s">
        <v>209272</v>
      </c>
      <c r="G62574" s="1" t="s">
        <v>209260</v>
      </c>
      <c r="H62574" s="1" t="s">
        <v>209261</v>
      </c>
      <c r="I62574" s="1" t="s">
        <v>207852</v>
      </c>
      <c r="J62574" s="1" t="s">
        <v>209273</v>
      </c>
    </row>
    <row r="62575" spans="1:10" x14ac:dyDescent="0.35">
      <c r="A62575" s="1" t="s">
        <v>119480</v>
      </c>
      <c r="B62575" s="1" t="s">
        <v>207847</v>
      </c>
      <c r="C62575" s="1" t="s">
        <v>35</v>
      </c>
      <c r="D62575" s="1" t="s">
        <v>72479</v>
      </c>
      <c r="E62575" s="1" t="s">
        <v>209274</v>
      </c>
      <c r="F62575" s="1" t="s">
        <v>209275</v>
      </c>
      <c r="G62575" s="1" t="s">
        <v>209260</v>
      </c>
      <c r="H62575" s="1" t="s">
        <v>209261</v>
      </c>
      <c r="I62575" s="1" t="s">
        <v>207852</v>
      </c>
      <c r="J62575" s="1" t="s">
        <v>209276</v>
      </c>
    </row>
    <row r="62576" spans="1:10" x14ac:dyDescent="0.35">
      <c r="A62576" s="1" t="s">
        <v>119480</v>
      </c>
      <c r="B62576" s="1" t="s">
        <v>207847</v>
      </c>
      <c r="C62576" s="1" t="s">
        <v>40</v>
      </c>
      <c r="D62576" s="1" t="s">
        <v>73109</v>
      </c>
      <c r="E62576" s="1" t="s">
        <v>209277</v>
      </c>
      <c r="F62576" s="1" t="s">
        <v>209278</v>
      </c>
      <c r="G62576" s="1" t="s">
        <v>209260</v>
      </c>
      <c r="H62576" s="1" t="s">
        <v>209261</v>
      </c>
      <c r="I62576" s="1" t="s">
        <v>207852</v>
      </c>
      <c r="J62576" s="1" t="s">
        <v>209279</v>
      </c>
    </row>
    <row r="62577" spans="1:10" x14ac:dyDescent="0.35">
      <c r="A62577" s="1" t="s">
        <v>119480</v>
      </c>
      <c r="B62577" s="1" t="s">
        <v>207847</v>
      </c>
      <c r="C62577" s="1" t="s">
        <v>45</v>
      </c>
      <c r="D62577" s="1" t="s">
        <v>13063</v>
      </c>
      <c r="E62577" s="1" t="s">
        <v>209280</v>
      </c>
      <c r="F62577" s="1" t="s">
        <v>209281</v>
      </c>
      <c r="G62577" s="1" t="s">
        <v>209260</v>
      </c>
      <c r="H62577" s="1" t="s">
        <v>209261</v>
      </c>
      <c r="I62577" s="1" t="s">
        <v>207852</v>
      </c>
      <c r="J62577" s="1" t="s">
        <v>209282</v>
      </c>
    </row>
    <row r="62578" spans="1:10" x14ac:dyDescent="0.35">
      <c r="A62578" s="1" t="s">
        <v>119480</v>
      </c>
      <c r="B62578" s="1" t="s">
        <v>207847</v>
      </c>
      <c r="C62578" s="1" t="s">
        <v>50</v>
      </c>
      <c r="D62578" s="1" t="s">
        <v>34884</v>
      </c>
      <c r="E62578" s="1" t="s">
        <v>209283</v>
      </c>
      <c r="F62578" s="1" t="s">
        <v>209284</v>
      </c>
      <c r="G62578" s="1" t="s">
        <v>209260</v>
      </c>
      <c r="H62578" s="1" t="s">
        <v>209261</v>
      </c>
      <c r="I62578" s="1" t="s">
        <v>207852</v>
      </c>
      <c r="J62578" s="1" t="s">
        <v>209285</v>
      </c>
    </row>
    <row r="62579" spans="1:10" x14ac:dyDescent="0.35">
      <c r="A62579" s="1" t="s">
        <v>119480</v>
      </c>
      <c r="B62579" s="1" t="s">
        <v>207847</v>
      </c>
      <c r="C62579" s="1" t="s">
        <v>55</v>
      </c>
      <c r="D62579" s="1" t="s">
        <v>209286</v>
      </c>
      <c r="E62579" s="1" t="s">
        <v>209287</v>
      </c>
      <c r="F62579" s="1" t="s">
        <v>209288</v>
      </c>
      <c r="G62579" s="1" t="s">
        <v>209260</v>
      </c>
      <c r="H62579" s="1" t="s">
        <v>209261</v>
      </c>
      <c r="I62579" s="1" t="s">
        <v>207852</v>
      </c>
      <c r="J62579" s="1" t="s">
        <v>209289</v>
      </c>
    </row>
    <row r="62580" spans="1:10" x14ac:dyDescent="0.35">
      <c r="A62580" s="1" t="s">
        <v>119480</v>
      </c>
      <c r="B62580" s="1" t="s">
        <v>207847</v>
      </c>
      <c r="C62580" s="1" t="s">
        <v>60</v>
      </c>
      <c r="D62580" s="1" t="s">
        <v>161300</v>
      </c>
      <c r="E62580" s="1" t="s">
        <v>209290</v>
      </c>
      <c r="F62580" s="1" t="s">
        <v>209291</v>
      </c>
      <c r="G62580" s="1" t="s">
        <v>209260</v>
      </c>
      <c r="H62580" s="1" t="s">
        <v>209261</v>
      </c>
      <c r="I62580" s="1" t="s">
        <v>207852</v>
      </c>
      <c r="J62580" s="1" t="s">
        <v>209292</v>
      </c>
    </row>
    <row r="62581" spans="1:10" x14ac:dyDescent="0.35">
      <c r="A62581" s="1" t="s">
        <v>119480</v>
      </c>
      <c r="B62581" s="1" t="s">
        <v>207847</v>
      </c>
      <c r="C62581" s="1" t="s">
        <v>65</v>
      </c>
      <c r="D62581" s="1" t="s">
        <v>45168</v>
      </c>
      <c r="E62581" s="1" t="s">
        <v>209293</v>
      </c>
      <c r="F62581" s="1" t="s">
        <v>209294</v>
      </c>
      <c r="G62581" s="1" t="s">
        <v>209260</v>
      </c>
      <c r="H62581" s="1" t="s">
        <v>209261</v>
      </c>
      <c r="I62581" s="1" t="s">
        <v>207852</v>
      </c>
      <c r="J62581" s="1" t="s">
        <v>209295</v>
      </c>
    </row>
    <row r="62582" spans="1:10" x14ac:dyDescent="0.35">
      <c r="A62582" s="1" t="s">
        <v>119480</v>
      </c>
      <c r="B62582" s="1" t="s">
        <v>207847</v>
      </c>
      <c r="C62582" s="1" t="s">
        <v>70</v>
      </c>
      <c r="D62582" s="1" t="s">
        <v>141085</v>
      </c>
      <c r="E62582" s="1" t="s">
        <v>209296</v>
      </c>
      <c r="F62582" s="1" t="s">
        <v>209297</v>
      </c>
      <c r="G62582" s="1" t="s">
        <v>209260</v>
      </c>
      <c r="H62582" s="1" t="s">
        <v>209261</v>
      </c>
      <c r="I62582" s="1" t="s">
        <v>207852</v>
      </c>
      <c r="J62582" s="1" t="s">
        <v>209298</v>
      </c>
    </row>
    <row r="62583" spans="1:10" x14ac:dyDescent="0.35">
      <c r="A62583" s="1" t="s">
        <v>119480</v>
      </c>
      <c r="B62583" s="1" t="s">
        <v>207847</v>
      </c>
      <c r="C62583" s="1" t="s">
        <v>75</v>
      </c>
      <c r="D62583" s="1" t="s">
        <v>31716</v>
      </c>
      <c r="E62583" s="1" t="s">
        <v>209299</v>
      </c>
      <c r="F62583" s="1" t="s">
        <v>209300</v>
      </c>
      <c r="G62583" s="1" t="s">
        <v>209260</v>
      </c>
      <c r="H62583" s="1" t="s">
        <v>209261</v>
      </c>
      <c r="I62583" s="1" t="s">
        <v>207852</v>
      </c>
      <c r="J62583" s="1" t="s">
        <v>209301</v>
      </c>
    </row>
    <row r="62584" spans="1:10" x14ac:dyDescent="0.35">
      <c r="A62584" s="1" t="s">
        <v>119480</v>
      </c>
      <c r="B62584" s="1" t="s">
        <v>207847</v>
      </c>
      <c r="C62584" s="1" t="s">
        <v>80</v>
      </c>
      <c r="D62584" s="1" t="s">
        <v>30618</v>
      </c>
      <c r="E62584" s="1" t="s">
        <v>209302</v>
      </c>
      <c r="F62584" s="1" t="s">
        <v>209303</v>
      </c>
      <c r="G62584" s="1" t="s">
        <v>209260</v>
      </c>
      <c r="H62584" s="1" t="s">
        <v>209261</v>
      </c>
      <c r="I62584" s="1" t="s">
        <v>207852</v>
      </c>
      <c r="J62584" s="1" t="s">
        <v>209304</v>
      </c>
    </row>
    <row r="62585" spans="1:10" x14ac:dyDescent="0.35">
      <c r="A62585" s="1" t="s">
        <v>119480</v>
      </c>
      <c r="B62585" s="1" t="s">
        <v>207847</v>
      </c>
      <c r="C62585" s="1" t="s">
        <v>85</v>
      </c>
      <c r="D62585" s="1" t="s">
        <v>209305</v>
      </c>
      <c r="E62585" s="1" t="s">
        <v>209306</v>
      </c>
      <c r="F62585" s="1" t="s">
        <v>209307</v>
      </c>
      <c r="G62585" s="1" t="s">
        <v>209260</v>
      </c>
      <c r="H62585" s="1" t="s">
        <v>209261</v>
      </c>
      <c r="I62585" s="1" t="s">
        <v>207852</v>
      </c>
      <c r="J62585" s="1" t="s">
        <v>209308</v>
      </c>
    </row>
    <row r="62586" spans="1:10" x14ac:dyDescent="0.35">
      <c r="A62586" s="1" t="s">
        <v>119480</v>
      </c>
      <c r="B62586" s="1" t="s">
        <v>207847</v>
      </c>
      <c r="C62586" s="1" t="s">
        <v>90</v>
      </c>
      <c r="D62586" s="1" t="s">
        <v>5465</v>
      </c>
      <c r="E62586" s="1" t="s">
        <v>209309</v>
      </c>
      <c r="F62586" s="1" t="s">
        <v>209310</v>
      </c>
      <c r="G62586" s="1" t="s">
        <v>209260</v>
      </c>
      <c r="H62586" s="1" t="s">
        <v>209261</v>
      </c>
      <c r="I62586" s="1" t="s">
        <v>207852</v>
      </c>
      <c r="J62586" s="1" t="s">
        <v>209311</v>
      </c>
    </row>
    <row r="62587" spans="1:10" x14ac:dyDescent="0.35">
      <c r="A62587" s="1" t="s">
        <v>119480</v>
      </c>
      <c r="B62587" s="1" t="s">
        <v>207847</v>
      </c>
      <c r="C62587" s="1" t="s">
        <v>95</v>
      </c>
      <c r="D62587" s="1" t="s">
        <v>16388</v>
      </c>
      <c r="E62587" s="1" t="s">
        <v>209312</v>
      </c>
      <c r="F62587" s="1" t="s">
        <v>209313</v>
      </c>
      <c r="G62587" s="1" t="s">
        <v>209260</v>
      </c>
      <c r="H62587" s="1" t="s">
        <v>209261</v>
      </c>
      <c r="I62587" s="1" t="s">
        <v>207852</v>
      </c>
      <c r="J62587" s="1" t="s">
        <v>209314</v>
      </c>
    </row>
    <row r="62588" spans="1:10" x14ac:dyDescent="0.35">
      <c r="A62588" s="1" t="s">
        <v>119480</v>
      </c>
      <c r="B62588" s="1" t="s">
        <v>207847</v>
      </c>
      <c r="C62588" s="1" t="s">
        <v>100</v>
      </c>
      <c r="D62588" s="1" t="s">
        <v>182153</v>
      </c>
      <c r="E62588" s="1" t="s">
        <v>209315</v>
      </c>
      <c r="F62588" s="1" t="s">
        <v>209316</v>
      </c>
      <c r="G62588" s="1" t="s">
        <v>209260</v>
      </c>
      <c r="H62588" s="1" t="s">
        <v>209261</v>
      </c>
      <c r="I62588" s="1" t="s">
        <v>207852</v>
      </c>
      <c r="J62588" s="1" t="s">
        <v>209317</v>
      </c>
    </row>
    <row r="62589" spans="1:10" x14ac:dyDescent="0.35">
      <c r="A62589" s="1" t="s">
        <v>119480</v>
      </c>
      <c r="B62589" s="1" t="s">
        <v>207847</v>
      </c>
      <c r="C62589" s="1" t="s">
        <v>105</v>
      </c>
      <c r="D62589" s="1" t="s">
        <v>691</v>
      </c>
      <c r="E62589" s="1" t="s">
        <v>209318</v>
      </c>
      <c r="F62589" s="1" t="s">
        <v>209319</v>
      </c>
      <c r="G62589" s="1" t="s">
        <v>209260</v>
      </c>
      <c r="H62589" s="1" t="s">
        <v>209261</v>
      </c>
      <c r="I62589" s="1" t="s">
        <v>207852</v>
      </c>
      <c r="J62589" s="1" t="s">
        <v>209320</v>
      </c>
    </row>
    <row r="62590" spans="1:10" x14ac:dyDescent="0.35">
      <c r="A62590" s="1" t="s">
        <v>119480</v>
      </c>
      <c r="B62590" s="1" t="s">
        <v>207847</v>
      </c>
      <c r="C62590" s="1" t="s">
        <v>110</v>
      </c>
      <c r="D62590" s="1" t="s">
        <v>32129</v>
      </c>
      <c r="E62590" s="1" t="s">
        <v>209321</v>
      </c>
      <c r="F62590" s="1" t="s">
        <v>209322</v>
      </c>
      <c r="G62590" s="1" t="s">
        <v>209260</v>
      </c>
      <c r="H62590" s="1" t="s">
        <v>209261</v>
      </c>
      <c r="I62590" s="1" t="s">
        <v>207852</v>
      </c>
      <c r="J62590" s="1" t="s">
        <v>209323</v>
      </c>
    </row>
    <row r="62591" spans="1:10" x14ac:dyDescent="0.35">
      <c r="A62591" s="1" t="s">
        <v>119480</v>
      </c>
      <c r="B62591" s="1" t="s">
        <v>207847</v>
      </c>
      <c r="C62591" s="1" t="s">
        <v>115</v>
      </c>
      <c r="D62591" s="1" t="s">
        <v>209324</v>
      </c>
      <c r="E62591" s="1" t="s">
        <v>209325</v>
      </c>
      <c r="F62591" s="1" t="s">
        <v>209326</v>
      </c>
      <c r="G62591" s="1" t="s">
        <v>209260</v>
      </c>
      <c r="H62591" s="1" t="s">
        <v>209261</v>
      </c>
      <c r="I62591" s="1" t="s">
        <v>207852</v>
      </c>
      <c r="J62591" s="1" t="s">
        <v>209327</v>
      </c>
    </row>
    <row r="62592" spans="1:10" x14ac:dyDescent="0.35">
      <c r="A62592" s="1" t="s">
        <v>119480</v>
      </c>
      <c r="B62592" s="1" t="s">
        <v>207847</v>
      </c>
      <c r="C62592" s="1" t="s">
        <v>120</v>
      </c>
      <c r="D62592" s="1" t="s">
        <v>30680</v>
      </c>
      <c r="E62592" s="1" t="s">
        <v>209328</v>
      </c>
      <c r="F62592" s="1" t="s">
        <v>209329</v>
      </c>
      <c r="G62592" s="1" t="s">
        <v>209260</v>
      </c>
      <c r="H62592" s="1" t="s">
        <v>209261</v>
      </c>
      <c r="I62592" s="1" t="s">
        <v>207852</v>
      </c>
      <c r="J62592" s="1" t="s">
        <v>209330</v>
      </c>
    </row>
    <row r="62593" spans="1:10" x14ac:dyDescent="0.35">
      <c r="A62593" s="1" t="s">
        <v>119480</v>
      </c>
      <c r="B62593" s="1" t="s">
        <v>207847</v>
      </c>
      <c r="C62593" s="1" t="s">
        <v>125</v>
      </c>
      <c r="D62593" s="1" t="s">
        <v>209331</v>
      </c>
      <c r="E62593" s="1" t="s">
        <v>209332</v>
      </c>
      <c r="F62593" s="1" t="s">
        <v>209333</v>
      </c>
      <c r="G62593" s="1" t="s">
        <v>209260</v>
      </c>
      <c r="H62593" s="1" t="s">
        <v>209261</v>
      </c>
      <c r="I62593" s="1" t="s">
        <v>207852</v>
      </c>
      <c r="J62593" s="1" t="s">
        <v>209334</v>
      </c>
    </row>
    <row r="62594" spans="1:10" x14ac:dyDescent="0.35">
      <c r="A62594" s="1" t="s">
        <v>119480</v>
      </c>
      <c r="B62594" s="1" t="s">
        <v>207847</v>
      </c>
      <c r="C62594" s="1" t="s">
        <v>130</v>
      </c>
      <c r="D62594" s="1" t="s">
        <v>207139</v>
      </c>
      <c r="E62594" s="1" t="s">
        <v>209335</v>
      </c>
      <c r="F62594" s="1" t="s">
        <v>209336</v>
      </c>
      <c r="G62594" s="1" t="s">
        <v>209260</v>
      </c>
      <c r="H62594" s="1" t="s">
        <v>209261</v>
      </c>
      <c r="I62594" s="1" t="s">
        <v>207852</v>
      </c>
      <c r="J62594" s="1" t="s">
        <v>209337</v>
      </c>
    </row>
    <row r="62595" spans="1:10" x14ac:dyDescent="0.35">
      <c r="A62595" s="1" t="s">
        <v>119480</v>
      </c>
      <c r="B62595" s="1" t="s">
        <v>207847</v>
      </c>
      <c r="C62595" s="1" t="s">
        <v>135</v>
      </c>
      <c r="D62595" s="1" t="s">
        <v>194143</v>
      </c>
      <c r="E62595" s="1" t="s">
        <v>209338</v>
      </c>
      <c r="F62595" s="1" t="s">
        <v>209339</v>
      </c>
      <c r="G62595" s="1" t="s">
        <v>209260</v>
      </c>
      <c r="H62595" s="1" t="s">
        <v>209261</v>
      </c>
      <c r="I62595" s="1" t="s">
        <v>207852</v>
      </c>
      <c r="J62595" s="1" t="s">
        <v>209340</v>
      </c>
    </row>
    <row r="62596" spans="1:10" x14ac:dyDescent="0.35">
      <c r="A62596" s="1" t="s">
        <v>119480</v>
      </c>
      <c r="B62596" s="1" t="s">
        <v>207847</v>
      </c>
      <c r="C62596" s="1" t="s">
        <v>140</v>
      </c>
      <c r="D62596" s="1" t="s">
        <v>113181</v>
      </c>
      <c r="E62596" s="1" t="s">
        <v>209341</v>
      </c>
      <c r="F62596" s="1" t="s">
        <v>209342</v>
      </c>
      <c r="G62596" s="1" t="s">
        <v>209260</v>
      </c>
      <c r="H62596" s="1" t="s">
        <v>209261</v>
      </c>
      <c r="I62596" s="1" t="s">
        <v>207852</v>
      </c>
      <c r="J62596" s="1" t="s">
        <v>209343</v>
      </c>
    </row>
    <row r="62597" spans="1:10" x14ac:dyDescent="0.35">
      <c r="A62597" s="1" t="s">
        <v>119480</v>
      </c>
      <c r="B62597" s="1" t="s">
        <v>207847</v>
      </c>
      <c r="C62597" s="1" t="s">
        <v>145</v>
      </c>
      <c r="D62597" s="1" t="s">
        <v>209344</v>
      </c>
      <c r="E62597" s="1" t="s">
        <v>209345</v>
      </c>
      <c r="F62597" s="1" t="s">
        <v>209346</v>
      </c>
      <c r="G62597" s="1" t="s">
        <v>209260</v>
      </c>
      <c r="H62597" s="1" t="s">
        <v>209261</v>
      </c>
      <c r="I62597" s="1" t="s">
        <v>207852</v>
      </c>
      <c r="J62597" s="1" t="s">
        <v>209347</v>
      </c>
    </row>
    <row r="62598" spans="1:10" x14ac:dyDescent="0.35">
      <c r="A62598" s="1" t="s">
        <v>119480</v>
      </c>
      <c r="B62598" s="1" t="s">
        <v>207847</v>
      </c>
      <c r="C62598" s="1" t="s">
        <v>150</v>
      </c>
      <c r="D62598" s="1" t="s">
        <v>209348</v>
      </c>
      <c r="E62598" s="1" t="s">
        <v>209349</v>
      </c>
      <c r="F62598" s="1" t="s">
        <v>209350</v>
      </c>
      <c r="G62598" s="1" t="s">
        <v>209260</v>
      </c>
      <c r="H62598" s="1" t="s">
        <v>209261</v>
      </c>
      <c r="I62598" s="1" t="s">
        <v>207852</v>
      </c>
      <c r="J62598" s="1" t="s">
        <v>209351</v>
      </c>
    </row>
    <row r="62599" spans="1:10" x14ac:dyDescent="0.35">
      <c r="A62599" s="1" t="s">
        <v>119480</v>
      </c>
      <c r="B62599" s="1" t="s">
        <v>207847</v>
      </c>
      <c r="C62599" s="1" t="s">
        <v>155</v>
      </c>
      <c r="D62599" s="1" t="s">
        <v>209352</v>
      </c>
      <c r="E62599" s="1" t="s">
        <v>209353</v>
      </c>
      <c r="F62599" s="1" t="s">
        <v>209354</v>
      </c>
      <c r="G62599" s="1" t="s">
        <v>209260</v>
      </c>
      <c r="H62599" s="1" t="s">
        <v>209261</v>
      </c>
      <c r="I62599" s="1" t="s">
        <v>207852</v>
      </c>
      <c r="J62599" s="1" t="s">
        <v>209355</v>
      </c>
    </row>
    <row r="62600" spans="1:10" x14ac:dyDescent="0.35">
      <c r="A62600" s="1" t="s">
        <v>119480</v>
      </c>
      <c r="B62600" s="1" t="s">
        <v>207847</v>
      </c>
      <c r="C62600" s="1" t="s">
        <v>160</v>
      </c>
      <c r="D62600" s="1" t="s">
        <v>10574</v>
      </c>
      <c r="E62600" s="1" t="s">
        <v>209356</v>
      </c>
      <c r="F62600" s="1" t="s">
        <v>209357</v>
      </c>
      <c r="G62600" s="1" t="s">
        <v>209260</v>
      </c>
      <c r="H62600" s="1" t="s">
        <v>209261</v>
      </c>
      <c r="I62600" s="1" t="s">
        <v>207852</v>
      </c>
      <c r="J62600" s="1" t="s">
        <v>209358</v>
      </c>
    </row>
    <row r="62601" spans="1:10" x14ac:dyDescent="0.35">
      <c r="A62601" s="1" t="s">
        <v>119480</v>
      </c>
      <c r="B62601" s="1" t="s">
        <v>207847</v>
      </c>
      <c r="C62601" s="1" t="s">
        <v>165</v>
      </c>
      <c r="D62601" s="1" t="s">
        <v>117789</v>
      </c>
      <c r="E62601" s="1" t="s">
        <v>209359</v>
      </c>
      <c r="F62601" s="1" t="s">
        <v>209360</v>
      </c>
      <c r="G62601" s="1" t="s">
        <v>209260</v>
      </c>
      <c r="H62601" s="1" t="s">
        <v>209261</v>
      </c>
      <c r="I62601" s="1" t="s">
        <v>207852</v>
      </c>
      <c r="J62601" s="1" t="s">
        <v>209361</v>
      </c>
    </row>
    <row r="62602" spans="1:10" x14ac:dyDescent="0.35">
      <c r="A62602" s="1" t="s">
        <v>119480</v>
      </c>
      <c r="B62602" s="1" t="s">
        <v>207847</v>
      </c>
      <c r="C62602" s="1" t="s">
        <v>170</v>
      </c>
      <c r="D62602" s="1" t="s">
        <v>209362</v>
      </c>
      <c r="E62602" s="1" t="s">
        <v>209363</v>
      </c>
      <c r="F62602" s="1" t="s">
        <v>209364</v>
      </c>
      <c r="G62602" s="1" t="s">
        <v>209260</v>
      </c>
      <c r="H62602" s="1" t="s">
        <v>209261</v>
      </c>
      <c r="I62602" s="1" t="s">
        <v>207852</v>
      </c>
      <c r="J62602" s="1" t="s">
        <v>209365</v>
      </c>
    </row>
    <row r="62603" spans="1:10" x14ac:dyDescent="0.35">
      <c r="A62603" s="1" t="s">
        <v>10183</v>
      </c>
      <c r="B62603" s="1" t="s">
        <v>207847</v>
      </c>
      <c r="C62603" s="1" t="s">
        <v>8</v>
      </c>
      <c r="D62603" s="1" t="s">
        <v>74099</v>
      </c>
      <c r="E62603" s="1" t="s">
        <v>209366</v>
      </c>
      <c r="F62603" s="1" t="s">
        <v>209367</v>
      </c>
      <c r="G62603" s="1" t="s">
        <v>209368</v>
      </c>
      <c r="H62603" s="1" t="s">
        <v>209369</v>
      </c>
      <c r="I62603" s="1" t="s">
        <v>207852</v>
      </c>
      <c r="J62603" s="1" t="s">
        <v>13</v>
      </c>
    </row>
    <row r="62604" spans="1:10" x14ac:dyDescent="0.35">
      <c r="A62604" s="1" t="s">
        <v>10183</v>
      </c>
      <c r="B62604" s="1" t="s">
        <v>207847</v>
      </c>
      <c r="C62604" s="1" t="s">
        <v>15</v>
      </c>
      <c r="D62604" s="1" t="s">
        <v>3421</v>
      </c>
      <c r="E62604" s="1" t="s">
        <v>209370</v>
      </c>
      <c r="F62604" s="1" t="s">
        <v>107448</v>
      </c>
      <c r="G62604" s="1" t="s">
        <v>209368</v>
      </c>
      <c r="H62604" s="1" t="s">
        <v>209369</v>
      </c>
      <c r="I62604" s="1" t="s">
        <v>207852</v>
      </c>
      <c r="J62604" s="1" t="s">
        <v>209371</v>
      </c>
    </row>
    <row r="62605" spans="1:10" x14ac:dyDescent="0.35">
      <c r="A62605" s="1" t="s">
        <v>10183</v>
      </c>
      <c r="B62605" s="1" t="s">
        <v>207847</v>
      </c>
      <c r="C62605" s="1" t="s">
        <v>20</v>
      </c>
      <c r="D62605" s="1" t="s">
        <v>104677</v>
      </c>
      <c r="E62605" s="1" t="s">
        <v>24704</v>
      </c>
      <c r="F62605" s="1" t="s">
        <v>62190</v>
      </c>
      <c r="G62605" s="1" t="s">
        <v>209368</v>
      </c>
      <c r="H62605" s="1" t="s">
        <v>209369</v>
      </c>
      <c r="I62605" s="1" t="s">
        <v>207852</v>
      </c>
      <c r="J62605" s="1" t="s">
        <v>209372</v>
      </c>
    </row>
    <row r="62606" spans="1:10" x14ac:dyDescent="0.35">
      <c r="A62606" s="1" t="s">
        <v>10183</v>
      </c>
      <c r="B62606" s="1" t="s">
        <v>207847</v>
      </c>
      <c r="C62606" s="1" t="s">
        <v>25</v>
      </c>
      <c r="D62606" s="1" t="s">
        <v>209373</v>
      </c>
      <c r="E62606" s="1" t="s">
        <v>209370</v>
      </c>
      <c r="F62606" s="1" t="s">
        <v>131785</v>
      </c>
      <c r="G62606" s="1" t="s">
        <v>209368</v>
      </c>
      <c r="H62606" s="1" t="s">
        <v>209369</v>
      </c>
      <c r="I62606" s="1" t="s">
        <v>207852</v>
      </c>
      <c r="J62606" s="1" t="s">
        <v>209374</v>
      </c>
    </row>
    <row r="62607" spans="1:10" x14ac:dyDescent="0.35">
      <c r="A62607" s="1" t="s">
        <v>10183</v>
      </c>
      <c r="B62607" s="1" t="s">
        <v>207847</v>
      </c>
      <c r="C62607" s="1" t="s">
        <v>30</v>
      </c>
      <c r="D62607" s="1" t="s">
        <v>42885</v>
      </c>
      <c r="E62607" s="1" t="s">
        <v>209375</v>
      </c>
      <c r="F62607" s="1" t="s">
        <v>176304</v>
      </c>
      <c r="G62607" s="1" t="s">
        <v>209368</v>
      </c>
      <c r="H62607" s="1" t="s">
        <v>209369</v>
      </c>
      <c r="I62607" s="1" t="s">
        <v>207852</v>
      </c>
      <c r="J62607" s="1" t="s">
        <v>209376</v>
      </c>
    </row>
    <row r="62608" spans="1:10" x14ac:dyDescent="0.35">
      <c r="A62608" s="1" t="s">
        <v>10183</v>
      </c>
      <c r="B62608" s="1" t="s">
        <v>207847</v>
      </c>
      <c r="C62608" s="1" t="s">
        <v>35</v>
      </c>
      <c r="D62608" s="1" t="s">
        <v>30732</v>
      </c>
      <c r="E62608" s="1" t="s">
        <v>209377</v>
      </c>
      <c r="F62608" s="1" t="s">
        <v>32956</v>
      </c>
      <c r="G62608" s="1" t="s">
        <v>209368</v>
      </c>
      <c r="H62608" s="1" t="s">
        <v>209369</v>
      </c>
      <c r="I62608" s="1" t="s">
        <v>207852</v>
      </c>
      <c r="J62608" s="1" t="s">
        <v>209378</v>
      </c>
    </row>
    <row r="62609" spans="1:10" x14ac:dyDescent="0.35">
      <c r="A62609" s="1" t="s">
        <v>10183</v>
      </c>
      <c r="B62609" s="1" t="s">
        <v>207847</v>
      </c>
      <c r="C62609" s="1" t="s">
        <v>40</v>
      </c>
      <c r="D62609" s="1" t="s">
        <v>34768</v>
      </c>
      <c r="E62609" s="1" t="s">
        <v>209379</v>
      </c>
      <c r="F62609" s="1" t="s">
        <v>60611</v>
      </c>
      <c r="G62609" s="1" t="s">
        <v>209368</v>
      </c>
      <c r="H62609" s="1" t="s">
        <v>209369</v>
      </c>
      <c r="I62609" s="1" t="s">
        <v>207852</v>
      </c>
      <c r="J62609" s="1" t="s">
        <v>209380</v>
      </c>
    </row>
    <row r="62610" spans="1:10" x14ac:dyDescent="0.35">
      <c r="A62610" s="1" t="s">
        <v>10183</v>
      </c>
      <c r="B62610" s="1" t="s">
        <v>207847</v>
      </c>
      <c r="C62610" s="1" t="s">
        <v>45</v>
      </c>
      <c r="D62610" s="1" t="s">
        <v>47698</v>
      </c>
      <c r="E62610" s="1" t="s">
        <v>209381</v>
      </c>
      <c r="F62610" s="1" t="s">
        <v>209382</v>
      </c>
      <c r="G62610" s="1" t="s">
        <v>209368</v>
      </c>
      <c r="H62610" s="1" t="s">
        <v>209369</v>
      </c>
      <c r="I62610" s="1" t="s">
        <v>207852</v>
      </c>
      <c r="J62610" s="1" t="s">
        <v>209383</v>
      </c>
    </row>
    <row r="62611" spans="1:10" x14ac:dyDescent="0.35">
      <c r="A62611" s="1" t="s">
        <v>10183</v>
      </c>
      <c r="B62611" s="1" t="s">
        <v>207847</v>
      </c>
      <c r="C62611" s="1" t="s">
        <v>50</v>
      </c>
      <c r="D62611" s="1" t="s">
        <v>10757</v>
      </c>
      <c r="E62611" s="1" t="s">
        <v>209384</v>
      </c>
      <c r="F62611" s="1" t="s">
        <v>173405</v>
      </c>
      <c r="G62611" s="1" t="s">
        <v>209368</v>
      </c>
      <c r="H62611" s="1" t="s">
        <v>209369</v>
      </c>
      <c r="I62611" s="1" t="s">
        <v>207852</v>
      </c>
      <c r="J62611" s="1" t="s">
        <v>209385</v>
      </c>
    </row>
    <row r="62612" spans="1:10" x14ac:dyDescent="0.35">
      <c r="A62612" s="1" t="s">
        <v>10183</v>
      </c>
      <c r="B62612" s="1" t="s">
        <v>207847</v>
      </c>
      <c r="C62612" s="1" t="s">
        <v>55</v>
      </c>
      <c r="D62612" s="1" t="s">
        <v>154113</v>
      </c>
      <c r="E62612" s="1" t="s">
        <v>209386</v>
      </c>
      <c r="F62612" s="1" t="s">
        <v>209387</v>
      </c>
      <c r="G62612" s="1" t="s">
        <v>209368</v>
      </c>
      <c r="H62612" s="1" t="s">
        <v>209369</v>
      </c>
      <c r="I62612" s="1" t="s">
        <v>207852</v>
      </c>
      <c r="J62612" s="1" t="s">
        <v>209388</v>
      </c>
    </row>
    <row r="62613" spans="1:10" x14ac:dyDescent="0.35">
      <c r="A62613" s="1" t="s">
        <v>10183</v>
      </c>
      <c r="B62613" s="1" t="s">
        <v>207847</v>
      </c>
      <c r="C62613" s="1" t="s">
        <v>60</v>
      </c>
      <c r="D62613" s="1" t="s">
        <v>126143</v>
      </c>
      <c r="E62613" s="1" t="s">
        <v>82099</v>
      </c>
      <c r="F62613" s="1" t="s">
        <v>209389</v>
      </c>
      <c r="G62613" s="1" t="s">
        <v>209368</v>
      </c>
      <c r="H62613" s="1" t="s">
        <v>209369</v>
      </c>
      <c r="I62613" s="1" t="s">
        <v>207852</v>
      </c>
      <c r="J62613" s="1" t="s">
        <v>209390</v>
      </c>
    </row>
    <row r="62614" spans="1:10" x14ac:dyDescent="0.35">
      <c r="A62614" s="1" t="s">
        <v>10183</v>
      </c>
      <c r="B62614" s="1" t="s">
        <v>207847</v>
      </c>
      <c r="C62614" s="1" t="s">
        <v>65</v>
      </c>
      <c r="D62614" s="1" t="s">
        <v>135156</v>
      </c>
      <c r="E62614" s="1" t="s">
        <v>21580</v>
      </c>
      <c r="F62614" s="1" t="s">
        <v>209391</v>
      </c>
      <c r="G62614" s="1" t="s">
        <v>209368</v>
      </c>
      <c r="H62614" s="1" t="s">
        <v>209369</v>
      </c>
      <c r="I62614" s="1" t="s">
        <v>207852</v>
      </c>
      <c r="J62614" s="1" t="s">
        <v>209392</v>
      </c>
    </row>
    <row r="62615" spans="1:10" x14ac:dyDescent="0.35">
      <c r="A62615" s="1" t="s">
        <v>10183</v>
      </c>
      <c r="B62615" s="1" t="s">
        <v>207847</v>
      </c>
      <c r="C62615" s="1" t="s">
        <v>70</v>
      </c>
      <c r="D62615" s="1" t="s">
        <v>51573</v>
      </c>
      <c r="E62615" s="1" t="s">
        <v>209393</v>
      </c>
      <c r="F62615" s="1" t="s">
        <v>209394</v>
      </c>
      <c r="G62615" s="1" t="s">
        <v>209368</v>
      </c>
      <c r="H62615" s="1" t="s">
        <v>209369</v>
      </c>
      <c r="I62615" s="1" t="s">
        <v>207852</v>
      </c>
      <c r="J62615" s="1" t="s">
        <v>209395</v>
      </c>
    </row>
    <row r="62616" spans="1:10" x14ac:dyDescent="0.35">
      <c r="A62616" s="1" t="s">
        <v>10183</v>
      </c>
      <c r="B62616" s="1" t="s">
        <v>207847</v>
      </c>
      <c r="C62616" s="1" t="s">
        <v>75</v>
      </c>
      <c r="D62616" s="1" t="s">
        <v>17437</v>
      </c>
      <c r="E62616" s="1" t="s">
        <v>209396</v>
      </c>
      <c r="F62616" s="1" t="s">
        <v>62832</v>
      </c>
      <c r="G62616" s="1" t="s">
        <v>209368</v>
      </c>
      <c r="H62616" s="1" t="s">
        <v>209369</v>
      </c>
      <c r="I62616" s="1" t="s">
        <v>207852</v>
      </c>
      <c r="J62616" s="1" t="s">
        <v>209397</v>
      </c>
    </row>
    <row r="62617" spans="1:10" x14ac:dyDescent="0.35">
      <c r="A62617" s="1" t="s">
        <v>10183</v>
      </c>
      <c r="B62617" s="1" t="s">
        <v>207847</v>
      </c>
      <c r="C62617" s="1" t="s">
        <v>80</v>
      </c>
      <c r="D62617" s="1" t="s">
        <v>122124</v>
      </c>
      <c r="E62617" s="1" t="s">
        <v>22914</v>
      </c>
      <c r="F62617" s="1" t="s">
        <v>209398</v>
      </c>
      <c r="G62617" s="1" t="s">
        <v>209368</v>
      </c>
      <c r="H62617" s="1" t="s">
        <v>209369</v>
      </c>
      <c r="I62617" s="1" t="s">
        <v>207852</v>
      </c>
      <c r="J62617" s="1" t="s">
        <v>209399</v>
      </c>
    </row>
    <row r="62618" spans="1:10" x14ac:dyDescent="0.35">
      <c r="A62618" s="1" t="s">
        <v>10183</v>
      </c>
      <c r="B62618" s="1" t="s">
        <v>207847</v>
      </c>
      <c r="C62618" s="1" t="s">
        <v>85</v>
      </c>
      <c r="D62618" s="1" t="s">
        <v>148220</v>
      </c>
      <c r="E62618" s="1" t="s">
        <v>22479</v>
      </c>
      <c r="F62618" s="1" t="s">
        <v>61778</v>
      </c>
      <c r="G62618" s="1" t="s">
        <v>209368</v>
      </c>
      <c r="H62618" s="1" t="s">
        <v>209369</v>
      </c>
      <c r="I62618" s="1" t="s">
        <v>207852</v>
      </c>
      <c r="J62618" s="1" t="s">
        <v>209400</v>
      </c>
    </row>
    <row r="62619" spans="1:10" x14ac:dyDescent="0.35">
      <c r="A62619" s="1" t="s">
        <v>10183</v>
      </c>
      <c r="B62619" s="1" t="s">
        <v>207847</v>
      </c>
      <c r="C62619" s="1" t="s">
        <v>90</v>
      </c>
      <c r="D62619" s="1" t="s">
        <v>30855</v>
      </c>
      <c r="E62619" s="1" t="s">
        <v>23318</v>
      </c>
      <c r="F62619" s="1" t="s">
        <v>58752</v>
      </c>
      <c r="G62619" s="1" t="s">
        <v>209368</v>
      </c>
      <c r="H62619" s="1" t="s">
        <v>209369</v>
      </c>
      <c r="I62619" s="1" t="s">
        <v>207852</v>
      </c>
      <c r="J62619" s="1" t="s">
        <v>209401</v>
      </c>
    </row>
    <row r="62620" spans="1:10" x14ac:dyDescent="0.35">
      <c r="A62620" s="1" t="s">
        <v>10183</v>
      </c>
      <c r="B62620" s="1" t="s">
        <v>207847</v>
      </c>
      <c r="C62620" s="1" t="s">
        <v>95</v>
      </c>
      <c r="D62620" s="1" t="s">
        <v>186053</v>
      </c>
      <c r="E62620" s="1" t="s">
        <v>209402</v>
      </c>
      <c r="F62620" s="1" t="s">
        <v>209403</v>
      </c>
      <c r="G62620" s="1" t="s">
        <v>209368</v>
      </c>
      <c r="H62620" s="1" t="s">
        <v>209369</v>
      </c>
      <c r="I62620" s="1" t="s">
        <v>207852</v>
      </c>
      <c r="J62620" s="1" t="s">
        <v>209404</v>
      </c>
    </row>
    <row r="62621" spans="1:10" x14ac:dyDescent="0.35">
      <c r="A62621" s="1" t="s">
        <v>10183</v>
      </c>
      <c r="B62621" s="1" t="s">
        <v>207847</v>
      </c>
      <c r="C62621" s="1" t="s">
        <v>100</v>
      </c>
      <c r="D62621" s="1" t="s">
        <v>33609</v>
      </c>
      <c r="E62621" s="1" t="s">
        <v>52496</v>
      </c>
      <c r="F62621" s="1" t="s">
        <v>209405</v>
      </c>
      <c r="G62621" s="1" t="s">
        <v>209368</v>
      </c>
      <c r="H62621" s="1" t="s">
        <v>209369</v>
      </c>
      <c r="I62621" s="1" t="s">
        <v>207852</v>
      </c>
      <c r="J62621" s="1" t="s">
        <v>209406</v>
      </c>
    </row>
    <row r="62622" spans="1:10" x14ac:dyDescent="0.35">
      <c r="A62622" s="1" t="s">
        <v>10183</v>
      </c>
      <c r="B62622" s="1" t="s">
        <v>207847</v>
      </c>
      <c r="C62622" s="1" t="s">
        <v>105</v>
      </c>
      <c r="D62622" s="1" t="s">
        <v>19844</v>
      </c>
      <c r="E62622" s="1" t="s">
        <v>209407</v>
      </c>
      <c r="F62622" s="1" t="s">
        <v>101927</v>
      </c>
      <c r="G62622" s="1" t="s">
        <v>209368</v>
      </c>
      <c r="H62622" s="1" t="s">
        <v>209369</v>
      </c>
      <c r="I62622" s="1" t="s">
        <v>207852</v>
      </c>
      <c r="J62622" s="1" t="s">
        <v>209408</v>
      </c>
    </row>
    <row r="62623" spans="1:10" x14ac:dyDescent="0.35">
      <c r="A62623" s="1" t="s">
        <v>10183</v>
      </c>
      <c r="B62623" s="1" t="s">
        <v>207847</v>
      </c>
      <c r="C62623" s="1" t="s">
        <v>110</v>
      </c>
      <c r="D62623" s="1" t="s">
        <v>209409</v>
      </c>
      <c r="E62623" s="1" t="s">
        <v>23030</v>
      </c>
      <c r="F62623" s="1" t="s">
        <v>99719</v>
      </c>
      <c r="G62623" s="1" t="s">
        <v>209368</v>
      </c>
      <c r="H62623" s="1" t="s">
        <v>209369</v>
      </c>
      <c r="I62623" s="1" t="s">
        <v>207852</v>
      </c>
      <c r="J62623" s="1" t="s">
        <v>209410</v>
      </c>
    </row>
    <row r="62624" spans="1:10" x14ac:dyDescent="0.35">
      <c r="A62624" s="1" t="s">
        <v>10183</v>
      </c>
      <c r="B62624" s="1" t="s">
        <v>207847</v>
      </c>
      <c r="C62624" s="1" t="s">
        <v>115</v>
      </c>
      <c r="D62624" s="1" t="s">
        <v>18937</v>
      </c>
      <c r="E62624" s="1" t="s">
        <v>209411</v>
      </c>
      <c r="F62624" s="1" t="s">
        <v>62265</v>
      </c>
      <c r="G62624" s="1" t="s">
        <v>209368</v>
      </c>
      <c r="H62624" s="1" t="s">
        <v>209369</v>
      </c>
      <c r="I62624" s="1" t="s">
        <v>207852</v>
      </c>
      <c r="J62624" s="1" t="s">
        <v>209412</v>
      </c>
    </row>
    <row r="62625" spans="1:10" x14ac:dyDescent="0.35">
      <c r="A62625" s="1" t="s">
        <v>10183</v>
      </c>
      <c r="B62625" s="1" t="s">
        <v>207847</v>
      </c>
      <c r="C62625" s="1" t="s">
        <v>120</v>
      </c>
      <c r="D62625" s="1" t="s">
        <v>49625</v>
      </c>
      <c r="E62625" s="1" t="s">
        <v>23346</v>
      </c>
      <c r="F62625" s="1" t="s">
        <v>131702</v>
      </c>
      <c r="G62625" s="1" t="s">
        <v>209368</v>
      </c>
      <c r="H62625" s="1" t="s">
        <v>209369</v>
      </c>
      <c r="I62625" s="1" t="s">
        <v>207852</v>
      </c>
      <c r="J62625" s="1" t="s">
        <v>209413</v>
      </c>
    </row>
    <row r="62626" spans="1:10" x14ac:dyDescent="0.35">
      <c r="A62626" s="1" t="s">
        <v>10183</v>
      </c>
      <c r="B62626" s="1" t="s">
        <v>207847</v>
      </c>
      <c r="C62626" s="1" t="s">
        <v>125</v>
      </c>
      <c r="D62626" s="1" t="s">
        <v>209414</v>
      </c>
      <c r="E62626" s="1" t="s">
        <v>24751</v>
      </c>
      <c r="F62626" s="1" t="s">
        <v>68585</v>
      </c>
      <c r="G62626" s="1" t="s">
        <v>209368</v>
      </c>
      <c r="H62626" s="1" t="s">
        <v>209369</v>
      </c>
      <c r="I62626" s="1" t="s">
        <v>207852</v>
      </c>
      <c r="J62626" s="1" t="s">
        <v>209415</v>
      </c>
    </row>
    <row r="62627" spans="1:10" x14ac:dyDescent="0.35">
      <c r="A62627" s="1" t="s">
        <v>10183</v>
      </c>
      <c r="B62627" s="1" t="s">
        <v>207847</v>
      </c>
      <c r="C62627" s="1" t="s">
        <v>130</v>
      </c>
      <c r="D62627" s="1" t="s">
        <v>209416</v>
      </c>
      <c r="E62627" s="1" t="s">
        <v>209417</v>
      </c>
      <c r="F62627" s="1" t="s">
        <v>209418</v>
      </c>
      <c r="G62627" s="1" t="s">
        <v>209368</v>
      </c>
      <c r="H62627" s="1" t="s">
        <v>209369</v>
      </c>
      <c r="I62627" s="1" t="s">
        <v>207852</v>
      </c>
      <c r="J62627" s="1" t="s">
        <v>209419</v>
      </c>
    </row>
    <row r="62628" spans="1:10" x14ac:dyDescent="0.35">
      <c r="A62628" s="1" t="s">
        <v>10183</v>
      </c>
      <c r="B62628" s="1" t="s">
        <v>207847</v>
      </c>
      <c r="C62628" s="1" t="s">
        <v>135</v>
      </c>
      <c r="D62628" s="1" t="s">
        <v>209420</v>
      </c>
      <c r="E62628" s="1" t="s">
        <v>73304</v>
      </c>
      <c r="F62628" s="1" t="s">
        <v>149392</v>
      </c>
      <c r="G62628" s="1" t="s">
        <v>209368</v>
      </c>
      <c r="H62628" s="1" t="s">
        <v>209369</v>
      </c>
      <c r="I62628" s="1" t="s">
        <v>207852</v>
      </c>
      <c r="J62628" s="1" t="s">
        <v>209421</v>
      </c>
    </row>
    <row r="62629" spans="1:10" x14ac:dyDescent="0.35">
      <c r="A62629" s="1" t="s">
        <v>10183</v>
      </c>
      <c r="B62629" s="1" t="s">
        <v>207847</v>
      </c>
      <c r="C62629" s="1" t="s">
        <v>140</v>
      </c>
      <c r="D62629" s="1" t="s">
        <v>209422</v>
      </c>
      <c r="E62629" s="1" t="s">
        <v>24728</v>
      </c>
      <c r="F62629" s="1" t="s">
        <v>64010</v>
      </c>
      <c r="G62629" s="1" t="s">
        <v>209368</v>
      </c>
      <c r="H62629" s="1" t="s">
        <v>209369</v>
      </c>
      <c r="I62629" s="1" t="s">
        <v>207852</v>
      </c>
      <c r="J62629" s="1" t="s">
        <v>209423</v>
      </c>
    </row>
    <row r="62630" spans="1:10" x14ac:dyDescent="0.35">
      <c r="A62630" s="1" t="s">
        <v>10183</v>
      </c>
      <c r="B62630" s="1" t="s">
        <v>207847</v>
      </c>
      <c r="C62630" s="1" t="s">
        <v>145</v>
      </c>
      <c r="D62630" s="1" t="s">
        <v>209424</v>
      </c>
      <c r="E62630" s="1" t="s">
        <v>173785</v>
      </c>
      <c r="F62630" s="1" t="s">
        <v>209425</v>
      </c>
      <c r="G62630" s="1" t="s">
        <v>209368</v>
      </c>
      <c r="H62630" s="1" t="s">
        <v>209369</v>
      </c>
      <c r="I62630" s="1" t="s">
        <v>207852</v>
      </c>
      <c r="J62630" s="1" t="s">
        <v>209426</v>
      </c>
    </row>
    <row r="62631" spans="1:10" x14ac:dyDescent="0.35">
      <c r="A62631" s="1" t="s">
        <v>10183</v>
      </c>
      <c r="B62631" s="1" t="s">
        <v>207847</v>
      </c>
      <c r="C62631" s="1" t="s">
        <v>150</v>
      </c>
      <c r="D62631" s="1" t="s">
        <v>209427</v>
      </c>
      <c r="E62631" s="1" t="s">
        <v>209428</v>
      </c>
      <c r="F62631" s="1" t="s">
        <v>209429</v>
      </c>
      <c r="G62631" s="1" t="s">
        <v>209368</v>
      </c>
      <c r="H62631" s="1" t="s">
        <v>209369</v>
      </c>
      <c r="I62631" s="1" t="s">
        <v>207852</v>
      </c>
      <c r="J62631" s="1" t="s">
        <v>209430</v>
      </c>
    </row>
    <row r="62632" spans="1:10" x14ac:dyDescent="0.35">
      <c r="A62632" s="1" t="s">
        <v>10183</v>
      </c>
      <c r="B62632" s="1" t="s">
        <v>207847</v>
      </c>
      <c r="C62632" s="1" t="s">
        <v>155</v>
      </c>
      <c r="D62632" s="1" t="s">
        <v>209431</v>
      </c>
      <c r="E62632" s="1" t="s">
        <v>209432</v>
      </c>
      <c r="F62632" s="1" t="s">
        <v>209433</v>
      </c>
      <c r="G62632" s="1" t="s">
        <v>209368</v>
      </c>
      <c r="H62632" s="1" t="s">
        <v>209369</v>
      </c>
      <c r="I62632" s="1" t="s">
        <v>207852</v>
      </c>
      <c r="J62632" s="1" t="s">
        <v>209434</v>
      </c>
    </row>
    <row r="62633" spans="1:10" x14ac:dyDescent="0.35">
      <c r="A62633" s="1" t="s">
        <v>10183</v>
      </c>
      <c r="B62633" s="1" t="s">
        <v>207847</v>
      </c>
      <c r="C62633" s="1" t="s">
        <v>160</v>
      </c>
      <c r="D62633" s="1" t="s">
        <v>52806</v>
      </c>
      <c r="E62633" s="1" t="s">
        <v>23832</v>
      </c>
      <c r="F62633" s="1" t="s">
        <v>209435</v>
      </c>
      <c r="G62633" s="1" t="s">
        <v>209368</v>
      </c>
      <c r="H62633" s="1" t="s">
        <v>209369</v>
      </c>
      <c r="I62633" s="1" t="s">
        <v>207852</v>
      </c>
      <c r="J62633" s="1" t="s">
        <v>209436</v>
      </c>
    </row>
    <row r="62634" spans="1:10" x14ac:dyDescent="0.35">
      <c r="A62634" s="1" t="s">
        <v>10183</v>
      </c>
      <c r="B62634" s="1" t="s">
        <v>207847</v>
      </c>
      <c r="C62634" s="1" t="s">
        <v>165</v>
      </c>
      <c r="D62634" s="1" t="s">
        <v>106972</v>
      </c>
      <c r="E62634" s="1" t="s">
        <v>209437</v>
      </c>
      <c r="F62634" s="1" t="s">
        <v>209438</v>
      </c>
      <c r="G62634" s="1" t="s">
        <v>209368</v>
      </c>
      <c r="H62634" s="1" t="s">
        <v>209369</v>
      </c>
      <c r="I62634" s="1" t="s">
        <v>207852</v>
      </c>
      <c r="J62634" s="1" t="s">
        <v>209439</v>
      </c>
    </row>
    <row r="62635" spans="1:10" x14ac:dyDescent="0.35">
      <c r="A62635" s="1" t="s">
        <v>10183</v>
      </c>
      <c r="B62635" s="1" t="s">
        <v>207847</v>
      </c>
      <c r="C62635" s="1" t="s">
        <v>170</v>
      </c>
      <c r="D62635" s="1" t="s">
        <v>209440</v>
      </c>
      <c r="E62635" s="1" t="s">
        <v>101076</v>
      </c>
      <c r="F62635" s="1" t="s">
        <v>209441</v>
      </c>
      <c r="G62635" s="1" t="s">
        <v>209368</v>
      </c>
      <c r="H62635" s="1" t="s">
        <v>209369</v>
      </c>
      <c r="I62635" s="1" t="s">
        <v>207852</v>
      </c>
      <c r="J62635" s="1" t="s">
        <v>209442</v>
      </c>
    </row>
    <row r="62636" spans="1:10" x14ac:dyDescent="0.35">
      <c r="A62636" s="1" t="s">
        <v>109978</v>
      </c>
      <c r="B62636" s="1" t="s">
        <v>207847</v>
      </c>
      <c r="C62636" s="1" t="s">
        <v>8</v>
      </c>
      <c r="D62636" s="1" t="s">
        <v>104271</v>
      </c>
      <c r="E62636" s="1" t="s">
        <v>199057</v>
      </c>
      <c r="F62636" s="1" t="s">
        <v>209443</v>
      </c>
      <c r="G62636" s="1" t="s">
        <v>209444</v>
      </c>
      <c r="H62636" s="1" t="s">
        <v>209445</v>
      </c>
      <c r="I62636" s="1" t="s">
        <v>207852</v>
      </c>
      <c r="J62636" s="1" t="s">
        <v>13</v>
      </c>
    </row>
    <row r="62637" spans="1:10" x14ac:dyDescent="0.35">
      <c r="A62637" s="1" t="s">
        <v>109978</v>
      </c>
      <c r="B62637" s="1" t="s">
        <v>207847</v>
      </c>
      <c r="C62637" s="1" t="s">
        <v>15</v>
      </c>
      <c r="D62637" s="1" t="s">
        <v>83141</v>
      </c>
      <c r="E62637" s="1" t="s">
        <v>54720</v>
      </c>
      <c r="F62637" s="1" t="s">
        <v>53953</v>
      </c>
      <c r="G62637" s="1" t="s">
        <v>209444</v>
      </c>
      <c r="H62637" s="1" t="s">
        <v>209445</v>
      </c>
      <c r="I62637" s="1" t="s">
        <v>207852</v>
      </c>
      <c r="J62637" s="1" t="s">
        <v>209446</v>
      </c>
    </row>
    <row r="62638" spans="1:10" x14ac:dyDescent="0.35">
      <c r="A62638" s="1" t="s">
        <v>109978</v>
      </c>
      <c r="B62638" s="1" t="s">
        <v>207847</v>
      </c>
      <c r="C62638" s="1" t="s">
        <v>20</v>
      </c>
      <c r="D62638" s="1" t="s">
        <v>194233</v>
      </c>
      <c r="E62638" s="1" t="s">
        <v>22317</v>
      </c>
      <c r="F62638" s="1" t="s">
        <v>31887</v>
      </c>
      <c r="G62638" s="1" t="s">
        <v>209444</v>
      </c>
      <c r="H62638" s="1" t="s">
        <v>209445</v>
      </c>
      <c r="I62638" s="1" t="s">
        <v>207852</v>
      </c>
      <c r="J62638" s="1" t="s">
        <v>209447</v>
      </c>
    </row>
    <row r="62639" spans="1:10" x14ac:dyDescent="0.35">
      <c r="A62639" s="1" t="s">
        <v>109978</v>
      </c>
      <c r="B62639" s="1" t="s">
        <v>207847</v>
      </c>
      <c r="C62639" s="1" t="s">
        <v>25</v>
      </c>
      <c r="D62639" s="1" t="s">
        <v>209448</v>
      </c>
      <c r="E62639" s="1" t="s">
        <v>19904</v>
      </c>
      <c r="F62639" s="1" t="s">
        <v>209449</v>
      </c>
      <c r="G62639" s="1" t="s">
        <v>209444</v>
      </c>
      <c r="H62639" s="1" t="s">
        <v>209445</v>
      </c>
      <c r="I62639" s="1" t="s">
        <v>207852</v>
      </c>
      <c r="J62639" s="1" t="s">
        <v>209450</v>
      </c>
    </row>
    <row r="62640" spans="1:10" x14ac:dyDescent="0.35">
      <c r="A62640" s="1" t="s">
        <v>109978</v>
      </c>
      <c r="B62640" s="1" t="s">
        <v>207847</v>
      </c>
      <c r="C62640" s="1" t="s">
        <v>30</v>
      </c>
      <c r="D62640" s="1" t="s">
        <v>209451</v>
      </c>
      <c r="E62640" s="1" t="s">
        <v>95768</v>
      </c>
      <c r="F62640" s="1" t="s">
        <v>61864</v>
      </c>
      <c r="G62640" s="1" t="s">
        <v>209444</v>
      </c>
      <c r="H62640" s="1" t="s">
        <v>209445</v>
      </c>
      <c r="I62640" s="1" t="s">
        <v>207852</v>
      </c>
      <c r="J62640" s="1" t="s">
        <v>209452</v>
      </c>
    </row>
    <row r="62641" spans="1:10" x14ac:dyDescent="0.35">
      <c r="A62641" s="1" t="s">
        <v>109978</v>
      </c>
      <c r="B62641" s="1" t="s">
        <v>207847</v>
      </c>
      <c r="C62641" s="1" t="s">
        <v>35</v>
      </c>
      <c r="D62641" s="1" t="s">
        <v>150510</v>
      </c>
      <c r="E62641" s="1" t="s">
        <v>108819</v>
      </c>
      <c r="F62641" s="1" t="s">
        <v>106554</v>
      </c>
      <c r="G62641" s="1" t="s">
        <v>209444</v>
      </c>
      <c r="H62641" s="1" t="s">
        <v>209445</v>
      </c>
      <c r="I62641" s="1" t="s">
        <v>207852</v>
      </c>
      <c r="J62641" s="1" t="s">
        <v>209453</v>
      </c>
    </row>
    <row r="62642" spans="1:10" x14ac:dyDescent="0.35">
      <c r="A62642" s="1" t="s">
        <v>109978</v>
      </c>
      <c r="B62642" s="1" t="s">
        <v>207847</v>
      </c>
      <c r="C62642" s="1" t="s">
        <v>40</v>
      </c>
      <c r="D62642" s="1" t="s">
        <v>209454</v>
      </c>
      <c r="E62642" s="1" t="s">
        <v>95765</v>
      </c>
      <c r="F62642" s="1" t="s">
        <v>56898</v>
      </c>
      <c r="G62642" s="1" t="s">
        <v>209444</v>
      </c>
      <c r="H62642" s="1" t="s">
        <v>209445</v>
      </c>
      <c r="I62642" s="1" t="s">
        <v>207852</v>
      </c>
      <c r="J62642" s="1" t="s">
        <v>209455</v>
      </c>
    </row>
    <row r="62643" spans="1:10" x14ac:dyDescent="0.35">
      <c r="A62643" s="1" t="s">
        <v>109978</v>
      </c>
      <c r="B62643" s="1" t="s">
        <v>207847</v>
      </c>
      <c r="C62643" s="1" t="s">
        <v>45</v>
      </c>
      <c r="D62643" s="1" t="s">
        <v>209456</v>
      </c>
      <c r="E62643" s="1" t="s">
        <v>199047</v>
      </c>
      <c r="F62643" s="1" t="s">
        <v>56394</v>
      </c>
      <c r="G62643" s="1" t="s">
        <v>209444</v>
      </c>
      <c r="H62643" s="1" t="s">
        <v>209445</v>
      </c>
      <c r="I62643" s="1" t="s">
        <v>207852</v>
      </c>
      <c r="J62643" s="1" t="s">
        <v>209457</v>
      </c>
    </row>
    <row r="62644" spans="1:10" x14ac:dyDescent="0.35">
      <c r="A62644" s="1" t="s">
        <v>109978</v>
      </c>
      <c r="B62644" s="1" t="s">
        <v>207847</v>
      </c>
      <c r="C62644" s="1" t="s">
        <v>50</v>
      </c>
      <c r="D62644" s="1" t="s">
        <v>209458</v>
      </c>
      <c r="E62644" s="1" t="s">
        <v>129580</v>
      </c>
      <c r="F62644" s="1" t="s">
        <v>31467</v>
      </c>
      <c r="G62644" s="1" t="s">
        <v>209444</v>
      </c>
      <c r="H62644" s="1" t="s">
        <v>209445</v>
      </c>
      <c r="I62644" s="1" t="s">
        <v>207852</v>
      </c>
      <c r="J62644" s="1" t="s">
        <v>209459</v>
      </c>
    </row>
    <row r="62645" spans="1:10" x14ac:dyDescent="0.35">
      <c r="A62645" s="1" t="s">
        <v>109978</v>
      </c>
      <c r="B62645" s="1" t="s">
        <v>207847</v>
      </c>
      <c r="C62645" s="1" t="s">
        <v>55</v>
      </c>
      <c r="D62645" s="1" t="s">
        <v>82908</v>
      </c>
      <c r="E62645" s="1" t="s">
        <v>129538</v>
      </c>
      <c r="F62645" s="1" t="s">
        <v>209460</v>
      </c>
      <c r="G62645" s="1" t="s">
        <v>209444</v>
      </c>
      <c r="H62645" s="1" t="s">
        <v>209445</v>
      </c>
      <c r="I62645" s="1" t="s">
        <v>207852</v>
      </c>
      <c r="J62645" s="1" t="s">
        <v>209461</v>
      </c>
    </row>
    <row r="62646" spans="1:10" x14ac:dyDescent="0.35">
      <c r="A62646" s="1" t="s">
        <v>109978</v>
      </c>
      <c r="B62646" s="1" t="s">
        <v>207847</v>
      </c>
      <c r="C62646" s="1" t="s">
        <v>60</v>
      </c>
      <c r="D62646" s="1" t="s">
        <v>209462</v>
      </c>
      <c r="E62646" s="1" t="s">
        <v>77674</v>
      </c>
      <c r="F62646" s="1" t="s">
        <v>209463</v>
      </c>
      <c r="G62646" s="1" t="s">
        <v>209444</v>
      </c>
      <c r="H62646" s="1" t="s">
        <v>209445</v>
      </c>
      <c r="I62646" s="1" t="s">
        <v>207852</v>
      </c>
      <c r="J62646" s="1" t="s">
        <v>209464</v>
      </c>
    </row>
    <row r="62647" spans="1:10" x14ac:dyDescent="0.35">
      <c r="A62647" s="1" t="s">
        <v>109978</v>
      </c>
      <c r="B62647" s="1" t="s">
        <v>207847</v>
      </c>
      <c r="C62647" s="1" t="s">
        <v>65</v>
      </c>
      <c r="D62647" s="1" t="s">
        <v>177577</v>
      </c>
      <c r="E62647" s="1" t="s">
        <v>31560</v>
      </c>
      <c r="F62647" s="1" t="s">
        <v>64483</v>
      </c>
      <c r="G62647" s="1" t="s">
        <v>209444</v>
      </c>
      <c r="H62647" s="1" t="s">
        <v>209445</v>
      </c>
      <c r="I62647" s="1" t="s">
        <v>207852</v>
      </c>
      <c r="J62647" s="1" t="s">
        <v>209465</v>
      </c>
    </row>
    <row r="62648" spans="1:10" x14ac:dyDescent="0.35">
      <c r="A62648" s="1" t="s">
        <v>109978</v>
      </c>
      <c r="B62648" s="1" t="s">
        <v>207847</v>
      </c>
      <c r="C62648" s="1" t="s">
        <v>70</v>
      </c>
      <c r="D62648" s="1" t="s">
        <v>209466</v>
      </c>
      <c r="E62648" s="1" t="s">
        <v>130300</v>
      </c>
      <c r="F62648" s="1" t="s">
        <v>209467</v>
      </c>
      <c r="G62648" s="1" t="s">
        <v>209444</v>
      </c>
      <c r="H62648" s="1" t="s">
        <v>209445</v>
      </c>
      <c r="I62648" s="1" t="s">
        <v>207852</v>
      </c>
      <c r="J62648" s="1" t="s">
        <v>209468</v>
      </c>
    </row>
    <row r="62649" spans="1:10" x14ac:dyDescent="0.35">
      <c r="A62649" s="1" t="s">
        <v>109978</v>
      </c>
      <c r="B62649" s="1" t="s">
        <v>207847</v>
      </c>
      <c r="C62649" s="1" t="s">
        <v>75</v>
      </c>
      <c r="D62649" s="1" t="s">
        <v>36880</v>
      </c>
      <c r="E62649" s="1" t="s">
        <v>166865</v>
      </c>
      <c r="F62649" s="1" t="s">
        <v>209469</v>
      </c>
      <c r="G62649" s="1" t="s">
        <v>209444</v>
      </c>
      <c r="H62649" s="1" t="s">
        <v>209445</v>
      </c>
      <c r="I62649" s="1" t="s">
        <v>207852</v>
      </c>
      <c r="J62649" s="1" t="s">
        <v>209470</v>
      </c>
    </row>
    <row r="62650" spans="1:10" x14ac:dyDescent="0.35">
      <c r="A62650" s="1" t="s">
        <v>109978</v>
      </c>
      <c r="B62650" s="1" t="s">
        <v>207847</v>
      </c>
      <c r="C62650" s="1" t="s">
        <v>80</v>
      </c>
      <c r="D62650" s="1" t="s">
        <v>183189</v>
      </c>
      <c r="E62650" s="1" t="s">
        <v>130968</v>
      </c>
      <c r="F62650" s="1" t="s">
        <v>209471</v>
      </c>
      <c r="G62650" s="1" t="s">
        <v>209444</v>
      </c>
      <c r="H62650" s="1" t="s">
        <v>209445</v>
      </c>
      <c r="I62650" s="1" t="s">
        <v>207852</v>
      </c>
      <c r="J62650" s="1" t="s">
        <v>209472</v>
      </c>
    </row>
    <row r="62651" spans="1:10" x14ac:dyDescent="0.35">
      <c r="A62651" s="1" t="s">
        <v>109978</v>
      </c>
      <c r="B62651" s="1" t="s">
        <v>207847</v>
      </c>
      <c r="C62651" s="1" t="s">
        <v>85</v>
      </c>
      <c r="D62651" s="1" t="s">
        <v>209473</v>
      </c>
      <c r="E62651" s="1" t="s">
        <v>96616</v>
      </c>
      <c r="F62651" s="1" t="s">
        <v>209474</v>
      </c>
      <c r="G62651" s="1" t="s">
        <v>209444</v>
      </c>
      <c r="H62651" s="1" t="s">
        <v>209445</v>
      </c>
      <c r="I62651" s="1" t="s">
        <v>207852</v>
      </c>
      <c r="J62651" s="1" t="s">
        <v>209475</v>
      </c>
    </row>
    <row r="62652" spans="1:10" x14ac:dyDescent="0.35">
      <c r="A62652" s="1" t="s">
        <v>109978</v>
      </c>
      <c r="B62652" s="1" t="s">
        <v>207847</v>
      </c>
      <c r="C62652" s="1" t="s">
        <v>90</v>
      </c>
      <c r="D62652" s="1" t="s">
        <v>59893</v>
      </c>
      <c r="E62652" s="1" t="s">
        <v>209476</v>
      </c>
      <c r="F62652" s="1" t="s">
        <v>209477</v>
      </c>
      <c r="G62652" s="1" t="s">
        <v>209444</v>
      </c>
      <c r="H62652" s="1" t="s">
        <v>209445</v>
      </c>
      <c r="I62652" s="1" t="s">
        <v>207852</v>
      </c>
      <c r="J62652" s="1" t="s">
        <v>209478</v>
      </c>
    </row>
    <row r="62653" spans="1:10" x14ac:dyDescent="0.35">
      <c r="A62653" s="1" t="s">
        <v>109978</v>
      </c>
      <c r="B62653" s="1" t="s">
        <v>207847</v>
      </c>
      <c r="C62653" s="1" t="s">
        <v>95</v>
      </c>
      <c r="D62653" s="1" t="s">
        <v>43370</v>
      </c>
      <c r="E62653" s="1" t="s">
        <v>95807</v>
      </c>
      <c r="F62653" s="1" t="s">
        <v>64075</v>
      </c>
      <c r="G62653" s="1" t="s">
        <v>209444</v>
      </c>
      <c r="H62653" s="1" t="s">
        <v>209445</v>
      </c>
      <c r="I62653" s="1" t="s">
        <v>207852</v>
      </c>
      <c r="J62653" s="1" t="s">
        <v>209479</v>
      </c>
    </row>
    <row r="62654" spans="1:10" x14ac:dyDescent="0.35">
      <c r="A62654" s="1" t="s">
        <v>109978</v>
      </c>
      <c r="B62654" s="1" t="s">
        <v>207847</v>
      </c>
      <c r="C62654" s="1" t="s">
        <v>100</v>
      </c>
      <c r="D62654" s="1" t="s">
        <v>209480</v>
      </c>
      <c r="E62654" s="1" t="s">
        <v>30683</v>
      </c>
      <c r="F62654" s="1" t="s">
        <v>69170</v>
      </c>
      <c r="G62654" s="1" t="s">
        <v>209444</v>
      </c>
      <c r="H62654" s="1" t="s">
        <v>209445</v>
      </c>
      <c r="I62654" s="1" t="s">
        <v>207852</v>
      </c>
      <c r="J62654" s="1" t="s">
        <v>209481</v>
      </c>
    </row>
    <row r="62655" spans="1:10" x14ac:dyDescent="0.35">
      <c r="A62655" s="1" t="s">
        <v>109978</v>
      </c>
      <c r="B62655" s="1" t="s">
        <v>207847</v>
      </c>
      <c r="C62655" s="1" t="s">
        <v>105</v>
      </c>
      <c r="D62655" s="1" t="s">
        <v>177325</v>
      </c>
      <c r="E62655" s="1" t="s">
        <v>15684</v>
      </c>
      <c r="F62655" s="1" t="s">
        <v>58612</v>
      </c>
      <c r="G62655" s="1" t="s">
        <v>209444</v>
      </c>
      <c r="H62655" s="1" t="s">
        <v>209445</v>
      </c>
      <c r="I62655" s="1" t="s">
        <v>207852</v>
      </c>
      <c r="J62655" s="1" t="s">
        <v>209482</v>
      </c>
    </row>
    <row r="62656" spans="1:10" x14ac:dyDescent="0.35">
      <c r="A62656" s="1" t="s">
        <v>109978</v>
      </c>
      <c r="B62656" s="1" t="s">
        <v>207847</v>
      </c>
      <c r="C62656" s="1" t="s">
        <v>110</v>
      </c>
      <c r="D62656" s="1" t="s">
        <v>209483</v>
      </c>
      <c r="E62656" s="1" t="s">
        <v>129357</v>
      </c>
      <c r="F62656" s="1" t="s">
        <v>209484</v>
      </c>
      <c r="G62656" s="1" t="s">
        <v>209444</v>
      </c>
      <c r="H62656" s="1" t="s">
        <v>209445</v>
      </c>
      <c r="I62656" s="1" t="s">
        <v>207852</v>
      </c>
      <c r="J62656" s="1" t="s">
        <v>209485</v>
      </c>
    </row>
    <row r="62657" spans="1:10" x14ac:dyDescent="0.35">
      <c r="A62657" s="1" t="s">
        <v>109978</v>
      </c>
      <c r="B62657" s="1" t="s">
        <v>207847</v>
      </c>
      <c r="C62657" s="1" t="s">
        <v>115</v>
      </c>
      <c r="D62657" s="1" t="s">
        <v>166277</v>
      </c>
      <c r="E62657" s="1" t="s">
        <v>65615</v>
      </c>
      <c r="F62657" s="1" t="s">
        <v>23229</v>
      </c>
      <c r="G62657" s="1" t="s">
        <v>209444</v>
      </c>
      <c r="H62657" s="1" t="s">
        <v>209445</v>
      </c>
      <c r="I62657" s="1" t="s">
        <v>207852</v>
      </c>
      <c r="J62657" s="1" t="s">
        <v>209486</v>
      </c>
    </row>
    <row r="62658" spans="1:10" x14ac:dyDescent="0.35">
      <c r="A62658" s="1" t="s">
        <v>109978</v>
      </c>
      <c r="B62658" s="1" t="s">
        <v>207847</v>
      </c>
      <c r="C62658" s="1" t="s">
        <v>120</v>
      </c>
      <c r="D62658" s="1" t="s">
        <v>68155</v>
      </c>
      <c r="E62658" s="1" t="s">
        <v>90222</v>
      </c>
      <c r="F62658" s="1" t="s">
        <v>56819</v>
      </c>
      <c r="G62658" s="1" t="s">
        <v>209444</v>
      </c>
      <c r="H62658" s="1" t="s">
        <v>209445</v>
      </c>
      <c r="I62658" s="1" t="s">
        <v>207852</v>
      </c>
      <c r="J62658" s="1" t="s">
        <v>209487</v>
      </c>
    </row>
    <row r="62659" spans="1:10" x14ac:dyDescent="0.35">
      <c r="A62659" s="1" t="s">
        <v>109978</v>
      </c>
      <c r="B62659" s="1" t="s">
        <v>207847</v>
      </c>
      <c r="C62659" s="1" t="s">
        <v>125</v>
      </c>
      <c r="D62659" s="1" t="s">
        <v>75998</v>
      </c>
      <c r="E62659" s="1" t="s">
        <v>95786</v>
      </c>
      <c r="F62659" s="1" t="s">
        <v>133286</v>
      </c>
      <c r="G62659" s="1" t="s">
        <v>209444</v>
      </c>
      <c r="H62659" s="1" t="s">
        <v>209445</v>
      </c>
      <c r="I62659" s="1" t="s">
        <v>207852</v>
      </c>
      <c r="J62659" s="1" t="s">
        <v>209488</v>
      </c>
    </row>
    <row r="62660" spans="1:10" x14ac:dyDescent="0.35">
      <c r="A62660" s="1" t="s">
        <v>109978</v>
      </c>
      <c r="B62660" s="1" t="s">
        <v>207847</v>
      </c>
      <c r="C62660" s="1" t="s">
        <v>130</v>
      </c>
      <c r="D62660" s="1" t="s">
        <v>65998</v>
      </c>
      <c r="E62660" s="1" t="s">
        <v>180004</v>
      </c>
      <c r="F62660" s="1" t="s">
        <v>209489</v>
      </c>
      <c r="G62660" s="1" t="s">
        <v>209444</v>
      </c>
      <c r="H62660" s="1" t="s">
        <v>209445</v>
      </c>
      <c r="I62660" s="1" t="s">
        <v>207852</v>
      </c>
      <c r="J62660" s="1" t="s">
        <v>209490</v>
      </c>
    </row>
    <row r="62661" spans="1:10" x14ac:dyDescent="0.35">
      <c r="A62661" s="1" t="s">
        <v>109978</v>
      </c>
      <c r="B62661" s="1" t="s">
        <v>207847</v>
      </c>
      <c r="C62661" s="1" t="s">
        <v>135</v>
      </c>
      <c r="D62661" s="1" t="s">
        <v>209491</v>
      </c>
      <c r="E62661" s="1" t="s">
        <v>95773</v>
      </c>
      <c r="F62661" s="1" t="s">
        <v>31749</v>
      </c>
      <c r="G62661" s="1" t="s">
        <v>209444</v>
      </c>
      <c r="H62661" s="1" t="s">
        <v>209445</v>
      </c>
      <c r="I62661" s="1" t="s">
        <v>207852</v>
      </c>
      <c r="J62661" s="1" t="s">
        <v>209492</v>
      </c>
    </row>
    <row r="62662" spans="1:10" x14ac:dyDescent="0.35">
      <c r="A62662" s="1" t="s">
        <v>109978</v>
      </c>
      <c r="B62662" s="1" t="s">
        <v>207847</v>
      </c>
      <c r="C62662" s="1" t="s">
        <v>140</v>
      </c>
      <c r="D62662" s="1" t="s">
        <v>80639</v>
      </c>
      <c r="E62662" s="1" t="s">
        <v>70924</v>
      </c>
      <c r="F62662" s="1" t="s">
        <v>101410</v>
      </c>
      <c r="G62662" s="1" t="s">
        <v>209444</v>
      </c>
      <c r="H62662" s="1" t="s">
        <v>209445</v>
      </c>
      <c r="I62662" s="1" t="s">
        <v>207852</v>
      </c>
      <c r="J62662" s="1" t="s">
        <v>209493</v>
      </c>
    </row>
    <row r="62663" spans="1:10" x14ac:dyDescent="0.35">
      <c r="A62663" s="1" t="s">
        <v>109978</v>
      </c>
      <c r="B62663" s="1" t="s">
        <v>207847</v>
      </c>
      <c r="C62663" s="1" t="s">
        <v>145</v>
      </c>
      <c r="D62663" s="1" t="s">
        <v>33300</v>
      </c>
      <c r="E62663" s="1" t="s">
        <v>209494</v>
      </c>
      <c r="F62663" s="1" t="s">
        <v>209495</v>
      </c>
      <c r="G62663" s="1" t="s">
        <v>209444</v>
      </c>
      <c r="H62663" s="1" t="s">
        <v>209445</v>
      </c>
      <c r="I62663" s="1" t="s">
        <v>207852</v>
      </c>
      <c r="J62663" s="1" t="s">
        <v>209496</v>
      </c>
    </row>
    <row r="62664" spans="1:10" x14ac:dyDescent="0.35">
      <c r="A62664" s="1" t="s">
        <v>109978</v>
      </c>
      <c r="B62664" s="1" t="s">
        <v>207847</v>
      </c>
      <c r="C62664" s="1" t="s">
        <v>150</v>
      </c>
      <c r="D62664" s="1" t="s">
        <v>209497</v>
      </c>
      <c r="E62664" s="1" t="s">
        <v>77773</v>
      </c>
      <c r="F62664" s="1" t="s">
        <v>56178</v>
      </c>
      <c r="G62664" s="1" t="s">
        <v>209444</v>
      </c>
      <c r="H62664" s="1" t="s">
        <v>209445</v>
      </c>
      <c r="I62664" s="1" t="s">
        <v>207852</v>
      </c>
      <c r="J62664" s="1" t="s">
        <v>209498</v>
      </c>
    </row>
    <row r="62665" spans="1:10" x14ac:dyDescent="0.35">
      <c r="A62665" s="1" t="s">
        <v>109978</v>
      </c>
      <c r="B62665" s="1" t="s">
        <v>207847</v>
      </c>
      <c r="C62665" s="1" t="s">
        <v>155</v>
      </c>
      <c r="D62665" s="1" t="s">
        <v>102344</v>
      </c>
      <c r="E62665" s="1" t="s">
        <v>76356</v>
      </c>
      <c r="F62665" s="1" t="s">
        <v>209499</v>
      </c>
      <c r="G62665" s="1" t="s">
        <v>209444</v>
      </c>
      <c r="H62665" s="1" t="s">
        <v>209445</v>
      </c>
      <c r="I62665" s="1" t="s">
        <v>207852</v>
      </c>
      <c r="J62665" s="1" t="s">
        <v>209500</v>
      </c>
    </row>
    <row r="62666" spans="1:10" x14ac:dyDescent="0.35">
      <c r="A62666" s="1" t="s">
        <v>109978</v>
      </c>
      <c r="B62666" s="1" t="s">
        <v>207847</v>
      </c>
      <c r="C62666" s="1" t="s">
        <v>160</v>
      </c>
      <c r="D62666" s="1" t="s">
        <v>209501</v>
      </c>
      <c r="E62666" s="1" t="s">
        <v>139221</v>
      </c>
      <c r="F62666" s="1" t="s">
        <v>66511</v>
      </c>
      <c r="G62666" s="1" t="s">
        <v>209444</v>
      </c>
      <c r="H62666" s="1" t="s">
        <v>209445</v>
      </c>
      <c r="I62666" s="1" t="s">
        <v>207852</v>
      </c>
      <c r="J62666" s="1" t="s">
        <v>209502</v>
      </c>
    </row>
    <row r="62667" spans="1:10" x14ac:dyDescent="0.35">
      <c r="A62667" s="1" t="s">
        <v>109978</v>
      </c>
      <c r="B62667" s="1" t="s">
        <v>207847</v>
      </c>
      <c r="C62667" s="1" t="s">
        <v>165</v>
      </c>
      <c r="D62667" s="1" t="s">
        <v>209503</v>
      </c>
      <c r="E62667" s="1" t="s">
        <v>76401</v>
      </c>
      <c r="F62667" s="1" t="s">
        <v>129977</v>
      </c>
      <c r="G62667" s="1" t="s">
        <v>209444</v>
      </c>
      <c r="H62667" s="1" t="s">
        <v>209445</v>
      </c>
      <c r="I62667" s="1" t="s">
        <v>207852</v>
      </c>
      <c r="J62667" s="1" t="s">
        <v>209504</v>
      </c>
    </row>
    <row r="62668" spans="1:10" x14ac:dyDescent="0.35">
      <c r="A62668" s="1" t="s">
        <v>109978</v>
      </c>
      <c r="B62668" s="1" t="s">
        <v>207847</v>
      </c>
      <c r="C62668" s="1" t="s">
        <v>170</v>
      </c>
      <c r="D62668" s="1" t="s">
        <v>24156</v>
      </c>
      <c r="E62668" s="1" t="s">
        <v>129412</v>
      </c>
      <c r="F62668" s="1" t="s">
        <v>209505</v>
      </c>
      <c r="G62668" s="1" t="s">
        <v>209444</v>
      </c>
      <c r="H62668" s="1" t="s">
        <v>209445</v>
      </c>
      <c r="I62668" s="1" t="s">
        <v>207852</v>
      </c>
      <c r="J62668" s="1" t="s">
        <v>209506</v>
      </c>
    </row>
    <row r="62669" spans="1:10" x14ac:dyDescent="0.35">
      <c r="A62669" s="1" t="s">
        <v>28424</v>
      </c>
      <c r="B62669" s="1" t="s">
        <v>207847</v>
      </c>
      <c r="C62669" s="1" t="s">
        <v>8</v>
      </c>
      <c r="D62669" s="1" t="s">
        <v>157677</v>
      </c>
      <c r="E62669" s="1" t="s">
        <v>209507</v>
      </c>
      <c r="F62669" s="1" t="s">
        <v>209508</v>
      </c>
      <c r="G62669" s="1" t="s">
        <v>209509</v>
      </c>
      <c r="H62669" s="1" t="s">
        <v>209510</v>
      </c>
      <c r="I62669" s="1" t="s">
        <v>207852</v>
      </c>
      <c r="J62669" s="1" t="s">
        <v>13</v>
      </c>
    </row>
    <row r="62670" spans="1:10" x14ac:dyDescent="0.35">
      <c r="A62670" s="1" t="s">
        <v>28424</v>
      </c>
      <c r="B62670" s="1" t="s">
        <v>207847</v>
      </c>
      <c r="C62670" s="1" t="s">
        <v>15</v>
      </c>
      <c r="D62670" s="1" t="s">
        <v>209511</v>
      </c>
      <c r="E62670" s="1" t="s">
        <v>209512</v>
      </c>
      <c r="F62670" s="1" t="s">
        <v>209513</v>
      </c>
      <c r="G62670" s="1" t="s">
        <v>209509</v>
      </c>
      <c r="H62670" s="1" t="s">
        <v>209510</v>
      </c>
      <c r="I62670" s="1" t="s">
        <v>207852</v>
      </c>
      <c r="J62670" s="1" t="s">
        <v>209514</v>
      </c>
    </row>
    <row r="62671" spans="1:10" x14ac:dyDescent="0.35">
      <c r="A62671" s="1" t="s">
        <v>28424</v>
      </c>
      <c r="B62671" s="1" t="s">
        <v>207847</v>
      </c>
      <c r="C62671" s="1" t="s">
        <v>20</v>
      </c>
      <c r="D62671" s="1" t="s">
        <v>72726</v>
      </c>
      <c r="E62671" s="1" t="s">
        <v>209515</v>
      </c>
      <c r="F62671" s="1" t="s">
        <v>209516</v>
      </c>
      <c r="G62671" s="1" t="s">
        <v>209509</v>
      </c>
      <c r="H62671" s="1" t="s">
        <v>209510</v>
      </c>
      <c r="I62671" s="1" t="s">
        <v>207852</v>
      </c>
      <c r="J62671" s="1" t="s">
        <v>209517</v>
      </c>
    </row>
    <row r="62672" spans="1:10" x14ac:dyDescent="0.35">
      <c r="A62672" s="1" t="s">
        <v>28424</v>
      </c>
      <c r="B62672" s="1" t="s">
        <v>207847</v>
      </c>
      <c r="C62672" s="1" t="s">
        <v>25</v>
      </c>
      <c r="D62672" s="1" t="s">
        <v>25774</v>
      </c>
      <c r="E62672" s="1" t="s">
        <v>209518</v>
      </c>
      <c r="F62672" s="1" t="s">
        <v>209519</v>
      </c>
      <c r="G62672" s="1" t="s">
        <v>209509</v>
      </c>
      <c r="H62672" s="1" t="s">
        <v>209510</v>
      </c>
      <c r="I62672" s="1" t="s">
        <v>207852</v>
      </c>
      <c r="J62672" s="1" t="s">
        <v>209520</v>
      </c>
    </row>
    <row r="62673" spans="1:10" x14ac:dyDescent="0.35">
      <c r="A62673" s="1" t="s">
        <v>28424</v>
      </c>
      <c r="B62673" s="1" t="s">
        <v>207847</v>
      </c>
      <c r="C62673" s="1" t="s">
        <v>30</v>
      </c>
      <c r="D62673" s="1" t="s">
        <v>4543</v>
      </c>
      <c r="E62673" s="1" t="s">
        <v>209521</v>
      </c>
      <c r="F62673" s="1" t="s">
        <v>209522</v>
      </c>
      <c r="G62673" s="1" t="s">
        <v>209509</v>
      </c>
      <c r="H62673" s="1" t="s">
        <v>209510</v>
      </c>
      <c r="I62673" s="1" t="s">
        <v>207852</v>
      </c>
      <c r="J62673" s="1" t="s">
        <v>209523</v>
      </c>
    </row>
    <row r="62674" spans="1:10" x14ac:dyDescent="0.35">
      <c r="A62674" s="1" t="s">
        <v>28424</v>
      </c>
      <c r="B62674" s="1" t="s">
        <v>207847</v>
      </c>
      <c r="C62674" s="1" t="s">
        <v>35</v>
      </c>
      <c r="D62674" s="1" t="s">
        <v>209524</v>
      </c>
      <c r="E62674" s="1" t="s">
        <v>209525</v>
      </c>
      <c r="F62674" s="1" t="s">
        <v>209526</v>
      </c>
      <c r="G62674" s="1" t="s">
        <v>209509</v>
      </c>
      <c r="H62674" s="1" t="s">
        <v>209510</v>
      </c>
      <c r="I62674" s="1" t="s">
        <v>207852</v>
      </c>
      <c r="J62674" s="1" t="s">
        <v>209527</v>
      </c>
    </row>
    <row r="62675" spans="1:10" x14ac:dyDescent="0.35">
      <c r="A62675" s="1" t="s">
        <v>28424</v>
      </c>
      <c r="B62675" s="1" t="s">
        <v>207847</v>
      </c>
      <c r="C62675" s="1" t="s">
        <v>40</v>
      </c>
      <c r="D62675" s="1" t="s">
        <v>41994</v>
      </c>
      <c r="E62675" s="1" t="s">
        <v>209528</v>
      </c>
      <c r="F62675" s="1" t="s">
        <v>209529</v>
      </c>
      <c r="G62675" s="1" t="s">
        <v>209509</v>
      </c>
      <c r="H62675" s="1" t="s">
        <v>209510</v>
      </c>
      <c r="I62675" s="1" t="s">
        <v>207852</v>
      </c>
      <c r="J62675" s="1" t="s">
        <v>209530</v>
      </c>
    </row>
    <row r="62676" spans="1:10" x14ac:dyDescent="0.35">
      <c r="A62676" s="1" t="s">
        <v>28424</v>
      </c>
      <c r="B62676" s="1" t="s">
        <v>207847</v>
      </c>
      <c r="C62676" s="1" t="s">
        <v>45</v>
      </c>
      <c r="D62676" s="1" t="s">
        <v>126303</v>
      </c>
      <c r="E62676" s="1" t="s">
        <v>209531</v>
      </c>
      <c r="F62676" s="1" t="s">
        <v>209532</v>
      </c>
      <c r="G62676" s="1" t="s">
        <v>209509</v>
      </c>
      <c r="H62676" s="1" t="s">
        <v>209510</v>
      </c>
      <c r="I62676" s="1" t="s">
        <v>207852</v>
      </c>
      <c r="J62676" s="1" t="s">
        <v>209533</v>
      </c>
    </row>
    <row r="62677" spans="1:10" x14ac:dyDescent="0.35">
      <c r="A62677" s="1" t="s">
        <v>28424</v>
      </c>
      <c r="B62677" s="1" t="s">
        <v>207847</v>
      </c>
      <c r="C62677" s="1" t="s">
        <v>50</v>
      </c>
      <c r="D62677" s="1" t="s">
        <v>146858</v>
      </c>
      <c r="E62677" s="1" t="s">
        <v>209534</v>
      </c>
      <c r="F62677" s="1" t="s">
        <v>209535</v>
      </c>
      <c r="G62677" s="1" t="s">
        <v>209509</v>
      </c>
      <c r="H62677" s="1" t="s">
        <v>209510</v>
      </c>
      <c r="I62677" s="1" t="s">
        <v>207852</v>
      </c>
      <c r="J62677" s="1" t="s">
        <v>209536</v>
      </c>
    </row>
    <row r="62678" spans="1:10" x14ac:dyDescent="0.35">
      <c r="A62678" s="1" t="s">
        <v>28424</v>
      </c>
      <c r="B62678" s="1" t="s">
        <v>207847</v>
      </c>
      <c r="C62678" s="1" t="s">
        <v>55</v>
      </c>
      <c r="D62678" s="1" t="s">
        <v>156803</v>
      </c>
      <c r="E62678" s="1" t="s">
        <v>209537</v>
      </c>
      <c r="F62678" s="1" t="s">
        <v>209538</v>
      </c>
      <c r="G62678" s="1" t="s">
        <v>209509</v>
      </c>
      <c r="H62678" s="1" t="s">
        <v>209510</v>
      </c>
      <c r="I62678" s="1" t="s">
        <v>207852</v>
      </c>
      <c r="J62678" s="1" t="s">
        <v>209539</v>
      </c>
    </row>
    <row r="62679" spans="1:10" x14ac:dyDescent="0.35">
      <c r="A62679" s="1" t="s">
        <v>28424</v>
      </c>
      <c r="B62679" s="1" t="s">
        <v>207847</v>
      </c>
      <c r="C62679" s="1" t="s">
        <v>60</v>
      </c>
      <c r="D62679" s="1" t="s">
        <v>29134</v>
      </c>
      <c r="E62679" s="1" t="s">
        <v>209540</v>
      </c>
      <c r="F62679" s="1" t="s">
        <v>209541</v>
      </c>
      <c r="G62679" s="1" t="s">
        <v>209509</v>
      </c>
      <c r="H62679" s="1" t="s">
        <v>209510</v>
      </c>
      <c r="I62679" s="1" t="s">
        <v>207852</v>
      </c>
      <c r="J62679" s="1" t="s">
        <v>209542</v>
      </c>
    </row>
    <row r="62680" spans="1:10" x14ac:dyDescent="0.35">
      <c r="A62680" s="1" t="s">
        <v>28424</v>
      </c>
      <c r="B62680" s="1" t="s">
        <v>207847</v>
      </c>
      <c r="C62680" s="1" t="s">
        <v>65</v>
      </c>
      <c r="D62680" s="1" t="s">
        <v>37454</v>
      </c>
      <c r="E62680" s="1" t="s">
        <v>209543</v>
      </c>
      <c r="F62680" s="1" t="s">
        <v>209544</v>
      </c>
      <c r="G62680" s="1" t="s">
        <v>209509</v>
      </c>
      <c r="H62680" s="1" t="s">
        <v>209510</v>
      </c>
      <c r="I62680" s="1" t="s">
        <v>207852</v>
      </c>
      <c r="J62680" s="1" t="s">
        <v>209545</v>
      </c>
    </row>
    <row r="62681" spans="1:10" x14ac:dyDescent="0.35">
      <c r="A62681" s="1" t="s">
        <v>28424</v>
      </c>
      <c r="B62681" s="1" t="s">
        <v>207847</v>
      </c>
      <c r="C62681" s="1" t="s">
        <v>70</v>
      </c>
      <c r="D62681" s="1" t="s">
        <v>34317</v>
      </c>
      <c r="E62681" s="1" t="s">
        <v>209546</v>
      </c>
      <c r="F62681" s="1" t="s">
        <v>209547</v>
      </c>
      <c r="G62681" s="1" t="s">
        <v>209509</v>
      </c>
      <c r="H62681" s="1" t="s">
        <v>209510</v>
      </c>
      <c r="I62681" s="1" t="s">
        <v>207852</v>
      </c>
      <c r="J62681" s="1" t="s">
        <v>209548</v>
      </c>
    </row>
    <row r="62682" spans="1:10" x14ac:dyDescent="0.35">
      <c r="A62682" s="1" t="s">
        <v>28424</v>
      </c>
      <c r="B62682" s="1" t="s">
        <v>207847</v>
      </c>
      <c r="C62682" s="1" t="s">
        <v>75</v>
      </c>
      <c r="D62682" s="1" t="s">
        <v>181477</v>
      </c>
      <c r="E62682" s="1" t="s">
        <v>209549</v>
      </c>
      <c r="F62682" s="1" t="s">
        <v>209550</v>
      </c>
      <c r="G62682" s="1" t="s">
        <v>209509</v>
      </c>
      <c r="H62682" s="1" t="s">
        <v>209510</v>
      </c>
      <c r="I62682" s="1" t="s">
        <v>207852</v>
      </c>
      <c r="J62682" s="1" t="s">
        <v>209551</v>
      </c>
    </row>
    <row r="62683" spans="1:10" x14ac:dyDescent="0.35">
      <c r="A62683" s="1" t="s">
        <v>28424</v>
      </c>
      <c r="B62683" s="1" t="s">
        <v>207847</v>
      </c>
      <c r="C62683" s="1" t="s">
        <v>80</v>
      </c>
      <c r="D62683" s="1" t="s">
        <v>124026</v>
      </c>
      <c r="E62683" s="1" t="s">
        <v>209552</v>
      </c>
      <c r="F62683" s="1" t="s">
        <v>209553</v>
      </c>
      <c r="G62683" s="1" t="s">
        <v>209509</v>
      </c>
      <c r="H62683" s="1" t="s">
        <v>209510</v>
      </c>
      <c r="I62683" s="1" t="s">
        <v>207852</v>
      </c>
      <c r="J62683" s="1" t="s">
        <v>209554</v>
      </c>
    </row>
    <row r="62684" spans="1:10" x14ac:dyDescent="0.35">
      <c r="A62684" s="1" t="s">
        <v>28424</v>
      </c>
      <c r="B62684" s="1" t="s">
        <v>207847</v>
      </c>
      <c r="C62684" s="1" t="s">
        <v>85</v>
      </c>
      <c r="D62684" s="1" t="s">
        <v>285</v>
      </c>
      <c r="E62684" s="1" t="s">
        <v>209555</v>
      </c>
      <c r="F62684" s="1" t="s">
        <v>209556</v>
      </c>
      <c r="G62684" s="1" t="s">
        <v>209509</v>
      </c>
      <c r="H62684" s="1" t="s">
        <v>209510</v>
      </c>
      <c r="I62684" s="1" t="s">
        <v>207852</v>
      </c>
      <c r="J62684" s="1" t="s">
        <v>209557</v>
      </c>
    </row>
    <row r="62685" spans="1:10" x14ac:dyDescent="0.35">
      <c r="A62685" s="1" t="s">
        <v>28424</v>
      </c>
      <c r="B62685" s="1" t="s">
        <v>207847</v>
      </c>
      <c r="C62685" s="1" t="s">
        <v>90</v>
      </c>
      <c r="D62685" s="1" t="s">
        <v>123510</v>
      </c>
      <c r="E62685" s="1" t="s">
        <v>209558</v>
      </c>
      <c r="F62685" s="1" t="s">
        <v>209559</v>
      </c>
      <c r="G62685" s="1" t="s">
        <v>209509</v>
      </c>
      <c r="H62685" s="1" t="s">
        <v>209510</v>
      </c>
      <c r="I62685" s="1" t="s">
        <v>207852</v>
      </c>
      <c r="J62685" s="1" t="s">
        <v>209560</v>
      </c>
    </row>
    <row r="62686" spans="1:10" x14ac:dyDescent="0.35">
      <c r="A62686" s="1" t="s">
        <v>28424</v>
      </c>
      <c r="B62686" s="1" t="s">
        <v>207847</v>
      </c>
      <c r="C62686" s="1" t="s">
        <v>95</v>
      </c>
      <c r="D62686" s="1" t="s">
        <v>157023</v>
      </c>
      <c r="E62686" s="1" t="s">
        <v>209561</v>
      </c>
      <c r="F62686" s="1" t="s">
        <v>209562</v>
      </c>
      <c r="G62686" s="1" t="s">
        <v>209509</v>
      </c>
      <c r="H62686" s="1" t="s">
        <v>209510</v>
      </c>
      <c r="I62686" s="1" t="s">
        <v>207852</v>
      </c>
      <c r="J62686" s="1" t="s">
        <v>209563</v>
      </c>
    </row>
    <row r="62687" spans="1:10" x14ac:dyDescent="0.35">
      <c r="A62687" s="1" t="s">
        <v>28424</v>
      </c>
      <c r="B62687" s="1" t="s">
        <v>207847</v>
      </c>
      <c r="C62687" s="1" t="s">
        <v>100</v>
      </c>
      <c r="D62687" s="1" t="s">
        <v>19000</v>
      </c>
      <c r="E62687" s="1" t="s">
        <v>209564</v>
      </c>
      <c r="F62687" s="1" t="s">
        <v>209565</v>
      </c>
      <c r="G62687" s="1" t="s">
        <v>209509</v>
      </c>
      <c r="H62687" s="1" t="s">
        <v>209510</v>
      </c>
      <c r="I62687" s="1" t="s">
        <v>207852</v>
      </c>
      <c r="J62687" s="1" t="s">
        <v>209566</v>
      </c>
    </row>
    <row r="62688" spans="1:10" x14ac:dyDescent="0.35">
      <c r="A62688" s="1" t="s">
        <v>28424</v>
      </c>
      <c r="B62688" s="1" t="s">
        <v>207847</v>
      </c>
      <c r="C62688" s="1" t="s">
        <v>105</v>
      </c>
      <c r="D62688" s="1" t="s">
        <v>209567</v>
      </c>
      <c r="E62688" s="1" t="s">
        <v>209568</v>
      </c>
      <c r="F62688" s="1" t="s">
        <v>209569</v>
      </c>
      <c r="G62688" s="1" t="s">
        <v>209509</v>
      </c>
      <c r="H62688" s="1" t="s">
        <v>209510</v>
      </c>
      <c r="I62688" s="1" t="s">
        <v>207852</v>
      </c>
      <c r="J62688" s="1" t="s">
        <v>209570</v>
      </c>
    </row>
    <row r="62689" spans="1:10" x14ac:dyDescent="0.35">
      <c r="A62689" s="1" t="s">
        <v>28424</v>
      </c>
      <c r="B62689" s="1" t="s">
        <v>207847</v>
      </c>
      <c r="C62689" s="1" t="s">
        <v>110</v>
      </c>
      <c r="D62689" s="1" t="s">
        <v>5203</v>
      </c>
      <c r="E62689" s="1" t="s">
        <v>209571</v>
      </c>
      <c r="F62689" s="1" t="s">
        <v>209572</v>
      </c>
      <c r="G62689" s="1" t="s">
        <v>209509</v>
      </c>
      <c r="H62689" s="1" t="s">
        <v>209510</v>
      </c>
      <c r="I62689" s="1" t="s">
        <v>207852</v>
      </c>
      <c r="J62689" s="1" t="s">
        <v>209573</v>
      </c>
    </row>
    <row r="62690" spans="1:10" x14ac:dyDescent="0.35">
      <c r="A62690" s="1" t="s">
        <v>28424</v>
      </c>
      <c r="B62690" s="1" t="s">
        <v>207847</v>
      </c>
      <c r="C62690" s="1" t="s">
        <v>115</v>
      </c>
      <c r="D62690" s="1" t="s">
        <v>18502</v>
      </c>
      <c r="E62690" s="1" t="s">
        <v>209574</v>
      </c>
      <c r="F62690" s="1" t="s">
        <v>209575</v>
      </c>
      <c r="G62690" s="1" t="s">
        <v>209509</v>
      </c>
      <c r="H62690" s="1" t="s">
        <v>209510</v>
      </c>
      <c r="I62690" s="1" t="s">
        <v>207852</v>
      </c>
      <c r="J62690" s="1" t="s">
        <v>209576</v>
      </c>
    </row>
    <row r="62691" spans="1:10" x14ac:dyDescent="0.35">
      <c r="A62691" s="1" t="s">
        <v>28424</v>
      </c>
      <c r="B62691" s="1" t="s">
        <v>207847</v>
      </c>
      <c r="C62691" s="1" t="s">
        <v>120</v>
      </c>
      <c r="D62691" s="1" t="s">
        <v>203631</v>
      </c>
      <c r="E62691" s="1" t="s">
        <v>209577</v>
      </c>
      <c r="F62691" s="1" t="s">
        <v>209578</v>
      </c>
      <c r="G62691" s="1" t="s">
        <v>209509</v>
      </c>
      <c r="H62691" s="1" t="s">
        <v>209510</v>
      </c>
      <c r="I62691" s="1" t="s">
        <v>207852</v>
      </c>
      <c r="J62691" s="1" t="s">
        <v>209579</v>
      </c>
    </row>
    <row r="62692" spans="1:10" x14ac:dyDescent="0.35">
      <c r="A62692" s="1" t="s">
        <v>28424</v>
      </c>
      <c r="B62692" s="1" t="s">
        <v>207847</v>
      </c>
      <c r="C62692" s="1" t="s">
        <v>125</v>
      </c>
      <c r="D62692" s="1" t="s">
        <v>38405</v>
      </c>
      <c r="E62692" s="1" t="s">
        <v>174526</v>
      </c>
      <c r="F62692" s="1" t="s">
        <v>209580</v>
      </c>
      <c r="G62692" s="1" t="s">
        <v>209509</v>
      </c>
      <c r="H62692" s="1" t="s">
        <v>209510</v>
      </c>
      <c r="I62692" s="1" t="s">
        <v>207852</v>
      </c>
      <c r="J62692" s="1" t="s">
        <v>209581</v>
      </c>
    </row>
    <row r="62693" spans="1:10" x14ac:dyDescent="0.35">
      <c r="A62693" s="1" t="s">
        <v>28424</v>
      </c>
      <c r="B62693" s="1" t="s">
        <v>207847</v>
      </c>
      <c r="C62693" s="1" t="s">
        <v>130</v>
      </c>
      <c r="D62693" s="1" t="s">
        <v>186972</v>
      </c>
      <c r="E62693" s="1" t="s">
        <v>209582</v>
      </c>
      <c r="F62693" s="1" t="s">
        <v>209583</v>
      </c>
      <c r="G62693" s="1" t="s">
        <v>209509</v>
      </c>
      <c r="H62693" s="1" t="s">
        <v>209510</v>
      </c>
      <c r="I62693" s="1" t="s">
        <v>207852</v>
      </c>
      <c r="J62693" s="1" t="s">
        <v>209584</v>
      </c>
    </row>
    <row r="62694" spans="1:10" x14ac:dyDescent="0.35">
      <c r="A62694" s="1" t="s">
        <v>28424</v>
      </c>
      <c r="B62694" s="1" t="s">
        <v>207847</v>
      </c>
      <c r="C62694" s="1" t="s">
        <v>135</v>
      </c>
      <c r="D62694" s="1" t="s">
        <v>18204</v>
      </c>
      <c r="E62694" s="1" t="s">
        <v>209585</v>
      </c>
      <c r="F62694" s="1" t="s">
        <v>209586</v>
      </c>
      <c r="G62694" s="1" t="s">
        <v>209509</v>
      </c>
      <c r="H62694" s="1" t="s">
        <v>209510</v>
      </c>
      <c r="I62694" s="1" t="s">
        <v>207852</v>
      </c>
      <c r="J62694" s="1" t="s">
        <v>209587</v>
      </c>
    </row>
    <row r="62695" spans="1:10" x14ac:dyDescent="0.35">
      <c r="A62695" s="1" t="s">
        <v>28424</v>
      </c>
      <c r="B62695" s="1" t="s">
        <v>207847</v>
      </c>
      <c r="C62695" s="1" t="s">
        <v>140</v>
      </c>
      <c r="D62695" s="1" t="s">
        <v>209588</v>
      </c>
      <c r="E62695" s="1" t="s">
        <v>209589</v>
      </c>
      <c r="F62695" s="1" t="s">
        <v>209590</v>
      </c>
      <c r="G62695" s="1" t="s">
        <v>209509</v>
      </c>
      <c r="H62695" s="1" t="s">
        <v>209510</v>
      </c>
      <c r="I62695" s="1" t="s">
        <v>207852</v>
      </c>
      <c r="J62695" s="1" t="s">
        <v>209591</v>
      </c>
    </row>
    <row r="62696" spans="1:10" x14ac:dyDescent="0.35">
      <c r="A62696" s="1" t="s">
        <v>28424</v>
      </c>
      <c r="B62696" s="1" t="s">
        <v>207847</v>
      </c>
      <c r="C62696" s="1" t="s">
        <v>145</v>
      </c>
      <c r="D62696" s="1" t="s">
        <v>31658</v>
      </c>
      <c r="E62696" s="1" t="s">
        <v>209592</v>
      </c>
      <c r="F62696" s="1" t="s">
        <v>209593</v>
      </c>
      <c r="G62696" s="1" t="s">
        <v>209509</v>
      </c>
      <c r="H62696" s="1" t="s">
        <v>209510</v>
      </c>
      <c r="I62696" s="1" t="s">
        <v>207852</v>
      </c>
      <c r="J62696" s="1" t="s">
        <v>209594</v>
      </c>
    </row>
    <row r="62697" spans="1:10" x14ac:dyDescent="0.35">
      <c r="A62697" s="1" t="s">
        <v>28424</v>
      </c>
      <c r="B62697" s="1" t="s">
        <v>207847</v>
      </c>
      <c r="C62697" s="1" t="s">
        <v>150</v>
      </c>
      <c r="D62697" s="1" t="s">
        <v>160541</v>
      </c>
      <c r="E62697" s="1" t="s">
        <v>209595</v>
      </c>
      <c r="F62697" s="1" t="s">
        <v>209596</v>
      </c>
      <c r="G62697" s="1" t="s">
        <v>209509</v>
      </c>
      <c r="H62697" s="1" t="s">
        <v>209510</v>
      </c>
      <c r="I62697" s="1" t="s">
        <v>207852</v>
      </c>
      <c r="J62697" s="1" t="s">
        <v>209597</v>
      </c>
    </row>
    <row r="62698" spans="1:10" x14ac:dyDescent="0.35">
      <c r="A62698" s="1" t="s">
        <v>28424</v>
      </c>
      <c r="B62698" s="1" t="s">
        <v>207847</v>
      </c>
      <c r="C62698" s="1" t="s">
        <v>155</v>
      </c>
      <c r="D62698" s="1" t="s">
        <v>209598</v>
      </c>
      <c r="E62698" s="1" t="s">
        <v>209599</v>
      </c>
      <c r="F62698" s="1" t="s">
        <v>209600</v>
      </c>
      <c r="G62698" s="1" t="s">
        <v>209509</v>
      </c>
      <c r="H62698" s="1" t="s">
        <v>209510</v>
      </c>
      <c r="I62698" s="1" t="s">
        <v>207852</v>
      </c>
      <c r="J62698" s="1" t="s">
        <v>209601</v>
      </c>
    </row>
    <row r="62699" spans="1:10" x14ac:dyDescent="0.35">
      <c r="A62699" s="1" t="s">
        <v>28424</v>
      </c>
      <c r="B62699" s="1" t="s">
        <v>207847</v>
      </c>
      <c r="C62699" s="1" t="s">
        <v>160</v>
      </c>
      <c r="D62699" s="1" t="s">
        <v>209602</v>
      </c>
      <c r="E62699" s="1" t="s">
        <v>209603</v>
      </c>
      <c r="F62699" s="1" t="s">
        <v>209604</v>
      </c>
      <c r="G62699" s="1" t="s">
        <v>209509</v>
      </c>
      <c r="H62699" s="1" t="s">
        <v>209510</v>
      </c>
      <c r="I62699" s="1" t="s">
        <v>207852</v>
      </c>
      <c r="J62699" s="1" t="s">
        <v>209605</v>
      </c>
    </row>
    <row r="62700" spans="1:10" x14ac:dyDescent="0.35">
      <c r="A62700" s="1" t="s">
        <v>28424</v>
      </c>
      <c r="B62700" s="1" t="s">
        <v>207847</v>
      </c>
      <c r="C62700" s="1" t="s">
        <v>165</v>
      </c>
      <c r="D62700" s="1" t="s">
        <v>209606</v>
      </c>
      <c r="E62700" s="1" t="s">
        <v>209607</v>
      </c>
      <c r="F62700" s="1" t="s">
        <v>209608</v>
      </c>
      <c r="G62700" s="1" t="s">
        <v>209509</v>
      </c>
      <c r="H62700" s="1" t="s">
        <v>209510</v>
      </c>
      <c r="I62700" s="1" t="s">
        <v>207852</v>
      </c>
      <c r="J62700" s="1" t="s">
        <v>209609</v>
      </c>
    </row>
    <row r="62701" spans="1:10" x14ac:dyDescent="0.35">
      <c r="A62701" s="1" t="s">
        <v>28424</v>
      </c>
      <c r="B62701" s="1" t="s">
        <v>207847</v>
      </c>
      <c r="C62701" s="1" t="s">
        <v>170</v>
      </c>
      <c r="D62701" s="1" t="s">
        <v>209610</v>
      </c>
      <c r="E62701" s="1" t="s">
        <v>209611</v>
      </c>
      <c r="F62701" s="1" t="s">
        <v>209612</v>
      </c>
      <c r="G62701" s="1" t="s">
        <v>209509</v>
      </c>
      <c r="H62701" s="1" t="s">
        <v>209510</v>
      </c>
      <c r="I62701" s="1" t="s">
        <v>207852</v>
      </c>
      <c r="J62701" s="1" t="s">
        <v>209613</v>
      </c>
    </row>
    <row r="62702" spans="1:10" x14ac:dyDescent="0.35">
      <c r="A62702" s="1" t="s">
        <v>144384</v>
      </c>
      <c r="B62702" s="1" t="s">
        <v>207847</v>
      </c>
      <c r="C62702" s="1" t="s">
        <v>8</v>
      </c>
      <c r="D62702" s="1" t="s">
        <v>9005</v>
      </c>
      <c r="E62702" s="1" t="s">
        <v>209614</v>
      </c>
      <c r="F62702" s="1" t="s">
        <v>209615</v>
      </c>
      <c r="G62702" s="1" t="s">
        <v>209616</v>
      </c>
      <c r="H62702" s="1" t="s">
        <v>209617</v>
      </c>
      <c r="I62702" s="1" t="s">
        <v>207852</v>
      </c>
      <c r="J62702" s="1" t="s">
        <v>13</v>
      </c>
    </row>
    <row r="62703" spans="1:10" x14ac:dyDescent="0.35">
      <c r="A62703" s="1" t="s">
        <v>144384</v>
      </c>
      <c r="B62703" s="1" t="s">
        <v>207847</v>
      </c>
      <c r="C62703" s="1" t="s">
        <v>15</v>
      </c>
      <c r="D62703" s="1" t="s">
        <v>116370</v>
      </c>
      <c r="E62703" s="1" t="s">
        <v>209618</v>
      </c>
      <c r="F62703" s="1" t="s">
        <v>209619</v>
      </c>
      <c r="G62703" s="1" t="s">
        <v>209616</v>
      </c>
      <c r="H62703" s="1" t="s">
        <v>209617</v>
      </c>
      <c r="I62703" s="1" t="s">
        <v>207852</v>
      </c>
      <c r="J62703" s="1" t="s">
        <v>209620</v>
      </c>
    </row>
    <row r="62704" spans="1:10" x14ac:dyDescent="0.35">
      <c r="A62704" s="1" t="s">
        <v>144384</v>
      </c>
      <c r="B62704" s="1" t="s">
        <v>207847</v>
      </c>
      <c r="C62704" s="1" t="s">
        <v>20</v>
      </c>
      <c r="D62704" s="1" t="s">
        <v>8959</v>
      </c>
      <c r="E62704" s="1" t="s">
        <v>209621</v>
      </c>
      <c r="F62704" s="1" t="s">
        <v>209622</v>
      </c>
      <c r="G62704" s="1" t="s">
        <v>209616</v>
      </c>
      <c r="H62704" s="1" t="s">
        <v>209617</v>
      </c>
      <c r="I62704" s="1" t="s">
        <v>207852</v>
      </c>
      <c r="J62704" s="1" t="s">
        <v>209623</v>
      </c>
    </row>
    <row r="62705" spans="1:10" x14ac:dyDescent="0.35">
      <c r="A62705" s="1" t="s">
        <v>144384</v>
      </c>
      <c r="B62705" s="1" t="s">
        <v>207847</v>
      </c>
      <c r="C62705" s="1" t="s">
        <v>25</v>
      </c>
      <c r="D62705" s="1" t="s">
        <v>28235</v>
      </c>
      <c r="E62705" s="1" t="s">
        <v>209624</v>
      </c>
      <c r="F62705" s="1" t="s">
        <v>209625</v>
      </c>
      <c r="G62705" s="1" t="s">
        <v>209616</v>
      </c>
      <c r="H62705" s="1" t="s">
        <v>209617</v>
      </c>
      <c r="I62705" s="1" t="s">
        <v>207852</v>
      </c>
      <c r="J62705" s="1" t="s">
        <v>209626</v>
      </c>
    </row>
    <row r="62706" spans="1:10" x14ac:dyDescent="0.35">
      <c r="A62706" s="1" t="s">
        <v>144384</v>
      </c>
      <c r="B62706" s="1" t="s">
        <v>207847</v>
      </c>
      <c r="C62706" s="1" t="s">
        <v>30</v>
      </c>
      <c r="D62706" s="1" t="s">
        <v>73168</v>
      </c>
      <c r="E62706" s="1" t="s">
        <v>209627</v>
      </c>
      <c r="F62706" s="1" t="s">
        <v>209628</v>
      </c>
      <c r="G62706" s="1" t="s">
        <v>209616</v>
      </c>
      <c r="H62706" s="1" t="s">
        <v>209617</v>
      </c>
      <c r="I62706" s="1" t="s">
        <v>207852</v>
      </c>
      <c r="J62706" s="1" t="s">
        <v>209629</v>
      </c>
    </row>
    <row r="62707" spans="1:10" x14ac:dyDescent="0.35">
      <c r="A62707" s="1" t="s">
        <v>144384</v>
      </c>
      <c r="B62707" s="1" t="s">
        <v>207847</v>
      </c>
      <c r="C62707" s="1" t="s">
        <v>35</v>
      </c>
      <c r="D62707" s="1" t="s">
        <v>47225</v>
      </c>
      <c r="E62707" s="1" t="s">
        <v>209630</v>
      </c>
      <c r="F62707" s="1" t="s">
        <v>209631</v>
      </c>
      <c r="G62707" s="1" t="s">
        <v>209616</v>
      </c>
      <c r="H62707" s="1" t="s">
        <v>209617</v>
      </c>
      <c r="I62707" s="1" t="s">
        <v>207852</v>
      </c>
      <c r="J62707" s="1" t="s">
        <v>209632</v>
      </c>
    </row>
    <row r="62708" spans="1:10" x14ac:dyDescent="0.35">
      <c r="A62708" s="1" t="s">
        <v>144384</v>
      </c>
      <c r="B62708" s="1" t="s">
        <v>207847</v>
      </c>
      <c r="C62708" s="1" t="s">
        <v>40</v>
      </c>
      <c r="D62708" s="1" t="s">
        <v>194920</v>
      </c>
      <c r="E62708" s="1" t="s">
        <v>209633</v>
      </c>
      <c r="F62708" s="1" t="s">
        <v>209634</v>
      </c>
      <c r="G62708" s="1" t="s">
        <v>209616</v>
      </c>
      <c r="H62708" s="1" t="s">
        <v>209617</v>
      </c>
      <c r="I62708" s="1" t="s">
        <v>207852</v>
      </c>
      <c r="J62708" s="1" t="s">
        <v>209635</v>
      </c>
    </row>
    <row r="62709" spans="1:10" x14ac:dyDescent="0.35">
      <c r="A62709" s="1" t="s">
        <v>144384</v>
      </c>
      <c r="B62709" s="1" t="s">
        <v>207847</v>
      </c>
      <c r="C62709" s="1" t="s">
        <v>45</v>
      </c>
      <c r="D62709" s="1" t="s">
        <v>207299</v>
      </c>
      <c r="E62709" s="1" t="s">
        <v>209636</v>
      </c>
      <c r="F62709" s="1" t="s">
        <v>209637</v>
      </c>
      <c r="G62709" s="1" t="s">
        <v>209616</v>
      </c>
      <c r="H62709" s="1" t="s">
        <v>209617</v>
      </c>
      <c r="I62709" s="1" t="s">
        <v>207852</v>
      </c>
      <c r="J62709" s="1" t="s">
        <v>209638</v>
      </c>
    </row>
    <row r="62710" spans="1:10" x14ac:dyDescent="0.35">
      <c r="A62710" s="1" t="s">
        <v>144384</v>
      </c>
      <c r="B62710" s="1" t="s">
        <v>207847</v>
      </c>
      <c r="C62710" s="1" t="s">
        <v>50</v>
      </c>
      <c r="D62710" s="1" t="s">
        <v>209639</v>
      </c>
      <c r="E62710" s="1" t="s">
        <v>209640</v>
      </c>
      <c r="F62710" s="1" t="s">
        <v>209641</v>
      </c>
      <c r="G62710" s="1" t="s">
        <v>209616</v>
      </c>
      <c r="H62710" s="1" t="s">
        <v>209617</v>
      </c>
      <c r="I62710" s="1" t="s">
        <v>207852</v>
      </c>
      <c r="J62710" s="1" t="s">
        <v>209642</v>
      </c>
    </row>
    <row r="62711" spans="1:10" x14ac:dyDescent="0.35">
      <c r="A62711" s="1" t="s">
        <v>144384</v>
      </c>
      <c r="B62711" s="1" t="s">
        <v>207847</v>
      </c>
      <c r="C62711" s="1" t="s">
        <v>55</v>
      </c>
      <c r="D62711" s="1" t="s">
        <v>209643</v>
      </c>
      <c r="E62711" s="1" t="s">
        <v>209644</v>
      </c>
      <c r="F62711" s="1" t="s">
        <v>209645</v>
      </c>
      <c r="G62711" s="1" t="s">
        <v>209616</v>
      </c>
      <c r="H62711" s="1" t="s">
        <v>209617</v>
      </c>
      <c r="I62711" s="1" t="s">
        <v>207852</v>
      </c>
      <c r="J62711" s="1" t="s">
        <v>209646</v>
      </c>
    </row>
    <row r="62712" spans="1:10" x14ac:dyDescent="0.35">
      <c r="A62712" s="1" t="s">
        <v>144384</v>
      </c>
      <c r="B62712" s="1" t="s">
        <v>207847</v>
      </c>
      <c r="C62712" s="1" t="s">
        <v>60</v>
      </c>
      <c r="D62712" s="1" t="s">
        <v>7965</v>
      </c>
      <c r="E62712" s="1" t="s">
        <v>209647</v>
      </c>
      <c r="F62712" s="1" t="s">
        <v>209648</v>
      </c>
      <c r="G62712" s="1" t="s">
        <v>209616</v>
      </c>
      <c r="H62712" s="1" t="s">
        <v>209617</v>
      </c>
      <c r="I62712" s="1" t="s">
        <v>207852</v>
      </c>
      <c r="J62712" s="1" t="s">
        <v>209649</v>
      </c>
    </row>
    <row r="62713" spans="1:10" x14ac:dyDescent="0.35">
      <c r="A62713" s="1" t="s">
        <v>144384</v>
      </c>
      <c r="B62713" s="1" t="s">
        <v>207847</v>
      </c>
      <c r="C62713" s="1" t="s">
        <v>65</v>
      </c>
      <c r="D62713" s="1" t="s">
        <v>5762</v>
      </c>
      <c r="E62713" s="1" t="s">
        <v>209650</v>
      </c>
      <c r="F62713" s="1" t="s">
        <v>209651</v>
      </c>
      <c r="G62713" s="1" t="s">
        <v>209616</v>
      </c>
      <c r="H62713" s="1" t="s">
        <v>209617</v>
      </c>
      <c r="I62713" s="1" t="s">
        <v>207852</v>
      </c>
      <c r="J62713" s="1" t="s">
        <v>209652</v>
      </c>
    </row>
    <row r="62714" spans="1:10" x14ac:dyDescent="0.35">
      <c r="A62714" s="1" t="s">
        <v>144384</v>
      </c>
      <c r="B62714" s="1" t="s">
        <v>207847</v>
      </c>
      <c r="C62714" s="1" t="s">
        <v>70</v>
      </c>
      <c r="D62714" s="1" t="s">
        <v>145306</v>
      </c>
      <c r="E62714" s="1" t="s">
        <v>209653</v>
      </c>
      <c r="F62714" s="1" t="s">
        <v>209654</v>
      </c>
      <c r="G62714" s="1" t="s">
        <v>209616</v>
      </c>
      <c r="H62714" s="1" t="s">
        <v>209617</v>
      </c>
      <c r="I62714" s="1" t="s">
        <v>207852</v>
      </c>
      <c r="J62714" s="1" t="s">
        <v>209655</v>
      </c>
    </row>
    <row r="62715" spans="1:10" x14ac:dyDescent="0.35">
      <c r="A62715" s="1" t="s">
        <v>144384</v>
      </c>
      <c r="B62715" s="1" t="s">
        <v>207847</v>
      </c>
      <c r="C62715" s="1" t="s">
        <v>75</v>
      </c>
      <c r="D62715" s="1" t="s">
        <v>51015</v>
      </c>
      <c r="E62715" s="1" t="s">
        <v>209656</v>
      </c>
      <c r="F62715" s="1" t="s">
        <v>209657</v>
      </c>
      <c r="G62715" s="1" t="s">
        <v>209616</v>
      </c>
      <c r="H62715" s="1" t="s">
        <v>209617</v>
      </c>
      <c r="I62715" s="1" t="s">
        <v>207852</v>
      </c>
      <c r="J62715" s="1" t="s">
        <v>209658</v>
      </c>
    </row>
    <row r="62716" spans="1:10" x14ac:dyDescent="0.35">
      <c r="A62716" s="1" t="s">
        <v>144384</v>
      </c>
      <c r="B62716" s="1" t="s">
        <v>207847</v>
      </c>
      <c r="C62716" s="1" t="s">
        <v>80</v>
      </c>
      <c r="D62716" s="1" t="s">
        <v>197172</v>
      </c>
      <c r="E62716" s="1" t="s">
        <v>209659</v>
      </c>
      <c r="F62716" s="1" t="s">
        <v>209660</v>
      </c>
      <c r="G62716" s="1" t="s">
        <v>209616</v>
      </c>
      <c r="H62716" s="1" t="s">
        <v>209617</v>
      </c>
      <c r="I62716" s="1" t="s">
        <v>207852</v>
      </c>
      <c r="J62716" s="1" t="s">
        <v>209661</v>
      </c>
    </row>
    <row r="62717" spans="1:10" x14ac:dyDescent="0.35">
      <c r="A62717" s="1" t="s">
        <v>144384</v>
      </c>
      <c r="B62717" s="1" t="s">
        <v>207847</v>
      </c>
      <c r="C62717" s="1" t="s">
        <v>85</v>
      </c>
      <c r="D62717" s="1" t="s">
        <v>209662</v>
      </c>
      <c r="E62717" s="1" t="s">
        <v>209663</v>
      </c>
      <c r="F62717" s="1" t="s">
        <v>209664</v>
      </c>
      <c r="G62717" s="1" t="s">
        <v>209616</v>
      </c>
      <c r="H62717" s="1" t="s">
        <v>209617</v>
      </c>
      <c r="I62717" s="1" t="s">
        <v>207852</v>
      </c>
      <c r="J62717" s="1" t="s">
        <v>209665</v>
      </c>
    </row>
    <row r="62718" spans="1:10" x14ac:dyDescent="0.35">
      <c r="A62718" s="1" t="s">
        <v>144384</v>
      </c>
      <c r="B62718" s="1" t="s">
        <v>207847</v>
      </c>
      <c r="C62718" s="1" t="s">
        <v>90</v>
      </c>
      <c r="D62718" s="1" t="s">
        <v>118417</v>
      </c>
      <c r="E62718" s="1" t="s">
        <v>209666</v>
      </c>
      <c r="F62718" s="1" t="s">
        <v>209667</v>
      </c>
      <c r="G62718" s="1" t="s">
        <v>209616</v>
      </c>
      <c r="H62718" s="1" t="s">
        <v>209617</v>
      </c>
      <c r="I62718" s="1" t="s">
        <v>207852</v>
      </c>
      <c r="J62718" s="1" t="s">
        <v>209668</v>
      </c>
    </row>
    <row r="62719" spans="1:10" x14ac:dyDescent="0.35">
      <c r="A62719" s="1" t="s">
        <v>144384</v>
      </c>
      <c r="B62719" s="1" t="s">
        <v>207847</v>
      </c>
      <c r="C62719" s="1" t="s">
        <v>95</v>
      </c>
      <c r="D62719" s="1" t="s">
        <v>209669</v>
      </c>
      <c r="E62719" s="1" t="s">
        <v>209670</v>
      </c>
      <c r="F62719" s="1" t="s">
        <v>209671</v>
      </c>
      <c r="G62719" s="1" t="s">
        <v>209616</v>
      </c>
      <c r="H62719" s="1" t="s">
        <v>209617</v>
      </c>
      <c r="I62719" s="1" t="s">
        <v>207852</v>
      </c>
      <c r="J62719" s="1" t="s">
        <v>209672</v>
      </c>
    </row>
    <row r="62720" spans="1:10" x14ac:dyDescent="0.35">
      <c r="A62720" s="1" t="s">
        <v>144384</v>
      </c>
      <c r="B62720" s="1" t="s">
        <v>207847</v>
      </c>
      <c r="C62720" s="1" t="s">
        <v>100</v>
      </c>
      <c r="D62720" s="1" t="s">
        <v>104053</v>
      </c>
      <c r="E62720" s="1" t="s">
        <v>209673</v>
      </c>
      <c r="F62720" s="1" t="s">
        <v>209674</v>
      </c>
      <c r="G62720" s="1" t="s">
        <v>209616</v>
      </c>
      <c r="H62720" s="1" t="s">
        <v>209617</v>
      </c>
      <c r="I62720" s="1" t="s">
        <v>207852</v>
      </c>
      <c r="J62720" s="1" t="s">
        <v>209675</v>
      </c>
    </row>
    <row r="62721" spans="1:10" x14ac:dyDescent="0.35">
      <c r="A62721" s="1" t="s">
        <v>144384</v>
      </c>
      <c r="B62721" s="1" t="s">
        <v>207847</v>
      </c>
      <c r="C62721" s="1" t="s">
        <v>105</v>
      </c>
      <c r="D62721" s="1" t="s">
        <v>207459</v>
      </c>
      <c r="E62721" s="1" t="s">
        <v>209676</v>
      </c>
      <c r="F62721" s="1" t="s">
        <v>209677</v>
      </c>
      <c r="G62721" s="1" t="s">
        <v>209616</v>
      </c>
      <c r="H62721" s="1" t="s">
        <v>209617</v>
      </c>
      <c r="I62721" s="1" t="s">
        <v>207852</v>
      </c>
      <c r="J62721" s="1" t="s">
        <v>209678</v>
      </c>
    </row>
    <row r="62722" spans="1:10" x14ac:dyDescent="0.35">
      <c r="A62722" s="1" t="s">
        <v>144384</v>
      </c>
      <c r="B62722" s="1" t="s">
        <v>207847</v>
      </c>
      <c r="C62722" s="1" t="s">
        <v>110</v>
      </c>
      <c r="D62722" s="1" t="s">
        <v>36100</v>
      </c>
      <c r="E62722" s="1" t="s">
        <v>209679</v>
      </c>
      <c r="F62722" s="1" t="s">
        <v>209680</v>
      </c>
      <c r="G62722" s="1" t="s">
        <v>209616</v>
      </c>
      <c r="H62722" s="1" t="s">
        <v>209617</v>
      </c>
      <c r="I62722" s="1" t="s">
        <v>207852</v>
      </c>
      <c r="J62722" s="1" t="s">
        <v>209681</v>
      </c>
    </row>
    <row r="62723" spans="1:10" x14ac:dyDescent="0.35">
      <c r="A62723" s="1" t="s">
        <v>144384</v>
      </c>
      <c r="B62723" s="1" t="s">
        <v>207847</v>
      </c>
      <c r="C62723" s="1" t="s">
        <v>115</v>
      </c>
      <c r="D62723" s="1" t="s">
        <v>112938</v>
      </c>
      <c r="E62723" s="1" t="s">
        <v>209682</v>
      </c>
      <c r="F62723" s="1" t="s">
        <v>209683</v>
      </c>
      <c r="G62723" s="1" t="s">
        <v>209616</v>
      </c>
      <c r="H62723" s="1" t="s">
        <v>209617</v>
      </c>
      <c r="I62723" s="1" t="s">
        <v>207852</v>
      </c>
      <c r="J62723" s="1" t="s">
        <v>209684</v>
      </c>
    </row>
    <row r="62724" spans="1:10" x14ac:dyDescent="0.35">
      <c r="A62724" s="1" t="s">
        <v>144384</v>
      </c>
      <c r="B62724" s="1" t="s">
        <v>207847</v>
      </c>
      <c r="C62724" s="1" t="s">
        <v>120</v>
      </c>
      <c r="D62724" s="1" t="s">
        <v>72421</v>
      </c>
      <c r="E62724" s="1" t="s">
        <v>209685</v>
      </c>
      <c r="F62724" s="1" t="s">
        <v>209686</v>
      </c>
      <c r="G62724" s="1" t="s">
        <v>209616</v>
      </c>
      <c r="H62724" s="1" t="s">
        <v>209617</v>
      </c>
      <c r="I62724" s="1" t="s">
        <v>207852</v>
      </c>
      <c r="J62724" s="1" t="s">
        <v>209687</v>
      </c>
    </row>
    <row r="62725" spans="1:10" x14ac:dyDescent="0.35">
      <c r="A62725" s="1" t="s">
        <v>144384</v>
      </c>
      <c r="B62725" s="1" t="s">
        <v>207847</v>
      </c>
      <c r="C62725" s="1" t="s">
        <v>125</v>
      </c>
      <c r="D62725" s="1" t="s">
        <v>209688</v>
      </c>
      <c r="E62725" s="1" t="s">
        <v>209689</v>
      </c>
      <c r="F62725" s="1" t="s">
        <v>209690</v>
      </c>
      <c r="G62725" s="1" t="s">
        <v>209616</v>
      </c>
      <c r="H62725" s="1" t="s">
        <v>209617</v>
      </c>
      <c r="I62725" s="1" t="s">
        <v>207852</v>
      </c>
      <c r="J62725" s="1" t="s">
        <v>209691</v>
      </c>
    </row>
    <row r="62726" spans="1:10" x14ac:dyDescent="0.35">
      <c r="A62726" s="1" t="s">
        <v>144384</v>
      </c>
      <c r="B62726" s="1" t="s">
        <v>207847</v>
      </c>
      <c r="C62726" s="1" t="s">
        <v>130</v>
      </c>
      <c r="D62726" s="1" t="s">
        <v>2441</v>
      </c>
      <c r="E62726" s="1" t="s">
        <v>209692</v>
      </c>
      <c r="F62726" s="1" t="s">
        <v>209693</v>
      </c>
      <c r="G62726" s="1" t="s">
        <v>209616</v>
      </c>
      <c r="H62726" s="1" t="s">
        <v>209617</v>
      </c>
      <c r="I62726" s="1" t="s">
        <v>207852</v>
      </c>
      <c r="J62726" s="1" t="s">
        <v>209694</v>
      </c>
    </row>
    <row r="62727" spans="1:10" x14ac:dyDescent="0.35">
      <c r="A62727" s="1" t="s">
        <v>144384</v>
      </c>
      <c r="B62727" s="1" t="s">
        <v>207847</v>
      </c>
      <c r="C62727" s="1" t="s">
        <v>135</v>
      </c>
      <c r="D62727" s="1" t="s">
        <v>209695</v>
      </c>
      <c r="E62727" s="1" t="s">
        <v>209696</v>
      </c>
      <c r="F62727" s="1" t="s">
        <v>209697</v>
      </c>
      <c r="G62727" s="1" t="s">
        <v>209616</v>
      </c>
      <c r="H62727" s="1" t="s">
        <v>209617</v>
      </c>
      <c r="I62727" s="1" t="s">
        <v>207852</v>
      </c>
      <c r="J62727" s="1" t="s">
        <v>209698</v>
      </c>
    </row>
    <row r="62728" spans="1:10" x14ac:dyDescent="0.35">
      <c r="A62728" s="1" t="s">
        <v>144384</v>
      </c>
      <c r="B62728" s="1" t="s">
        <v>207847</v>
      </c>
      <c r="C62728" s="1" t="s">
        <v>140</v>
      </c>
      <c r="D62728" s="1" t="s">
        <v>181045</v>
      </c>
      <c r="E62728" s="1" t="s">
        <v>209699</v>
      </c>
      <c r="F62728" s="1" t="s">
        <v>209700</v>
      </c>
      <c r="G62728" s="1" t="s">
        <v>209616</v>
      </c>
      <c r="H62728" s="1" t="s">
        <v>209617</v>
      </c>
      <c r="I62728" s="1" t="s">
        <v>207852</v>
      </c>
      <c r="J62728" s="1" t="s">
        <v>209701</v>
      </c>
    </row>
    <row r="62729" spans="1:10" x14ac:dyDescent="0.35">
      <c r="A62729" s="1" t="s">
        <v>144384</v>
      </c>
      <c r="B62729" s="1" t="s">
        <v>207847</v>
      </c>
      <c r="C62729" s="1" t="s">
        <v>145</v>
      </c>
      <c r="D62729" s="1" t="s">
        <v>49835</v>
      </c>
      <c r="E62729" s="1" t="s">
        <v>209702</v>
      </c>
      <c r="F62729" s="1" t="s">
        <v>209703</v>
      </c>
      <c r="G62729" s="1" t="s">
        <v>209616</v>
      </c>
      <c r="H62729" s="1" t="s">
        <v>209617</v>
      </c>
      <c r="I62729" s="1" t="s">
        <v>207852</v>
      </c>
      <c r="J62729" s="1" t="s">
        <v>209704</v>
      </c>
    </row>
    <row r="62730" spans="1:10" x14ac:dyDescent="0.35">
      <c r="A62730" s="1" t="s">
        <v>144384</v>
      </c>
      <c r="B62730" s="1" t="s">
        <v>207847</v>
      </c>
      <c r="C62730" s="1" t="s">
        <v>150</v>
      </c>
      <c r="D62730" s="1" t="s">
        <v>209705</v>
      </c>
      <c r="E62730" s="1" t="s">
        <v>209706</v>
      </c>
      <c r="F62730" s="1" t="s">
        <v>209707</v>
      </c>
      <c r="G62730" s="1" t="s">
        <v>209616</v>
      </c>
      <c r="H62730" s="1" t="s">
        <v>209617</v>
      </c>
      <c r="I62730" s="1" t="s">
        <v>207852</v>
      </c>
      <c r="J62730" s="1" t="s">
        <v>209708</v>
      </c>
    </row>
    <row r="62731" spans="1:10" x14ac:dyDescent="0.35">
      <c r="A62731" s="1" t="s">
        <v>144384</v>
      </c>
      <c r="B62731" s="1" t="s">
        <v>207847</v>
      </c>
      <c r="C62731" s="1" t="s">
        <v>155</v>
      </c>
      <c r="D62731" s="1" t="s">
        <v>154265</v>
      </c>
      <c r="E62731" s="1" t="s">
        <v>209709</v>
      </c>
      <c r="F62731" s="1" t="s">
        <v>209710</v>
      </c>
      <c r="G62731" s="1" t="s">
        <v>209616</v>
      </c>
      <c r="H62731" s="1" t="s">
        <v>209617</v>
      </c>
      <c r="I62731" s="1" t="s">
        <v>207852</v>
      </c>
      <c r="J62731" s="1" t="s">
        <v>209711</v>
      </c>
    </row>
    <row r="62732" spans="1:10" x14ac:dyDescent="0.35">
      <c r="A62732" s="1" t="s">
        <v>144384</v>
      </c>
      <c r="B62732" s="1" t="s">
        <v>207847</v>
      </c>
      <c r="C62732" s="1" t="s">
        <v>160</v>
      </c>
      <c r="D62732" s="1" t="s">
        <v>37954</v>
      </c>
      <c r="E62732" s="1" t="s">
        <v>209712</v>
      </c>
      <c r="F62732" s="1" t="s">
        <v>209713</v>
      </c>
      <c r="G62732" s="1" t="s">
        <v>209616</v>
      </c>
      <c r="H62732" s="1" t="s">
        <v>209617</v>
      </c>
      <c r="I62732" s="1" t="s">
        <v>207852</v>
      </c>
      <c r="J62732" s="1" t="s">
        <v>209714</v>
      </c>
    </row>
    <row r="62733" spans="1:10" x14ac:dyDescent="0.35">
      <c r="A62733" s="1" t="s">
        <v>144384</v>
      </c>
      <c r="B62733" s="1" t="s">
        <v>207847</v>
      </c>
      <c r="C62733" s="1" t="s">
        <v>165</v>
      </c>
      <c r="D62733" s="1" t="s">
        <v>209715</v>
      </c>
      <c r="E62733" s="1" t="s">
        <v>209716</v>
      </c>
      <c r="F62733" s="1" t="s">
        <v>209717</v>
      </c>
      <c r="G62733" s="1" t="s">
        <v>209616</v>
      </c>
      <c r="H62733" s="1" t="s">
        <v>209617</v>
      </c>
      <c r="I62733" s="1" t="s">
        <v>207852</v>
      </c>
      <c r="J62733" s="1" t="s">
        <v>209718</v>
      </c>
    </row>
    <row r="62734" spans="1:10" x14ac:dyDescent="0.35">
      <c r="A62734" s="1" t="s">
        <v>144384</v>
      </c>
      <c r="B62734" s="1" t="s">
        <v>207847</v>
      </c>
      <c r="C62734" s="1" t="s">
        <v>170</v>
      </c>
      <c r="D62734" s="1" t="s">
        <v>82469</v>
      </c>
      <c r="E62734" s="1" t="s">
        <v>209719</v>
      </c>
      <c r="F62734" s="1" t="s">
        <v>209720</v>
      </c>
      <c r="G62734" s="1" t="s">
        <v>209616</v>
      </c>
      <c r="H62734" s="1" t="s">
        <v>209617</v>
      </c>
      <c r="I62734" s="1" t="s">
        <v>207852</v>
      </c>
      <c r="J62734" s="1" t="s">
        <v>209721</v>
      </c>
    </row>
    <row r="62735" spans="1:10" x14ac:dyDescent="0.35">
      <c r="A62735" s="1" t="s">
        <v>143718</v>
      </c>
      <c r="B62735" s="1" t="s">
        <v>207847</v>
      </c>
      <c r="C62735" s="1" t="s">
        <v>8</v>
      </c>
      <c r="D62735" s="1" t="s">
        <v>209722</v>
      </c>
      <c r="E62735" s="1" t="s">
        <v>209723</v>
      </c>
      <c r="F62735" s="1" t="s">
        <v>209724</v>
      </c>
      <c r="G62735" s="1" t="s">
        <v>209725</v>
      </c>
      <c r="H62735" s="1" t="s">
        <v>209726</v>
      </c>
      <c r="I62735" s="1" t="s">
        <v>207852</v>
      </c>
      <c r="J62735" s="1" t="s">
        <v>13</v>
      </c>
    </row>
    <row r="62736" spans="1:10" x14ac:dyDescent="0.35">
      <c r="A62736" s="1" t="s">
        <v>143718</v>
      </c>
      <c r="B62736" s="1" t="s">
        <v>207847</v>
      </c>
      <c r="C62736" s="1" t="s">
        <v>15</v>
      </c>
      <c r="D62736" s="1" t="s">
        <v>209727</v>
      </c>
      <c r="E62736" s="1" t="s">
        <v>209728</v>
      </c>
      <c r="F62736" s="1" t="s">
        <v>209729</v>
      </c>
      <c r="G62736" s="1" t="s">
        <v>209725</v>
      </c>
      <c r="H62736" s="1" t="s">
        <v>209726</v>
      </c>
      <c r="I62736" s="1" t="s">
        <v>207852</v>
      </c>
      <c r="J62736" s="1" t="s">
        <v>209730</v>
      </c>
    </row>
    <row r="62737" spans="1:10" x14ac:dyDescent="0.35">
      <c r="A62737" s="1" t="s">
        <v>143718</v>
      </c>
      <c r="B62737" s="1" t="s">
        <v>207847</v>
      </c>
      <c r="C62737" s="1" t="s">
        <v>20</v>
      </c>
      <c r="D62737" s="1" t="s">
        <v>31673</v>
      </c>
      <c r="E62737" s="1" t="s">
        <v>209731</v>
      </c>
      <c r="F62737" s="1" t="s">
        <v>209732</v>
      </c>
      <c r="G62737" s="1" t="s">
        <v>209725</v>
      </c>
      <c r="H62737" s="1" t="s">
        <v>209726</v>
      </c>
      <c r="I62737" s="1" t="s">
        <v>207852</v>
      </c>
      <c r="J62737" s="1" t="s">
        <v>209733</v>
      </c>
    </row>
    <row r="62738" spans="1:10" x14ac:dyDescent="0.35">
      <c r="A62738" s="1" t="s">
        <v>143718</v>
      </c>
      <c r="B62738" s="1" t="s">
        <v>207847</v>
      </c>
      <c r="C62738" s="1" t="s">
        <v>25</v>
      </c>
      <c r="D62738" s="1" t="s">
        <v>176356</v>
      </c>
      <c r="E62738" s="1" t="s">
        <v>209734</v>
      </c>
      <c r="F62738" s="1" t="s">
        <v>209735</v>
      </c>
      <c r="G62738" s="1" t="s">
        <v>209725</v>
      </c>
      <c r="H62738" s="1" t="s">
        <v>209726</v>
      </c>
      <c r="I62738" s="1" t="s">
        <v>207852</v>
      </c>
      <c r="J62738" s="1" t="s">
        <v>209736</v>
      </c>
    </row>
    <row r="62739" spans="1:10" x14ac:dyDescent="0.35">
      <c r="A62739" s="1" t="s">
        <v>143718</v>
      </c>
      <c r="B62739" s="1" t="s">
        <v>207847</v>
      </c>
      <c r="C62739" s="1" t="s">
        <v>30</v>
      </c>
      <c r="D62739" s="1" t="s">
        <v>155650</v>
      </c>
      <c r="E62739" s="1" t="s">
        <v>209737</v>
      </c>
      <c r="F62739" s="1" t="s">
        <v>209738</v>
      </c>
      <c r="G62739" s="1" t="s">
        <v>209725</v>
      </c>
      <c r="H62739" s="1" t="s">
        <v>209726</v>
      </c>
      <c r="I62739" s="1" t="s">
        <v>207852</v>
      </c>
      <c r="J62739" s="1" t="s">
        <v>209739</v>
      </c>
    </row>
    <row r="62740" spans="1:10" x14ac:dyDescent="0.35">
      <c r="A62740" s="1" t="s">
        <v>143718</v>
      </c>
      <c r="B62740" s="1" t="s">
        <v>207847</v>
      </c>
      <c r="C62740" s="1" t="s">
        <v>35</v>
      </c>
      <c r="D62740" s="1" t="s">
        <v>34019</v>
      </c>
      <c r="E62740" s="1" t="s">
        <v>209740</v>
      </c>
      <c r="F62740" s="1" t="s">
        <v>209741</v>
      </c>
      <c r="G62740" s="1" t="s">
        <v>209725</v>
      </c>
      <c r="H62740" s="1" t="s">
        <v>209726</v>
      </c>
      <c r="I62740" s="1" t="s">
        <v>207852</v>
      </c>
      <c r="J62740" s="1" t="s">
        <v>209742</v>
      </c>
    </row>
    <row r="62741" spans="1:10" x14ac:dyDescent="0.35">
      <c r="A62741" s="1" t="s">
        <v>143718</v>
      </c>
      <c r="B62741" s="1" t="s">
        <v>207847</v>
      </c>
      <c r="C62741" s="1" t="s">
        <v>40</v>
      </c>
      <c r="D62741" s="1" t="s">
        <v>209743</v>
      </c>
      <c r="E62741" s="1" t="s">
        <v>209744</v>
      </c>
      <c r="F62741" s="1" t="s">
        <v>209745</v>
      </c>
      <c r="G62741" s="1" t="s">
        <v>209725</v>
      </c>
      <c r="H62741" s="1" t="s">
        <v>209726</v>
      </c>
      <c r="I62741" s="1" t="s">
        <v>207852</v>
      </c>
      <c r="J62741" s="1" t="s">
        <v>209746</v>
      </c>
    </row>
    <row r="62742" spans="1:10" x14ac:dyDescent="0.35">
      <c r="A62742" s="1" t="s">
        <v>143718</v>
      </c>
      <c r="B62742" s="1" t="s">
        <v>207847</v>
      </c>
      <c r="C62742" s="1" t="s">
        <v>45</v>
      </c>
      <c r="D62742" s="1" t="s">
        <v>205954</v>
      </c>
      <c r="E62742" s="1" t="s">
        <v>209747</v>
      </c>
      <c r="F62742" s="1" t="s">
        <v>209748</v>
      </c>
      <c r="G62742" s="1" t="s">
        <v>209725</v>
      </c>
      <c r="H62742" s="1" t="s">
        <v>209726</v>
      </c>
      <c r="I62742" s="1" t="s">
        <v>207852</v>
      </c>
      <c r="J62742" s="1" t="s">
        <v>209749</v>
      </c>
    </row>
    <row r="62743" spans="1:10" x14ac:dyDescent="0.35">
      <c r="A62743" s="1" t="s">
        <v>143718</v>
      </c>
      <c r="B62743" s="1" t="s">
        <v>207847</v>
      </c>
      <c r="C62743" s="1" t="s">
        <v>50</v>
      </c>
      <c r="D62743" s="1" t="s">
        <v>17753</v>
      </c>
      <c r="E62743" s="1" t="s">
        <v>209750</v>
      </c>
      <c r="F62743" s="1" t="s">
        <v>209751</v>
      </c>
      <c r="G62743" s="1" t="s">
        <v>209725</v>
      </c>
      <c r="H62743" s="1" t="s">
        <v>209726</v>
      </c>
      <c r="I62743" s="1" t="s">
        <v>207852</v>
      </c>
      <c r="J62743" s="1" t="s">
        <v>209752</v>
      </c>
    </row>
    <row r="62744" spans="1:10" x14ac:dyDescent="0.35">
      <c r="A62744" s="1" t="s">
        <v>143718</v>
      </c>
      <c r="B62744" s="1" t="s">
        <v>207847</v>
      </c>
      <c r="C62744" s="1" t="s">
        <v>55</v>
      </c>
      <c r="D62744" s="1" t="s">
        <v>185644</v>
      </c>
      <c r="E62744" s="1" t="s">
        <v>209753</v>
      </c>
      <c r="F62744" s="1" t="s">
        <v>209754</v>
      </c>
      <c r="G62744" s="1" t="s">
        <v>209725</v>
      </c>
      <c r="H62744" s="1" t="s">
        <v>209726</v>
      </c>
      <c r="I62744" s="1" t="s">
        <v>207852</v>
      </c>
      <c r="J62744" s="1" t="s">
        <v>209755</v>
      </c>
    </row>
    <row r="62745" spans="1:10" x14ac:dyDescent="0.35">
      <c r="A62745" s="1" t="s">
        <v>143718</v>
      </c>
      <c r="B62745" s="1" t="s">
        <v>207847</v>
      </c>
      <c r="C62745" s="1" t="s">
        <v>60</v>
      </c>
      <c r="D62745" s="1" t="s">
        <v>175537</v>
      </c>
      <c r="E62745" s="1" t="s">
        <v>209756</v>
      </c>
      <c r="F62745" s="1" t="s">
        <v>209757</v>
      </c>
      <c r="G62745" s="1" t="s">
        <v>209725</v>
      </c>
      <c r="H62745" s="1" t="s">
        <v>209726</v>
      </c>
      <c r="I62745" s="1" t="s">
        <v>207852</v>
      </c>
      <c r="J62745" s="1" t="s">
        <v>209758</v>
      </c>
    </row>
    <row r="62746" spans="1:10" x14ac:dyDescent="0.35">
      <c r="A62746" s="1" t="s">
        <v>143718</v>
      </c>
      <c r="B62746" s="1" t="s">
        <v>207847</v>
      </c>
      <c r="C62746" s="1" t="s">
        <v>65</v>
      </c>
      <c r="D62746" s="1" t="s">
        <v>10658</v>
      </c>
      <c r="E62746" s="1" t="s">
        <v>209759</v>
      </c>
      <c r="F62746" s="1" t="s">
        <v>209760</v>
      </c>
      <c r="G62746" s="1" t="s">
        <v>209725</v>
      </c>
      <c r="H62746" s="1" t="s">
        <v>209726</v>
      </c>
      <c r="I62746" s="1" t="s">
        <v>207852</v>
      </c>
      <c r="J62746" s="1" t="s">
        <v>209761</v>
      </c>
    </row>
    <row r="62747" spans="1:10" x14ac:dyDescent="0.35">
      <c r="A62747" s="1" t="s">
        <v>143718</v>
      </c>
      <c r="B62747" s="1" t="s">
        <v>207847</v>
      </c>
      <c r="C62747" s="1" t="s">
        <v>70</v>
      </c>
      <c r="D62747" s="1" t="s">
        <v>209762</v>
      </c>
      <c r="E62747" s="1" t="s">
        <v>209763</v>
      </c>
      <c r="F62747" s="1" t="s">
        <v>209764</v>
      </c>
      <c r="G62747" s="1" t="s">
        <v>209725</v>
      </c>
      <c r="H62747" s="1" t="s">
        <v>209726</v>
      </c>
      <c r="I62747" s="1" t="s">
        <v>207852</v>
      </c>
      <c r="J62747" s="1" t="s">
        <v>209765</v>
      </c>
    </row>
    <row r="62748" spans="1:10" x14ac:dyDescent="0.35">
      <c r="A62748" s="1" t="s">
        <v>143718</v>
      </c>
      <c r="B62748" s="1" t="s">
        <v>207847</v>
      </c>
      <c r="C62748" s="1" t="s">
        <v>75</v>
      </c>
      <c r="D62748" s="1" t="s">
        <v>209766</v>
      </c>
      <c r="E62748" s="1" t="s">
        <v>209767</v>
      </c>
      <c r="F62748" s="1" t="s">
        <v>209768</v>
      </c>
      <c r="G62748" s="1" t="s">
        <v>209725</v>
      </c>
      <c r="H62748" s="1" t="s">
        <v>209726</v>
      </c>
      <c r="I62748" s="1" t="s">
        <v>207852</v>
      </c>
      <c r="J62748" s="1" t="s">
        <v>209769</v>
      </c>
    </row>
    <row r="62749" spans="1:10" x14ac:dyDescent="0.35">
      <c r="A62749" s="1" t="s">
        <v>143718</v>
      </c>
      <c r="B62749" s="1" t="s">
        <v>207847</v>
      </c>
      <c r="C62749" s="1" t="s">
        <v>80</v>
      </c>
      <c r="D62749" s="1" t="s">
        <v>209770</v>
      </c>
      <c r="E62749" s="1" t="s">
        <v>209771</v>
      </c>
      <c r="F62749" s="1" t="s">
        <v>209772</v>
      </c>
      <c r="G62749" s="1" t="s">
        <v>209725</v>
      </c>
      <c r="H62749" s="1" t="s">
        <v>209726</v>
      </c>
      <c r="I62749" s="1" t="s">
        <v>207852</v>
      </c>
      <c r="J62749" s="1" t="s">
        <v>209773</v>
      </c>
    </row>
    <row r="62750" spans="1:10" x14ac:dyDescent="0.35">
      <c r="A62750" s="1" t="s">
        <v>143718</v>
      </c>
      <c r="B62750" s="1" t="s">
        <v>207847</v>
      </c>
      <c r="C62750" s="1" t="s">
        <v>85</v>
      </c>
      <c r="D62750" s="1" t="s">
        <v>166904</v>
      </c>
      <c r="E62750" s="1" t="s">
        <v>209774</v>
      </c>
      <c r="F62750" s="1" t="s">
        <v>209775</v>
      </c>
      <c r="G62750" s="1" t="s">
        <v>209725</v>
      </c>
      <c r="H62750" s="1" t="s">
        <v>209726</v>
      </c>
      <c r="I62750" s="1" t="s">
        <v>207852</v>
      </c>
      <c r="J62750" s="1" t="s">
        <v>209776</v>
      </c>
    </row>
    <row r="62751" spans="1:10" x14ac:dyDescent="0.35">
      <c r="A62751" s="1" t="s">
        <v>143718</v>
      </c>
      <c r="B62751" s="1" t="s">
        <v>207847</v>
      </c>
      <c r="C62751" s="1" t="s">
        <v>90</v>
      </c>
      <c r="D62751" s="1" t="s">
        <v>198049</v>
      </c>
      <c r="E62751" s="1" t="s">
        <v>209777</v>
      </c>
      <c r="F62751" s="1" t="s">
        <v>209778</v>
      </c>
      <c r="G62751" s="1" t="s">
        <v>209725</v>
      </c>
      <c r="H62751" s="1" t="s">
        <v>209726</v>
      </c>
      <c r="I62751" s="1" t="s">
        <v>207852</v>
      </c>
      <c r="J62751" s="1" t="s">
        <v>209779</v>
      </c>
    </row>
    <row r="62752" spans="1:10" x14ac:dyDescent="0.35">
      <c r="A62752" s="1" t="s">
        <v>143718</v>
      </c>
      <c r="B62752" s="1" t="s">
        <v>207847</v>
      </c>
      <c r="C62752" s="1" t="s">
        <v>95</v>
      </c>
      <c r="D62752" s="1" t="s">
        <v>171115</v>
      </c>
      <c r="E62752" s="1" t="s">
        <v>209780</v>
      </c>
      <c r="F62752" s="1" t="s">
        <v>209781</v>
      </c>
      <c r="G62752" s="1" t="s">
        <v>209725</v>
      </c>
      <c r="H62752" s="1" t="s">
        <v>209726</v>
      </c>
      <c r="I62752" s="1" t="s">
        <v>207852</v>
      </c>
      <c r="J62752" s="1" t="s">
        <v>209782</v>
      </c>
    </row>
    <row r="62753" spans="1:10" x14ac:dyDescent="0.35">
      <c r="A62753" s="1" t="s">
        <v>143718</v>
      </c>
      <c r="B62753" s="1" t="s">
        <v>207847</v>
      </c>
      <c r="C62753" s="1" t="s">
        <v>100</v>
      </c>
      <c r="D62753" s="1" t="s">
        <v>209783</v>
      </c>
      <c r="E62753" s="1" t="s">
        <v>209784</v>
      </c>
      <c r="F62753" s="1" t="s">
        <v>209785</v>
      </c>
      <c r="G62753" s="1" t="s">
        <v>209725</v>
      </c>
      <c r="H62753" s="1" t="s">
        <v>209726</v>
      </c>
      <c r="I62753" s="1" t="s">
        <v>207852</v>
      </c>
      <c r="J62753" s="1" t="s">
        <v>209786</v>
      </c>
    </row>
    <row r="62754" spans="1:10" x14ac:dyDescent="0.35">
      <c r="A62754" s="1" t="s">
        <v>143718</v>
      </c>
      <c r="B62754" s="1" t="s">
        <v>207847</v>
      </c>
      <c r="C62754" s="1" t="s">
        <v>105</v>
      </c>
      <c r="D62754" s="1" t="s">
        <v>209787</v>
      </c>
      <c r="E62754" s="1" t="s">
        <v>209788</v>
      </c>
      <c r="F62754" s="1" t="s">
        <v>209789</v>
      </c>
      <c r="G62754" s="1" t="s">
        <v>209725</v>
      </c>
      <c r="H62754" s="1" t="s">
        <v>209726</v>
      </c>
      <c r="I62754" s="1" t="s">
        <v>207852</v>
      </c>
      <c r="J62754" s="1" t="s">
        <v>209790</v>
      </c>
    </row>
    <row r="62755" spans="1:10" x14ac:dyDescent="0.35">
      <c r="A62755" s="1" t="s">
        <v>143718</v>
      </c>
      <c r="B62755" s="1" t="s">
        <v>207847</v>
      </c>
      <c r="C62755" s="1" t="s">
        <v>110</v>
      </c>
      <c r="D62755" s="1" t="s">
        <v>209791</v>
      </c>
      <c r="E62755" s="1" t="s">
        <v>209792</v>
      </c>
      <c r="F62755" s="1" t="s">
        <v>209793</v>
      </c>
      <c r="G62755" s="1" t="s">
        <v>209725</v>
      </c>
      <c r="H62755" s="1" t="s">
        <v>209726</v>
      </c>
      <c r="I62755" s="1" t="s">
        <v>207852</v>
      </c>
      <c r="J62755" s="1" t="s">
        <v>209794</v>
      </c>
    </row>
    <row r="62756" spans="1:10" x14ac:dyDescent="0.35">
      <c r="A62756" s="1" t="s">
        <v>143718</v>
      </c>
      <c r="B62756" s="1" t="s">
        <v>207847</v>
      </c>
      <c r="C62756" s="1" t="s">
        <v>115</v>
      </c>
      <c r="D62756" s="1" t="s">
        <v>81209</v>
      </c>
      <c r="E62756" s="1" t="s">
        <v>209795</v>
      </c>
      <c r="F62756" s="1" t="s">
        <v>209796</v>
      </c>
      <c r="G62756" s="1" t="s">
        <v>209725</v>
      </c>
      <c r="H62756" s="1" t="s">
        <v>209726</v>
      </c>
      <c r="I62756" s="1" t="s">
        <v>207852</v>
      </c>
      <c r="J62756" s="1" t="s">
        <v>209797</v>
      </c>
    </row>
    <row r="62757" spans="1:10" x14ac:dyDescent="0.35">
      <c r="A62757" s="1" t="s">
        <v>143718</v>
      </c>
      <c r="B62757" s="1" t="s">
        <v>207847</v>
      </c>
      <c r="C62757" s="1" t="s">
        <v>120</v>
      </c>
      <c r="D62757" s="1" t="s">
        <v>26693</v>
      </c>
      <c r="E62757" s="1" t="s">
        <v>209798</v>
      </c>
      <c r="F62757" s="1" t="s">
        <v>209799</v>
      </c>
      <c r="G62757" s="1" t="s">
        <v>209725</v>
      </c>
      <c r="H62757" s="1" t="s">
        <v>209726</v>
      </c>
      <c r="I62757" s="1" t="s">
        <v>207852</v>
      </c>
      <c r="J62757" s="1" t="s">
        <v>209800</v>
      </c>
    </row>
    <row r="62758" spans="1:10" x14ac:dyDescent="0.35">
      <c r="A62758" s="1" t="s">
        <v>143718</v>
      </c>
      <c r="B62758" s="1" t="s">
        <v>207847</v>
      </c>
      <c r="C62758" s="1" t="s">
        <v>125</v>
      </c>
      <c r="D62758" s="1" t="s">
        <v>89381</v>
      </c>
      <c r="E62758" s="1" t="s">
        <v>209801</v>
      </c>
      <c r="F62758" s="1" t="s">
        <v>209802</v>
      </c>
      <c r="G62758" s="1" t="s">
        <v>209725</v>
      </c>
      <c r="H62758" s="1" t="s">
        <v>209726</v>
      </c>
      <c r="I62758" s="1" t="s">
        <v>207852</v>
      </c>
      <c r="J62758" s="1" t="s">
        <v>209803</v>
      </c>
    </row>
    <row r="62759" spans="1:10" x14ac:dyDescent="0.35">
      <c r="A62759" s="1" t="s">
        <v>143718</v>
      </c>
      <c r="B62759" s="1" t="s">
        <v>207847</v>
      </c>
      <c r="C62759" s="1" t="s">
        <v>130</v>
      </c>
      <c r="D62759" s="1" t="s">
        <v>11119</v>
      </c>
      <c r="E62759" s="1" t="s">
        <v>209804</v>
      </c>
      <c r="F62759" s="1" t="s">
        <v>209805</v>
      </c>
      <c r="G62759" s="1" t="s">
        <v>209725</v>
      </c>
      <c r="H62759" s="1" t="s">
        <v>209726</v>
      </c>
      <c r="I62759" s="1" t="s">
        <v>207852</v>
      </c>
      <c r="J62759" s="1" t="s">
        <v>209806</v>
      </c>
    </row>
    <row r="62760" spans="1:10" x14ac:dyDescent="0.35">
      <c r="A62760" s="1" t="s">
        <v>143718</v>
      </c>
      <c r="B62760" s="1" t="s">
        <v>207847</v>
      </c>
      <c r="C62760" s="1" t="s">
        <v>135</v>
      </c>
      <c r="D62760" s="1" t="s">
        <v>65762</v>
      </c>
      <c r="E62760" s="1" t="s">
        <v>209807</v>
      </c>
      <c r="F62760" s="1" t="s">
        <v>209808</v>
      </c>
      <c r="G62760" s="1" t="s">
        <v>209725</v>
      </c>
      <c r="H62760" s="1" t="s">
        <v>209726</v>
      </c>
      <c r="I62760" s="1" t="s">
        <v>207852</v>
      </c>
      <c r="J62760" s="1" t="s">
        <v>209809</v>
      </c>
    </row>
    <row r="62761" spans="1:10" x14ac:dyDescent="0.35">
      <c r="A62761" s="1" t="s">
        <v>143718</v>
      </c>
      <c r="B62761" s="1" t="s">
        <v>207847</v>
      </c>
      <c r="C62761" s="1" t="s">
        <v>140</v>
      </c>
      <c r="D62761" s="1" t="s">
        <v>84647</v>
      </c>
      <c r="E62761" s="1" t="s">
        <v>209810</v>
      </c>
      <c r="F62761" s="1" t="s">
        <v>209811</v>
      </c>
      <c r="G62761" s="1" t="s">
        <v>209725</v>
      </c>
      <c r="H62761" s="1" t="s">
        <v>209726</v>
      </c>
      <c r="I62761" s="1" t="s">
        <v>207852</v>
      </c>
      <c r="J62761" s="1" t="s">
        <v>209812</v>
      </c>
    </row>
    <row r="62762" spans="1:10" x14ac:dyDescent="0.35">
      <c r="A62762" s="1" t="s">
        <v>143718</v>
      </c>
      <c r="B62762" s="1" t="s">
        <v>207847</v>
      </c>
      <c r="C62762" s="1" t="s">
        <v>145</v>
      </c>
      <c r="D62762" s="1" t="s">
        <v>33390</v>
      </c>
      <c r="E62762" s="1" t="s">
        <v>209813</v>
      </c>
      <c r="F62762" s="1" t="s">
        <v>209814</v>
      </c>
      <c r="G62762" s="1" t="s">
        <v>209725</v>
      </c>
      <c r="H62762" s="1" t="s">
        <v>209726</v>
      </c>
      <c r="I62762" s="1" t="s">
        <v>207852</v>
      </c>
      <c r="J62762" s="1" t="s">
        <v>209815</v>
      </c>
    </row>
    <row r="62763" spans="1:10" x14ac:dyDescent="0.35">
      <c r="A62763" s="1" t="s">
        <v>143718</v>
      </c>
      <c r="B62763" s="1" t="s">
        <v>207847</v>
      </c>
      <c r="C62763" s="1" t="s">
        <v>150</v>
      </c>
      <c r="D62763" s="1" t="s">
        <v>26834</v>
      </c>
      <c r="E62763" s="1" t="s">
        <v>209816</v>
      </c>
      <c r="F62763" s="1" t="s">
        <v>209817</v>
      </c>
      <c r="G62763" s="1" t="s">
        <v>209725</v>
      </c>
      <c r="H62763" s="1" t="s">
        <v>209726</v>
      </c>
      <c r="I62763" s="1" t="s">
        <v>207852</v>
      </c>
      <c r="J62763" s="1" t="s">
        <v>209818</v>
      </c>
    </row>
    <row r="62764" spans="1:10" x14ac:dyDescent="0.35">
      <c r="A62764" s="1" t="s">
        <v>143718</v>
      </c>
      <c r="B62764" s="1" t="s">
        <v>207847</v>
      </c>
      <c r="C62764" s="1" t="s">
        <v>155</v>
      </c>
      <c r="D62764" s="1" t="s">
        <v>209819</v>
      </c>
      <c r="E62764" s="1" t="s">
        <v>209820</v>
      </c>
      <c r="F62764" s="1" t="s">
        <v>209821</v>
      </c>
      <c r="G62764" s="1" t="s">
        <v>209725</v>
      </c>
      <c r="H62764" s="1" t="s">
        <v>209726</v>
      </c>
      <c r="I62764" s="1" t="s">
        <v>207852</v>
      </c>
      <c r="J62764" s="1" t="s">
        <v>209822</v>
      </c>
    </row>
    <row r="62765" spans="1:10" x14ac:dyDescent="0.35">
      <c r="A62765" s="1" t="s">
        <v>143718</v>
      </c>
      <c r="B62765" s="1" t="s">
        <v>207847</v>
      </c>
      <c r="C62765" s="1" t="s">
        <v>160</v>
      </c>
      <c r="D62765" s="1" t="s">
        <v>54516</v>
      </c>
      <c r="E62765" s="1" t="s">
        <v>209823</v>
      </c>
      <c r="F62765" s="1" t="s">
        <v>209824</v>
      </c>
      <c r="G62765" s="1" t="s">
        <v>209725</v>
      </c>
      <c r="H62765" s="1" t="s">
        <v>209726</v>
      </c>
      <c r="I62765" s="1" t="s">
        <v>207852</v>
      </c>
      <c r="J62765" s="1" t="s">
        <v>209825</v>
      </c>
    </row>
    <row r="62766" spans="1:10" x14ac:dyDescent="0.35">
      <c r="A62766" s="1" t="s">
        <v>143718</v>
      </c>
      <c r="B62766" s="1" t="s">
        <v>207847</v>
      </c>
      <c r="C62766" s="1" t="s">
        <v>165</v>
      </c>
      <c r="D62766" s="1" t="s">
        <v>134377</v>
      </c>
      <c r="E62766" s="1" t="s">
        <v>209826</v>
      </c>
      <c r="F62766" s="1" t="s">
        <v>209827</v>
      </c>
      <c r="G62766" s="1" t="s">
        <v>209725</v>
      </c>
      <c r="H62766" s="1" t="s">
        <v>209726</v>
      </c>
      <c r="I62766" s="1" t="s">
        <v>207852</v>
      </c>
      <c r="J62766" s="1" t="s">
        <v>209828</v>
      </c>
    </row>
    <row r="62767" spans="1:10" x14ac:dyDescent="0.35">
      <c r="A62767" s="1" t="s">
        <v>143718</v>
      </c>
      <c r="B62767" s="1" t="s">
        <v>207847</v>
      </c>
      <c r="C62767" s="1" t="s">
        <v>170</v>
      </c>
      <c r="D62767" s="1" t="s">
        <v>209829</v>
      </c>
      <c r="E62767" s="1" t="s">
        <v>209830</v>
      </c>
      <c r="F62767" s="1" t="s">
        <v>209831</v>
      </c>
      <c r="G62767" s="1" t="s">
        <v>209725</v>
      </c>
      <c r="H62767" s="1" t="s">
        <v>209726</v>
      </c>
      <c r="I62767" s="1" t="s">
        <v>207852</v>
      </c>
      <c r="J62767" s="1" t="s">
        <v>209832</v>
      </c>
    </row>
    <row r="62768" spans="1:10" x14ac:dyDescent="0.35">
      <c r="A62768" s="1" t="s">
        <v>8284</v>
      </c>
      <c r="B62768" s="1" t="s">
        <v>207847</v>
      </c>
      <c r="C62768" s="1" t="s">
        <v>8</v>
      </c>
      <c r="D62768" s="1" t="s">
        <v>171297</v>
      </c>
      <c r="E62768" s="1" t="s">
        <v>209833</v>
      </c>
      <c r="F62768" s="1" t="s">
        <v>209834</v>
      </c>
      <c r="G62768" s="1" t="s">
        <v>209835</v>
      </c>
      <c r="H62768" s="1" t="s">
        <v>209836</v>
      </c>
      <c r="I62768" s="1" t="s">
        <v>207852</v>
      </c>
      <c r="J62768" s="1" t="s">
        <v>13</v>
      </c>
    </row>
    <row r="62769" spans="1:10" x14ac:dyDescent="0.35">
      <c r="A62769" s="1" t="s">
        <v>8284</v>
      </c>
      <c r="B62769" s="1" t="s">
        <v>207847</v>
      </c>
      <c r="C62769" s="1" t="s">
        <v>15</v>
      </c>
      <c r="D62769" s="1" t="s">
        <v>209837</v>
      </c>
      <c r="E62769" s="1" t="s">
        <v>209838</v>
      </c>
      <c r="F62769" s="1" t="s">
        <v>209839</v>
      </c>
      <c r="G62769" s="1" t="s">
        <v>209835</v>
      </c>
      <c r="H62769" s="1" t="s">
        <v>209836</v>
      </c>
      <c r="I62769" s="1" t="s">
        <v>207852</v>
      </c>
      <c r="J62769" s="1" t="s">
        <v>209840</v>
      </c>
    </row>
    <row r="62770" spans="1:10" x14ac:dyDescent="0.35">
      <c r="A62770" s="1" t="s">
        <v>8284</v>
      </c>
      <c r="B62770" s="1" t="s">
        <v>207847</v>
      </c>
      <c r="C62770" s="1" t="s">
        <v>20</v>
      </c>
      <c r="D62770" s="1" t="s">
        <v>153564</v>
      </c>
      <c r="E62770" s="1" t="s">
        <v>209841</v>
      </c>
      <c r="F62770" s="1" t="s">
        <v>209842</v>
      </c>
      <c r="G62770" s="1" t="s">
        <v>209835</v>
      </c>
      <c r="H62770" s="1" t="s">
        <v>209836</v>
      </c>
      <c r="I62770" s="1" t="s">
        <v>207852</v>
      </c>
      <c r="J62770" s="1" t="s">
        <v>209843</v>
      </c>
    </row>
    <row r="62771" spans="1:10" x14ac:dyDescent="0.35">
      <c r="A62771" s="1" t="s">
        <v>8284</v>
      </c>
      <c r="B62771" s="1" t="s">
        <v>207847</v>
      </c>
      <c r="C62771" s="1" t="s">
        <v>25</v>
      </c>
      <c r="D62771" s="1" t="s">
        <v>113451</v>
      </c>
      <c r="E62771" s="1" t="s">
        <v>209844</v>
      </c>
      <c r="F62771" s="1" t="s">
        <v>209845</v>
      </c>
      <c r="G62771" s="1" t="s">
        <v>209835</v>
      </c>
      <c r="H62771" s="1" t="s">
        <v>209836</v>
      </c>
      <c r="I62771" s="1" t="s">
        <v>207852</v>
      </c>
      <c r="J62771" s="1" t="s">
        <v>209846</v>
      </c>
    </row>
    <row r="62772" spans="1:10" x14ac:dyDescent="0.35">
      <c r="A62772" s="1" t="s">
        <v>8284</v>
      </c>
      <c r="B62772" s="1" t="s">
        <v>207847</v>
      </c>
      <c r="C62772" s="1" t="s">
        <v>30</v>
      </c>
      <c r="D62772" s="1" t="s">
        <v>75332</v>
      </c>
      <c r="E62772" s="1" t="s">
        <v>209847</v>
      </c>
      <c r="F62772" s="1" t="s">
        <v>209848</v>
      </c>
      <c r="G62772" s="1" t="s">
        <v>209835</v>
      </c>
      <c r="H62772" s="1" t="s">
        <v>209836</v>
      </c>
      <c r="I62772" s="1" t="s">
        <v>207852</v>
      </c>
      <c r="J62772" s="1" t="s">
        <v>209849</v>
      </c>
    </row>
    <row r="62773" spans="1:10" x14ac:dyDescent="0.35">
      <c r="A62773" s="1" t="s">
        <v>8284</v>
      </c>
      <c r="B62773" s="1" t="s">
        <v>207847</v>
      </c>
      <c r="C62773" s="1" t="s">
        <v>35</v>
      </c>
      <c r="D62773" s="1" t="s">
        <v>42550</v>
      </c>
      <c r="E62773" s="1" t="s">
        <v>209850</v>
      </c>
      <c r="F62773" s="1" t="s">
        <v>209851</v>
      </c>
      <c r="G62773" s="1" t="s">
        <v>209835</v>
      </c>
      <c r="H62773" s="1" t="s">
        <v>209836</v>
      </c>
      <c r="I62773" s="1" t="s">
        <v>207852</v>
      </c>
      <c r="J62773" s="1" t="s">
        <v>209852</v>
      </c>
    </row>
    <row r="62774" spans="1:10" x14ac:dyDescent="0.35">
      <c r="A62774" s="1" t="s">
        <v>8284</v>
      </c>
      <c r="B62774" s="1" t="s">
        <v>207847</v>
      </c>
      <c r="C62774" s="1" t="s">
        <v>40</v>
      </c>
      <c r="D62774" s="1" t="s">
        <v>33021</v>
      </c>
      <c r="E62774" s="1" t="s">
        <v>209853</v>
      </c>
      <c r="F62774" s="1" t="s">
        <v>209854</v>
      </c>
      <c r="G62774" s="1" t="s">
        <v>209835</v>
      </c>
      <c r="H62774" s="1" t="s">
        <v>209836</v>
      </c>
      <c r="I62774" s="1" t="s">
        <v>207852</v>
      </c>
      <c r="J62774" s="1" t="s">
        <v>209855</v>
      </c>
    </row>
    <row r="62775" spans="1:10" x14ac:dyDescent="0.35">
      <c r="A62775" s="1" t="s">
        <v>8284</v>
      </c>
      <c r="B62775" s="1" t="s">
        <v>207847</v>
      </c>
      <c r="C62775" s="1" t="s">
        <v>45</v>
      </c>
      <c r="D62775" s="1" t="s">
        <v>209856</v>
      </c>
      <c r="E62775" s="1" t="s">
        <v>209857</v>
      </c>
      <c r="F62775" s="1" t="s">
        <v>209858</v>
      </c>
      <c r="G62775" s="1" t="s">
        <v>209835</v>
      </c>
      <c r="H62775" s="1" t="s">
        <v>209836</v>
      </c>
      <c r="I62775" s="1" t="s">
        <v>207852</v>
      </c>
      <c r="J62775" s="1" t="s">
        <v>209859</v>
      </c>
    </row>
    <row r="62776" spans="1:10" x14ac:dyDescent="0.35">
      <c r="A62776" s="1" t="s">
        <v>8284</v>
      </c>
      <c r="B62776" s="1" t="s">
        <v>207847</v>
      </c>
      <c r="C62776" s="1" t="s">
        <v>50</v>
      </c>
      <c r="D62776" s="1" t="s">
        <v>195545</v>
      </c>
      <c r="E62776" s="1" t="s">
        <v>209860</v>
      </c>
      <c r="F62776" s="1" t="s">
        <v>209861</v>
      </c>
      <c r="G62776" s="1" t="s">
        <v>209835</v>
      </c>
      <c r="H62776" s="1" t="s">
        <v>209836</v>
      </c>
      <c r="I62776" s="1" t="s">
        <v>207852</v>
      </c>
      <c r="J62776" s="1" t="s">
        <v>209862</v>
      </c>
    </row>
    <row r="62777" spans="1:10" x14ac:dyDescent="0.35">
      <c r="A62777" s="1" t="s">
        <v>8284</v>
      </c>
      <c r="B62777" s="1" t="s">
        <v>207847</v>
      </c>
      <c r="C62777" s="1" t="s">
        <v>55</v>
      </c>
      <c r="D62777" s="1" t="s">
        <v>83248</v>
      </c>
      <c r="E62777" s="1" t="s">
        <v>209863</v>
      </c>
      <c r="F62777" s="1" t="s">
        <v>209864</v>
      </c>
      <c r="G62777" s="1" t="s">
        <v>209835</v>
      </c>
      <c r="H62777" s="1" t="s">
        <v>209836</v>
      </c>
      <c r="I62777" s="1" t="s">
        <v>207852</v>
      </c>
      <c r="J62777" s="1" t="s">
        <v>209865</v>
      </c>
    </row>
    <row r="62778" spans="1:10" x14ac:dyDescent="0.35">
      <c r="A62778" s="1" t="s">
        <v>8284</v>
      </c>
      <c r="B62778" s="1" t="s">
        <v>207847</v>
      </c>
      <c r="C62778" s="1" t="s">
        <v>60</v>
      </c>
      <c r="D62778" s="1" t="s">
        <v>30348</v>
      </c>
      <c r="E62778" s="1" t="s">
        <v>209866</v>
      </c>
      <c r="F62778" s="1" t="s">
        <v>209867</v>
      </c>
      <c r="G62778" s="1" t="s">
        <v>209835</v>
      </c>
      <c r="H62778" s="1" t="s">
        <v>209836</v>
      </c>
      <c r="I62778" s="1" t="s">
        <v>207852</v>
      </c>
      <c r="J62778" s="1" t="s">
        <v>209868</v>
      </c>
    </row>
    <row r="62779" spans="1:10" x14ac:dyDescent="0.35">
      <c r="A62779" s="1" t="s">
        <v>8284</v>
      </c>
      <c r="B62779" s="1" t="s">
        <v>207847</v>
      </c>
      <c r="C62779" s="1" t="s">
        <v>65</v>
      </c>
      <c r="D62779" s="1" t="s">
        <v>209869</v>
      </c>
      <c r="E62779" s="1" t="s">
        <v>209870</v>
      </c>
      <c r="F62779" s="1" t="s">
        <v>209871</v>
      </c>
      <c r="G62779" s="1" t="s">
        <v>209835</v>
      </c>
      <c r="H62779" s="1" t="s">
        <v>209836</v>
      </c>
      <c r="I62779" s="1" t="s">
        <v>207852</v>
      </c>
      <c r="J62779" s="1" t="s">
        <v>209872</v>
      </c>
    </row>
    <row r="62780" spans="1:10" x14ac:dyDescent="0.35">
      <c r="A62780" s="1" t="s">
        <v>8284</v>
      </c>
      <c r="B62780" s="1" t="s">
        <v>207847</v>
      </c>
      <c r="C62780" s="1" t="s">
        <v>70</v>
      </c>
      <c r="D62780" s="1" t="s">
        <v>154700</v>
      </c>
      <c r="E62780" s="1" t="s">
        <v>209873</v>
      </c>
      <c r="F62780" s="1" t="s">
        <v>209874</v>
      </c>
      <c r="G62780" s="1" t="s">
        <v>209835</v>
      </c>
      <c r="H62780" s="1" t="s">
        <v>209836</v>
      </c>
      <c r="I62780" s="1" t="s">
        <v>207852</v>
      </c>
      <c r="J62780" s="1" t="s">
        <v>209875</v>
      </c>
    </row>
    <row r="62781" spans="1:10" x14ac:dyDescent="0.35">
      <c r="A62781" s="1" t="s">
        <v>8284</v>
      </c>
      <c r="B62781" s="1" t="s">
        <v>207847</v>
      </c>
      <c r="C62781" s="1" t="s">
        <v>75</v>
      </c>
      <c r="D62781" s="1" t="s">
        <v>124331</v>
      </c>
      <c r="E62781" s="1" t="s">
        <v>209876</v>
      </c>
      <c r="F62781" s="1" t="s">
        <v>209877</v>
      </c>
      <c r="G62781" s="1" t="s">
        <v>209835</v>
      </c>
      <c r="H62781" s="1" t="s">
        <v>209836</v>
      </c>
      <c r="I62781" s="1" t="s">
        <v>207852</v>
      </c>
      <c r="J62781" s="1" t="s">
        <v>209878</v>
      </c>
    </row>
    <row r="62782" spans="1:10" x14ac:dyDescent="0.35">
      <c r="A62782" s="1" t="s">
        <v>8284</v>
      </c>
      <c r="B62782" s="1" t="s">
        <v>207847</v>
      </c>
      <c r="C62782" s="1" t="s">
        <v>80</v>
      </c>
      <c r="D62782" s="1" t="s">
        <v>48834</v>
      </c>
      <c r="E62782" s="1" t="s">
        <v>209879</v>
      </c>
      <c r="F62782" s="1" t="s">
        <v>209880</v>
      </c>
      <c r="G62782" s="1" t="s">
        <v>209835</v>
      </c>
      <c r="H62782" s="1" t="s">
        <v>209836</v>
      </c>
      <c r="I62782" s="1" t="s">
        <v>207852</v>
      </c>
      <c r="J62782" s="1" t="s">
        <v>209881</v>
      </c>
    </row>
    <row r="62783" spans="1:10" x14ac:dyDescent="0.35">
      <c r="A62783" s="1" t="s">
        <v>8284</v>
      </c>
      <c r="B62783" s="1" t="s">
        <v>207847</v>
      </c>
      <c r="C62783" s="1" t="s">
        <v>85</v>
      </c>
      <c r="D62783" s="1" t="s">
        <v>209882</v>
      </c>
      <c r="E62783" s="1" t="s">
        <v>209883</v>
      </c>
      <c r="F62783" s="1" t="s">
        <v>209884</v>
      </c>
      <c r="G62783" s="1" t="s">
        <v>209835</v>
      </c>
      <c r="H62783" s="1" t="s">
        <v>209836</v>
      </c>
      <c r="I62783" s="1" t="s">
        <v>207852</v>
      </c>
      <c r="J62783" s="1" t="s">
        <v>209885</v>
      </c>
    </row>
    <row r="62784" spans="1:10" x14ac:dyDescent="0.35">
      <c r="A62784" s="1" t="s">
        <v>8284</v>
      </c>
      <c r="B62784" s="1" t="s">
        <v>207847</v>
      </c>
      <c r="C62784" s="1" t="s">
        <v>90</v>
      </c>
      <c r="D62784" s="1" t="s">
        <v>209886</v>
      </c>
      <c r="E62784" s="1" t="s">
        <v>209887</v>
      </c>
      <c r="F62784" s="1" t="s">
        <v>209888</v>
      </c>
      <c r="G62784" s="1" t="s">
        <v>209835</v>
      </c>
      <c r="H62784" s="1" t="s">
        <v>209836</v>
      </c>
      <c r="I62784" s="1" t="s">
        <v>207852</v>
      </c>
      <c r="J62784" s="1" t="s">
        <v>209889</v>
      </c>
    </row>
    <row r="62785" spans="1:10" x14ac:dyDescent="0.35">
      <c r="A62785" s="1" t="s">
        <v>8284</v>
      </c>
      <c r="B62785" s="1" t="s">
        <v>207847</v>
      </c>
      <c r="C62785" s="1" t="s">
        <v>95</v>
      </c>
      <c r="D62785" s="1" t="s">
        <v>106942</v>
      </c>
      <c r="E62785" s="1" t="s">
        <v>209890</v>
      </c>
      <c r="F62785" s="1" t="s">
        <v>209891</v>
      </c>
      <c r="G62785" s="1" t="s">
        <v>209835</v>
      </c>
      <c r="H62785" s="1" t="s">
        <v>209836</v>
      </c>
      <c r="I62785" s="1" t="s">
        <v>207852</v>
      </c>
      <c r="J62785" s="1" t="s">
        <v>209892</v>
      </c>
    </row>
    <row r="62786" spans="1:10" x14ac:dyDescent="0.35">
      <c r="A62786" s="1" t="s">
        <v>8284</v>
      </c>
      <c r="B62786" s="1" t="s">
        <v>207847</v>
      </c>
      <c r="C62786" s="1" t="s">
        <v>100</v>
      </c>
      <c r="D62786" s="1" t="s">
        <v>209893</v>
      </c>
      <c r="E62786" s="1" t="s">
        <v>209894</v>
      </c>
      <c r="F62786" s="1" t="s">
        <v>209895</v>
      </c>
      <c r="G62786" s="1" t="s">
        <v>209835</v>
      </c>
      <c r="H62786" s="1" t="s">
        <v>209836</v>
      </c>
      <c r="I62786" s="1" t="s">
        <v>207852</v>
      </c>
      <c r="J62786" s="1" t="s">
        <v>209896</v>
      </c>
    </row>
    <row r="62787" spans="1:10" x14ac:dyDescent="0.35">
      <c r="A62787" s="1" t="s">
        <v>8284</v>
      </c>
      <c r="B62787" s="1" t="s">
        <v>207847</v>
      </c>
      <c r="C62787" s="1" t="s">
        <v>105</v>
      </c>
      <c r="D62787" s="1" t="s">
        <v>184165</v>
      </c>
      <c r="E62787" s="1" t="s">
        <v>209897</v>
      </c>
      <c r="F62787" s="1" t="s">
        <v>209898</v>
      </c>
      <c r="G62787" s="1" t="s">
        <v>209835</v>
      </c>
      <c r="H62787" s="1" t="s">
        <v>209836</v>
      </c>
      <c r="I62787" s="1" t="s">
        <v>207852</v>
      </c>
      <c r="J62787" s="1" t="s">
        <v>209899</v>
      </c>
    </row>
    <row r="62788" spans="1:10" x14ac:dyDescent="0.35">
      <c r="A62788" s="1" t="s">
        <v>8284</v>
      </c>
      <c r="B62788" s="1" t="s">
        <v>207847</v>
      </c>
      <c r="C62788" s="1" t="s">
        <v>110</v>
      </c>
      <c r="D62788" s="1" t="s">
        <v>152763</v>
      </c>
      <c r="E62788" s="1" t="s">
        <v>209900</v>
      </c>
      <c r="F62788" s="1" t="s">
        <v>209901</v>
      </c>
      <c r="G62788" s="1" t="s">
        <v>209835</v>
      </c>
      <c r="H62788" s="1" t="s">
        <v>209836</v>
      </c>
      <c r="I62788" s="1" t="s">
        <v>207852</v>
      </c>
      <c r="J62788" s="1" t="s">
        <v>209902</v>
      </c>
    </row>
    <row r="62789" spans="1:10" x14ac:dyDescent="0.35">
      <c r="A62789" s="1" t="s">
        <v>8284</v>
      </c>
      <c r="B62789" s="1" t="s">
        <v>207847</v>
      </c>
      <c r="C62789" s="1" t="s">
        <v>115</v>
      </c>
      <c r="D62789" s="1" t="s">
        <v>178593</v>
      </c>
      <c r="E62789" s="1" t="s">
        <v>209903</v>
      </c>
      <c r="F62789" s="1" t="s">
        <v>209904</v>
      </c>
      <c r="G62789" s="1" t="s">
        <v>209835</v>
      </c>
      <c r="H62789" s="1" t="s">
        <v>209836</v>
      </c>
      <c r="I62789" s="1" t="s">
        <v>207852</v>
      </c>
      <c r="J62789" s="1" t="s">
        <v>209905</v>
      </c>
    </row>
    <row r="62790" spans="1:10" x14ac:dyDescent="0.35">
      <c r="A62790" s="1" t="s">
        <v>8284</v>
      </c>
      <c r="B62790" s="1" t="s">
        <v>207847</v>
      </c>
      <c r="C62790" s="1" t="s">
        <v>120</v>
      </c>
      <c r="D62790" s="1" t="s">
        <v>160220</v>
      </c>
      <c r="E62790" s="1" t="s">
        <v>209906</v>
      </c>
      <c r="F62790" s="1" t="s">
        <v>209907</v>
      </c>
      <c r="G62790" s="1" t="s">
        <v>209835</v>
      </c>
      <c r="H62790" s="1" t="s">
        <v>209836</v>
      </c>
      <c r="I62790" s="1" t="s">
        <v>207852</v>
      </c>
      <c r="J62790" s="1" t="s">
        <v>209908</v>
      </c>
    </row>
    <row r="62791" spans="1:10" x14ac:dyDescent="0.35">
      <c r="A62791" s="1" t="s">
        <v>8284</v>
      </c>
      <c r="B62791" s="1" t="s">
        <v>207847</v>
      </c>
      <c r="C62791" s="1" t="s">
        <v>125</v>
      </c>
      <c r="D62791" s="1" t="s">
        <v>68654</v>
      </c>
      <c r="E62791" s="1" t="s">
        <v>209909</v>
      </c>
      <c r="F62791" s="1" t="s">
        <v>209910</v>
      </c>
      <c r="G62791" s="1" t="s">
        <v>209835</v>
      </c>
      <c r="H62791" s="1" t="s">
        <v>209836</v>
      </c>
      <c r="I62791" s="1" t="s">
        <v>207852</v>
      </c>
      <c r="J62791" s="1" t="s">
        <v>209911</v>
      </c>
    </row>
    <row r="62792" spans="1:10" x14ac:dyDescent="0.35">
      <c r="A62792" s="1" t="s">
        <v>8284</v>
      </c>
      <c r="B62792" s="1" t="s">
        <v>207847</v>
      </c>
      <c r="C62792" s="1" t="s">
        <v>130</v>
      </c>
      <c r="D62792" s="1" t="s">
        <v>53227</v>
      </c>
      <c r="E62792" s="1" t="s">
        <v>209912</v>
      </c>
      <c r="F62792" s="1" t="s">
        <v>209913</v>
      </c>
      <c r="G62792" s="1" t="s">
        <v>209835</v>
      </c>
      <c r="H62792" s="1" t="s">
        <v>209836</v>
      </c>
      <c r="I62792" s="1" t="s">
        <v>207852</v>
      </c>
      <c r="J62792" s="1" t="s">
        <v>209914</v>
      </c>
    </row>
    <row r="62793" spans="1:10" x14ac:dyDescent="0.35">
      <c r="A62793" s="1" t="s">
        <v>8284</v>
      </c>
      <c r="B62793" s="1" t="s">
        <v>207847</v>
      </c>
      <c r="C62793" s="1" t="s">
        <v>135</v>
      </c>
      <c r="D62793" s="1" t="s">
        <v>136023</v>
      </c>
      <c r="E62793" s="1" t="s">
        <v>209915</v>
      </c>
      <c r="F62793" s="1" t="s">
        <v>209916</v>
      </c>
      <c r="G62793" s="1" t="s">
        <v>209835</v>
      </c>
      <c r="H62793" s="1" t="s">
        <v>209836</v>
      </c>
      <c r="I62793" s="1" t="s">
        <v>207852</v>
      </c>
      <c r="J62793" s="1" t="s">
        <v>209917</v>
      </c>
    </row>
    <row r="62794" spans="1:10" x14ac:dyDescent="0.35">
      <c r="A62794" s="1" t="s">
        <v>8284</v>
      </c>
      <c r="B62794" s="1" t="s">
        <v>207847</v>
      </c>
      <c r="C62794" s="1" t="s">
        <v>140</v>
      </c>
      <c r="D62794" s="1" t="s">
        <v>55637</v>
      </c>
      <c r="E62794" s="1" t="s">
        <v>209918</v>
      </c>
      <c r="F62794" s="1" t="s">
        <v>209919</v>
      </c>
      <c r="G62794" s="1" t="s">
        <v>209835</v>
      </c>
      <c r="H62794" s="1" t="s">
        <v>209836</v>
      </c>
      <c r="I62794" s="1" t="s">
        <v>207852</v>
      </c>
      <c r="J62794" s="1" t="s">
        <v>209920</v>
      </c>
    </row>
    <row r="62795" spans="1:10" x14ac:dyDescent="0.35">
      <c r="A62795" s="1" t="s">
        <v>8284</v>
      </c>
      <c r="B62795" s="1" t="s">
        <v>207847</v>
      </c>
      <c r="C62795" s="1" t="s">
        <v>145</v>
      </c>
      <c r="D62795" s="1" t="s">
        <v>209921</v>
      </c>
      <c r="E62795" s="1" t="s">
        <v>209922</v>
      </c>
      <c r="F62795" s="1" t="s">
        <v>209923</v>
      </c>
      <c r="G62795" s="1" t="s">
        <v>209835</v>
      </c>
      <c r="H62795" s="1" t="s">
        <v>209836</v>
      </c>
      <c r="I62795" s="1" t="s">
        <v>207852</v>
      </c>
      <c r="J62795" s="1" t="s">
        <v>209924</v>
      </c>
    </row>
    <row r="62796" spans="1:10" x14ac:dyDescent="0.35">
      <c r="A62796" s="1" t="s">
        <v>8284</v>
      </c>
      <c r="B62796" s="1" t="s">
        <v>207847</v>
      </c>
      <c r="C62796" s="1" t="s">
        <v>150</v>
      </c>
      <c r="D62796" s="1" t="s">
        <v>114533</v>
      </c>
      <c r="E62796" s="1" t="s">
        <v>209925</v>
      </c>
      <c r="F62796" s="1" t="s">
        <v>209926</v>
      </c>
      <c r="G62796" s="1" t="s">
        <v>209835</v>
      </c>
      <c r="H62796" s="1" t="s">
        <v>209836</v>
      </c>
      <c r="I62796" s="1" t="s">
        <v>207852</v>
      </c>
      <c r="J62796" s="1" t="s">
        <v>209927</v>
      </c>
    </row>
    <row r="62797" spans="1:10" x14ac:dyDescent="0.35">
      <c r="A62797" s="1" t="s">
        <v>8284</v>
      </c>
      <c r="B62797" s="1" t="s">
        <v>207847</v>
      </c>
      <c r="C62797" s="1" t="s">
        <v>155</v>
      </c>
      <c r="D62797" s="1" t="s">
        <v>209928</v>
      </c>
      <c r="E62797" s="1" t="s">
        <v>209929</v>
      </c>
      <c r="F62797" s="1" t="s">
        <v>209930</v>
      </c>
      <c r="G62797" s="1" t="s">
        <v>209835</v>
      </c>
      <c r="H62797" s="1" t="s">
        <v>209836</v>
      </c>
      <c r="I62797" s="1" t="s">
        <v>207852</v>
      </c>
      <c r="J62797" s="1" t="s">
        <v>209931</v>
      </c>
    </row>
    <row r="62798" spans="1:10" x14ac:dyDescent="0.35">
      <c r="A62798" s="1" t="s">
        <v>8284</v>
      </c>
      <c r="B62798" s="1" t="s">
        <v>207847</v>
      </c>
      <c r="C62798" s="1" t="s">
        <v>160</v>
      </c>
      <c r="D62798" s="1" t="s">
        <v>209932</v>
      </c>
      <c r="E62798" s="1" t="s">
        <v>209933</v>
      </c>
      <c r="F62798" s="1" t="s">
        <v>209934</v>
      </c>
      <c r="G62798" s="1" t="s">
        <v>209835</v>
      </c>
      <c r="H62798" s="1" t="s">
        <v>209836</v>
      </c>
      <c r="I62798" s="1" t="s">
        <v>207852</v>
      </c>
      <c r="J62798" s="1" t="s">
        <v>209935</v>
      </c>
    </row>
    <row r="62799" spans="1:10" x14ac:dyDescent="0.35">
      <c r="A62799" s="1" t="s">
        <v>8284</v>
      </c>
      <c r="B62799" s="1" t="s">
        <v>207847</v>
      </c>
      <c r="C62799" s="1" t="s">
        <v>165</v>
      </c>
      <c r="D62799" s="1" t="s">
        <v>63719</v>
      </c>
      <c r="E62799" s="1" t="s">
        <v>209936</v>
      </c>
      <c r="F62799" s="1" t="s">
        <v>209937</v>
      </c>
      <c r="G62799" s="1" t="s">
        <v>209835</v>
      </c>
      <c r="H62799" s="1" t="s">
        <v>209836</v>
      </c>
      <c r="I62799" s="1" t="s">
        <v>207852</v>
      </c>
      <c r="J62799" s="1" t="s">
        <v>209938</v>
      </c>
    </row>
    <row r="62800" spans="1:10" x14ac:dyDescent="0.35">
      <c r="A62800" s="1" t="s">
        <v>8284</v>
      </c>
      <c r="B62800" s="1" t="s">
        <v>207847</v>
      </c>
      <c r="C62800" s="1" t="s">
        <v>170</v>
      </c>
      <c r="D62800" s="1" t="s">
        <v>209939</v>
      </c>
      <c r="E62800" s="1" t="s">
        <v>209940</v>
      </c>
      <c r="F62800" s="1" t="s">
        <v>209941</v>
      </c>
      <c r="G62800" s="1" t="s">
        <v>209835</v>
      </c>
      <c r="H62800" s="1" t="s">
        <v>209836</v>
      </c>
      <c r="I62800" s="1" t="s">
        <v>207852</v>
      </c>
      <c r="J62800" s="1" t="s">
        <v>209942</v>
      </c>
    </row>
    <row r="62801" spans="1:10" x14ac:dyDescent="0.35">
      <c r="A62801" s="1" t="s">
        <v>43806</v>
      </c>
      <c r="B62801" s="1" t="s">
        <v>207847</v>
      </c>
      <c r="C62801" s="1" t="s">
        <v>8</v>
      </c>
      <c r="D62801" s="1" t="s">
        <v>38013</v>
      </c>
      <c r="E62801" s="1" t="s">
        <v>209943</v>
      </c>
      <c r="F62801" s="1" t="s">
        <v>209944</v>
      </c>
      <c r="G62801" s="1" t="s">
        <v>209945</v>
      </c>
      <c r="H62801" s="1" t="s">
        <v>209946</v>
      </c>
      <c r="I62801" s="1" t="s">
        <v>207852</v>
      </c>
      <c r="J62801" s="1" t="s">
        <v>13</v>
      </c>
    </row>
    <row r="62802" spans="1:10" x14ac:dyDescent="0.35">
      <c r="A62802" s="1" t="s">
        <v>43806</v>
      </c>
      <c r="B62802" s="1" t="s">
        <v>207847</v>
      </c>
      <c r="C62802" s="1" t="s">
        <v>15</v>
      </c>
      <c r="D62802" s="1" t="s">
        <v>209947</v>
      </c>
      <c r="E62802" s="1" t="s">
        <v>209948</v>
      </c>
      <c r="F62802" s="1" t="s">
        <v>209949</v>
      </c>
      <c r="G62802" s="1" t="s">
        <v>209945</v>
      </c>
      <c r="H62802" s="1" t="s">
        <v>209946</v>
      </c>
      <c r="I62802" s="1" t="s">
        <v>207852</v>
      </c>
      <c r="J62802" s="1" t="s">
        <v>209950</v>
      </c>
    </row>
    <row r="62803" spans="1:10" x14ac:dyDescent="0.35">
      <c r="A62803" s="1" t="s">
        <v>43806</v>
      </c>
      <c r="B62803" s="1" t="s">
        <v>207847</v>
      </c>
      <c r="C62803" s="1" t="s">
        <v>20</v>
      </c>
      <c r="D62803" s="1" t="s">
        <v>123178</v>
      </c>
      <c r="E62803" s="1" t="s">
        <v>209951</v>
      </c>
      <c r="F62803" s="1" t="s">
        <v>209952</v>
      </c>
      <c r="G62803" s="1" t="s">
        <v>209945</v>
      </c>
      <c r="H62803" s="1" t="s">
        <v>209946</v>
      </c>
      <c r="I62803" s="1" t="s">
        <v>207852</v>
      </c>
      <c r="J62803" s="1" t="s">
        <v>209953</v>
      </c>
    </row>
    <row r="62804" spans="1:10" x14ac:dyDescent="0.35">
      <c r="A62804" s="1" t="s">
        <v>43806</v>
      </c>
      <c r="B62804" s="1" t="s">
        <v>207847</v>
      </c>
      <c r="C62804" s="1" t="s">
        <v>25</v>
      </c>
      <c r="D62804" s="1" t="s">
        <v>36888</v>
      </c>
      <c r="E62804" s="1" t="s">
        <v>209954</v>
      </c>
      <c r="F62804" s="1" t="s">
        <v>209955</v>
      </c>
      <c r="G62804" s="1" t="s">
        <v>209945</v>
      </c>
      <c r="H62804" s="1" t="s">
        <v>209946</v>
      </c>
      <c r="I62804" s="1" t="s">
        <v>207852</v>
      </c>
      <c r="J62804" s="1" t="s">
        <v>209956</v>
      </c>
    </row>
    <row r="62805" spans="1:10" x14ac:dyDescent="0.35">
      <c r="A62805" s="1" t="s">
        <v>43806</v>
      </c>
      <c r="B62805" s="1" t="s">
        <v>207847</v>
      </c>
      <c r="C62805" s="1" t="s">
        <v>30</v>
      </c>
      <c r="D62805" s="1" t="s">
        <v>184017</v>
      </c>
      <c r="E62805" s="1" t="s">
        <v>209957</v>
      </c>
      <c r="F62805" s="1" t="s">
        <v>209958</v>
      </c>
      <c r="G62805" s="1" t="s">
        <v>209945</v>
      </c>
      <c r="H62805" s="1" t="s">
        <v>209946</v>
      </c>
      <c r="I62805" s="1" t="s">
        <v>207852</v>
      </c>
      <c r="J62805" s="1" t="s">
        <v>209959</v>
      </c>
    </row>
    <row r="62806" spans="1:10" x14ac:dyDescent="0.35">
      <c r="A62806" s="1" t="s">
        <v>43806</v>
      </c>
      <c r="B62806" s="1" t="s">
        <v>207847</v>
      </c>
      <c r="C62806" s="1" t="s">
        <v>35</v>
      </c>
      <c r="D62806" s="1" t="s">
        <v>81966</v>
      </c>
      <c r="E62806" s="1" t="s">
        <v>209960</v>
      </c>
      <c r="F62806" s="1" t="s">
        <v>209961</v>
      </c>
      <c r="G62806" s="1" t="s">
        <v>209945</v>
      </c>
      <c r="H62806" s="1" t="s">
        <v>209946</v>
      </c>
      <c r="I62806" s="1" t="s">
        <v>207852</v>
      </c>
      <c r="J62806" s="1" t="s">
        <v>209962</v>
      </c>
    </row>
    <row r="62807" spans="1:10" x14ac:dyDescent="0.35">
      <c r="A62807" s="1" t="s">
        <v>43806</v>
      </c>
      <c r="B62807" s="1" t="s">
        <v>207847</v>
      </c>
      <c r="C62807" s="1" t="s">
        <v>40</v>
      </c>
      <c r="D62807" s="1" t="s">
        <v>155030</v>
      </c>
      <c r="E62807" s="1" t="s">
        <v>209963</v>
      </c>
      <c r="F62807" s="1" t="s">
        <v>209964</v>
      </c>
      <c r="G62807" s="1" t="s">
        <v>209945</v>
      </c>
      <c r="H62807" s="1" t="s">
        <v>209946</v>
      </c>
      <c r="I62807" s="1" t="s">
        <v>207852</v>
      </c>
      <c r="J62807" s="1" t="s">
        <v>209965</v>
      </c>
    </row>
    <row r="62808" spans="1:10" x14ac:dyDescent="0.35">
      <c r="A62808" s="1" t="s">
        <v>43806</v>
      </c>
      <c r="B62808" s="1" t="s">
        <v>207847</v>
      </c>
      <c r="C62808" s="1" t="s">
        <v>45</v>
      </c>
      <c r="D62808" s="1" t="s">
        <v>52938</v>
      </c>
      <c r="E62808" s="1" t="s">
        <v>209966</v>
      </c>
      <c r="F62808" s="1" t="s">
        <v>209967</v>
      </c>
      <c r="G62808" s="1" t="s">
        <v>209945</v>
      </c>
      <c r="H62808" s="1" t="s">
        <v>209946</v>
      </c>
      <c r="I62808" s="1" t="s">
        <v>207852</v>
      </c>
      <c r="J62808" s="1" t="s">
        <v>209968</v>
      </c>
    </row>
    <row r="62809" spans="1:10" x14ac:dyDescent="0.35">
      <c r="A62809" s="1" t="s">
        <v>43806</v>
      </c>
      <c r="B62809" s="1" t="s">
        <v>207847</v>
      </c>
      <c r="C62809" s="1" t="s">
        <v>50</v>
      </c>
      <c r="D62809" s="1" t="s">
        <v>18074</v>
      </c>
      <c r="E62809" s="1" t="s">
        <v>209969</v>
      </c>
      <c r="F62809" s="1" t="s">
        <v>209970</v>
      </c>
      <c r="G62809" s="1" t="s">
        <v>209945</v>
      </c>
      <c r="H62809" s="1" t="s">
        <v>209946</v>
      </c>
      <c r="I62809" s="1" t="s">
        <v>207852</v>
      </c>
      <c r="J62809" s="1" t="s">
        <v>209971</v>
      </c>
    </row>
    <row r="62810" spans="1:10" x14ac:dyDescent="0.35">
      <c r="A62810" s="1" t="s">
        <v>43806</v>
      </c>
      <c r="B62810" s="1" t="s">
        <v>207847</v>
      </c>
      <c r="C62810" s="1" t="s">
        <v>55</v>
      </c>
      <c r="D62810" s="1" t="s">
        <v>107461</v>
      </c>
      <c r="E62810" s="1" t="s">
        <v>209972</v>
      </c>
      <c r="F62810" s="1" t="s">
        <v>209973</v>
      </c>
      <c r="G62810" s="1" t="s">
        <v>209945</v>
      </c>
      <c r="H62810" s="1" t="s">
        <v>209946</v>
      </c>
      <c r="I62810" s="1" t="s">
        <v>207852</v>
      </c>
      <c r="J62810" s="1" t="s">
        <v>209974</v>
      </c>
    </row>
    <row r="62811" spans="1:10" x14ac:dyDescent="0.35">
      <c r="A62811" s="1" t="s">
        <v>43806</v>
      </c>
      <c r="B62811" s="1" t="s">
        <v>207847</v>
      </c>
      <c r="C62811" s="1" t="s">
        <v>60</v>
      </c>
      <c r="D62811" s="1" t="s">
        <v>209975</v>
      </c>
      <c r="E62811" s="1" t="s">
        <v>209976</v>
      </c>
      <c r="F62811" s="1" t="s">
        <v>209977</v>
      </c>
      <c r="G62811" s="1" t="s">
        <v>209945</v>
      </c>
      <c r="H62811" s="1" t="s">
        <v>209946</v>
      </c>
      <c r="I62811" s="1" t="s">
        <v>207852</v>
      </c>
      <c r="J62811" s="1" t="s">
        <v>209978</v>
      </c>
    </row>
    <row r="62812" spans="1:10" x14ac:dyDescent="0.35">
      <c r="A62812" s="1" t="s">
        <v>43806</v>
      </c>
      <c r="B62812" s="1" t="s">
        <v>207847</v>
      </c>
      <c r="C62812" s="1" t="s">
        <v>65</v>
      </c>
      <c r="D62812" s="1" t="s">
        <v>154747</v>
      </c>
      <c r="E62812" s="1" t="s">
        <v>209979</v>
      </c>
      <c r="F62812" s="1" t="s">
        <v>209980</v>
      </c>
      <c r="G62812" s="1" t="s">
        <v>209945</v>
      </c>
      <c r="H62812" s="1" t="s">
        <v>209946</v>
      </c>
      <c r="I62812" s="1" t="s">
        <v>207852</v>
      </c>
      <c r="J62812" s="1" t="s">
        <v>209981</v>
      </c>
    </row>
    <row r="62813" spans="1:10" x14ac:dyDescent="0.35">
      <c r="A62813" s="1" t="s">
        <v>43806</v>
      </c>
      <c r="B62813" s="1" t="s">
        <v>207847</v>
      </c>
      <c r="C62813" s="1" t="s">
        <v>70</v>
      </c>
      <c r="D62813" s="1" t="s">
        <v>209982</v>
      </c>
      <c r="E62813" s="1" t="s">
        <v>209983</v>
      </c>
      <c r="F62813" s="1" t="s">
        <v>209984</v>
      </c>
      <c r="G62813" s="1" t="s">
        <v>209945</v>
      </c>
      <c r="H62813" s="1" t="s">
        <v>209946</v>
      </c>
      <c r="I62813" s="1" t="s">
        <v>207852</v>
      </c>
      <c r="J62813" s="1" t="s">
        <v>209985</v>
      </c>
    </row>
    <row r="62814" spans="1:10" x14ac:dyDescent="0.35">
      <c r="A62814" s="1" t="s">
        <v>43806</v>
      </c>
      <c r="B62814" s="1" t="s">
        <v>207847</v>
      </c>
      <c r="C62814" s="1" t="s">
        <v>75</v>
      </c>
      <c r="D62814" s="1" t="s">
        <v>61796</v>
      </c>
      <c r="E62814" s="1" t="s">
        <v>209986</v>
      </c>
      <c r="F62814" s="1" t="s">
        <v>209987</v>
      </c>
      <c r="G62814" s="1" t="s">
        <v>209945</v>
      </c>
      <c r="H62814" s="1" t="s">
        <v>209946</v>
      </c>
      <c r="I62814" s="1" t="s">
        <v>207852</v>
      </c>
      <c r="J62814" s="1" t="s">
        <v>209988</v>
      </c>
    </row>
    <row r="62815" spans="1:10" x14ac:dyDescent="0.35">
      <c r="A62815" s="1" t="s">
        <v>43806</v>
      </c>
      <c r="B62815" s="1" t="s">
        <v>207847</v>
      </c>
      <c r="C62815" s="1" t="s">
        <v>80</v>
      </c>
      <c r="D62815" s="1" t="s">
        <v>108319</v>
      </c>
      <c r="E62815" s="1" t="s">
        <v>209989</v>
      </c>
      <c r="F62815" s="1" t="s">
        <v>209990</v>
      </c>
      <c r="G62815" s="1" t="s">
        <v>209945</v>
      </c>
      <c r="H62815" s="1" t="s">
        <v>209946</v>
      </c>
      <c r="I62815" s="1" t="s">
        <v>207852</v>
      </c>
      <c r="J62815" s="1" t="s">
        <v>209991</v>
      </c>
    </row>
    <row r="62816" spans="1:10" x14ac:dyDescent="0.35">
      <c r="A62816" s="1" t="s">
        <v>43806</v>
      </c>
      <c r="B62816" s="1" t="s">
        <v>207847</v>
      </c>
      <c r="C62816" s="1" t="s">
        <v>85</v>
      </c>
      <c r="D62816" s="1" t="s">
        <v>59245</v>
      </c>
      <c r="E62816" s="1" t="s">
        <v>209992</v>
      </c>
      <c r="F62816" s="1" t="s">
        <v>209993</v>
      </c>
      <c r="G62816" s="1" t="s">
        <v>209945</v>
      </c>
      <c r="H62816" s="1" t="s">
        <v>209946</v>
      </c>
      <c r="I62816" s="1" t="s">
        <v>207852</v>
      </c>
      <c r="J62816" s="1" t="s">
        <v>209994</v>
      </c>
    </row>
    <row r="62817" spans="1:10" x14ac:dyDescent="0.35">
      <c r="A62817" s="1" t="s">
        <v>43806</v>
      </c>
      <c r="B62817" s="1" t="s">
        <v>207847</v>
      </c>
      <c r="C62817" s="1" t="s">
        <v>90</v>
      </c>
      <c r="D62817" s="1" t="s">
        <v>194635</v>
      </c>
      <c r="E62817" s="1" t="s">
        <v>209995</v>
      </c>
      <c r="F62817" s="1" t="s">
        <v>209996</v>
      </c>
      <c r="G62817" s="1" t="s">
        <v>209945</v>
      </c>
      <c r="H62817" s="1" t="s">
        <v>209946</v>
      </c>
      <c r="I62817" s="1" t="s">
        <v>207852</v>
      </c>
      <c r="J62817" s="1" t="s">
        <v>209997</v>
      </c>
    </row>
    <row r="62818" spans="1:10" x14ac:dyDescent="0.35">
      <c r="A62818" s="1" t="s">
        <v>43806</v>
      </c>
      <c r="B62818" s="1" t="s">
        <v>207847</v>
      </c>
      <c r="C62818" s="1" t="s">
        <v>95</v>
      </c>
      <c r="D62818" s="1" t="s">
        <v>209998</v>
      </c>
      <c r="E62818" s="1" t="s">
        <v>209999</v>
      </c>
      <c r="F62818" s="1" t="s">
        <v>210000</v>
      </c>
      <c r="G62818" s="1" t="s">
        <v>209945</v>
      </c>
      <c r="H62818" s="1" t="s">
        <v>209946</v>
      </c>
      <c r="I62818" s="1" t="s">
        <v>207852</v>
      </c>
      <c r="J62818" s="1" t="s">
        <v>210001</v>
      </c>
    </row>
    <row r="62819" spans="1:10" x14ac:dyDescent="0.35">
      <c r="A62819" s="1" t="s">
        <v>43806</v>
      </c>
      <c r="B62819" s="1" t="s">
        <v>207847</v>
      </c>
      <c r="C62819" s="1" t="s">
        <v>100</v>
      </c>
      <c r="D62819" s="1" t="s">
        <v>210002</v>
      </c>
      <c r="E62819" s="1" t="s">
        <v>210003</v>
      </c>
      <c r="F62819" s="1" t="s">
        <v>210004</v>
      </c>
      <c r="G62819" s="1" t="s">
        <v>209945</v>
      </c>
      <c r="H62819" s="1" t="s">
        <v>209946</v>
      </c>
      <c r="I62819" s="1" t="s">
        <v>207852</v>
      </c>
      <c r="J62819" s="1" t="s">
        <v>210005</v>
      </c>
    </row>
    <row r="62820" spans="1:10" x14ac:dyDescent="0.35">
      <c r="A62820" s="1" t="s">
        <v>43806</v>
      </c>
      <c r="B62820" s="1" t="s">
        <v>207847</v>
      </c>
      <c r="C62820" s="1" t="s">
        <v>105</v>
      </c>
      <c r="D62820" s="1" t="s">
        <v>210006</v>
      </c>
      <c r="E62820" s="1" t="s">
        <v>210007</v>
      </c>
      <c r="F62820" s="1" t="s">
        <v>210008</v>
      </c>
      <c r="G62820" s="1" t="s">
        <v>209945</v>
      </c>
      <c r="H62820" s="1" t="s">
        <v>209946</v>
      </c>
      <c r="I62820" s="1" t="s">
        <v>207852</v>
      </c>
      <c r="J62820" s="1" t="s">
        <v>210009</v>
      </c>
    </row>
    <row r="62821" spans="1:10" x14ac:dyDescent="0.35">
      <c r="A62821" s="1" t="s">
        <v>43806</v>
      </c>
      <c r="B62821" s="1" t="s">
        <v>207847</v>
      </c>
      <c r="C62821" s="1" t="s">
        <v>110</v>
      </c>
      <c r="D62821" s="1" t="s">
        <v>19427</v>
      </c>
      <c r="E62821" s="1" t="s">
        <v>210010</v>
      </c>
      <c r="F62821" s="1" t="s">
        <v>210011</v>
      </c>
      <c r="G62821" s="1" t="s">
        <v>209945</v>
      </c>
      <c r="H62821" s="1" t="s">
        <v>209946</v>
      </c>
      <c r="I62821" s="1" t="s">
        <v>207852</v>
      </c>
      <c r="J62821" s="1" t="s">
        <v>210012</v>
      </c>
    </row>
    <row r="62822" spans="1:10" x14ac:dyDescent="0.35">
      <c r="A62822" s="1" t="s">
        <v>43806</v>
      </c>
      <c r="B62822" s="1" t="s">
        <v>207847</v>
      </c>
      <c r="C62822" s="1" t="s">
        <v>115</v>
      </c>
      <c r="D62822" s="1" t="s">
        <v>99938</v>
      </c>
      <c r="E62822" s="1" t="s">
        <v>210013</v>
      </c>
      <c r="F62822" s="1" t="s">
        <v>210014</v>
      </c>
      <c r="G62822" s="1" t="s">
        <v>209945</v>
      </c>
      <c r="H62822" s="1" t="s">
        <v>209946</v>
      </c>
      <c r="I62822" s="1" t="s">
        <v>207852</v>
      </c>
      <c r="J62822" s="1" t="s">
        <v>210015</v>
      </c>
    </row>
    <row r="62823" spans="1:10" x14ac:dyDescent="0.35">
      <c r="A62823" s="1" t="s">
        <v>43806</v>
      </c>
      <c r="B62823" s="1" t="s">
        <v>207847</v>
      </c>
      <c r="C62823" s="1" t="s">
        <v>120</v>
      </c>
      <c r="D62823" s="1" t="s">
        <v>210016</v>
      </c>
      <c r="E62823" s="1" t="s">
        <v>210017</v>
      </c>
      <c r="F62823" s="1" t="s">
        <v>210018</v>
      </c>
      <c r="G62823" s="1" t="s">
        <v>209945</v>
      </c>
      <c r="H62823" s="1" t="s">
        <v>209946</v>
      </c>
      <c r="I62823" s="1" t="s">
        <v>207852</v>
      </c>
      <c r="J62823" s="1" t="s">
        <v>210019</v>
      </c>
    </row>
    <row r="62824" spans="1:10" x14ac:dyDescent="0.35">
      <c r="A62824" s="1" t="s">
        <v>43806</v>
      </c>
      <c r="B62824" s="1" t="s">
        <v>207847</v>
      </c>
      <c r="C62824" s="1" t="s">
        <v>125</v>
      </c>
      <c r="D62824" s="1" t="s">
        <v>210020</v>
      </c>
      <c r="E62824" s="1" t="s">
        <v>210021</v>
      </c>
      <c r="F62824" s="1" t="s">
        <v>210022</v>
      </c>
      <c r="G62824" s="1" t="s">
        <v>209945</v>
      </c>
      <c r="H62824" s="1" t="s">
        <v>209946</v>
      </c>
      <c r="I62824" s="1" t="s">
        <v>207852</v>
      </c>
      <c r="J62824" s="1" t="s">
        <v>210023</v>
      </c>
    </row>
    <row r="62825" spans="1:10" x14ac:dyDescent="0.35">
      <c r="A62825" s="1" t="s">
        <v>43806</v>
      </c>
      <c r="B62825" s="1" t="s">
        <v>207847</v>
      </c>
      <c r="C62825" s="1" t="s">
        <v>130</v>
      </c>
      <c r="D62825" s="1" t="s">
        <v>54908</v>
      </c>
      <c r="E62825" s="1" t="s">
        <v>210024</v>
      </c>
      <c r="F62825" s="1" t="s">
        <v>210025</v>
      </c>
      <c r="G62825" s="1" t="s">
        <v>209945</v>
      </c>
      <c r="H62825" s="1" t="s">
        <v>209946</v>
      </c>
      <c r="I62825" s="1" t="s">
        <v>207852</v>
      </c>
      <c r="J62825" s="1" t="s">
        <v>210026</v>
      </c>
    </row>
    <row r="62826" spans="1:10" x14ac:dyDescent="0.35">
      <c r="A62826" s="1" t="s">
        <v>43806</v>
      </c>
      <c r="B62826" s="1" t="s">
        <v>207847</v>
      </c>
      <c r="C62826" s="1" t="s">
        <v>135</v>
      </c>
      <c r="D62826" s="1" t="s">
        <v>57228</v>
      </c>
      <c r="E62826" s="1" t="s">
        <v>210027</v>
      </c>
      <c r="F62826" s="1" t="s">
        <v>210028</v>
      </c>
      <c r="G62826" s="1" t="s">
        <v>209945</v>
      </c>
      <c r="H62826" s="1" t="s">
        <v>209946</v>
      </c>
      <c r="I62826" s="1" t="s">
        <v>207852</v>
      </c>
      <c r="J62826" s="1" t="s">
        <v>210029</v>
      </c>
    </row>
    <row r="62827" spans="1:10" x14ac:dyDescent="0.35">
      <c r="A62827" s="1" t="s">
        <v>43806</v>
      </c>
      <c r="B62827" s="1" t="s">
        <v>207847</v>
      </c>
      <c r="C62827" s="1" t="s">
        <v>140</v>
      </c>
      <c r="D62827" s="1" t="s">
        <v>136351</v>
      </c>
      <c r="E62827" s="1" t="s">
        <v>210030</v>
      </c>
      <c r="F62827" s="1" t="s">
        <v>210031</v>
      </c>
      <c r="G62827" s="1" t="s">
        <v>209945</v>
      </c>
      <c r="H62827" s="1" t="s">
        <v>209946</v>
      </c>
      <c r="I62827" s="1" t="s">
        <v>207852</v>
      </c>
      <c r="J62827" s="1" t="s">
        <v>210032</v>
      </c>
    </row>
    <row r="62828" spans="1:10" x14ac:dyDescent="0.35">
      <c r="A62828" s="1" t="s">
        <v>43806</v>
      </c>
      <c r="B62828" s="1" t="s">
        <v>207847</v>
      </c>
      <c r="C62828" s="1" t="s">
        <v>145</v>
      </c>
      <c r="D62828" s="1" t="s">
        <v>89640</v>
      </c>
      <c r="E62828" s="1" t="s">
        <v>210033</v>
      </c>
      <c r="F62828" s="1" t="s">
        <v>210034</v>
      </c>
      <c r="G62828" s="1" t="s">
        <v>209945</v>
      </c>
      <c r="H62828" s="1" t="s">
        <v>209946</v>
      </c>
      <c r="I62828" s="1" t="s">
        <v>207852</v>
      </c>
      <c r="J62828" s="1" t="s">
        <v>210035</v>
      </c>
    </row>
    <row r="62829" spans="1:10" x14ac:dyDescent="0.35">
      <c r="A62829" s="1" t="s">
        <v>43806</v>
      </c>
      <c r="B62829" s="1" t="s">
        <v>207847</v>
      </c>
      <c r="C62829" s="1" t="s">
        <v>150</v>
      </c>
      <c r="D62829" s="1" t="s">
        <v>210036</v>
      </c>
      <c r="E62829" s="1" t="s">
        <v>210037</v>
      </c>
      <c r="F62829" s="1" t="s">
        <v>210038</v>
      </c>
      <c r="G62829" s="1" t="s">
        <v>209945</v>
      </c>
      <c r="H62829" s="1" t="s">
        <v>209946</v>
      </c>
      <c r="I62829" s="1" t="s">
        <v>207852</v>
      </c>
      <c r="J62829" s="1" t="s">
        <v>210039</v>
      </c>
    </row>
    <row r="62830" spans="1:10" x14ac:dyDescent="0.35">
      <c r="A62830" s="1" t="s">
        <v>43806</v>
      </c>
      <c r="B62830" s="1" t="s">
        <v>207847</v>
      </c>
      <c r="C62830" s="1" t="s">
        <v>155</v>
      </c>
      <c r="D62830" s="1" t="s">
        <v>22686</v>
      </c>
      <c r="E62830" s="1" t="s">
        <v>210040</v>
      </c>
      <c r="F62830" s="1" t="s">
        <v>210041</v>
      </c>
      <c r="G62830" s="1" t="s">
        <v>209945</v>
      </c>
      <c r="H62830" s="1" t="s">
        <v>209946</v>
      </c>
      <c r="I62830" s="1" t="s">
        <v>207852</v>
      </c>
      <c r="J62830" s="1" t="s">
        <v>210042</v>
      </c>
    </row>
    <row r="62831" spans="1:10" x14ac:dyDescent="0.35">
      <c r="A62831" s="1" t="s">
        <v>43806</v>
      </c>
      <c r="B62831" s="1" t="s">
        <v>207847</v>
      </c>
      <c r="C62831" s="1" t="s">
        <v>160</v>
      </c>
      <c r="D62831" s="1" t="s">
        <v>62532</v>
      </c>
      <c r="E62831" s="1" t="s">
        <v>210043</v>
      </c>
      <c r="F62831" s="1" t="s">
        <v>210044</v>
      </c>
      <c r="G62831" s="1" t="s">
        <v>209945</v>
      </c>
      <c r="H62831" s="1" t="s">
        <v>209946</v>
      </c>
      <c r="I62831" s="1" t="s">
        <v>207852</v>
      </c>
      <c r="J62831" s="1" t="s">
        <v>210045</v>
      </c>
    </row>
    <row r="62832" spans="1:10" x14ac:dyDescent="0.35">
      <c r="A62832" s="1" t="s">
        <v>43806</v>
      </c>
      <c r="B62832" s="1" t="s">
        <v>207847</v>
      </c>
      <c r="C62832" s="1" t="s">
        <v>165</v>
      </c>
      <c r="D62832" s="1" t="s">
        <v>39405</v>
      </c>
      <c r="E62832" s="1" t="s">
        <v>210046</v>
      </c>
      <c r="F62832" s="1" t="s">
        <v>210047</v>
      </c>
      <c r="G62832" s="1" t="s">
        <v>209945</v>
      </c>
      <c r="H62832" s="1" t="s">
        <v>209946</v>
      </c>
      <c r="I62832" s="1" t="s">
        <v>207852</v>
      </c>
      <c r="J62832" s="1" t="s">
        <v>210048</v>
      </c>
    </row>
    <row r="62833" spans="1:10" x14ac:dyDescent="0.35">
      <c r="A62833" s="1" t="s">
        <v>43806</v>
      </c>
      <c r="B62833" s="1" t="s">
        <v>207847</v>
      </c>
      <c r="C62833" s="1" t="s">
        <v>170</v>
      </c>
      <c r="D62833" s="1" t="s">
        <v>68980</v>
      </c>
      <c r="E62833" s="1" t="s">
        <v>210049</v>
      </c>
      <c r="F62833" s="1" t="s">
        <v>210050</v>
      </c>
      <c r="G62833" s="1" t="s">
        <v>209945</v>
      </c>
      <c r="H62833" s="1" t="s">
        <v>209946</v>
      </c>
      <c r="I62833" s="1" t="s">
        <v>207852</v>
      </c>
      <c r="J62833" s="1" t="s">
        <v>210051</v>
      </c>
    </row>
    <row r="62834" spans="1:10" x14ac:dyDescent="0.35">
      <c r="A62834" s="1" t="s">
        <v>143882</v>
      </c>
      <c r="B62834" s="1" t="s">
        <v>207847</v>
      </c>
      <c r="C62834" s="1" t="s">
        <v>8</v>
      </c>
      <c r="D62834" s="1" t="s">
        <v>123734</v>
      </c>
      <c r="E62834" s="1" t="s">
        <v>210052</v>
      </c>
      <c r="F62834" s="1" t="s">
        <v>210053</v>
      </c>
      <c r="G62834" s="1" t="s">
        <v>210054</v>
      </c>
      <c r="H62834" s="1" t="s">
        <v>210055</v>
      </c>
      <c r="I62834" s="1" t="s">
        <v>207852</v>
      </c>
      <c r="J62834" s="1" t="s">
        <v>13</v>
      </c>
    </row>
    <row r="62835" spans="1:10" x14ac:dyDescent="0.35">
      <c r="A62835" s="1" t="s">
        <v>143882</v>
      </c>
      <c r="B62835" s="1" t="s">
        <v>207847</v>
      </c>
      <c r="C62835" s="1" t="s">
        <v>15</v>
      </c>
      <c r="D62835" s="1" t="s">
        <v>210056</v>
      </c>
      <c r="E62835" s="1" t="s">
        <v>210057</v>
      </c>
      <c r="F62835" s="1" t="s">
        <v>210058</v>
      </c>
      <c r="G62835" s="1" t="s">
        <v>210054</v>
      </c>
      <c r="H62835" s="1" t="s">
        <v>210055</v>
      </c>
      <c r="I62835" s="1" t="s">
        <v>207852</v>
      </c>
      <c r="J62835" s="1" t="s">
        <v>210059</v>
      </c>
    </row>
    <row r="62836" spans="1:10" x14ac:dyDescent="0.35">
      <c r="A62836" s="1" t="s">
        <v>143882</v>
      </c>
      <c r="B62836" s="1" t="s">
        <v>207847</v>
      </c>
      <c r="C62836" s="1" t="s">
        <v>20</v>
      </c>
      <c r="D62836" s="1" t="s">
        <v>210060</v>
      </c>
      <c r="E62836" s="1" t="s">
        <v>210061</v>
      </c>
      <c r="F62836" s="1" t="s">
        <v>210062</v>
      </c>
      <c r="G62836" s="1" t="s">
        <v>210054</v>
      </c>
      <c r="H62836" s="1" t="s">
        <v>210055</v>
      </c>
      <c r="I62836" s="1" t="s">
        <v>207852</v>
      </c>
      <c r="J62836" s="1" t="s">
        <v>210063</v>
      </c>
    </row>
    <row r="62837" spans="1:10" x14ac:dyDescent="0.35">
      <c r="A62837" s="1" t="s">
        <v>143882</v>
      </c>
      <c r="B62837" s="1" t="s">
        <v>207847</v>
      </c>
      <c r="C62837" s="1" t="s">
        <v>25</v>
      </c>
      <c r="D62837" s="1" t="s">
        <v>82953</v>
      </c>
      <c r="E62837" s="1" t="s">
        <v>210064</v>
      </c>
      <c r="F62837" s="1" t="s">
        <v>210065</v>
      </c>
      <c r="G62837" s="1" t="s">
        <v>210054</v>
      </c>
      <c r="H62837" s="1" t="s">
        <v>210055</v>
      </c>
      <c r="I62837" s="1" t="s">
        <v>207852</v>
      </c>
      <c r="J62837" s="1" t="s">
        <v>210066</v>
      </c>
    </row>
    <row r="62838" spans="1:10" x14ac:dyDescent="0.35">
      <c r="A62838" s="1" t="s">
        <v>143882</v>
      </c>
      <c r="B62838" s="1" t="s">
        <v>207847</v>
      </c>
      <c r="C62838" s="1" t="s">
        <v>30</v>
      </c>
      <c r="D62838" s="1" t="s">
        <v>114486</v>
      </c>
      <c r="E62838" s="1" t="s">
        <v>210067</v>
      </c>
      <c r="F62838" s="1" t="s">
        <v>210068</v>
      </c>
      <c r="G62838" s="1" t="s">
        <v>210054</v>
      </c>
      <c r="H62838" s="1" t="s">
        <v>210055</v>
      </c>
      <c r="I62838" s="1" t="s">
        <v>207852</v>
      </c>
      <c r="J62838" s="1" t="s">
        <v>210069</v>
      </c>
    </row>
    <row r="62839" spans="1:10" x14ac:dyDescent="0.35">
      <c r="A62839" s="1" t="s">
        <v>143882</v>
      </c>
      <c r="B62839" s="1" t="s">
        <v>207847</v>
      </c>
      <c r="C62839" s="1" t="s">
        <v>35</v>
      </c>
      <c r="D62839" s="1" t="s">
        <v>210070</v>
      </c>
      <c r="E62839" s="1" t="s">
        <v>210071</v>
      </c>
      <c r="F62839" s="1" t="s">
        <v>210072</v>
      </c>
      <c r="G62839" s="1" t="s">
        <v>210054</v>
      </c>
      <c r="H62839" s="1" t="s">
        <v>210055</v>
      </c>
      <c r="I62839" s="1" t="s">
        <v>207852</v>
      </c>
      <c r="J62839" s="1" t="s">
        <v>210073</v>
      </c>
    </row>
    <row r="62840" spans="1:10" x14ac:dyDescent="0.35">
      <c r="A62840" s="1" t="s">
        <v>143882</v>
      </c>
      <c r="B62840" s="1" t="s">
        <v>207847</v>
      </c>
      <c r="C62840" s="1" t="s">
        <v>40</v>
      </c>
      <c r="D62840" s="1" t="s">
        <v>210074</v>
      </c>
      <c r="E62840" s="1" t="s">
        <v>210075</v>
      </c>
      <c r="F62840" s="1" t="s">
        <v>210076</v>
      </c>
      <c r="G62840" s="1" t="s">
        <v>210054</v>
      </c>
      <c r="H62840" s="1" t="s">
        <v>210055</v>
      </c>
      <c r="I62840" s="1" t="s">
        <v>207852</v>
      </c>
      <c r="J62840" s="1" t="s">
        <v>210077</v>
      </c>
    </row>
    <row r="62841" spans="1:10" x14ac:dyDescent="0.35">
      <c r="A62841" s="1" t="s">
        <v>143882</v>
      </c>
      <c r="B62841" s="1" t="s">
        <v>207847</v>
      </c>
      <c r="C62841" s="1" t="s">
        <v>45</v>
      </c>
      <c r="D62841" s="1" t="s">
        <v>178182</v>
      </c>
      <c r="E62841" s="1" t="s">
        <v>210078</v>
      </c>
      <c r="F62841" s="1" t="s">
        <v>210079</v>
      </c>
      <c r="G62841" s="1" t="s">
        <v>210054</v>
      </c>
      <c r="H62841" s="1" t="s">
        <v>210055</v>
      </c>
      <c r="I62841" s="1" t="s">
        <v>207852</v>
      </c>
      <c r="J62841" s="1" t="s">
        <v>210080</v>
      </c>
    </row>
    <row r="62842" spans="1:10" x14ac:dyDescent="0.35">
      <c r="A62842" s="1" t="s">
        <v>143882</v>
      </c>
      <c r="B62842" s="1" t="s">
        <v>207847</v>
      </c>
      <c r="C62842" s="1" t="s">
        <v>50</v>
      </c>
      <c r="D62842" s="1" t="s">
        <v>192788</v>
      </c>
      <c r="E62842" s="1" t="s">
        <v>210081</v>
      </c>
      <c r="F62842" s="1" t="s">
        <v>210082</v>
      </c>
      <c r="G62842" s="1" t="s">
        <v>210054</v>
      </c>
      <c r="H62842" s="1" t="s">
        <v>210055</v>
      </c>
      <c r="I62842" s="1" t="s">
        <v>207852</v>
      </c>
      <c r="J62842" s="1" t="s">
        <v>210083</v>
      </c>
    </row>
    <row r="62843" spans="1:10" x14ac:dyDescent="0.35">
      <c r="A62843" s="1" t="s">
        <v>143882</v>
      </c>
      <c r="B62843" s="1" t="s">
        <v>207847</v>
      </c>
      <c r="C62843" s="1" t="s">
        <v>55</v>
      </c>
      <c r="D62843" s="1" t="s">
        <v>116924</v>
      </c>
      <c r="E62843" s="1" t="s">
        <v>210084</v>
      </c>
      <c r="F62843" s="1" t="s">
        <v>210085</v>
      </c>
      <c r="G62843" s="1" t="s">
        <v>210054</v>
      </c>
      <c r="H62843" s="1" t="s">
        <v>210055</v>
      </c>
      <c r="I62843" s="1" t="s">
        <v>207852</v>
      </c>
      <c r="J62843" s="1" t="s">
        <v>210086</v>
      </c>
    </row>
    <row r="62844" spans="1:10" x14ac:dyDescent="0.35">
      <c r="A62844" s="1" t="s">
        <v>143882</v>
      </c>
      <c r="B62844" s="1" t="s">
        <v>207847</v>
      </c>
      <c r="C62844" s="1" t="s">
        <v>60</v>
      </c>
      <c r="D62844" s="1" t="s">
        <v>210087</v>
      </c>
      <c r="E62844" s="1" t="s">
        <v>210088</v>
      </c>
      <c r="F62844" s="1" t="s">
        <v>210089</v>
      </c>
      <c r="G62844" s="1" t="s">
        <v>210054</v>
      </c>
      <c r="H62844" s="1" t="s">
        <v>210055</v>
      </c>
      <c r="I62844" s="1" t="s">
        <v>207852</v>
      </c>
      <c r="J62844" s="1" t="s">
        <v>210090</v>
      </c>
    </row>
    <row r="62845" spans="1:10" x14ac:dyDescent="0.35">
      <c r="A62845" s="1" t="s">
        <v>143882</v>
      </c>
      <c r="B62845" s="1" t="s">
        <v>207847</v>
      </c>
      <c r="C62845" s="1" t="s">
        <v>65</v>
      </c>
      <c r="D62845" s="1" t="s">
        <v>210091</v>
      </c>
      <c r="E62845" s="1" t="s">
        <v>210092</v>
      </c>
      <c r="F62845" s="1" t="s">
        <v>210093</v>
      </c>
      <c r="G62845" s="1" t="s">
        <v>210054</v>
      </c>
      <c r="H62845" s="1" t="s">
        <v>210055</v>
      </c>
      <c r="I62845" s="1" t="s">
        <v>207852</v>
      </c>
      <c r="J62845" s="1" t="s">
        <v>210094</v>
      </c>
    </row>
    <row r="62846" spans="1:10" x14ac:dyDescent="0.35">
      <c r="A62846" s="1" t="s">
        <v>143882</v>
      </c>
      <c r="B62846" s="1" t="s">
        <v>207847</v>
      </c>
      <c r="C62846" s="1" t="s">
        <v>70</v>
      </c>
      <c r="D62846" s="1" t="s">
        <v>43304</v>
      </c>
      <c r="E62846" s="1" t="s">
        <v>210095</v>
      </c>
      <c r="F62846" s="1" t="s">
        <v>210096</v>
      </c>
      <c r="G62846" s="1" t="s">
        <v>210054</v>
      </c>
      <c r="H62846" s="1" t="s">
        <v>210055</v>
      </c>
      <c r="I62846" s="1" t="s">
        <v>207852</v>
      </c>
      <c r="J62846" s="1" t="s">
        <v>210097</v>
      </c>
    </row>
    <row r="62847" spans="1:10" x14ac:dyDescent="0.35">
      <c r="A62847" s="1" t="s">
        <v>143882</v>
      </c>
      <c r="B62847" s="1" t="s">
        <v>207847</v>
      </c>
      <c r="C62847" s="1" t="s">
        <v>75</v>
      </c>
      <c r="D62847" s="1" t="s">
        <v>210098</v>
      </c>
      <c r="E62847" s="1" t="s">
        <v>210099</v>
      </c>
      <c r="F62847" s="1" t="s">
        <v>210100</v>
      </c>
      <c r="G62847" s="1" t="s">
        <v>210054</v>
      </c>
      <c r="H62847" s="1" t="s">
        <v>210055</v>
      </c>
      <c r="I62847" s="1" t="s">
        <v>207852</v>
      </c>
      <c r="J62847" s="1" t="s">
        <v>210101</v>
      </c>
    </row>
    <row r="62848" spans="1:10" x14ac:dyDescent="0.35">
      <c r="A62848" s="1" t="s">
        <v>143882</v>
      </c>
      <c r="B62848" s="1" t="s">
        <v>207847</v>
      </c>
      <c r="C62848" s="1" t="s">
        <v>80</v>
      </c>
      <c r="D62848" s="1" t="s">
        <v>210102</v>
      </c>
      <c r="E62848" s="1" t="s">
        <v>210103</v>
      </c>
      <c r="F62848" s="1" t="s">
        <v>210104</v>
      </c>
      <c r="G62848" s="1" t="s">
        <v>210054</v>
      </c>
      <c r="H62848" s="1" t="s">
        <v>210055</v>
      </c>
      <c r="I62848" s="1" t="s">
        <v>207852</v>
      </c>
      <c r="J62848" s="1" t="s">
        <v>210105</v>
      </c>
    </row>
    <row r="62849" spans="1:10" x14ac:dyDescent="0.35">
      <c r="A62849" s="1" t="s">
        <v>143882</v>
      </c>
      <c r="B62849" s="1" t="s">
        <v>207847</v>
      </c>
      <c r="C62849" s="1" t="s">
        <v>85</v>
      </c>
      <c r="D62849" s="1" t="s">
        <v>210106</v>
      </c>
      <c r="E62849" s="1" t="s">
        <v>210107</v>
      </c>
      <c r="F62849" s="1" t="s">
        <v>210108</v>
      </c>
      <c r="G62849" s="1" t="s">
        <v>210054</v>
      </c>
      <c r="H62849" s="1" t="s">
        <v>210055</v>
      </c>
      <c r="I62849" s="1" t="s">
        <v>207852</v>
      </c>
      <c r="J62849" s="1" t="s">
        <v>210109</v>
      </c>
    </row>
    <row r="62850" spans="1:10" x14ac:dyDescent="0.35">
      <c r="A62850" s="1" t="s">
        <v>143882</v>
      </c>
      <c r="B62850" s="1" t="s">
        <v>207847</v>
      </c>
      <c r="C62850" s="1" t="s">
        <v>90</v>
      </c>
      <c r="D62850" s="1" t="s">
        <v>17729</v>
      </c>
      <c r="E62850" s="1" t="s">
        <v>210110</v>
      </c>
      <c r="F62850" s="1" t="s">
        <v>210111</v>
      </c>
      <c r="G62850" s="1" t="s">
        <v>210054</v>
      </c>
      <c r="H62850" s="1" t="s">
        <v>210055</v>
      </c>
      <c r="I62850" s="1" t="s">
        <v>207852</v>
      </c>
      <c r="J62850" s="1" t="s">
        <v>210112</v>
      </c>
    </row>
    <row r="62851" spans="1:10" x14ac:dyDescent="0.35">
      <c r="A62851" s="1" t="s">
        <v>143882</v>
      </c>
      <c r="B62851" s="1" t="s">
        <v>207847</v>
      </c>
      <c r="C62851" s="1" t="s">
        <v>95</v>
      </c>
      <c r="D62851" s="1" t="s">
        <v>210113</v>
      </c>
      <c r="E62851" s="1" t="s">
        <v>210114</v>
      </c>
      <c r="F62851" s="1" t="s">
        <v>210115</v>
      </c>
      <c r="G62851" s="1" t="s">
        <v>210054</v>
      </c>
      <c r="H62851" s="1" t="s">
        <v>210055</v>
      </c>
      <c r="I62851" s="1" t="s">
        <v>207852</v>
      </c>
      <c r="J62851" s="1" t="s">
        <v>210116</v>
      </c>
    </row>
    <row r="62852" spans="1:10" x14ac:dyDescent="0.35">
      <c r="A62852" s="1" t="s">
        <v>143882</v>
      </c>
      <c r="B62852" s="1" t="s">
        <v>207847</v>
      </c>
      <c r="C62852" s="1" t="s">
        <v>100</v>
      </c>
      <c r="D62852" s="1" t="s">
        <v>109004</v>
      </c>
      <c r="E62852" s="1" t="s">
        <v>210117</v>
      </c>
      <c r="F62852" s="1" t="s">
        <v>210118</v>
      </c>
      <c r="G62852" s="1" t="s">
        <v>210054</v>
      </c>
      <c r="H62852" s="1" t="s">
        <v>210055</v>
      </c>
      <c r="I62852" s="1" t="s">
        <v>207852</v>
      </c>
      <c r="J62852" s="1" t="s">
        <v>210119</v>
      </c>
    </row>
    <row r="62853" spans="1:10" x14ac:dyDescent="0.35">
      <c r="A62853" s="1" t="s">
        <v>143882</v>
      </c>
      <c r="B62853" s="1" t="s">
        <v>207847</v>
      </c>
      <c r="C62853" s="1" t="s">
        <v>105</v>
      </c>
      <c r="D62853" s="1" t="s">
        <v>210120</v>
      </c>
      <c r="E62853" s="1" t="s">
        <v>210121</v>
      </c>
      <c r="F62853" s="1" t="s">
        <v>210122</v>
      </c>
      <c r="G62853" s="1" t="s">
        <v>210054</v>
      </c>
      <c r="H62853" s="1" t="s">
        <v>210055</v>
      </c>
      <c r="I62853" s="1" t="s">
        <v>207852</v>
      </c>
      <c r="J62853" s="1" t="s">
        <v>210123</v>
      </c>
    </row>
    <row r="62854" spans="1:10" x14ac:dyDescent="0.35">
      <c r="A62854" s="1" t="s">
        <v>143882</v>
      </c>
      <c r="B62854" s="1" t="s">
        <v>207847</v>
      </c>
      <c r="C62854" s="1" t="s">
        <v>110</v>
      </c>
      <c r="D62854" s="1" t="s">
        <v>195915</v>
      </c>
      <c r="E62854" s="1" t="s">
        <v>210124</v>
      </c>
      <c r="F62854" s="1" t="s">
        <v>210125</v>
      </c>
      <c r="G62854" s="1" t="s">
        <v>210054</v>
      </c>
      <c r="H62854" s="1" t="s">
        <v>210055</v>
      </c>
      <c r="I62854" s="1" t="s">
        <v>207852</v>
      </c>
      <c r="J62854" s="1" t="s">
        <v>210126</v>
      </c>
    </row>
    <row r="62855" spans="1:10" x14ac:dyDescent="0.35">
      <c r="A62855" s="1" t="s">
        <v>143882</v>
      </c>
      <c r="B62855" s="1" t="s">
        <v>207847</v>
      </c>
      <c r="C62855" s="1" t="s">
        <v>115</v>
      </c>
      <c r="D62855" s="1" t="s">
        <v>210127</v>
      </c>
      <c r="E62855" s="1" t="s">
        <v>210128</v>
      </c>
      <c r="F62855" s="1" t="s">
        <v>210129</v>
      </c>
      <c r="G62855" s="1" t="s">
        <v>210054</v>
      </c>
      <c r="H62855" s="1" t="s">
        <v>210055</v>
      </c>
      <c r="I62855" s="1" t="s">
        <v>207852</v>
      </c>
      <c r="J62855" s="1" t="s">
        <v>210130</v>
      </c>
    </row>
    <row r="62856" spans="1:10" x14ac:dyDescent="0.35">
      <c r="A62856" s="1" t="s">
        <v>143882</v>
      </c>
      <c r="B62856" s="1" t="s">
        <v>207847</v>
      </c>
      <c r="C62856" s="1" t="s">
        <v>120</v>
      </c>
      <c r="D62856" s="1" t="s">
        <v>210131</v>
      </c>
      <c r="E62856" s="1" t="s">
        <v>210132</v>
      </c>
      <c r="F62856" s="1" t="s">
        <v>210133</v>
      </c>
      <c r="G62856" s="1" t="s">
        <v>210054</v>
      </c>
      <c r="H62856" s="1" t="s">
        <v>210055</v>
      </c>
      <c r="I62856" s="1" t="s">
        <v>207852</v>
      </c>
      <c r="J62856" s="1" t="s">
        <v>210134</v>
      </c>
    </row>
    <row r="62857" spans="1:10" x14ac:dyDescent="0.35">
      <c r="A62857" s="1" t="s">
        <v>143882</v>
      </c>
      <c r="B62857" s="1" t="s">
        <v>207847</v>
      </c>
      <c r="C62857" s="1" t="s">
        <v>125</v>
      </c>
      <c r="D62857" s="1" t="s">
        <v>210135</v>
      </c>
      <c r="E62857" s="1" t="s">
        <v>210136</v>
      </c>
      <c r="F62857" s="1" t="s">
        <v>210137</v>
      </c>
      <c r="G62857" s="1" t="s">
        <v>210054</v>
      </c>
      <c r="H62857" s="1" t="s">
        <v>210055</v>
      </c>
      <c r="I62857" s="1" t="s">
        <v>207852</v>
      </c>
      <c r="J62857" s="1" t="s">
        <v>210138</v>
      </c>
    </row>
    <row r="62858" spans="1:10" x14ac:dyDescent="0.35">
      <c r="A62858" s="1" t="s">
        <v>143882</v>
      </c>
      <c r="B62858" s="1" t="s">
        <v>207847</v>
      </c>
      <c r="C62858" s="1" t="s">
        <v>130</v>
      </c>
      <c r="D62858" s="1" t="s">
        <v>197942</v>
      </c>
      <c r="E62858" s="1" t="s">
        <v>210139</v>
      </c>
      <c r="F62858" s="1" t="s">
        <v>210140</v>
      </c>
      <c r="G62858" s="1" t="s">
        <v>210054</v>
      </c>
      <c r="H62858" s="1" t="s">
        <v>210055</v>
      </c>
      <c r="I62858" s="1" t="s">
        <v>207852</v>
      </c>
      <c r="J62858" s="1" t="s">
        <v>210141</v>
      </c>
    </row>
    <row r="62859" spans="1:10" x14ac:dyDescent="0.35">
      <c r="A62859" s="1" t="s">
        <v>143882</v>
      </c>
      <c r="B62859" s="1" t="s">
        <v>207847</v>
      </c>
      <c r="C62859" s="1" t="s">
        <v>135</v>
      </c>
      <c r="D62859" s="1" t="s">
        <v>39457</v>
      </c>
      <c r="E62859" s="1" t="s">
        <v>210142</v>
      </c>
      <c r="F62859" s="1" t="s">
        <v>210143</v>
      </c>
      <c r="G62859" s="1" t="s">
        <v>210054</v>
      </c>
      <c r="H62859" s="1" t="s">
        <v>210055</v>
      </c>
      <c r="I62859" s="1" t="s">
        <v>207852</v>
      </c>
      <c r="J62859" s="1" t="s">
        <v>210144</v>
      </c>
    </row>
    <row r="62860" spans="1:10" x14ac:dyDescent="0.35">
      <c r="A62860" s="1" t="s">
        <v>143882</v>
      </c>
      <c r="B62860" s="1" t="s">
        <v>207847</v>
      </c>
      <c r="C62860" s="1" t="s">
        <v>140</v>
      </c>
      <c r="D62860" s="1" t="s">
        <v>23428</v>
      </c>
      <c r="E62860" s="1" t="s">
        <v>210145</v>
      </c>
      <c r="F62860" s="1" t="s">
        <v>210146</v>
      </c>
      <c r="G62860" s="1" t="s">
        <v>210054</v>
      </c>
      <c r="H62860" s="1" t="s">
        <v>210055</v>
      </c>
      <c r="I62860" s="1" t="s">
        <v>207852</v>
      </c>
      <c r="J62860" s="1" t="s">
        <v>210147</v>
      </c>
    </row>
    <row r="62861" spans="1:10" x14ac:dyDescent="0.35">
      <c r="A62861" s="1" t="s">
        <v>143882</v>
      </c>
      <c r="B62861" s="1" t="s">
        <v>207847</v>
      </c>
      <c r="C62861" s="1" t="s">
        <v>145</v>
      </c>
      <c r="D62861" s="1" t="s">
        <v>154482</v>
      </c>
      <c r="E62861" s="1" t="s">
        <v>210148</v>
      </c>
      <c r="F62861" s="1" t="s">
        <v>210149</v>
      </c>
      <c r="G62861" s="1" t="s">
        <v>210054</v>
      </c>
      <c r="H62861" s="1" t="s">
        <v>210055</v>
      </c>
      <c r="I62861" s="1" t="s">
        <v>207852</v>
      </c>
      <c r="J62861" s="1" t="s">
        <v>210150</v>
      </c>
    </row>
    <row r="62862" spans="1:10" x14ac:dyDescent="0.35">
      <c r="A62862" s="1" t="s">
        <v>143882</v>
      </c>
      <c r="B62862" s="1" t="s">
        <v>207847</v>
      </c>
      <c r="C62862" s="1" t="s">
        <v>150</v>
      </c>
      <c r="D62862" s="1" t="s">
        <v>210151</v>
      </c>
      <c r="E62862" s="1" t="s">
        <v>210152</v>
      </c>
      <c r="F62862" s="1" t="s">
        <v>210153</v>
      </c>
      <c r="G62862" s="1" t="s">
        <v>210054</v>
      </c>
      <c r="H62862" s="1" t="s">
        <v>210055</v>
      </c>
      <c r="I62862" s="1" t="s">
        <v>207852</v>
      </c>
      <c r="J62862" s="1" t="s">
        <v>210154</v>
      </c>
    </row>
    <row r="62863" spans="1:10" x14ac:dyDescent="0.35">
      <c r="A62863" s="1" t="s">
        <v>143882</v>
      </c>
      <c r="B62863" s="1" t="s">
        <v>207847</v>
      </c>
      <c r="C62863" s="1" t="s">
        <v>155</v>
      </c>
      <c r="D62863" s="1" t="s">
        <v>39721</v>
      </c>
      <c r="E62863" s="1" t="s">
        <v>210155</v>
      </c>
      <c r="F62863" s="1" t="s">
        <v>210156</v>
      </c>
      <c r="G62863" s="1" t="s">
        <v>210054</v>
      </c>
      <c r="H62863" s="1" t="s">
        <v>210055</v>
      </c>
      <c r="I62863" s="1" t="s">
        <v>207852</v>
      </c>
      <c r="J62863" s="1" t="s">
        <v>210157</v>
      </c>
    </row>
    <row r="62864" spans="1:10" x14ac:dyDescent="0.35">
      <c r="A62864" s="1" t="s">
        <v>143882</v>
      </c>
      <c r="B62864" s="1" t="s">
        <v>207847</v>
      </c>
      <c r="C62864" s="1" t="s">
        <v>160</v>
      </c>
      <c r="D62864" s="1" t="s">
        <v>210158</v>
      </c>
      <c r="E62864" s="1" t="s">
        <v>210159</v>
      </c>
      <c r="F62864" s="1" t="s">
        <v>210160</v>
      </c>
      <c r="G62864" s="1" t="s">
        <v>210054</v>
      </c>
      <c r="H62864" s="1" t="s">
        <v>210055</v>
      </c>
      <c r="I62864" s="1" t="s">
        <v>207852</v>
      </c>
      <c r="J62864" s="1" t="s">
        <v>210161</v>
      </c>
    </row>
    <row r="62865" spans="1:10" x14ac:dyDescent="0.35">
      <c r="A62865" s="1" t="s">
        <v>143882</v>
      </c>
      <c r="B62865" s="1" t="s">
        <v>207847</v>
      </c>
      <c r="C62865" s="1" t="s">
        <v>165</v>
      </c>
      <c r="D62865" s="1" t="s">
        <v>97088</v>
      </c>
      <c r="E62865" s="1" t="s">
        <v>210162</v>
      </c>
      <c r="F62865" s="1" t="s">
        <v>210163</v>
      </c>
      <c r="G62865" s="1" t="s">
        <v>210054</v>
      </c>
      <c r="H62865" s="1" t="s">
        <v>210055</v>
      </c>
      <c r="I62865" s="1" t="s">
        <v>207852</v>
      </c>
      <c r="J62865" s="1" t="s">
        <v>210164</v>
      </c>
    </row>
    <row r="62866" spans="1:10" x14ac:dyDescent="0.35">
      <c r="A62866" s="1" t="s">
        <v>143882</v>
      </c>
      <c r="B62866" s="1" t="s">
        <v>207847</v>
      </c>
      <c r="C62866" s="1" t="s">
        <v>170</v>
      </c>
      <c r="D62866" s="1" t="s">
        <v>139558</v>
      </c>
      <c r="E62866" s="1" t="s">
        <v>210165</v>
      </c>
      <c r="F62866" s="1" t="s">
        <v>210166</v>
      </c>
      <c r="G62866" s="1" t="s">
        <v>210054</v>
      </c>
      <c r="H62866" s="1" t="s">
        <v>210055</v>
      </c>
      <c r="I62866" s="1" t="s">
        <v>207852</v>
      </c>
      <c r="J62866" s="1" t="s">
        <v>210167</v>
      </c>
    </row>
    <row r="62867" spans="1:10" x14ac:dyDescent="0.35">
      <c r="A62867" s="1" t="s">
        <v>143012</v>
      </c>
      <c r="B62867" s="1" t="s">
        <v>207847</v>
      </c>
      <c r="C62867" s="1" t="s">
        <v>8</v>
      </c>
      <c r="D62867" s="1" t="s">
        <v>7147</v>
      </c>
      <c r="E62867" s="1" t="s">
        <v>210168</v>
      </c>
      <c r="F62867" s="1" t="s">
        <v>210169</v>
      </c>
      <c r="G62867" s="1" t="s">
        <v>210170</v>
      </c>
      <c r="H62867" s="1" t="s">
        <v>210171</v>
      </c>
      <c r="I62867" s="1" t="s">
        <v>207852</v>
      </c>
      <c r="J62867" s="1" t="s">
        <v>13</v>
      </c>
    </row>
    <row r="62868" spans="1:10" x14ac:dyDescent="0.35">
      <c r="A62868" s="1" t="s">
        <v>143012</v>
      </c>
      <c r="B62868" s="1" t="s">
        <v>207847</v>
      </c>
      <c r="C62868" s="1" t="s">
        <v>15</v>
      </c>
      <c r="D62868" s="1" t="s">
        <v>1452</v>
      </c>
      <c r="E62868" s="1" t="s">
        <v>210172</v>
      </c>
      <c r="F62868" s="1" t="s">
        <v>210173</v>
      </c>
      <c r="G62868" s="1" t="s">
        <v>210170</v>
      </c>
      <c r="H62868" s="1" t="s">
        <v>210171</v>
      </c>
      <c r="I62868" s="1" t="s">
        <v>207852</v>
      </c>
      <c r="J62868" s="1" t="s">
        <v>210174</v>
      </c>
    </row>
    <row r="62869" spans="1:10" x14ac:dyDescent="0.35">
      <c r="A62869" s="1" t="s">
        <v>143012</v>
      </c>
      <c r="B62869" s="1" t="s">
        <v>207847</v>
      </c>
      <c r="C62869" s="1" t="s">
        <v>20</v>
      </c>
      <c r="D62869" s="1" t="s">
        <v>32089</v>
      </c>
      <c r="E62869" s="1" t="s">
        <v>210175</v>
      </c>
      <c r="F62869" s="1" t="s">
        <v>210176</v>
      </c>
      <c r="G62869" s="1" t="s">
        <v>210170</v>
      </c>
      <c r="H62869" s="1" t="s">
        <v>210171</v>
      </c>
      <c r="I62869" s="1" t="s">
        <v>207852</v>
      </c>
      <c r="J62869" s="1" t="s">
        <v>210177</v>
      </c>
    </row>
    <row r="62870" spans="1:10" x14ac:dyDescent="0.35">
      <c r="A62870" s="1" t="s">
        <v>143012</v>
      </c>
      <c r="B62870" s="1" t="s">
        <v>207847</v>
      </c>
      <c r="C62870" s="1" t="s">
        <v>25</v>
      </c>
      <c r="D62870" s="1" t="s">
        <v>207563</v>
      </c>
      <c r="E62870" s="1" t="s">
        <v>210178</v>
      </c>
      <c r="F62870" s="1" t="s">
        <v>210179</v>
      </c>
      <c r="G62870" s="1" t="s">
        <v>210170</v>
      </c>
      <c r="H62870" s="1" t="s">
        <v>210171</v>
      </c>
      <c r="I62870" s="1" t="s">
        <v>207852</v>
      </c>
      <c r="J62870" s="1" t="s">
        <v>210180</v>
      </c>
    </row>
    <row r="62871" spans="1:10" x14ac:dyDescent="0.35">
      <c r="A62871" s="1" t="s">
        <v>143012</v>
      </c>
      <c r="B62871" s="1" t="s">
        <v>207847</v>
      </c>
      <c r="C62871" s="1" t="s">
        <v>30</v>
      </c>
      <c r="D62871" s="1" t="s">
        <v>210181</v>
      </c>
      <c r="E62871" s="1" t="s">
        <v>210182</v>
      </c>
      <c r="F62871" s="1" t="s">
        <v>210183</v>
      </c>
      <c r="G62871" s="1" t="s">
        <v>210170</v>
      </c>
      <c r="H62871" s="1" t="s">
        <v>210171</v>
      </c>
      <c r="I62871" s="1" t="s">
        <v>207852</v>
      </c>
      <c r="J62871" s="1" t="s">
        <v>210184</v>
      </c>
    </row>
    <row r="62872" spans="1:10" x14ac:dyDescent="0.35">
      <c r="A62872" s="1" t="s">
        <v>143012</v>
      </c>
      <c r="B62872" s="1" t="s">
        <v>207847</v>
      </c>
      <c r="C62872" s="1" t="s">
        <v>35</v>
      </c>
      <c r="D62872" s="1" t="s">
        <v>48871</v>
      </c>
      <c r="E62872" s="1" t="s">
        <v>210185</v>
      </c>
      <c r="F62872" s="1" t="s">
        <v>210186</v>
      </c>
      <c r="G62872" s="1" t="s">
        <v>210170</v>
      </c>
      <c r="H62872" s="1" t="s">
        <v>210171</v>
      </c>
      <c r="I62872" s="1" t="s">
        <v>207852</v>
      </c>
      <c r="J62872" s="1" t="s">
        <v>210187</v>
      </c>
    </row>
    <row r="62873" spans="1:10" x14ac:dyDescent="0.35">
      <c r="A62873" s="1" t="s">
        <v>143012</v>
      </c>
      <c r="B62873" s="1" t="s">
        <v>207847</v>
      </c>
      <c r="C62873" s="1" t="s">
        <v>40</v>
      </c>
      <c r="D62873" s="1" t="s">
        <v>82171</v>
      </c>
      <c r="E62873" s="1" t="s">
        <v>210188</v>
      </c>
      <c r="F62873" s="1" t="s">
        <v>210189</v>
      </c>
      <c r="G62873" s="1" t="s">
        <v>210170</v>
      </c>
      <c r="H62873" s="1" t="s">
        <v>210171</v>
      </c>
      <c r="I62873" s="1" t="s">
        <v>207852</v>
      </c>
      <c r="J62873" s="1" t="s">
        <v>210190</v>
      </c>
    </row>
    <row r="62874" spans="1:10" x14ac:dyDescent="0.35">
      <c r="A62874" s="1" t="s">
        <v>143012</v>
      </c>
      <c r="B62874" s="1" t="s">
        <v>207847</v>
      </c>
      <c r="C62874" s="1" t="s">
        <v>45</v>
      </c>
      <c r="D62874" s="1" t="s">
        <v>71776</v>
      </c>
      <c r="E62874" s="1" t="s">
        <v>210191</v>
      </c>
      <c r="F62874" s="1" t="s">
        <v>210192</v>
      </c>
      <c r="G62874" s="1" t="s">
        <v>210170</v>
      </c>
      <c r="H62874" s="1" t="s">
        <v>210171</v>
      </c>
      <c r="I62874" s="1" t="s">
        <v>207852</v>
      </c>
      <c r="J62874" s="1" t="s">
        <v>210193</v>
      </c>
    </row>
    <row r="62875" spans="1:10" x14ac:dyDescent="0.35">
      <c r="A62875" s="1" t="s">
        <v>143012</v>
      </c>
      <c r="B62875" s="1" t="s">
        <v>207847</v>
      </c>
      <c r="C62875" s="1" t="s">
        <v>50</v>
      </c>
      <c r="D62875" s="1" t="s">
        <v>74841</v>
      </c>
      <c r="E62875" s="1" t="s">
        <v>210194</v>
      </c>
      <c r="F62875" s="1" t="s">
        <v>210195</v>
      </c>
      <c r="G62875" s="1" t="s">
        <v>210170</v>
      </c>
      <c r="H62875" s="1" t="s">
        <v>210171</v>
      </c>
      <c r="I62875" s="1" t="s">
        <v>207852</v>
      </c>
      <c r="J62875" s="1" t="s">
        <v>210196</v>
      </c>
    </row>
    <row r="62876" spans="1:10" x14ac:dyDescent="0.35">
      <c r="A62876" s="1" t="s">
        <v>143012</v>
      </c>
      <c r="B62876" s="1" t="s">
        <v>207847</v>
      </c>
      <c r="C62876" s="1" t="s">
        <v>55</v>
      </c>
      <c r="D62876" s="1" t="s">
        <v>210197</v>
      </c>
      <c r="E62876" s="1" t="s">
        <v>210198</v>
      </c>
      <c r="F62876" s="1" t="s">
        <v>210199</v>
      </c>
      <c r="G62876" s="1" t="s">
        <v>210170</v>
      </c>
      <c r="H62876" s="1" t="s">
        <v>210171</v>
      </c>
      <c r="I62876" s="1" t="s">
        <v>207852</v>
      </c>
      <c r="J62876" s="1" t="s">
        <v>210200</v>
      </c>
    </row>
    <row r="62877" spans="1:10" x14ac:dyDescent="0.35">
      <c r="A62877" s="1" t="s">
        <v>143012</v>
      </c>
      <c r="B62877" s="1" t="s">
        <v>207847</v>
      </c>
      <c r="C62877" s="1" t="s">
        <v>60</v>
      </c>
      <c r="D62877" s="1" t="s">
        <v>50678</v>
      </c>
      <c r="E62877" s="1" t="s">
        <v>210201</v>
      </c>
      <c r="F62877" s="1" t="s">
        <v>210202</v>
      </c>
      <c r="G62877" s="1" t="s">
        <v>210170</v>
      </c>
      <c r="H62877" s="1" t="s">
        <v>210171</v>
      </c>
      <c r="I62877" s="1" t="s">
        <v>207852</v>
      </c>
      <c r="J62877" s="1" t="s">
        <v>210203</v>
      </c>
    </row>
    <row r="62878" spans="1:10" x14ac:dyDescent="0.35">
      <c r="A62878" s="1" t="s">
        <v>143012</v>
      </c>
      <c r="B62878" s="1" t="s">
        <v>207847</v>
      </c>
      <c r="C62878" s="1" t="s">
        <v>65</v>
      </c>
      <c r="D62878" s="1" t="s">
        <v>118631</v>
      </c>
      <c r="E62878" s="1" t="s">
        <v>210204</v>
      </c>
      <c r="F62878" s="1" t="s">
        <v>210205</v>
      </c>
      <c r="G62878" s="1" t="s">
        <v>210170</v>
      </c>
      <c r="H62878" s="1" t="s">
        <v>210171</v>
      </c>
      <c r="I62878" s="1" t="s">
        <v>207852</v>
      </c>
      <c r="J62878" s="1" t="s">
        <v>210206</v>
      </c>
    </row>
    <row r="62879" spans="1:10" x14ac:dyDescent="0.35">
      <c r="A62879" s="1" t="s">
        <v>143012</v>
      </c>
      <c r="B62879" s="1" t="s">
        <v>207847</v>
      </c>
      <c r="C62879" s="1" t="s">
        <v>70</v>
      </c>
      <c r="D62879" s="1" t="s">
        <v>5151</v>
      </c>
      <c r="E62879" s="1" t="s">
        <v>210207</v>
      </c>
      <c r="F62879" s="1" t="s">
        <v>210208</v>
      </c>
      <c r="G62879" s="1" t="s">
        <v>210170</v>
      </c>
      <c r="H62879" s="1" t="s">
        <v>210171</v>
      </c>
      <c r="I62879" s="1" t="s">
        <v>207852</v>
      </c>
      <c r="J62879" s="1" t="s">
        <v>210209</v>
      </c>
    </row>
    <row r="62880" spans="1:10" x14ac:dyDescent="0.35">
      <c r="A62880" s="1" t="s">
        <v>143012</v>
      </c>
      <c r="B62880" s="1" t="s">
        <v>207847</v>
      </c>
      <c r="C62880" s="1" t="s">
        <v>75</v>
      </c>
      <c r="D62880" s="1" t="s">
        <v>72027</v>
      </c>
      <c r="E62880" s="1" t="s">
        <v>210210</v>
      </c>
      <c r="F62880" s="1" t="s">
        <v>210211</v>
      </c>
      <c r="G62880" s="1" t="s">
        <v>210170</v>
      </c>
      <c r="H62880" s="1" t="s">
        <v>210171</v>
      </c>
      <c r="I62880" s="1" t="s">
        <v>207852</v>
      </c>
      <c r="J62880" s="1" t="s">
        <v>210212</v>
      </c>
    </row>
    <row r="62881" spans="1:10" x14ac:dyDescent="0.35">
      <c r="A62881" s="1" t="s">
        <v>143012</v>
      </c>
      <c r="B62881" s="1" t="s">
        <v>207847</v>
      </c>
      <c r="C62881" s="1" t="s">
        <v>80</v>
      </c>
      <c r="D62881" s="1" t="s">
        <v>30201</v>
      </c>
      <c r="E62881" s="1" t="s">
        <v>210213</v>
      </c>
      <c r="F62881" s="1" t="s">
        <v>210214</v>
      </c>
      <c r="G62881" s="1" t="s">
        <v>210170</v>
      </c>
      <c r="H62881" s="1" t="s">
        <v>210171</v>
      </c>
      <c r="I62881" s="1" t="s">
        <v>207852</v>
      </c>
      <c r="J62881" s="1" t="s">
        <v>210215</v>
      </c>
    </row>
    <row r="62882" spans="1:10" x14ac:dyDescent="0.35">
      <c r="A62882" s="1" t="s">
        <v>143012</v>
      </c>
      <c r="B62882" s="1" t="s">
        <v>207847</v>
      </c>
      <c r="C62882" s="1" t="s">
        <v>85</v>
      </c>
      <c r="D62882" s="1" t="s">
        <v>35900</v>
      </c>
      <c r="E62882" s="1" t="s">
        <v>210216</v>
      </c>
      <c r="F62882" s="1" t="s">
        <v>210217</v>
      </c>
      <c r="G62882" s="1" t="s">
        <v>210170</v>
      </c>
      <c r="H62882" s="1" t="s">
        <v>210171</v>
      </c>
      <c r="I62882" s="1" t="s">
        <v>207852</v>
      </c>
      <c r="J62882" s="1" t="s">
        <v>210218</v>
      </c>
    </row>
    <row r="62883" spans="1:10" x14ac:dyDescent="0.35">
      <c r="A62883" s="1" t="s">
        <v>143012</v>
      </c>
      <c r="B62883" s="1" t="s">
        <v>207847</v>
      </c>
      <c r="C62883" s="1" t="s">
        <v>90</v>
      </c>
      <c r="D62883" s="1" t="s">
        <v>30637</v>
      </c>
      <c r="E62883" s="1" t="s">
        <v>210219</v>
      </c>
      <c r="F62883" s="1" t="s">
        <v>210220</v>
      </c>
      <c r="G62883" s="1" t="s">
        <v>210170</v>
      </c>
      <c r="H62883" s="1" t="s">
        <v>210171</v>
      </c>
      <c r="I62883" s="1" t="s">
        <v>207852</v>
      </c>
      <c r="J62883" s="1" t="s">
        <v>210221</v>
      </c>
    </row>
    <row r="62884" spans="1:10" x14ac:dyDescent="0.35">
      <c r="A62884" s="1" t="s">
        <v>143012</v>
      </c>
      <c r="B62884" s="1" t="s">
        <v>207847</v>
      </c>
      <c r="C62884" s="1" t="s">
        <v>95</v>
      </c>
      <c r="D62884" s="1" t="s">
        <v>118658</v>
      </c>
      <c r="E62884" s="1" t="s">
        <v>210222</v>
      </c>
      <c r="F62884" s="1" t="s">
        <v>210223</v>
      </c>
      <c r="G62884" s="1" t="s">
        <v>210170</v>
      </c>
      <c r="H62884" s="1" t="s">
        <v>210171</v>
      </c>
      <c r="I62884" s="1" t="s">
        <v>207852</v>
      </c>
      <c r="J62884" s="1" t="s">
        <v>210224</v>
      </c>
    </row>
    <row r="62885" spans="1:10" x14ac:dyDescent="0.35">
      <c r="A62885" s="1" t="s">
        <v>143012</v>
      </c>
      <c r="B62885" s="1" t="s">
        <v>207847</v>
      </c>
      <c r="C62885" s="1" t="s">
        <v>100</v>
      </c>
      <c r="D62885" s="1" t="s">
        <v>14829</v>
      </c>
      <c r="E62885" s="1" t="s">
        <v>210225</v>
      </c>
      <c r="F62885" s="1" t="s">
        <v>210226</v>
      </c>
      <c r="G62885" s="1" t="s">
        <v>210170</v>
      </c>
      <c r="H62885" s="1" t="s">
        <v>210171</v>
      </c>
      <c r="I62885" s="1" t="s">
        <v>207852</v>
      </c>
      <c r="J62885" s="1" t="s">
        <v>210227</v>
      </c>
    </row>
    <row r="62886" spans="1:10" x14ac:dyDescent="0.35">
      <c r="A62886" s="1" t="s">
        <v>143012</v>
      </c>
      <c r="B62886" s="1" t="s">
        <v>207847</v>
      </c>
      <c r="C62886" s="1" t="s">
        <v>105</v>
      </c>
      <c r="D62886" s="1" t="s">
        <v>183739</v>
      </c>
      <c r="E62886" s="1" t="s">
        <v>210228</v>
      </c>
      <c r="F62886" s="1" t="s">
        <v>210229</v>
      </c>
      <c r="G62886" s="1" t="s">
        <v>210170</v>
      </c>
      <c r="H62886" s="1" t="s">
        <v>210171</v>
      </c>
      <c r="I62886" s="1" t="s">
        <v>207852</v>
      </c>
      <c r="J62886" s="1" t="s">
        <v>210230</v>
      </c>
    </row>
    <row r="62887" spans="1:10" x14ac:dyDescent="0.35">
      <c r="A62887" s="1" t="s">
        <v>143012</v>
      </c>
      <c r="B62887" s="1" t="s">
        <v>207847</v>
      </c>
      <c r="C62887" s="1" t="s">
        <v>110</v>
      </c>
      <c r="D62887" s="1" t="s">
        <v>124527</v>
      </c>
      <c r="E62887" s="1" t="s">
        <v>210231</v>
      </c>
      <c r="F62887" s="1" t="s">
        <v>210232</v>
      </c>
      <c r="G62887" s="1" t="s">
        <v>210170</v>
      </c>
      <c r="H62887" s="1" t="s">
        <v>210171</v>
      </c>
      <c r="I62887" s="1" t="s">
        <v>207852</v>
      </c>
      <c r="J62887" s="1" t="s">
        <v>210233</v>
      </c>
    </row>
    <row r="62888" spans="1:10" x14ac:dyDescent="0.35">
      <c r="A62888" s="1" t="s">
        <v>143012</v>
      </c>
      <c r="B62888" s="1" t="s">
        <v>207847</v>
      </c>
      <c r="C62888" s="1" t="s">
        <v>115</v>
      </c>
      <c r="D62888" s="1" t="s">
        <v>73233</v>
      </c>
      <c r="E62888" s="1" t="s">
        <v>210234</v>
      </c>
      <c r="F62888" s="1" t="s">
        <v>210235</v>
      </c>
      <c r="G62888" s="1" t="s">
        <v>210170</v>
      </c>
      <c r="H62888" s="1" t="s">
        <v>210171</v>
      </c>
      <c r="I62888" s="1" t="s">
        <v>207852</v>
      </c>
      <c r="J62888" s="1" t="s">
        <v>210236</v>
      </c>
    </row>
    <row r="62889" spans="1:10" x14ac:dyDescent="0.35">
      <c r="A62889" s="1" t="s">
        <v>143012</v>
      </c>
      <c r="B62889" s="1" t="s">
        <v>207847</v>
      </c>
      <c r="C62889" s="1" t="s">
        <v>120</v>
      </c>
      <c r="D62889" s="1" t="s">
        <v>181176</v>
      </c>
      <c r="E62889" s="1" t="s">
        <v>210237</v>
      </c>
      <c r="F62889" s="1" t="s">
        <v>210238</v>
      </c>
      <c r="G62889" s="1" t="s">
        <v>210170</v>
      </c>
      <c r="H62889" s="1" t="s">
        <v>210171</v>
      </c>
      <c r="I62889" s="1" t="s">
        <v>207852</v>
      </c>
      <c r="J62889" s="1" t="s">
        <v>210239</v>
      </c>
    </row>
    <row r="62890" spans="1:10" x14ac:dyDescent="0.35">
      <c r="A62890" s="1" t="s">
        <v>143012</v>
      </c>
      <c r="B62890" s="1" t="s">
        <v>207847</v>
      </c>
      <c r="C62890" s="1" t="s">
        <v>125</v>
      </c>
      <c r="D62890" s="1" t="s">
        <v>3048</v>
      </c>
      <c r="E62890" s="1" t="s">
        <v>210240</v>
      </c>
      <c r="F62890" s="1" t="s">
        <v>210241</v>
      </c>
      <c r="G62890" s="1" t="s">
        <v>210170</v>
      </c>
      <c r="H62890" s="1" t="s">
        <v>210171</v>
      </c>
      <c r="I62890" s="1" t="s">
        <v>207852</v>
      </c>
      <c r="J62890" s="1" t="s">
        <v>210242</v>
      </c>
    </row>
    <row r="62891" spans="1:10" x14ac:dyDescent="0.35">
      <c r="A62891" s="1" t="s">
        <v>143012</v>
      </c>
      <c r="B62891" s="1" t="s">
        <v>207847</v>
      </c>
      <c r="C62891" s="1" t="s">
        <v>130</v>
      </c>
      <c r="D62891" s="1" t="s">
        <v>210243</v>
      </c>
      <c r="E62891" s="1" t="s">
        <v>210244</v>
      </c>
      <c r="F62891" s="1" t="s">
        <v>210245</v>
      </c>
      <c r="G62891" s="1" t="s">
        <v>210170</v>
      </c>
      <c r="H62891" s="1" t="s">
        <v>210171</v>
      </c>
      <c r="I62891" s="1" t="s">
        <v>207852</v>
      </c>
      <c r="J62891" s="1" t="s">
        <v>210246</v>
      </c>
    </row>
    <row r="62892" spans="1:10" x14ac:dyDescent="0.35">
      <c r="A62892" s="1" t="s">
        <v>143012</v>
      </c>
      <c r="B62892" s="1" t="s">
        <v>207847</v>
      </c>
      <c r="C62892" s="1" t="s">
        <v>135</v>
      </c>
      <c r="D62892" s="1" t="s">
        <v>31201</v>
      </c>
      <c r="E62892" s="1" t="s">
        <v>210247</v>
      </c>
      <c r="F62892" s="1" t="s">
        <v>210248</v>
      </c>
      <c r="G62892" s="1" t="s">
        <v>210170</v>
      </c>
      <c r="H62892" s="1" t="s">
        <v>210171</v>
      </c>
      <c r="I62892" s="1" t="s">
        <v>207852</v>
      </c>
      <c r="J62892" s="1" t="s">
        <v>210249</v>
      </c>
    </row>
    <row r="62893" spans="1:10" x14ac:dyDescent="0.35">
      <c r="A62893" s="1" t="s">
        <v>143012</v>
      </c>
      <c r="B62893" s="1" t="s">
        <v>207847</v>
      </c>
      <c r="C62893" s="1" t="s">
        <v>140</v>
      </c>
      <c r="D62893" s="1" t="s">
        <v>173591</v>
      </c>
      <c r="E62893" s="1" t="s">
        <v>210250</v>
      </c>
      <c r="F62893" s="1" t="s">
        <v>210251</v>
      </c>
      <c r="G62893" s="1" t="s">
        <v>210170</v>
      </c>
      <c r="H62893" s="1" t="s">
        <v>210171</v>
      </c>
      <c r="I62893" s="1" t="s">
        <v>207852</v>
      </c>
      <c r="J62893" s="1" t="s">
        <v>210252</v>
      </c>
    </row>
    <row r="62894" spans="1:10" x14ac:dyDescent="0.35">
      <c r="A62894" s="1" t="s">
        <v>143012</v>
      </c>
      <c r="B62894" s="1" t="s">
        <v>207847</v>
      </c>
      <c r="C62894" s="1" t="s">
        <v>145</v>
      </c>
      <c r="D62894" s="1" t="s">
        <v>210253</v>
      </c>
      <c r="E62894" s="1" t="s">
        <v>210254</v>
      </c>
      <c r="F62894" s="1" t="s">
        <v>210255</v>
      </c>
      <c r="G62894" s="1" t="s">
        <v>210170</v>
      </c>
      <c r="H62894" s="1" t="s">
        <v>210171</v>
      </c>
      <c r="I62894" s="1" t="s">
        <v>207852</v>
      </c>
      <c r="J62894" s="1" t="s">
        <v>210256</v>
      </c>
    </row>
    <row r="62895" spans="1:10" x14ac:dyDescent="0.35">
      <c r="A62895" s="1" t="s">
        <v>143012</v>
      </c>
      <c r="B62895" s="1" t="s">
        <v>207847</v>
      </c>
      <c r="C62895" s="1" t="s">
        <v>150</v>
      </c>
      <c r="D62895" s="1" t="s">
        <v>125389</v>
      </c>
      <c r="E62895" s="1" t="s">
        <v>210257</v>
      </c>
      <c r="F62895" s="1" t="s">
        <v>210258</v>
      </c>
      <c r="G62895" s="1" t="s">
        <v>210170</v>
      </c>
      <c r="H62895" s="1" t="s">
        <v>210171</v>
      </c>
      <c r="I62895" s="1" t="s">
        <v>207852</v>
      </c>
      <c r="J62895" s="1" t="s">
        <v>210259</v>
      </c>
    </row>
    <row r="62896" spans="1:10" x14ac:dyDescent="0.35">
      <c r="A62896" s="1" t="s">
        <v>143012</v>
      </c>
      <c r="B62896" s="1" t="s">
        <v>207847</v>
      </c>
      <c r="C62896" s="1" t="s">
        <v>155</v>
      </c>
      <c r="D62896" s="1" t="s">
        <v>160531</v>
      </c>
      <c r="E62896" s="1" t="s">
        <v>210260</v>
      </c>
      <c r="F62896" s="1" t="s">
        <v>210261</v>
      </c>
      <c r="G62896" s="1" t="s">
        <v>210170</v>
      </c>
      <c r="H62896" s="1" t="s">
        <v>210171</v>
      </c>
      <c r="I62896" s="1" t="s">
        <v>207852</v>
      </c>
      <c r="J62896" s="1" t="s">
        <v>210262</v>
      </c>
    </row>
    <row r="62897" spans="1:10" x14ac:dyDescent="0.35">
      <c r="A62897" s="1" t="s">
        <v>143012</v>
      </c>
      <c r="B62897" s="1" t="s">
        <v>207847</v>
      </c>
      <c r="C62897" s="1" t="s">
        <v>160</v>
      </c>
      <c r="D62897" s="1" t="s">
        <v>37215</v>
      </c>
      <c r="E62897" s="1" t="s">
        <v>210263</v>
      </c>
      <c r="F62897" s="1" t="s">
        <v>210264</v>
      </c>
      <c r="G62897" s="1" t="s">
        <v>210170</v>
      </c>
      <c r="H62897" s="1" t="s">
        <v>210171</v>
      </c>
      <c r="I62897" s="1" t="s">
        <v>207852</v>
      </c>
      <c r="J62897" s="1" t="s">
        <v>210265</v>
      </c>
    </row>
    <row r="62898" spans="1:10" x14ac:dyDescent="0.35">
      <c r="A62898" s="1" t="s">
        <v>143012</v>
      </c>
      <c r="B62898" s="1" t="s">
        <v>207847</v>
      </c>
      <c r="C62898" s="1" t="s">
        <v>165</v>
      </c>
      <c r="D62898" s="1" t="s">
        <v>210266</v>
      </c>
      <c r="E62898" s="1" t="s">
        <v>210267</v>
      </c>
      <c r="F62898" s="1" t="s">
        <v>210268</v>
      </c>
      <c r="G62898" s="1" t="s">
        <v>210170</v>
      </c>
      <c r="H62898" s="1" t="s">
        <v>210171</v>
      </c>
      <c r="I62898" s="1" t="s">
        <v>207852</v>
      </c>
      <c r="J62898" s="1" t="s">
        <v>210269</v>
      </c>
    </row>
    <row r="62899" spans="1:10" x14ac:dyDescent="0.35">
      <c r="A62899" s="1" t="s">
        <v>143012</v>
      </c>
      <c r="B62899" s="1" t="s">
        <v>207847</v>
      </c>
      <c r="C62899" s="1" t="s">
        <v>170</v>
      </c>
      <c r="D62899" s="1" t="s">
        <v>37969</v>
      </c>
      <c r="E62899" s="1" t="s">
        <v>210270</v>
      </c>
      <c r="F62899" s="1" t="s">
        <v>210271</v>
      </c>
      <c r="G62899" s="1" t="s">
        <v>210170</v>
      </c>
      <c r="H62899" s="1" t="s">
        <v>210171</v>
      </c>
      <c r="I62899" s="1" t="s">
        <v>207852</v>
      </c>
      <c r="J62899" s="1" t="s">
        <v>210272</v>
      </c>
    </row>
    <row r="62900" spans="1:10" x14ac:dyDescent="0.35">
      <c r="A62900" s="1" t="s">
        <v>8675</v>
      </c>
      <c r="B62900" s="1" t="s">
        <v>207847</v>
      </c>
      <c r="C62900" s="1" t="s">
        <v>8</v>
      </c>
      <c r="D62900" s="1" t="s">
        <v>416</v>
      </c>
      <c r="E62900" s="1" t="s">
        <v>24217</v>
      </c>
      <c r="F62900" s="1" t="s">
        <v>101237</v>
      </c>
      <c r="G62900" s="1" t="s">
        <v>210273</v>
      </c>
      <c r="H62900" s="1" t="s">
        <v>210274</v>
      </c>
      <c r="I62900" s="1" t="s">
        <v>207852</v>
      </c>
      <c r="J62900" s="1" t="s">
        <v>13</v>
      </c>
    </row>
    <row r="62901" spans="1:10" x14ac:dyDescent="0.35">
      <c r="A62901" s="1" t="s">
        <v>8675</v>
      </c>
      <c r="B62901" s="1" t="s">
        <v>207847</v>
      </c>
      <c r="C62901" s="1" t="s">
        <v>15</v>
      </c>
      <c r="D62901" s="1" t="s">
        <v>210275</v>
      </c>
      <c r="E62901" s="1" t="s">
        <v>41344</v>
      </c>
      <c r="F62901" s="1" t="s">
        <v>66595</v>
      </c>
      <c r="G62901" s="1" t="s">
        <v>210273</v>
      </c>
      <c r="H62901" s="1" t="s">
        <v>210274</v>
      </c>
      <c r="I62901" s="1" t="s">
        <v>207852</v>
      </c>
      <c r="J62901" s="1" t="s">
        <v>210276</v>
      </c>
    </row>
    <row r="62902" spans="1:10" x14ac:dyDescent="0.35">
      <c r="A62902" s="1" t="s">
        <v>8675</v>
      </c>
      <c r="B62902" s="1" t="s">
        <v>207847</v>
      </c>
      <c r="C62902" s="1" t="s">
        <v>20</v>
      </c>
      <c r="D62902" s="1" t="s">
        <v>74349</v>
      </c>
      <c r="E62902" s="1" t="s">
        <v>56246</v>
      </c>
      <c r="F62902" s="1" t="s">
        <v>210277</v>
      </c>
      <c r="G62902" s="1" t="s">
        <v>210273</v>
      </c>
      <c r="H62902" s="1" t="s">
        <v>210274</v>
      </c>
      <c r="I62902" s="1" t="s">
        <v>207852</v>
      </c>
      <c r="J62902" s="1" t="s">
        <v>210278</v>
      </c>
    </row>
    <row r="62903" spans="1:10" x14ac:dyDescent="0.35">
      <c r="A62903" s="1" t="s">
        <v>8675</v>
      </c>
      <c r="B62903" s="1" t="s">
        <v>207847</v>
      </c>
      <c r="C62903" s="1" t="s">
        <v>25</v>
      </c>
      <c r="D62903" s="1" t="s">
        <v>210279</v>
      </c>
      <c r="E62903" s="1" t="s">
        <v>23164</v>
      </c>
      <c r="F62903" s="1" t="s">
        <v>59538</v>
      </c>
      <c r="G62903" s="1" t="s">
        <v>210273</v>
      </c>
      <c r="H62903" s="1" t="s">
        <v>210274</v>
      </c>
      <c r="I62903" s="1" t="s">
        <v>207852</v>
      </c>
      <c r="J62903" s="1" t="s">
        <v>210280</v>
      </c>
    </row>
    <row r="62904" spans="1:10" x14ac:dyDescent="0.35">
      <c r="A62904" s="1" t="s">
        <v>8675</v>
      </c>
      <c r="B62904" s="1" t="s">
        <v>207847</v>
      </c>
      <c r="C62904" s="1" t="s">
        <v>30</v>
      </c>
      <c r="D62904" s="1" t="s">
        <v>156</v>
      </c>
      <c r="E62904" s="1" t="s">
        <v>58043</v>
      </c>
      <c r="F62904" s="1" t="s">
        <v>129001</v>
      </c>
      <c r="G62904" s="1" t="s">
        <v>210273</v>
      </c>
      <c r="H62904" s="1" t="s">
        <v>210274</v>
      </c>
      <c r="I62904" s="1" t="s">
        <v>207852</v>
      </c>
      <c r="J62904" s="1" t="s">
        <v>210281</v>
      </c>
    </row>
    <row r="62905" spans="1:10" x14ac:dyDescent="0.35">
      <c r="A62905" s="1" t="s">
        <v>8675</v>
      </c>
      <c r="B62905" s="1" t="s">
        <v>207847</v>
      </c>
      <c r="C62905" s="1" t="s">
        <v>35</v>
      </c>
      <c r="D62905" s="1" t="s">
        <v>47892</v>
      </c>
      <c r="E62905" s="1" t="s">
        <v>26520</v>
      </c>
      <c r="F62905" s="1" t="s">
        <v>210282</v>
      </c>
      <c r="G62905" s="1" t="s">
        <v>210273</v>
      </c>
      <c r="H62905" s="1" t="s">
        <v>210274</v>
      </c>
      <c r="I62905" s="1" t="s">
        <v>207852</v>
      </c>
      <c r="J62905" s="1" t="s">
        <v>210283</v>
      </c>
    </row>
    <row r="62906" spans="1:10" x14ac:dyDescent="0.35">
      <c r="A62906" s="1" t="s">
        <v>8675</v>
      </c>
      <c r="B62906" s="1" t="s">
        <v>207847</v>
      </c>
      <c r="C62906" s="1" t="s">
        <v>40</v>
      </c>
      <c r="D62906" s="1" t="s">
        <v>45695</v>
      </c>
      <c r="E62906" s="1" t="s">
        <v>22298</v>
      </c>
      <c r="F62906" s="1" t="s">
        <v>27147</v>
      </c>
      <c r="G62906" s="1" t="s">
        <v>210273</v>
      </c>
      <c r="H62906" s="1" t="s">
        <v>210274</v>
      </c>
      <c r="I62906" s="1" t="s">
        <v>207852</v>
      </c>
      <c r="J62906" s="1" t="s">
        <v>210284</v>
      </c>
    </row>
    <row r="62907" spans="1:10" x14ac:dyDescent="0.35">
      <c r="A62907" s="1" t="s">
        <v>8675</v>
      </c>
      <c r="B62907" s="1" t="s">
        <v>207847</v>
      </c>
      <c r="C62907" s="1" t="s">
        <v>45</v>
      </c>
      <c r="D62907" s="1" t="s">
        <v>48801</v>
      </c>
      <c r="E62907" s="1" t="s">
        <v>57384</v>
      </c>
      <c r="F62907" s="1" t="s">
        <v>210285</v>
      </c>
      <c r="G62907" s="1" t="s">
        <v>210273</v>
      </c>
      <c r="H62907" s="1" t="s">
        <v>210274</v>
      </c>
      <c r="I62907" s="1" t="s">
        <v>207852</v>
      </c>
      <c r="J62907" s="1" t="s">
        <v>210286</v>
      </c>
    </row>
    <row r="62908" spans="1:10" x14ac:dyDescent="0.35">
      <c r="A62908" s="1" t="s">
        <v>8675</v>
      </c>
      <c r="B62908" s="1" t="s">
        <v>207847</v>
      </c>
      <c r="C62908" s="1" t="s">
        <v>50</v>
      </c>
      <c r="D62908" s="1" t="s">
        <v>210287</v>
      </c>
      <c r="E62908" s="1" t="s">
        <v>22328</v>
      </c>
      <c r="F62908" s="1" t="s">
        <v>210288</v>
      </c>
      <c r="G62908" s="1" t="s">
        <v>210273</v>
      </c>
      <c r="H62908" s="1" t="s">
        <v>210274</v>
      </c>
      <c r="I62908" s="1" t="s">
        <v>207852</v>
      </c>
      <c r="J62908" s="1" t="s">
        <v>210289</v>
      </c>
    </row>
    <row r="62909" spans="1:10" x14ac:dyDescent="0.35">
      <c r="A62909" s="1" t="s">
        <v>8675</v>
      </c>
      <c r="B62909" s="1" t="s">
        <v>207847</v>
      </c>
      <c r="C62909" s="1" t="s">
        <v>55</v>
      </c>
      <c r="D62909" s="1" t="s">
        <v>179363</v>
      </c>
      <c r="E62909" s="1" t="s">
        <v>64074</v>
      </c>
      <c r="F62909" s="1" t="s">
        <v>210290</v>
      </c>
      <c r="G62909" s="1" t="s">
        <v>210273</v>
      </c>
      <c r="H62909" s="1" t="s">
        <v>210274</v>
      </c>
      <c r="I62909" s="1" t="s">
        <v>207852</v>
      </c>
      <c r="J62909" s="1" t="s">
        <v>210291</v>
      </c>
    </row>
    <row r="62910" spans="1:10" x14ac:dyDescent="0.35">
      <c r="A62910" s="1" t="s">
        <v>8675</v>
      </c>
      <c r="B62910" s="1" t="s">
        <v>207847</v>
      </c>
      <c r="C62910" s="1" t="s">
        <v>60</v>
      </c>
      <c r="D62910" s="1" t="s">
        <v>210292</v>
      </c>
      <c r="E62910" s="1" t="s">
        <v>210293</v>
      </c>
      <c r="F62910" s="1" t="s">
        <v>60806</v>
      </c>
      <c r="G62910" s="1" t="s">
        <v>210273</v>
      </c>
      <c r="H62910" s="1" t="s">
        <v>210274</v>
      </c>
      <c r="I62910" s="1" t="s">
        <v>207852</v>
      </c>
      <c r="J62910" s="1" t="s">
        <v>210294</v>
      </c>
    </row>
    <row r="62911" spans="1:10" x14ac:dyDescent="0.35">
      <c r="A62911" s="1" t="s">
        <v>8675</v>
      </c>
      <c r="B62911" s="1" t="s">
        <v>207847</v>
      </c>
      <c r="C62911" s="1" t="s">
        <v>65</v>
      </c>
      <c r="D62911" s="1" t="s">
        <v>112966</v>
      </c>
      <c r="E62911" s="1" t="s">
        <v>15915</v>
      </c>
      <c r="F62911" s="1" t="s">
        <v>210295</v>
      </c>
      <c r="G62911" s="1" t="s">
        <v>210273</v>
      </c>
      <c r="H62911" s="1" t="s">
        <v>210274</v>
      </c>
      <c r="I62911" s="1" t="s">
        <v>207852</v>
      </c>
      <c r="J62911" s="1" t="s">
        <v>210296</v>
      </c>
    </row>
    <row r="62912" spans="1:10" x14ac:dyDescent="0.35">
      <c r="A62912" s="1" t="s">
        <v>8675</v>
      </c>
      <c r="B62912" s="1" t="s">
        <v>207847</v>
      </c>
      <c r="C62912" s="1" t="s">
        <v>70</v>
      </c>
      <c r="D62912" s="1" t="s">
        <v>33061</v>
      </c>
      <c r="E62912" s="1" t="s">
        <v>15424</v>
      </c>
      <c r="F62912" s="1" t="s">
        <v>55273</v>
      </c>
      <c r="G62912" s="1" t="s">
        <v>210273</v>
      </c>
      <c r="H62912" s="1" t="s">
        <v>210274</v>
      </c>
      <c r="I62912" s="1" t="s">
        <v>207852</v>
      </c>
      <c r="J62912" s="1" t="s">
        <v>210297</v>
      </c>
    </row>
    <row r="62913" spans="1:10" x14ac:dyDescent="0.35">
      <c r="A62913" s="1" t="s">
        <v>8675</v>
      </c>
      <c r="B62913" s="1" t="s">
        <v>207847</v>
      </c>
      <c r="C62913" s="1" t="s">
        <v>75</v>
      </c>
      <c r="D62913" s="1" t="s">
        <v>34112</v>
      </c>
      <c r="E62913" s="1" t="s">
        <v>56737</v>
      </c>
      <c r="F62913" s="1" t="s">
        <v>149033</v>
      </c>
      <c r="G62913" s="1" t="s">
        <v>210273</v>
      </c>
      <c r="H62913" s="1" t="s">
        <v>210274</v>
      </c>
      <c r="I62913" s="1" t="s">
        <v>207852</v>
      </c>
      <c r="J62913" s="1" t="s">
        <v>210298</v>
      </c>
    </row>
    <row r="62914" spans="1:10" x14ac:dyDescent="0.35">
      <c r="A62914" s="1" t="s">
        <v>8675</v>
      </c>
      <c r="B62914" s="1" t="s">
        <v>207847</v>
      </c>
      <c r="C62914" s="1" t="s">
        <v>80</v>
      </c>
      <c r="D62914" s="1" t="s">
        <v>182522</v>
      </c>
      <c r="E62914" s="1" t="s">
        <v>31842</v>
      </c>
      <c r="F62914" s="1" t="s">
        <v>210299</v>
      </c>
      <c r="G62914" s="1" t="s">
        <v>210273</v>
      </c>
      <c r="H62914" s="1" t="s">
        <v>210274</v>
      </c>
      <c r="I62914" s="1" t="s">
        <v>207852</v>
      </c>
      <c r="J62914" s="1" t="s">
        <v>210300</v>
      </c>
    </row>
    <row r="62915" spans="1:10" x14ac:dyDescent="0.35">
      <c r="A62915" s="1" t="s">
        <v>8675</v>
      </c>
      <c r="B62915" s="1" t="s">
        <v>207847</v>
      </c>
      <c r="C62915" s="1" t="s">
        <v>85</v>
      </c>
      <c r="D62915" s="1" t="s">
        <v>210301</v>
      </c>
      <c r="E62915" s="1" t="s">
        <v>57609</v>
      </c>
      <c r="F62915" s="1" t="s">
        <v>106932</v>
      </c>
      <c r="G62915" s="1" t="s">
        <v>210273</v>
      </c>
      <c r="H62915" s="1" t="s">
        <v>210274</v>
      </c>
      <c r="I62915" s="1" t="s">
        <v>207852</v>
      </c>
      <c r="J62915" s="1" t="s">
        <v>210302</v>
      </c>
    </row>
    <row r="62916" spans="1:10" x14ac:dyDescent="0.35">
      <c r="A62916" s="1" t="s">
        <v>8675</v>
      </c>
      <c r="B62916" s="1" t="s">
        <v>207847</v>
      </c>
      <c r="C62916" s="1" t="s">
        <v>90</v>
      </c>
      <c r="D62916" s="1" t="s">
        <v>195665</v>
      </c>
      <c r="E62916" s="1" t="s">
        <v>22317</v>
      </c>
      <c r="F62916" s="1" t="s">
        <v>32599</v>
      </c>
      <c r="G62916" s="1" t="s">
        <v>210273</v>
      </c>
      <c r="H62916" s="1" t="s">
        <v>210274</v>
      </c>
      <c r="I62916" s="1" t="s">
        <v>207852</v>
      </c>
      <c r="J62916" s="1" t="s">
        <v>210303</v>
      </c>
    </row>
    <row r="62917" spans="1:10" x14ac:dyDescent="0.35">
      <c r="A62917" s="1" t="s">
        <v>8675</v>
      </c>
      <c r="B62917" s="1" t="s">
        <v>207847</v>
      </c>
      <c r="C62917" s="1" t="s">
        <v>95</v>
      </c>
      <c r="D62917" s="1" t="s">
        <v>4658</v>
      </c>
      <c r="E62917" s="1" t="s">
        <v>58114</v>
      </c>
      <c r="F62917" s="1" t="s">
        <v>105207</v>
      </c>
      <c r="G62917" s="1" t="s">
        <v>210273</v>
      </c>
      <c r="H62917" s="1" t="s">
        <v>210274</v>
      </c>
      <c r="I62917" s="1" t="s">
        <v>207852</v>
      </c>
      <c r="J62917" s="1" t="s">
        <v>210304</v>
      </c>
    </row>
    <row r="62918" spans="1:10" x14ac:dyDescent="0.35">
      <c r="A62918" s="1" t="s">
        <v>8675</v>
      </c>
      <c r="B62918" s="1" t="s">
        <v>207847</v>
      </c>
      <c r="C62918" s="1" t="s">
        <v>100</v>
      </c>
      <c r="D62918" s="1" t="s">
        <v>210305</v>
      </c>
      <c r="E62918" s="1" t="s">
        <v>22309</v>
      </c>
      <c r="F62918" s="1" t="s">
        <v>66815</v>
      </c>
      <c r="G62918" s="1" t="s">
        <v>210273</v>
      </c>
      <c r="H62918" s="1" t="s">
        <v>210274</v>
      </c>
      <c r="I62918" s="1" t="s">
        <v>207852</v>
      </c>
      <c r="J62918" s="1" t="s">
        <v>210306</v>
      </c>
    </row>
    <row r="62919" spans="1:10" x14ac:dyDescent="0.35">
      <c r="A62919" s="1" t="s">
        <v>8675</v>
      </c>
      <c r="B62919" s="1" t="s">
        <v>207847</v>
      </c>
      <c r="C62919" s="1" t="s">
        <v>105</v>
      </c>
      <c r="D62919" s="1" t="s">
        <v>43026</v>
      </c>
      <c r="E62919" s="1" t="s">
        <v>15911</v>
      </c>
      <c r="F62919" s="1" t="s">
        <v>55394</v>
      </c>
      <c r="G62919" s="1" t="s">
        <v>210273</v>
      </c>
      <c r="H62919" s="1" t="s">
        <v>210274</v>
      </c>
      <c r="I62919" s="1" t="s">
        <v>207852</v>
      </c>
      <c r="J62919" s="1" t="s">
        <v>210307</v>
      </c>
    </row>
    <row r="62920" spans="1:10" x14ac:dyDescent="0.35">
      <c r="A62920" s="1" t="s">
        <v>8675</v>
      </c>
      <c r="B62920" s="1" t="s">
        <v>207847</v>
      </c>
      <c r="C62920" s="1" t="s">
        <v>110</v>
      </c>
      <c r="D62920" s="1" t="s">
        <v>210308</v>
      </c>
      <c r="E62920" s="1" t="s">
        <v>106958</v>
      </c>
      <c r="F62920" s="1" t="s">
        <v>105352</v>
      </c>
      <c r="G62920" s="1" t="s">
        <v>210273</v>
      </c>
      <c r="H62920" s="1" t="s">
        <v>210274</v>
      </c>
      <c r="I62920" s="1" t="s">
        <v>207852</v>
      </c>
      <c r="J62920" s="1" t="s">
        <v>210309</v>
      </c>
    </row>
    <row r="62921" spans="1:10" x14ac:dyDescent="0.35">
      <c r="A62921" s="1" t="s">
        <v>8675</v>
      </c>
      <c r="B62921" s="1" t="s">
        <v>207847</v>
      </c>
      <c r="C62921" s="1" t="s">
        <v>115</v>
      </c>
      <c r="D62921" s="1" t="s">
        <v>83044</v>
      </c>
      <c r="E62921" s="1" t="s">
        <v>65303</v>
      </c>
      <c r="F62921" s="1" t="s">
        <v>60102</v>
      </c>
      <c r="G62921" s="1" t="s">
        <v>210273</v>
      </c>
      <c r="H62921" s="1" t="s">
        <v>210274</v>
      </c>
      <c r="I62921" s="1" t="s">
        <v>207852</v>
      </c>
      <c r="J62921" s="1" t="s">
        <v>210310</v>
      </c>
    </row>
    <row r="62922" spans="1:10" x14ac:dyDescent="0.35">
      <c r="A62922" s="1" t="s">
        <v>8675</v>
      </c>
      <c r="B62922" s="1" t="s">
        <v>207847</v>
      </c>
      <c r="C62922" s="1" t="s">
        <v>120</v>
      </c>
      <c r="D62922" s="1" t="s">
        <v>82164</v>
      </c>
      <c r="E62922" s="1" t="s">
        <v>31754</v>
      </c>
      <c r="F62922" s="1" t="s">
        <v>210311</v>
      </c>
      <c r="G62922" s="1" t="s">
        <v>210273</v>
      </c>
      <c r="H62922" s="1" t="s">
        <v>210274</v>
      </c>
      <c r="I62922" s="1" t="s">
        <v>207852</v>
      </c>
      <c r="J62922" s="1" t="s">
        <v>210312</v>
      </c>
    </row>
    <row r="62923" spans="1:10" x14ac:dyDescent="0.35">
      <c r="A62923" s="1" t="s">
        <v>8675</v>
      </c>
      <c r="B62923" s="1" t="s">
        <v>207847</v>
      </c>
      <c r="C62923" s="1" t="s">
        <v>125</v>
      </c>
      <c r="D62923" s="1" t="s">
        <v>18394</v>
      </c>
      <c r="E62923" s="1" t="s">
        <v>197855</v>
      </c>
      <c r="F62923" s="1" t="s">
        <v>108991</v>
      </c>
      <c r="G62923" s="1" t="s">
        <v>210273</v>
      </c>
      <c r="H62923" s="1" t="s">
        <v>210274</v>
      </c>
      <c r="I62923" s="1" t="s">
        <v>207852</v>
      </c>
      <c r="J62923" s="1" t="s">
        <v>210313</v>
      </c>
    </row>
    <row r="62924" spans="1:10" x14ac:dyDescent="0.35">
      <c r="A62924" s="1" t="s">
        <v>8675</v>
      </c>
      <c r="B62924" s="1" t="s">
        <v>207847</v>
      </c>
      <c r="C62924" s="1" t="s">
        <v>130</v>
      </c>
      <c r="D62924" s="1" t="s">
        <v>107138</v>
      </c>
      <c r="E62924" s="1" t="s">
        <v>210314</v>
      </c>
      <c r="F62924" s="1" t="s">
        <v>210315</v>
      </c>
      <c r="G62924" s="1" t="s">
        <v>210273</v>
      </c>
      <c r="H62924" s="1" t="s">
        <v>210274</v>
      </c>
      <c r="I62924" s="1" t="s">
        <v>207852</v>
      </c>
      <c r="J62924" s="1" t="s">
        <v>210316</v>
      </c>
    </row>
    <row r="62925" spans="1:10" x14ac:dyDescent="0.35">
      <c r="A62925" s="1" t="s">
        <v>8675</v>
      </c>
      <c r="B62925" s="1" t="s">
        <v>207847</v>
      </c>
      <c r="C62925" s="1" t="s">
        <v>135</v>
      </c>
      <c r="D62925" s="1" t="s">
        <v>210317</v>
      </c>
      <c r="E62925" s="1" t="s">
        <v>31449</v>
      </c>
      <c r="F62925" s="1" t="s">
        <v>210318</v>
      </c>
      <c r="G62925" s="1" t="s">
        <v>210273</v>
      </c>
      <c r="H62925" s="1" t="s">
        <v>210274</v>
      </c>
      <c r="I62925" s="1" t="s">
        <v>207852</v>
      </c>
      <c r="J62925" s="1" t="s">
        <v>210319</v>
      </c>
    </row>
    <row r="62926" spans="1:10" x14ac:dyDescent="0.35">
      <c r="A62926" s="1" t="s">
        <v>8675</v>
      </c>
      <c r="B62926" s="1" t="s">
        <v>207847</v>
      </c>
      <c r="C62926" s="1" t="s">
        <v>140</v>
      </c>
      <c r="D62926" s="1" t="s">
        <v>210320</v>
      </c>
      <c r="E62926" s="1" t="s">
        <v>96539</v>
      </c>
      <c r="F62926" s="1" t="s">
        <v>162654</v>
      </c>
      <c r="G62926" s="1" t="s">
        <v>210273</v>
      </c>
      <c r="H62926" s="1" t="s">
        <v>210274</v>
      </c>
      <c r="I62926" s="1" t="s">
        <v>207852</v>
      </c>
      <c r="J62926" s="1" t="s">
        <v>210321</v>
      </c>
    </row>
    <row r="62927" spans="1:10" x14ac:dyDescent="0.35">
      <c r="A62927" s="1" t="s">
        <v>8675</v>
      </c>
      <c r="B62927" s="1" t="s">
        <v>207847</v>
      </c>
      <c r="C62927" s="1" t="s">
        <v>145</v>
      </c>
      <c r="D62927" s="1" t="s">
        <v>210322</v>
      </c>
      <c r="E62927" s="1" t="s">
        <v>30615</v>
      </c>
      <c r="F62927" s="1" t="s">
        <v>54460</v>
      </c>
      <c r="G62927" s="1" t="s">
        <v>210273</v>
      </c>
      <c r="H62927" s="1" t="s">
        <v>210274</v>
      </c>
      <c r="I62927" s="1" t="s">
        <v>207852</v>
      </c>
      <c r="J62927" s="1" t="s">
        <v>210323</v>
      </c>
    </row>
    <row r="62928" spans="1:10" x14ac:dyDescent="0.35">
      <c r="A62928" s="1" t="s">
        <v>8675</v>
      </c>
      <c r="B62928" s="1" t="s">
        <v>207847</v>
      </c>
      <c r="C62928" s="1" t="s">
        <v>150</v>
      </c>
      <c r="D62928" s="1" t="s">
        <v>122274</v>
      </c>
      <c r="E62928" s="1" t="s">
        <v>210324</v>
      </c>
      <c r="F62928" s="1" t="s">
        <v>210325</v>
      </c>
      <c r="G62928" s="1" t="s">
        <v>210273</v>
      </c>
      <c r="H62928" s="1" t="s">
        <v>210274</v>
      </c>
      <c r="I62928" s="1" t="s">
        <v>207852</v>
      </c>
      <c r="J62928" s="1" t="s">
        <v>210326</v>
      </c>
    </row>
    <row r="62929" spans="1:10" x14ac:dyDescent="0.35">
      <c r="A62929" s="1" t="s">
        <v>8675</v>
      </c>
      <c r="B62929" s="1" t="s">
        <v>207847</v>
      </c>
      <c r="C62929" s="1" t="s">
        <v>155</v>
      </c>
      <c r="D62929" s="1" t="s">
        <v>23428</v>
      </c>
      <c r="E62929" s="1" t="s">
        <v>26261</v>
      </c>
      <c r="F62929" s="1" t="s">
        <v>66337</v>
      </c>
      <c r="G62929" s="1" t="s">
        <v>210273</v>
      </c>
      <c r="H62929" s="1" t="s">
        <v>210274</v>
      </c>
      <c r="I62929" s="1" t="s">
        <v>207852</v>
      </c>
      <c r="J62929" s="1" t="s">
        <v>210327</v>
      </c>
    </row>
    <row r="62930" spans="1:10" x14ac:dyDescent="0.35">
      <c r="A62930" s="1" t="s">
        <v>8675</v>
      </c>
      <c r="B62930" s="1" t="s">
        <v>207847</v>
      </c>
      <c r="C62930" s="1" t="s">
        <v>160</v>
      </c>
      <c r="D62930" s="1" t="s">
        <v>210328</v>
      </c>
      <c r="E62930" s="1" t="s">
        <v>15946</v>
      </c>
      <c r="F62930" s="1" t="s">
        <v>30671</v>
      </c>
      <c r="G62930" s="1" t="s">
        <v>210273</v>
      </c>
      <c r="H62930" s="1" t="s">
        <v>210274</v>
      </c>
      <c r="I62930" s="1" t="s">
        <v>207852</v>
      </c>
      <c r="J62930" s="1" t="s">
        <v>210329</v>
      </c>
    </row>
    <row r="62931" spans="1:10" x14ac:dyDescent="0.35">
      <c r="A62931" s="1" t="s">
        <v>8675</v>
      </c>
      <c r="B62931" s="1" t="s">
        <v>207847</v>
      </c>
      <c r="C62931" s="1" t="s">
        <v>165</v>
      </c>
      <c r="D62931" s="1" t="s">
        <v>86852</v>
      </c>
      <c r="E62931" s="1" t="s">
        <v>26644</v>
      </c>
      <c r="F62931" s="1" t="s">
        <v>107607</v>
      </c>
      <c r="G62931" s="1" t="s">
        <v>210273</v>
      </c>
      <c r="H62931" s="1" t="s">
        <v>210274</v>
      </c>
      <c r="I62931" s="1" t="s">
        <v>207852</v>
      </c>
      <c r="J62931" s="1" t="s">
        <v>210330</v>
      </c>
    </row>
    <row r="62932" spans="1:10" x14ac:dyDescent="0.35">
      <c r="A62932" s="1" t="s">
        <v>8675</v>
      </c>
      <c r="B62932" s="1" t="s">
        <v>207847</v>
      </c>
      <c r="C62932" s="1" t="s">
        <v>170</v>
      </c>
      <c r="D62932" s="1" t="s">
        <v>77370</v>
      </c>
      <c r="E62932" s="1" t="s">
        <v>30597</v>
      </c>
      <c r="F62932" s="1" t="s">
        <v>31787</v>
      </c>
      <c r="G62932" s="1" t="s">
        <v>210273</v>
      </c>
      <c r="H62932" s="1" t="s">
        <v>210274</v>
      </c>
      <c r="I62932" s="1" t="s">
        <v>207852</v>
      </c>
      <c r="J62932" s="1" t="s">
        <v>210331</v>
      </c>
    </row>
    <row r="62933" spans="1:10" x14ac:dyDescent="0.35">
      <c r="A62933" s="1" t="s">
        <v>4030</v>
      </c>
      <c r="B62933" s="1" t="s">
        <v>207847</v>
      </c>
      <c r="C62933" s="1" t="s">
        <v>8</v>
      </c>
      <c r="D62933" s="1" t="s">
        <v>210332</v>
      </c>
      <c r="E62933" s="1" t="s">
        <v>210333</v>
      </c>
      <c r="F62933" s="1" t="s">
        <v>210334</v>
      </c>
      <c r="G62933" s="1" t="s">
        <v>210335</v>
      </c>
      <c r="H62933" s="1" t="s">
        <v>210336</v>
      </c>
      <c r="I62933" s="1" t="s">
        <v>207852</v>
      </c>
      <c r="J62933" s="1" t="s">
        <v>13</v>
      </c>
    </row>
    <row r="62934" spans="1:10" x14ac:dyDescent="0.35">
      <c r="A62934" s="1" t="s">
        <v>4030</v>
      </c>
      <c r="B62934" s="1" t="s">
        <v>207847</v>
      </c>
      <c r="C62934" s="1" t="s">
        <v>15</v>
      </c>
      <c r="D62934" s="1" t="s">
        <v>190268</v>
      </c>
      <c r="E62934" s="1" t="s">
        <v>210337</v>
      </c>
      <c r="F62934" s="1" t="s">
        <v>210338</v>
      </c>
      <c r="G62934" s="1" t="s">
        <v>210335</v>
      </c>
      <c r="H62934" s="1" t="s">
        <v>210336</v>
      </c>
      <c r="I62934" s="1" t="s">
        <v>207852</v>
      </c>
      <c r="J62934" s="1" t="s">
        <v>210339</v>
      </c>
    </row>
    <row r="62935" spans="1:10" x14ac:dyDescent="0.35">
      <c r="A62935" s="1" t="s">
        <v>4030</v>
      </c>
      <c r="B62935" s="1" t="s">
        <v>207847</v>
      </c>
      <c r="C62935" s="1" t="s">
        <v>20</v>
      </c>
      <c r="D62935" s="1" t="s">
        <v>210340</v>
      </c>
      <c r="E62935" s="1" t="s">
        <v>210341</v>
      </c>
      <c r="F62935" s="1" t="s">
        <v>210342</v>
      </c>
      <c r="G62935" s="1" t="s">
        <v>210335</v>
      </c>
      <c r="H62935" s="1" t="s">
        <v>210336</v>
      </c>
      <c r="I62935" s="1" t="s">
        <v>207852</v>
      </c>
      <c r="J62935" s="1" t="s">
        <v>210343</v>
      </c>
    </row>
    <row r="62936" spans="1:10" x14ac:dyDescent="0.35">
      <c r="A62936" s="1" t="s">
        <v>4030</v>
      </c>
      <c r="B62936" s="1" t="s">
        <v>207847</v>
      </c>
      <c r="C62936" s="1" t="s">
        <v>25</v>
      </c>
      <c r="D62936" s="1" t="s">
        <v>37923</v>
      </c>
      <c r="E62936" s="1" t="s">
        <v>210344</v>
      </c>
      <c r="F62936" s="1" t="s">
        <v>210345</v>
      </c>
      <c r="G62936" s="1" t="s">
        <v>210335</v>
      </c>
      <c r="H62936" s="1" t="s">
        <v>210336</v>
      </c>
      <c r="I62936" s="1" t="s">
        <v>207852</v>
      </c>
      <c r="J62936" s="1" t="s">
        <v>210346</v>
      </c>
    </row>
    <row r="62937" spans="1:10" x14ac:dyDescent="0.35">
      <c r="A62937" s="1" t="s">
        <v>4030</v>
      </c>
      <c r="B62937" s="1" t="s">
        <v>207847</v>
      </c>
      <c r="C62937" s="1" t="s">
        <v>30</v>
      </c>
      <c r="D62937" s="1" t="s">
        <v>178155</v>
      </c>
      <c r="E62937" s="1" t="s">
        <v>210347</v>
      </c>
      <c r="F62937" s="1" t="s">
        <v>210348</v>
      </c>
      <c r="G62937" s="1" t="s">
        <v>210335</v>
      </c>
      <c r="H62937" s="1" t="s">
        <v>210336</v>
      </c>
      <c r="I62937" s="1" t="s">
        <v>207852</v>
      </c>
      <c r="J62937" s="1" t="s">
        <v>210349</v>
      </c>
    </row>
    <row r="62938" spans="1:10" x14ac:dyDescent="0.35">
      <c r="A62938" s="1" t="s">
        <v>4030</v>
      </c>
      <c r="B62938" s="1" t="s">
        <v>207847</v>
      </c>
      <c r="C62938" s="1" t="s">
        <v>35</v>
      </c>
      <c r="D62938" s="1" t="s">
        <v>173288</v>
      </c>
      <c r="E62938" s="1" t="s">
        <v>210350</v>
      </c>
      <c r="F62938" s="1" t="s">
        <v>210351</v>
      </c>
      <c r="G62938" s="1" t="s">
        <v>210335</v>
      </c>
      <c r="H62938" s="1" t="s">
        <v>210336</v>
      </c>
      <c r="I62938" s="1" t="s">
        <v>207852</v>
      </c>
      <c r="J62938" s="1" t="s">
        <v>210352</v>
      </c>
    </row>
    <row r="62939" spans="1:10" x14ac:dyDescent="0.35">
      <c r="A62939" s="1" t="s">
        <v>4030</v>
      </c>
      <c r="B62939" s="1" t="s">
        <v>207847</v>
      </c>
      <c r="C62939" s="1" t="s">
        <v>40</v>
      </c>
      <c r="D62939" s="1" t="s">
        <v>74178</v>
      </c>
      <c r="E62939" s="1" t="s">
        <v>210353</v>
      </c>
      <c r="F62939" s="1" t="s">
        <v>210354</v>
      </c>
      <c r="G62939" s="1" t="s">
        <v>210335</v>
      </c>
      <c r="H62939" s="1" t="s">
        <v>210336</v>
      </c>
      <c r="I62939" s="1" t="s">
        <v>207852</v>
      </c>
      <c r="J62939" s="1" t="s">
        <v>210355</v>
      </c>
    </row>
    <row r="62940" spans="1:10" x14ac:dyDescent="0.35">
      <c r="A62940" s="1" t="s">
        <v>4030</v>
      </c>
      <c r="B62940" s="1" t="s">
        <v>207847</v>
      </c>
      <c r="C62940" s="1" t="s">
        <v>45</v>
      </c>
      <c r="D62940" s="1" t="s">
        <v>204995</v>
      </c>
      <c r="E62940" s="1" t="s">
        <v>210356</v>
      </c>
      <c r="F62940" s="1" t="s">
        <v>210357</v>
      </c>
      <c r="G62940" s="1" t="s">
        <v>210335</v>
      </c>
      <c r="H62940" s="1" t="s">
        <v>210336</v>
      </c>
      <c r="I62940" s="1" t="s">
        <v>207852</v>
      </c>
      <c r="J62940" s="1" t="s">
        <v>210358</v>
      </c>
    </row>
    <row r="62941" spans="1:10" x14ac:dyDescent="0.35">
      <c r="A62941" s="1" t="s">
        <v>4030</v>
      </c>
      <c r="B62941" s="1" t="s">
        <v>207847</v>
      </c>
      <c r="C62941" s="1" t="s">
        <v>50</v>
      </c>
      <c r="D62941" s="1" t="s">
        <v>210359</v>
      </c>
      <c r="E62941" s="1" t="s">
        <v>210360</v>
      </c>
      <c r="F62941" s="1" t="s">
        <v>210361</v>
      </c>
      <c r="G62941" s="1" t="s">
        <v>210335</v>
      </c>
      <c r="H62941" s="1" t="s">
        <v>210336</v>
      </c>
      <c r="I62941" s="1" t="s">
        <v>207852</v>
      </c>
      <c r="J62941" s="1" t="s">
        <v>210362</v>
      </c>
    </row>
    <row r="62942" spans="1:10" x14ac:dyDescent="0.35">
      <c r="A62942" s="1" t="s">
        <v>4030</v>
      </c>
      <c r="B62942" s="1" t="s">
        <v>207847</v>
      </c>
      <c r="C62942" s="1" t="s">
        <v>55</v>
      </c>
      <c r="D62942" s="1" t="s">
        <v>33073</v>
      </c>
      <c r="E62942" s="1" t="s">
        <v>210363</v>
      </c>
      <c r="F62942" s="1" t="s">
        <v>210364</v>
      </c>
      <c r="G62942" s="1" t="s">
        <v>210335</v>
      </c>
      <c r="H62942" s="1" t="s">
        <v>210336</v>
      </c>
      <c r="I62942" s="1" t="s">
        <v>207852</v>
      </c>
      <c r="J62942" s="1" t="s">
        <v>210365</v>
      </c>
    </row>
    <row r="62943" spans="1:10" x14ac:dyDescent="0.35">
      <c r="A62943" s="1" t="s">
        <v>4030</v>
      </c>
      <c r="B62943" s="1" t="s">
        <v>207847</v>
      </c>
      <c r="C62943" s="1" t="s">
        <v>60</v>
      </c>
      <c r="D62943" s="1" t="s">
        <v>184321</v>
      </c>
      <c r="E62943" s="1" t="s">
        <v>210366</v>
      </c>
      <c r="F62943" s="1" t="s">
        <v>210367</v>
      </c>
      <c r="G62943" s="1" t="s">
        <v>210335</v>
      </c>
      <c r="H62943" s="1" t="s">
        <v>210336</v>
      </c>
      <c r="I62943" s="1" t="s">
        <v>207852</v>
      </c>
      <c r="J62943" s="1" t="s">
        <v>210368</v>
      </c>
    </row>
    <row r="62944" spans="1:10" x14ac:dyDescent="0.35">
      <c r="A62944" s="1" t="s">
        <v>4030</v>
      </c>
      <c r="B62944" s="1" t="s">
        <v>207847</v>
      </c>
      <c r="C62944" s="1" t="s">
        <v>65</v>
      </c>
      <c r="D62944" s="1" t="s">
        <v>18014</v>
      </c>
      <c r="E62944" s="1" t="s">
        <v>210369</v>
      </c>
      <c r="F62944" s="1" t="s">
        <v>210370</v>
      </c>
      <c r="G62944" s="1" t="s">
        <v>210335</v>
      </c>
      <c r="H62944" s="1" t="s">
        <v>210336</v>
      </c>
      <c r="I62944" s="1" t="s">
        <v>207852</v>
      </c>
      <c r="J62944" s="1" t="s">
        <v>210371</v>
      </c>
    </row>
    <row r="62945" spans="1:10" x14ac:dyDescent="0.35">
      <c r="A62945" s="1" t="s">
        <v>4030</v>
      </c>
      <c r="B62945" s="1" t="s">
        <v>207847</v>
      </c>
      <c r="C62945" s="1" t="s">
        <v>70</v>
      </c>
      <c r="D62945" s="1" t="s">
        <v>74570</v>
      </c>
      <c r="E62945" s="1" t="s">
        <v>210372</v>
      </c>
      <c r="F62945" s="1" t="s">
        <v>210373</v>
      </c>
      <c r="G62945" s="1" t="s">
        <v>210335</v>
      </c>
      <c r="H62945" s="1" t="s">
        <v>210336</v>
      </c>
      <c r="I62945" s="1" t="s">
        <v>207852</v>
      </c>
      <c r="J62945" s="1" t="s">
        <v>210374</v>
      </c>
    </row>
    <row r="62946" spans="1:10" x14ac:dyDescent="0.35">
      <c r="A62946" s="1" t="s">
        <v>4030</v>
      </c>
      <c r="B62946" s="1" t="s">
        <v>207847</v>
      </c>
      <c r="C62946" s="1" t="s">
        <v>75</v>
      </c>
      <c r="D62946" s="1" t="s">
        <v>210375</v>
      </c>
      <c r="E62946" s="1" t="s">
        <v>210376</v>
      </c>
      <c r="F62946" s="1" t="s">
        <v>210377</v>
      </c>
      <c r="G62946" s="1" t="s">
        <v>210335</v>
      </c>
      <c r="H62946" s="1" t="s">
        <v>210336</v>
      </c>
      <c r="I62946" s="1" t="s">
        <v>207852</v>
      </c>
      <c r="J62946" s="1" t="s">
        <v>210378</v>
      </c>
    </row>
    <row r="62947" spans="1:10" x14ac:dyDescent="0.35">
      <c r="A62947" s="1" t="s">
        <v>4030</v>
      </c>
      <c r="B62947" s="1" t="s">
        <v>207847</v>
      </c>
      <c r="C62947" s="1" t="s">
        <v>80</v>
      </c>
      <c r="D62947" s="1" t="s">
        <v>153832</v>
      </c>
      <c r="E62947" s="1" t="s">
        <v>210379</v>
      </c>
      <c r="F62947" s="1" t="s">
        <v>210380</v>
      </c>
      <c r="G62947" s="1" t="s">
        <v>210335</v>
      </c>
      <c r="H62947" s="1" t="s">
        <v>210336</v>
      </c>
      <c r="I62947" s="1" t="s">
        <v>207852</v>
      </c>
      <c r="J62947" s="1" t="s">
        <v>210381</v>
      </c>
    </row>
    <row r="62948" spans="1:10" x14ac:dyDescent="0.35">
      <c r="A62948" s="1" t="s">
        <v>4030</v>
      </c>
      <c r="B62948" s="1" t="s">
        <v>207847</v>
      </c>
      <c r="C62948" s="1" t="s">
        <v>85</v>
      </c>
      <c r="D62948" s="1" t="s">
        <v>210382</v>
      </c>
      <c r="E62948" s="1" t="s">
        <v>210383</v>
      </c>
      <c r="F62948" s="1" t="s">
        <v>210384</v>
      </c>
      <c r="G62948" s="1" t="s">
        <v>210335</v>
      </c>
      <c r="H62948" s="1" t="s">
        <v>210336</v>
      </c>
      <c r="I62948" s="1" t="s">
        <v>207852</v>
      </c>
      <c r="J62948" s="1" t="s">
        <v>210385</v>
      </c>
    </row>
    <row r="62949" spans="1:10" x14ac:dyDescent="0.35">
      <c r="A62949" s="1" t="s">
        <v>4030</v>
      </c>
      <c r="B62949" s="1" t="s">
        <v>207847</v>
      </c>
      <c r="C62949" s="1" t="s">
        <v>90</v>
      </c>
      <c r="D62949" s="1" t="s">
        <v>50041</v>
      </c>
      <c r="E62949" s="1" t="s">
        <v>210386</v>
      </c>
      <c r="F62949" s="1" t="s">
        <v>210387</v>
      </c>
      <c r="G62949" s="1" t="s">
        <v>210335</v>
      </c>
      <c r="H62949" s="1" t="s">
        <v>210336</v>
      </c>
      <c r="I62949" s="1" t="s">
        <v>207852</v>
      </c>
      <c r="J62949" s="1" t="s">
        <v>210388</v>
      </c>
    </row>
    <row r="62950" spans="1:10" x14ac:dyDescent="0.35">
      <c r="A62950" s="1" t="s">
        <v>4030</v>
      </c>
      <c r="B62950" s="1" t="s">
        <v>207847</v>
      </c>
      <c r="C62950" s="1" t="s">
        <v>95</v>
      </c>
      <c r="D62950" s="1" t="s">
        <v>210389</v>
      </c>
      <c r="E62950" s="1" t="s">
        <v>210390</v>
      </c>
      <c r="F62950" s="1" t="s">
        <v>210391</v>
      </c>
      <c r="G62950" s="1" t="s">
        <v>210335</v>
      </c>
      <c r="H62950" s="1" t="s">
        <v>210336</v>
      </c>
      <c r="I62950" s="1" t="s">
        <v>207852</v>
      </c>
      <c r="J62950" s="1" t="s">
        <v>210392</v>
      </c>
    </row>
    <row r="62951" spans="1:10" x14ac:dyDescent="0.35">
      <c r="A62951" s="1" t="s">
        <v>4030</v>
      </c>
      <c r="B62951" s="1" t="s">
        <v>207847</v>
      </c>
      <c r="C62951" s="1" t="s">
        <v>100</v>
      </c>
      <c r="D62951" s="1" t="s">
        <v>210393</v>
      </c>
      <c r="E62951" s="1" t="s">
        <v>210394</v>
      </c>
      <c r="F62951" s="1" t="s">
        <v>210395</v>
      </c>
      <c r="G62951" s="1" t="s">
        <v>210335</v>
      </c>
      <c r="H62951" s="1" t="s">
        <v>210336</v>
      </c>
      <c r="I62951" s="1" t="s">
        <v>207852</v>
      </c>
      <c r="J62951" s="1" t="s">
        <v>210396</v>
      </c>
    </row>
    <row r="62952" spans="1:10" x14ac:dyDescent="0.35">
      <c r="A62952" s="1" t="s">
        <v>4030</v>
      </c>
      <c r="B62952" s="1" t="s">
        <v>207847</v>
      </c>
      <c r="C62952" s="1" t="s">
        <v>105</v>
      </c>
      <c r="D62952" s="1" t="s">
        <v>210397</v>
      </c>
      <c r="E62952" s="1" t="s">
        <v>210398</v>
      </c>
      <c r="F62952" s="1" t="s">
        <v>210399</v>
      </c>
      <c r="G62952" s="1" t="s">
        <v>210335</v>
      </c>
      <c r="H62952" s="1" t="s">
        <v>210336</v>
      </c>
      <c r="I62952" s="1" t="s">
        <v>207852</v>
      </c>
      <c r="J62952" s="1" t="s">
        <v>210400</v>
      </c>
    </row>
    <row r="62953" spans="1:10" x14ac:dyDescent="0.35">
      <c r="A62953" s="1" t="s">
        <v>4030</v>
      </c>
      <c r="B62953" s="1" t="s">
        <v>207847</v>
      </c>
      <c r="C62953" s="1" t="s">
        <v>110</v>
      </c>
      <c r="D62953" s="1" t="s">
        <v>12267</v>
      </c>
      <c r="E62953" s="1" t="s">
        <v>210401</v>
      </c>
      <c r="F62953" s="1" t="s">
        <v>210402</v>
      </c>
      <c r="G62953" s="1" t="s">
        <v>210335</v>
      </c>
      <c r="H62953" s="1" t="s">
        <v>210336</v>
      </c>
      <c r="I62953" s="1" t="s">
        <v>207852</v>
      </c>
      <c r="J62953" s="1" t="s">
        <v>210403</v>
      </c>
    </row>
    <row r="62954" spans="1:10" x14ac:dyDescent="0.35">
      <c r="A62954" s="1" t="s">
        <v>4030</v>
      </c>
      <c r="B62954" s="1" t="s">
        <v>207847</v>
      </c>
      <c r="C62954" s="1" t="s">
        <v>115</v>
      </c>
      <c r="D62954" s="1" t="s">
        <v>210404</v>
      </c>
      <c r="E62954" s="1" t="s">
        <v>210405</v>
      </c>
      <c r="F62954" s="1" t="s">
        <v>210406</v>
      </c>
      <c r="G62954" s="1" t="s">
        <v>210335</v>
      </c>
      <c r="H62954" s="1" t="s">
        <v>210336</v>
      </c>
      <c r="I62954" s="1" t="s">
        <v>207852</v>
      </c>
      <c r="J62954" s="1" t="s">
        <v>210407</v>
      </c>
    </row>
    <row r="62955" spans="1:10" x14ac:dyDescent="0.35">
      <c r="A62955" s="1" t="s">
        <v>4030</v>
      </c>
      <c r="B62955" s="1" t="s">
        <v>207847</v>
      </c>
      <c r="C62955" s="1" t="s">
        <v>120</v>
      </c>
      <c r="D62955" s="1" t="s">
        <v>53686</v>
      </c>
      <c r="E62955" s="1" t="s">
        <v>210408</v>
      </c>
      <c r="F62955" s="1" t="s">
        <v>210409</v>
      </c>
      <c r="G62955" s="1" t="s">
        <v>210335</v>
      </c>
      <c r="H62955" s="1" t="s">
        <v>210336</v>
      </c>
      <c r="I62955" s="1" t="s">
        <v>207852</v>
      </c>
      <c r="J62955" s="1" t="s">
        <v>210410</v>
      </c>
    </row>
    <row r="62956" spans="1:10" x14ac:dyDescent="0.35">
      <c r="A62956" s="1" t="s">
        <v>4030</v>
      </c>
      <c r="B62956" s="1" t="s">
        <v>207847</v>
      </c>
      <c r="C62956" s="1" t="s">
        <v>125</v>
      </c>
      <c r="D62956" s="1" t="s">
        <v>210411</v>
      </c>
      <c r="E62956" s="1" t="s">
        <v>210412</v>
      </c>
      <c r="F62956" s="1" t="s">
        <v>210413</v>
      </c>
      <c r="G62956" s="1" t="s">
        <v>210335</v>
      </c>
      <c r="H62956" s="1" t="s">
        <v>210336</v>
      </c>
      <c r="I62956" s="1" t="s">
        <v>207852</v>
      </c>
      <c r="J62956" s="1" t="s">
        <v>210414</v>
      </c>
    </row>
    <row r="62957" spans="1:10" x14ac:dyDescent="0.35">
      <c r="A62957" s="1" t="s">
        <v>4030</v>
      </c>
      <c r="B62957" s="1" t="s">
        <v>207847</v>
      </c>
      <c r="C62957" s="1" t="s">
        <v>130</v>
      </c>
      <c r="D62957" s="1" t="s">
        <v>210415</v>
      </c>
      <c r="E62957" s="1" t="s">
        <v>210416</v>
      </c>
      <c r="F62957" s="1" t="s">
        <v>210417</v>
      </c>
      <c r="G62957" s="1" t="s">
        <v>210335</v>
      </c>
      <c r="H62957" s="1" t="s">
        <v>210336</v>
      </c>
      <c r="I62957" s="1" t="s">
        <v>207852</v>
      </c>
      <c r="J62957" s="1" t="s">
        <v>210418</v>
      </c>
    </row>
    <row r="62958" spans="1:10" x14ac:dyDescent="0.35">
      <c r="A62958" s="1" t="s">
        <v>4030</v>
      </c>
      <c r="B62958" s="1" t="s">
        <v>207847</v>
      </c>
      <c r="C62958" s="1" t="s">
        <v>135</v>
      </c>
      <c r="D62958" s="1" t="s">
        <v>210419</v>
      </c>
      <c r="E62958" s="1" t="s">
        <v>210420</v>
      </c>
      <c r="F62958" s="1" t="s">
        <v>210421</v>
      </c>
      <c r="G62958" s="1" t="s">
        <v>210335</v>
      </c>
      <c r="H62958" s="1" t="s">
        <v>210336</v>
      </c>
      <c r="I62958" s="1" t="s">
        <v>207852</v>
      </c>
      <c r="J62958" s="1" t="s">
        <v>210422</v>
      </c>
    </row>
    <row r="62959" spans="1:10" x14ac:dyDescent="0.35">
      <c r="A62959" s="1" t="s">
        <v>4030</v>
      </c>
      <c r="B62959" s="1" t="s">
        <v>207847</v>
      </c>
      <c r="C62959" s="1" t="s">
        <v>140</v>
      </c>
      <c r="D62959" s="1" t="s">
        <v>119644</v>
      </c>
      <c r="E62959" s="1" t="s">
        <v>210423</v>
      </c>
      <c r="F62959" s="1" t="s">
        <v>210424</v>
      </c>
      <c r="G62959" s="1" t="s">
        <v>210335</v>
      </c>
      <c r="H62959" s="1" t="s">
        <v>210336</v>
      </c>
      <c r="I62959" s="1" t="s">
        <v>207852</v>
      </c>
      <c r="J62959" s="1" t="s">
        <v>210425</v>
      </c>
    </row>
    <row r="62960" spans="1:10" x14ac:dyDescent="0.35">
      <c r="A62960" s="1" t="s">
        <v>4030</v>
      </c>
      <c r="B62960" s="1" t="s">
        <v>207847</v>
      </c>
      <c r="C62960" s="1" t="s">
        <v>145</v>
      </c>
      <c r="D62960" s="1" t="s">
        <v>137856</v>
      </c>
      <c r="E62960" s="1" t="s">
        <v>210426</v>
      </c>
      <c r="F62960" s="1" t="s">
        <v>210427</v>
      </c>
      <c r="G62960" s="1" t="s">
        <v>210335</v>
      </c>
      <c r="H62960" s="1" t="s">
        <v>210336</v>
      </c>
      <c r="I62960" s="1" t="s">
        <v>207852</v>
      </c>
      <c r="J62960" s="1" t="s">
        <v>210428</v>
      </c>
    </row>
    <row r="62961" spans="1:10" x14ac:dyDescent="0.35">
      <c r="A62961" s="1" t="s">
        <v>4030</v>
      </c>
      <c r="B62961" s="1" t="s">
        <v>207847</v>
      </c>
      <c r="C62961" s="1" t="s">
        <v>150</v>
      </c>
      <c r="D62961" s="1" t="s">
        <v>78175</v>
      </c>
      <c r="E62961" s="1" t="s">
        <v>210429</v>
      </c>
      <c r="F62961" s="1" t="s">
        <v>210430</v>
      </c>
      <c r="G62961" s="1" t="s">
        <v>210335</v>
      </c>
      <c r="H62961" s="1" t="s">
        <v>210336</v>
      </c>
      <c r="I62961" s="1" t="s">
        <v>207852</v>
      </c>
      <c r="J62961" s="1" t="s">
        <v>210431</v>
      </c>
    </row>
    <row r="62962" spans="1:10" x14ac:dyDescent="0.35">
      <c r="A62962" s="1" t="s">
        <v>4030</v>
      </c>
      <c r="B62962" s="1" t="s">
        <v>207847</v>
      </c>
      <c r="C62962" s="1" t="s">
        <v>155</v>
      </c>
      <c r="D62962" s="1" t="s">
        <v>62435</v>
      </c>
      <c r="E62962" s="1" t="s">
        <v>210432</v>
      </c>
      <c r="F62962" s="1" t="s">
        <v>210433</v>
      </c>
      <c r="G62962" s="1" t="s">
        <v>210335</v>
      </c>
      <c r="H62962" s="1" t="s">
        <v>210336</v>
      </c>
      <c r="I62962" s="1" t="s">
        <v>207852</v>
      </c>
      <c r="J62962" s="1" t="s">
        <v>210434</v>
      </c>
    </row>
    <row r="62963" spans="1:10" x14ac:dyDescent="0.35">
      <c r="A62963" s="1" t="s">
        <v>4030</v>
      </c>
      <c r="B62963" s="1" t="s">
        <v>207847</v>
      </c>
      <c r="C62963" s="1" t="s">
        <v>160</v>
      </c>
      <c r="D62963" s="1" t="s">
        <v>210435</v>
      </c>
      <c r="E62963" s="1" t="s">
        <v>210436</v>
      </c>
      <c r="F62963" s="1" t="s">
        <v>210437</v>
      </c>
      <c r="G62963" s="1" t="s">
        <v>210335</v>
      </c>
      <c r="H62963" s="1" t="s">
        <v>210336</v>
      </c>
      <c r="I62963" s="1" t="s">
        <v>207852</v>
      </c>
      <c r="J62963" s="1" t="s">
        <v>210438</v>
      </c>
    </row>
    <row r="62964" spans="1:10" x14ac:dyDescent="0.35">
      <c r="A62964" s="1" t="s">
        <v>4030</v>
      </c>
      <c r="B62964" s="1" t="s">
        <v>207847</v>
      </c>
      <c r="C62964" s="1" t="s">
        <v>165</v>
      </c>
      <c r="D62964" s="1" t="s">
        <v>210439</v>
      </c>
      <c r="E62964" s="1" t="s">
        <v>210440</v>
      </c>
      <c r="F62964" s="1" t="s">
        <v>210441</v>
      </c>
      <c r="G62964" s="1" t="s">
        <v>210335</v>
      </c>
      <c r="H62964" s="1" t="s">
        <v>210336</v>
      </c>
      <c r="I62964" s="1" t="s">
        <v>207852</v>
      </c>
      <c r="J62964" s="1" t="s">
        <v>210442</v>
      </c>
    </row>
    <row r="62965" spans="1:10" x14ac:dyDescent="0.35">
      <c r="A62965" s="1" t="s">
        <v>4030</v>
      </c>
      <c r="B62965" s="1" t="s">
        <v>207847</v>
      </c>
      <c r="C62965" s="1" t="s">
        <v>170</v>
      </c>
      <c r="D62965" s="1" t="s">
        <v>210443</v>
      </c>
      <c r="E62965" s="1" t="s">
        <v>210444</v>
      </c>
      <c r="F62965" s="1" t="s">
        <v>210445</v>
      </c>
      <c r="G62965" s="1" t="s">
        <v>210335</v>
      </c>
      <c r="H62965" s="1" t="s">
        <v>210336</v>
      </c>
      <c r="I62965" s="1" t="s">
        <v>207852</v>
      </c>
      <c r="J62965" s="1" t="s">
        <v>210446</v>
      </c>
    </row>
    <row r="62966" spans="1:10" x14ac:dyDescent="0.35">
      <c r="A62966" s="1" t="s">
        <v>8279</v>
      </c>
      <c r="B62966" s="1" t="s">
        <v>207847</v>
      </c>
      <c r="C62966" s="1" t="s">
        <v>8</v>
      </c>
      <c r="D62966" s="1" t="s">
        <v>196849</v>
      </c>
      <c r="E62966" s="1" t="s">
        <v>210447</v>
      </c>
      <c r="F62966" s="1" t="s">
        <v>210448</v>
      </c>
      <c r="G62966" s="1" t="s">
        <v>210449</v>
      </c>
      <c r="H62966" s="1" t="s">
        <v>210450</v>
      </c>
      <c r="I62966" s="1" t="s">
        <v>207852</v>
      </c>
      <c r="J62966" s="1" t="s">
        <v>13</v>
      </c>
    </row>
    <row r="62967" spans="1:10" x14ac:dyDescent="0.35">
      <c r="A62967" s="1" t="s">
        <v>8279</v>
      </c>
      <c r="B62967" s="1" t="s">
        <v>207847</v>
      </c>
      <c r="C62967" s="1" t="s">
        <v>15</v>
      </c>
      <c r="D62967" s="1" t="s">
        <v>10753</v>
      </c>
      <c r="E62967" s="1" t="s">
        <v>210451</v>
      </c>
      <c r="F62967" s="1" t="s">
        <v>210452</v>
      </c>
      <c r="G62967" s="1" t="s">
        <v>210449</v>
      </c>
      <c r="H62967" s="1" t="s">
        <v>210450</v>
      </c>
      <c r="I62967" s="1" t="s">
        <v>207852</v>
      </c>
      <c r="J62967" s="1" t="s">
        <v>210453</v>
      </c>
    </row>
    <row r="62968" spans="1:10" x14ac:dyDescent="0.35">
      <c r="A62968" s="1" t="s">
        <v>8279</v>
      </c>
      <c r="B62968" s="1" t="s">
        <v>207847</v>
      </c>
      <c r="C62968" s="1" t="s">
        <v>20</v>
      </c>
      <c r="D62968" s="1" t="s">
        <v>4594</v>
      </c>
      <c r="E62968" s="1" t="s">
        <v>210454</v>
      </c>
      <c r="F62968" s="1" t="s">
        <v>210455</v>
      </c>
      <c r="G62968" s="1" t="s">
        <v>210449</v>
      </c>
      <c r="H62968" s="1" t="s">
        <v>210450</v>
      </c>
      <c r="I62968" s="1" t="s">
        <v>207852</v>
      </c>
      <c r="J62968" s="1" t="s">
        <v>210456</v>
      </c>
    </row>
    <row r="62969" spans="1:10" x14ac:dyDescent="0.35">
      <c r="A62969" s="1" t="s">
        <v>8279</v>
      </c>
      <c r="B62969" s="1" t="s">
        <v>207847</v>
      </c>
      <c r="C62969" s="1" t="s">
        <v>25</v>
      </c>
      <c r="D62969" s="1" t="s">
        <v>120620</v>
      </c>
      <c r="E62969" s="1" t="s">
        <v>210457</v>
      </c>
      <c r="F62969" s="1" t="s">
        <v>210458</v>
      </c>
      <c r="G62969" s="1" t="s">
        <v>210449</v>
      </c>
      <c r="H62969" s="1" t="s">
        <v>210450</v>
      </c>
      <c r="I62969" s="1" t="s">
        <v>207852</v>
      </c>
      <c r="J62969" s="1" t="s">
        <v>210459</v>
      </c>
    </row>
    <row r="62970" spans="1:10" x14ac:dyDescent="0.35">
      <c r="A62970" s="1" t="s">
        <v>8279</v>
      </c>
      <c r="B62970" s="1" t="s">
        <v>207847</v>
      </c>
      <c r="C62970" s="1" t="s">
        <v>30</v>
      </c>
      <c r="D62970" s="1" t="s">
        <v>42118</v>
      </c>
      <c r="E62970" s="1" t="s">
        <v>210460</v>
      </c>
      <c r="F62970" s="1" t="s">
        <v>210461</v>
      </c>
      <c r="G62970" s="1" t="s">
        <v>210449</v>
      </c>
      <c r="H62970" s="1" t="s">
        <v>210450</v>
      </c>
      <c r="I62970" s="1" t="s">
        <v>207852</v>
      </c>
      <c r="J62970" s="1" t="s">
        <v>210462</v>
      </c>
    </row>
    <row r="62971" spans="1:10" x14ac:dyDescent="0.35">
      <c r="A62971" s="1" t="s">
        <v>8279</v>
      </c>
      <c r="B62971" s="1" t="s">
        <v>207847</v>
      </c>
      <c r="C62971" s="1" t="s">
        <v>35</v>
      </c>
      <c r="D62971" s="1" t="s">
        <v>51791</v>
      </c>
      <c r="E62971" s="1" t="s">
        <v>210463</v>
      </c>
      <c r="F62971" s="1" t="s">
        <v>210464</v>
      </c>
      <c r="G62971" s="1" t="s">
        <v>210449</v>
      </c>
      <c r="H62971" s="1" t="s">
        <v>210450</v>
      </c>
      <c r="I62971" s="1" t="s">
        <v>207852</v>
      </c>
      <c r="J62971" s="1" t="s">
        <v>28334</v>
      </c>
    </row>
    <row r="62972" spans="1:10" x14ac:dyDescent="0.35">
      <c r="A62972" s="1" t="s">
        <v>8279</v>
      </c>
      <c r="B62972" s="1" t="s">
        <v>207847</v>
      </c>
      <c r="C62972" s="1" t="s">
        <v>40</v>
      </c>
      <c r="D62972" s="1" t="s">
        <v>73999</v>
      </c>
      <c r="E62972" s="1" t="s">
        <v>210465</v>
      </c>
      <c r="F62972" s="1" t="s">
        <v>210466</v>
      </c>
      <c r="G62972" s="1" t="s">
        <v>210449</v>
      </c>
      <c r="H62972" s="1" t="s">
        <v>210450</v>
      </c>
      <c r="I62972" s="1" t="s">
        <v>207852</v>
      </c>
      <c r="J62972" s="1" t="s">
        <v>210467</v>
      </c>
    </row>
    <row r="62973" spans="1:10" x14ac:dyDescent="0.35">
      <c r="A62973" s="1" t="s">
        <v>8279</v>
      </c>
      <c r="B62973" s="1" t="s">
        <v>207847</v>
      </c>
      <c r="C62973" s="1" t="s">
        <v>45</v>
      </c>
      <c r="D62973" s="1" t="s">
        <v>153217</v>
      </c>
      <c r="E62973" s="1" t="s">
        <v>210468</v>
      </c>
      <c r="F62973" s="1" t="s">
        <v>210469</v>
      </c>
      <c r="G62973" s="1" t="s">
        <v>210449</v>
      </c>
      <c r="H62973" s="1" t="s">
        <v>210450</v>
      </c>
      <c r="I62973" s="1" t="s">
        <v>207852</v>
      </c>
      <c r="J62973" s="1" t="s">
        <v>210470</v>
      </c>
    </row>
    <row r="62974" spans="1:10" x14ac:dyDescent="0.35">
      <c r="A62974" s="1" t="s">
        <v>8279</v>
      </c>
      <c r="B62974" s="1" t="s">
        <v>207847</v>
      </c>
      <c r="C62974" s="1" t="s">
        <v>50</v>
      </c>
      <c r="D62974" s="1" t="s">
        <v>177537</v>
      </c>
      <c r="E62974" s="1" t="s">
        <v>210471</v>
      </c>
      <c r="F62974" s="1" t="s">
        <v>210472</v>
      </c>
      <c r="G62974" s="1" t="s">
        <v>210449</v>
      </c>
      <c r="H62974" s="1" t="s">
        <v>210450</v>
      </c>
      <c r="I62974" s="1" t="s">
        <v>207852</v>
      </c>
      <c r="J62974" s="1" t="s">
        <v>210473</v>
      </c>
    </row>
    <row r="62975" spans="1:10" x14ac:dyDescent="0.35">
      <c r="A62975" s="1" t="s">
        <v>8279</v>
      </c>
      <c r="B62975" s="1" t="s">
        <v>207847</v>
      </c>
      <c r="C62975" s="1" t="s">
        <v>55</v>
      </c>
      <c r="D62975" s="1" t="s">
        <v>135236</v>
      </c>
      <c r="E62975" s="1" t="s">
        <v>210474</v>
      </c>
      <c r="F62975" s="1" t="s">
        <v>210475</v>
      </c>
      <c r="G62975" s="1" t="s">
        <v>210449</v>
      </c>
      <c r="H62975" s="1" t="s">
        <v>210450</v>
      </c>
      <c r="I62975" s="1" t="s">
        <v>207852</v>
      </c>
      <c r="J62975" s="1" t="s">
        <v>210476</v>
      </c>
    </row>
    <row r="62976" spans="1:10" x14ac:dyDescent="0.35">
      <c r="A62976" s="1" t="s">
        <v>8279</v>
      </c>
      <c r="B62976" s="1" t="s">
        <v>207847</v>
      </c>
      <c r="C62976" s="1" t="s">
        <v>60</v>
      </c>
      <c r="D62976" s="1" t="s">
        <v>210477</v>
      </c>
      <c r="E62976" s="1" t="s">
        <v>210478</v>
      </c>
      <c r="F62976" s="1" t="s">
        <v>210479</v>
      </c>
      <c r="G62976" s="1" t="s">
        <v>210449</v>
      </c>
      <c r="H62976" s="1" t="s">
        <v>210450</v>
      </c>
      <c r="I62976" s="1" t="s">
        <v>207852</v>
      </c>
      <c r="J62976" s="1" t="s">
        <v>210480</v>
      </c>
    </row>
    <row r="62977" spans="1:10" x14ac:dyDescent="0.35">
      <c r="A62977" s="1" t="s">
        <v>8279</v>
      </c>
      <c r="B62977" s="1" t="s">
        <v>207847</v>
      </c>
      <c r="C62977" s="1" t="s">
        <v>65</v>
      </c>
      <c r="D62977" s="1" t="s">
        <v>118758</v>
      </c>
      <c r="E62977" s="1" t="s">
        <v>210481</v>
      </c>
      <c r="F62977" s="1" t="s">
        <v>210482</v>
      </c>
      <c r="G62977" s="1" t="s">
        <v>210449</v>
      </c>
      <c r="H62977" s="1" t="s">
        <v>210450</v>
      </c>
      <c r="I62977" s="1" t="s">
        <v>207852</v>
      </c>
      <c r="J62977" s="1" t="s">
        <v>210483</v>
      </c>
    </row>
    <row r="62978" spans="1:10" x14ac:dyDescent="0.35">
      <c r="A62978" s="1" t="s">
        <v>8279</v>
      </c>
      <c r="B62978" s="1" t="s">
        <v>207847</v>
      </c>
      <c r="C62978" s="1" t="s">
        <v>70</v>
      </c>
      <c r="D62978" s="1" t="s">
        <v>35850</v>
      </c>
      <c r="E62978" s="1" t="s">
        <v>210484</v>
      </c>
      <c r="F62978" s="1" t="s">
        <v>210485</v>
      </c>
      <c r="G62978" s="1" t="s">
        <v>210449</v>
      </c>
      <c r="H62978" s="1" t="s">
        <v>210450</v>
      </c>
      <c r="I62978" s="1" t="s">
        <v>207852</v>
      </c>
      <c r="J62978" s="1" t="s">
        <v>210486</v>
      </c>
    </row>
    <row r="62979" spans="1:10" x14ac:dyDescent="0.35">
      <c r="A62979" s="1" t="s">
        <v>8279</v>
      </c>
      <c r="B62979" s="1" t="s">
        <v>207847</v>
      </c>
      <c r="C62979" s="1" t="s">
        <v>75</v>
      </c>
      <c r="D62979" s="1" t="s">
        <v>118654</v>
      </c>
      <c r="E62979" s="1" t="s">
        <v>210487</v>
      </c>
      <c r="F62979" s="1" t="s">
        <v>210488</v>
      </c>
      <c r="G62979" s="1" t="s">
        <v>210449</v>
      </c>
      <c r="H62979" s="1" t="s">
        <v>210450</v>
      </c>
      <c r="I62979" s="1" t="s">
        <v>207852</v>
      </c>
      <c r="J62979" s="1" t="s">
        <v>210489</v>
      </c>
    </row>
    <row r="62980" spans="1:10" x14ac:dyDescent="0.35">
      <c r="A62980" s="1" t="s">
        <v>8279</v>
      </c>
      <c r="B62980" s="1" t="s">
        <v>207847</v>
      </c>
      <c r="C62980" s="1" t="s">
        <v>80</v>
      </c>
      <c r="D62980" s="1" t="s">
        <v>125708</v>
      </c>
      <c r="E62980" s="1" t="s">
        <v>210490</v>
      </c>
      <c r="F62980" s="1" t="s">
        <v>210491</v>
      </c>
      <c r="G62980" s="1" t="s">
        <v>210449</v>
      </c>
      <c r="H62980" s="1" t="s">
        <v>210450</v>
      </c>
      <c r="I62980" s="1" t="s">
        <v>207852</v>
      </c>
      <c r="J62980" s="1" t="s">
        <v>210492</v>
      </c>
    </row>
    <row r="62981" spans="1:10" x14ac:dyDescent="0.35">
      <c r="A62981" s="1" t="s">
        <v>8279</v>
      </c>
      <c r="B62981" s="1" t="s">
        <v>207847</v>
      </c>
      <c r="C62981" s="1" t="s">
        <v>85</v>
      </c>
      <c r="D62981" s="1" t="s">
        <v>15314</v>
      </c>
      <c r="E62981" s="1" t="s">
        <v>210493</v>
      </c>
      <c r="F62981" s="1" t="s">
        <v>210494</v>
      </c>
      <c r="G62981" s="1" t="s">
        <v>210449</v>
      </c>
      <c r="H62981" s="1" t="s">
        <v>210450</v>
      </c>
      <c r="I62981" s="1" t="s">
        <v>207852</v>
      </c>
      <c r="J62981" s="1" t="s">
        <v>210495</v>
      </c>
    </row>
    <row r="62982" spans="1:10" x14ac:dyDescent="0.35">
      <c r="A62982" s="1" t="s">
        <v>8279</v>
      </c>
      <c r="B62982" s="1" t="s">
        <v>207847</v>
      </c>
      <c r="C62982" s="1" t="s">
        <v>90</v>
      </c>
      <c r="D62982" s="1" t="s">
        <v>208948</v>
      </c>
      <c r="E62982" s="1" t="s">
        <v>210496</v>
      </c>
      <c r="F62982" s="1" t="s">
        <v>210497</v>
      </c>
      <c r="G62982" s="1" t="s">
        <v>210449</v>
      </c>
      <c r="H62982" s="1" t="s">
        <v>210450</v>
      </c>
      <c r="I62982" s="1" t="s">
        <v>207852</v>
      </c>
      <c r="J62982" s="1" t="s">
        <v>210498</v>
      </c>
    </row>
    <row r="62983" spans="1:10" x14ac:dyDescent="0.35">
      <c r="A62983" s="1" t="s">
        <v>8279</v>
      </c>
      <c r="B62983" s="1" t="s">
        <v>207847</v>
      </c>
      <c r="C62983" s="1" t="s">
        <v>95</v>
      </c>
      <c r="D62983" s="1" t="s">
        <v>194023</v>
      </c>
      <c r="E62983" s="1" t="s">
        <v>210499</v>
      </c>
      <c r="F62983" s="1" t="s">
        <v>210500</v>
      </c>
      <c r="G62983" s="1" t="s">
        <v>210449</v>
      </c>
      <c r="H62983" s="1" t="s">
        <v>210450</v>
      </c>
      <c r="I62983" s="1" t="s">
        <v>207852</v>
      </c>
      <c r="J62983" s="1" t="s">
        <v>210501</v>
      </c>
    </row>
    <row r="62984" spans="1:10" x14ac:dyDescent="0.35">
      <c r="A62984" s="1" t="s">
        <v>8279</v>
      </c>
      <c r="B62984" s="1" t="s">
        <v>207847</v>
      </c>
      <c r="C62984" s="1" t="s">
        <v>100</v>
      </c>
      <c r="D62984" s="1" t="s">
        <v>42658</v>
      </c>
      <c r="E62984" s="1" t="s">
        <v>210502</v>
      </c>
      <c r="F62984" s="1" t="s">
        <v>210503</v>
      </c>
      <c r="G62984" s="1" t="s">
        <v>210449</v>
      </c>
      <c r="H62984" s="1" t="s">
        <v>210450</v>
      </c>
      <c r="I62984" s="1" t="s">
        <v>207852</v>
      </c>
      <c r="J62984" s="1" t="s">
        <v>210504</v>
      </c>
    </row>
    <row r="62985" spans="1:10" x14ac:dyDescent="0.35">
      <c r="A62985" s="1" t="s">
        <v>8279</v>
      </c>
      <c r="B62985" s="1" t="s">
        <v>207847</v>
      </c>
      <c r="C62985" s="1" t="s">
        <v>105</v>
      </c>
      <c r="D62985" s="1" t="s">
        <v>125183</v>
      </c>
      <c r="E62985" s="1" t="s">
        <v>210505</v>
      </c>
      <c r="F62985" s="1" t="s">
        <v>210506</v>
      </c>
      <c r="G62985" s="1" t="s">
        <v>210449</v>
      </c>
      <c r="H62985" s="1" t="s">
        <v>210450</v>
      </c>
      <c r="I62985" s="1" t="s">
        <v>207852</v>
      </c>
      <c r="J62985" s="1" t="s">
        <v>210507</v>
      </c>
    </row>
    <row r="62986" spans="1:10" x14ac:dyDescent="0.35">
      <c r="A62986" s="1" t="s">
        <v>8279</v>
      </c>
      <c r="B62986" s="1" t="s">
        <v>207847</v>
      </c>
      <c r="C62986" s="1" t="s">
        <v>110</v>
      </c>
      <c r="D62986" s="1" t="s">
        <v>159688</v>
      </c>
      <c r="E62986" s="1" t="s">
        <v>210508</v>
      </c>
      <c r="F62986" s="1" t="s">
        <v>210509</v>
      </c>
      <c r="G62986" s="1" t="s">
        <v>210449</v>
      </c>
      <c r="H62986" s="1" t="s">
        <v>210450</v>
      </c>
      <c r="I62986" s="1" t="s">
        <v>207852</v>
      </c>
      <c r="J62986" s="1" t="s">
        <v>210510</v>
      </c>
    </row>
    <row r="62987" spans="1:10" x14ac:dyDescent="0.35">
      <c r="A62987" s="1" t="s">
        <v>8279</v>
      </c>
      <c r="B62987" s="1" t="s">
        <v>207847</v>
      </c>
      <c r="C62987" s="1" t="s">
        <v>115</v>
      </c>
      <c r="D62987" s="1" t="s">
        <v>210511</v>
      </c>
      <c r="E62987" s="1" t="s">
        <v>210512</v>
      </c>
      <c r="F62987" s="1" t="s">
        <v>210513</v>
      </c>
      <c r="G62987" s="1" t="s">
        <v>210449</v>
      </c>
      <c r="H62987" s="1" t="s">
        <v>210450</v>
      </c>
      <c r="I62987" s="1" t="s">
        <v>207852</v>
      </c>
      <c r="J62987" s="1" t="s">
        <v>210514</v>
      </c>
    </row>
    <row r="62988" spans="1:10" x14ac:dyDescent="0.35">
      <c r="A62988" s="1" t="s">
        <v>8279</v>
      </c>
      <c r="B62988" s="1" t="s">
        <v>207847</v>
      </c>
      <c r="C62988" s="1" t="s">
        <v>120</v>
      </c>
      <c r="D62988" s="1" t="s">
        <v>83153</v>
      </c>
      <c r="E62988" s="1" t="s">
        <v>210515</v>
      </c>
      <c r="F62988" s="1" t="s">
        <v>210516</v>
      </c>
      <c r="G62988" s="1" t="s">
        <v>210449</v>
      </c>
      <c r="H62988" s="1" t="s">
        <v>210450</v>
      </c>
      <c r="I62988" s="1" t="s">
        <v>207852</v>
      </c>
      <c r="J62988" s="1" t="s">
        <v>210517</v>
      </c>
    </row>
    <row r="62989" spans="1:10" x14ac:dyDescent="0.35">
      <c r="A62989" s="1" t="s">
        <v>8279</v>
      </c>
      <c r="B62989" s="1" t="s">
        <v>207847</v>
      </c>
      <c r="C62989" s="1" t="s">
        <v>125</v>
      </c>
      <c r="D62989" s="1" t="s">
        <v>193660</v>
      </c>
      <c r="E62989" s="1" t="s">
        <v>210518</v>
      </c>
      <c r="F62989" s="1" t="s">
        <v>210519</v>
      </c>
      <c r="G62989" s="1" t="s">
        <v>210449</v>
      </c>
      <c r="H62989" s="1" t="s">
        <v>210450</v>
      </c>
      <c r="I62989" s="1" t="s">
        <v>207852</v>
      </c>
      <c r="J62989" s="1" t="s">
        <v>210520</v>
      </c>
    </row>
    <row r="62990" spans="1:10" x14ac:dyDescent="0.35">
      <c r="A62990" s="1" t="s">
        <v>8279</v>
      </c>
      <c r="B62990" s="1" t="s">
        <v>207847</v>
      </c>
      <c r="C62990" s="1" t="s">
        <v>130</v>
      </c>
      <c r="D62990" s="1" t="s">
        <v>210521</v>
      </c>
      <c r="E62990" s="1" t="s">
        <v>210522</v>
      </c>
      <c r="F62990" s="1" t="s">
        <v>210523</v>
      </c>
      <c r="G62990" s="1" t="s">
        <v>210449</v>
      </c>
      <c r="H62990" s="1" t="s">
        <v>210450</v>
      </c>
      <c r="I62990" s="1" t="s">
        <v>207852</v>
      </c>
      <c r="J62990" s="1" t="s">
        <v>210524</v>
      </c>
    </row>
    <row r="62991" spans="1:10" x14ac:dyDescent="0.35">
      <c r="A62991" s="1" t="s">
        <v>8279</v>
      </c>
      <c r="B62991" s="1" t="s">
        <v>207847</v>
      </c>
      <c r="C62991" s="1" t="s">
        <v>135</v>
      </c>
      <c r="D62991" s="1" t="s">
        <v>125600</v>
      </c>
      <c r="E62991" s="1" t="s">
        <v>210525</v>
      </c>
      <c r="F62991" s="1" t="s">
        <v>210526</v>
      </c>
      <c r="G62991" s="1" t="s">
        <v>210449</v>
      </c>
      <c r="H62991" s="1" t="s">
        <v>210450</v>
      </c>
      <c r="I62991" s="1" t="s">
        <v>207852</v>
      </c>
      <c r="J62991" s="1" t="s">
        <v>210527</v>
      </c>
    </row>
    <row r="62992" spans="1:10" x14ac:dyDescent="0.35">
      <c r="A62992" s="1" t="s">
        <v>8279</v>
      </c>
      <c r="B62992" s="1" t="s">
        <v>207847</v>
      </c>
      <c r="C62992" s="1" t="s">
        <v>140</v>
      </c>
      <c r="D62992" s="1" t="s">
        <v>159938</v>
      </c>
      <c r="E62992" s="1" t="s">
        <v>210528</v>
      </c>
      <c r="F62992" s="1" t="s">
        <v>210529</v>
      </c>
      <c r="G62992" s="1" t="s">
        <v>210449</v>
      </c>
      <c r="H62992" s="1" t="s">
        <v>210450</v>
      </c>
      <c r="I62992" s="1" t="s">
        <v>207852</v>
      </c>
      <c r="J62992" s="1" t="s">
        <v>210530</v>
      </c>
    </row>
    <row r="62993" spans="1:10" x14ac:dyDescent="0.35">
      <c r="A62993" s="1" t="s">
        <v>8279</v>
      </c>
      <c r="B62993" s="1" t="s">
        <v>207847</v>
      </c>
      <c r="C62993" s="1" t="s">
        <v>145</v>
      </c>
      <c r="D62993" s="1" t="s">
        <v>183189</v>
      </c>
      <c r="E62993" s="1" t="s">
        <v>210531</v>
      </c>
      <c r="F62993" s="1" t="s">
        <v>210532</v>
      </c>
      <c r="G62993" s="1" t="s">
        <v>210449</v>
      </c>
      <c r="H62993" s="1" t="s">
        <v>210450</v>
      </c>
      <c r="I62993" s="1" t="s">
        <v>207852</v>
      </c>
      <c r="J62993" s="1" t="s">
        <v>210533</v>
      </c>
    </row>
    <row r="62994" spans="1:10" x14ac:dyDescent="0.35">
      <c r="A62994" s="1" t="s">
        <v>8279</v>
      </c>
      <c r="B62994" s="1" t="s">
        <v>207847</v>
      </c>
      <c r="C62994" s="1" t="s">
        <v>150</v>
      </c>
      <c r="D62994" s="1" t="s">
        <v>175684</v>
      </c>
      <c r="E62994" s="1" t="s">
        <v>210534</v>
      </c>
      <c r="F62994" s="1" t="s">
        <v>210535</v>
      </c>
      <c r="G62994" s="1" t="s">
        <v>210449</v>
      </c>
      <c r="H62994" s="1" t="s">
        <v>210450</v>
      </c>
      <c r="I62994" s="1" t="s">
        <v>207852</v>
      </c>
      <c r="J62994" s="1" t="s">
        <v>210536</v>
      </c>
    </row>
    <row r="62995" spans="1:10" x14ac:dyDescent="0.35">
      <c r="A62995" s="1" t="s">
        <v>8279</v>
      </c>
      <c r="B62995" s="1" t="s">
        <v>207847</v>
      </c>
      <c r="C62995" s="1" t="s">
        <v>155</v>
      </c>
      <c r="D62995" s="1" t="s">
        <v>210537</v>
      </c>
      <c r="E62995" s="1" t="s">
        <v>210538</v>
      </c>
      <c r="F62995" s="1" t="s">
        <v>210539</v>
      </c>
      <c r="G62995" s="1" t="s">
        <v>210449</v>
      </c>
      <c r="H62995" s="1" t="s">
        <v>210450</v>
      </c>
      <c r="I62995" s="1" t="s">
        <v>207852</v>
      </c>
      <c r="J62995" s="1" t="s">
        <v>210540</v>
      </c>
    </row>
    <row r="62996" spans="1:10" x14ac:dyDescent="0.35">
      <c r="A62996" s="1" t="s">
        <v>8279</v>
      </c>
      <c r="B62996" s="1" t="s">
        <v>207847</v>
      </c>
      <c r="C62996" s="1" t="s">
        <v>160</v>
      </c>
      <c r="D62996" s="1" t="s">
        <v>18394</v>
      </c>
      <c r="E62996" s="1" t="s">
        <v>210541</v>
      </c>
      <c r="F62996" s="1" t="s">
        <v>210542</v>
      </c>
      <c r="G62996" s="1" t="s">
        <v>210449</v>
      </c>
      <c r="H62996" s="1" t="s">
        <v>210450</v>
      </c>
      <c r="I62996" s="1" t="s">
        <v>207852</v>
      </c>
      <c r="J62996" s="1" t="s">
        <v>210543</v>
      </c>
    </row>
    <row r="62997" spans="1:10" x14ac:dyDescent="0.35">
      <c r="A62997" s="1" t="s">
        <v>8279</v>
      </c>
      <c r="B62997" s="1" t="s">
        <v>207847</v>
      </c>
      <c r="C62997" s="1" t="s">
        <v>165</v>
      </c>
      <c r="D62997" s="1" t="s">
        <v>130038</v>
      </c>
      <c r="E62997" s="1" t="s">
        <v>210544</v>
      </c>
      <c r="F62997" s="1" t="s">
        <v>210545</v>
      </c>
      <c r="G62997" s="1" t="s">
        <v>210449</v>
      </c>
      <c r="H62997" s="1" t="s">
        <v>210450</v>
      </c>
      <c r="I62997" s="1" t="s">
        <v>207852</v>
      </c>
      <c r="J62997" s="1" t="s">
        <v>210546</v>
      </c>
    </row>
    <row r="62998" spans="1:10" x14ac:dyDescent="0.35">
      <c r="A62998" s="1" t="s">
        <v>8279</v>
      </c>
      <c r="B62998" s="1" t="s">
        <v>207847</v>
      </c>
      <c r="C62998" s="1" t="s">
        <v>170</v>
      </c>
      <c r="D62998" s="1" t="s">
        <v>210547</v>
      </c>
      <c r="E62998" s="1" t="s">
        <v>210548</v>
      </c>
      <c r="F62998" s="1" t="s">
        <v>210549</v>
      </c>
      <c r="G62998" s="1" t="s">
        <v>210449</v>
      </c>
      <c r="H62998" s="1" t="s">
        <v>210450</v>
      </c>
      <c r="I62998" s="1" t="s">
        <v>207852</v>
      </c>
      <c r="J62998" s="1" t="s">
        <v>210550</v>
      </c>
    </row>
    <row r="62999" spans="1:10" x14ac:dyDescent="0.35">
      <c r="A62999" s="1" t="s">
        <v>44546</v>
      </c>
      <c r="B62999" s="1" t="s">
        <v>207847</v>
      </c>
      <c r="C62999" s="1" t="s">
        <v>8</v>
      </c>
      <c r="D62999" s="1" t="s">
        <v>210551</v>
      </c>
      <c r="E62999" s="1" t="s">
        <v>210552</v>
      </c>
      <c r="F62999" s="1" t="s">
        <v>210553</v>
      </c>
      <c r="G62999" s="1" t="s">
        <v>210554</v>
      </c>
      <c r="H62999" s="1" t="s">
        <v>210555</v>
      </c>
      <c r="I62999" s="1" t="s">
        <v>207852</v>
      </c>
      <c r="J62999" s="1" t="s">
        <v>13</v>
      </c>
    </row>
    <row r="63000" spans="1:10" x14ac:dyDescent="0.35">
      <c r="A63000" s="1" t="s">
        <v>44546</v>
      </c>
      <c r="B63000" s="1" t="s">
        <v>207847</v>
      </c>
      <c r="C63000" s="1" t="s">
        <v>15</v>
      </c>
      <c r="D63000" s="1" t="s">
        <v>19612</v>
      </c>
      <c r="E63000" s="1" t="s">
        <v>210556</v>
      </c>
      <c r="F63000" s="1" t="s">
        <v>210557</v>
      </c>
      <c r="G63000" s="1" t="s">
        <v>210554</v>
      </c>
      <c r="H63000" s="1" t="s">
        <v>210555</v>
      </c>
      <c r="I63000" s="1" t="s">
        <v>207852</v>
      </c>
      <c r="J63000" s="1" t="s">
        <v>210558</v>
      </c>
    </row>
    <row r="63001" spans="1:10" x14ac:dyDescent="0.35">
      <c r="A63001" s="1" t="s">
        <v>44546</v>
      </c>
      <c r="B63001" s="1" t="s">
        <v>207847</v>
      </c>
      <c r="C63001" s="1" t="s">
        <v>20</v>
      </c>
      <c r="D63001" s="1" t="s">
        <v>114291</v>
      </c>
      <c r="E63001" s="1" t="s">
        <v>210559</v>
      </c>
      <c r="F63001" s="1" t="s">
        <v>210560</v>
      </c>
      <c r="G63001" s="1" t="s">
        <v>210554</v>
      </c>
      <c r="H63001" s="1" t="s">
        <v>210555</v>
      </c>
      <c r="I63001" s="1" t="s">
        <v>207852</v>
      </c>
      <c r="J63001" s="1" t="s">
        <v>210561</v>
      </c>
    </row>
    <row r="63002" spans="1:10" x14ac:dyDescent="0.35">
      <c r="A63002" s="1" t="s">
        <v>44546</v>
      </c>
      <c r="B63002" s="1" t="s">
        <v>207847</v>
      </c>
      <c r="C63002" s="1" t="s">
        <v>25</v>
      </c>
      <c r="D63002" s="1" t="s">
        <v>173059</v>
      </c>
      <c r="E63002" s="1" t="s">
        <v>210562</v>
      </c>
      <c r="F63002" s="1" t="s">
        <v>210563</v>
      </c>
      <c r="G63002" s="1" t="s">
        <v>210554</v>
      </c>
      <c r="H63002" s="1" t="s">
        <v>210555</v>
      </c>
      <c r="I63002" s="1" t="s">
        <v>207852</v>
      </c>
      <c r="J63002" s="1" t="s">
        <v>210564</v>
      </c>
    </row>
    <row r="63003" spans="1:10" x14ac:dyDescent="0.35">
      <c r="A63003" s="1" t="s">
        <v>44546</v>
      </c>
      <c r="B63003" s="1" t="s">
        <v>207847</v>
      </c>
      <c r="C63003" s="1" t="s">
        <v>30</v>
      </c>
      <c r="D63003" s="1" t="s">
        <v>45908</v>
      </c>
      <c r="E63003" s="1" t="s">
        <v>210565</v>
      </c>
      <c r="F63003" s="1" t="s">
        <v>210566</v>
      </c>
      <c r="G63003" s="1" t="s">
        <v>210554</v>
      </c>
      <c r="H63003" s="1" t="s">
        <v>210555</v>
      </c>
      <c r="I63003" s="1" t="s">
        <v>207852</v>
      </c>
      <c r="J63003" s="1" t="s">
        <v>210567</v>
      </c>
    </row>
    <row r="63004" spans="1:10" x14ac:dyDescent="0.35">
      <c r="A63004" s="1" t="s">
        <v>44546</v>
      </c>
      <c r="B63004" s="1" t="s">
        <v>207847</v>
      </c>
      <c r="C63004" s="1" t="s">
        <v>35</v>
      </c>
      <c r="D63004" s="1" t="s">
        <v>82087</v>
      </c>
      <c r="E63004" s="1" t="s">
        <v>210568</v>
      </c>
      <c r="F63004" s="1" t="s">
        <v>210569</v>
      </c>
      <c r="G63004" s="1" t="s">
        <v>210554</v>
      </c>
      <c r="H63004" s="1" t="s">
        <v>210555</v>
      </c>
      <c r="I63004" s="1" t="s">
        <v>207852</v>
      </c>
      <c r="J63004" s="1" t="s">
        <v>210570</v>
      </c>
    </row>
    <row r="63005" spans="1:10" x14ac:dyDescent="0.35">
      <c r="A63005" s="1" t="s">
        <v>44546</v>
      </c>
      <c r="B63005" s="1" t="s">
        <v>207847</v>
      </c>
      <c r="C63005" s="1" t="s">
        <v>40</v>
      </c>
      <c r="D63005" s="1" t="s">
        <v>177551</v>
      </c>
      <c r="E63005" s="1" t="s">
        <v>210571</v>
      </c>
      <c r="F63005" s="1" t="s">
        <v>210572</v>
      </c>
      <c r="G63005" s="1" t="s">
        <v>210554</v>
      </c>
      <c r="H63005" s="1" t="s">
        <v>210555</v>
      </c>
      <c r="I63005" s="1" t="s">
        <v>207852</v>
      </c>
      <c r="J63005" s="1" t="s">
        <v>210573</v>
      </c>
    </row>
    <row r="63006" spans="1:10" x14ac:dyDescent="0.35">
      <c r="A63006" s="1" t="s">
        <v>44546</v>
      </c>
      <c r="B63006" s="1" t="s">
        <v>207847</v>
      </c>
      <c r="C63006" s="1" t="s">
        <v>45</v>
      </c>
      <c r="D63006" s="1" t="s">
        <v>210574</v>
      </c>
      <c r="E63006" s="1" t="s">
        <v>210575</v>
      </c>
      <c r="F63006" s="1" t="s">
        <v>210576</v>
      </c>
      <c r="G63006" s="1" t="s">
        <v>210554</v>
      </c>
      <c r="H63006" s="1" t="s">
        <v>210555</v>
      </c>
      <c r="I63006" s="1" t="s">
        <v>207852</v>
      </c>
      <c r="J63006" s="1" t="s">
        <v>210577</v>
      </c>
    </row>
    <row r="63007" spans="1:10" x14ac:dyDescent="0.35">
      <c r="A63007" s="1" t="s">
        <v>44546</v>
      </c>
      <c r="B63007" s="1" t="s">
        <v>207847</v>
      </c>
      <c r="C63007" s="1" t="s">
        <v>50</v>
      </c>
      <c r="D63007" s="1" t="s">
        <v>194345</v>
      </c>
      <c r="E63007" s="1" t="s">
        <v>210578</v>
      </c>
      <c r="F63007" s="1" t="s">
        <v>210579</v>
      </c>
      <c r="G63007" s="1" t="s">
        <v>210554</v>
      </c>
      <c r="H63007" s="1" t="s">
        <v>210555</v>
      </c>
      <c r="I63007" s="1" t="s">
        <v>207852</v>
      </c>
      <c r="J63007" s="1" t="s">
        <v>210580</v>
      </c>
    </row>
    <row r="63008" spans="1:10" x14ac:dyDescent="0.35">
      <c r="A63008" s="1" t="s">
        <v>44546</v>
      </c>
      <c r="B63008" s="1" t="s">
        <v>207847</v>
      </c>
      <c r="C63008" s="1" t="s">
        <v>55</v>
      </c>
      <c r="D63008" s="1" t="s">
        <v>171297</v>
      </c>
      <c r="E63008" s="1" t="s">
        <v>210581</v>
      </c>
      <c r="F63008" s="1" t="s">
        <v>210582</v>
      </c>
      <c r="G63008" s="1" t="s">
        <v>210554</v>
      </c>
      <c r="H63008" s="1" t="s">
        <v>210555</v>
      </c>
      <c r="I63008" s="1" t="s">
        <v>207852</v>
      </c>
      <c r="J63008" s="1" t="s">
        <v>210583</v>
      </c>
    </row>
    <row r="63009" spans="1:10" x14ac:dyDescent="0.35">
      <c r="A63009" s="1" t="s">
        <v>44546</v>
      </c>
      <c r="B63009" s="1" t="s">
        <v>207847</v>
      </c>
      <c r="C63009" s="1" t="s">
        <v>60</v>
      </c>
      <c r="D63009" s="1" t="s">
        <v>124297</v>
      </c>
      <c r="E63009" s="1" t="s">
        <v>210584</v>
      </c>
      <c r="F63009" s="1" t="s">
        <v>210585</v>
      </c>
      <c r="G63009" s="1" t="s">
        <v>210554</v>
      </c>
      <c r="H63009" s="1" t="s">
        <v>210555</v>
      </c>
      <c r="I63009" s="1" t="s">
        <v>207852</v>
      </c>
      <c r="J63009" s="1" t="s">
        <v>210586</v>
      </c>
    </row>
    <row r="63010" spans="1:10" x14ac:dyDescent="0.35">
      <c r="A63010" s="1" t="s">
        <v>44546</v>
      </c>
      <c r="B63010" s="1" t="s">
        <v>207847</v>
      </c>
      <c r="C63010" s="1" t="s">
        <v>65</v>
      </c>
      <c r="D63010" s="1" t="s">
        <v>116002</v>
      </c>
      <c r="E63010" s="1" t="s">
        <v>210587</v>
      </c>
      <c r="F63010" s="1" t="s">
        <v>210588</v>
      </c>
      <c r="G63010" s="1" t="s">
        <v>210554</v>
      </c>
      <c r="H63010" s="1" t="s">
        <v>210555</v>
      </c>
      <c r="I63010" s="1" t="s">
        <v>207852</v>
      </c>
      <c r="J63010" s="1" t="s">
        <v>210589</v>
      </c>
    </row>
    <row r="63011" spans="1:10" x14ac:dyDescent="0.35">
      <c r="A63011" s="1" t="s">
        <v>44546</v>
      </c>
      <c r="B63011" s="1" t="s">
        <v>207847</v>
      </c>
      <c r="C63011" s="1" t="s">
        <v>70</v>
      </c>
      <c r="D63011" s="1" t="s">
        <v>37199</v>
      </c>
      <c r="E63011" s="1" t="s">
        <v>210590</v>
      </c>
      <c r="F63011" s="1" t="s">
        <v>210591</v>
      </c>
      <c r="G63011" s="1" t="s">
        <v>210554</v>
      </c>
      <c r="H63011" s="1" t="s">
        <v>210555</v>
      </c>
      <c r="I63011" s="1" t="s">
        <v>207852</v>
      </c>
      <c r="J63011" s="1" t="s">
        <v>210592</v>
      </c>
    </row>
    <row r="63012" spans="1:10" x14ac:dyDescent="0.35">
      <c r="A63012" s="1" t="s">
        <v>44546</v>
      </c>
      <c r="B63012" s="1" t="s">
        <v>207847</v>
      </c>
      <c r="C63012" s="1" t="s">
        <v>75</v>
      </c>
      <c r="D63012" s="1" t="s">
        <v>135119</v>
      </c>
      <c r="E63012" s="1" t="s">
        <v>210593</v>
      </c>
      <c r="F63012" s="1" t="s">
        <v>210594</v>
      </c>
      <c r="G63012" s="1" t="s">
        <v>210554</v>
      </c>
      <c r="H63012" s="1" t="s">
        <v>210555</v>
      </c>
      <c r="I63012" s="1" t="s">
        <v>207852</v>
      </c>
      <c r="J63012" s="1" t="s">
        <v>210595</v>
      </c>
    </row>
    <row r="63013" spans="1:10" x14ac:dyDescent="0.35">
      <c r="A63013" s="1" t="s">
        <v>44546</v>
      </c>
      <c r="B63013" s="1" t="s">
        <v>207847</v>
      </c>
      <c r="C63013" s="1" t="s">
        <v>80</v>
      </c>
      <c r="D63013" s="1" t="s">
        <v>160166</v>
      </c>
      <c r="E63013" s="1" t="s">
        <v>210596</v>
      </c>
      <c r="F63013" s="1" t="s">
        <v>210597</v>
      </c>
      <c r="G63013" s="1" t="s">
        <v>210554</v>
      </c>
      <c r="H63013" s="1" t="s">
        <v>210555</v>
      </c>
      <c r="I63013" s="1" t="s">
        <v>207852</v>
      </c>
      <c r="J63013" s="1" t="s">
        <v>210598</v>
      </c>
    </row>
    <row r="63014" spans="1:10" x14ac:dyDescent="0.35">
      <c r="A63014" s="1" t="s">
        <v>44546</v>
      </c>
      <c r="B63014" s="1" t="s">
        <v>207847</v>
      </c>
      <c r="C63014" s="1" t="s">
        <v>85</v>
      </c>
      <c r="D63014" s="1" t="s">
        <v>210599</v>
      </c>
      <c r="E63014" s="1" t="s">
        <v>210600</v>
      </c>
      <c r="F63014" s="1" t="s">
        <v>210601</v>
      </c>
      <c r="G63014" s="1" t="s">
        <v>210554</v>
      </c>
      <c r="H63014" s="1" t="s">
        <v>210555</v>
      </c>
      <c r="I63014" s="1" t="s">
        <v>207852</v>
      </c>
      <c r="J63014" s="1" t="s">
        <v>210602</v>
      </c>
    </row>
    <row r="63015" spans="1:10" x14ac:dyDescent="0.35">
      <c r="A63015" s="1" t="s">
        <v>44546</v>
      </c>
      <c r="B63015" s="1" t="s">
        <v>207847</v>
      </c>
      <c r="C63015" s="1" t="s">
        <v>90</v>
      </c>
      <c r="D63015" s="1" t="s">
        <v>141310</v>
      </c>
      <c r="E63015" s="1" t="s">
        <v>210603</v>
      </c>
      <c r="F63015" s="1" t="s">
        <v>210604</v>
      </c>
      <c r="G63015" s="1" t="s">
        <v>210554</v>
      </c>
      <c r="H63015" s="1" t="s">
        <v>210555</v>
      </c>
      <c r="I63015" s="1" t="s">
        <v>207852</v>
      </c>
      <c r="J63015" s="1" t="s">
        <v>210605</v>
      </c>
    </row>
    <row r="63016" spans="1:10" x14ac:dyDescent="0.35">
      <c r="A63016" s="1" t="s">
        <v>44546</v>
      </c>
      <c r="B63016" s="1" t="s">
        <v>207847</v>
      </c>
      <c r="C63016" s="1" t="s">
        <v>95</v>
      </c>
      <c r="D63016" s="1" t="s">
        <v>198336</v>
      </c>
      <c r="E63016" s="1" t="s">
        <v>210606</v>
      </c>
      <c r="F63016" s="1" t="s">
        <v>210607</v>
      </c>
      <c r="G63016" s="1" t="s">
        <v>210554</v>
      </c>
      <c r="H63016" s="1" t="s">
        <v>210555</v>
      </c>
      <c r="I63016" s="1" t="s">
        <v>207852</v>
      </c>
      <c r="J63016" s="1" t="s">
        <v>210608</v>
      </c>
    </row>
    <row r="63017" spans="1:10" x14ac:dyDescent="0.35">
      <c r="A63017" s="1" t="s">
        <v>44546</v>
      </c>
      <c r="B63017" s="1" t="s">
        <v>207847</v>
      </c>
      <c r="C63017" s="1" t="s">
        <v>100</v>
      </c>
      <c r="D63017" s="1" t="s">
        <v>155022</v>
      </c>
      <c r="E63017" s="1" t="s">
        <v>210609</v>
      </c>
      <c r="F63017" s="1" t="s">
        <v>210610</v>
      </c>
      <c r="G63017" s="1" t="s">
        <v>210554</v>
      </c>
      <c r="H63017" s="1" t="s">
        <v>210555</v>
      </c>
      <c r="I63017" s="1" t="s">
        <v>207852</v>
      </c>
      <c r="J63017" s="1" t="s">
        <v>210611</v>
      </c>
    </row>
    <row r="63018" spans="1:10" x14ac:dyDescent="0.35">
      <c r="A63018" s="1" t="s">
        <v>44546</v>
      </c>
      <c r="B63018" s="1" t="s">
        <v>207847</v>
      </c>
      <c r="C63018" s="1" t="s">
        <v>105</v>
      </c>
      <c r="D63018" s="1" t="s">
        <v>194594</v>
      </c>
      <c r="E63018" s="1" t="s">
        <v>210612</v>
      </c>
      <c r="F63018" s="1" t="s">
        <v>210613</v>
      </c>
      <c r="G63018" s="1" t="s">
        <v>210554</v>
      </c>
      <c r="H63018" s="1" t="s">
        <v>210555</v>
      </c>
      <c r="I63018" s="1" t="s">
        <v>207852</v>
      </c>
      <c r="J63018" s="1" t="s">
        <v>210614</v>
      </c>
    </row>
    <row r="63019" spans="1:10" x14ac:dyDescent="0.35">
      <c r="A63019" s="1" t="s">
        <v>44546</v>
      </c>
      <c r="B63019" s="1" t="s">
        <v>207847</v>
      </c>
      <c r="C63019" s="1" t="s">
        <v>110</v>
      </c>
      <c r="D63019" s="1" t="s">
        <v>210615</v>
      </c>
      <c r="E63019" s="1" t="s">
        <v>210616</v>
      </c>
      <c r="F63019" s="1" t="s">
        <v>210617</v>
      </c>
      <c r="G63019" s="1" t="s">
        <v>210554</v>
      </c>
      <c r="H63019" s="1" t="s">
        <v>210555</v>
      </c>
      <c r="I63019" s="1" t="s">
        <v>207852</v>
      </c>
      <c r="J63019" s="1" t="s">
        <v>210618</v>
      </c>
    </row>
    <row r="63020" spans="1:10" x14ac:dyDescent="0.35">
      <c r="A63020" s="1" t="s">
        <v>44546</v>
      </c>
      <c r="B63020" s="1" t="s">
        <v>207847</v>
      </c>
      <c r="C63020" s="1" t="s">
        <v>115</v>
      </c>
      <c r="D63020" s="1" t="s">
        <v>210619</v>
      </c>
      <c r="E63020" s="1" t="s">
        <v>210620</v>
      </c>
      <c r="F63020" s="1" t="s">
        <v>210621</v>
      </c>
      <c r="G63020" s="1" t="s">
        <v>210554</v>
      </c>
      <c r="H63020" s="1" t="s">
        <v>210555</v>
      </c>
      <c r="I63020" s="1" t="s">
        <v>207852</v>
      </c>
      <c r="J63020" s="1" t="s">
        <v>210622</v>
      </c>
    </row>
    <row r="63021" spans="1:10" x14ac:dyDescent="0.35">
      <c r="A63021" s="1" t="s">
        <v>44546</v>
      </c>
      <c r="B63021" s="1" t="s">
        <v>207847</v>
      </c>
      <c r="C63021" s="1" t="s">
        <v>120</v>
      </c>
      <c r="D63021" s="1" t="s">
        <v>76821</v>
      </c>
      <c r="E63021" s="1" t="s">
        <v>210623</v>
      </c>
      <c r="F63021" s="1" t="s">
        <v>210624</v>
      </c>
      <c r="G63021" s="1" t="s">
        <v>210554</v>
      </c>
      <c r="H63021" s="1" t="s">
        <v>210555</v>
      </c>
      <c r="I63021" s="1" t="s">
        <v>207852</v>
      </c>
      <c r="J63021" s="1" t="s">
        <v>210625</v>
      </c>
    </row>
    <row r="63022" spans="1:10" x14ac:dyDescent="0.35">
      <c r="A63022" s="1" t="s">
        <v>44546</v>
      </c>
      <c r="B63022" s="1" t="s">
        <v>207847</v>
      </c>
      <c r="C63022" s="1" t="s">
        <v>125</v>
      </c>
      <c r="D63022" s="1" t="s">
        <v>78549</v>
      </c>
      <c r="E63022" s="1" t="s">
        <v>210626</v>
      </c>
      <c r="F63022" s="1" t="s">
        <v>210627</v>
      </c>
      <c r="G63022" s="1" t="s">
        <v>210554</v>
      </c>
      <c r="H63022" s="1" t="s">
        <v>210555</v>
      </c>
      <c r="I63022" s="1" t="s">
        <v>207852</v>
      </c>
      <c r="J63022" s="1" t="s">
        <v>210628</v>
      </c>
    </row>
    <row r="63023" spans="1:10" x14ac:dyDescent="0.35">
      <c r="A63023" s="1" t="s">
        <v>44546</v>
      </c>
      <c r="B63023" s="1" t="s">
        <v>207847</v>
      </c>
      <c r="C63023" s="1" t="s">
        <v>130</v>
      </c>
      <c r="D63023" s="1" t="s">
        <v>83869</v>
      </c>
      <c r="E63023" s="1" t="s">
        <v>210629</v>
      </c>
      <c r="F63023" s="1" t="s">
        <v>210630</v>
      </c>
      <c r="G63023" s="1" t="s">
        <v>210554</v>
      </c>
      <c r="H63023" s="1" t="s">
        <v>210555</v>
      </c>
      <c r="I63023" s="1" t="s">
        <v>207852</v>
      </c>
      <c r="J63023" s="1" t="s">
        <v>210631</v>
      </c>
    </row>
    <row r="63024" spans="1:10" x14ac:dyDescent="0.35">
      <c r="A63024" s="1" t="s">
        <v>44546</v>
      </c>
      <c r="B63024" s="1" t="s">
        <v>207847</v>
      </c>
      <c r="C63024" s="1" t="s">
        <v>135</v>
      </c>
      <c r="D63024" s="1" t="s">
        <v>195788</v>
      </c>
      <c r="E63024" s="1" t="s">
        <v>210632</v>
      </c>
      <c r="F63024" s="1" t="s">
        <v>210633</v>
      </c>
      <c r="G63024" s="1" t="s">
        <v>210554</v>
      </c>
      <c r="H63024" s="1" t="s">
        <v>210555</v>
      </c>
      <c r="I63024" s="1" t="s">
        <v>207852</v>
      </c>
      <c r="J63024" s="1" t="s">
        <v>210634</v>
      </c>
    </row>
    <row r="63025" spans="1:10" x14ac:dyDescent="0.35">
      <c r="A63025" s="1" t="s">
        <v>44546</v>
      </c>
      <c r="B63025" s="1" t="s">
        <v>207847</v>
      </c>
      <c r="C63025" s="1" t="s">
        <v>140</v>
      </c>
      <c r="D63025" s="1" t="s">
        <v>105311</v>
      </c>
      <c r="E63025" s="1" t="s">
        <v>210635</v>
      </c>
      <c r="F63025" s="1" t="s">
        <v>210636</v>
      </c>
      <c r="G63025" s="1" t="s">
        <v>210554</v>
      </c>
      <c r="H63025" s="1" t="s">
        <v>210555</v>
      </c>
      <c r="I63025" s="1" t="s">
        <v>207852</v>
      </c>
      <c r="J63025" s="1" t="s">
        <v>210637</v>
      </c>
    </row>
    <row r="63026" spans="1:10" x14ac:dyDescent="0.35">
      <c r="A63026" s="1" t="s">
        <v>44546</v>
      </c>
      <c r="B63026" s="1" t="s">
        <v>207847</v>
      </c>
      <c r="C63026" s="1" t="s">
        <v>145</v>
      </c>
      <c r="D63026" s="1" t="s">
        <v>114934</v>
      </c>
      <c r="E63026" s="1" t="s">
        <v>210638</v>
      </c>
      <c r="F63026" s="1" t="s">
        <v>210639</v>
      </c>
      <c r="G63026" s="1" t="s">
        <v>210554</v>
      </c>
      <c r="H63026" s="1" t="s">
        <v>210555</v>
      </c>
      <c r="I63026" s="1" t="s">
        <v>207852</v>
      </c>
      <c r="J63026" s="1" t="s">
        <v>210640</v>
      </c>
    </row>
    <row r="63027" spans="1:10" x14ac:dyDescent="0.35">
      <c r="A63027" s="1" t="s">
        <v>44546</v>
      </c>
      <c r="B63027" s="1" t="s">
        <v>207847</v>
      </c>
      <c r="C63027" s="1" t="s">
        <v>150</v>
      </c>
      <c r="D63027" s="1" t="s">
        <v>147976</v>
      </c>
      <c r="E63027" s="1" t="s">
        <v>210641</v>
      </c>
      <c r="F63027" s="1" t="s">
        <v>210642</v>
      </c>
      <c r="G63027" s="1" t="s">
        <v>210554</v>
      </c>
      <c r="H63027" s="1" t="s">
        <v>210555</v>
      </c>
      <c r="I63027" s="1" t="s">
        <v>207852</v>
      </c>
      <c r="J63027" s="1" t="s">
        <v>210643</v>
      </c>
    </row>
    <row r="63028" spans="1:10" x14ac:dyDescent="0.35">
      <c r="A63028" s="1" t="s">
        <v>44546</v>
      </c>
      <c r="B63028" s="1" t="s">
        <v>207847</v>
      </c>
      <c r="C63028" s="1" t="s">
        <v>155</v>
      </c>
      <c r="D63028" s="1" t="s">
        <v>210644</v>
      </c>
      <c r="E63028" s="1" t="s">
        <v>210645</v>
      </c>
      <c r="F63028" s="1" t="s">
        <v>210646</v>
      </c>
      <c r="G63028" s="1" t="s">
        <v>210554</v>
      </c>
      <c r="H63028" s="1" t="s">
        <v>210555</v>
      </c>
      <c r="I63028" s="1" t="s">
        <v>207852</v>
      </c>
      <c r="J63028" s="1" t="s">
        <v>210647</v>
      </c>
    </row>
    <row r="63029" spans="1:10" x14ac:dyDescent="0.35">
      <c r="A63029" s="1" t="s">
        <v>44546</v>
      </c>
      <c r="B63029" s="1" t="s">
        <v>207847</v>
      </c>
      <c r="C63029" s="1" t="s">
        <v>160</v>
      </c>
      <c r="D63029" s="1" t="s">
        <v>61856</v>
      </c>
      <c r="E63029" s="1" t="s">
        <v>210648</v>
      </c>
      <c r="F63029" s="1" t="s">
        <v>82605</v>
      </c>
      <c r="G63029" s="1" t="s">
        <v>210554</v>
      </c>
      <c r="H63029" s="1" t="s">
        <v>210555</v>
      </c>
      <c r="I63029" s="1" t="s">
        <v>207852</v>
      </c>
      <c r="J63029" s="1" t="s">
        <v>210649</v>
      </c>
    </row>
    <row r="63030" spans="1:10" x14ac:dyDescent="0.35">
      <c r="A63030" s="1" t="s">
        <v>44546</v>
      </c>
      <c r="B63030" s="1" t="s">
        <v>207847</v>
      </c>
      <c r="C63030" s="1" t="s">
        <v>165</v>
      </c>
      <c r="D63030" s="1" t="s">
        <v>7708</v>
      </c>
      <c r="E63030" s="1" t="s">
        <v>210650</v>
      </c>
      <c r="F63030" s="1" t="s">
        <v>210651</v>
      </c>
      <c r="G63030" s="1" t="s">
        <v>210554</v>
      </c>
      <c r="H63030" s="1" t="s">
        <v>210555</v>
      </c>
      <c r="I63030" s="1" t="s">
        <v>207852</v>
      </c>
      <c r="J63030" s="1" t="s">
        <v>210652</v>
      </c>
    </row>
    <row r="63031" spans="1:10" x14ac:dyDescent="0.35">
      <c r="A63031" s="1" t="s">
        <v>44546</v>
      </c>
      <c r="B63031" s="1" t="s">
        <v>207847</v>
      </c>
      <c r="C63031" s="1" t="s">
        <v>170</v>
      </c>
      <c r="D63031" s="1" t="s">
        <v>164112</v>
      </c>
      <c r="E63031" s="1" t="s">
        <v>210653</v>
      </c>
      <c r="F63031" s="1" t="s">
        <v>210654</v>
      </c>
      <c r="G63031" s="1" t="s">
        <v>210554</v>
      </c>
      <c r="H63031" s="1" t="s">
        <v>210555</v>
      </c>
      <c r="I63031" s="1" t="s">
        <v>207852</v>
      </c>
      <c r="J63031" s="1" t="s">
        <v>210655</v>
      </c>
    </row>
    <row r="63032" spans="1:10" x14ac:dyDescent="0.35">
      <c r="A63032" s="1" t="s">
        <v>4388</v>
      </c>
      <c r="B63032" s="1" t="s">
        <v>207847</v>
      </c>
      <c r="C63032" s="1" t="s">
        <v>8</v>
      </c>
      <c r="D63032" s="1" t="s">
        <v>210656</v>
      </c>
      <c r="E63032" s="1" t="s">
        <v>210657</v>
      </c>
      <c r="F63032" s="1" t="s">
        <v>210658</v>
      </c>
      <c r="G63032" s="1" t="s">
        <v>210659</v>
      </c>
      <c r="H63032" s="1" t="s">
        <v>210660</v>
      </c>
      <c r="I63032" s="1" t="s">
        <v>207852</v>
      </c>
      <c r="J63032" s="1" t="s">
        <v>13</v>
      </c>
    </row>
    <row r="63033" spans="1:10" x14ac:dyDescent="0.35">
      <c r="A63033" s="1" t="s">
        <v>4388</v>
      </c>
      <c r="B63033" s="1" t="s">
        <v>207847</v>
      </c>
      <c r="C63033" s="1" t="s">
        <v>15</v>
      </c>
      <c r="D63033" s="1" t="s">
        <v>191032</v>
      </c>
      <c r="E63033" s="1" t="s">
        <v>210661</v>
      </c>
      <c r="F63033" s="1" t="s">
        <v>210662</v>
      </c>
      <c r="G63033" s="1" t="s">
        <v>210659</v>
      </c>
      <c r="H63033" s="1" t="s">
        <v>210660</v>
      </c>
      <c r="I63033" s="1" t="s">
        <v>207852</v>
      </c>
      <c r="J63033" s="1" t="s">
        <v>210663</v>
      </c>
    </row>
    <row r="63034" spans="1:10" x14ac:dyDescent="0.35">
      <c r="A63034" s="1" t="s">
        <v>4388</v>
      </c>
      <c r="B63034" s="1" t="s">
        <v>207847</v>
      </c>
      <c r="C63034" s="1" t="s">
        <v>20</v>
      </c>
      <c r="D63034" s="1" t="s">
        <v>174675</v>
      </c>
      <c r="E63034" s="1" t="s">
        <v>210664</v>
      </c>
      <c r="F63034" s="1" t="s">
        <v>210665</v>
      </c>
      <c r="G63034" s="1" t="s">
        <v>210659</v>
      </c>
      <c r="H63034" s="1" t="s">
        <v>210660</v>
      </c>
      <c r="I63034" s="1" t="s">
        <v>207852</v>
      </c>
      <c r="J63034" s="1" t="s">
        <v>210666</v>
      </c>
    </row>
    <row r="63035" spans="1:10" x14ac:dyDescent="0.35">
      <c r="A63035" s="1" t="s">
        <v>4388</v>
      </c>
      <c r="B63035" s="1" t="s">
        <v>207847</v>
      </c>
      <c r="C63035" s="1" t="s">
        <v>25</v>
      </c>
      <c r="D63035" s="1" t="s">
        <v>4575</v>
      </c>
      <c r="E63035" s="1" t="s">
        <v>210667</v>
      </c>
      <c r="F63035" s="1" t="s">
        <v>210668</v>
      </c>
      <c r="G63035" s="1" t="s">
        <v>210659</v>
      </c>
      <c r="H63035" s="1" t="s">
        <v>210660</v>
      </c>
      <c r="I63035" s="1" t="s">
        <v>207852</v>
      </c>
      <c r="J63035" s="1" t="s">
        <v>210669</v>
      </c>
    </row>
    <row r="63036" spans="1:10" x14ac:dyDescent="0.35">
      <c r="A63036" s="1" t="s">
        <v>4388</v>
      </c>
      <c r="B63036" s="1" t="s">
        <v>207847</v>
      </c>
      <c r="C63036" s="1" t="s">
        <v>30</v>
      </c>
      <c r="D63036" s="1" t="s">
        <v>82309</v>
      </c>
      <c r="E63036" s="1" t="s">
        <v>210670</v>
      </c>
      <c r="F63036" s="1" t="s">
        <v>210671</v>
      </c>
      <c r="G63036" s="1" t="s">
        <v>210659</v>
      </c>
      <c r="H63036" s="1" t="s">
        <v>210660</v>
      </c>
      <c r="I63036" s="1" t="s">
        <v>207852</v>
      </c>
      <c r="J63036" s="1" t="s">
        <v>210672</v>
      </c>
    </row>
    <row r="63037" spans="1:10" x14ac:dyDescent="0.35">
      <c r="A63037" s="1" t="s">
        <v>4388</v>
      </c>
      <c r="B63037" s="1" t="s">
        <v>207847</v>
      </c>
      <c r="C63037" s="1" t="s">
        <v>35</v>
      </c>
      <c r="D63037" s="1" t="s">
        <v>257</v>
      </c>
      <c r="E63037" s="1" t="s">
        <v>210673</v>
      </c>
      <c r="F63037" s="1" t="s">
        <v>210674</v>
      </c>
      <c r="G63037" s="1" t="s">
        <v>210659</v>
      </c>
      <c r="H63037" s="1" t="s">
        <v>210660</v>
      </c>
      <c r="I63037" s="1" t="s">
        <v>207852</v>
      </c>
      <c r="J63037" s="1" t="s">
        <v>210675</v>
      </c>
    </row>
    <row r="63038" spans="1:10" x14ac:dyDescent="0.35">
      <c r="A63038" s="1" t="s">
        <v>4388</v>
      </c>
      <c r="B63038" s="1" t="s">
        <v>207847</v>
      </c>
      <c r="C63038" s="1" t="s">
        <v>40</v>
      </c>
      <c r="D63038" s="1" t="s">
        <v>73218</v>
      </c>
      <c r="E63038" s="1" t="s">
        <v>210676</v>
      </c>
      <c r="F63038" s="1" t="s">
        <v>210677</v>
      </c>
      <c r="G63038" s="1" t="s">
        <v>210659</v>
      </c>
      <c r="H63038" s="1" t="s">
        <v>210660</v>
      </c>
      <c r="I63038" s="1" t="s">
        <v>207852</v>
      </c>
      <c r="J63038" s="1" t="s">
        <v>210678</v>
      </c>
    </row>
    <row r="63039" spans="1:10" x14ac:dyDescent="0.35">
      <c r="A63039" s="1" t="s">
        <v>4388</v>
      </c>
      <c r="B63039" s="1" t="s">
        <v>207847</v>
      </c>
      <c r="C63039" s="1" t="s">
        <v>45</v>
      </c>
      <c r="D63039" s="1" t="s">
        <v>210679</v>
      </c>
      <c r="E63039" s="1" t="s">
        <v>210680</v>
      </c>
      <c r="F63039" s="1" t="s">
        <v>210681</v>
      </c>
      <c r="G63039" s="1" t="s">
        <v>210659</v>
      </c>
      <c r="H63039" s="1" t="s">
        <v>210660</v>
      </c>
      <c r="I63039" s="1" t="s">
        <v>207852</v>
      </c>
      <c r="J63039" s="1" t="s">
        <v>210682</v>
      </c>
    </row>
    <row r="63040" spans="1:10" x14ac:dyDescent="0.35">
      <c r="A63040" s="1" t="s">
        <v>4388</v>
      </c>
      <c r="B63040" s="1" t="s">
        <v>207847</v>
      </c>
      <c r="C63040" s="1" t="s">
        <v>50</v>
      </c>
      <c r="D63040" s="1" t="s">
        <v>171411</v>
      </c>
      <c r="E63040" s="1" t="s">
        <v>210683</v>
      </c>
      <c r="F63040" s="1" t="s">
        <v>210684</v>
      </c>
      <c r="G63040" s="1" t="s">
        <v>210659</v>
      </c>
      <c r="H63040" s="1" t="s">
        <v>210660</v>
      </c>
      <c r="I63040" s="1" t="s">
        <v>207852</v>
      </c>
      <c r="J63040" s="1" t="s">
        <v>210685</v>
      </c>
    </row>
    <row r="63041" spans="1:10" x14ac:dyDescent="0.35">
      <c r="A63041" s="1" t="s">
        <v>4388</v>
      </c>
      <c r="B63041" s="1" t="s">
        <v>207847</v>
      </c>
      <c r="C63041" s="1" t="s">
        <v>55</v>
      </c>
      <c r="D63041" s="1" t="s">
        <v>15631</v>
      </c>
      <c r="E63041" s="1" t="s">
        <v>210686</v>
      </c>
      <c r="F63041" s="1" t="s">
        <v>210687</v>
      </c>
      <c r="G63041" s="1" t="s">
        <v>210659</v>
      </c>
      <c r="H63041" s="1" t="s">
        <v>210660</v>
      </c>
      <c r="I63041" s="1" t="s">
        <v>207852</v>
      </c>
      <c r="J63041" s="1" t="s">
        <v>210688</v>
      </c>
    </row>
    <row r="63042" spans="1:10" x14ac:dyDescent="0.35">
      <c r="A63042" s="1" t="s">
        <v>4388</v>
      </c>
      <c r="B63042" s="1" t="s">
        <v>207847</v>
      </c>
      <c r="C63042" s="1" t="s">
        <v>60</v>
      </c>
      <c r="D63042" s="1" t="s">
        <v>44816</v>
      </c>
      <c r="E63042" s="1" t="s">
        <v>210689</v>
      </c>
      <c r="F63042" s="1" t="s">
        <v>210690</v>
      </c>
      <c r="G63042" s="1" t="s">
        <v>210659</v>
      </c>
      <c r="H63042" s="1" t="s">
        <v>210660</v>
      </c>
      <c r="I63042" s="1" t="s">
        <v>207852</v>
      </c>
      <c r="J63042" s="1" t="s">
        <v>210691</v>
      </c>
    </row>
    <row r="63043" spans="1:10" x14ac:dyDescent="0.35">
      <c r="A63043" s="1" t="s">
        <v>4388</v>
      </c>
      <c r="B63043" s="1" t="s">
        <v>207847</v>
      </c>
      <c r="C63043" s="1" t="s">
        <v>65</v>
      </c>
      <c r="D63043" s="1" t="s">
        <v>2959</v>
      </c>
      <c r="E63043" s="1" t="s">
        <v>210692</v>
      </c>
      <c r="F63043" s="1" t="s">
        <v>210693</v>
      </c>
      <c r="G63043" s="1" t="s">
        <v>210659</v>
      </c>
      <c r="H63043" s="1" t="s">
        <v>210660</v>
      </c>
      <c r="I63043" s="1" t="s">
        <v>207852</v>
      </c>
      <c r="J63043" s="1" t="s">
        <v>210694</v>
      </c>
    </row>
    <row r="63044" spans="1:10" x14ac:dyDescent="0.35">
      <c r="A63044" s="1" t="s">
        <v>4388</v>
      </c>
      <c r="B63044" s="1" t="s">
        <v>207847</v>
      </c>
      <c r="C63044" s="1" t="s">
        <v>70</v>
      </c>
      <c r="D63044" s="1" t="s">
        <v>126143</v>
      </c>
      <c r="E63044" s="1" t="s">
        <v>210695</v>
      </c>
      <c r="F63044" s="1" t="s">
        <v>210696</v>
      </c>
      <c r="G63044" s="1" t="s">
        <v>210659</v>
      </c>
      <c r="H63044" s="1" t="s">
        <v>210660</v>
      </c>
      <c r="I63044" s="1" t="s">
        <v>207852</v>
      </c>
      <c r="J63044" s="1" t="s">
        <v>210697</v>
      </c>
    </row>
    <row r="63045" spans="1:10" x14ac:dyDescent="0.35">
      <c r="A63045" s="1" t="s">
        <v>4388</v>
      </c>
      <c r="B63045" s="1" t="s">
        <v>207847</v>
      </c>
      <c r="C63045" s="1" t="s">
        <v>75</v>
      </c>
      <c r="D63045" s="1" t="s">
        <v>150807</v>
      </c>
      <c r="E63045" s="1" t="s">
        <v>210698</v>
      </c>
      <c r="F63045" s="1" t="s">
        <v>210699</v>
      </c>
      <c r="G63045" s="1" t="s">
        <v>210659</v>
      </c>
      <c r="H63045" s="1" t="s">
        <v>210660</v>
      </c>
      <c r="I63045" s="1" t="s">
        <v>207852</v>
      </c>
      <c r="J63045" s="1" t="s">
        <v>210700</v>
      </c>
    </row>
    <row r="63046" spans="1:10" x14ac:dyDescent="0.35">
      <c r="A63046" s="1" t="s">
        <v>4388</v>
      </c>
      <c r="B63046" s="1" t="s">
        <v>207847</v>
      </c>
      <c r="C63046" s="1" t="s">
        <v>80</v>
      </c>
      <c r="D63046" s="1" t="s">
        <v>210701</v>
      </c>
      <c r="E63046" s="1" t="s">
        <v>210702</v>
      </c>
      <c r="F63046" s="1" t="s">
        <v>210703</v>
      </c>
      <c r="G63046" s="1" t="s">
        <v>210659</v>
      </c>
      <c r="H63046" s="1" t="s">
        <v>210660</v>
      </c>
      <c r="I63046" s="1" t="s">
        <v>207852</v>
      </c>
      <c r="J63046" s="1" t="s">
        <v>210704</v>
      </c>
    </row>
    <row r="63047" spans="1:10" x14ac:dyDescent="0.35">
      <c r="A63047" s="1" t="s">
        <v>4388</v>
      </c>
      <c r="B63047" s="1" t="s">
        <v>207847</v>
      </c>
      <c r="C63047" s="1" t="s">
        <v>85</v>
      </c>
      <c r="D63047" s="1" t="s">
        <v>184724</v>
      </c>
      <c r="E63047" s="1" t="s">
        <v>210705</v>
      </c>
      <c r="F63047" s="1" t="s">
        <v>210706</v>
      </c>
      <c r="G63047" s="1" t="s">
        <v>210659</v>
      </c>
      <c r="H63047" s="1" t="s">
        <v>210660</v>
      </c>
      <c r="I63047" s="1" t="s">
        <v>207852</v>
      </c>
      <c r="J63047" s="1" t="s">
        <v>210707</v>
      </c>
    </row>
    <row r="63048" spans="1:10" x14ac:dyDescent="0.35">
      <c r="A63048" s="1" t="s">
        <v>4388</v>
      </c>
      <c r="B63048" s="1" t="s">
        <v>207847</v>
      </c>
      <c r="C63048" s="1" t="s">
        <v>90</v>
      </c>
      <c r="D63048" s="1" t="s">
        <v>32783</v>
      </c>
      <c r="E63048" s="1" t="s">
        <v>210708</v>
      </c>
      <c r="F63048" s="1" t="s">
        <v>210709</v>
      </c>
      <c r="G63048" s="1" t="s">
        <v>210659</v>
      </c>
      <c r="H63048" s="1" t="s">
        <v>210660</v>
      </c>
      <c r="I63048" s="1" t="s">
        <v>207852</v>
      </c>
      <c r="J63048" s="1" t="s">
        <v>210710</v>
      </c>
    </row>
    <row r="63049" spans="1:10" x14ac:dyDescent="0.35">
      <c r="A63049" s="1" t="s">
        <v>4388</v>
      </c>
      <c r="B63049" s="1" t="s">
        <v>207847</v>
      </c>
      <c r="C63049" s="1" t="s">
        <v>95</v>
      </c>
      <c r="D63049" s="1" t="s">
        <v>210711</v>
      </c>
      <c r="E63049" s="1" t="s">
        <v>210712</v>
      </c>
      <c r="F63049" s="1" t="s">
        <v>210713</v>
      </c>
      <c r="G63049" s="1" t="s">
        <v>210659</v>
      </c>
      <c r="H63049" s="1" t="s">
        <v>210660</v>
      </c>
      <c r="I63049" s="1" t="s">
        <v>207852</v>
      </c>
      <c r="J63049" s="1" t="s">
        <v>210714</v>
      </c>
    </row>
    <row r="63050" spans="1:10" x14ac:dyDescent="0.35">
      <c r="A63050" s="1" t="s">
        <v>4388</v>
      </c>
      <c r="B63050" s="1" t="s">
        <v>207847</v>
      </c>
      <c r="C63050" s="1" t="s">
        <v>100</v>
      </c>
      <c r="D63050" s="1" t="s">
        <v>196939</v>
      </c>
      <c r="E63050" s="1" t="s">
        <v>210715</v>
      </c>
      <c r="F63050" s="1" t="s">
        <v>210716</v>
      </c>
      <c r="G63050" s="1" t="s">
        <v>210659</v>
      </c>
      <c r="H63050" s="1" t="s">
        <v>210660</v>
      </c>
      <c r="I63050" s="1" t="s">
        <v>207852</v>
      </c>
      <c r="J63050" s="1" t="s">
        <v>210717</v>
      </c>
    </row>
    <row r="63051" spans="1:10" x14ac:dyDescent="0.35">
      <c r="A63051" s="1" t="s">
        <v>4388</v>
      </c>
      <c r="B63051" s="1" t="s">
        <v>207847</v>
      </c>
      <c r="C63051" s="1" t="s">
        <v>105</v>
      </c>
      <c r="D63051" s="1" t="s">
        <v>156146</v>
      </c>
      <c r="E63051" s="1" t="s">
        <v>210718</v>
      </c>
      <c r="F63051" s="1" t="s">
        <v>210719</v>
      </c>
      <c r="G63051" s="1" t="s">
        <v>210659</v>
      </c>
      <c r="H63051" s="1" t="s">
        <v>210660</v>
      </c>
      <c r="I63051" s="1" t="s">
        <v>207852</v>
      </c>
      <c r="J63051" s="1" t="s">
        <v>210720</v>
      </c>
    </row>
    <row r="63052" spans="1:10" x14ac:dyDescent="0.35">
      <c r="A63052" s="1" t="s">
        <v>4388</v>
      </c>
      <c r="B63052" s="1" t="s">
        <v>207847</v>
      </c>
      <c r="C63052" s="1" t="s">
        <v>110</v>
      </c>
      <c r="D63052" s="1" t="s">
        <v>82786</v>
      </c>
      <c r="E63052" s="1" t="s">
        <v>210721</v>
      </c>
      <c r="F63052" s="1" t="s">
        <v>210722</v>
      </c>
      <c r="G63052" s="1" t="s">
        <v>210659</v>
      </c>
      <c r="H63052" s="1" t="s">
        <v>210660</v>
      </c>
      <c r="I63052" s="1" t="s">
        <v>207852</v>
      </c>
      <c r="J63052" s="1" t="s">
        <v>210723</v>
      </c>
    </row>
    <row r="63053" spans="1:10" x14ac:dyDescent="0.35">
      <c r="A63053" s="1" t="s">
        <v>4388</v>
      </c>
      <c r="B63053" s="1" t="s">
        <v>207847</v>
      </c>
      <c r="C63053" s="1" t="s">
        <v>115</v>
      </c>
      <c r="D63053" s="1" t="s">
        <v>73613</v>
      </c>
      <c r="E63053" s="1" t="s">
        <v>210724</v>
      </c>
      <c r="F63053" s="1" t="s">
        <v>210725</v>
      </c>
      <c r="G63053" s="1" t="s">
        <v>210659</v>
      </c>
      <c r="H63053" s="1" t="s">
        <v>210660</v>
      </c>
      <c r="I63053" s="1" t="s">
        <v>207852</v>
      </c>
      <c r="J63053" s="1" t="s">
        <v>210726</v>
      </c>
    </row>
    <row r="63054" spans="1:10" x14ac:dyDescent="0.35">
      <c r="A63054" s="1" t="s">
        <v>4388</v>
      </c>
      <c r="B63054" s="1" t="s">
        <v>207847</v>
      </c>
      <c r="C63054" s="1" t="s">
        <v>120</v>
      </c>
      <c r="D63054" s="1" t="s">
        <v>198012</v>
      </c>
      <c r="E63054" s="1" t="s">
        <v>210727</v>
      </c>
      <c r="F63054" s="1" t="s">
        <v>210728</v>
      </c>
      <c r="G63054" s="1" t="s">
        <v>210659</v>
      </c>
      <c r="H63054" s="1" t="s">
        <v>210660</v>
      </c>
      <c r="I63054" s="1" t="s">
        <v>207852</v>
      </c>
      <c r="J63054" s="1" t="s">
        <v>210729</v>
      </c>
    </row>
    <row r="63055" spans="1:10" x14ac:dyDescent="0.35">
      <c r="A63055" s="1" t="s">
        <v>4388</v>
      </c>
      <c r="B63055" s="1" t="s">
        <v>207847</v>
      </c>
      <c r="C63055" s="1" t="s">
        <v>125</v>
      </c>
      <c r="D63055" s="1" t="s">
        <v>210730</v>
      </c>
      <c r="E63055" s="1" t="s">
        <v>210731</v>
      </c>
      <c r="F63055" s="1" t="s">
        <v>210732</v>
      </c>
      <c r="G63055" s="1" t="s">
        <v>210659</v>
      </c>
      <c r="H63055" s="1" t="s">
        <v>210660</v>
      </c>
      <c r="I63055" s="1" t="s">
        <v>207852</v>
      </c>
      <c r="J63055" s="1" t="s">
        <v>210733</v>
      </c>
    </row>
    <row r="63056" spans="1:10" x14ac:dyDescent="0.35">
      <c r="A63056" s="1" t="s">
        <v>4388</v>
      </c>
      <c r="B63056" s="1" t="s">
        <v>207847</v>
      </c>
      <c r="C63056" s="1" t="s">
        <v>130</v>
      </c>
      <c r="D63056" s="1" t="s">
        <v>210734</v>
      </c>
      <c r="E63056" s="1" t="s">
        <v>210735</v>
      </c>
      <c r="F63056" s="1" t="s">
        <v>210736</v>
      </c>
      <c r="G63056" s="1" t="s">
        <v>210659</v>
      </c>
      <c r="H63056" s="1" t="s">
        <v>210660</v>
      </c>
      <c r="I63056" s="1" t="s">
        <v>207852</v>
      </c>
      <c r="J63056" s="1" t="s">
        <v>210737</v>
      </c>
    </row>
    <row r="63057" spans="1:10" x14ac:dyDescent="0.35">
      <c r="A63057" s="1" t="s">
        <v>4388</v>
      </c>
      <c r="B63057" s="1" t="s">
        <v>207847</v>
      </c>
      <c r="C63057" s="1" t="s">
        <v>135</v>
      </c>
      <c r="D63057" s="1" t="s">
        <v>155820</v>
      </c>
      <c r="E63057" s="1" t="s">
        <v>210738</v>
      </c>
      <c r="F63057" s="1" t="s">
        <v>210739</v>
      </c>
      <c r="G63057" s="1" t="s">
        <v>210659</v>
      </c>
      <c r="H63057" s="1" t="s">
        <v>210660</v>
      </c>
      <c r="I63057" s="1" t="s">
        <v>207852</v>
      </c>
      <c r="J63057" s="1" t="s">
        <v>210740</v>
      </c>
    </row>
    <row r="63058" spans="1:10" x14ac:dyDescent="0.35">
      <c r="A63058" s="1" t="s">
        <v>4388</v>
      </c>
      <c r="B63058" s="1" t="s">
        <v>207847</v>
      </c>
      <c r="C63058" s="1" t="s">
        <v>140</v>
      </c>
      <c r="D63058" s="1" t="s">
        <v>206272</v>
      </c>
      <c r="E63058" s="1" t="s">
        <v>210741</v>
      </c>
      <c r="F63058" s="1" t="s">
        <v>210742</v>
      </c>
      <c r="G63058" s="1" t="s">
        <v>210659</v>
      </c>
      <c r="H63058" s="1" t="s">
        <v>210660</v>
      </c>
      <c r="I63058" s="1" t="s">
        <v>207852</v>
      </c>
      <c r="J63058" s="1" t="s">
        <v>210743</v>
      </c>
    </row>
    <row r="63059" spans="1:10" x14ac:dyDescent="0.35">
      <c r="A63059" s="1" t="s">
        <v>4388</v>
      </c>
      <c r="B63059" s="1" t="s">
        <v>207847</v>
      </c>
      <c r="C63059" s="1" t="s">
        <v>145</v>
      </c>
      <c r="D63059" s="1" t="s">
        <v>190155</v>
      </c>
      <c r="E63059" s="1" t="s">
        <v>210744</v>
      </c>
      <c r="F63059" s="1" t="s">
        <v>210745</v>
      </c>
      <c r="G63059" s="1" t="s">
        <v>210659</v>
      </c>
      <c r="H63059" s="1" t="s">
        <v>210660</v>
      </c>
      <c r="I63059" s="1" t="s">
        <v>207852</v>
      </c>
      <c r="J63059" s="1" t="s">
        <v>210746</v>
      </c>
    </row>
    <row r="63060" spans="1:10" x14ac:dyDescent="0.35">
      <c r="A63060" s="1" t="s">
        <v>4388</v>
      </c>
      <c r="B63060" s="1" t="s">
        <v>207847</v>
      </c>
      <c r="C63060" s="1" t="s">
        <v>150</v>
      </c>
      <c r="D63060" s="1" t="s">
        <v>175187</v>
      </c>
      <c r="E63060" s="1" t="s">
        <v>210747</v>
      </c>
      <c r="F63060" s="1" t="s">
        <v>210748</v>
      </c>
      <c r="G63060" s="1" t="s">
        <v>210659</v>
      </c>
      <c r="H63060" s="1" t="s">
        <v>210660</v>
      </c>
      <c r="I63060" s="1" t="s">
        <v>207852</v>
      </c>
      <c r="J63060" s="1" t="s">
        <v>210749</v>
      </c>
    </row>
    <row r="63061" spans="1:10" x14ac:dyDescent="0.35">
      <c r="A63061" s="1" t="s">
        <v>4388</v>
      </c>
      <c r="B63061" s="1" t="s">
        <v>207847</v>
      </c>
      <c r="C63061" s="1" t="s">
        <v>155</v>
      </c>
      <c r="D63061" s="1" t="s">
        <v>210750</v>
      </c>
      <c r="E63061" s="1" t="s">
        <v>210751</v>
      </c>
      <c r="F63061" s="1" t="s">
        <v>210752</v>
      </c>
      <c r="G63061" s="1" t="s">
        <v>210659</v>
      </c>
      <c r="H63061" s="1" t="s">
        <v>210660</v>
      </c>
      <c r="I63061" s="1" t="s">
        <v>207852</v>
      </c>
      <c r="J63061" s="1" t="s">
        <v>210753</v>
      </c>
    </row>
    <row r="63062" spans="1:10" x14ac:dyDescent="0.35">
      <c r="A63062" s="1" t="s">
        <v>4388</v>
      </c>
      <c r="B63062" s="1" t="s">
        <v>207847</v>
      </c>
      <c r="C63062" s="1" t="s">
        <v>160</v>
      </c>
      <c r="D63062" s="1" t="s">
        <v>210754</v>
      </c>
      <c r="E63062" s="1" t="s">
        <v>210755</v>
      </c>
      <c r="F63062" s="1" t="s">
        <v>210756</v>
      </c>
      <c r="G63062" s="1" t="s">
        <v>210659</v>
      </c>
      <c r="H63062" s="1" t="s">
        <v>210660</v>
      </c>
      <c r="I63062" s="1" t="s">
        <v>207852</v>
      </c>
      <c r="J63062" s="1" t="s">
        <v>210757</v>
      </c>
    </row>
    <row r="63063" spans="1:10" x14ac:dyDescent="0.35">
      <c r="A63063" s="1" t="s">
        <v>4388</v>
      </c>
      <c r="B63063" s="1" t="s">
        <v>207847</v>
      </c>
      <c r="C63063" s="1" t="s">
        <v>165</v>
      </c>
      <c r="D63063" s="1" t="s">
        <v>5907</v>
      </c>
      <c r="E63063" s="1" t="s">
        <v>210758</v>
      </c>
      <c r="F63063" s="1" t="s">
        <v>210759</v>
      </c>
      <c r="G63063" s="1" t="s">
        <v>210659</v>
      </c>
      <c r="H63063" s="1" t="s">
        <v>210660</v>
      </c>
      <c r="I63063" s="1" t="s">
        <v>207852</v>
      </c>
      <c r="J63063" s="1" t="s">
        <v>210760</v>
      </c>
    </row>
    <row r="63064" spans="1:10" x14ac:dyDescent="0.35">
      <c r="A63064" s="1" t="s">
        <v>4388</v>
      </c>
      <c r="B63064" s="1" t="s">
        <v>207847</v>
      </c>
      <c r="C63064" s="1" t="s">
        <v>170</v>
      </c>
      <c r="D63064" s="1" t="s">
        <v>184854</v>
      </c>
      <c r="E63064" s="1" t="s">
        <v>210761</v>
      </c>
      <c r="F63064" s="1" t="s">
        <v>210762</v>
      </c>
      <c r="G63064" s="1" t="s">
        <v>210659</v>
      </c>
      <c r="H63064" s="1" t="s">
        <v>210660</v>
      </c>
      <c r="I63064" s="1" t="s">
        <v>207852</v>
      </c>
      <c r="J63064" s="1" t="s">
        <v>210763</v>
      </c>
    </row>
    <row r="63065" spans="1:10" x14ac:dyDescent="0.35">
      <c r="A63065" s="1" t="s">
        <v>44994</v>
      </c>
      <c r="B63065" s="1" t="s">
        <v>207847</v>
      </c>
      <c r="C63065" s="1" t="s">
        <v>8</v>
      </c>
      <c r="D63065" s="1" t="s">
        <v>82147</v>
      </c>
      <c r="E63065" s="1" t="s">
        <v>210764</v>
      </c>
      <c r="F63065" s="1" t="s">
        <v>210765</v>
      </c>
      <c r="G63065" s="1" t="s">
        <v>210766</v>
      </c>
      <c r="H63065" s="1" t="s">
        <v>210767</v>
      </c>
      <c r="I63065" s="1" t="s">
        <v>207852</v>
      </c>
      <c r="J63065" s="1" t="s">
        <v>13</v>
      </c>
    </row>
    <row r="63066" spans="1:10" x14ac:dyDescent="0.35">
      <c r="A63066" s="1" t="s">
        <v>44994</v>
      </c>
      <c r="B63066" s="1" t="s">
        <v>207847</v>
      </c>
      <c r="C63066" s="1" t="s">
        <v>15</v>
      </c>
      <c r="D63066" s="1" t="s">
        <v>46911</v>
      </c>
      <c r="E63066" s="1" t="s">
        <v>210768</v>
      </c>
      <c r="F63066" s="1" t="s">
        <v>210769</v>
      </c>
      <c r="G63066" s="1" t="s">
        <v>210766</v>
      </c>
      <c r="H63066" s="1" t="s">
        <v>210767</v>
      </c>
      <c r="I63066" s="1" t="s">
        <v>207852</v>
      </c>
      <c r="J63066" s="1" t="s">
        <v>210770</v>
      </c>
    </row>
    <row r="63067" spans="1:10" x14ac:dyDescent="0.35">
      <c r="A63067" s="1" t="s">
        <v>44994</v>
      </c>
      <c r="B63067" s="1" t="s">
        <v>207847</v>
      </c>
      <c r="C63067" s="1" t="s">
        <v>20</v>
      </c>
      <c r="D63067" s="1" t="s">
        <v>3344</v>
      </c>
      <c r="E63067" s="1" t="s">
        <v>210771</v>
      </c>
      <c r="F63067" s="1" t="s">
        <v>210772</v>
      </c>
      <c r="G63067" s="1" t="s">
        <v>210766</v>
      </c>
      <c r="H63067" s="1" t="s">
        <v>210767</v>
      </c>
      <c r="I63067" s="1" t="s">
        <v>207852</v>
      </c>
      <c r="J63067" s="1" t="s">
        <v>210773</v>
      </c>
    </row>
    <row r="63068" spans="1:10" x14ac:dyDescent="0.35">
      <c r="A63068" s="1" t="s">
        <v>44994</v>
      </c>
      <c r="B63068" s="1" t="s">
        <v>207847</v>
      </c>
      <c r="C63068" s="1" t="s">
        <v>25</v>
      </c>
      <c r="D63068" s="1" t="s">
        <v>202261</v>
      </c>
      <c r="E63068" s="1" t="s">
        <v>210774</v>
      </c>
      <c r="F63068" s="1" t="s">
        <v>210775</v>
      </c>
      <c r="G63068" s="1" t="s">
        <v>210766</v>
      </c>
      <c r="H63068" s="1" t="s">
        <v>210767</v>
      </c>
      <c r="I63068" s="1" t="s">
        <v>207852</v>
      </c>
      <c r="J63068" s="1" t="s">
        <v>210776</v>
      </c>
    </row>
    <row r="63069" spans="1:10" x14ac:dyDescent="0.35">
      <c r="A63069" s="1" t="s">
        <v>44994</v>
      </c>
      <c r="B63069" s="1" t="s">
        <v>207847</v>
      </c>
      <c r="C63069" s="1" t="s">
        <v>30</v>
      </c>
      <c r="D63069" s="1" t="s">
        <v>83029</v>
      </c>
      <c r="E63069" s="1" t="s">
        <v>210777</v>
      </c>
      <c r="F63069" s="1" t="s">
        <v>210778</v>
      </c>
      <c r="G63069" s="1" t="s">
        <v>210766</v>
      </c>
      <c r="H63069" s="1" t="s">
        <v>210767</v>
      </c>
      <c r="I63069" s="1" t="s">
        <v>207852</v>
      </c>
      <c r="J63069" s="1" t="s">
        <v>210779</v>
      </c>
    </row>
    <row r="63070" spans="1:10" x14ac:dyDescent="0.35">
      <c r="A63070" s="1" t="s">
        <v>44994</v>
      </c>
      <c r="B63070" s="1" t="s">
        <v>207847</v>
      </c>
      <c r="C63070" s="1" t="s">
        <v>35</v>
      </c>
      <c r="D63070" s="1" t="s">
        <v>210780</v>
      </c>
      <c r="E63070" s="1" t="s">
        <v>210781</v>
      </c>
      <c r="F63070" s="1" t="s">
        <v>210782</v>
      </c>
      <c r="G63070" s="1" t="s">
        <v>210766</v>
      </c>
      <c r="H63070" s="1" t="s">
        <v>210767</v>
      </c>
      <c r="I63070" s="1" t="s">
        <v>207852</v>
      </c>
      <c r="J63070" s="1" t="s">
        <v>210783</v>
      </c>
    </row>
    <row r="63071" spans="1:10" x14ac:dyDescent="0.35">
      <c r="A63071" s="1" t="s">
        <v>44994</v>
      </c>
      <c r="B63071" s="1" t="s">
        <v>207847</v>
      </c>
      <c r="C63071" s="1" t="s">
        <v>40</v>
      </c>
      <c r="D63071" s="1" t="s">
        <v>210784</v>
      </c>
      <c r="E63071" s="1" t="s">
        <v>210785</v>
      </c>
      <c r="F63071" s="1" t="s">
        <v>210786</v>
      </c>
      <c r="G63071" s="1" t="s">
        <v>210766</v>
      </c>
      <c r="H63071" s="1" t="s">
        <v>210767</v>
      </c>
      <c r="I63071" s="1" t="s">
        <v>207852</v>
      </c>
      <c r="J63071" s="1" t="s">
        <v>210787</v>
      </c>
    </row>
    <row r="63072" spans="1:10" x14ac:dyDescent="0.35">
      <c r="A63072" s="1" t="s">
        <v>44994</v>
      </c>
      <c r="B63072" s="1" t="s">
        <v>207847</v>
      </c>
      <c r="C63072" s="1" t="s">
        <v>45</v>
      </c>
      <c r="D63072" s="1" t="s">
        <v>210788</v>
      </c>
      <c r="E63072" s="1" t="s">
        <v>210789</v>
      </c>
      <c r="F63072" s="1" t="s">
        <v>210790</v>
      </c>
      <c r="G63072" s="1" t="s">
        <v>210766</v>
      </c>
      <c r="H63072" s="1" t="s">
        <v>210767</v>
      </c>
      <c r="I63072" s="1" t="s">
        <v>207852</v>
      </c>
      <c r="J63072" s="1" t="s">
        <v>210791</v>
      </c>
    </row>
    <row r="63073" spans="1:10" x14ac:dyDescent="0.35">
      <c r="A63073" s="1" t="s">
        <v>44994</v>
      </c>
      <c r="B63073" s="1" t="s">
        <v>207847</v>
      </c>
      <c r="C63073" s="1" t="s">
        <v>50</v>
      </c>
      <c r="D63073" s="1" t="s">
        <v>153122</v>
      </c>
      <c r="E63073" s="1" t="s">
        <v>210792</v>
      </c>
      <c r="F63073" s="1" t="s">
        <v>210793</v>
      </c>
      <c r="G63073" s="1" t="s">
        <v>210766</v>
      </c>
      <c r="H63073" s="1" t="s">
        <v>210767</v>
      </c>
      <c r="I63073" s="1" t="s">
        <v>207852</v>
      </c>
      <c r="J63073" s="1" t="s">
        <v>210794</v>
      </c>
    </row>
    <row r="63074" spans="1:10" x14ac:dyDescent="0.35">
      <c r="A63074" s="1" t="s">
        <v>44994</v>
      </c>
      <c r="B63074" s="1" t="s">
        <v>207847</v>
      </c>
      <c r="C63074" s="1" t="s">
        <v>55</v>
      </c>
      <c r="D63074" s="1" t="s">
        <v>210795</v>
      </c>
      <c r="E63074" s="1" t="s">
        <v>210796</v>
      </c>
      <c r="F63074" s="1" t="s">
        <v>210797</v>
      </c>
      <c r="G63074" s="1" t="s">
        <v>210766</v>
      </c>
      <c r="H63074" s="1" t="s">
        <v>210767</v>
      </c>
      <c r="I63074" s="1" t="s">
        <v>207852</v>
      </c>
      <c r="J63074" s="1" t="s">
        <v>210798</v>
      </c>
    </row>
    <row r="63075" spans="1:10" x14ac:dyDescent="0.35">
      <c r="A63075" s="1" t="s">
        <v>44994</v>
      </c>
      <c r="B63075" s="1" t="s">
        <v>207847</v>
      </c>
      <c r="C63075" s="1" t="s">
        <v>60</v>
      </c>
      <c r="D63075" s="1" t="s">
        <v>18752</v>
      </c>
      <c r="E63075" s="1" t="s">
        <v>210799</v>
      </c>
      <c r="F63075" s="1" t="s">
        <v>210800</v>
      </c>
      <c r="G63075" s="1" t="s">
        <v>210766</v>
      </c>
      <c r="H63075" s="1" t="s">
        <v>210767</v>
      </c>
      <c r="I63075" s="1" t="s">
        <v>207852</v>
      </c>
      <c r="J63075" s="1" t="s">
        <v>210801</v>
      </c>
    </row>
    <row r="63076" spans="1:10" x14ac:dyDescent="0.35">
      <c r="A63076" s="1" t="s">
        <v>44994</v>
      </c>
      <c r="B63076" s="1" t="s">
        <v>207847</v>
      </c>
      <c r="C63076" s="1" t="s">
        <v>65</v>
      </c>
      <c r="D63076" s="1" t="s">
        <v>210098</v>
      </c>
      <c r="E63076" s="1" t="s">
        <v>210802</v>
      </c>
      <c r="F63076" s="1" t="s">
        <v>156611</v>
      </c>
      <c r="G63076" s="1" t="s">
        <v>210766</v>
      </c>
      <c r="H63076" s="1" t="s">
        <v>210767</v>
      </c>
      <c r="I63076" s="1" t="s">
        <v>207852</v>
      </c>
      <c r="J63076" s="1" t="s">
        <v>210803</v>
      </c>
    </row>
    <row r="63077" spans="1:10" x14ac:dyDescent="0.35">
      <c r="A63077" s="1" t="s">
        <v>44994</v>
      </c>
      <c r="B63077" s="1" t="s">
        <v>207847</v>
      </c>
      <c r="C63077" s="1" t="s">
        <v>70</v>
      </c>
      <c r="D63077" s="1" t="s">
        <v>106987</v>
      </c>
      <c r="E63077" s="1" t="s">
        <v>210804</v>
      </c>
      <c r="F63077" s="1" t="s">
        <v>210805</v>
      </c>
      <c r="G63077" s="1" t="s">
        <v>210766</v>
      </c>
      <c r="H63077" s="1" t="s">
        <v>210767</v>
      </c>
      <c r="I63077" s="1" t="s">
        <v>207852</v>
      </c>
      <c r="J63077" s="1" t="s">
        <v>210806</v>
      </c>
    </row>
    <row r="63078" spans="1:10" x14ac:dyDescent="0.35">
      <c r="A63078" s="1" t="s">
        <v>44994</v>
      </c>
      <c r="B63078" s="1" t="s">
        <v>207847</v>
      </c>
      <c r="C63078" s="1" t="s">
        <v>75</v>
      </c>
      <c r="D63078" s="1" t="s">
        <v>183381</v>
      </c>
      <c r="E63078" s="1" t="s">
        <v>210807</v>
      </c>
      <c r="F63078" s="1" t="s">
        <v>210808</v>
      </c>
      <c r="G63078" s="1" t="s">
        <v>210766</v>
      </c>
      <c r="H63078" s="1" t="s">
        <v>210767</v>
      </c>
      <c r="I63078" s="1" t="s">
        <v>207852</v>
      </c>
      <c r="J63078" s="1" t="s">
        <v>210809</v>
      </c>
    </row>
    <row r="63079" spans="1:10" x14ac:dyDescent="0.35">
      <c r="A63079" s="1" t="s">
        <v>44994</v>
      </c>
      <c r="B63079" s="1" t="s">
        <v>207847</v>
      </c>
      <c r="C63079" s="1" t="s">
        <v>80</v>
      </c>
      <c r="D63079" s="1" t="s">
        <v>34227</v>
      </c>
      <c r="E63079" s="1" t="s">
        <v>210810</v>
      </c>
      <c r="F63079" s="1" t="s">
        <v>210811</v>
      </c>
      <c r="G63079" s="1" t="s">
        <v>210766</v>
      </c>
      <c r="H63079" s="1" t="s">
        <v>210767</v>
      </c>
      <c r="I63079" s="1" t="s">
        <v>207852</v>
      </c>
      <c r="J63079" s="1" t="s">
        <v>210812</v>
      </c>
    </row>
    <row r="63080" spans="1:10" x14ac:dyDescent="0.35">
      <c r="A63080" s="1" t="s">
        <v>44994</v>
      </c>
      <c r="B63080" s="1" t="s">
        <v>207847</v>
      </c>
      <c r="C63080" s="1" t="s">
        <v>85</v>
      </c>
      <c r="D63080" s="1" t="s">
        <v>58707</v>
      </c>
      <c r="E63080" s="1" t="s">
        <v>210813</v>
      </c>
      <c r="F63080" s="1" t="s">
        <v>210814</v>
      </c>
      <c r="G63080" s="1" t="s">
        <v>210766</v>
      </c>
      <c r="H63080" s="1" t="s">
        <v>210767</v>
      </c>
      <c r="I63080" s="1" t="s">
        <v>207852</v>
      </c>
      <c r="J63080" s="1" t="s">
        <v>210815</v>
      </c>
    </row>
    <row r="63081" spans="1:10" x14ac:dyDescent="0.35">
      <c r="A63081" s="1" t="s">
        <v>44994</v>
      </c>
      <c r="B63081" s="1" t="s">
        <v>207847</v>
      </c>
      <c r="C63081" s="1" t="s">
        <v>90</v>
      </c>
      <c r="D63081" s="1" t="s">
        <v>133588</v>
      </c>
      <c r="E63081" s="1" t="s">
        <v>210816</v>
      </c>
      <c r="F63081" s="1" t="s">
        <v>210817</v>
      </c>
      <c r="G63081" s="1" t="s">
        <v>210766</v>
      </c>
      <c r="H63081" s="1" t="s">
        <v>210767</v>
      </c>
      <c r="I63081" s="1" t="s">
        <v>207852</v>
      </c>
      <c r="J63081" s="1" t="s">
        <v>210818</v>
      </c>
    </row>
    <row r="63082" spans="1:10" x14ac:dyDescent="0.35">
      <c r="A63082" s="1" t="s">
        <v>44994</v>
      </c>
      <c r="B63082" s="1" t="s">
        <v>207847</v>
      </c>
      <c r="C63082" s="1" t="s">
        <v>95</v>
      </c>
      <c r="D63082" s="1" t="s">
        <v>210819</v>
      </c>
      <c r="E63082" s="1" t="s">
        <v>210820</v>
      </c>
      <c r="F63082" s="1" t="s">
        <v>210821</v>
      </c>
      <c r="G63082" s="1" t="s">
        <v>210766</v>
      </c>
      <c r="H63082" s="1" t="s">
        <v>210767</v>
      </c>
      <c r="I63082" s="1" t="s">
        <v>207852</v>
      </c>
      <c r="J63082" s="1" t="s">
        <v>210822</v>
      </c>
    </row>
    <row r="63083" spans="1:10" x14ac:dyDescent="0.35">
      <c r="A63083" s="1" t="s">
        <v>44994</v>
      </c>
      <c r="B63083" s="1" t="s">
        <v>207847</v>
      </c>
      <c r="C63083" s="1" t="s">
        <v>100</v>
      </c>
      <c r="D63083" s="1" t="s">
        <v>128343</v>
      </c>
      <c r="E63083" s="1" t="s">
        <v>210823</v>
      </c>
      <c r="F63083" s="1" t="s">
        <v>210824</v>
      </c>
      <c r="G63083" s="1" t="s">
        <v>210766</v>
      </c>
      <c r="H63083" s="1" t="s">
        <v>210767</v>
      </c>
      <c r="I63083" s="1" t="s">
        <v>207852</v>
      </c>
      <c r="J63083" s="1" t="s">
        <v>210825</v>
      </c>
    </row>
    <row r="63084" spans="1:10" x14ac:dyDescent="0.35">
      <c r="A63084" s="1" t="s">
        <v>44994</v>
      </c>
      <c r="B63084" s="1" t="s">
        <v>207847</v>
      </c>
      <c r="C63084" s="1" t="s">
        <v>105</v>
      </c>
      <c r="D63084" s="1" t="s">
        <v>45557</v>
      </c>
      <c r="E63084" s="1" t="s">
        <v>210826</v>
      </c>
      <c r="F63084" s="1" t="s">
        <v>210827</v>
      </c>
      <c r="G63084" s="1" t="s">
        <v>210766</v>
      </c>
      <c r="H63084" s="1" t="s">
        <v>210767</v>
      </c>
      <c r="I63084" s="1" t="s">
        <v>207852</v>
      </c>
      <c r="J63084" s="1" t="s">
        <v>210828</v>
      </c>
    </row>
    <row r="63085" spans="1:10" x14ac:dyDescent="0.35">
      <c r="A63085" s="1" t="s">
        <v>44994</v>
      </c>
      <c r="B63085" s="1" t="s">
        <v>207847</v>
      </c>
      <c r="C63085" s="1" t="s">
        <v>110</v>
      </c>
      <c r="D63085" s="1" t="s">
        <v>98758</v>
      </c>
      <c r="E63085" s="1" t="s">
        <v>210829</v>
      </c>
      <c r="F63085" s="1" t="s">
        <v>210830</v>
      </c>
      <c r="G63085" s="1" t="s">
        <v>210766</v>
      </c>
      <c r="H63085" s="1" t="s">
        <v>210767</v>
      </c>
      <c r="I63085" s="1" t="s">
        <v>207852</v>
      </c>
      <c r="J63085" s="1" t="s">
        <v>210831</v>
      </c>
    </row>
    <row r="63086" spans="1:10" x14ac:dyDescent="0.35">
      <c r="A63086" s="1" t="s">
        <v>44994</v>
      </c>
      <c r="B63086" s="1" t="s">
        <v>207847</v>
      </c>
      <c r="C63086" s="1" t="s">
        <v>115</v>
      </c>
      <c r="D63086" s="1" t="s">
        <v>210832</v>
      </c>
      <c r="E63086" s="1" t="s">
        <v>210833</v>
      </c>
      <c r="F63086" s="1" t="s">
        <v>210834</v>
      </c>
      <c r="G63086" s="1" t="s">
        <v>210766</v>
      </c>
      <c r="H63086" s="1" t="s">
        <v>210767</v>
      </c>
      <c r="I63086" s="1" t="s">
        <v>207852</v>
      </c>
      <c r="J63086" s="1" t="s">
        <v>210835</v>
      </c>
    </row>
    <row r="63087" spans="1:10" x14ac:dyDescent="0.35">
      <c r="A63087" s="1" t="s">
        <v>44994</v>
      </c>
      <c r="B63087" s="1" t="s">
        <v>207847</v>
      </c>
      <c r="C63087" s="1" t="s">
        <v>120</v>
      </c>
      <c r="D63087" s="1" t="s">
        <v>52491</v>
      </c>
      <c r="E63087" s="1" t="s">
        <v>210836</v>
      </c>
      <c r="F63087" s="1" t="s">
        <v>210837</v>
      </c>
      <c r="G63087" s="1" t="s">
        <v>210766</v>
      </c>
      <c r="H63087" s="1" t="s">
        <v>210767</v>
      </c>
      <c r="I63087" s="1" t="s">
        <v>207852</v>
      </c>
      <c r="J63087" s="1" t="s">
        <v>210838</v>
      </c>
    </row>
    <row r="63088" spans="1:10" x14ac:dyDescent="0.35">
      <c r="A63088" s="1" t="s">
        <v>44994</v>
      </c>
      <c r="B63088" s="1" t="s">
        <v>207847</v>
      </c>
      <c r="C63088" s="1" t="s">
        <v>125</v>
      </c>
      <c r="D63088" s="1" t="s">
        <v>210839</v>
      </c>
      <c r="E63088" s="1" t="s">
        <v>210840</v>
      </c>
      <c r="F63088" s="1" t="s">
        <v>210841</v>
      </c>
      <c r="G63088" s="1" t="s">
        <v>210766</v>
      </c>
      <c r="H63088" s="1" t="s">
        <v>210767</v>
      </c>
      <c r="I63088" s="1" t="s">
        <v>207852</v>
      </c>
      <c r="J63088" s="1" t="s">
        <v>210842</v>
      </c>
    </row>
    <row r="63089" spans="1:10" x14ac:dyDescent="0.35">
      <c r="A63089" s="1" t="s">
        <v>44994</v>
      </c>
      <c r="B63089" s="1" t="s">
        <v>207847</v>
      </c>
      <c r="C63089" s="1" t="s">
        <v>130</v>
      </c>
      <c r="D63089" s="1" t="s">
        <v>93738</v>
      </c>
      <c r="E63089" s="1" t="s">
        <v>210843</v>
      </c>
      <c r="F63089" s="1" t="s">
        <v>210844</v>
      </c>
      <c r="G63089" s="1" t="s">
        <v>210766</v>
      </c>
      <c r="H63089" s="1" t="s">
        <v>210767</v>
      </c>
      <c r="I63089" s="1" t="s">
        <v>207852</v>
      </c>
      <c r="J63089" s="1" t="s">
        <v>210845</v>
      </c>
    </row>
    <row r="63090" spans="1:10" x14ac:dyDescent="0.35">
      <c r="A63090" s="1" t="s">
        <v>44994</v>
      </c>
      <c r="B63090" s="1" t="s">
        <v>207847</v>
      </c>
      <c r="C63090" s="1" t="s">
        <v>135</v>
      </c>
      <c r="D63090" s="1" t="s">
        <v>60195</v>
      </c>
      <c r="E63090" s="1" t="s">
        <v>210846</v>
      </c>
      <c r="F63090" s="1" t="s">
        <v>210847</v>
      </c>
      <c r="G63090" s="1" t="s">
        <v>210766</v>
      </c>
      <c r="H63090" s="1" t="s">
        <v>210767</v>
      </c>
      <c r="I63090" s="1" t="s">
        <v>207852</v>
      </c>
      <c r="J63090" s="1" t="s">
        <v>210848</v>
      </c>
    </row>
    <row r="63091" spans="1:10" x14ac:dyDescent="0.35">
      <c r="A63091" s="1" t="s">
        <v>44994</v>
      </c>
      <c r="B63091" s="1" t="s">
        <v>207847</v>
      </c>
      <c r="C63091" s="1" t="s">
        <v>140</v>
      </c>
      <c r="D63091" s="1" t="s">
        <v>91951</v>
      </c>
      <c r="E63091" s="1" t="s">
        <v>210849</v>
      </c>
      <c r="F63091" s="1" t="s">
        <v>210850</v>
      </c>
      <c r="G63091" s="1" t="s">
        <v>210766</v>
      </c>
      <c r="H63091" s="1" t="s">
        <v>210767</v>
      </c>
      <c r="I63091" s="1" t="s">
        <v>207852</v>
      </c>
      <c r="J63091" s="1" t="s">
        <v>210851</v>
      </c>
    </row>
    <row r="63092" spans="1:10" x14ac:dyDescent="0.35">
      <c r="A63092" s="1" t="s">
        <v>44994</v>
      </c>
      <c r="B63092" s="1" t="s">
        <v>207847</v>
      </c>
      <c r="C63092" s="1" t="s">
        <v>145</v>
      </c>
      <c r="D63092" s="1" t="s">
        <v>210852</v>
      </c>
      <c r="E63092" s="1" t="s">
        <v>210853</v>
      </c>
      <c r="F63092" s="1" t="s">
        <v>210854</v>
      </c>
      <c r="G63092" s="1" t="s">
        <v>210766</v>
      </c>
      <c r="H63092" s="1" t="s">
        <v>210767</v>
      </c>
      <c r="I63092" s="1" t="s">
        <v>207852</v>
      </c>
      <c r="J63092" s="1" t="s">
        <v>210855</v>
      </c>
    </row>
    <row r="63093" spans="1:10" x14ac:dyDescent="0.35">
      <c r="A63093" s="1" t="s">
        <v>44994</v>
      </c>
      <c r="B63093" s="1" t="s">
        <v>207847</v>
      </c>
      <c r="C63093" s="1" t="s">
        <v>150</v>
      </c>
      <c r="D63093" s="1" t="s">
        <v>93814</v>
      </c>
      <c r="E63093" s="1" t="s">
        <v>210856</v>
      </c>
      <c r="F63093" s="1" t="s">
        <v>210857</v>
      </c>
      <c r="G63093" s="1" t="s">
        <v>210766</v>
      </c>
      <c r="H63093" s="1" t="s">
        <v>210767</v>
      </c>
      <c r="I63093" s="1" t="s">
        <v>207852</v>
      </c>
      <c r="J63093" s="1" t="s">
        <v>210858</v>
      </c>
    </row>
    <row r="63094" spans="1:10" x14ac:dyDescent="0.35">
      <c r="A63094" s="1" t="s">
        <v>44994</v>
      </c>
      <c r="B63094" s="1" t="s">
        <v>207847</v>
      </c>
      <c r="C63094" s="1" t="s">
        <v>155</v>
      </c>
      <c r="D63094" s="1" t="s">
        <v>87623</v>
      </c>
      <c r="E63094" s="1" t="s">
        <v>210859</v>
      </c>
      <c r="F63094" s="1" t="s">
        <v>210860</v>
      </c>
      <c r="G63094" s="1" t="s">
        <v>210766</v>
      </c>
      <c r="H63094" s="1" t="s">
        <v>210767</v>
      </c>
      <c r="I63094" s="1" t="s">
        <v>207852</v>
      </c>
      <c r="J63094" s="1" t="s">
        <v>210861</v>
      </c>
    </row>
    <row r="63095" spans="1:10" x14ac:dyDescent="0.35">
      <c r="A63095" s="1" t="s">
        <v>44994</v>
      </c>
      <c r="B63095" s="1" t="s">
        <v>207847</v>
      </c>
      <c r="C63095" s="1" t="s">
        <v>160</v>
      </c>
      <c r="D63095" s="1" t="s">
        <v>67264</v>
      </c>
      <c r="E63095" s="1" t="s">
        <v>210862</v>
      </c>
      <c r="F63095" s="1" t="s">
        <v>210863</v>
      </c>
      <c r="G63095" s="1" t="s">
        <v>210766</v>
      </c>
      <c r="H63095" s="1" t="s">
        <v>210767</v>
      </c>
      <c r="I63095" s="1" t="s">
        <v>207852</v>
      </c>
      <c r="J63095" s="1" t="s">
        <v>210864</v>
      </c>
    </row>
    <row r="63096" spans="1:10" x14ac:dyDescent="0.35">
      <c r="A63096" s="1" t="s">
        <v>44994</v>
      </c>
      <c r="B63096" s="1" t="s">
        <v>207847</v>
      </c>
      <c r="C63096" s="1" t="s">
        <v>165</v>
      </c>
      <c r="D63096" s="1" t="s">
        <v>210865</v>
      </c>
      <c r="E63096" s="1" t="s">
        <v>210866</v>
      </c>
      <c r="F63096" s="1" t="s">
        <v>210867</v>
      </c>
      <c r="G63096" s="1" t="s">
        <v>210766</v>
      </c>
      <c r="H63096" s="1" t="s">
        <v>210767</v>
      </c>
      <c r="I63096" s="1" t="s">
        <v>207852</v>
      </c>
      <c r="J63096" s="1" t="s">
        <v>210868</v>
      </c>
    </row>
    <row r="63097" spans="1:10" x14ac:dyDescent="0.35">
      <c r="A63097" s="1" t="s">
        <v>44994</v>
      </c>
      <c r="B63097" s="1" t="s">
        <v>207847</v>
      </c>
      <c r="C63097" s="1" t="s">
        <v>170</v>
      </c>
      <c r="D63097" s="1" t="s">
        <v>80919</v>
      </c>
      <c r="E63097" s="1" t="s">
        <v>210869</v>
      </c>
      <c r="F63097" s="1" t="s">
        <v>210870</v>
      </c>
      <c r="G63097" s="1" t="s">
        <v>210766</v>
      </c>
      <c r="H63097" s="1" t="s">
        <v>210767</v>
      </c>
      <c r="I63097" s="1" t="s">
        <v>207852</v>
      </c>
      <c r="J63097" s="1" t="s">
        <v>210871</v>
      </c>
    </row>
    <row r="63098" spans="1:10" x14ac:dyDescent="0.35">
      <c r="A63098" s="1" t="s">
        <v>14109</v>
      </c>
      <c r="B63098" s="1" t="s">
        <v>207847</v>
      </c>
      <c r="C63098" s="1" t="s">
        <v>8</v>
      </c>
      <c r="D63098" s="1" t="s">
        <v>36793</v>
      </c>
      <c r="E63098" s="1" t="s">
        <v>210872</v>
      </c>
      <c r="F63098" s="1" t="s">
        <v>210873</v>
      </c>
      <c r="G63098" s="1" t="s">
        <v>210874</v>
      </c>
      <c r="H63098" s="1" t="s">
        <v>210875</v>
      </c>
      <c r="I63098" s="1" t="s">
        <v>207852</v>
      </c>
      <c r="J63098" s="1" t="s">
        <v>13</v>
      </c>
    </row>
    <row r="63099" spans="1:10" x14ac:dyDescent="0.35">
      <c r="A63099" s="1" t="s">
        <v>14109</v>
      </c>
      <c r="B63099" s="1" t="s">
        <v>207847</v>
      </c>
      <c r="C63099" s="1" t="s">
        <v>15</v>
      </c>
      <c r="D63099" s="1" t="s">
        <v>116456</v>
      </c>
      <c r="E63099" s="1" t="s">
        <v>210876</v>
      </c>
      <c r="F63099" s="1" t="s">
        <v>210877</v>
      </c>
      <c r="G63099" s="1" t="s">
        <v>210874</v>
      </c>
      <c r="H63099" s="1" t="s">
        <v>210875</v>
      </c>
      <c r="I63099" s="1" t="s">
        <v>207852</v>
      </c>
      <c r="J63099" s="1" t="s">
        <v>210878</v>
      </c>
    </row>
    <row r="63100" spans="1:10" x14ac:dyDescent="0.35">
      <c r="A63100" s="1" t="s">
        <v>14109</v>
      </c>
      <c r="B63100" s="1" t="s">
        <v>207847</v>
      </c>
      <c r="C63100" s="1" t="s">
        <v>20</v>
      </c>
      <c r="D63100" s="1" t="s">
        <v>72846</v>
      </c>
      <c r="E63100" s="1" t="s">
        <v>210879</v>
      </c>
      <c r="F63100" s="1" t="s">
        <v>210880</v>
      </c>
      <c r="G63100" s="1" t="s">
        <v>210874</v>
      </c>
      <c r="H63100" s="1" t="s">
        <v>210875</v>
      </c>
      <c r="I63100" s="1" t="s">
        <v>207852</v>
      </c>
      <c r="J63100" s="1" t="s">
        <v>210881</v>
      </c>
    </row>
    <row r="63101" spans="1:10" x14ac:dyDescent="0.35">
      <c r="A63101" s="1" t="s">
        <v>14109</v>
      </c>
      <c r="B63101" s="1" t="s">
        <v>207847</v>
      </c>
      <c r="C63101" s="1" t="s">
        <v>25</v>
      </c>
      <c r="D63101" s="1" t="s">
        <v>141658</v>
      </c>
      <c r="E63101" s="1" t="s">
        <v>210882</v>
      </c>
      <c r="F63101" s="1" t="s">
        <v>210883</v>
      </c>
      <c r="G63101" s="1" t="s">
        <v>210874</v>
      </c>
      <c r="H63101" s="1" t="s">
        <v>210875</v>
      </c>
      <c r="I63101" s="1" t="s">
        <v>207852</v>
      </c>
      <c r="J63101" s="1" t="s">
        <v>210884</v>
      </c>
    </row>
    <row r="63102" spans="1:10" x14ac:dyDescent="0.35">
      <c r="A63102" s="1" t="s">
        <v>14109</v>
      </c>
      <c r="B63102" s="1" t="s">
        <v>207847</v>
      </c>
      <c r="C63102" s="1" t="s">
        <v>30</v>
      </c>
      <c r="D63102" s="1" t="s">
        <v>2981</v>
      </c>
      <c r="E63102" s="1" t="s">
        <v>210885</v>
      </c>
      <c r="F63102" s="1" t="s">
        <v>210886</v>
      </c>
      <c r="G63102" s="1" t="s">
        <v>210874</v>
      </c>
      <c r="H63102" s="1" t="s">
        <v>210875</v>
      </c>
      <c r="I63102" s="1" t="s">
        <v>207852</v>
      </c>
      <c r="J63102" s="1" t="s">
        <v>210887</v>
      </c>
    </row>
    <row r="63103" spans="1:10" x14ac:dyDescent="0.35">
      <c r="A63103" s="1" t="s">
        <v>14109</v>
      </c>
      <c r="B63103" s="1" t="s">
        <v>207847</v>
      </c>
      <c r="C63103" s="1" t="s">
        <v>35</v>
      </c>
      <c r="D63103" s="1" t="s">
        <v>31580</v>
      </c>
      <c r="E63103" s="1" t="s">
        <v>210888</v>
      </c>
      <c r="F63103" s="1" t="s">
        <v>210889</v>
      </c>
      <c r="G63103" s="1" t="s">
        <v>210874</v>
      </c>
      <c r="H63103" s="1" t="s">
        <v>210875</v>
      </c>
      <c r="I63103" s="1" t="s">
        <v>207852</v>
      </c>
      <c r="J63103" s="1" t="s">
        <v>210890</v>
      </c>
    </row>
    <row r="63104" spans="1:10" x14ac:dyDescent="0.35">
      <c r="A63104" s="1" t="s">
        <v>14109</v>
      </c>
      <c r="B63104" s="1" t="s">
        <v>207847</v>
      </c>
      <c r="C63104" s="1" t="s">
        <v>40</v>
      </c>
      <c r="D63104" s="1" t="s">
        <v>7191</v>
      </c>
      <c r="E63104" s="1" t="s">
        <v>210891</v>
      </c>
      <c r="F63104" s="1" t="s">
        <v>210892</v>
      </c>
      <c r="G63104" s="1" t="s">
        <v>210874</v>
      </c>
      <c r="H63104" s="1" t="s">
        <v>210875</v>
      </c>
      <c r="I63104" s="1" t="s">
        <v>207852</v>
      </c>
      <c r="J63104" s="1" t="s">
        <v>210893</v>
      </c>
    </row>
    <row r="63105" spans="1:10" x14ac:dyDescent="0.35">
      <c r="A63105" s="1" t="s">
        <v>14109</v>
      </c>
      <c r="B63105" s="1" t="s">
        <v>207847</v>
      </c>
      <c r="C63105" s="1" t="s">
        <v>45</v>
      </c>
      <c r="D63105" s="1" t="s">
        <v>50377</v>
      </c>
      <c r="E63105" s="1" t="s">
        <v>210894</v>
      </c>
      <c r="F63105" s="1" t="s">
        <v>210895</v>
      </c>
      <c r="G63105" s="1" t="s">
        <v>210874</v>
      </c>
      <c r="H63105" s="1" t="s">
        <v>210875</v>
      </c>
      <c r="I63105" s="1" t="s">
        <v>207852</v>
      </c>
      <c r="J63105" s="1" t="s">
        <v>210896</v>
      </c>
    </row>
    <row r="63106" spans="1:10" x14ac:dyDescent="0.35">
      <c r="A63106" s="1" t="s">
        <v>14109</v>
      </c>
      <c r="B63106" s="1" t="s">
        <v>207847</v>
      </c>
      <c r="C63106" s="1" t="s">
        <v>50</v>
      </c>
      <c r="D63106" s="1" t="s">
        <v>210897</v>
      </c>
      <c r="E63106" s="1" t="s">
        <v>210898</v>
      </c>
      <c r="F63106" s="1" t="s">
        <v>210899</v>
      </c>
      <c r="G63106" s="1" t="s">
        <v>210874</v>
      </c>
      <c r="H63106" s="1" t="s">
        <v>210875</v>
      </c>
      <c r="I63106" s="1" t="s">
        <v>207852</v>
      </c>
      <c r="J63106" s="1" t="s">
        <v>210900</v>
      </c>
    </row>
    <row r="63107" spans="1:10" x14ac:dyDescent="0.35">
      <c r="A63107" s="1" t="s">
        <v>14109</v>
      </c>
      <c r="B63107" s="1" t="s">
        <v>207847</v>
      </c>
      <c r="C63107" s="1" t="s">
        <v>55</v>
      </c>
      <c r="D63107" s="1" t="s">
        <v>30772</v>
      </c>
      <c r="E63107" s="1" t="s">
        <v>210901</v>
      </c>
      <c r="F63107" s="1" t="s">
        <v>210902</v>
      </c>
      <c r="G63107" s="1" t="s">
        <v>210874</v>
      </c>
      <c r="H63107" s="1" t="s">
        <v>210875</v>
      </c>
      <c r="I63107" s="1" t="s">
        <v>207852</v>
      </c>
      <c r="J63107" s="1" t="s">
        <v>210903</v>
      </c>
    </row>
    <row r="63108" spans="1:10" x14ac:dyDescent="0.35">
      <c r="A63108" s="1" t="s">
        <v>14109</v>
      </c>
      <c r="B63108" s="1" t="s">
        <v>207847</v>
      </c>
      <c r="C63108" s="1" t="s">
        <v>60</v>
      </c>
      <c r="D63108" s="1" t="s">
        <v>124252</v>
      </c>
      <c r="E63108" s="1" t="s">
        <v>210904</v>
      </c>
      <c r="F63108" s="1" t="s">
        <v>210905</v>
      </c>
      <c r="G63108" s="1" t="s">
        <v>210874</v>
      </c>
      <c r="H63108" s="1" t="s">
        <v>210875</v>
      </c>
      <c r="I63108" s="1" t="s">
        <v>207852</v>
      </c>
      <c r="J63108" s="1" t="s">
        <v>210906</v>
      </c>
    </row>
    <row r="63109" spans="1:10" x14ac:dyDescent="0.35">
      <c r="A63109" s="1" t="s">
        <v>14109</v>
      </c>
      <c r="B63109" s="1" t="s">
        <v>207847</v>
      </c>
      <c r="C63109" s="1" t="s">
        <v>65</v>
      </c>
      <c r="D63109" s="1" t="s">
        <v>82339</v>
      </c>
      <c r="E63109" s="1" t="s">
        <v>210907</v>
      </c>
      <c r="F63109" s="1" t="s">
        <v>210908</v>
      </c>
      <c r="G63109" s="1" t="s">
        <v>210874</v>
      </c>
      <c r="H63109" s="1" t="s">
        <v>210875</v>
      </c>
      <c r="I63109" s="1" t="s">
        <v>207852</v>
      </c>
      <c r="J63109" s="1" t="s">
        <v>210909</v>
      </c>
    </row>
    <row r="63110" spans="1:10" x14ac:dyDescent="0.35">
      <c r="A63110" s="1" t="s">
        <v>14109</v>
      </c>
      <c r="B63110" s="1" t="s">
        <v>207847</v>
      </c>
      <c r="C63110" s="1" t="s">
        <v>70</v>
      </c>
      <c r="D63110" s="1" t="s">
        <v>210910</v>
      </c>
      <c r="E63110" s="1" t="s">
        <v>210911</v>
      </c>
      <c r="F63110" s="1" t="s">
        <v>210912</v>
      </c>
      <c r="G63110" s="1" t="s">
        <v>210874</v>
      </c>
      <c r="H63110" s="1" t="s">
        <v>210875</v>
      </c>
      <c r="I63110" s="1" t="s">
        <v>207852</v>
      </c>
      <c r="J63110" s="1" t="s">
        <v>210913</v>
      </c>
    </row>
    <row r="63111" spans="1:10" x14ac:dyDescent="0.35">
      <c r="A63111" s="1" t="s">
        <v>14109</v>
      </c>
      <c r="B63111" s="1" t="s">
        <v>207847</v>
      </c>
      <c r="C63111" s="1" t="s">
        <v>75</v>
      </c>
      <c r="D63111" s="1" t="s">
        <v>210914</v>
      </c>
      <c r="E63111" s="1" t="s">
        <v>210915</v>
      </c>
      <c r="F63111" s="1" t="s">
        <v>210916</v>
      </c>
      <c r="G63111" s="1" t="s">
        <v>210874</v>
      </c>
      <c r="H63111" s="1" t="s">
        <v>210875</v>
      </c>
      <c r="I63111" s="1" t="s">
        <v>207852</v>
      </c>
      <c r="J63111" s="1" t="s">
        <v>210917</v>
      </c>
    </row>
    <row r="63112" spans="1:10" x14ac:dyDescent="0.35">
      <c r="A63112" s="1" t="s">
        <v>14109</v>
      </c>
      <c r="B63112" s="1" t="s">
        <v>207847</v>
      </c>
      <c r="C63112" s="1" t="s">
        <v>80</v>
      </c>
      <c r="D63112" s="1" t="s">
        <v>15655</v>
      </c>
      <c r="E63112" s="1" t="s">
        <v>210918</v>
      </c>
      <c r="F63112" s="1" t="s">
        <v>210919</v>
      </c>
      <c r="G63112" s="1" t="s">
        <v>210874</v>
      </c>
      <c r="H63112" s="1" t="s">
        <v>210875</v>
      </c>
      <c r="I63112" s="1" t="s">
        <v>207852</v>
      </c>
      <c r="J63112" s="1" t="s">
        <v>210920</v>
      </c>
    </row>
    <row r="63113" spans="1:10" x14ac:dyDescent="0.35">
      <c r="A63113" s="1" t="s">
        <v>14109</v>
      </c>
      <c r="B63113" s="1" t="s">
        <v>207847</v>
      </c>
      <c r="C63113" s="1" t="s">
        <v>85</v>
      </c>
      <c r="D63113" s="1" t="s">
        <v>42546</v>
      </c>
      <c r="E63113" s="1" t="s">
        <v>210921</v>
      </c>
      <c r="F63113" s="1" t="s">
        <v>210922</v>
      </c>
      <c r="G63113" s="1" t="s">
        <v>210874</v>
      </c>
      <c r="H63113" s="1" t="s">
        <v>210875</v>
      </c>
      <c r="I63113" s="1" t="s">
        <v>207852</v>
      </c>
      <c r="J63113" s="1" t="s">
        <v>210923</v>
      </c>
    </row>
    <row r="63114" spans="1:10" x14ac:dyDescent="0.35">
      <c r="A63114" s="1" t="s">
        <v>14109</v>
      </c>
      <c r="B63114" s="1" t="s">
        <v>207847</v>
      </c>
      <c r="C63114" s="1" t="s">
        <v>90</v>
      </c>
      <c r="D63114" s="1" t="s">
        <v>210924</v>
      </c>
      <c r="E63114" s="1" t="s">
        <v>210925</v>
      </c>
      <c r="F63114" s="1" t="s">
        <v>210926</v>
      </c>
      <c r="G63114" s="1" t="s">
        <v>210874</v>
      </c>
      <c r="H63114" s="1" t="s">
        <v>210875</v>
      </c>
      <c r="I63114" s="1" t="s">
        <v>207852</v>
      </c>
      <c r="J63114" s="1" t="s">
        <v>210927</v>
      </c>
    </row>
    <row r="63115" spans="1:10" x14ac:dyDescent="0.35">
      <c r="A63115" s="1" t="s">
        <v>14109</v>
      </c>
      <c r="B63115" s="1" t="s">
        <v>207847</v>
      </c>
      <c r="C63115" s="1" t="s">
        <v>95</v>
      </c>
      <c r="D63115" s="1" t="s">
        <v>210928</v>
      </c>
      <c r="E63115" s="1" t="s">
        <v>210929</v>
      </c>
      <c r="F63115" s="1" t="s">
        <v>210930</v>
      </c>
      <c r="G63115" s="1" t="s">
        <v>210874</v>
      </c>
      <c r="H63115" s="1" t="s">
        <v>210875</v>
      </c>
      <c r="I63115" s="1" t="s">
        <v>207852</v>
      </c>
      <c r="J63115" s="1" t="s">
        <v>210931</v>
      </c>
    </row>
    <row r="63116" spans="1:10" x14ac:dyDescent="0.35">
      <c r="A63116" s="1" t="s">
        <v>14109</v>
      </c>
      <c r="B63116" s="1" t="s">
        <v>207847</v>
      </c>
      <c r="C63116" s="1" t="s">
        <v>100</v>
      </c>
      <c r="D63116" s="1" t="s">
        <v>82209</v>
      </c>
      <c r="E63116" s="1" t="s">
        <v>210932</v>
      </c>
      <c r="F63116" s="1" t="s">
        <v>210933</v>
      </c>
      <c r="G63116" s="1" t="s">
        <v>210874</v>
      </c>
      <c r="H63116" s="1" t="s">
        <v>210875</v>
      </c>
      <c r="I63116" s="1" t="s">
        <v>207852</v>
      </c>
      <c r="J63116" s="1" t="s">
        <v>210934</v>
      </c>
    </row>
    <row r="63117" spans="1:10" x14ac:dyDescent="0.35">
      <c r="A63117" s="1" t="s">
        <v>14109</v>
      </c>
      <c r="B63117" s="1" t="s">
        <v>207847</v>
      </c>
      <c r="C63117" s="1" t="s">
        <v>105</v>
      </c>
      <c r="D63117" s="1" t="s">
        <v>210935</v>
      </c>
      <c r="E63117" s="1" t="s">
        <v>210936</v>
      </c>
      <c r="F63117" s="1" t="s">
        <v>210937</v>
      </c>
      <c r="G63117" s="1" t="s">
        <v>210874</v>
      </c>
      <c r="H63117" s="1" t="s">
        <v>210875</v>
      </c>
      <c r="I63117" s="1" t="s">
        <v>207852</v>
      </c>
      <c r="J63117" s="1" t="s">
        <v>210938</v>
      </c>
    </row>
    <row r="63118" spans="1:10" x14ac:dyDescent="0.35">
      <c r="A63118" s="1" t="s">
        <v>14109</v>
      </c>
      <c r="B63118" s="1" t="s">
        <v>207847</v>
      </c>
      <c r="C63118" s="1" t="s">
        <v>110</v>
      </c>
      <c r="D63118" s="1" t="s">
        <v>35956</v>
      </c>
      <c r="E63118" s="1" t="s">
        <v>210939</v>
      </c>
      <c r="F63118" s="1" t="s">
        <v>210940</v>
      </c>
      <c r="G63118" s="1" t="s">
        <v>210874</v>
      </c>
      <c r="H63118" s="1" t="s">
        <v>210875</v>
      </c>
      <c r="I63118" s="1" t="s">
        <v>207852</v>
      </c>
      <c r="J63118" s="1" t="s">
        <v>210941</v>
      </c>
    </row>
    <row r="63119" spans="1:10" x14ac:dyDescent="0.35">
      <c r="A63119" s="1" t="s">
        <v>14109</v>
      </c>
      <c r="B63119" s="1" t="s">
        <v>207847</v>
      </c>
      <c r="C63119" s="1" t="s">
        <v>115</v>
      </c>
      <c r="D63119" s="1" t="s">
        <v>31062</v>
      </c>
      <c r="E63119" s="1" t="s">
        <v>210942</v>
      </c>
      <c r="F63119" s="1" t="s">
        <v>210943</v>
      </c>
      <c r="G63119" s="1" t="s">
        <v>210874</v>
      </c>
      <c r="H63119" s="1" t="s">
        <v>210875</v>
      </c>
      <c r="I63119" s="1" t="s">
        <v>207852</v>
      </c>
      <c r="J63119" s="1" t="s">
        <v>210944</v>
      </c>
    </row>
    <row r="63120" spans="1:10" x14ac:dyDescent="0.35">
      <c r="A63120" s="1" t="s">
        <v>14109</v>
      </c>
      <c r="B63120" s="1" t="s">
        <v>207847</v>
      </c>
      <c r="C63120" s="1" t="s">
        <v>120</v>
      </c>
      <c r="D63120" s="1" t="s">
        <v>210945</v>
      </c>
      <c r="E63120" s="1" t="s">
        <v>210946</v>
      </c>
      <c r="F63120" s="1" t="s">
        <v>210947</v>
      </c>
      <c r="G63120" s="1" t="s">
        <v>210874</v>
      </c>
      <c r="H63120" s="1" t="s">
        <v>210875</v>
      </c>
      <c r="I63120" s="1" t="s">
        <v>207852</v>
      </c>
      <c r="J63120" s="1" t="s">
        <v>210948</v>
      </c>
    </row>
    <row r="63121" spans="1:10" x14ac:dyDescent="0.35">
      <c r="A63121" s="1" t="s">
        <v>14109</v>
      </c>
      <c r="B63121" s="1" t="s">
        <v>207847</v>
      </c>
      <c r="C63121" s="1" t="s">
        <v>125</v>
      </c>
      <c r="D63121" s="1" t="s">
        <v>210949</v>
      </c>
      <c r="E63121" s="1" t="s">
        <v>210950</v>
      </c>
      <c r="F63121" s="1" t="s">
        <v>210951</v>
      </c>
      <c r="G63121" s="1" t="s">
        <v>210874</v>
      </c>
      <c r="H63121" s="1" t="s">
        <v>210875</v>
      </c>
      <c r="I63121" s="1" t="s">
        <v>207852</v>
      </c>
      <c r="J63121" s="1" t="s">
        <v>210952</v>
      </c>
    </row>
    <row r="63122" spans="1:10" x14ac:dyDescent="0.35">
      <c r="A63122" s="1" t="s">
        <v>14109</v>
      </c>
      <c r="B63122" s="1" t="s">
        <v>207847</v>
      </c>
      <c r="C63122" s="1" t="s">
        <v>130</v>
      </c>
      <c r="D63122" s="1" t="s">
        <v>108773</v>
      </c>
      <c r="E63122" s="1" t="s">
        <v>210953</v>
      </c>
      <c r="F63122" s="1" t="s">
        <v>210954</v>
      </c>
      <c r="G63122" s="1" t="s">
        <v>210874</v>
      </c>
      <c r="H63122" s="1" t="s">
        <v>210875</v>
      </c>
      <c r="I63122" s="1" t="s">
        <v>207852</v>
      </c>
      <c r="J63122" s="1" t="s">
        <v>210955</v>
      </c>
    </row>
    <row r="63123" spans="1:10" x14ac:dyDescent="0.35">
      <c r="A63123" s="1" t="s">
        <v>14109</v>
      </c>
      <c r="B63123" s="1" t="s">
        <v>207847</v>
      </c>
      <c r="C63123" s="1" t="s">
        <v>135</v>
      </c>
      <c r="D63123" s="1" t="s">
        <v>78425</v>
      </c>
      <c r="E63123" s="1" t="s">
        <v>210956</v>
      </c>
      <c r="F63123" s="1" t="s">
        <v>210957</v>
      </c>
      <c r="G63123" s="1" t="s">
        <v>210874</v>
      </c>
      <c r="H63123" s="1" t="s">
        <v>210875</v>
      </c>
      <c r="I63123" s="1" t="s">
        <v>207852</v>
      </c>
      <c r="J63123" s="1" t="s">
        <v>210958</v>
      </c>
    </row>
    <row r="63124" spans="1:10" x14ac:dyDescent="0.35">
      <c r="A63124" s="1" t="s">
        <v>14109</v>
      </c>
      <c r="B63124" s="1" t="s">
        <v>207847</v>
      </c>
      <c r="C63124" s="1" t="s">
        <v>140</v>
      </c>
      <c r="D63124" s="1" t="s">
        <v>210959</v>
      </c>
      <c r="E63124" s="1" t="s">
        <v>210960</v>
      </c>
      <c r="F63124" s="1" t="s">
        <v>210961</v>
      </c>
      <c r="G63124" s="1" t="s">
        <v>210874</v>
      </c>
      <c r="H63124" s="1" t="s">
        <v>210875</v>
      </c>
      <c r="I63124" s="1" t="s">
        <v>207852</v>
      </c>
      <c r="J63124" s="1" t="s">
        <v>210962</v>
      </c>
    </row>
    <row r="63125" spans="1:10" x14ac:dyDescent="0.35">
      <c r="A63125" s="1" t="s">
        <v>14109</v>
      </c>
      <c r="B63125" s="1" t="s">
        <v>207847</v>
      </c>
      <c r="C63125" s="1" t="s">
        <v>145</v>
      </c>
      <c r="D63125" s="1" t="s">
        <v>61807</v>
      </c>
      <c r="E63125" s="1" t="s">
        <v>210963</v>
      </c>
      <c r="F63125" s="1" t="s">
        <v>210964</v>
      </c>
      <c r="G63125" s="1" t="s">
        <v>210874</v>
      </c>
      <c r="H63125" s="1" t="s">
        <v>210875</v>
      </c>
      <c r="I63125" s="1" t="s">
        <v>207852</v>
      </c>
      <c r="J63125" s="1" t="s">
        <v>210965</v>
      </c>
    </row>
    <row r="63126" spans="1:10" x14ac:dyDescent="0.35">
      <c r="A63126" s="1" t="s">
        <v>14109</v>
      </c>
      <c r="B63126" s="1" t="s">
        <v>207847</v>
      </c>
      <c r="C63126" s="1" t="s">
        <v>150</v>
      </c>
      <c r="D63126" s="1" t="s">
        <v>174836</v>
      </c>
      <c r="E63126" s="1" t="s">
        <v>210966</v>
      </c>
      <c r="F63126" s="1" t="s">
        <v>210967</v>
      </c>
      <c r="G63126" s="1" t="s">
        <v>210874</v>
      </c>
      <c r="H63126" s="1" t="s">
        <v>210875</v>
      </c>
      <c r="I63126" s="1" t="s">
        <v>207852</v>
      </c>
      <c r="J63126" s="1" t="s">
        <v>210968</v>
      </c>
    </row>
    <row r="63127" spans="1:10" x14ac:dyDescent="0.35">
      <c r="A63127" s="1" t="s">
        <v>14109</v>
      </c>
      <c r="B63127" s="1" t="s">
        <v>207847</v>
      </c>
      <c r="C63127" s="1" t="s">
        <v>155</v>
      </c>
      <c r="D63127" s="1" t="s">
        <v>210969</v>
      </c>
      <c r="E63127" s="1" t="s">
        <v>210970</v>
      </c>
      <c r="F63127" s="1" t="s">
        <v>210971</v>
      </c>
      <c r="G63127" s="1" t="s">
        <v>210874</v>
      </c>
      <c r="H63127" s="1" t="s">
        <v>210875</v>
      </c>
      <c r="I63127" s="1" t="s">
        <v>207852</v>
      </c>
      <c r="J63127" s="1" t="s">
        <v>210972</v>
      </c>
    </row>
    <row r="63128" spans="1:10" x14ac:dyDescent="0.35">
      <c r="A63128" s="1" t="s">
        <v>14109</v>
      </c>
      <c r="B63128" s="1" t="s">
        <v>207847</v>
      </c>
      <c r="C63128" s="1" t="s">
        <v>160</v>
      </c>
      <c r="D63128" s="1" t="s">
        <v>210973</v>
      </c>
      <c r="E63128" s="1" t="s">
        <v>210974</v>
      </c>
      <c r="F63128" s="1" t="s">
        <v>210975</v>
      </c>
      <c r="G63128" s="1" t="s">
        <v>210874</v>
      </c>
      <c r="H63128" s="1" t="s">
        <v>210875</v>
      </c>
      <c r="I63128" s="1" t="s">
        <v>207852</v>
      </c>
      <c r="J63128" s="1" t="s">
        <v>210976</v>
      </c>
    </row>
    <row r="63129" spans="1:10" x14ac:dyDescent="0.35">
      <c r="A63129" s="1" t="s">
        <v>14109</v>
      </c>
      <c r="B63129" s="1" t="s">
        <v>207847</v>
      </c>
      <c r="C63129" s="1" t="s">
        <v>165</v>
      </c>
      <c r="D63129" s="1" t="s">
        <v>210977</v>
      </c>
      <c r="E63129" s="1" t="s">
        <v>210978</v>
      </c>
      <c r="F63129" s="1" t="s">
        <v>210979</v>
      </c>
      <c r="G63129" s="1" t="s">
        <v>210874</v>
      </c>
      <c r="H63129" s="1" t="s">
        <v>210875</v>
      </c>
      <c r="I63129" s="1" t="s">
        <v>207852</v>
      </c>
      <c r="J63129" s="1" t="s">
        <v>210980</v>
      </c>
    </row>
    <row r="63130" spans="1:10" x14ac:dyDescent="0.35">
      <c r="A63130" s="1" t="s">
        <v>14109</v>
      </c>
      <c r="B63130" s="1" t="s">
        <v>207847</v>
      </c>
      <c r="C63130" s="1" t="s">
        <v>170</v>
      </c>
      <c r="D63130" s="1" t="s">
        <v>96973</v>
      </c>
      <c r="E63130" s="1" t="s">
        <v>210981</v>
      </c>
      <c r="F63130" s="1" t="s">
        <v>210982</v>
      </c>
      <c r="G63130" s="1" t="s">
        <v>210874</v>
      </c>
      <c r="H63130" s="1" t="s">
        <v>210875</v>
      </c>
      <c r="I63130" s="1" t="s">
        <v>207852</v>
      </c>
      <c r="J63130" s="1" t="s">
        <v>210983</v>
      </c>
    </row>
    <row r="63131" spans="1:10" x14ac:dyDescent="0.35">
      <c r="A63131" s="1" t="s">
        <v>119280</v>
      </c>
      <c r="B63131" s="1" t="s">
        <v>207847</v>
      </c>
      <c r="C63131" s="1" t="s">
        <v>8</v>
      </c>
      <c r="D63131" s="1" t="s">
        <v>31383</v>
      </c>
      <c r="E63131" s="1" t="s">
        <v>210984</v>
      </c>
      <c r="F63131" s="1" t="s">
        <v>210985</v>
      </c>
      <c r="G63131" s="1" t="s">
        <v>210986</v>
      </c>
      <c r="H63131" s="1" t="s">
        <v>210987</v>
      </c>
      <c r="I63131" s="1" t="s">
        <v>207852</v>
      </c>
      <c r="J63131" s="1" t="s">
        <v>13</v>
      </c>
    </row>
    <row r="63132" spans="1:10" x14ac:dyDescent="0.35">
      <c r="A63132" s="1" t="s">
        <v>119280</v>
      </c>
      <c r="B63132" s="1" t="s">
        <v>207847</v>
      </c>
      <c r="C63132" s="1" t="s">
        <v>15</v>
      </c>
      <c r="D63132" s="1" t="s">
        <v>152462</v>
      </c>
      <c r="E63132" s="1" t="s">
        <v>210988</v>
      </c>
      <c r="F63132" s="1" t="s">
        <v>210989</v>
      </c>
      <c r="G63132" s="1" t="s">
        <v>210986</v>
      </c>
      <c r="H63132" s="1" t="s">
        <v>210987</v>
      </c>
      <c r="I63132" s="1" t="s">
        <v>207852</v>
      </c>
      <c r="J63132" s="1" t="s">
        <v>210990</v>
      </c>
    </row>
    <row r="63133" spans="1:10" x14ac:dyDescent="0.35">
      <c r="A63133" s="1" t="s">
        <v>119280</v>
      </c>
      <c r="B63133" s="1" t="s">
        <v>207847</v>
      </c>
      <c r="C63133" s="1" t="s">
        <v>20</v>
      </c>
      <c r="D63133" s="1" t="s">
        <v>72127</v>
      </c>
      <c r="E63133" s="1" t="s">
        <v>210991</v>
      </c>
      <c r="F63133" s="1" t="s">
        <v>210992</v>
      </c>
      <c r="G63133" s="1" t="s">
        <v>210986</v>
      </c>
      <c r="H63133" s="1" t="s">
        <v>210987</v>
      </c>
      <c r="I63133" s="1" t="s">
        <v>207852</v>
      </c>
      <c r="J63133" s="1" t="s">
        <v>210993</v>
      </c>
    </row>
    <row r="63134" spans="1:10" x14ac:dyDescent="0.35">
      <c r="A63134" s="1" t="s">
        <v>119280</v>
      </c>
      <c r="B63134" s="1" t="s">
        <v>207847</v>
      </c>
      <c r="C63134" s="1" t="s">
        <v>25</v>
      </c>
      <c r="D63134" s="1" t="s">
        <v>159626</v>
      </c>
      <c r="E63134" s="1" t="s">
        <v>210994</v>
      </c>
      <c r="F63134" s="1" t="s">
        <v>210995</v>
      </c>
      <c r="G63134" s="1" t="s">
        <v>210986</v>
      </c>
      <c r="H63134" s="1" t="s">
        <v>210987</v>
      </c>
      <c r="I63134" s="1" t="s">
        <v>207852</v>
      </c>
      <c r="J63134" s="1" t="s">
        <v>210996</v>
      </c>
    </row>
    <row r="63135" spans="1:10" x14ac:dyDescent="0.35">
      <c r="A63135" s="1" t="s">
        <v>119280</v>
      </c>
      <c r="B63135" s="1" t="s">
        <v>207847</v>
      </c>
      <c r="C63135" s="1" t="s">
        <v>30</v>
      </c>
      <c r="D63135" s="1" t="s">
        <v>74108</v>
      </c>
      <c r="E63135" s="1" t="s">
        <v>210997</v>
      </c>
      <c r="F63135" s="1" t="s">
        <v>210998</v>
      </c>
      <c r="G63135" s="1" t="s">
        <v>210986</v>
      </c>
      <c r="H63135" s="1" t="s">
        <v>210987</v>
      </c>
      <c r="I63135" s="1" t="s">
        <v>207852</v>
      </c>
      <c r="J63135" s="1" t="s">
        <v>210999</v>
      </c>
    </row>
    <row r="63136" spans="1:10" x14ac:dyDescent="0.35">
      <c r="A63136" s="1" t="s">
        <v>119280</v>
      </c>
      <c r="B63136" s="1" t="s">
        <v>207847</v>
      </c>
      <c r="C63136" s="1" t="s">
        <v>35</v>
      </c>
      <c r="D63136" s="1" t="s">
        <v>15613</v>
      </c>
      <c r="E63136" s="1" t="s">
        <v>211000</v>
      </c>
      <c r="F63136" s="1" t="s">
        <v>211001</v>
      </c>
      <c r="G63136" s="1" t="s">
        <v>210986</v>
      </c>
      <c r="H63136" s="1" t="s">
        <v>210987</v>
      </c>
      <c r="I63136" s="1" t="s">
        <v>207852</v>
      </c>
      <c r="J63136" s="1" t="s">
        <v>211002</v>
      </c>
    </row>
    <row r="63137" spans="1:10" x14ac:dyDescent="0.35">
      <c r="A63137" s="1" t="s">
        <v>119280</v>
      </c>
      <c r="B63137" s="1" t="s">
        <v>207847</v>
      </c>
      <c r="C63137" s="1" t="s">
        <v>40</v>
      </c>
      <c r="D63137" s="1" t="s">
        <v>192416</v>
      </c>
      <c r="E63137" s="1" t="s">
        <v>211003</v>
      </c>
      <c r="F63137" s="1" t="s">
        <v>211004</v>
      </c>
      <c r="G63137" s="1" t="s">
        <v>210986</v>
      </c>
      <c r="H63137" s="1" t="s">
        <v>210987</v>
      </c>
      <c r="I63137" s="1" t="s">
        <v>207852</v>
      </c>
      <c r="J63137" s="1" t="s">
        <v>211005</v>
      </c>
    </row>
    <row r="63138" spans="1:10" x14ac:dyDescent="0.35">
      <c r="A63138" s="1" t="s">
        <v>119280</v>
      </c>
      <c r="B63138" s="1" t="s">
        <v>207847</v>
      </c>
      <c r="C63138" s="1" t="s">
        <v>45</v>
      </c>
      <c r="D63138" s="1" t="s">
        <v>72054</v>
      </c>
      <c r="E63138" s="1" t="s">
        <v>211006</v>
      </c>
      <c r="F63138" s="1" t="s">
        <v>211007</v>
      </c>
      <c r="G63138" s="1" t="s">
        <v>210986</v>
      </c>
      <c r="H63138" s="1" t="s">
        <v>210987</v>
      </c>
      <c r="I63138" s="1" t="s">
        <v>207852</v>
      </c>
      <c r="J63138" s="1" t="s">
        <v>211008</v>
      </c>
    </row>
    <row r="63139" spans="1:10" x14ac:dyDescent="0.35">
      <c r="A63139" s="1" t="s">
        <v>119280</v>
      </c>
      <c r="B63139" s="1" t="s">
        <v>207847</v>
      </c>
      <c r="C63139" s="1" t="s">
        <v>50</v>
      </c>
      <c r="D63139" s="1" t="s">
        <v>33458</v>
      </c>
      <c r="E63139" s="1" t="s">
        <v>211009</v>
      </c>
      <c r="F63139" s="1" t="s">
        <v>211010</v>
      </c>
      <c r="G63139" s="1" t="s">
        <v>210986</v>
      </c>
      <c r="H63139" s="1" t="s">
        <v>210987</v>
      </c>
      <c r="I63139" s="1" t="s">
        <v>207852</v>
      </c>
      <c r="J63139" s="1" t="s">
        <v>211011</v>
      </c>
    </row>
    <row r="63140" spans="1:10" x14ac:dyDescent="0.35">
      <c r="A63140" s="1" t="s">
        <v>119280</v>
      </c>
      <c r="B63140" s="1" t="s">
        <v>207847</v>
      </c>
      <c r="C63140" s="1" t="s">
        <v>55</v>
      </c>
      <c r="D63140" s="1" t="s">
        <v>17955</v>
      </c>
      <c r="E63140" s="1" t="s">
        <v>211012</v>
      </c>
      <c r="F63140" s="1" t="s">
        <v>211013</v>
      </c>
      <c r="G63140" s="1" t="s">
        <v>210986</v>
      </c>
      <c r="H63140" s="1" t="s">
        <v>210987</v>
      </c>
      <c r="I63140" s="1" t="s">
        <v>207852</v>
      </c>
      <c r="J63140" s="1" t="s">
        <v>211014</v>
      </c>
    </row>
    <row r="63141" spans="1:10" x14ac:dyDescent="0.35">
      <c r="A63141" s="1" t="s">
        <v>119280</v>
      </c>
      <c r="B63141" s="1" t="s">
        <v>207847</v>
      </c>
      <c r="C63141" s="1" t="s">
        <v>60</v>
      </c>
      <c r="D63141" s="1" t="s">
        <v>203099</v>
      </c>
      <c r="E63141" s="1" t="s">
        <v>211015</v>
      </c>
      <c r="F63141" s="1" t="s">
        <v>211016</v>
      </c>
      <c r="G63141" s="1" t="s">
        <v>210986</v>
      </c>
      <c r="H63141" s="1" t="s">
        <v>210987</v>
      </c>
      <c r="I63141" s="1" t="s">
        <v>207852</v>
      </c>
      <c r="J63141" s="1" t="s">
        <v>211017</v>
      </c>
    </row>
    <row r="63142" spans="1:10" x14ac:dyDescent="0.35">
      <c r="A63142" s="1" t="s">
        <v>119280</v>
      </c>
      <c r="B63142" s="1" t="s">
        <v>207847</v>
      </c>
      <c r="C63142" s="1" t="s">
        <v>65</v>
      </c>
      <c r="D63142" s="1" t="s">
        <v>37871</v>
      </c>
      <c r="E63142" s="1" t="s">
        <v>211018</v>
      </c>
      <c r="F63142" s="1" t="s">
        <v>211019</v>
      </c>
      <c r="G63142" s="1" t="s">
        <v>210986</v>
      </c>
      <c r="H63142" s="1" t="s">
        <v>210987</v>
      </c>
      <c r="I63142" s="1" t="s">
        <v>207852</v>
      </c>
      <c r="J63142" s="1" t="s">
        <v>211020</v>
      </c>
    </row>
    <row r="63143" spans="1:10" x14ac:dyDescent="0.35">
      <c r="A63143" s="1" t="s">
        <v>119280</v>
      </c>
      <c r="B63143" s="1" t="s">
        <v>207847</v>
      </c>
      <c r="C63143" s="1" t="s">
        <v>70</v>
      </c>
      <c r="D63143" s="1" t="s">
        <v>15914</v>
      </c>
      <c r="E63143" s="1" t="s">
        <v>211021</v>
      </c>
      <c r="F63143" s="1" t="s">
        <v>211022</v>
      </c>
      <c r="G63143" s="1" t="s">
        <v>210986</v>
      </c>
      <c r="H63143" s="1" t="s">
        <v>210987</v>
      </c>
      <c r="I63143" s="1" t="s">
        <v>207852</v>
      </c>
      <c r="J63143" s="1" t="s">
        <v>211023</v>
      </c>
    </row>
    <row r="63144" spans="1:10" x14ac:dyDescent="0.35">
      <c r="A63144" s="1" t="s">
        <v>119280</v>
      </c>
      <c r="B63144" s="1" t="s">
        <v>207847</v>
      </c>
      <c r="C63144" s="1" t="s">
        <v>75</v>
      </c>
      <c r="D63144" s="1" t="s">
        <v>48102</v>
      </c>
      <c r="E63144" s="1" t="s">
        <v>211024</v>
      </c>
      <c r="F63144" s="1" t="s">
        <v>211025</v>
      </c>
      <c r="G63144" s="1" t="s">
        <v>210986</v>
      </c>
      <c r="H63144" s="1" t="s">
        <v>210987</v>
      </c>
      <c r="I63144" s="1" t="s">
        <v>207852</v>
      </c>
      <c r="J63144" s="1" t="s">
        <v>211026</v>
      </c>
    </row>
    <row r="63145" spans="1:10" x14ac:dyDescent="0.35">
      <c r="A63145" s="1" t="s">
        <v>119280</v>
      </c>
      <c r="B63145" s="1" t="s">
        <v>207847</v>
      </c>
      <c r="C63145" s="1" t="s">
        <v>80</v>
      </c>
      <c r="D63145" s="1" t="s">
        <v>135306</v>
      </c>
      <c r="E63145" s="1" t="s">
        <v>211027</v>
      </c>
      <c r="F63145" s="1" t="s">
        <v>211028</v>
      </c>
      <c r="G63145" s="1" t="s">
        <v>210986</v>
      </c>
      <c r="H63145" s="1" t="s">
        <v>210987</v>
      </c>
      <c r="I63145" s="1" t="s">
        <v>207852</v>
      </c>
      <c r="J63145" s="1" t="s">
        <v>211029</v>
      </c>
    </row>
    <row r="63146" spans="1:10" x14ac:dyDescent="0.35">
      <c r="A63146" s="1" t="s">
        <v>119280</v>
      </c>
      <c r="B63146" s="1" t="s">
        <v>207847</v>
      </c>
      <c r="C63146" s="1" t="s">
        <v>85</v>
      </c>
      <c r="D63146" s="1" t="s">
        <v>211030</v>
      </c>
      <c r="E63146" s="1" t="s">
        <v>211031</v>
      </c>
      <c r="F63146" s="1" t="s">
        <v>211032</v>
      </c>
      <c r="G63146" s="1" t="s">
        <v>210986</v>
      </c>
      <c r="H63146" s="1" t="s">
        <v>210987</v>
      </c>
      <c r="I63146" s="1" t="s">
        <v>207852</v>
      </c>
      <c r="J63146" s="1" t="s">
        <v>211033</v>
      </c>
    </row>
    <row r="63147" spans="1:10" x14ac:dyDescent="0.35">
      <c r="A63147" s="1" t="s">
        <v>119280</v>
      </c>
      <c r="B63147" s="1" t="s">
        <v>207847</v>
      </c>
      <c r="C63147" s="1" t="s">
        <v>90</v>
      </c>
      <c r="D63147" s="1" t="s">
        <v>186257</v>
      </c>
      <c r="E63147" s="1" t="s">
        <v>211034</v>
      </c>
      <c r="F63147" s="1" t="s">
        <v>211035</v>
      </c>
      <c r="G63147" s="1" t="s">
        <v>210986</v>
      </c>
      <c r="H63147" s="1" t="s">
        <v>210987</v>
      </c>
      <c r="I63147" s="1" t="s">
        <v>207852</v>
      </c>
      <c r="J63147" s="1" t="s">
        <v>211036</v>
      </c>
    </row>
    <row r="63148" spans="1:10" x14ac:dyDescent="0.35">
      <c r="A63148" s="1" t="s">
        <v>119280</v>
      </c>
      <c r="B63148" s="1" t="s">
        <v>207847</v>
      </c>
      <c r="C63148" s="1" t="s">
        <v>95</v>
      </c>
      <c r="D63148" s="1" t="s">
        <v>211037</v>
      </c>
      <c r="E63148" s="1" t="s">
        <v>211038</v>
      </c>
      <c r="F63148" s="1" t="s">
        <v>211039</v>
      </c>
      <c r="G63148" s="1" t="s">
        <v>210986</v>
      </c>
      <c r="H63148" s="1" t="s">
        <v>210987</v>
      </c>
      <c r="I63148" s="1" t="s">
        <v>207852</v>
      </c>
      <c r="J63148" s="1" t="s">
        <v>211040</v>
      </c>
    </row>
    <row r="63149" spans="1:10" x14ac:dyDescent="0.35">
      <c r="A63149" s="1" t="s">
        <v>119280</v>
      </c>
      <c r="B63149" s="1" t="s">
        <v>207847</v>
      </c>
      <c r="C63149" s="1" t="s">
        <v>100</v>
      </c>
      <c r="D63149" s="1" t="s">
        <v>34211</v>
      </c>
      <c r="E63149" s="1" t="s">
        <v>211041</v>
      </c>
      <c r="F63149" s="1" t="s">
        <v>211042</v>
      </c>
      <c r="G63149" s="1" t="s">
        <v>210986</v>
      </c>
      <c r="H63149" s="1" t="s">
        <v>210987</v>
      </c>
      <c r="I63149" s="1" t="s">
        <v>207852</v>
      </c>
      <c r="J63149" s="1" t="s">
        <v>211043</v>
      </c>
    </row>
    <row r="63150" spans="1:10" x14ac:dyDescent="0.35">
      <c r="A63150" s="1" t="s">
        <v>119280</v>
      </c>
      <c r="B63150" s="1" t="s">
        <v>207847</v>
      </c>
      <c r="C63150" s="1" t="s">
        <v>105</v>
      </c>
      <c r="D63150" s="1" t="s">
        <v>211044</v>
      </c>
      <c r="E63150" s="1" t="s">
        <v>211045</v>
      </c>
      <c r="F63150" s="1" t="s">
        <v>211046</v>
      </c>
      <c r="G63150" s="1" t="s">
        <v>210986</v>
      </c>
      <c r="H63150" s="1" t="s">
        <v>210987</v>
      </c>
      <c r="I63150" s="1" t="s">
        <v>207852</v>
      </c>
      <c r="J63150" s="1" t="s">
        <v>211047</v>
      </c>
    </row>
    <row r="63151" spans="1:10" x14ac:dyDescent="0.35">
      <c r="A63151" s="1" t="s">
        <v>119280</v>
      </c>
      <c r="B63151" s="1" t="s">
        <v>207847</v>
      </c>
      <c r="C63151" s="1" t="s">
        <v>110</v>
      </c>
      <c r="D63151" s="1" t="s">
        <v>82942</v>
      </c>
      <c r="E63151" s="1" t="s">
        <v>211048</v>
      </c>
      <c r="F63151" s="1" t="s">
        <v>211049</v>
      </c>
      <c r="G63151" s="1" t="s">
        <v>210986</v>
      </c>
      <c r="H63151" s="1" t="s">
        <v>210987</v>
      </c>
      <c r="I63151" s="1" t="s">
        <v>207852</v>
      </c>
      <c r="J63151" s="1" t="s">
        <v>211050</v>
      </c>
    </row>
    <row r="63152" spans="1:10" x14ac:dyDescent="0.35">
      <c r="A63152" s="1" t="s">
        <v>119280</v>
      </c>
      <c r="B63152" s="1" t="s">
        <v>207847</v>
      </c>
      <c r="C63152" s="1" t="s">
        <v>115</v>
      </c>
      <c r="D63152" s="1" t="s">
        <v>113668</v>
      </c>
      <c r="E63152" s="1" t="s">
        <v>211051</v>
      </c>
      <c r="F63152" s="1" t="s">
        <v>211052</v>
      </c>
      <c r="G63152" s="1" t="s">
        <v>210986</v>
      </c>
      <c r="H63152" s="1" t="s">
        <v>210987</v>
      </c>
      <c r="I63152" s="1" t="s">
        <v>207852</v>
      </c>
      <c r="J63152" s="1" t="s">
        <v>211053</v>
      </c>
    </row>
    <row r="63153" spans="1:10" x14ac:dyDescent="0.35">
      <c r="A63153" s="1" t="s">
        <v>119280</v>
      </c>
      <c r="B63153" s="1" t="s">
        <v>207847</v>
      </c>
      <c r="C63153" s="1" t="s">
        <v>120</v>
      </c>
      <c r="D63153" s="1" t="s">
        <v>182197</v>
      </c>
      <c r="E63153" s="1" t="s">
        <v>211054</v>
      </c>
      <c r="F63153" s="1" t="s">
        <v>211055</v>
      </c>
      <c r="G63153" s="1" t="s">
        <v>210986</v>
      </c>
      <c r="H63153" s="1" t="s">
        <v>210987</v>
      </c>
      <c r="I63153" s="1" t="s">
        <v>207852</v>
      </c>
      <c r="J63153" s="1" t="s">
        <v>211056</v>
      </c>
    </row>
    <row r="63154" spans="1:10" x14ac:dyDescent="0.35">
      <c r="A63154" s="1" t="s">
        <v>119280</v>
      </c>
      <c r="B63154" s="1" t="s">
        <v>207847</v>
      </c>
      <c r="C63154" s="1" t="s">
        <v>125</v>
      </c>
      <c r="D63154" s="1" t="s">
        <v>34139</v>
      </c>
      <c r="E63154" s="1" t="s">
        <v>211057</v>
      </c>
      <c r="F63154" s="1" t="s">
        <v>211058</v>
      </c>
      <c r="G63154" s="1" t="s">
        <v>210986</v>
      </c>
      <c r="H63154" s="1" t="s">
        <v>210987</v>
      </c>
      <c r="I63154" s="1" t="s">
        <v>207852</v>
      </c>
      <c r="J63154" s="1" t="s">
        <v>211059</v>
      </c>
    </row>
    <row r="63155" spans="1:10" x14ac:dyDescent="0.35">
      <c r="A63155" s="1" t="s">
        <v>119280</v>
      </c>
      <c r="B63155" s="1" t="s">
        <v>207847</v>
      </c>
      <c r="C63155" s="1" t="s">
        <v>130</v>
      </c>
      <c r="D63155" s="1" t="s">
        <v>211060</v>
      </c>
      <c r="E63155" s="1" t="s">
        <v>211061</v>
      </c>
      <c r="F63155" s="1" t="s">
        <v>211062</v>
      </c>
      <c r="G63155" s="1" t="s">
        <v>210986</v>
      </c>
      <c r="H63155" s="1" t="s">
        <v>210987</v>
      </c>
      <c r="I63155" s="1" t="s">
        <v>207852</v>
      </c>
      <c r="J63155" s="1" t="s">
        <v>211063</v>
      </c>
    </row>
    <row r="63156" spans="1:10" x14ac:dyDescent="0.35">
      <c r="A63156" s="1" t="s">
        <v>119280</v>
      </c>
      <c r="B63156" s="1" t="s">
        <v>207847</v>
      </c>
      <c r="C63156" s="1" t="s">
        <v>135</v>
      </c>
      <c r="D63156" s="1" t="s">
        <v>195898</v>
      </c>
      <c r="E63156" s="1" t="s">
        <v>211064</v>
      </c>
      <c r="F63156" s="1" t="s">
        <v>211065</v>
      </c>
      <c r="G63156" s="1" t="s">
        <v>210986</v>
      </c>
      <c r="H63156" s="1" t="s">
        <v>210987</v>
      </c>
      <c r="I63156" s="1" t="s">
        <v>207852</v>
      </c>
      <c r="J63156" s="1" t="s">
        <v>211066</v>
      </c>
    </row>
    <row r="63157" spans="1:10" x14ac:dyDescent="0.35">
      <c r="A63157" s="1" t="s">
        <v>119280</v>
      </c>
      <c r="B63157" s="1" t="s">
        <v>207847</v>
      </c>
      <c r="C63157" s="1" t="s">
        <v>140</v>
      </c>
      <c r="D63157" s="1" t="s">
        <v>211067</v>
      </c>
      <c r="E63157" s="1" t="s">
        <v>211068</v>
      </c>
      <c r="F63157" s="1" t="s">
        <v>211069</v>
      </c>
      <c r="G63157" s="1" t="s">
        <v>210986</v>
      </c>
      <c r="H63157" s="1" t="s">
        <v>210987</v>
      </c>
      <c r="I63157" s="1" t="s">
        <v>207852</v>
      </c>
      <c r="J63157" s="1" t="s">
        <v>211070</v>
      </c>
    </row>
    <row r="63158" spans="1:10" x14ac:dyDescent="0.35">
      <c r="A63158" s="1" t="s">
        <v>119280</v>
      </c>
      <c r="B63158" s="1" t="s">
        <v>207847</v>
      </c>
      <c r="C63158" s="1" t="s">
        <v>145</v>
      </c>
      <c r="D63158" s="1" t="s">
        <v>150975</v>
      </c>
      <c r="E63158" s="1" t="s">
        <v>211071</v>
      </c>
      <c r="F63158" s="1" t="s">
        <v>211072</v>
      </c>
      <c r="G63158" s="1" t="s">
        <v>210986</v>
      </c>
      <c r="H63158" s="1" t="s">
        <v>210987</v>
      </c>
      <c r="I63158" s="1" t="s">
        <v>207852</v>
      </c>
      <c r="J63158" s="1" t="s">
        <v>211073</v>
      </c>
    </row>
    <row r="63159" spans="1:10" x14ac:dyDescent="0.35">
      <c r="A63159" s="1" t="s">
        <v>119280</v>
      </c>
      <c r="B63159" s="1" t="s">
        <v>207847</v>
      </c>
      <c r="C63159" s="1" t="s">
        <v>150</v>
      </c>
      <c r="D63159" s="1" t="s">
        <v>211074</v>
      </c>
      <c r="E63159" s="1" t="s">
        <v>211075</v>
      </c>
      <c r="F63159" s="1" t="s">
        <v>211076</v>
      </c>
      <c r="G63159" s="1" t="s">
        <v>210986</v>
      </c>
      <c r="H63159" s="1" t="s">
        <v>210987</v>
      </c>
      <c r="I63159" s="1" t="s">
        <v>207852</v>
      </c>
      <c r="J63159" s="1" t="s">
        <v>211077</v>
      </c>
    </row>
    <row r="63160" spans="1:10" x14ac:dyDescent="0.35">
      <c r="A63160" s="1" t="s">
        <v>119280</v>
      </c>
      <c r="B63160" s="1" t="s">
        <v>207847</v>
      </c>
      <c r="C63160" s="1" t="s">
        <v>155</v>
      </c>
      <c r="D63160" s="1" t="s">
        <v>211078</v>
      </c>
      <c r="E63160" s="1" t="s">
        <v>211079</v>
      </c>
      <c r="F63160" s="1" t="s">
        <v>211080</v>
      </c>
      <c r="G63160" s="1" t="s">
        <v>210986</v>
      </c>
      <c r="H63160" s="1" t="s">
        <v>210987</v>
      </c>
      <c r="I63160" s="1" t="s">
        <v>207852</v>
      </c>
      <c r="J63160" s="1" t="s">
        <v>211081</v>
      </c>
    </row>
    <row r="63161" spans="1:10" x14ac:dyDescent="0.35">
      <c r="A63161" s="1" t="s">
        <v>119280</v>
      </c>
      <c r="B63161" s="1" t="s">
        <v>207847</v>
      </c>
      <c r="C63161" s="1" t="s">
        <v>160</v>
      </c>
      <c r="D63161" s="1" t="s">
        <v>184099</v>
      </c>
      <c r="E63161" s="1" t="s">
        <v>211082</v>
      </c>
      <c r="F63161" s="1" t="s">
        <v>211083</v>
      </c>
      <c r="G63161" s="1" t="s">
        <v>210986</v>
      </c>
      <c r="H63161" s="1" t="s">
        <v>210987</v>
      </c>
      <c r="I63161" s="1" t="s">
        <v>207852</v>
      </c>
      <c r="J63161" s="1" t="s">
        <v>211084</v>
      </c>
    </row>
    <row r="63162" spans="1:10" x14ac:dyDescent="0.35">
      <c r="A63162" s="1" t="s">
        <v>119280</v>
      </c>
      <c r="B63162" s="1" t="s">
        <v>207847</v>
      </c>
      <c r="C63162" s="1" t="s">
        <v>165</v>
      </c>
      <c r="D63162" s="1" t="s">
        <v>160588</v>
      </c>
      <c r="E63162" s="1" t="s">
        <v>211085</v>
      </c>
      <c r="F63162" s="1" t="s">
        <v>211086</v>
      </c>
      <c r="G63162" s="1" t="s">
        <v>210986</v>
      </c>
      <c r="H63162" s="1" t="s">
        <v>210987</v>
      </c>
      <c r="I63162" s="1" t="s">
        <v>207852</v>
      </c>
      <c r="J63162" s="1" t="s">
        <v>211087</v>
      </c>
    </row>
    <row r="63163" spans="1:10" x14ac:dyDescent="0.35">
      <c r="A63163" s="1" t="s">
        <v>119280</v>
      </c>
      <c r="B63163" s="1" t="s">
        <v>207847</v>
      </c>
      <c r="C63163" s="1" t="s">
        <v>170</v>
      </c>
      <c r="D63163" s="1" t="s">
        <v>211088</v>
      </c>
      <c r="E63163" s="1" t="s">
        <v>211089</v>
      </c>
      <c r="F63163" s="1" t="s">
        <v>211090</v>
      </c>
      <c r="G63163" s="1" t="s">
        <v>210986</v>
      </c>
      <c r="H63163" s="1" t="s">
        <v>210987</v>
      </c>
      <c r="I63163" s="1" t="s">
        <v>207852</v>
      </c>
      <c r="J63163" s="1" t="s">
        <v>211091</v>
      </c>
    </row>
    <row r="63164" spans="1:10" x14ac:dyDescent="0.35">
      <c r="A63164" s="1" t="s">
        <v>110654</v>
      </c>
      <c r="B63164" s="1" t="s">
        <v>207847</v>
      </c>
      <c r="C63164" s="1" t="s">
        <v>8</v>
      </c>
      <c r="D63164" s="1" t="s">
        <v>169720</v>
      </c>
      <c r="E63164" s="1" t="s">
        <v>211092</v>
      </c>
      <c r="F63164" s="1" t="s">
        <v>211093</v>
      </c>
      <c r="G63164" s="1" t="s">
        <v>211094</v>
      </c>
      <c r="H63164" s="1" t="s">
        <v>211095</v>
      </c>
      <c r="I63164" s="1" t="s">
        <v>207852</v>
      </c>
      <c r="J63164" s="1" t="s">
        <v>13</v>
      </c>
    </row>
    <row r="63165" spans="1:10" x14ac:dyDescent="0.35">
      <c r="A63165" s="1" t="s">
        <v>110654</v>
      </c>
      <c r="B63165" s="1" t="s">
        <v>207847</v>
      </c>
      <c r="C63165" s="1" t="s">
        <v>15</v>
      </c>
      <c r="D63165" s="1" t="s">
        <v>104589</v>
      </c>
      <c r="E63165" s="1" t="s">
        <v>211096</v>
      </c>
      <c r="F63165" s="1" t="s">
        <v>211097</v>
      </c>
      <c r="G63165" s="1" t="s">
        <v>211094</v>
      </c>
      <c r="H63165" s="1" t="s">
        <v>211095</v>
      </c>
      <c r="I63165" s="1" t="s">
        <v>207852</v>
      </c>
      <c r="J63165" s="1" t="s">
        <v>211098</v>
      </c>
    </row>
    <row r="63166" spans="1:10" x14ac:dyDescent="0.35">
      <c r="A63166" s="1" t="s">
        <v>110654</v>
      </c>
      <c r="B63166" s="1" t="s">
        <v>207847</v>
      </c>
      <c r="C63166" s="1" t="s">
        <v>20</v>
      </c>
      <c r="D63166" s="1" t="s">
        <v>10772</v>
      </c>
      <c r="E63166" s="1" t="s">
        <v>211099</v>
      </c>
      <c r="F63166" s="1" t="s">
        <v>211100</v>
      </c>
      <c r="G63166" s="1" t="s">
        <v>211094</v>
      </c>
      <c r="H63166" s="1" t="s">
        <v>211095</v>
      </c>
      <c r="I63166" s="1" t="s">
        <v>207852</v>
      </c>
      <c r="J63166" s="1" t="s">
        <v>211101</v>
      </c>
    </row>
    <row r="63167" spans="1:10" x14ac:dyDescent="0.35">
      <c r="A63167" s="1" t="s">
        <v>110654</v>
      </c>
      <c r="B63167" s="1" t="s">
        <v>207847</v>
      </c>
      <c r="C63167" s="1" t="s">
        <v>25</v>
      </c>
      <c r="D63167" s="1" t="s">
        <v>211102</v>
      </c>
      <c r="E63167" s="1" t="s">
        <v>211103</v>
      </c>
      <c r="F63167" s="1" t="s">
        <v>211104</v>
      </c>
      <c r="G63167" s="1" t="s">
        <v>211094</v>
      </c>
      <c r="H63167" s="1" t="s">
        <v>211095</v>
      </c>
      <c r="I63167" s="1" t="s">
        <v>207852</v>
      </c>
      <c r="J63167" s="1" t="s">
        <v>211105</v>
      </c>
    </row>
    <row r="63168" spans="1:10" x14ac:dyDescent="0.35">
      <c r="A63168" s="1" t="s">
        <v>110654</v>
      </c>
      <c r="B63168" s="1" t="s">
        <v>207847</v>
      </c>
      <c r="C63168" s="1" t="s">
        <v>30</v>
      </c>
      <c r="D63168" s="1" t="s">
        <v>32055</v>
      </c>
      <c r="E63168" s="1" t="s">
        <v>211106</v>
      </c>
      <c r="F63168" s="1" t="s">
        <v>211107</v>
      </c>
      <c r="G63168" s="1" t="s">
        <v>211094</v>
      </c>
      <c r="H63168" s="1" t="s">
        <v>211095</v>
      </c>
      <c r="I63168" s="1" t="s">
        <v>207852</v>
      </c>
      <c r="J63168" s="1" t="s">
        <v>211108</v>
      </c>
    </row>
    <row r="63169" spans="1:10" x14ac:dyDescent="0.35">
      <c r="A63169" s="1" t="s">
        <v>110654</v>
      </c>
      <c r="B63169" s="1" t="s">
        <v>207847</v>
      </c>
      <c r="C63169" s="1" t="s">
        <v>35</v>
      </c>
      <c r="D63169" s="1" t="s">
        <v>195485</v>
      </c>
      <c r="E63169" s="1" t="s">
        <v>211109</v>
      </c>
      <c r="F63169" s="1" t="s">
        <v>211110</v>
      </c>
      <c r="G63169" s="1" t="s">
        <v>211094</v>
      </c>
      <c r="H63169" s="1" t="s">
        <v>211095</v>
      </c>
      <c r="I63169" s="1" t="s">
        <v>207852</v>
      </c>
      <c r="J63169" s="1" t="s">
        <v>211111</v>
      </c>
    </row>
    <row r="63170" spans="1:10" x14ac:dyDescent="0.35">
      <c r="A63170" s="1" t="s">
        <v>110654</v>
      </c>
      <c r="B63170" s="1" t="s">
        <v>207847</v>
      </c>
      <c r="C63170" s="1" t="s">
        <v>40</v>
      </c>
      <c r="D63170" s="1" t="s">
        <v>114729</v>
      </c>
      <c r="E63170" s="1" t="s">
        <v>211112</v>
      </c>
      <c r="F63170" s="1" t="s">
        <v>211113</v>
      </c>
      <c r="G63170" s="1" t="s">
        <v>211094</v>
      </c>
      <c r="H63170" s="1" t="s">
        <v>211095</v>
      </c>
      <c r="I63170" s="1" t="s">
        <v>207852</v>
      </c>
      <c r="J63170" s="1" t="s">
        <v>211114</v>
      </c>
    </row>
    <row r="63171" spans="1:10" x14ac:dyDescent="0.35">
      <c r="A63171" s="1" t="s">
        <v>110654</v>
      </c>
      <c r="B63171" s="1" t="s">
        <v>207847</v>
      </c>
      <c r="C63171" s="1" t="s">
        <v>45</v>
      </c>
      <c r="D63171" s="1" t="s">
        <v>211115</v>
      </c>
      <c r="E63171" s="1" t="s">
        <v>211116</v>
      </c>
      <c r="F63171" s="1" t="s">
        <v>211117</v>
      </c>
      <c r="G63171" s="1" t="s">
        <v>211094</v>
      </c>
      <c r="H63171" s="1" t="s">
        <v>211095</v>
      </c>
      <c r="I63171" s="1" t="s">
        <v>207852</v>
      </c>
      <c r="J63171" s="1" t="s">
        <v>211118</v>
      </c>
    </row>
    <row r="63172" spans="1:10" x14ac:dyDescent="0.35">
      <c r="A63172" s="1" t="s">
        <v>110654</v>
      </c>
      <c r="B63172" s="1" t="s">
        <v>207847</v>
      </c>
      <c r="C63172" s="1" t="s">
        <v>50</v>
      </c>
      <c r="D63172" s="1" t="s">
        <v>74262</v>
      </c>
      <c r="E63172" s="1" t="s">
        <v>211119</v>
      </c>
      <c r="F63172" s="1" t="s">
        <v>211120</v>
      </c>
      <c r="G63172" s="1" t="s">
        <v>211094</v>
      </c>
      <c r="H63172" s="1" t="s">
        <v>211095</v>
      </c>
      <c r="I63172" s="1" t="s">
        <v>207852</v>
      </c>
      <c r="J63172" s="1" t="s">
        <v>211121</v>
      </c>
    </row>
    <row r="63173" spans="1:10" x14ac:dyDescent="0.35">
      <c r="A63173" s="1" t="s">
        <v>110654</v>
      </c>
      <c r="B63173" s="1" t="s">
        <v>207847</v>
      </c>
      <c r="C63173" s="1" t="s">
        <v>55</v>
      </c>
      <c r="D63173" s="1" t="s">
        <v>140976</v>
      </c>
      <c r="E63173" s="1" t="s">
        <v>211122</v>
      </c>
      <c r="F63173" s="1" t="s">
        <v>211123</v>
      </c>
      <c r="G63173" s="1" t="s">
        <v>211094</v>
      </c>
      <c r="H63173" s="1" t="s">
        <v>211095</v>
      </c>
      <c r="I63173" s="1" t="s">
        <v>207852</v>
      </c>
      <c r="J63173" s="1" t="s">
        <v>211124</v>
      </c>
    </row>
    <row r="63174" spans="1:10" x14ac:dyDescent="0.35">
      <c r="A63174" s="1" t="s">
        <v>110654</v>
      </c>
      <c r="B63174" s="1" t="s">
        <v>207847</v>
      </c>
      <c r="C63174" s="1" t="s">
        <v>60</v>
      </c>
      <c r="D63174" s="1" t="s">
        <v>13094</v>
      </c>
      <c r="E63174" s="1" t="s">
        <v>211125</v>
      </c>
      <c r="F63174" s="1" t="s">
        <v>211126</v>
      </c>
      <c r="G63174" s="1" t="s">
        <v>211094</v>
      </c>
      <c r="H63174" s="1" t="s">
        <v>211095</v>
      </c>
      <c r="I63174" s="1" t="s">
        <v>207852</v>
      </c>
      <c r="J63174" s="1" t="s">
        <v>211127</v>
      </c>
    </row>
    <row r="63175" spans="1:10" x14ac:dyDescent="0.35">
      <c r="A63175" s="1" t="s">
        <v>110654</v>
      </c>
      <c r="B63175" s="1" t="s">
        <v>207847</v>
      </c>
      <c r="C63175" s="1" t="s">
        <v>65</v>
      </c>
      <c r="D63175" s="1" t="s">
        <v>45185</v>
      </c>
      <c r="E63175" s="1" t="s">
        <v>211128</v>
      </c>
      <c r="F63175" s="1" t="s">
        <v>211129</v>
      </c>
      <c r="G63175" s="1" t="s">
        <v>211094</v>
      </c>
      <c r="H63175" s="1" t="s">
        <v>211095</v>
      </c>
      <c r="I63175" s="1" t="s">
        <v>207852</v>
      </c>
      <c r="J63175" s="1" t="s">
        <v>211130</v>
      </c>
    </row>
    <row r="63176" spans="1:10" x14ac:dyDescent="0.35">
      <c r="A63176" s="1" t="s">
        <v>110654</v>
      </c>
      <c r="B63176" s="1" t="s">
        <v>207847</v>
      </c>
      <c r="C63176" s="1" t="s">
        <v>70</v>
      </c>
      <c r="D63176" s="1" t="s">
        <v>110961</v>
      </c>
      <c r="E63176" s="1" t="s">
        <v>211131</v>
      </c>
      <c r="F63176" s="1" t="s">
        <v>211132</v>
      </c>
      <c r="G63176" s="1" t="s">
        <v>211094</v>
      </c>
      <c r="H63176" s="1" t="s">
        <v>211095</v>
      </c>
      <c r="I63176" s="1" t="s">
        <v>207852</v>
      </c>
      <c r="J63176" s="1" t="s">
        <v>211133</v>
      </c>
    </row>
    <row r="63177" spans="1:10" x14ac:dyDescent="0.35">
      <c r="A63177" s="1" t="s">
        <v>110654</v>
      </c>
      <c r="B63177" s="1" t="s">
        <v>207847</v>
      </c>
      <c r="C63177" s="1" t="s">
        <v>75</v>
      </c>
      <c r="D63177" s="1" t="s">
        <v>209688</v>
      </c>
      <c r="E63177" s="1" t="s">
        <v>211134</v>
      </c>
      <c r="F63177" s="1" t="s">
        <v>211135</v>
      </c>
      <c r="G63177" s="1" t="s">
        <v>211094</v>
      </c>
      <c r="H63177" s="1" t="s">
        <v>211095</v>
      </c>
      <c r="I63177" s="1" t="s">
        <v>207852</v>
      </c>
      <c r="J63177" s="1" t="s">
        <v>211136</v>
      </c>
    </row>
    <row r="63178" spans="1:10" x14ac:dyDescent="0.35">
      <c r="A63178" s="1" t="s">
        <v>110654</v>
      </c>
      <c r="B63178" s="1" t="s">
        <v>207847</v>
      </c>
      <c r="C63178" s="1" t="s">
        <v>80</v>
      </c>
      <c r="D63178" s="1" t="s">
        <v>154903</v>
      </c>
      <c r="E63178" s="1" t="s">
        <v>211137</v>
      </c>
      <c r="F63178" s="1" t="s">
        <v>211138</v>
      </c>
      <c r="G63178" s="1" t="s">
        <v>211094</v>
      </c>
      <c r="H63178" s="1" t="s">
        <v>211095</v>
      </c>
      <c r="I63178" s="1" t="s">
        <v>207852</v>
      </c>
      <c r="J63178" s="1" t="s">
        <v>211139</v>
      </c>
    </row>
    <row r="63179" spans="1:10" x14ac:dyDescent="0.35">
      <c r="A63179" s="1" t="s">
        <v>110654</v>
      </c>
      <c r="B63179" s="1" t="s">
        <v>207847</v>
      </c>
      <c r="C63179" s="1" t="s">
        <v>85</v>
      </c>
      <c r="D63179" s="1" t="s">
        <v>74500</v>
      </c>
      <c r="E63179" s="1" t="s">
        <v>211140</v>
      </c>
      <c r="F63179" s="1" t="s">
        <v>211141</v>
      </c>
      <c r="G63179" s="1" t="s">
        <v>211094</v>
      </c>
      <c r="H63179" s="1" t="s">
        <v>211095</v>
      </c>
      <c r="I63179" s="1" t="s">
        <v>207852</v>
      </c>
      <c r="J63179" s="1" t="s">
        <v>211142</v>
      </c>
    </row>
    <row r="63180" spans="1:10" x14ac:dyDescent="0.35">
      <c r="A63180" s="1" t="s">
        <v>110654</v>
      </c>
      <c r="B63180" s="1" t="s">
        <v>207847</v>
      </c>
      <c r="C63180" s="1" t="s">
        <v>90</v>
      </c>
      <c r="D63180" s="1" t="s">
        <v>211143</v>
      </c>
      <c r="E63180" s="1" t="s">
        <v>211144</v>
      </c>
      <c r="F63180" s="1" t="s">
        <v>211145</v>
      </c>
      <c r="G63180" s="1" t="s">
        <v>211094</v>
      </c>
      <c r="H63180" s="1" t="s">
        <v>211095</v>
      </c>
      <c r="I63180" s="1" t="s">
        <v>207852</v>
      </c>
      <c r="J63180" s="1" t="s">
        <v>211146</v>
      </c>
    </row>
    <row r="63181" spans="1:10" x14ac:dyDescent="0.35">
      <c r="A63181" s="1" t="s">
        <v>110654</v>
      </c>
      <c r="B63181" s="1" t="s">
        <v>207847</v>
      </c>
      <c r="C63181" s="1" t="s">
        <v>95</v>
      </c>
      <c r="D63181" s="1" t="s">
        <v>186576</v>
      </c>
      <c r="E63181" s="1" t="s">
        <v>211147</v>
      </c>
      <c r="F63181" s="1" t="s">
        <v>211148</v>
      </c>
      <c r="G63181" s="1" t="s">
        <v>211094</v>
      </c>
      <c r="H63181" s="1" t="s">
        <v>211095</v>
      </c>
      <c r="I63181" s="1" t="s">
        <v>207852</v>
      </c>
      <c r="J63181" s="1" t="s">
        <v>211149</v>
      </c>
    </row>
    <row r="63182" spans="1:10" x14ac:dyDescent="0.35">
      <c r="A63182" s="1" t="s">
        <v>110654</v>
      </c>
      <c r="B63182" s="1" t="s">
        <v>207847</v>
      </c>
      <c r="C63182" s="1" t="s">
        <v>100</v>
      </c>
      <c r="D63182" s="1" t="s">
        <v>74064</v>
      </c>
      <c r="E63182" s="1" t="s">
        <v>211150</v>
      </c>
      <c r="F63182" s="1" t="s">
        <v>211151</v>
      </c>
      <c r="G63182" s="1" t="s">
        <v>211094</v>
      </c>
      <c r="H63182" s="1" t="s">
        <v>211095</v>
      </c>
      <c r="I63182" s="1" t="s">
        <v>207852</v>
      </c>
      <c r="J63182" s="1" t="s">
        <v>211152</v>
      </c>
    </row>
    <row r="63183" spans="1:10" x14ac:dyDescent="0.35">
      <c r="A63183" s="1" t="s">
        <v>110654</v>
      </c>
      <c r="B63183" s="1" t="s">
        <v>207847</v>
      </c>
      <c r="C63183" s="1" t="s">
        <v>105</v>
      </c>
      <c r="D63183" s="1" t="s">
        <v>32461</v>
      </c>
      <c r="E63183" s="1" t="s">
        <v>211153</v>
      </c>
      <c r="F63183" s="1" t="s">
        <v>211154</v>
      </c>
      <c r="G63183" s="1" t="s">
        <v>211094</v>
      </c>
      <c r="H63183" s="1" t="s">
        <v>211095</v>
      </c>
      <c r="I63183" s="1" t="s">
        <v>207852</v>
      </c>
      <c r="J63183" s="1" t="s">
        <v>211155</v>
      </c>
    </row>
    <row r="63184" spans="1:10" x14ac:dyDescent="0.35">
      <c r="A63184" s="1" t="s">
        <v>110654</v>
      </c>
      <c r="B63184" s="1" t="s">
        <v>207847</v>
      </c>
      <c r="C63184" s="1" t="s">
        <v>110</v>
      </c>
      <c r="D63184" s="1" t="s">
        <v>211156</v>
      </c>
      <c r="E63184" s="1" t="s">
        <v>211157</v>
      </c>
      <c r="F63184" s="1" t="s">
        <v>211158</v>
      </c>
      <c r="G63184" s="1" t="s">
        <v>211094</v>
      </c>
      <c r="H63184" s="1" t="s">
        <v>211095</v>
      </c>
      <c r="I63184" s="1" t="s">
        <v>207852</v>
      </c>
      <c r="J63184" s="1" t="s">
        <v>211159</v>
      </c>
    </row>
    <row r="63185" spans="1:10" x14ac:dyDescent="0.35">
      <c r="A63185" s="1" t="s">
        <v>110654</v>
      </c>
      <c r="B63185" s="1" t="s">
        <v>207847</v>
      </c>
      <c r="C63185" s="1" t="s">
        <v>115</v>
      </c>
      <c r="D63185" s="1" t="s">
        <v>211160</v>
      </c>
      <c r="E63185" s="1" t="s">
        <v>211161</v>
      </c>
      <c r="F63185" s="1" t="s">
        <v>211162</v>
      </c>
      <c r="G63185" s="1" t="s">
        <v>211094</v>
      </c>
      <c r="H63185" s="1" t="s">
        <v>211095</v>
      </c>
      <c r="I63185" s="1" t="s">
        <v>207852</v>
      </c>
      <c r="J63185" s="1" t="s">
        <v>211163</v>
      </c>
    </row>
    <row r="63186" spans="1:10" x14ac:dyDescent="0.35">
      <c r="A63186" s="1" t="s">
        <v>110654</v>
      </c>
      <c r="B63186" s="1" t="s">
        <v>207847</v>
      </c>
      <c r="C63186" s="1" t="s">
        <v>120</v>
      </c>
      <c r="D63186" s="1" t="s">
        <v>184445</v>
      </c>
      <c r="E63186" s="1" t="s">
        <v>211164</v>
      </c>
      <c r="F63186" s="1" t="s">
        <v>211165</v>
      </c>
      <c r="G63186" s="1" t="s">
        <v>211094</v>
      </c>
      <c r="H63186" s="1" t="s">
        <v>211095</v>
      </c>
      <c r="I63186" s="1" t="s">
        <v>207852</v>
      </c>
      <c r="J63186" s="1" t="s">
        <v>211166</v>
      </c>
    </row>
    <row r="63187" spans="1:10" x14ac:dyDescent="0.35">
      <c r="A63187" s="1" t="s">
        <v>110654</v>
      </c>
      <c r="B63187" s="1" t="s">
        <v>207847</v>
      </c>
      <c r="C63187" s="1" t="s">
        <v>125</v>
      </c>
      <c r="D63187" s="1" t="s">
        <v>211167</v>
      </c>
      <c r="E63187" s="1" t="s">
        <v>211168</v>
      </c>
      <c r="F63187" s="1" t="s">
        <v>211169</v>
      </c>
      <c r="G63187" s="1" t="s">
        <v>211094</v>
      </c>
      <c r="H63187" s="1" t="s">
        <v>211095</v>
      </c>
      <c r="I63187" s="1" t="s">
        <v>207852</v>
      </c>
      <c r="J63187" s="1" t="s">
        <v>211170</v>
      </c>
    </row>
    <row r="63188" spans="1:10" x14ac:dyDescent="0.35">
      <c r="A63188" s="1" t="s">
        <v>110654</v>
      </c>
      <c r="B63188" s="1" t="s">
        <v>207847</v>
      </c>
      <c r="C63188" s="1" t="s">
        <v>130</v>
      </c>
      <c r="D63188" s="1" t="s">
        <v>211171</v>
      </c>
      <c r="E63188" s="1" t="s">
        <v>211172</v>
      </c>
      <c r="F63188" s="1" t="s">
        <v>211173</v>
      </c>
      <c r="G63188" s="1" t="s">
        <v>211094</v>
      </c>
      <c r="H63188" s="1" t="s">
        <v>211095</v>
      </c>
      <c r="I63188" s="1" t="s">
        <v>207852</v>
      </c>
      <c r="J63188" s="1" t="s">
        <v>211174</v>
      </c>
    </row>
    <row r="63189" spans="1:10" x14ac:dyDescent="0.35">
      <c r="A63189" s="1" t="s">
        <v>110654</v>
      </c>
      <c r="B63189" s="1" t="s">
        <v>207847</v>
      </c>
      <c r="C63189" s="1" t="s">
        <v>135</v>
      </c>
      <c r="D63189" s="1" t="s">
        <v>174441</v>
      </c>
      <c r="E63189" s="1" t="s">
        <v>211175</v>
      </c>
      <c r="F63189" s="1" t="s">
        <v>211176</v>
      </c>
      <c r="G63189" s="1" t="s">
        <v>211094</v>
      </c>
      <c r="H63189" s="1" t="s">
        <v>211095</v>
      </c>
      <c r="I63189" s="1" t="s">
        <v>207852</v>
      </c>
      <c r="J63189" s="1" t="s">
        <v>211177</v>
      </c>
    </row>
    <row r="63190" spans="1:10" x14ac:dyDescent="0.35">
      <c r="A63190" s="1" t="s">
        <v>110654</v>
      </c>
      <c r="B63190" s="1" t="s">
        <v>207847</v>
      </c>
      <c r="C63190" s="1" t="s">
        <v>140</v>
      </c>
      <c r="D63190" s="1" t="s">
        <v>153379</v>
      </c>
      <c r="E63190" s="1" t="s">
        <v>211178</v>
      </c>
      <c r="F63190" s="1" t="s">
        <v>211179</v>
      </c>
      <c r="G63190" s="1" t="s">
        <v>211094</v>
      </c>
      <c r="H63190" s="1" t="s">
        <v>211095</v>
      </c>
      <c r="I63190" s="1" t="s">
        <v>207852</v>
      </c>
      <c r="J63190" s="1" t="s">
        <v>211180</v>
      </c>
    </row>
    <row r="63191" spans="1:10" x14ac:dyDescent="0.35">
      <c r="A63191" s="1" t="s">
        <v>110654</v>
      </c>
      <c r="B63191" s="1" t="s">
        <v>207847</v>
      </c>
      <c r="C63191" s="1" t="s">
        <v>145</v>
      </c>
      <c r="D63191" s="1" t="s">
        <v>211181</v>
      </c>
      <c r="E63191" s="1" t="s">
        <v>211182</v>
      </c>
      <c r="F63191" s="1" t="s">
        <v>211183</v>
      </c>
      <c r="G63191" s="1" t="s">
        <v>211094</v>
      </c>
      <c r="H63191" s="1" t="s">
        <v>211095</v>
      </c>
      <c r="I63191" s="1" t="s">
        <v>207852</v>
      </c>
      <c r="J63191" s="1" t="s">
        <v>211184</v>
      </c>
    </row>
    <row r="63192" spans="1:10" x14ac:dyDescent="0.35">
      <c r="A63192" s="1" t="s">
        <v>110654</v>
      </c>
      <c r="B63192" s="1" t="s">
        <v>207847</v>
      </c>
      <c r="C63192" s="1" t="s">
        <v>150</v>
      </c>
      <c r="D63192" s="1" t="s">
        <v>173795</v>
      </c>
      <c r="E63192" s="1" t="s">
        <v>211185</v>
      </c>
      <c r="F63192" s="1" t="s">
        <v>211186</v>
      </c>
      <c r="G63192" s="1" t="s">
        <v>211094</v>
      </c>
      <c r="H63192" s="1" t="s">
        <v>211095</v>
      </c>
      <c r="I63192" s="1" t="s">
        <v>207852</v>
      </c>
      <c r="J63192" s="1" t="s">
        <v>211187</v>
      </c>
    </row>
    <row r="63193" spans="1:10" x14ac:dyDescent="0.35">
      <c r="A63193" s="1" t="s">
        <v>110654</v>
      </c>
      <c r="B63193" s="1" t="s">
        <v>207847</v>
      </c>
      <c r="C63193" s="1" t="s">
        <v>155</v>
      </c>
      <c r="D63193" s="1" t="s">
        <v>72648</v>
      </c>
      <c r="E63193" s="1" t="s">
        <v>211188</v>
      </c>
      <c r="F63193" s="1" t="s">
        <v>211189</v>
      </c>
      <c r="G63193" s="1" t="s">
        <v>211094</v>
      </c>
      <c r="H63193" s="1" t="s">
        <v>211095</v>
      </c>
      <c r="I63193" s="1" t="s">
        <v>207852</v>
      </c>
      <c r="J63193" s="1" t="s">
        <v>211190</v>
      </c>
    </row>
    <row r="63194" spans="1:10" x14ac:dyDescent="0.35">
      <c r="A63194" s="1" t="s">
        <v>110654</v>
      </c>
      <c r="B63194" s="1" t="s">
        <v>207847</v>
      </c>
      <c r="C63194" s="1" t="s">
        <v>160</v>
      </c>
      <c r="D63194" s="1" t="s">
        <v>211191</v>
      </c>
      <c r="E63194" s="1" t="s">
        <v>211192</v>
      </c>
      <c r="F63194" s="1" t="s">
        <v>211193</v>
      </c>
      <c r="G63194" s="1" t="s">
        <v>211094</v>
      </c>
      <c r="H63194" s="1" t="s">
        <v>211095</v>
      </c>
      <c r="I63194" s="1" t="s">
        <v>207852</v>
      </c>
      <c r="J63194" s="1" t="s">
        <v>211194</v>
      </c>
    </row>
    <row r="63195" spans="1:10" x14ac:dyDescent="0.35">
      <c r="A63195" s="1" t="s">
        <v>110654</v>
      </c>
      <c r="B63195" s="1" t="s">
        <v>207847</v>
      </c>
      <c r="C63195" s="1" t="s">
        <v>165</v>
      </c>
      <c r="D63195" s="1" t="s">
        <v>211195</v>
      </c>
      <c r="E63195" s="1" t="s">
        <v>211196</v>
      </c>
      <c r="F63195" s="1" t="s">
        <v>211197</v>
      </c>
      <c r="G63195" s="1" t="s">
        <v>211094</v>
      </c>
      <c r="H63195" s="1" t="s">
        <v>211095</v>
      </c>
      <c r="I63195" s="1" t="s">
        <v>207852</v>
      </c>
      <c r="J63195" s="1" t="s">
        <v>211198</v>
      </c>
    </row>
    <row r="63196" spans="1:10" x14ac:dyDescent="0.35">
      <c r="A63196" s="1" t="s">
        <v>110654</v>
      </c>
      <c r="B63196" s="1" t="s">
        <v>207847</v>
      </c>
      <c r="C63196" s="1" t="s">
        <v>170</v>
      </c>
      <c r="D63196" s="1" t="s">
        <v>63633</v>
      </c>
      <c r="E63196" s="1" t="s">
        <v>211199</v>
      </c>
      <c r="F63196" s="1" t="s">
        <v>211200</v>
      </c>
      <c r="G63196" s="1" t="s">
        <v>211094</v>
      </c>
      <c r="H63196" s="1" t="s">
        <v>211095</v>
      </c>
      <c r="I63196" s="1" t="s">
        <v>207852</v>
      </c>
      <c r="J63196" s="1" t="s">
        <v>211201</v>
      </c>
    </row>
    <row r="63197" spans="1:10" x14ac:dyDescent="0.35">
      <c r="A63197" s="1" t="s">
        <v>111821</v>
      </c>
      <c r="B63197" s="1" t="s">
        <v>207847</v>
      </c>
      <c r="C63197" s="1" t="s">
        <v>8</v>
      </c>
      <c r="D63197" s="1" t="s">
        <v>83399</v>
      </c>
      <c r="E63197" s="1" t="s">
        <v>211202</v>
      </c>
      <c r="F63197" s="1" t="s">
        <v>211203</v>
      </c>
      <c r="G63197" s="1" t="s">
        <v>211204</v>
      </c>
      <c r="H63197" s="1" t="s">
        <v>211205</v>
      </c>
      <c r="I63197" s="1" t="s">
        <v>207852</v>
      </c>
      <c r="J63197" s="1" t="s">
        <v>13</v>
      </c>
    </row>
    <row r="63198" spans="1:10" x14ac:dyDescent="0.35">
      <c r="A63198" s="1" t="s">
        <v>111821</v>
      </c>
      <c r="B63198" s="1" t="s">
        <v>207847</v>
      </c>
      <c r="C63198" s="1" t="s">
        <v>15</v>
      </c>
      <c r="D63198" s="1" t="s">
        <v>34298</v>
      </c>
      <c r="E63198" s="1" t="s">
        <v>211206</v>
      </c>
      <c r="F63198" s="1" t="s">
        <v>211207</v>
      </c>
      <c r="G63198" s="1" t="s">
        <v>211204</v>
      </c>
      <c r="H63198" s="1" t="s">
        <v>211205</v>
      </c>
      <c r="I63198" s="1" t="s">
        <v>207852</v>
      </c>
      <c r="J63198" s="1" t="s">
        <v>211208</v>
      </c>
    </row>
    <row r="63199" spans="1:10" x14ac:dyDescent="0.35">
      <c r="A63199" s="1" t="s">
        <v>111821</v>
      </c>
      <c r="B63199" s="1" t="s">
        <v>207847</v>
      </c>
      <c r="C63199" s="1" t="s">
        <v>20</v>
      </c>
      <c r="D63199" s="1" t="s">
        <v>211209</v>
      </c>
      <c r="E63199" s="1" t="s">
        <v>211210</v>
      </c>
      <c r="F63199" s="1" t="s">
        <v>211211</v>
      </c>
      <c r="G63199" s="1" t="s">
        <v>211204</v>
      </c>
      <c r="H63199" s="1" t="s">
        <v>211205</v>
      </c>
      <c r="I63199" s="1" t="s">
        <v>207852</v>
      </c>
      <c r="J63199" s="1" t="s">
        <v>211212</v>
      </c>
    </row>
    <row r="63200" spans="1:10" x14ac:dyDescent="0.35">
      <c r="A63200" s="1" t="s">
        <v>111821</v>
      </c>
      <c r="B63200" s="1" t="s">
        <v>207847</v>
      </c>
      <c r="C63200" s="1" t="s">
        <v>25</v>
      </c>
      <c r="D63200" s="1" t="s">
        <v>211213</v>
      </c>
      <c r="E63200" s="1" t="s">
        <v>211214</v>
      </c>
      <c r="F63200" s="1" t="s">
        <v>211215</v>
      </c>
      <c r="G63200" s="1" t="s">
        <v>211204</v>
      </c>
      <c r="H63200" s="1" t="s">
        <v>211205</v>
      </c>
      <c r="I63200" s="1" t="s">
        <v>207852</v>
      </c>
      <c r="J63200" s="1" t="s">
        <v>211216</v>
      </c>
    </row>
    <row r="63201" spans="1:10" x14ac:dyDescent="0.35">
      <c r="A63201" s="1" t="s">
        <v>111821</v>
      </c>
      <c r="B63201" s="1" t="s">
        <v>207847</v>
      </c>
      <c r="C63201" s="1" t="s">
        <v>30</v>
      </c>
      <c r="D63201" s="1" t="s">
        <v>115759</v>
      </c>
      <c r="E63201" s="1" t="s">
        <v>211217</v>
      </c>
      <c r="F63201" s="1" t="s">
        <v>211218</v>
      </c>
      <c r="G63201" s="1" t="s">
        <v>211204</v>
      </c>
      <c r="H63201" s="1" t="s">
        <v>211205</v>
      </c>
      <c r="I63201" s="1" t="s">
        <v>207852</v>
      </c>
      <c r="J63201" s="1" t="s">
        <v>211219</v>
      </c>
    </row>
    <row r="63202" spans="1:10" x14ac:dyDescent="0.35">
      <c r="A63202" s="1" t="s">
        <v>111821</v>
      </c>
      <c r="B63202" s="1" t="s">
        <v>207847</v>
      </c>
      <c r="C63202" s="1" t="s">
        <v>35</v>
      </c>
      <c r="D63202" s="1" t="s">
        <v>14595</v>
      </c>
      <c r="E63202" s="1" t="s">
        <v>211220</v>
      </c>
      <c r="F63202" s="1" t="s">
        <v>211221</v>
      </c>
      <c r="G63202" s="1" t="s">
        <v>211204</v>
      </c>
      <c r="H63202" s="1" t="s">
        <v>211205</v>
      </c>
      <c r="I63202" s="1" t="s">
        <v>207852</v>
      </c>
      <c r="J63202" s="1" t="s">
        <v>211222</v>
      </c>
    </row>
    <row r="63203" spans="1:10" x14ac:dyDescent="0.35">
      <c r="A63203" s="1" t="s">
        <v>111821</v>
      </c>
      <c r="B63203" s="1" t="s">
        <v>207847</v>
      </c>
      <c r="C63203" s="1" t="s">
        <v>40</v>
      </c>
      <c r="D63203" s="1" t="s">
        <v>70946</v>
      </c>
      <c r="E63203" s="1" t="s">
        <v>211223</v>
      </c>
      <c r="F63203" s="1" t="s">
        <v>211224</v>
      </c>
      <c r="G63203" s="1" t="s">
        <v>211204</v>
      </c>
      <c r="H63203" s="1" t="s">
        <v>211205</v>
      </c>
      <c r="I63203" s="1" t="s">
        <v>207852</v>
      </c>
      <c r="J63203" s="1" t="s">
        <v>211225</v>
      </c>
    </row>
    <row r="63204" spans="1:10" x14ac:dyDescent="0.35">
      <c r="A63204" s="1" t="s">
        <v>111821</v>
      </c>
      <c r="B63204" s="1" t="s">
        <v>207847</v>
      </c>
      <c r="C63204" s="1" t="s">
        <v>45</v>
      </c>
      <c r="D63204" s="1" t="s">
        <v>28678</v>
      </c>
      <c r="E63204" s="1" t="s">
        <v>211226</v>
      </c>
      <c r="F63204" s="1" t="s">
        <v>211227</v>
      </c>
      <c r="G63204" s="1" t="s">
        <v>211204</v>
      </c>
      <c r="H63204" s="1" t="s">
        <v>211205</v>
      </c>
      <c r="I63204" s="1" t="s">
        <v>207852</v>
      </c>
      <c r="J63204" s="1" t="s">
        <v>211228</v>
      </c>
    </row>
    <row r="63205" spans="1:10" x14ac:dyDescent="0.35">
      <c r="A63205" s="1" t="s">
        <v>111821</v>
      </c>
      <c r="B63205" s="1" t="s">
        <v>207847</v>
      </c>
      <c r="C63205" s="1" t="s">
        <v>50</v>
      </c>
      <c r="D63205" s="1" t="s">
        <v>30712</v>
      </c>
      <c r="E63205" s="1" t="s">
        <v>211229</v>
      </c>
      <c r="F63205" s="1" t="s">
        <v>211230</v>
      </c>
      <c r="G63205" s="1" t="s">
        <v>211204</v>
      </c>
      <c r="H63205" s="1" t="s">
        <v>211205</v>
      </c>
      <c r="I63205" s="1" t="s">
        <v>207852</v>
      </c>
      <c r="J63205" s="1" t="s">
        <v>211231</v>
      </c>
    </row>
    <row r="63206" spans="1:10" x14ac:dyDescent="0.35">
      <c r="A63206" s="1" t="s">
        <v>111821</v>
      </c>
      <c r="B63206" s="1" t="s">
        <v>207847</v>
      </c>
      <c r="C63206" s="1" t="s">
        <v>55</v>
      </c>
      <c r="D63206" s="1" t="s">
        <v>45168</v>
      </c>
      <c r="E63206" s="1" t="s">
        <v>211232</v>
      </c>
      <c r="F63206" s="1" t="s">
        <v>211233</v>
      </c>
      <c r="G63206" s="1" t="s">
        <v>211204</v>
      </c>
      <c r="H63206" s="1" t="s">
        <v>211205</v>
      </c>
      <c r="I63206" s="1" t="s">
        <v>207852</v>
      </c>
      <c r="J63206" s="1" t="s">
        <v>211234</v>
      </c>
    </row>
    <row r="63207" spans="1:10" x14ac:dyDescent="0.35">
      <c r="A63207" s="1" t="s">
        <v>111821</v>
      </c>
      <c r="B63207" s="1" t="s">
        <v>207847</v>
      </c>
      <c r="C63207" s="1" t="s">
        <v>60</v>
      </c>
      <c r="D63207" s="1" t="s">
        <v>211235</v>
      </c>
      <c r="E63207" s="1" t="s">
        <v>211236</v>
      </c>
      <c r="F63207" s="1" t="s">
        <v>211237</v>
      </c>
      <c r="G63207" s="1" t="s">
        <v>211204</v>
      </c>
      <c r="H63207" s="1" t="s">
        <v>211205</v>
      </c>
      <c r="I63207" s="1" t="s">
        <v>207852</v>
      </c>
      <c r="J63207" s="1" t="s">
        <v>211238</v>
      </c>
    </row>
    <row r="63208" spans="1:10" x14ac:dyDescent="0.35">
      <c r="A63208" s="1" t="s">
        <v>111821</v>
      </c>
      <c r="B63208" s="1" t="s">
        <v>207847</v>
      </c>
      <c r="C63208" s="1" t="s">
        <v>65</v>
      </c>
      <c r="D63208" s="1" t="s">
        <v>135570</v>
      </c>
      <c r="E63208" s="1" t="s">
        <v>211239</v>
      </c>
      <c r="F63208" s="1" t="s">
        <v>211240</v>
      </c>
      <c r="G63208" s="1" t="s">
        <v>211204</v>
      </c>
      <c r="H63208" s="1" t="s">
        <v>211205</v>
      </c>
      <c r="I63208" s="1" t="s">
        <v>207852</v>
      </c>
      <c r="J63208" s="1" t="s">
        <v>211241</v>
      </c>
    </row>
    <row r="63209" spans="1:10" x14ac:dyDescent="0.35">
      <c r="A63209" s="1" t="s">
        <v>111821</v>
      </c>
      <c r="B63209" s="1" t="s">
        <v>207847</v>
      </c>
      <c r="C63209" s="1" t="s">
        <v>70</v>
      </c>
      <c r="D63209" s="1" t="s">
        <v>115886</v>
      </c>
      <c r="E63209" s="1" t="s">
        <v>211242</v>
      </c>
      <c r="F63209" s="1" t="s">
        <v>211243</v>
      </c>
      <c r="G63209" s="1" t="s">
        <v>211204</v>
      </c>
      <c r="H63209" s="1" t="s">
        <v>211205</v>
      </c>
      <c r="I63209" s="1" t="s">
        <v>207852</v>
      </c>
      <c r="J63209" s="1" t="s">
        <v>211244</v>
      </c>
    </row>
    <row r="63210" spans="1:10" x14ac:dyDescent="0.35">
      <c r="A63210" s="1" t="s">
        <v>111821</v>
      </c>
      <c r="B63210" s="1" t="s">
        <v>207847</v>
      </c>
      <c r="C63210" s="1" t="s">
        <v>75</v>
      </c>
      <c r="D63210" s="1" t="s">
        <v>48911</v>
      </c>
      <c r="E63210" s="1" t="s">
        <v>211245</v>
      </c>
      <c r="F63210" s="1" t="s">
        <v>211246</v>
      </c>
      <c r="G63210" s="1" t="s">
        <v>211204</v>
      </c>
      <c r="H63210" s="1" t="s">
        <v>211205</v>
      </c>
      <c r="I63210" s="1" t="s">
        <v>207852</v>
      </c>
      <c r="J63210" s="1" t="s">
        <v>211247</v>
      </c>
    </row>
    <row r="63211" spans="1:10" x14ac:dyDescent="0.35">
      <c r="A63211" s="1" t="s">
        <v>111821</v>
      </c>
      <c r="B63211" s="1" t="s">
        <v>207847</v>
      </c>
      <c r="C63211" s="1" t="s">
        <v>80</v>
      </c>
      <c r="D63211" s="1" t="s">
        <v>211248</v>
      </c>
      <c r="E63211" s="1" t="s">
        <v>211249</v>
      </c>
      <c r="F63211" s="1" t="s">
        <v>211250</v>
      </c>
      <c r="G63211" s="1" t="s">
        <v>211204</v>
      </c>
      <c r="H63211" s="1" t="s">
        <v>211205</v>
      </c>
      <c r="I63211" s="1" t="s">
        <v>207852</v>
      </c>
      <c r="J63211" s="1" t="s">
        <v>211251</v>
      </c>
    </row>
    <row r="63212" spans="1:10" x14ac:dyDescent="0.35">
      <c r="A63212" s="1" t="s">
        <v>111821</v>
      </c>
      <c r="B63212" s="1" t="s">
        <v>207847</v>
      </c>
      <c r="C63212" s="1" t="s">
        <v>85</v>
      </c>
      <c r="D63212" s="1" t="s">
        <v>211252</v>
      </c>
      <c r="E63212" s="1" t="s">
        <v>211253</v>
      </c>
      <c r="F63212" s="1" t="s">
        <v>211254</v>
      </c>
      <c r="G63212" s="1" t="s">
        <v>211204</v>
      </c>
      <c r="H63212" s="1" t="s">
        <v>211205</v>
      </c>
      <c r="I63212" s="1" t="s">
        <v>207852</v>
      </c>
      <c r="J63212" s="1" t="s">
        <v>211255</v>
      </c>
    </row>
    <row r="63213" spans="1:10" x14ac:dyDescent="0.35">
      <c r="A63213" s="1" t="s">
        <v>111821</v>
      </c>
      <c r="B63213" s="1" t="s">
        <v>207847</v>
      </c>
      <c r="C63213" s="1" t="s">
        <v>90</v>
      </c>
      <c r="D63213" s="1" t="s">
        <v>30607</v>
      </c>
      <c r="E63213" s="1" t="s">
        <v>211256</v>
      </c>
      <c r="F63213" s="1" t="s">
        <v>211257</v>
      </c>
      <c r="G63213" s="1" t="s">
        <v>211204</v>
      </c>
      <c r="H63213" s="1" t="s">
        <v>211205</v>
      </c>
      <c r="I63213" s="1" t="s">
        <v>207852</v>
      </c>
      <c r="J63213" s="1" t="s">
        <v>211258</v>
      </c>
    </row>
    <row r="63214" spans="1:10" x14ac:dyDescent="0.35">
      <c r="A63214" s="1" t="s">
        <v>111821</v>
      </c>
      <c r="B63214" s="1" t="s">
        <v>207847</v>
      </c>
      <c r="C63214" s="1" t="s">
        <v>95</v>
      </c>
      <c r="D63214" s="1" t="s">
        <v>13083</v>
      </c>
      <c r="E63214" s="1" t="s">
        <v>211259</v>
      </c>
      <c r="F63214" s="1" t="s">
        <v>211260</v>
      </c>
      <c r="G63214" s="1" t="s">
        <v>211204</v>
      </c>
      <c r="H63214" s="1" t="s">
        <v>211205</v>
      </c>
      <c r="I63214" s="1" t="s">
        <v>207852</v>
      </c>
      <c r="J63214" s="1" t="s">
        <v>211261</v>
      </c>
    </row>
    <row r="63215" spans="1:10" x14ac:dyDescent="0.35">
      <c r="A63215" s="1" t="s">
        <v>111821</v>
      </c>
      <c r="B63215" s="1" t="s">
        <v>207847</v>
      </c>
      <c r="C63215" s="1" t="s">
        <v>100</v>
      </c>
      <c r="D63215" s="1" t="s">
        <v>24832</v>
      </c>
      <c r="E63215" s="1" t="s">
        <v>211262</v>
      </c>
      <c r="F63215" s="1" t="s">
        <v>211263</v>
      </c>
      <c r="G63215" s="1" t="s">
        <v>211204</v>
      </c>
      <c r="H63215" s="1" t="s">
        <v>211205</v>
      </c>
      <c r="I63215" s="1" t="s">
        <v>207852</v>
      </c>
      <c r="J63215" s="1" t="s">
        <v>211264</v>
      </c>
    </row>
    <row r="63216" spans="1:10" x14ac:dyDescent="0.35">
      <c r="A63216" s="1" t="s">
        <v>111821</v>
      </c>
      <c r="B63216" s="1" t="s">
        <v>207847</v>
      </c>
      <c r="C63216" s="1" t="s">
        <v>105</v>
      </c>
      <c r="D63216" s="1" t="s">
        <v>135840</v>
      </c>
      <c r="E63216" s="1" t="s">
        <v>211265</v>
      </c>
      <c r="F63216" s="1" t="s">
        <v>211266</v>
      </c>
      <c r="G63216" s="1" t="s">
        <v>211204</v>
      </c>
      <c r="H63216" s="1" t="s">
        <v>211205</v>
      </c>
      <c r="I63216" s="1" t="s">
        <v>207852</v>
      </c>
      <c r="J63216" s="1" t="s">
        <v>211267</v>
      </c>
    </row>
    <row r="63217" spans="1:10" x14ac:dyDescent="0.35">
      <c r="A63217" s="1" t="s">
        <v>111821</v>
      </c>
      <c r="B63217" s="1" t="s">
        <v>207847</v>
      </c>
      <c r="C63217" s="1" t="s">
        <v>110</v>
      </c>
      <c r="D63217" s="1" t="s">
        <v>17899</v>
      </c>
      <c r="E63217" s="1" t="s">
        <v>211268</v>
      </c>
      <c r="F63217" s="1" t="s">
        <v>211269</v>
      </c>
      <c r="G63217" s="1" t="s">
        <v>211204</v>
      </c>
      <c r="H63217" s="1" t="s">
        <v>211205</v>
      </c>
      <c r="I63217" s="1" t="s">
        <v>207852</v>
      </c>
      <c r="J63217" s="1" t="s">
        <v>211270</v>
      </c>
    </row>
    <row r="63218" spans="1:10" x14ac:dyDescent="0.35">
      <c r="A63218" s="1" t="s">
        <v>111821</v>
      </c>
      <c r="B63218" s="1" t="s">
        <v>207847</v>
      </c>
      <c r="C63218" s="1" t="s">
        <v>115</v>
      </c>
      <c r="D63218" s="1" t="s">
        <v>177244</v>
      </c>
      <c r="E63218" s="1" t="s">
        <v>211271</v>
      </c>
      <c r="F63218" s="1" t="s">
        <v>211272</v>
      </c>
      <c r="G63218" s="1" t="s">
        <v>211204</v>
      </c>
      <c r="H63218" s="1" t="s">
        <v>211205</v>
      </c>
      <c r="I63218" s="1" t="s">
        <v>207852</v>
      </c>
      <c r="J63218" s="1" t="s">
        <v>211273</v>
      </c>
    </row>
    <row r="63219" spans="1:10" x14ac:dyDescent="0.35">
      <c r="A63219" s="1" t="s">
        <v>111821</v>
      </c>
      <c r="B63219" s="1" t="s">
        <v>207847</v>
      </c>
      <c r="C63219" s="1" t="s">
        <v>120</v>
      </c>
      <c r="D63219" s="1" t="s">
        <v>172485</v>
      </c>
      <c r="E63219" s="1" t="s">
        <v>211274</v>
      </c>
      <c r="F63219" s="1" t="s">
        <v>211275</v>
      </c>
      <c r="G63219" s="1" t="s">
        <v>211204</v>
      </c>
      <c r="H63219" s="1" t="s">
        <v>211205</v>
      </c>
      <c r="I63219" s="1" t="s">
        <v>207852</v>
      </c>
      <c r="J63219" s="1" t="s">
        <v>211276</v>
      </c>
    </row>
    <row r="63220" spans="1:10" x14ac:dyDescent="0.35">
      <c r="A63220" s="1" t="s">
        <v>111821</v>
      </c>
      <c r="B63220" s="1" t="s">
        <v>207847</v>
      </c>
      <c r="C63220" s="1" t="s">
        <v>125</v>
      </c>
      <c r="D63220" s="1" t="s">
        <v>75292</v>
      </c>
      <c r="E63220" s="1" t="s">
        <v>211277</v>
      </c>
      <c r="F63220" s="1" t="s">
        <v>211278</v>
      </c>
      <c r="G63220" s="1" t="s">
        <v>211204</v>
      </c>
      <c r="H63220" s="1" t="s">
        <v>211205</v>
      </c>
      <c r="I63220" s="1" t="s">
        <v>207852</v>
      </c>
      <c r="J63220" s="1" t="s">
        <v>211279</v>
      </c>
    </row>
    <row r="63221" spans="1:10" x14ac:dyDescent="0.35">
      <c r="A63221" s="1" t="s">
        <v>111821</v>
      </c>
      <c r="B63221" s="1" t="s">
        <v>207847</v>
      </c>
      <c r="C63221" s="1" t="s">
        <v>130</v>
      </c>
      <c r="D63221" s="1" t="s">
        <v>38368</v>
      </c>
      <c r="E63221" s="1" t="s">
        <v>211280</v>
      </c>
      <c r="F63221" s="1" t="s">
        <v>211281</v>
      </c>
      <c r="G63221" s="1" t="s">
        <v>211204</v>
      </c>
      <c r="H63221" s="1" t="s">
        <v>211205</v>
      </c>
      <c r="I63221" s="1" t="s">
        <v>207852</v>
      </c>
      <c r="J63221" s="1" t="s">
        <v>211282</v>
      </c>
    </row>
    <row r="63222" spans="1:10" x14ac:dyDescent="0.35">
      <c r="A63222" s="1" t="s">
        <v>111821</v>
      </c>
      <c r="B63222" s="1" t="s">
        <v>207847</v>
      </c>
      <c r="C63222" s="1" t="s">
        <v>135</v>
      </c>
      <c r="D63222" s="1" t="s">
        <v>211283</v>
      </c>
      <c r="E63222" s="1" t="s">
        <v>211284</v>
      </c>
      <c r="F63222" s="1" t="s">
        <v>211285</v>
      </c>
      <c r="G63222" s="1" t="s">
        <v>211204</v>
      </c>
      <c r="H63222" s="1" t="s">
        <v>211205</v>
      </c>
      <c r="I63222" s="1" t="s">
        <v>207852</v>
      </c>
      <c r="J63222" s="1" t="s">
        <v>211286</v>
      </c>
    </row>
    <row r="63223" spans="1:10" x14ac:dyDescent="0.35">
      <c r="A63223" s="1" t="s">
        <v>111821</v>
      </c>
      <c r="B63223" s="1" t="s">
        <v>207847</v>
      </c>
      <c r="C63223" s="1" t="s">
        <v>140</v>
      </c>
      <c r="D63223" s="1" t="s">
        <v>123903</v>
      </c>
      <c r="E63223" s="1" t="s">
        <v>211287</v>
      </c>
      <c r="F63223" s="1" t="s">
        <v>211288</v>
      </c>
      <c r="G63223" s="1" t="s">
        <v>211204</v>
      </c>
      <c r="H63223" s="1" t="s">
        <v>211205</v>
      </c>
      <c r="I63223" s="1" t="s">
        <v>207852</v>
      </c>
      <c r="J63223" s="1" t="s">
        <v>211289</v>
      </c>
    </row>
    <row r="63224" spans="1:10" x14ac:dyDescent="0.35">
      <c r="A63224" s="1" t="s">
        <v>111821</v>
      </c>
      <c r="B63224" s="1" t="s">
        <v>207847</v>
      </c>
      <c r="C63224" s="1" t="s">
        <v>145</v>
      </c>
      <c r="D63224" s="1" t="s">
        <v>211290</v>
      </c>
      <c r="E63224" s="1" t="s">
        <v>211291</v>
      </c>
      <c r="F63224" s="1" t="s">
        <v>211292</v>
      </c>
      <c r="G63224" s="1" t="s">
        <v>211204</v>
      </c>
      <c r="H63224" s="1" t="s">
        <v>211205</v>
      </c>
      <c r="I63224" s="1" t="s">
        <v>207852</v>
      </c>
      <c r="J63224" s="1" t="s">
        <v>211293</v>
      </c>
    </row>
    <row r="63225" spans="1:10" x14ac:dyDescent="0.35">
      <c r="A63225" s="1" t="s">
        <v>111821</v>
      </c>
      <c r="B63225" s="1" t="s">
        <v>207847</v>
      </c>
      <c r="C63225" s="1" t="s">
        <v>150</v>
      </c>
      <c r="D63225" s="1" t="s">
        <v>209727</v>
      </c>
      <c r="E63225" s="1" t="s">
        <v>211294</v>
      </c>
      <c r="F63225" s="1" t="s">
        <v>211295</v>
      </c>
      <c r="G63225" s="1" t="s">
        <v>211204</v>
      </c>
      <c r="H63225" s="1" t="s">
        <v>211205</v>
      </c>
      <c r="I63225" s="1" t="s">
        <v>207852</v>
      </c>
      <c r="J63225" s="1" t="s">
        <v>211296</v>
      </c>
    </row>
    <row r="63226" spans="1:10" x14ac:dyDescent="0.35">
      <c r="A63226" s="1" t="s">
        <v>111821</v>
      </c>
      <c r="B63226" s="1" t="s">
        <v>207847</v>
      </c>
      <c r="C63226" s="1" t="s">
        <v>155</v>
      </c>
      <c r="D63226" s="1" t="s">
        <v>188240</v>
      </c>
      <c r="E63226" s="1" t="s">
        <v>211297</v>
      </c>
      <c r="F63226" s="1" t="s">
        <v>211298</v>
      </c>
      <c r="G63226" s="1" t="s">
        <v>211204</v>
      </c>
      <c r="H63226" s="1" t="s">
        <v>211205</v>
      </c>
      <c r="I63226" s="1" t="s">
        <v>207852</v>
      </c>
      <c r="J63226" s="1" t="s">
        <v>211299</v>
      </c>
    </row>
    <row r="63227" spans="1:10" x14ac:dyDescent="0.35">
      <c r="A63227" s="1" t="s">
        <v>111821</v>
      </c>
      <c r="B63227" s="1" t="s">
        <v>207847</v>
      </c>
      <c r="C63227" s="1" t="s">
        <v>160</v>
      </c>
      <c r="D63227" s="1" t="s">
        <v>211300</v>
      </c>
      <c r="E63227" s="1" t="s">
        <v>211301</v>
      </c>
      <c r="F63227" s="1" t="s">
        <v>211302</v>
      </c>
      <c r="G63227" s="1" t="s">
        <v>211204</v>
      </c>
      <c r="H63227" s="1" t="s">
        <v>211205</v>
      </c>
      <c r="I63227" s="1" t="s">
        <v>207852</v>
      </c>
      <c r="J63227" s="1" t="s">
        <v>211303</v>
      </c>
    </row>
    <row r="63228" spans="1:10" x14ac:dyDescent="0.35">
      <c r="A63228" s="1" t="s">
        <v>111821</v>
      </c>
      <c r="B63228" s="1" t="s">
        <v>207847</v>
      </c>
      <c r="C63228" s="1" t="s">
        <v>165</v>
      </c>
      <c r="D63228" s="1" t="s">
        <v>195361</v>
      </c>
      <c r="E63228" s="1" t="s">
        <v>211304</v>
      </c>
      <c r="F63228" s="1" t="s">
        <v>211305</v>
      </c>
      <c r="G63228" s="1" t="s">
        <v>211204</v>
      </c>
      <c r="H63228" s="1" t="s">
        <v>211205</v>
      </c>
      <c r="I63228" s="1" t="s">
        <v>207852</v>
      </c>
      <c r="J63228" s="1" t="s">
        <v>211306</v>
      </c>
    </row>
    <row r="63229" spans="1:10" x14ac:dyDescent="0.35">
      <c r="A63229" s="1" t="s">
        <v>111821</v>
      </c>
      <c r="B63229" s="1" t="s">
        <v>207847</v>
      </c>
      <c r="C63229" s="1" t="s">
        <v>170</v>
      </c>
      <c r="D63229" s="1" t="s">
        <v>211307</v>
      </c>
      <c r="E63229" s="1" t="s">
        <v>211308</v>
      </c>
      <c r="F63229" s="1" t="s">
        <v>211309</v>
      </c>
      <c r="G63229" s="1" t="s">
        <v>211204</v>
      </c>
      <c r="H63229" s="1" t="s">
        <v>211205</v>
      </c>
      <c r="I63229" s="1" t="s">
        <v>207852</v>
      </c>
      <c r="J63229" s="1" t="s">
        <v>211310</v>
      </c>
    </row>
    <row r="63230" spans="1:10" x14ac:dyDescent="0.35">
      <c r="A63230" s="1" t="s">
        <v>143232</v>
      </c>
      <c r="B63230" s="1" t="s">
        <v>207847</v>
      </c>
      <c r="C63230" s="1" t="s">
        <v>8</v>
      </c>
      <c r="D63230" s="1" t="s">
        <v>10554</v>
      </c>
      <c r="E63230" s="1" t="s">
        <v>211311</v>
      </c>
      <c r="F63230" s="1" t="s">
        <v>211312</v>
      </c>
      <c r="G63230" s="1" t="s">
        <v>211313</v>
      </c>
      <c r="H63230" s="1" t="s">
        <v>211314</v>
      </c>
      <c r="I63230" s="1" t="s">
        <v>207852</v>
      </c>
      <c r="J63230" s="1" t="s">
        <v>13</v>
      </c>
    </row>
    <row r="63231" spans="1:10" x14ac:dyDescent="0.35">
      <c r="A63231" s="1" t="s">
        <v>143232</v>
      </c>
      <c r="B63231" s="1" t="s">
        <v>207847</v>
      </c>
      <c r="C63231" s="1" t="s">
        <v>15</v>
      </c>
      <c r="D63231" s="1" t="s">
        <v>110938</v>
      </c>
      <c r="E63231" s="1" t="s">
        <v>211315</v>
      </c>
      <c r="F63231" s="1" t="s">
        <v>211316</v>
      </c>
      <c r="G63231" s="1" t="s">
        <v>211313</v>
      </c>
      <c r="H63231" s="1" t="s">
        <v>211314</v>
      </c>
      <c r="I63231" s="1" t="s">
        <v>207852</v>
      </c>
      <c r="J63231" s="1" t="s">
        <v>211317</v>
      </c>
    </row>
    <row r="63232" spans="1:10" x14ac:dyDescent="0.35">
      <c r="A63232" s="1" t="s">
        <v>143232</v>
      </c>
      <c r="B63232" s="1" t="s">
        <v>207847</v>
      </c>
      <c r="C63232" s="1" t="s">
        <v>20</v>
      </c>
      <c r="D63232" s="1" t="s">
        <v>34340</v>
      </c>
      <c r="E63232" s="1" t="s">
        <v>211318</v>
      </c>
      <c r="F63232" s="1" t="s">
        <v>211319</v>
      </c>
      <c r="G63232" s="1" t="s">
        <v>211313</v>
      </c>
      <c r="H63232" s="1" t="s">
        <v>211314</v>
      </c>
      <c r="I63232" s="1" t="s">
        <v>207852</v>
      </c>
      <c r="J63232" s="1" t="s">
        <v>208234</v>
      </c>
    </row>
    <row r="63233" spans="1:10" x14ac:dyDescent="0.35">
      <c r="A63233" s="1" t="s">
        <v>143232</v>
      </c>
      <c r="B63233" s="1" t="s">
        <v>207847</v>
      </c>
      <c r="C63233" s="1" t="s">
        <v>25</v>
      </c>
      <c r="D63233" s="1" t="s">
        <v>7223</v>
      </c>
      <c r="E63233" s="1" t="s">
        <v>211320</v>
      </c>
      <c r="F63233" s="1" t="s">
        <v>211321</v>
      </c>
      <c r="G63233" s="1" t="s">
        <v>211313</v>
      </c>
      <c r="H63233" s="1" t="s">
        <v>211314</v>
      </c>
      <c r="I63233" s="1" t="s">
        <v>207852</v>
      </c>
      <c r="J63233" s="1" t="s">
        <v>211322</v>
      </c>
    </row>
    <row r="63234" spans="1:10" x14ac:dyDescent="0.35">
      <c r="A63234" s="1" t="s">
        <v>143232</v>
      </c>
      <c r="B63234" s="1" t="s">
        <v>207847</v>
      </c>
      <c r="C63234" s="1" t="s">
        <v>30</v>
      </c>
      <c r="D63234" s="1" t="s">
        <v>104596</v>
      </c>
      <c r="E63234" s="1" t="s">
        <v>211323</v>
      </c>
      <c r="F63234" s="1" t="s">
        <v>211324</v>
      </c>
      <c r="G63234" s="1" t="s">
        <v>211313</v>
      </c>
      <c r="H63234" s="1" t="s">
        <v>211314</v>
      </c>
      <c r="I63234" s="1" t="s">
        <v>207852</v>
      </c>
      <c r="J63234" s="1" t="s">
        <v>211325</v>
      </c>
    </row>
    <row r="63235" spans="1:10" x14ac:dyDescent="0.35">
      <c r="A63235" s="1" t="s">
        <v>143232</v>
      </c>
      <c r="B63235" s="1" t="s">
        <v>207847</v>
      </c>
      <c r="C63235" s="1" t="s">
        <v>35</v>
      </c>
      <c r="D63235" s="1" t="s">
        <v>15292</v>
      </c>
      <c r="E63235" s="1" t="s">
        <v>211326</v>
      </c>
      <c r="F63235" s="1" t="s">
        <v>211327</v>
      </c>
      <c r="G63235" s="1" t="s">
        <v>211313</v>
      </c>
      <c r="H63235" s="1" t="s">
        <v>211314</v>
      </c>
      <c r="I63235" s="1" t="s">
        <v>207852</v>
      </c>
      <c r="J63235" s="1" t="s">
        <v>211328</v>
      </c>
    </row>
    <row r="63236" spans="1:10" x14ac:dyDescent="0.35">
      <c r="A63236" s="1" t="s">
        <v>143232</v>
      </c>
      <c r="B63236" s="1" t="s">
        <v>207847</v>
      </c>
      <c r="C63236" s="1" t="s">
        <v>40</v>
      </c>
      <c r="D63236" s="1" t="s">
        <v>30863</v>
      </c>
      <c r="E63236" s="1" t="s">
        <v>211329</v>
      </c>
      <c r="F63236" s="1" t="s">
        <v>211330</v>
      </c>
      <c r="G63236" s="1" t="s">
        <v>211313</v>
      </c>
      <c r="H63236" s="1" t="s">
        <v>211314</v>
      </c>
      <c r="I63236" s="1" t="s">
        <v>207852</v>
      </c>
      <c r="J63236" s="1" t="s">
        <v>211331</v>
      </c>
    </row>
    <row r="63237" spans="1:10" x14ac:dyDescent="0.35">
      <c r="A63237" s="1" t="s">
        <v>143232</v>
      </c>
      <c r="B63237" s="1" t="s">
        <v>207847</v>
      </c>
      <c r="C63237" s="1" t="s">
        <v>45</v>
      </c>
      <c r="D63237" s="1" t="s">
        <v>177657</v>
      </c>
      <c r="E63237" s="1" t="s">
        <v>211332</v>
      </c>
      <c r="F63237" s="1" t="s">
        <v>211333</v>
      </c>
      <c r="G63237" s="1" t="s">
        <v>211313</v>
      </c>
      <c r="H63237" s="1" t="s">
        <v>211314</v>
      </c>
      <c r="I63237" s="1" t="s">
        <v>207852</v>
      </c>
      <c r="J63237" s="1" t="s">
        <v>211334</v>
      </c>
    </row>
    <row r="63238" spans="1:10" x14ac:dyDescent="0.35">
      <c r="A63238" s="1" t="s">
        <v>143232</v>
      </c>
      <c r="B63238" s="1" t="s">
        <v>207847</v>
      </c>
      <c r="C63238" s="1" t="s">
        <v>50</v>
      </c>
      <c r="D63238" s="1" t="s">
        <v>193256</v>
      </c>
      <c r="E63238" s="1" t="s">
        <v>211335</v>
      </c>
      <c r="F63238" s="1" t="s">
        <v>211336</v>
      </c>
      <c r="G63238" s="1" t="s">
        <v>211313</v>
      </c>
      <c r="H63238" s="1" t="s">
        <v>211314</v>
      </c>
      <c r="I63238" s="1" t="s">
        <v>207852</v>
      </c>
      <c r="J63238" s="1" t="s">
        <v>211337</v>
      </c>
    </row>
    <row r="63239" spans="1:10" x14ac:dyDescent="0.35">
      <c r="A63239" s="1" t="s">
        <v>143232</v>
      </c>
      <c r="B63239" s="1" t="s">
        <v>207847</v>
      </c>
      <c r="C63239" s="1" t="s">
        <v>55</v>
      </c>
      <c r="D63239" s="1" t="s">
        <v>72421</v>
      </c>
      <c r="E63239" s="1" t="s">
        <v>211338</v>
      </c>
      <c r="F63239" s="1" t="s">
        <v>211339</v>
      </c>
      <c r="G63239" s="1" t="s">
        <v>211313</v>
      </c>
      <c r="H63239" s="1" t="s">
        <v>211314</v>
      </c>
      <c r="I63239" s="1" t="s">
        <v>207852</v>
      </c>
      <c r="J63239" s="1" t="s">
        <v>211340</v>
      </c>
    </row>
    <row r="63240" spans="1:10" x14ac:dyDescent="0.35">
      <c r="A63240" s="1" t="s">
        <v>143232</v>
      </c>
      <c r="B63240" s="1" t="s">
        <v>207847</v>
      </c>
      <c r="C63240" s="1" t="s">
        <v>60</v>
      </c>
      <c r="D63240" s="1" t="s">
        <v>30772</v>
      </c>
      <c r="E63240" s="1" t="s">
        <v>211341</v>
      </c>
      <c r="F63240" s="1" t="s">
        <v>211342</v>
      </c>
      <c r="G63240" s="1" t="s">
        <v>211313</v>
      </c>
      <c r="H63240" s="1" t="s">
        <v>211314</v>
      </c>
      <c r="I63240" s="1" t="s">
        <v>207852</v>
      </c>
      <c r="J63240" s="1" t="s">
        <v>211343</v>
      </c>
    </row>
    <row r="63241" spans="1:10" x14ac:dyDescent="0.35">
      <c r="A63241" s="1" t="s">
        <v>143232</v>
      </c>
      <c r="B63241" s="1" t="s">
        <v>207847</v>
      </c>
      <c r="C63241" s="1" t="s">
        <v>65</v>
      </c>
      <c r="D63241" s="1" t="s">
        <v>32136</v>
      </c>
      <c r="E63241" s="1" t="s">
        <v>211344</v>
      </c>
      <c r="F63241" s="1" t="s">
        <v>211345</v>
      </c>
      <c r="G63241" s="1" t="s">
        <v>211313</v>
      </c>
      <c r="H63241" s="1" t="s">
        <v>211314</v>
      </c>
      <c r="I63241" s="1" t="s">
        <v>207852</v>
      </c>
      <c r="J63241" s="1" t="s">
        <v>211346</v>
      </c>
    </row>
    <row r="63242" spans="1:10" x14ac:dyDescent="0.35">
      <c r="A63242" s="1" t="s">
        <v>143232</v>
      </c>
      <c r="B63242" s="1" t="s">
        <v>207847</v>
      </c>
      <c r="C63242" s="1" t="s">
        <v>70</v>
      </c>
      <c r="D63242" s="1" t="s">
        <v>211347</v>
      </c>
      <c r="E63242" s="1" t="s">
        <v>211348</v>
      </c>
      <c r="F63242" s="1" t="s">
        <v>211349</v>
      </c>
      <c r="G63242" s="1" t="s">
        <v>211313</v>
      </c>
      <c r="H63242" s="1" t="s">
        <v>211314</v>
      </c>
      <c r="I63242" s="1" t="s">
        <v>207852</v>
      </c>
      <c r="J63242" s="1" t="s">
        <v>211350</v>
      </c>
    </row>
    <row r="63243" spans="1:10" x14ac:dyDescent="0.35">
      <c r="A63243" s="1" t="s">
        <v>143232</v>
      </c>
      <c r="B63243" s="1" t="s">
        <v>207847</v>
      </c>
      <c r="C63243" s="1" t="s">
        <v>75</v>
      </c>
      <c r="D63243" s="1" t="s">
        <v>211351</v>
      </c>
      <c r="E63243" s="1" t="s">
        <v>211352</v>
      </c>
      <c r="F63243" s="1" t="s">
        <v>211353</v>
      </c>
      <c r="G63243" s="1" t="s">
        <v>211313</v>
      </c>
      <c r="H63243" s="1" t="s">
        <v>211314</v>
      </c>
      <c r="I63243" s="1" t="s">
        <v>207852</v>
      </c>
      <c r="J63243" s="1" t="s">
        <v>211354</v>
      </c>
    </row>
    <row r="63244" spans="1:10" x14ac:dyDescent="0.35">
      <c r="A63244" s="1" t="s">
        <v>143232</v>
      </c>
      <c r="B63244" s="1" t="s">
        <v>207847</v>
      </c>
      <c r="C63244" s="1" t="s">
        <v>80</v>
      </c>
      <c r="D63244" s="1" t="s">
        <v>35391</v>
      </c>
      <c r="E63244" s="1" t="s">
        <v>211355</v>
      </c>
      <c r="F63244" s="1" t="s">
        <v>211356</v>
      </c>
      <c r="G63244" s="1" t="s">
        <v>211313</v>
      </c>
      <c r="H63244" s="1" t="s">
        <v>211314</v>
      </c>
      <c r="I63244" s="1" t="s">
        <v>207852</v>
      </c>
      <c r="J63244" s="1" t="s">
        <v>211357</v>
      </c>
    </row>
    <row r="63245" spans="1:10" x14ac:dyDescent="0.35">
      <c r="A63245" s="1" t="s">
        <v>143232</v>
      </c>
      <c r="B63245" s="1" t="s">
        <v>207847</v>
      </c>
      <c r="C63245" s="1" t="s">
        <v>85</v>
      </c>
      <c r="D63245" s="1" t="s">
        <v>184546</v>
      </c>
      <c r="E63245" s="1" t="s">
        <v>211358</v>
      </c>
      <c r="F63245" s="1" t="s">
        <v>211359</v>
      </c>
      <c r="G63245" s="1" t="s">
        <v>211313</v>
      </c>
      <c r="H63245" s="1" t="s">
        <v>211314</v>
      </c>
      <c r="I63245" s="1" t="s">
        <v>207852</v>
      </c>
      <c r="J63245" s="1" t="s">
        <v>211360</v>
      </c>
    </row>
    <row r="63246" spans="1:10" x14ac:dyDescent="0.35">
      <c r="A63246" s="1" t="s">
        <v>143232</v>
      </c>
      <c r="B63246" s="1" t="s">
        <v>207847</v>
      </c>
      <c r="C63246" s="1" t="s">
        <v>90</v>
      </c>
      <c r="D63246" s="1" t="s">
        <v>47595</v>
      </c>
      <c r="E63246" s="1" t="s">
        <v>211361</v>
      </c>
      <c r="F63246" s="1" t="s">
        <v>211362</v>
      </c>
      <c r="G63246" s="1" t="s">
        <v>211313</v>
      </c>
      <c r="H63246" s="1" t="s">
        <v>211314</v>
      </c>
      <c r="I63246" s="1" t="s">
        <v>207852</v>
      </c>
      <c r="J63246" s="1" t="s">
        <v>211363</v>
      </c>
    </row>
    <row r="63247" spans="1:10" x14ac:dyDescent="0.35">
      <c r="A63247" s="1" t="s">
        <v>143232</v>
      </c>
      <c r="B63247" s="1" t="s">
        <v>207847</v>
      </c>
      <c r="C63247" s="1" t="s">
        <v>95</v>
      </c>
      <c r="D63247" s="1" t="s">
        <v>73388</v>
      </c>
      <c r="E63247" s="1" t="s">
        <v>211364</v>
      </c>
      <c r="F63247" s="1" t="s">
        <v>211365</v>
      </c>
      <c r="G63247" s="1" t="s">
        <v>211313</v>
      </c>
      <c r="H63247" s="1" t="s">
        <v>211314</v>
      </c>
      <c r="I63247" s="1" t="s">
        <v>207852</v>
      </c>
      <c r="J63247" s="1" t="s">
        <v>211366</v>
      </c>
    </row>
    <row r="63248" spans="1:10" x14ac:dyDescent="0.35">
      <c r="A63248" s="1" t="s">
        <v>143232</v>
      </c>
      <c r="B63248" s="1" t="s">
        <v>207847</v>
      </c>
      <c r="C63248" s="1" t="s">
        <v>100</v>
      </c>
      <c r="D63248" s="1" t="s">
        <v>43183</v>
      </c>
      <c r="E63248" s="1" t="s">
        <v>211367</v>
      </c>
      <c r="F63248" s="1" t="s">
        <v>211368</v>
      </c>
      <c r="G63248" s="1" t="s">
        <v>211313</v>
      </c>
      <c r="H63248" s="1" t="s">
        <v>211314</v>
      </c>
      <c r="I63248" s="1" t="s">
        <v>207852</v>
      </c>
      <c r="J63248" s="1" t="s">
        <v>211369</v>
      </c>
    </row>
    <row r="63249" spans="1:10" x14ac:dyDescent="0.35">
      <c r="A63249" s="1" t="s">
        <v>143232</v>
      </c>
      <c r="B63249" s="1" t="s">
        <v>207847</v>
      </c>
      <c r="C63249" s="1" t="s">
        <v>105</v>
      </c>
      <c r="D63249" s="1" t="s">
        <v>43928</v>
      </c>
      <c r="E63249" s="1" t="s">
        <v>211370</v>
      </c>
      <c r="F63249" s="1" t="s">
        <v>211371</v>
      </c>
      <c r="G63249" s="1" t="s">
        <v>211313</v>
      </c>
      <c r="H63249" s="1" t="s">
        <v>211314</v>
      </c>
      <c r="I63249" s="1" t="s">
        <v>207852</v>
      </c>
      <c r="J63249" s="1" t="s">
        <v>211372</v>
      </c>
    </row>
    <row r="63250" spans="1:10" x14ac:dyDescent="0.35">
      <c r="A63250" s="1" t="s">
        <v>143232</v>
      </c>
      <c r="B63250" s="1" t="s">
        <v>207847</v>
      </c>
      <c r="C63250" s="1" t="s">
        <v>110</v>
      </c>
      <c r="D63250" s="1" t="s">
        <v>181405</v>
      </c>
      <c r="E63250" s="1" t="s">
        <v>211373</v>
      </c>
      <c r="F63250" s="1" t="s">
        <v>211374</v>
      </c>
      <c r="G63250" s="1" t="s">
        <v>211313</v>
      </c>
      <c r="H63250" s="1" t="s">
        <v>211314</v>
      </c>
      <c r="I63250" s="1" t="s">
        <v>207852</v>
      </c>
      <c r="J63250" s="1" t="s">
        <v>211375</v>
      </c>
    </row>
    <row r="63251" spans="1:10" x14ac:dyDescent="0.35">
      <c r="A63251" s="1" t="s">
        <v>143232</v>
      </c>
      <c r="B63251" s="1" t="s">
        <v>207847</v>
      </c>
      <c r="C63251" s="1" t="s">
        <v>115</v>
      </c>
      <c r="D63251" s="1" t="s">
        <v>11234</v>
      </c>
      <c r="E63251" s="1" t="s">
        <v>211376</v>
      </c>
      <c r="F63251" s="1" t="s">
        <v>211377</v>
      </c>
      <c r="G63251" s="1" t="s">
        <v>211313</v>
      </c>
      <c r="H63251" s="1" t="s">
        <v>211314</v>
      </c>
      <c r="I63251" s="1" t="s">
        <v>207852</v>
      </c>
      <c r="J63251" s="1" t="s">
        <v>211378</v>
      </c>
    </row>
    <row r="63252" spans="1:10" x14ac:dyDescent="0.35">
      <c r="A63252" s="1" t="s">
        <v>143232</v>
      </c>
      <c r="B63252" s="1" t="s">
        <v>207847</v>
      </c>
      <c r="C63252" s="1" t="s">
        <v>120</v>
      </c>
      <c r="D63252" s="1" t="s">
        <v>194872</v>
      </c>
      <c r="E63252" s="1" t="s">
        <v>211379</v>
      </c>
      <c r="F63252" s="1" t="s">
        <v>211380</v>
      </c>
      <c r="G63252" s="1" t="s">
        <v>211313</v>
      </c>
      <c r="H63252" s="1" t="s">
        <v>211314</v>
      </c>
      <c r="I63252" s="1" t="s">
        <v>207852</v>
      </c>
      <c r="J63252" s="1" t="s">
        <v>211381</v>
      </c>
    </row>
    <row r="63253" spans="1:10" x14ac:dyDescent="0.35">
      <c r="A63253" s="1" t="s">
        <v>143232</v>
      </c>
      <c r="B63253" s="1" t="s">
        <v>207847</v>
      </c>
      <c r="C63253" s="1" t="s">
        <v>125</v>
      </c>
      <c r="D63253" s="1" t="s">
        <v>170438</v>
      </c>
      <c r="E63253" s="1" t="s">
        <v>211382</v>
      </c>
      <c r="F63253" s="1" t="s">
        <v>211383</v>
      </c>
      <c r="G63253" s="1" t="s">
        <v>211313</v>
      </c>
      <c r="H63253" s="1" t="s">
        <v>211314</v>
      </c>
      <c r="I63253" s="1" t="s">
        <v>207852</v>
      </c>
      <c r="J63253" s="1" t="s">
        <v>211384</v>
      </c>
    </row>
    <row r="63254" spans="1:10" x14ac:dyDescent="0.35">
      <c r="A63254" s="1" t="s">
        <v>143232</v>
      </c>
      <c r="B63254" s="1" t="s">
        <v>207847</v>
      </c>
      <c r="C63254" s="1" t="s">
        <v>130</v>
      </c>
      <c r="D63254" s="1" t="s">
        <v>189070</v>
      </c>
      <c r="E63254" s="1" t="s">
        <v>211385</v>
      </c>
      <c r="F63254" s="1" t="s">
        <v>211386</v>
      </c>
      <c r="G63254" s="1" t="s">
        <v>211313</v>
      </c>
      <c r="H63254" s="1" t="s">
        <v>211314</v>
      </c>
      <c r="I63254" s="1" t="s">
        <v>207852</v>
      </c>
      <c r="J63254" s="1" t="s">
        <v>211387</v>
      </c>
    </row>
    <row r="63255" spans="1:10" x14ac:dyDescent="0.35">
      <c r="A63255" s="1" t="s">
        <v>143232</v>
      </c>
      <c r="B63255" s="1" t="s">
        <v>207847</v>
      </c>
      <c r="C63255" s="1" t="s">
        <v>135</v>
      </c>
      <c r="D63255" s="1" t="s">
        <v>141423</v>
      </c>
      <c r="E63255" s="1" t="s">
        <v>211388</v>
      </c>
      <c r="F63255" s="1" t="s">
        <v>211389</v>
      </c>
      <c r="G63255" s="1" t="s">
        <v>211313</v>
      </c>
      <c r="H63255" s="1" t="s">
        <v>211314</v>
      </c>
      <c r="I63255" s="1" t="s">
        <v>207852</v>
      </c>
      <c r="J63255" s="1" t="s">
        <v>211390</v>
      </c>
    </row>
    <row r="63256" spans="1:10" x14ac:dyDescent="0.35">
      <c r="A63256" s="1" t="s">
        <v>143232</v>
      </c>
      <c r="B63256" s="1" t="s">
        <v>207847</v>
      </c>
      <c r="C63256" s="1" t="s">
        <v>140</v>
      </c>
      <c r="D63256" s="1" t="s">
        <v>114956</v>
      </c>
      <c r="E63256" s="1" t="s">
        <v>211391</v>
      </c>
      <c r="F63256" s="1" t="s">
        <v>211392</v>
      </c>
      <c r="G63256" s="1" t="s">
        <v>211313</v>
      </c>
      <c r="H63256" s="1" t="s">
        <v>211314</v>
      </c>
      <c r="I63256" s="1" t="s">
        <v>207852</v>
      </c>
      <c r="J63256" s="1" t="s">
        <v>211393</v>
      </c>
    </row>
    <row r="63257" spans="1:10" x14ac:dyDescent="0.35">
      <c r="A63257" s="1" t="s">
        <v>143232</v>
      </c>
      <c r="B63257" s="1" t="s">
        <v>207847</v>
      </c>
      <c r="C63257" s="1" t="s">
        <v>145</v>
      </c>
      <c r="D63257" s="1" t="s">
        <v>9118</v>
      </c>
      <c r="E63257" s="1" t="s">
        <v>211394</v>
      </c>
      <c r="F63257" s="1" t="s">
        <v>211395</v>
      </c>
      <c r="G63257" s="1" t="s">
        <v>211313</v>
      </c>
      <c r="H63257" s="1" t="s">
        <v>211314</v>
      </c>
      <c r="I63257" s="1" t="s">
        <v>207852</v>
      </c>
      <c r="J63257" s="1" t="s">
        <v>211396</v>
      </c>
    </row>
    <row r="63258" spans="1:10" x14ac:dyDescent="0.35">
      <c r="A63258" s="1" t="s">
        <v>143232</v>
      </c>
      <c r="B63258" s="1" t="s">
        <v>207847</v>
      </c>
      <c r="C63258" s="1" t="s">
        <v>150</v>
      </c>
      <c r="D63258" s="1" t="s">
        <v>192338</v>
      </c>
      <c r="E63258" s="1" t="s">
        <v>211397</v>
      </c>
      <c r="F63258" s="1" t="s">
        <v>211398</v>
      </c>
      <c r="G63258" s="1" t="s">
        <v>211313</v>
      </c>
      <c r="H63258" s="1" t="s">
        <v>211314</v>
      </c>
      <c r="I63258" s="1" t="s">
        <v>207852</v>
      </c>
      <c r="J63258" s="1" t="s">
        <v>211399</v>
      </c>
    </row>
    <row r="63259" spans="1:10" x14ac:dyDescent="0.35">
      <c r="A63259" s="1" t="s">
        <v>143232</v>
      </c>
      <c r="B63259" s="1" t="s">
        <v>207847</v>
      </c>
      <c r="C63259" s="1" t="s">
        <v>155</v>
      </c>
      <c r="D63259" s="1" t="s">
        <v>211400</v>
      </c>
      <c r="E63259" s="1" t="s">
        <v>211401</v>
      </c>
      <c r="F63259" s="1" t="s">
        <v>211402</v>
      </c>
      <c r="G63259" s="1" t="s">
        <v>211313</v>
      </c>
      <c r="H63259" s="1" t="s">
        <v>211314</v>
      </c>
      <c r="I63259" s="1" t="s">
        <v>207852</v>
      </c>
      <c r="J63259" s="1" t="s">
        <v>211403</v>
      </c>
    </row>
    <row r="63260" spans="1:10" x14ac:dyDescent="0.35">
      <c r="A63260" s="1" t="s">
        <v>143232</v>
      </c>
      <c r="B63260" s="1" t="s">
        <v>207847</v>
      </c>
      <c r="C63260" s="1" t="s">
        <v>160</v>
      </c>
      <c r="D63260" s="1" t="s">
        <v>109077</v>
      </c>
      <c r="E63260" s="1" t="s">
        <v>211404</v>
      </c>
      <c r="F63260" s="1" t="s">
        <v>211405</v>
      </c>
      <c r="G63260" s="1" t="s">
        <v>211313</v>
      </c>
      <c r="H63260" s="1" t="s">
        <v>211314</v>
      </c>
      <c r="I63260" s="1" t="s">
        <v>207852</v>
      </c>
      <c r="J63260" s="1" t="s">
        <v>211406</v>
      </c>
    </row>
    <row r="63261" spans="1:10" x14ac:dyDescent="0.35">
      <c r="A63261" s="1" t="s">
        <v>143232</v>
      </c>
      <c r="B63261" s="1" t="s">
        <v>207847</v>
      </c>
      <c r="C63261" s="1" t="s">
        <v>165</v>
      </c>
      <c r="D63261" s="1" t="s">
        <v>211407</v>
      </c>
      <c r="E63261" s="1" t="s">
        <v>211408</v>
      </c>
      <c r="F63261" s="1" t="s">
        <v>211409</v>
      </c>
      <c r="G63261" s="1" t="s">
        <v>211313</v>
      </c>
      <c r="H63261" s="1" t="s">
        <v>211314</v>
      </c>
      <c r="I63261" s="1" t="s">
        <v>207852</v>
      </c>
      <c r="J63261" s="1" t="s">
        <v>211410</v>
      </c>
    </row>
    <row r="63262" spans="1:10" x14ac:dyDescent="0.35">
      <c r="A63262" s="1" t="s">
        <v>143232</v>
      </c>
      <c r="B63262" s="1" t="s">
        <v>207847</v>
      </c>
      <c r="C63262" s="1" t="s">
        <v>170</v>
      </c>
      <c r="D63262" s="1" t="s">
        <v>211411</v>
      </c>
      <c r="E63262" s="1" t="s">
        <v>211412</v>
      </c>
      <c r="F63262" s="1" t="s">
        <v>211413</v>
      </c>
      <c r="G63262" s="1" t="s">
        <v>211313</v>
      </c>
      <c r="H63262" s="1" t="s">
        <v>211314</v>
      </c>
      <c r="I63262" s="1" t="s">
        <v>207852</v>
      </c>
      <c r="J63262" s="1" t="s">
        <v>211414</v>
      </c>
    </row>
    <row r="63263" spans="1:10" x14ac:dyDescent="0.35">
      <c r="A63263" s="1" t="s">
        <v>117950</v>
      </c>
      <c r="B63263" s="1" t="s">
        <v>207847</v>
      </c>
      <c r="C63263" s="1" t="s">
        <v>8</v>
      </c>
      <c r="D63263" s="1" t="s">
        <v>71103</v>
      </c>
      <c r="E63263" s="1" t="s">
        <v>41283</v>
      </c>
      <c r="F63263" s="1" t="s">
        <v>211415</v>
      </c>
      <c r="G63263" s="1" t="s">
        <v>211416</v>
      </c>
      <c r="H63263" s="1" t="s">
        <v>211417</v>
      </c>
      <c r="I63263" s="1" t="s">
        <v>207852</v>
      </c>
      <c r="J63263" s="1" t="s">
        <v>13</v>
      </c>
    </row>
    <row r="63264" spans="1:10" x14ac:dyDescent="0.35">
      <c r="A63264" s="1" t="s">
        <v>117950</v>
      </c>
      <c r="B63264" s="1" t="s">
        <v>207847</v>
      </c>
      <c r="C63264" s="1" t="s">
        <v>15</v>
      </c>
      <c r="D63264" s="1" t="s">
        <v>105092</v>
      </c>
      <c r="E63264" s="1" t="s">
        <v>22003</v>
      </c>
      <c r="F63264" s="1" t="s">
        <v>211418</v>
      </c>
      <c r="G63264" s="1" t="s">
        <v>211416</v>
      </c>
      <c r="H63264" s="1" t="s">
        <v>211417</v>
      </c>
      <c r="I63264" s="1" t="s">
        <v>207852</v>
      </c>
      <c r="J63264" s="1" t="s">
        <v>211419</v>
      </c>
    </row>
    <row r="63265" spans="1:10" x14ac:dyDescent="0.35">
      <c r="A63265" s="1" t="s">
        <v>117950</v>
      </c>
      <c r="B63265" s="1" t="s">
        <v>207847</v>
      </c>
      <c r="C63265" s="1" t="s">
        <v>20</v>
      </c>
      <c r="D63265" s="1" t="s">
        <v>14580</v>
      </c>
      <c r="E63265" s="1" t="s">
        <v>62515</v>
      </c>
      <c r="F63265" s="1" t="s">
        <v>179529</v>
      </c>
      <c r="G63265" s="1" t="s">
        <v>211416</v>
      </c>
      <c r="H63265" s="1" t="s">
        <v>211417</v>
      </c>
      <c r="I63265" s="1" t="s">
        <v>207852</v>
      </c>
      <c r="J63265" s="1" t="s">
        <v>211420</v>
      </c>
    </row>
    <row r="63266" spans="1:10" x14ac:dyDescent="0.35">
      <c r="A63266" s="1" t="s">
        <v>117950</v>
      </c>
      <c r="B63266" s="1" t="s">
        <v>207847</v>
      </c>
      <c r="C63266" s="1" t="s">
        <v>25</v>
      </c>
      <c r="D63266" s="1" t="s">
        <v>151347</v>
      </c>
      <c r="E63266" s="1" t="s">
        <v>55074</v>
      </c>
      <c r="F63266" s="1" t="s">
        <v>211421</v>
      </c>
      <c r="G63266" s="1" t="s">
        <v>211416</v>
      </c>
      <c r="H63266" s="1" t="s">
        <v>211417</v>
      </c>
      <c r="I63266" s="1" t="s">
        <v>207852</v>
      </c>
      <c r="J63266" s="1" t="s">
        <v>211422</v>
      </c>
    </row>
    <row r="63267" spans="1:10" x14ac:dyDescent="0.35">
      <c r="A63267" s="1" t="s">
        <v>117950</v>
      </c>
      <c r="B63267" s="1" t="s">
        <v>207847</v>
      </c>
      <c r="C63267" s="1" t="s">
        <v>30</v>
      </c>
      <c r="D63267" s="1" t="s">
        <v>144305</v>
      </c>
      <c r="E63267" s="1" t="s">
        <v>55113</v>
      </c>
      <c r="F63267" s="1" t="s">
        <v>211423</v>
      </c>
      <c r="G63267" s="1" t="s">
        <v>211416</v>
      </c>
      <c r="H63267" s="1" t="s">
        <v>211417</v>
      </c>
      <c r="I63267" s="1" t="s">
        <v>207852</v>
      </c>
      <c r="J63267" s="1" t="s">
        <v>211424</v>
      </c>
    </row>
    <row r="63268" spans="1:10" x14ac:dyDescent="0.35">
      <c r="A63268" s="1" t="s">
        <v>117950</v>
      </c>
      <c r="B63268" s="1" t="s">
        <v>207847</v>
      </c>
      <c r="C63268" s="1" t="s">
        <v>35</v>
      </c>
      <c r="D63268" s="1" t="s">
        <v>141230</v>
      </c>
      <c r="E63268" s="1" t="s">
        <v>41363</v>
      </c>
      <c r="F63268" s="1" t="s">
        <v>211425</v>
      </c>
      <c r="G63268" s="1" t="s">
        <v>211416</v>
      </c>
      <c r="H63268" s="1" t="s">
        <v>211417</v>
      </c>
      <c r="I63268" s="1" t="s">
        <v>207852</v>
      </c>
      <c r="J63268" s="1" t="s">
        <v>211426</v>
      </c>
    </row>
    <row r="63269" spans="1:10" x14ac:dyDescent="0.35">
      <c r="A63269" s="1" t="s">
        <v>117950</v>
      </c>
      <c r="B63269" s="1" t="s">
        <v>207847</v>
      </c>
      <c r="C63269" s="1" t="s">
        <v>40</v>
      </c>
      <c r="D63269" s="1" t="s">
        <v>51892</v>
      </c>
      <c r="E63269" s="1" t="s">
        <v>23191</v>
      </c>
      <c r="F63269" s="1" t="s">
        <v>211427</v>
      </c>
      <c r="G63269" s="1" t="s">
        <v>211416</v>
      </c>
      <c r="H63269" s="1" t="s">
        <v>211417</v>
      </c>
      <c r="I63269" s="1" t="s">
        <v>207852</v>
      </c>
      <c r="J63269" s="1" t="s">
        <v>211428</v>
      </c>
    </row>
    <row r="63270" spans="1:10" x14ac:dyDescent="0.35">
      <c r="A63270" s="1" t="s">
        <v>117950</v>
      </c>
      <c r="B63270" s="1" t="s">
        <v>207847</v>
      </c>
      <c r="C63270" s="1" t="s">
        <v>45</v>
      </c>
      <c r="D63270" s="1" t="s">
        <v>1472</v>
      </c>
      <c r="E63270" s="1" t="s">
        <v>23399</v>
      </c>
      <c r="F63270" s="1" t="s">
        <v>211429</v>
      </c>
      <c r="G63270" s="1" t="s">
        <v>211416</v>
      </c>
      <c r="H63270" s="1" t="s">
        <v>211417</v>
      </c>
      <c r="I63270" s="1" t="s">
        <v>207852</v>
      </c>
      <c r="J63270" s="1" t="s">
        <v>211430</v>
      </c>
    </row>
    <row r="63271" spans="1:10" x14ac:dyDescent="0.35">
      <c r="A63271" s="1" t="s">
        <v>117950</v>
      </c>
      <c r="B63271" s="1" t="s">
        <v>207847</v>
      </c>
      <c r="C63271" s="1" t="s">
        <v>50</v>
      </c>
      <c r="D63271" s="1" t="s">
        <v>186840</v>
      </c>
      <c r="E63271" s="1" t="s">
        <v>56404</v>
      </c>
      <c r="F63271" s="1" t="s">
        <v>211431</v>
      </c>
      <c r="G63271" s="1" t="s">
        <v>211416</v>
      </c>
      <c r="H63271" s="1" t="s">
        <v>211417</v>
      </c>
      <c r="I63271" s="1" t="s">
        <v>207852</v>
      </c>
      <c r="J63271" s="1" t="s">
        <v>211432</v>
      </c>
    </row>
    <row r="63272" spans="1:10" x14ac:dyDescent="0.35">
      <c r="A63272" s="1" t="s">
        <v>117950</v>
      </c>
      <c r="B63272" s="1" t="s">
        <v>207847</v>
      </c>
      <c r="C63272" s="1" t="s">
        <v>55</v>
      </c>
      <c r="D63272" s="1" t="s">
        <v>38175</v>
      </c>
      <c r="E63272" s="1" t="s">
        <v>24384</v>
      </c>
      <c r="F63272" s="1" t="s">
        <v>211433</v>
      </c>
      <c r="G63272" s="1" t="s">
        <v>211416</v>
      </c>
      <c r="H63272" s="1" t="s">
        <v>211417</v>
      </c>
      <c r="I63272" s="1" t="s">
        <v>207852</v>
      </c>
      <c r="J63272" s="1" t="s">
        <v>211434</v>
      </c>
    </row>
    <row r="63273" spans="1:10" x14ac:dyDescent="0.35">
      <c r="A63273" s="1" t="s">
        <v>117950</v>
      </c>
      <c r="B63273" s="1" t="s">
        <v>207847</v>
      </c>
      <c r="C63273" s="1" t="s">
        <v>60</v>
      </c>
      <c r="D63273" s="1" t="s">
        <v>33572</v>
      </c>
      <c r="E63273" s="1" t="s">
        <v>21945</v>
      </c>
      <c r="F63273" s="1" t="s">
        <v>211435</v>
      </c>
      <c r="G63273" s="1" t="s">
        <v>211416</v>
      </c>
      <c r="H63273" s="1" t="s">
        <v>211417</v>
      </c>
      <c r="I63273" s="1" t="s">
        <v>207852</v>
      </c>
      <c r="J63273" s="1" t="s">
        <v>211436</v>
      </c>
    </row>
    <row r="63274" spans="1:10" x14ac:dyDescent="0.35">
      <c r="A63274" s="1" t="s">
        <v>117950</v>
      </c>
      <c r="B63274" s="1" t="s">
        <v>207847</v>
      </c>
      <c r="C63274" s="1" t="s">
        <v>65</v>
      </c>
      <c r="D63274" s="1" t="s">
        <v>47237</v>
      </c>
      <c r="E63274" s="1" t="s">
        <v>41313</v>
      </c>
      <c r="F63274" s="1" t="s">
        <v>211437</v>
      </c>
      <c r="G63274" s="1" t="s">
        <v>211416</v>
      </c>
      <c r="H63274" s="1" t="s">
        <v>211417</v>
      </c>
      <c r="I63274" s="1" t="s">
        <v>207852</v>
      </c>
      <c r="J63274" s="1" t="s">
        <v>211438</v>
      </c>
    </row>
    <row r="63275" spans="1:10" x14ac:dyDescent="0.35">
      <c r="A63275" s="1" t="s">
        <v>117950</v>
      </c>
      <c r="B63275" s="1" t="s">
        <v>207847</v>
      </c>
      <c r="C63275" s="1" t="s">
        <v>70</v>
      </c>
      <c r="D63275" s="1" t="s">
        <v>33909</v>
      </c>
      <c r="E63275" s="1" t="s">
        <v>61717</v>
      </c>
      <c r="F63275" s="1" t="s">
        <v>211439</v>
      </c>
      <c r="G63275" s="1" t="s">
        <v>211416</v>
      </c>
      <c r="H63275" s="1" t="s">
        <v>211417</v>
      </c>
      <c r="I63275" s="1" t="s">
        <v>207852</v>
      </c>
      <c r="J63275" s="1" t="s">
        <v>211440</v>
      </c>
    </row>
    <row r="63276" spans="1:10" x14ac:dyDescent="0.35">
      <c r="A63276" s="1" t="s">
        <v>117950</v>
      </c>
      <c r="B63276" s="1" t="s">
        <v>207847</v>
      </c>
      <c r="C63276" s="1" t="s">
        <v>75</v>
      </c>
      <c r="D63276" s="1" t="s">
        <v>72934</v>
      </c>
      <c r="E63276" s="1" t="s">
        <v>57060</v>
      </c>
      <c r="F63276" s="1" t="s">
        <v>211441</v>
      </c>
      <c r="G63276" s="1" t="s">
        <v>211416</v>
      </c>
      <c r="H63276" s="1" t="s">
        <v>211417</v>
      </c>
      <c r="I63276" s="1" t="s">
        <v>207852</v>
      </c>
      <c r="J63276" s="1" t="s">
        <v>211442</v>
      </c>
    </row>
    <row r="63277" spans="1:10" x14ac:dyDescent="0.35">
      <c r="A63277" s="1" t="s">
        <v>117950</v>
      </c>
      <c r="B63277" s="1" t="s">
        <v>207847</v>
      </c>
      <c r="C63277" s="1" t="s">
        <v>80</v>
      </c>
      <c r="D63277" s="1" t="s">
        <v>191028</v>
      </c>
      <c r="E63277" s="1" t="s">
        <v>55113</v>
      </c>
      <c r="F63277" s="1" t="s">
        <v>211443</v>
      </c>
      <c r="G63277" s="1" t="s">
        <v>211416</v>
      </c>
      <c r="H63277" s="1" t="s">
        <v>211417</v>
      </c>
      <c r="I63277" s="1" t="s">
        <v>207852</v>
      </c>
      <c r="J63277" s="1" t="s">
        <v>211444</v>
      </c>
    </row>
    <row r="63278" spans="1:10" x14ac:dyDescent="0.35">
      <c r="A63278" s="1" t="s">
        <v>117950</v>
      </c>
      <c r="B63278" s="1" t="s">
        <v>207847</v>
      </c>
      <c r="C63278" s="1" t="s">
        <v>85</v>
      </c>
      <c r="D63278" s="1" t="s">
        <v>70896</v>
      </c>
      <c r="E63278" s="1" t="s">
        <v>41262</v>
      </c>
      <c r="F63278" s="1" t="s">
        <v>211445</v>
      </c>
      <c r="G63278" s="1" t="s">
        <v>211416</v>
      </c>
      <c r="H63278" s="1" t="s">
        <v>211417</v>
      </c>
      <c r="I63278" s="1" t="s">
        <v>207852</v>
      </c>
      <c r="J63278" s="1" t="s">
        <v>211446</v>
      </c>
    </row>
    <row r="63279" spans="1:10" x14ac:dyDescent="0.35">
      <c r="A63279" s="1" t="s">
        <v>117950</v>
      </c>
      <c r="B63279" s="1" t="s">
        <v>207847</v>
      </c>
      <c r="C63279" s="1" t="s">
        <v>90</v>
      </c>
      <c r="D63279" s="1" t="s">
        <v>47722</v>
      </c>
      <c r="E63279" s="1" t="s">
        <v>54095</v>
      </c>
      <c r="F63279" s="1" t="s">
        <v>211447</v>
      </c>
      <c r="G63279" s="1" t="s">
        <v>211416</v>
      </c>
      <c r="H63279" s="1" t="s">
        <v>211417</v>
      </c>
      <c r="I63279" s="1" t="s">
        <v>207852</v>
      </c>
      <c r="J63279" s="1" t="s">
        <v>211448</v>
      </c>
    </row>
    <row r="63280" spans="1:10" x14ac:dyDescent="0.35">
      <c r="A63280" s="1" t="s">
        <v>117950</v>
      </c>
      <c r="B63280" s="1" t="s">
        <v>207847</v>
      </c>
      <c r="C63280" s="1" t="s">
        <v>95</v>
      </c>
      <c r="D63280" s="1" t="s">
        <v>187370</v>
      </c>
      <c r="E63280" s="1" t="s">
        <v>59885</v>
      </c>
      <c r="F63280" s="1" t="s">
        <v>211449</v>
      </c>
      <c r="G63280" s="1" t="s">
        <v>211416</v>
      </c>
      <c r="H63280" s="1" t="s">
        <v>211417</v>
      </c>
      <c r="I63280" s="1" t="s">
        <v>207852</v>
      </c>
      <c r="J63280" s="1" t="s">
        <v>211450</v>
      </c>
    </row>
    <row r="63281" spans="1:10" x14ac:dyDescent="0.35">
      <c r="A63281" s="1" t="s">
        <v>117950</v>
      </c>
      <c r="B63281" s="1" t="s">
        <v>207847</v>
      </c>
      <c r="C63281" s="1" t="s">
        <v>100</v>
      </c>
      <c r="D63281" s="1" t="s">
        <v>211451</v>
      </c>
      <c r="E63281" s="1" t="s">
        <v>12757</v>
      </c>
      <c r="F63281" s="1" t="s">
        <v>211452</v>
      </c>
      <c r="G63281" s="1" t="s">
        <v>211416</v>
      </c>
      <c r="H63281" s="1" t="s">
        <v>211417</v>
      </c>
      <c r="I63281" s="1" t="s">
        <v>207852</v>
      </c>
      <c r="J63281" s="1" t="s">
        <v>211453</v>
      </c>
    </row>
    <row r="63282" spans="1:10" x14ac:dyDescent="0.35">
      <c r="A63282" s="1" t="s">
        <v>117950</v>
      </c>
      <c r="B63282" s="1" t="s">
        <v>207847</v>
      </c>
      <c r="C63282" s="1" t="s">
        <v>105</v>
      </c>
      <c r="D63282" s="1" t="s">
        <v>38312</v>
      </c>
      <c r="E63282" s="1" t="s">
        <v>22080</v>
      </c>
      <c r="F63282" s="1" t="s">
        <v>211454</v>
      </c>
      <c r="G63282" s="1" t="s">
        <v>211416</v>
      </c>
      <c r="H63282" s="1" t="s">
        <v>211417</v>
      </c>
      <c r="I63282" s="1" t="s">
        <v>207852</v>
      </c>
      <c r="J63282" s="1" t="s">
        <v>211455</v>
      </c>
    </row>
    <row r="63283" spans="1:10" x14ac:dyDescent="0.35">
      <c r="A63283" s="1" t="s">
        <v>117950</v>
      </c>
      <c r="B63283" s="1" t="s">
        <v>207847</v>
      </c>
      <c r="C63283" s="1" t="s">
        <v>110</v>
      </c>
      <c r="D63283" s="1" t="s">
        <v>75453</v>
      </c>
      <c r="E63283" s="1" t="s">
        <v>22298</v>
      </c>
      <c r="F63283" s="1" t="s">
        <v>211456</v>
      </c>
      <c r="G63283" s="1" t="s">
        <v>211416</v>
      </c>
      <c r="H63283" s="1" t="s">
        <v>211417</v>
      </c>
      <c r="I63283" s="1" t="s">
        <v>207852</v>
      </c>
      <c r="J63283" s="1" t="s">
        <v>211457</v>
      </c>
    </row>
    <row r="63284" spans="1:10" x14ac:dyDescent="0.35">
      <c r="A63284" s="1" t="s">
        <v>117950</v>
      </c>
      <c r="B63284" s="1" t="s">
        <v>207847</v>
      </c>
      <c r="C63284" s="1" t="s">
        <v>115</v>
      </c>
      <c r="D63284" s="1" t="s">
        <v>147749</v>
      </c>
      <c r="E63284" s="1" t="s">
        <v>58934</v>
      </c>
      <c r="F63284" s="1" t="s">
        <v>211458</v>
      </c>
      <c r="G63284" s="1" t="s">
        <v>211416</v>
      </c>
      <c r="H63284" s="1" t="s">
        <v>211417</v>
      </c>
      <c r="I63284" s="1" t="s">
        <v>207852</v>
      </c>
      <c r="J63284" s="1" t="s">
        <v>211459</v>
      </c>
    </row>
    <row r="63285" spans="1:10" x14ac:dyDescent="0.35">
      <c r="A63285" s="1" t="s">
        <v>117950</v>
      </c>
      <c r="B63285" s="1" t="s">
        <v>207847</v>
      </c>
      <c r="C63285" s="1" t="s">
        <v>120</v>
      </c>
      <c r="D63285" s="1" t="s">
        <v>18018</v>
      </c>
      <c r="E63285" s="1" t="s">
        <v>23176</v>
      </c>
      <c r="F63285" s="1" t="s">
        <v>211460</v>
      </c>
      <c r="G63285" s="1" t="s">
        <v>211416</v>
      </c>
      <c r="H63285" s="1" t="s">
        <v>211417</v>
      </c>
      <c r="I63285" s="1" t="s">
        <v>207852</v>
      </c>
      <c r="J63285" s="1" t="s">
        <v>211461</v>
      </c>
    </row>
    <row r="63286" spans="1:10" x14ac:dyDescent="0.35">
      <c r="A63286" s="1" t="s">
        <v>117950</v>
      </c>
      <c r="B63286" s="1" t="s">
        <v>207847</v>
      </c>
      <c r="C63286" s="1" t="s">
        <v>125</v>
      </c>
      <c r="D63286" s="1" t="s">
        <v>150503</v>
      </c>
      <c r="E63286" s="1" t="s">
        <v>12857</v>
      </c>
      <c r="F63286" s="1" t="s">
        <v>211462</v>
      </c>
      <c r="G63286" s="1" t="s">
        <v>211416</v>
      </c>
      <c r="H63286" s="1" t="s">
        <v>211417</v>
      </c>
      <c r="I63286" s="1" t="s">
        <v>207852</v>
      </c>
      <c r="J63286" s="1" t="s">
        <v>211463</v>
      </c>
    </row>
    <row r="63287" spans="1:10" x14ac:dyDescent="0.35">
      <c r="A63287" s="1" t="s">
        <v>117950</v>
      </c>
      <c r="B63287" s="1" t="s">
        <v>207847</v>
      </c>
      <c r="C63287" s="1" t="s">
        <v>130</v>
      </c>
      <c r="D63287" s="1" t="s">
        <v>193448</v>
      </c>
      <c r="E63287" s="1" t="s">
        <v>60257</v>
      </c>
      <c r="F63287" s="1" t="s">
        <v>211464</v>
      </c>
      <c r="G63287" s="1" t="s">
        <v>211416</v>
      </c>
      <c r="H63287" s="1" t="s">
        <v>211417</v>
      </c>
      <c r="I63287" s="1" t="s">
        <v>207852</v>
      </c>
      <c r="J63287" s="1" t="s">
        <v>211465</v>
      </c>
    </row>
    <row r="63288" spans="1:10" x14ac:dyDescent="0.35">
      <c r="A63288" s="1" t="s">
        <v>117950</v>
      </c>
      <c r="B63288" s="1" t="s">
        <v>207847</v>
      </c>
      <c r="C63288" s="1" t="s">
        <v>135</v>
      </c>
      <c r="D63288" s="1" t="s">
        <v>3846</v>
      </c>
      <c r="E63288" s="1" t="s">
        <v>12879</v>
      </c>
      <c r="F63288" s="1" t="s">
        <v>211466</v>
      </c>
      <c r="G63288" s="1" t="s">
        <v>211416</v>
      </c>
      <c r="H63288" s="1" t="s">
        <v>211417</v>
      </c>
      <c r="I63288" s="1" t="s">
        <v>207852</v>
      </c>
      <c r="J63288" s="1" t="s">
        <v>211467</v>
      </c>
    </row>
    <row r="63289" spans="1:10" x14ac:dyDescent="0.35">
      <c r="A63289" s="1" t="s">
        <v>117950</v>
      </c>
      <c r="B63289" s="1" t="s">
        <v>207847</v>
      </c>
      <c r="C63289" s="1" t="s">
        <v>140</v>
      </c>
      <c r="D63289" s="1" t="s">
        <v>211468</v>
      </c>
      <c r="E63289" s="1" t="s">
        <v>41262</v>
      </c>
      <c r="F63289" s="1" t="s">
        <v>211469</v>
      </c>
      <c r="G63289" s="1" t="s">
        <v>211416</v>
      </c>
      <c r="H63289" s="1" t="s">
        <v>211417</v>
      </c>
      <c r="I63289" s="1" t="s">
        <v>207852</v>
      </c>
      <c r="J63289" s="1" t="s">
        <v>211470</v>
      </c>
    </row>
    <row r="63290" spans="1:10" x14ac:dyDescent="0.35">
      <c r="A63290" s="1" t="s">
        <v>117950</v>
      </c>
      <c r="B63290" s="1" t="s">
        <v>207847</v>
      </c>
      <c r="C63290" s="1" t="s">
        <v>145</v>
      </c>
      <c r="D63290" s="1" t="s">
        <v>206268</v>
      </c>
      <c r="E63290" s="1" t="s">
        <v>21841</v>
      </c>
      <c r="F63290" s="1" t="s">
        <v>211471</v>
      </c>
      <c r="G63290" s="1" t="s">
        <v>211416</v>
      </c>
      <c r="H63290" s="1" t="s">
        <v>211417</v>
      </c>
      <c r="I63290" s="1" t="s">
        <v>207852</v>
      </c>
      <c r="J63290" s="1" t="s">
        <v>211472</v>
      </c>
    </row>
    <row r="63291" spans="1:10" x14ac:dyDescent="0.35">
      <c r="A63291" s="1" t="s">
        <v>117950</v>
      </c>
      <c r="B63291" s="1" t="s">
        <v>207847</v>
      </c>
      <c r="C63291" s="1" t="s">
        <v>150</v>
      </c>
      <c r="D63291" s="1" t="s">
        <v>113473</v>
      </c>
      <c r="E63291" s="1" t="s">
        <v>27104</v>
      </c>
      <c r="F63291" s="1" t="s">
        <v>78812</v>
      </c>
      <c r="G63291" s="1" t="s">
        <v>211416</v>
      </c>
      <c r="H63291" s="1" t="s">
        <v>211417</v>
      </c>
      <c r="I63291" s="1" t="s">
        <v>207852</v>
      </c>
      <c r="J63291" s="1" t="s">
        <v>211473</v>
      </c>
    </row>
    <row r="63292" spans="1:10" x14ac:dyDescent="0.35">
      <c r="A63292" s="1" t="s">
        <v>117950</v>
      </c>
      <c r="B63292" s="1" t="s">
        <v>207847</v>
      </c>
      <c r="C63292" s="1" t="s">
        <v>155</v>
      </c>
      <c r="D63292" s="1" t="s">
        <v>211474</v>
      </c>
      <c r="E63292" s="1" t="s">
        <v>41148</v>
      </c>
      <c r="F63292" s="1" t="s">
        <v>211475</v>
      </c>
      <c r="G63292" s="1" t="s">
        <v>211416</v>
      </c>
      <c r="H63292" s="1" t="s">
        <v>211417</v>
      </c>
      <c r="I63292" s="1" t="s">
        <v>207852</v>
      </c>
      <c r="J63292" s="1" t="s">
        <v>211476</v>
      </c>
    </row>
    <row r="63293" spans="1:10" x14ac:dyDescent="0.35">
      <c r="A63293" s="1" t="s">
        <v>117950</v>
      </c>
      <c r="B63293" s="1" t="s">
        <v>207847</v>
      </c>
      <c r="C63293" s="1" t="s">
        <v>160</v>
      </c>
      <c r="D63293" s="1" t="s">
        <v>211477</v>
      </c>
      <c r="E63293" s="1" t="s">
        <v>12853</v>
      </c>
      <c r="F63293" s="1" t="s">
        <v>211478</v>
      </c>
      <c r="G63293" s="1" t="s">
        <v>211416</v>
      </c>
      <c r="H63293" s="1" t="s">
        <v>211417</v>
      </c>
      <c r="I63293" s="1" t="s">
        <v>207852</v>
      </c>
      <c r="J63293" s="1" t="s">
        <v>211479</v>
      </c>
    </row>
    <row r="63294" spans="1:10" x14ac:dyDescent="0.35">
      <c r="A63294" s="1" t="s">
        <v>117950</v>
      </c>
      <c r="B63294" s="1" t="s">
        <v>207847</v>
      </c>
      <c r="C63294" s="1" t="s">
        <v>165</v>
      </c>
      <c r="D63294" s="1" t="s">
        <v>108958</v>
      </c>
      <c r="E63294" s="1" t="s">
        <v>54158</v>
      </c>
      <c r="F63294" s="1" t="s">
        <v>211480</v>
      </c>
      <c r="G63294" s="1" t="s">
        <v>211416</v>
      </c>
      <c r="H63294" s="1" t="s">
        <v>211417</v>
      </c>
      <c r="I63294" s="1" t="s">
        <v>207852</v>
      </c>
      <c r="J63294" s="1" t="s">
        <v>211481</v>
      </c>
    </row>
    <row r="63295" spans="1:10" x14ac:dyDescent="0.35">
      <c r="A63295" s="1" t="s">
        <v>117950</v>
      </c>
      <c r="B63295" s="1" t="s">
        <v>207847</v>
      </c>
      <c r="C63295" s="1" t="s">
        <v>170</v>
      </c>
      <c r="D63295" s="1" t="s">
        <v>191452</v>
      </c>
      <c r="E63295" s="1" t="s">
        <v>15263</v>
      </c>
      <c r="F63295" s="1" t="s">
        <v>211482</v>
      </c>
      <c r="G63295" s="1" t="s">
        <v>211416</v>
      </c>
      <c r="H63295" s="1" t="s">
        <v>211417</v>
      </c>
      <c r="I63295" s="1" t="s">
        <v>207852</v>
      </c>
      <c r="J63295" s="1" t="s">
        <v>211483</v>
      </c>
    </row>
    <row r="63296" spans="1:10" x14ac:dyDescent="0.35">
      <c r="A63296" s="1" t="s">
        <v>143697</v>
      </c>
      <c r="B63296" s="1" t="s">
        <v>207847</v>
      </c>
      <c r="C63296" s="1" t="s">
        <v>8</v>
      </c>
      <c r="D63296" s="1" t="s">
        <v>211484</v>
      </c>
      <c r="E63296" s="1" t="s">
        <v>211485</v>
      </c>
      <c r="F63296" s="1" t="s">
        <v>211486</v>
      </c>
      <c r="G63296" s="1" t="s">
        <v>211487</v>
      </c>
      <c r="H63296" s="1" t="s">
        <v>211488</v>
      </c>
      <c r="I63296" s="1" t="s">
        <v>207852</v>
      </c>
      <c r="J63296" s="1" t="s">
        <v>13</v>
      </c>
    </row>
    <row r="63297" spans="1:10" x14ac:dyDescent="0.35">
      <c r="A63297" s="1" t="s">
        <v>143697</v>
      </c>
      <c r="B63297" s="1" t="s">
        <v>207847</v>
      </c>
      <c r="C63297" s="1" t="s">
        <v>15</v>
      </c>
      <c r="D63297" s="1" t="s">
        <v>211489</v>
      </c>
      <c r="E63297" s="1" t="s">
        <v>211490</v>
      </c>
      <c r="F63297" s="1" t="s">
        <v>211491</v>
      </c>
      <c r="G63297" s="1" t="s">
        <v>211487</v>
      </c>
      <c r="H63297" s="1" t="s">
        <v>211488</v>
      </c>
      <c r="I63297" s="1" t="s">
        <v>207852</v>
      </c>
      <c r="J63297" s="1" t="s">
        <v>211492</v>
      </c>
    </row>
    <row r="63298" spans="1:10" x14ac:dyDescent="0.35">
      <c r="A63298" s="1" t="s">
        <v>143697</v>
      </c>
      <c r="B63298" s="1" t="s">
        <v>207847</v>
      </c>
      <c r="C63298" s="1" t="s">
        <v>20</v>
      </c>
      <c r="D63298" s="1" t="s">
        <v>211493</v>
      </c>
      <c r="E63298" s="1" t="s">
        <v>211494</v>
      </c>
      <c r="F63298" s="1" t="s">
        <v>211495</v>
      </c>
      <c r="G63298" s="1" t="s">
        <v>211487</v>
      </c>
      <c r="H63298" s="1" t="s">
        <v>211488</v>
      </c>
      <c r="I63298" s="1" t="s">
        <v>207852</v>
      </c>
      <c r="J63298" s="1" t="s">
        <v>211496</v>
      </c>
    </row>
    <row r="63299" spans="1:10" x14ac:dyDescent="0.35">
      <c r="A63299" s="1" t="s">
        <v>143697</v>
      </c>
      <c r="B63299" s="1" t="s">
        <v>207847</v>
      </c>
      <c r="C63299" s="1" t="s">
        <v>25</v>
      </c>
      <c r="D63299" s="1" t="s">
        <v>48979</v>
      </c>
      <c r="E63299" s="1" t="s">
        <v>211497</v>
      </c>
      <c r="F63299" s="1" t="s">
        <v>211498</v>
      </c>
      <c r="G63299" s="1" t="s">
        <v>211487</v>
      </c>
      <c r="H63299" s="1" t="s">
        <v>211488</v>
      </c>
      <c r="I63299" s="1" t="s">
        <v>207852</v>
      </c>
      <c r="J63299" s="1" t="s">
        <v>211499</v>
      </c>
    </row>
    <row r="63300" spans="1:10" x14ac:dyDescent="0.35">
      <c r="A63300" s="1" t="s">
        <v>143697</v>
      </c>
      <c r="B63300" s="1" t="s">
        <v>207847</v>
      </c>
      <c r="C63300" s="1" t="s">
        <v>30</v>
      </c>
      <c r="D63300" s="1" t="s">
        <v>211500</v>
      </c>
      <c r="E63300" s="1" t="s">
        <v>211501</v>
      </c>
      <c r="F63300" s="1" t="s">
        <v>211502</v>
      </c>
      <c r="G63300" s="1" t="s">
        <v>211487</v>
      </c>
      <c r="H63300" s="1" t="s">
        <v>211488</v>
      </c>
      <c r="I63300" s="1" t="s">
        <v>207852</v>
      </c>
      <c r="J63300" s="1" t="s">
        <v>211503</v>
      </c>
    </row>
    <row r="63301" spans="1:10" x14ac:dyDescent="0.35">
      <c r="A63301" s="1" t="s">
        <v>143697</v>
      </c>
      <c r="B63301" s="1" t="s">
        <v>207847</v>
      </c>
      <c r="C63301" s="1" t="s">
        <v>35</v>
      </c>
      <c r="D63301" s="1" t="s">
        <v>211504</v>
      </c>
      <c r="E63301" s="1" t="s">
        <v>211505</v>
      </c>
      <c r="F63301" s="1" t="s">
        <v>211506</v>
      </c>
      <c r="G63301" s="1" t="s">
        <v>211487</v>
      </c>
      <c r="H63301" s="1" t="s">
        <v>211488</v>
      </c>
      <c r="I63301" s="1" t="s">
        <v>207852</v>
      </c>
      <c r="J63301" s="1" t="s">
        <v>211507</v>
      </c>
    </row>
    <row r="63302" spans="1:10" x14ac:dyDescent="0.35">
      <c r="A63302" s="1" t="s">
        <v>143697</v>
      </c>
      <c r="B63302" s="1" t="s">
        <v>207847</v>
      </c>
      <c r="C63302" s="1" t="s">
        <v>40</v>
      </c>
      <c r="D63302" s="1" t="s">
        <v>8846</v>
      </c>
      <c r="E63302" s="1" t="s">
        <v>211508</v>
      </c>
      <c r="F63302" s="1" t="s">
        <v>211509</v>
      </c>
      <c r="G63302" s="1" t="s">
        <v>211487</v>
      </c>
      <c r="H63302" s="1" t="s">
        <v>211488</v>
      </c>
      <c r="I63302" s="1" t="s">
        <v>207852</v>
      </c>
      <c r="J63302" s="1" t="s">
        <v>211510</v>
      </c>
    </row>
    <row r="63303" spans="1:10" x14ac:dyDescent="0.35">
      <c r="A63303" s="1" t="s">
        <v>143697</v>
      </c>
      <c r="B63303" s="1" t="s">
        <v>207847</v>
      </c>
      <c r="C63303" s="1" t="s">
        <v>45</v>
      </c>
      <c r="D63303" s="1" t="s">
        <v>83130</v>
      </c>
      <c r="E63303" s="1" t="s">
        <v>211511</v>
      </c>
      <c r="F63303" s="1" t="s">
        <v>211512</v>
      </c>
      <c r="G63303" s="1" t="s">
        <v>211487</v>
      </c>
      <c r="H63303" s="1" t="s">
        <v>211488</v>
      </c>
      <c r="I63303" s="1" t="s">
        <v>207852</v>
      </c>
      <c r="J63303" s="1" t="s">
        <v>211513</v>
      </c>
    </row>
    <row r="63304" spans="1:10" x14ac:dyDescent="0.35">
      <c r="A63304" s="1" t="s">
        <v>143697</v>
      </c>
      <c r="B63304" s="1" t="s">
        <v>207847</v>
      </c>
      <c r="C63304" s="1" t="s">
        <v>50</v>
      </c>
      <c r="D63304" s="1" t="s">
        <v>211514</v>
      </c>
      <c r="E63304" s="1" t="s">
        <v>211515</v>
      </c>
      <c r="F63304" s="1" t="s">
        <v>211516</v>
      </c>
      <c r="G63304" s="1" t="s">
        <v>211487</v>
      </c>
      <c r="H63304" s="1" t="s">
        <v>211488</v>
      </c>
      <c r="I63304" s="1" t="s">
        <v>207852</v>
      </c>
      <c r="J63304" s="1" t="s">
        <v>211517</v>
      </c>
    </row>
    <row r="63305" spans="1:10" x14ac:dyDescent="0.35">
      <c r="A63305" s="1" t="s">
        <v>143697</v>
      </c>
      <c r="B63305" s="1" t="s">
        <v>207847</v>
      </c>
      <c r="C63305" s="1" t="s">
        <v>55</v>
      </c>
      <c r="D63305" s="1" t="s">
        <v>211518</v>
      </c>
      <c r="E63305" s="1" t="s">
        <v>211519</v>
      </c>
      <c r="F63305" s="1" t="s">
        <v>211520</v>
      </c>
      <c r="G63305" s="1" t="s">
        <v>211487</v>
      </c>
      <c r="H63305" s="1" t="s">
        <v>211488</v>
      </c>
      <c r="I63305" s="1" t="s">
        <v>207852</v>
      </c>
      <c r="J63305" s="1" t="s">
        <v>211521</v>
      </c>
    </row>
    <row r="63306" spans="1:10" x14ac:dyDescent="0.35">
      <c r="A63306" s="1" t="s">
        <v>143697</v>
      </c>
      <c r="B63306" s="1" t="s">
        <v>207847</v>
      </c>
      <c r="C63306" s="1" t="s">
        <v>60</v>
      </c>
      <c r="D63306" s="1" t="s">
        <v>184896</v>
      </c>
      <c r="E63306" s="1" t="s">
        <v>211522</v>
      </c>
      <c r="F63306" s="1" t="s">
        <v>211523</v>
      </c>
      <c r="G63306" s="1" t="s">
        <v>211487</v>
      </c>
      <c r="H63306" s="1" t="s">
        <v>211488</v>
      </c>
      <c r="I63306" s="1" t="s">
        <v>207852</v>
      </c>
      <c r="J63306" s="1" t="s">
        <v>211524</v>
      </c>
    </row>
    <row r="63307" spans="1:10" x14ac:dyDescent="0.35">
      <c r="A63307" s="1" t="s">
        <v>143697</v>
      </c>
      <c r="B63307" s="1" t="s">
        <v>207847</v>
      </c>
      <c r="C63307" s="1" t="s">
        <v>65</v>
      </c>
      <c r="D63307" s="1" t="s">
        <v>17238</v>
      </c>
      <c r="E63307" s="1" t="s">
        <v>211525</v>
      </c>
      <c r="F63307" s="1" t="s">
        <v>211526</v>
      </c>
      <c r="G63307" s="1" t="s">
        <v>211487</v>
      </c>
      <c r="H63307" s="1" t="s">
        <v>211488</v>
      </c>
      <c r="I63307" s="1" t="s">
        <v>207852</v>
      </c>
      <c r="J63307" s="1" t="s">
        <v>211527</v>
      </c>
    </row>
    <row r="63308" spans="1:10" x14ac:dyDescent="0.35">
      <c r="A63308" s="1" t="s">
        <v>143697</v>
      </c>
      <c r="B63308" s="1" t="s">
        <v>207847</v>
      </c>
      <c r="C63308" s="1" t="s">
        <v>70</v>
      </c>
      <c r="D63308" s="1" t="s">
        <v>173701</v>
      </c>
      <c r="E63308" s="1" t="s">
        <v>211528</v>
      </c>
      <c r="F63308" s="1" t="s">
        <v>211529</v>
      </c>
      <c r="G63308" s="1" t="s">
        <v>211487</v>
      </c>
      <c r="H63308" s="1" t="s">
        <v>211488</v>
      </c>
      <c r="I63308" s="1" t="s">
        <v>207852</v>
      </c>
      <c r="J63308" s="1" t="s">
        <v>211530</v>
      </c>
    </row>
    <row r="63309" spans="1:10" x14ac:dyDescent="0.35">
      <c r="A63309" s="1" t="s">
        <v>143697</v>
      </c>
      <c r="B63309" s="1" t="s">
        <v>207847</v>
      </c>
      <c r="C63309" s="1" t="s">
        <v>75</v>
      </c>
      <c r="D63309" s="1" t="s">
        <v>114839</v>
      </c>
      <c r="E63309" s="1" t="s">
        <v>211531</v>
      </c>
      <c r="F63309" s="1" t="s">
        <v>211532</v>
      </c>
      <c r="G63309" s="1" t="s">
        <v>211487</v>
      </c>
      <c r="H63309" s="1" t="s">
        <v>211488</v>
      </c>
      <c r="I63309" s="1" t="s">
        <v>207852</v>
      </c>
      <c r="J63309" s="1" t="s">
        <v>211533</v>
      </c>
    </row>
    <row r="63310" spans="1:10" x14ac:dyDescent="0.35">
      <c r="A63310" s="1" t="s">
        <v>143697</v>
      </c>
      <c r="B63310" s="1" t="s">
        <v>207847</v>
      </c>
      <c r="C63310" s="1" t="s">
        <v>80</v>
      </c>
      <c r="D63310" s="1" t="s">
        <v>211534</v>
      </c>
      <c r="E63310" s="1" t="s">
        <v>211535</v>
      </c>
      <c r="F63310" s="1" t="s">
        <v>211536</v>
      </c>
      <c r="G63310" s="1" t="s">
        <v>211487</v>
      </c>
      <c r="H63310" s="1" t="s">
        <v>211488</v>
      </c>
      <c r="I63310" s="1" t="s">
        <v>207852</v>
      </c>
      <c r="J63310" s="1" t="s">
        <v>211537</v>
      </c>
    </row>
    <row r="63311" spans="1:10" x14ac:dyDescent="0.35">
      <c r="A63311" s="1" t="s">
        <v>143697</v>
      </c>
      <c r="B63311" s="1" t="s">
        <v>207847</v>
      </c>
      <c r="C63311" s="1" t="s">
        <v>85</v>
      </c>
      <c r="D63311" s="1" t="s">
        <v>30960</v>
      </c>
      <c r="E63311" s="1" t="s">
        <v>211538</v>
      </c>
      <c r="F63311" s="1" t="s">
        <v>211539</v>
      </c>
      <c r="G63311" s="1" t="s">
        <v>211487</v>
      </c>
      <c r="H63311" s="1" t="s">
        <v>211488</v>
      </c>
      <c r="I63311" s="1" t="s">
        <v>207852</v>
      </c>
      <c r="J63311" s="1" t="s">
        <v>211540</v>
      </c>
    </row>
    <row r="63312" spans="1:10" x14ac:dyDescent="0.35">
      <c r="A63312" s="1" t="s">
        <v>143697</v>
      </c>
      <c r="B63312" s="1" t="s">
        <v>207847</v>
      </c>
      <c r="C63312" s="1" t="s">
        <v>90</v>
      </c>
      <c r="D63312" s="1" t="s">
        <v>211541</v>
      </c>
      <c r="E63312" s="1" t="s">
        <v>211542</v>
      </c>
      <c r="F63312" s="1" t="s">
        <v>211543</v>
      </c>
      <c r="G63312" s="1" t="s">
        <v>211487</v>
      </c>
      <c r="H63312" s="1" t="s">
        <v>211488</v>
      </c>
      <c r="I63312" s="1" t="s">
        <v>207852</v>
      </c>
      <c r="J63312" s="1" t="s">
        <v>211544</v>
      </c>
    </row>
    <row r="63313" spans="1:10" x14ac:dyDescent="0.35">
      <c r="A63313" s="1" t="s">
        <v>143697</v>
      </c>
      <c r="B63313" s="1" t="s">
        <v>207847</v>
      </c>
      <c r="C63313" s="1" t="s">
        <v>95</v>
      </c>
      <c r="D63313" s="1" t="s">
        <v>179278</v>
      </c>
      <c r="E63313" s="1" t="s">
        <v>211545</v>
      </c>
      <c r="F63313" s="1" t="s">
        <v>211546</v>
      </c>
      <c r="G63313" s="1" t="s">
        <v>211487</v>
      </c>
      <c r="H63313" s="1" t="s">
        <v>211488</v>
      </c>
      <c r="I63313" s="1" t="s">
        <v>207852</v>
      </c>
      <c r="J63313" s="1" t="s">
        <v>211547</v>
      </c>
    </row>
    <row r="63314" spans="1:10" x14ac:dyDescent="0.35">
      <c r="A63314" s="1" t="s">
        <v>143697</v>
      </c>
      <c r="B63314" s="1" t="s">
        <v>207847</v>
      </c>
      <c r="C63314" s="1" t="s">
        <v>100</v>
      </c>
      <c r="D63314" s="1" t="s">
        <v>211548</v>
      </c>
      <c r="E63314" s="1" t="s">
        <v>211549</v>
      </c>
      <c r="F63314" s="1" t="s">
        <v>211550</v>
      </c>
      <c r="G63314" s="1" t="s">
        <v>211487</v>
      </c>
      <c r="H63314" s="1" t="s">
        <v>211488</v>
      </c>
      <c r="I63314" s="1" t="s">
        <v>207852</v>
      </c>
      <c r="J63314" s="1" t="s">
        <v>211551</v>
      </c>
    </row>
    <row r="63315" spans="1:10" x14ac:dyDescent="0.35">
      <c r="A63315" s="1" t="s">
        <v>143697</v>
      </c>
      <c r="B63315" s="1" t="s">
        <v>207847</v>
      </c>
      <c r="C63315" s="1" t="s">
        <v>105</v>
      </c>
      <c r="D63315" s="1" t="s">
        <v>195327</v>
      </c>
      <c r="E63315" s="1" t="s">
        <v>211552</v>
      </c>
      <c r="F63315" s="1" t="s">
        <v>211553</v>
      </c>
      <c r="G63315" s="1" t="s">
        <v>211487</v>
      </c>
      <c r="H63315" s="1" t="s">
        <v>211488</v>
      </c>
      <c r="I63315" s="1" t="s">
        <v>207852</v>
      </c>
      <c r="J63315" s="1" t="s">
        <v>211554</v>
      </c>
    </row>
    <row r="63316" spans="1:10" x14ac:dyDescent="0.35">
      <c r="A63316" s="1" t="s">
        <v>143697</v>
      </c>
      <c r="B63316" s="1" t="s">
        <v>207847</v>
      </c>
      <c r="C63316" s="1" t="s">
        <v>110</v>
      </c>
      <c r="D63316" s="1" t="s">
        <v>211555</v>
      </c>
      <c r="E63316" s="1" t="s">
        <v>211556</v>
      </c>
      <c r="F63316" s="1" t="s">
        <v>211557</v>
      </c>
      <c r="G63316" s="1" t="s">
        <v>211487</v>
      </c>
      <c r="H63316" s="1" t="s">
        <v>211488</v>
      </c>
      <c r="I63316" s="1" t="s">
        <v>207852</v>
      </c>
      <c r="J63316" s="1" t="s">
        <v>211558</v>
      </c>
    </row>
    <row r="63317" spans="1:10" x14ac:dyDescent="0.35">
      <c r="A63317" s="1" t="s">
        <v>143697</v>
      </c>
      <c r="B63317" s="1" t="s">
        <v>207847</v>
      </c>
      <c r="C63317" s="1" t="s">
        <v>115</v>
      </c>
      <c r="D63317" s="1" t="s">
        <v>53065</v>
      </c>
      <c r="E63317" s="1" t="s">
        <v>211559</v>
      </c>
      <c r="F63317" s="1" t="s">
        <v>211560</v>
      </c>
      <c r="G63317" s="1" t="s">
        <v>211487</v>
      </c>
      <c r="H63317" s="1" t="s">
        <v>211488</v>
      </c>
      <c r="I63317" s="1" t="s">
        <v>207852</v>
      </c>
      <c r="J63317" s="1" t="s">
        <v>211561</v>
      </c>
    </row>
    <row r="63318" spans="1:10" x14ac:dyDescent="0.35">
      <c r="A63318" s="1" t="s">
        <v>143697</v>
      </c>
      <c r="B63318" s="1" t="s">
        <v>207847</v>
      </c>
      <c r="C63318" s="1" t="s">
        <v>120</v>
      </c>
      <c r="D63318" s="1" t="s">
        <v>11503</v>
      </c>
      <c r="E63318" s="1" t="s">
        <v>211562</v>
      </c>
      <c r="F63318" s="1" t="s">
        <v>211563</v>
      </c>
      <c r="G63318" s="1" t="s">
        <v>211487</v>
      </c>
      <c r="H63318" s="1" t="s">
        <v>211488</v>
      </c>
      <c r="I63318" s="1" t="s">
        <v>207852</v>
      </c>
      <c r="J63318" s="1" t="s">
        <v>211564</v>
      </c>
    </row>
    <row r="63319" spans="1:10" x14ac:dyDescent="0.35">
      <c r="A63319" s="1" t="s">
        <v>143697</v>
      </c>
      <c r="B63319" s="1" t="s">
        <v>207847</v>
      </c>
      <c r="C63319" s="1" t="s">
        <v>125</v>
      </c>
      <c r="D63319" s="1" t="s">
        <v>59479</v>
      </c>
      <c r="E63319" s="1" t="s">
        <v>211565</v>
      </c>
      <c r="F63319" s="1" t="s">
        <v>211566</v>
      </c>
      <c r="G63319" s="1" t="s">
        <v>211487</v>
      </c>
      <c r="H63319" s="1" t="s">
        <v>211488</v>
      </c>
      <c r="I63319" s="1" t="s">
        <v>207852</v>
      </c>
      <c r="J63319" s="1" t="s">
        <v>211567</v>
      </c>
    </row>
    <row r="63320" spans="1:10" x14ac:dyDescent="0.35">
      <c r="A63320" s="1" t="s">
        <v>143697</v>
      </c>
      <c r="B63320" s="1" t="s">
        <v>207847</v>
      </c>
      <c r="C63320" s="1" t="s">
        <v>130</v>
      </c>
      <c r="D63320" s="1" t="s">
        <v>187109</v>
      </c>
      <c r="E63320" s="1" t="s">
        <v>211568</v>
      </c>
      <c r="F63320" s="1" t="s">
        <v>211569</v>
      </c>
      <c r="G63320" s="1" t="s">
        <v>211487</v>
      </c>
      <c r="H63320" s="1" t="s">
        <v>211488</v>
      </c>
      <c r="I63320" s="1" t="s">
        <v>207852</v>
      </c>
      <c r="J63320" s="1" t="s">
        <v>211570</v>
      </c>
    </row>
    <row r="63321" spans="1:10" x14ac:dyDescent="0.35">
      <c r="A63321" s="1" t="s">
        <v>143697</v>
      </c>
      <c r="B63321" s="1" t="s">
        <v>207847</v>
      </c>
      <c r="C63321" s="1" t="s">
        <v>135</v>
      </c>
      <c r="D63321" s="1" t="s">
        <v>173399</v>
      </c>
      <c r="E63321" s="1" t="s">
        <v>211571</v>
      </c>
      <c r="F63321" s="1" t="s">
        <v>211572</v>
      </c>
      <c r="G63321" s="1" t="s">
        <v>211487</v>
      </c>
      <c r="H63321" s="1" t="s">
        <v>211488</v>
      </c>
      <c r="I63321" s="1" t="s">
        <v>207852</v>
      </c>
      <c r="J63321" s="1" t="s">
        <v>211573</v>
      </c>
    </row>
    <row r="63322" spans="1:10" x14ac:dyDescent="0.35">
      <c r="A63322" s="1" t="s">
        <v>143697</v>
      </c>
      <c r="B63322" s="1" t="s">
        <v>207847</v>
      </c>
      <c r="C63322" s="1" t="s">
        <v>140</v>
      </c>
      <c r="D63322" s="1" t="s">
        <v>47028</v>
      </c>
      <c r="E63322" s="1" t="s">
        <v>211574</v>
      </c>
      <c r="F63322" s="1" t="s">
        <v>211575</v>
      </c>
      <c r="G63322" s="1" t="s">
        <v>211487</v>
      </c>
      <c r="H63322" s="1" t="s">
        <v>211488</v>
      </c>
      <c r="I63322" s="1" t="s">
        <v>207852</v>
      </c>
      <c r="J63322" s="1" t="s">
        <v>211576</v>
      </c>
    </row>
    <row r="63323" spans="1:10" x14ac:dyDescent="0.35">
      <c r="A63323" s="1" t="s">
        <v>143697</v>
      </c>
      <c r="B63323" s="1" t="s">
        <v>207847</v>
      </c>
      <c r="C63323" s="1" t="s">
        <v>145</v>
      </c>
      <c r="D63323" s="1" t="s">
        <v>128100</v>
      </c>
      <c r="E63323" s="1" t="s">
        <v>211577</v>
      </c>
      <c r="F63323" s="1" t="s">
        <v>211578</v>
      </c>
      <c r="G63323" s="1" t="s">
        <v>211487</v>
      </c>
      <c r="H63323" s="1" t="s">
        <v>211488</v>
      </c>
      <c r="I63323" s="1" t="s">
        <v>207852</v>
      </c>
      <c r="J63323" s="1" t="s">
        <v>211579</v>
      </c>
    </row>
    <row r="63324" spans="1:10" x14ac:dyDescent="0.35">
      <c r="A63324" s="1" t="s">
        <v>143697</v>
      </c>
      <c r="B63324" s="1" t="s">
        <v>207847</v>
      </c>
      <c r="C63324" s="1" t="s">
        <v>150</v>
      </c>
      <c r="D63324" s="1" t="s">
        <v>39441</v>
      </c>
      <c r="E63324" s="1" t="s">
        <v>211580</v>
      </c>
      <c r="F63324" s="1" t="s">
        <v>211581</v>
      </c>
      <c r="G63324" s="1" t="s">
        <v>211487</v>
      </c>
      <c r="H63324" s="1" t="s">
        <v>211488</v>
      </c>
      <c r="I63324" s="1" t="s">
        <v>207852</v>
      </c>
      <c r="J63324" s="1" t="s">
        <v>211582</v>
      </c>
    </row>
    <row r="63325" spans="1:10" x14ac:dyDescent="0.35">
      <c r="A63325" s="1" t="s">
        <v>143697</v>
      </c>
      <c r="B63325" s="1" t="s">
        <v>207847</v>
      </c>
      <c r="C63325" s="1" t="s">
        <v>155</v>
      </c>
      <c r="D63325" s="1" t="s">
        <v>77229</v>
      </c>
      <c r="E63325" s="1" t="s">
        <v>211583</v>
      </c>
      <c r="F63325" s="1" t="s">
        <v>211584</v>
      </c>
      <c r="G63325" s="1" t="s">
        <v>211487</v>
      </c>
      <c r="H63325" s="1" t="s">
        <v>211488</v>
      </c>
      <c r="I63325" s="1" t="s">
        <v>207852</v>
      </c>
      <c r="J63325" s="1" t="s">
        <v>211585</v>
      </c>
    </row>
    <row r="63326" spans="1:10" x14ac:dyDescent="0.35">
      <c r="A63326" s="1" t="s">
        <v>143697</v>
      </c>
      <c r="B63326" s="1" t="s">
        <v>207847</v>
      </c>
      <c r="C63326" s="1" t="s">
        <v>160</v>
      </c>
      <c r="D63326" s="1" t="s">
        <v>155055</v>
      </c>
      <c r="E63326" s="1" t="s">
        <v>211586</v>
      </c>
      <c r="F63326" s="1" t="s">
        <v>211587</v>
      </c>
      <c r="G63326" s="1" t="s">
        <v>211487</v>
      </c>
      <c r="H63326" s="1" t="s">
        <v>211488</v>
      </c>
      <c r="I63326" s="1" t="s">
        <v>207852</v>
      </c>
      <c r="J63326" s="1" t="s">
        <v>211588</v>
      </c>
    </row>
    <row r="63327" spans="1:10" x14ac:dyDescent="0.35">
      <c r="A63327" s="1" t="s">
        <v>143697</v>
      </c>
      <c r="B63327" s="1" t="s">
        <v>207847</v>
      </c>
      <c r="C63327" s="1" t="s">
        <v>165</v>
      </c>
      <c r="D63327" s="1" t="s">
        <v>211589</v>
      </c>
      <c r="E63327" s="1" t="s">
        <v>211590</v>
      </c>
      <c r="F63327" s="1" t="s">
        <v>211591</v>
      </c>
      <c r="G63327" s="1" t="s">
        <v>211487</v>
      </c>
      <c r="H63327" s="1" t="s">
        <v>211488</v>
      </c>
      <c r="I63327" s="1" t="s">
        <v>207852</v>
      </c>
      <c r="J63327" s="1" t="s">
        <v>211592</v>
      </c>
    </row>
    <row r="63328" spans="1:10" x14ac:dyDescent="0.35">
      <c r="A63328" s="1" t="s">
        <v>143697</v>
      </c>
      <c r="B63328" s="1" t="s">
        <v>207847</v>
      </c>
      <c r="C63328" s="1" t="s">
        <v>170</v>
      </c>
      <c r="D63328" s="1" t="s">
        <v>90841</v>
      </c>
      <c r="E63328" s="1" t="s">
        <v>211593</v>
      </c>
      <c r="F63328" s="1" t="s">
        <v>211594</v>
      </c>
      <c r="G63328" s="1" t="s">
        <v>211487</v>
      </c>
      <c r="H63328" s="1" t="s">
        <v>211488</v>
      </c>
      <c r="I63328" s="1" t="s">
        <v>207852</v>
      </c>
      <c r="J63328" s="1" t="s">
        <v>211595</v>
      </c>
    </row>
    <row r="63329" spans="1:10" x14ac:dyDescent="0.35">
      <c r="A63329" s="1" t="s">
        <v>46839</v>
      </c>
      <c r="B63329" s="1" t="s">
        <v>207847</v>
      </c>
      <c r="C63329" s="1" t="s">
        <v>8</v>
      </c>
      <c r="D63329" s="1" t="s">
        <v>43064</v>
      </c>
      <c r="E63329" s="1" t="s">
        <v>211596</v>
      </c>
      <c r="F63329" s="1" t="s">
        <v>211597</v>
      </c>
      <c r="G63329" s="1" t="s">
        <v>211598</v>
      </c>
      <c r="H63329" s="1" t="s">
        <v>211599</v>
      </c>
      <c r="I63329" s="1" t="s">
        <v>207852</v>
      </c>
      <c r="J63329" s="1" t="s">
        <v>13</v>
      </c>
    </row>
    <row r="63330" spans="1:10" x14ac:dyDescent="0.35">
      <c r="A63330" s="1" t="s">
        <v>46839</v>
      </c>
      <c r="B63330" s="1" t="s">
        <v>207847</v>
      </c>
      <c r="C63330" s="1" t="s">
        <v>15</v>
      </c>
      <c r="D63330" s="1" t="s">
        <v>16953</v>
      </c>
      <c r="E63330" s="1" t="s">
        <v>211600</v>
      </c>
      <c r="F63330" s="1" t="s">
        <v>211601</v>
      </c>
      <c r="G63330" s="1" t="s">
        <v>211598</v>
      </c>
      <c r="H63330" s="1" t="s">
        <v>211599</v>
      </c>
      <c r="I63330" s="1" t="s">
        <v>207852</v>
      </c>
      <c r="J63330" s="1" t="s">
        <v>211602</v>
      </c>
    </row>
    <row r="63331" spans="1:10" x14ac:dyDescent="0.35">
      <c r="A63331" s="1" t="s">
        <v>46839</v>
      </c>
      <c r="B63331" s="1" t="s">
        <v>207847</v>
      </c>
      <c r="C63331" s="1" t="s">
        <v>20</v>
      </c>
      <c r="D63331" s="1" t="s">
        <v>172571</v>
      </c>
      <c r="E63331" s="1" t="s">
        <v>211603</v>
      </c>
      <c r="F63331" s="1" t="s">
        <v>211604</v>
      </c>
      <c r="G63331" s="1" t="s">
        <v>211598</v>
      </c>
      <c r="H63331" s="1" t="s">
        <v>211599</v>
      </c>
      <c r="I63331" s="1" t="s">
        <v>207852</v>
      </c>
      <c r="J63331" s="1" t="s">
        <v>211605</v>
      </c>
    </row>
    <row r="63332" spans="1:10" x14ac:dyDescent="0.35">
      <c r="A63332" s="1" t="s">
        <v>46839</v>
      </c>
      <c r="B63332" s="1" t="s">
        <v>207847</v>
      </c>
      <c r="C63332" s="1" t="s">
        <v>25</v>
      </c>
      <c r="D63332" s="1" t="s">
        <v>102295</v>
      </c>
      <c r="E63332" s="1" t="s">
        <v>211606</v>
      </c>
      <c r="F63332" s="1" t="s">
        <v>211607</v>
      </c>
      <c r="G63332" s="1" t="s">
        <v>211598</v>
      </c>
      <c r="H63332" s="1" t="s">
        <v>211599</v>
      </c>
      <c r="I63332" s="1" t="s">
        <v>207852</v>
      </c>
      <c r="J63332" s="1" t="s">
        <v>211608</v>
      </c>
    </row>
    <row r="63333" spans="1:10" x14ac:dyDescent="0.35">
      <c r="A63333" s="1" t="s">
        <v>46839</v>
      </c>
      <c r="B63333" s="1" t="s">
        <v>207847</v>
      </c>
      <c r="C63333" s="1" t="s">
        <v>30</v>
      </c>
      <c r="D63333" s="1" t="s">
        <v>47028</v>
      </c>
      <c r="E63333" s="1" t="s">
        <v>211609</v>
      </c>
      <c r="F63333" s="1" t="s">
        <v>211610</v>
      </c>
      <c r="G63333" s="1" t="s">
        <v>211598</v>
      </c>
      <c r="H63333" s="1" t="s">
        <v>211599</v>
      </c>
      <c r="I63333" s="1" t="s">
        <v>207852</v>
      </c>
      <c r="J63333" s="1" t="s">
        <v>211611</v>
      </c>
    </row>
    <row r="63334" spans="1:10" x14ac:dyDescent="0.35">
      <c r="A63334" s="1" t="s">
        <v>46839</v>
      </c>
      <c r="B63334" s="1" t="s">
        <v>207847</v>
      </c>
      <c r="C63334" s="1" t="s">
        <v>35</v>
      </c>
      <c r="D63334" s="1" t="s">
        <v>162339</v>
      </c>
      <c r="E63334" s="1" t="s">
        <v>211612</v>
      </c>
      <c r="F63334" s="1" t="s">
        <v>211613</v>
      </c>
      <c r="G63334" s="1" t="s">
        <v>211598</v>
      </c>
      <c r="H63334" s="1" t="s">
        <v>211599</v>
      </c>
      <c r="I63334" s="1" t="s">
        <v>207852</v>
      </c>
      <c r="J63334" s="1" t="s">
        <v>211614</v>
      </c>
    </row>
    <row r="63335" spans="1:10" x14ac:dyDescent="0.35">
      <c r="A63335" s="1" t="s">
        <v>46839</v>
      </c>
      <c r="B63335" s="1" t="s">
        <v>207847</v>
      </c>
      <c r="C63335" s="1" t="s">
        <v>40</v>
      </c>
      <c r="D63335" s="1" t="s">
        <v>89865</v>
      </c>
      <c r="E63335" s="1" t="s">
        <v>211615</v>
      </c>
      <c r="F63335" s="1" t="s">
        <v>211616</v>
      </c>
      <c r="G63335" s="1" t="s">
        <v>211598</v>
      </c>
      <c r="H63335" s="1" t="s">
        <v>211599</v>
      </c>
      <c r="I63335" s="1" t="s">
        <v>207852</v>
      </c>
      <c r="J63335" s="1" t="s">
        <v>211617</v>
      </c>
    </row>
    <row r="63336" spans="1:10" x14ac:dyDescent="0.35">
      <c r="A63336" s="1" t="s">
        <v>46839</v>
      </c>
      <c r="B63336" s="1" t="s">
        <v>207847</v>
      </c>
      <c r="C63336" s="1" t="s">
        <v>45</v>
      </c>
      <c r="D63336" s="1" t="s">
        <v>211618</v>
      </c>
      <c r="E63336" s="1" t="s">
        <v>211619</v>
      </c>
      <c r="F63336" s="1" t="s">
        <v>211620</v>
      </c>
      <c r="G63336" s="1" t="s">
        <v>211598</v>
      </c>
      <c r="H63336" s="1" t="s">
        <v>211599</v>
      </c>
      <c r="I63336" s="1" t="s">
        <v>207852</v>
      </c>
      <c r="J63336" s="1" t="s">
        <v>211621</v>
      </c>
    </row>
    <row r="63337" spans="1:10" x14ac:dyDescent="0.35">
      <c r="A63337" s="1" t="s">
        <v>46839</v>
      </c>
      <c r="B63337" s="1" t="s">
        <v>207847</v>
      </c>
      <c r="C63337" s="1" t="s">
        <v>50</v>
      </c>
      <c r="D63337" s="1" t="s">
        <v>61304</v>
      </c>
      <c r="E63337" s="1" t="s">
        <v>211622</v>
      </c>
      <c r="F63337" s="1" t="s">
        <v>211623</v>
      </c>
      <c r="G63337" s="1" t="s">
        <v>211598</v>
      </c>
      <c r="H63337" s="1" t="s">
        <v>211599</v>
      </c>
      <c r="I63337" s="1" t="s">
        <v>207852</v>
      </c>
      <c r="J63337" s="1" t="s">
        <v>211624</v>
      </c>
    </row>
    <row r="63338" spans="1:10" x14ac:dyDescent="0.35">
      <c r="A63338" s="1" t="s">
        <v>46839</v>
      </c>
      <c r="B63338" s="1" t="s">
        <v>207847</v>
      </c>
      <c r="C63338" s="1" t="s">
        <v>55</v>
      </c>
      <c r="D63338" s="1" t="s">
        <v>211625</v>
      </c>
      <c r="E63338" s="1" t="s">
        <v>211626</v>
      </c>
      <c r="F63338" s="1" t="s">
        <v>211627</v>
      </c>
      <c r="G63338" s="1" t="s">
        <v>211598</v>
      </c>
      <c r="H63338" s="1" t="s">
        <v>211599</v>
      </c>
      <c r="I63338" s="1" t="s">
        <v>207852</v>
      </c>
      <c r="J63338" s="1" t="s">
        <v>211628</v>
      </c>
    </row>
    <row r="63339" spans="1:10" x14ac:dyDescent="0.35">
      <c r="A63339" s="1" t="s">
        <v>46839</v>
      </c>
      <c r="B63339" s="1" t="s">
        <v>207847</v>
      </c>
      <c r="C63339" s="1" t="s">
        <v>60</v>
      </c>
      <c r="D63339" s="1" t="s">
        <v>79820</v>
      </c>
      <c r="E63339" s="1" t="s">
        <v>211629</v>
      </c>
      <c r="F63339" s="1" t="s">
        <v>211630</v>
      </c>
      <c r="G63339" s="1" t="s">
        <v>211598</v>
      </c>
      <c r="H63339" s="1" t="s">
        <v>211599</v>
      </c>
      <c r="I63339" s="1" t="s">
        <v>207852</v>
      </c>
      <c r="J63339" s="1" t="s">
        <v>211631</v>
      </c>
    </row>
    <row r="63340" spans="1:10" x14ac:dyDescent="0.35">
      <c r="A63340" s="1" t="s">
        <v>46839</v>
      </c>
      <c r="B63340" s="1" t="s">
        <v>207847</v>
      </c>
      <c r="C63340" s="1" t="s">
        <v>65</v>
      </c>
      <c r="D63340" s="1" t="s">
        <v>77272</v>
      </c>
      <c r="E63340" s="1" t="s">
        <v>211632</v>
      </c>
      <c r="F63340" s="1" t="s">
        <v>211633</v>
      </c>
      <c r="G63340" s="1" t="s">
        <v>211598</v>
      </c>
      <c r="H63340" s="1" t="s">
        <v>211599</v>
      </c>
      <c r="I63340" s="1" t="s">
        <v>207852</v>
      </c>
      <c r="J63340" s="1" t="s">
        <v>211634</v>
      </c>
    </row>
    <row r="63341" spans="1:10" x14ac:dyDescent="0.35">
      <c r="A63341" s="1" t="s">
        <v>46839</v>
      </c>
      <c r="B63341" s="1" t="s">
        <v>207847</v>
      </c>
      <c r="C63341" s="1" t="s">
        <v>70</v>
      </c>
      <c r="D63341" s="1" t="s">
        <v>211635</v>
      </c>
      <c r="E63341" s="1" t="s">
        <v>211636</v>
      </c>
      <c r="F63341" s="1" t="s">
        <v>211637</v>
      </c>
      <c r="G63341" s="1" t="s">
        <v>211598</v>
      </c>
      <c r="H63341" s="1" t="s">
        <v>211599</v>
      </c>
      <c r="I63341" s="1" t="s">
        <v>207852</v>
      </c>
      <c r="J63341" s="1" t="s">
        <v>211638</v>
      </c>
    </row>
    <row r="63342" spans="1:10" x14ac:dyDescent="0.35">
      <c r="A63342" s="1" t="s">
        <v>46839</v>
      </c>
      <c r="B63342" s="1" t="s">
        <v>207847</v>
      </c>
      <c r="C63342" s="1" t="s">
        <v>75</v>
      </c>
      <c r="D63342" s="1" t="s">
        <v>211639</v>
      </c>
      <c r="E63342" s="1" t="s">
        <v>211640</v>
      </c>
      <c r="F63342" s="1" t="s">
        <v>211641</v>
      </c>
      <c r="G63342" s="1" t="s">
        <v>211598</v>
      </c>
      <c r="H63342" s="1" t="s">
        <v>211599</v>
      </c>
      <c r="I63342" s="1" t="s">
        <v>207852</v>
      </c>
      <c r="J63342" s="1" t="s">
        <v>211642</v>
      </c>
    </row>
    <row r="63343" spans="1:10" x14ac:dyDescent="0.35">
      <c r="A63343" s="1" t="s">
        <v>46839</v>
      </c>
      <c r="B63343" s="1" t="s">
        <v>207847</v>
      </c>
      <c r="C63343" s="1" t="s">
        <v>80</v>
      </c>
      <c r="D63343" s="1" t="s">
        <v>211643</v>
      </c>
      <c r="E63343" s="1" t="s">
        <v>211644</v>
      </c>
      <c r="F63343" s="1" t="s">
        <v>211645</v>
      </c>
      <c r="G63343" s="1" t="s">
        <v>211598</v>
      </c>
      <c r="H63343" s="1" t="s">
        <v>211599</v>
      </c>
      <c r="I63343" s="1" t="s">
        <v>207852</v>
      </c>
      <c r="J63343" s="1" t="s">
        <v>211646</v>
      </c>
    </row>
    <row r="63344" spans="1:10" x14ac:dyDescent="0.35">
      <c r="A63344" s="1" t="s">
        <v>46839</v>
      </c>
      <c r="B63344" s="1" t="s">
        <v>207847</v>
      </c>
      <c r="C63344" s="1" t="s">
        <v>85</v>
      </c>
      <c r="D63344" s="1" t="s">
        <v>58804</v>
      </c>
      <c r="E63344" s="1" t="s">
        <v>211647</v>
      </c>
      <c r="F63344" s="1" t="s">
        <v>211648</v>
      </c>
      <c r="G63344" s="1" t="s">
        <v>211598</v>
      </c>
      <c r="H63344" s="1" t="s">
        <v>211599</v>
      </c>
      <c r="I63344" s="1" t="s">
        <v>207852</v>
      </c>
      <c r="J63344" s="1" t="s">
        <v>211649</v>
      </c>
    </row>
    <row r="63345" spans="1:10" x14ac:dyDescent="0.35">
      <c r="A63345" s="1" t="s">
        <v>46839</v>
      </c>
      <c r="B63345" s="1" t="s">
        <v>207847</v>
      </c>
      <c r="C63345" s="1" t="s">
        <v>90</v>
      </c>
      <c r="D63345" s="1" t="s">
        <v>211650</v>
      </c>
      <c r="E63345" s="1" t="s">
        <v>211651</v>
      </c>
      <c r="F63345" s="1" t="s">
        <v>211652</v>
      </c>
      <c r="G63345" s="1" t="s">
        <v>211598</v>
      </c>
      <c r="H63345" s="1" t="s">
        <v>211599</v>
      </c>
      <c r="I63345" s="1" t="s">
        <v>207852</v>
      </c>
      <c r="J63345" s="1" t="s">
        <v>211653</v>
      </c>
    </row>
    <row r="63346" spans="1:10" x14ac:dyDescent="0.35">
      <c r="A63346" s="1" t="s">
        <v>46839</v>
      </c>
      <c r="B63346" s="1" t="s">
        <v>207847</v>
      </c>
      <c r="C63346" s="1" t="s">
        <v>95</v>
      </c>
      <c r="D63346" s="1" t="s">
        <v>129602</v>
      </c>
      <c r="E63346" s="1" t="s">
        <v>211654</v>
      </c>
      <c r="F63346" s="1" t="s">
        <v>211655</v>
      </c>
      <c r="G63346" s="1" t="s">
        <v>211598</v>
      </c>
      <c r="H63346" s="1" t="s">
        <v>211599</v>
      </c>
      <c r="I63346" s="1" t="s">
        <v>207852</v>
      </c>
      <c r="J63346" s="1" t="s">
        <v>211656</v>
      </c>
    </row>
    <row r="63347" spans="1:10" x14ac:dyDescent="0.35">
      <c r="A63347" s="1" t="s">
        <v>46839</v>
      </c>
      <c r="B63347" s="1" t="s">
        <v>207847</v>
      </c>
      <c r="C63347" s="1" t="s">
        <v>100</v>
      </c>
      <c r="D63347" s="1" t="s">
        <v>88129</v>
      </c>
      <c r="E63347" s="1" t="s">
        <v>211657</v>
      </c>
      <c r="F63347" s="1" t="s">
        <v>211658</v>
      </c>
      <c r="G63347" s="1" t="s">
        <v>211598</v>
      </c>
      <c r="H63347" s="1" t="s">
        <v>211599</v>
      </c>
      <c r="I63347" s="1" t="s">
        <v>207852</v>
      </c>
      <c r="J63347" s="1" t="s">
        <v>211659</v>
      </c>
    </row>
    <row r="63348" spans="1:10" x14ac:dyDescent="0.35">
      <c r="A63348" s="1" t="s">
        <v>46839</v>
      </c>
      <c r="B63348" s="1" t="s">
        <v>207847</v>
      </c>
      <c r="C63348" s="1" t="s">
        <v>105</v>
      </c>
      <c r="D63348" s="1" t="s">
        <v>90579</v>
      </c>
      <c r="E63348" s="1" t="s">
        <v>211660</v>
      </c>
      <c r="F63348" s="1" t="s">
        <v>211661</v>
      </c>
      <c r="G63348" s="1" t="s">
        <v>211598</v>
      </c>
      <c r="H63348" s="1" t="s">
        <v>211599</v>
      </c>
      <c r="I63348" s="1" t="s">
        <v>207852</v>
      </c>
      <c r="J63348" s="1" t="s">
        <v>211662</v>
      </c>
    </row>
    <row r="63349" spans="1:10" x14ac:dyDescent="0.35">
      <c r="A63349" s="1" t="s">
        <v>46839</v>
      </c>
      <c r="B63349" s="1" t="s">
        <v>207847</v>
      </c>
      <c r="C63349" s="1" t="s">
        <v>110</v>
      </c>
      <c r="D63349" s="1" t="s">
        <v>211663</v>
      </c>
      <c r="E63349" s="1" t="s">
        <v>211664</v>
      </c>
      <c r="F63349" s="1" t="s">
        <v>211665</v>
      </c>
      <c r="G63349" s="1" t="s">
        <v>211598</v>
      </c>
      <c r="H63349" s="1" t="s">
        <v>211599</v>
      </c>
      <c r="I63349" s="1" t="s">
        <v>207852</v>
      </c>
      <c r="J63349" s="1" t="s">
        <v>211666</v>
      </c>
    </row>
    <row r="63350" spans="1:10" x14ac:dyDescent="0.35">
      <c r="A63350" s="1" t="s">
        <v>46839</v>
      </c>
      <c r="B63350" s="1" t="s">
        <v>207847</v>
      </c>
      <c r="C63350" s="1" t="s">
        <v>115</v>
      </c>
      <c r="D63350" s="1" t="s">
        <v>211667</v>
      </c>
      <c r="E63350" s="1" t="s">
        <v>211668</v>
      </c>
      <c r="F63350" s="1" t="s">
        <v>211669</v>
      </c>
      <c r="G63350" s="1" t="s">
        <v>211598</v>
      </c>
      <c r="H63350" s="1" t="s">
        <v>211599</v>
      </c>
      <c r="I63350" s="1" t="s">
        <v>207852</v>
      </c>
      <c r="J63350" s="1" t="s">
        <v>211670</v>
      </c>
    </row>
    <row r="63351" spans="1:10" x14ac:dyDescent="0.35">
      <c r="A63351" s="1" t="s">
        <v>46839</v>
      </c>
      <c r="B63351" s="1" t="s">
        <v>207847</v>
      </c>
      <c r="C63351" s="1" t="s">
        <v>120</v>
      </c>
      <c r="D63351" s="1" t="s">
        <v>211671</v>
      </c>
      <c r="E63351" s="1" t="s">
        <v>211672</v>
      </c>
      <c r="F63351" s="1" t="s">
        <v>211673</v>
      </c>
      <c r="G63351" s="1" t="s">
        <v>211598</v>
      </c>
      <c r="H63351" s="1" t="s">
        <v>211599</v>
      </c>
      <c r="I63351" s="1" t="s">
        <v>207852</v>
      </c>
      <c r="J63351" s="1" t="s">
        <v>211674</v>
      </c>
    </row>
    <row r="63352" spans="1:10" x14ac:dyDescent="0.35">
      <c r="A63352" s="1" t="s">
        <v>46839</v>
      </c>
      <c r="B63352" s="1" t="s">
        <v>207847</v>
      </c>
      <c r="C63352" s="1" t="s">
        <v>125</v>
      </c>
      <c r="D63352" s="1" t="s">
        <v>69686</v>
      </c>
      <c r="E63352" s="1" t="s">
        <v>211675</v>
      </c>
      <c r="F63352" s="1" t="s">
        <v>211676</v>
      </c>
      <c r="G63352" s="1" t="s">
        <v>211598</v>
      </c>
      <c r="H63352" s="1" t="s">
        <v>211599</v>
      </c>
      <c r="I63352" s="1" t="s">
        <v>207852</v>
      </c>
      <c r="J63352" s="1" t="s">
        <v>211677</v>
      </c>
    </row>
    <row r="63353" spans="1:10" x14ac:dyDescent="0.35">
      <c r="A63353" s="1" t="s">
        <v>46839</v>
      </c>
      <c r="B63353" s="1" t="s">
        <v>207847</v>
      </c>
      <c r="C63353" s="1" t="s">
        <v>130</v>
      </c>
      <c r="D63353" s="1" t="s">
        <v>94559</v>
      </c>
      <c r="E63353" s="1" t="s">
        <v>211678</v>
      </c>
      <c r="F63353" s="1" t="s">
        <v>211679</v>
      </c>
      <c r="G63353" s="1" t="s">
        <v>211598</v>
      </c>
      <c r="H63353" s="1" t="s">
        <v>211599</v>
      </c>
      <c r="I63353" s="1" t="s">
        <v>207852</v>
      </c>
      <c r="J63353" s="1" t="s">
        <v>211680</v>
      </c>
    </row>
    <row r="63354" spans="1:10" x14ac:dyDescent="0.35">
      <c r="A63354" s="1" t="s">
        <v>46839</v>
      </c>
      <c r="B63354" s="1" t="s">
        <v>207847</v>
      </c>
      <c r="C63354" s="1" t="s">
        <v>135</v>
      </c>
      <c r="D63354" s="1" t="s">
        <v>79290</v>
      </c>
      <c r="E63354" s="1" t="s">
        <v>211681</v>
      </c>
      <c r="F63354" s="1" t="s">
        <v>211682</v>
      </c>
      <c r="G63354" s="1" t="s">
        <v>211598</v>
      </c>
      <c r="H63354" s="1" t="s">
        <v>211599</v>
      </c>
      <c r="I63354" s="1" t="s">
        <v>207852</v>
      </c>
      <c r="J63354" s="1" t="s">
        <v>211683</v>
      </c>
    </row>
    <row r="63355" spans="1:10" x14ac:dyDescent="0.35">
      <c r="A63355" s="1" t="s">
        <v>46839</v>
      </c>
      <c r="B63355" s="1" t="s">
        <v>207847</v>
      </c>
      <c r="C63355" s="1" t="s">
        <v>140</v>
      </c>
      <c r="D63355" s="1" t="s">
        <v>211684</v>
      </c>
      <c r="E63355" s="1" t="s">
        <v>211685</v>
      </c>
      <c r="F63355" s="1" t="s">
        <v>211686</v>
      </c>
      <c r="G63355" s="1" t="s">
        <v>211598</v>
      </c>
      <c r="H63355" s="1" t="s">
        <v>211599</v>
      </c>
      <c r="I63355" s="1" t="s">
        <v>207852</v>
      </c>
      <c r="J63355" s="1" t="s">
        <v>211687</v>
      </c>
    </row>
    <row r="63356" spans="1:10" x14ac:dyDescent="0.35">
      <c r="A63356" s="1" t="s">
        <v>46839</v>
      </c>
      <c r="B63356" s="1" t="s">
        <v>207847</v>
      </c>
      <c r="C63356" s="1" t="s">
        <v>145</v>
      </c>
      <c r="D63356" s="1" t="s">
        <v>211688</v>
      </c>
      <c r="E63356" s="1" t="s">
        <v>211689</v>
      </c>
      <c r="F63356" s="1" t="s">
        <v>211690</v>
      </c>
      <c r="G63356" s="1" t="s">
        <v>211598</v>
      </c>
      <c r="H63356" s="1" t="s">
        <v>211599</v>
      </c>
      <c r="I63356" s="1" t="s">
        <v>207852</v>
      </c>
      <c r="J63356" s="1" t="s">
        <v>211691</v>
      </c>
    </row>
    <row r="63357" spans="1:10" x14ac:dyDescent="0.35">
      <c r="A63357" s="1" t="s">
        <v>46839</v>
      </c>
      <c r="B63357" s="1" t="s">
        <v>207847</v>
      </c>
      <c r="C63357" s="1" t="s">
        <v>150</v>
      </c>
      <c r="D63357" s="1" t="s">
        <v>211692</v>
      </c>
      <c r="E63357" s="1" t="s">
        <v>211693</v>
      </c>
      <c r="F63357" s="1" t="s">
        <v>211694</v>
      </c>
      <c r="G63357" s="1" t="s">
        <v>211598</v>
      </c>
      <c r="H63357" s="1" t="s">
        <v>211599</v>
      </c>
      <c r="I63357" s="1" t="s">
        <v>207852</v>
      </c>
      <c r="J63357" s="1" t="s">
        <v>211695</v>
      </c>
    </row>
    <row r="63358" spans="1:10" x14ac:dyDescent="0.35">
      <c r="A63358" s="1" t="s">
        <v>46839</v>
      </c>
      <c r="B63358" s="1" t="s">
        <v>207847</v>
      </c>
      <c r="C63358" s="1" t="s">
        <v>155</v>
      </c>
      <c r="D63358" s="1" t="s">
        <v>211696</v>
      </c>
      <c r="E63358" s="1" t="s">
        <v>211697</v>
      </c>
      <c r="F63358" s="1" t="s">
        <v>211698</v>
      </c>
      <c r="G63358" s="1" t="s">
        <v>211598</v>
      </c>
      <c r="H63358" s="1" t="s">
        <v>211599</v>
      </c>
      <c r="I63358" s="1" t="s">
        <v>207852</v>
      </c>
      <c r="J63358" s="1" t="s">
        <v>211699</v>
      </c>
    </row>
    <row r="63359" spans="1:10" x14ac:dyDescent="0.35">
      <c r="A63359" s="1" t="s">
        <v>46839</v>
      </c>
      <c r="B63359" s="1" t="s">
        <v>207847</v>
      </c>
      <c r="C63359" s="1" t="s">
        <v>160</v>
      </c>
      <c r="D63359" s="1" t="s">
        <v>23584</v>
      </c>
      <c r="E63359" s="1" t="s">
        <v>211700</v>
      </c>
      <c r="F63359" s="1" t="s">
        <v>211701</v>
      </c>
      <c r="G63359" s="1" t="s">
        <v>211598</v>
      </c>
      <c r="H63359" s="1" t="s">
        <v>211599</v>
      </c>
      <c r="I63359" s="1" t="s">
        <v>207852</v>
      </c>
      <c r="J63359" s="1" t="s">
        <v>211702</v>
      </c>
    </row>
    <row r="63360" spans="1:10" x14ac:dyDescent="0.35">
      <c r="A63360" s="1" t="s">
        <v>46839</v>
      </c>
      <c r="B63360" s="1" t="s">
        <v>207847</v>
      </c>
      <c r="C63360" s="1" t="s">
        <v>165</v>
      </c>
      <c r="D63360" s="1" t="s">
        <v>211703</v>
      </c>
      <c r="E63360" s="1" t="s">
        <v>211704</v>
      </c>
      <c r="F63360" s="1" t="s">
        <v>211705</v>
      </c>
      <c r="G63360" s="1" t="s">
        <v>211598</v>
      </c>
      <c r="H63360" s="1" t="s">
        <v>211599</v>
      </c>
      <c r="I63360" s="1" t="s">
        <v>207852</v>
      </c>
      <c r="J63360" s="1" t="s">
        <v>211706</v>
      </c>
    </row>
    <row r="63361" spans="1:10" x14ac:dyDescent="0.35">
      <c r="A63361" s="1" t="s">
        <v>46839</v>
      </c>
      <c r="B63361" s="1" t="s">
        <v>207847</v>
      </c>
      <c r="C63361" s="1" t="s">
        <v>170</v>
      </c>
      <c r="D63361" s="1" t="s">
        <v>211707</v>
      </c>
      <c r="E63361" s="1" t="s">
        <v>211708</v>
      </c>
      <c r="F63361" s="1" t="s">
        <v>211709</v>
      </c>
      <c r="G63361" s="1" t="s">
        <v>211598</v>
      </c>
      <c r="H63361" s="1" t="s">
        <v>211599</v>
      </c>
      <c r="I63361" s="1" t="s">
        <v>207852</v>
      </c>
      <c r="J63361" s="1" t="s">
        <v>211710</v>
      </c>
    </row>
    <row r="63362" spans="1:10" x14ac:dyDescent="0.35">
      <c r="A63362" s="1" t="s">
        <v>9241</v>
      </c>
      <c r="B63362" s="1" t="s">
        <v>207847</v>
      </c>
      <c r="C63362" s="1" t="s">
        <v>8</v>
      </c>
      <c r="D63362" s="1" t="s">
        <v>142202</v>
      </c>
      <c r="E63362" s="1" t="s">
        <v>211711</v>
      </c>
      <c r="F63362" s="1" t="s">
        <v>211712</v>
      </c>
      <c r="G63362" s="1" t="s">
        <v>211713</v>
      </c>
      <c r="H63362" s="1" t="s">
        <v>211714</v>
      </c>
      <c r="I63362" s="1" t="s">
        <v>207852</v>
      </c>
      <c r="J63362" s="1" t="s">
        <v>13</v>
      </c>
    </row>
    <row r="63363" spans="1:10" x14ac:dyDescent="0.35">
      <c r="A63363" s="1" t="s">
        <v>9241</v>
      </c>
      <c r="B63363" s="1" t="s">
        <v>207847</v>
      </c>
      <c r="C63363" s="1" t="s">
        <v>15</v>
      </c>
      <c r="D63363" s="1" t="s">
        <v>113630</v>
      </c>
      <c r="E63363" s="1" t="s">
        <v>211715</v>
      </c>
      <c r="F63363" s="1" t="s">
        <v>211716</v>
      </c>
      <c r="G63363" s="1" t="s">
        <v>211713</v>
      </c>
      <c r="H63363" s="1" t="s">
        <v>211714</v>
      </c>
      <c r="I63363" s="1" t="s">
        <v>207852</v>
      </c>
      <c r="J63363" s="1" t="s">
        <v>211717</v>
      </c>
    </row>
    <row r="63364" spans="1:10" x14ac:dyDescent="0.35">
      <c r="A63364" s="1" t="s">
        <v>9241</v>
      </c>
      <c r="B63364" s="1" t="s">
        <v>207847</v>
      </c>
      <c r="C63364" s="1" t="s">
        <v>20</v>
      </c>
      <c r="D63364" s="1" t="s">
        <v>188303</v>
      </c>
      <c r="E63364" s="1" t="s">
        <v>211718</v>
      </c>
      <c r="F63364" s="1" t="s">
        <v>211719</v>
      </c>
      <c r="G63364" s="1" t="s">
        <v>211713</v>
      </c>
      <c r="H63364" s="1" t="s">
        <v>211714</v>
      </c>
      <c r="I63364" s="1" t="s">
        <v>207852</v>
      </c>
      <c r="J63364" s="1" t="s">
        <v>211720</v>
      </c>
    </row>
    <row r="63365" spans="1:10" x14ac:dyDescent="0.35">
      <c r="A63365" s="1" t="s">
        <v>9241</v>
      </c>
      <c r="B63365" s="1" t="s">
        <v>207847</v>
      </c>
      <c r="C63365" s="1" t="s">
        <v>25</v>
      </c>
      <c r="D63365" s="1" t="s">
        <v>211721</v>
      </c>
      <c r="E63365" s="1" t="s">
        <v>211722</v>
      </c>
      <c r="F63365" s="1" t="s">
        <v>211723</v>
      </c>
      <c r="G63365" s="1" t="s">
        <v>211713</v>
      </c>
      <c r="H63365" s="1" t="s">
        <v>211714</v>
      </c>
      <c r="I63365" s="1" t="s">
        <v>207852</v>
      </c>
      <c r="J63365" s="1" t="s">
        <v>211724</v>
      </c>
    </row>
    <row r="63366" spans="1:10" x14ac:dyDescent="0.35">
      <c r="A63366" s="1" t="s">
        <v>9241</v>
      </c>
      <c r="B63366" s="1" t="s">
        <v>207847</v>
      </c>
      <c r="C63366" s="1" t="s">
        <v>30</v>
      </c>
      <c r="D63366" s="1" t="s">
        <v>12532</v>
      </c>
      <c r="E63366" s="1" t="s">
        <v>211725</v>
      </c>
      <c r="F63366" s="1" t="s">
        <v>211726</v>
      </c>
      <c r="G63366" s="1" t="s">
        <v>211713</v>
      </c>
      <c r="H63366" s="1" t="s">
        <v>211714</v>
      </c>
      <c r="I63366" s="1" t="s">
        <v>207852</v>
      </c>
      <c r="J63366" s="1" t="s">
        <v>211727</v>
      </c>
    </row>
    <row r="63367" spans="1:10" x14ac:dyDescent="0.35">
      <c r="A63367" s="1" t="s">
        <v>9241</v>
      </c>
      <c r="B63367" s="1" t="s">
        <v>207847</v>
      </c>
      <c r="C63367" s="1" t="s">
        <v>35</v>
      </c>
      <c r="D63367" s="1" t="s">
        <v>141480</v>
      </c>
      <c r="E63367" s="1" t="s">
        <v>211728</v>
      </c>
      <c r="F63367" s="1" t="s">
        <v>211729</v>
      </c>
      <c r="G63367" s="1" t="s">
        <v>211713</v>
      </c>
      <c r="H63367" s="1" t="s">
        <v>211714</v>
      </c>
      <c r="I63367" s="1" t="s">
        <v>207852</v>
      </c>
      <c r="J63367" s="1" t="s">
        <v>211730</v>
      </c>
    </row>
    <row r="63368" spans="1:10" x14ac:dyDescent="0.35">
      <c r="A63368" s="1" t="s">
        <v>9241</v>
      </c>
      <c r="B63368" s="1" t="s">
        <v>207847</v>
      </c>
      <c r="C63368" s="1" t="s">
        <v>40</v>
      </c>
      <c r="D63368" s="1" t="s">
        <v>211731</v>
      </c>
      <c r="E63368" s="1" t="s">
        <v>211732</v>
      </c>
      <c r="F63368" s="1" t="s">
        <v>211733</v>
      </c>
      <c r="G63368" s="1" t="s">
        <v>211713</v>
      </c>
      <c r="H63368" s="1" t="s">
        <v>211714</v>
      </c>
      <c r="I63368" s="1" t="s">
        <v>207852</v>
      </c>
      <c r="J63368" s="1" t="s">
        <v>211734</v>
      </c>
    </row>
    <row r="63369" spans="1:10" x14ac:dyDescent="0.35">
      <c r="A63369" s="1" t="s">
        <v>9241</v>
      </c>
      <c r="B63369" s="1" t="s">
        <v>207847</v>
      </c>
      <c r="C63369" s="1" t="s">
        <v>45</v>
      </c>
      <c r="D63369" s="1" t="s">
        <v>211735</v>
      </c>
      <c r="E63369" s="1" t="s">
        <v>211736</v>
      </c>
      <c r="F63369" s="1" t="s">
        <v>211737</v>
      </c>
      <c r="G63369" s="1" t="s">
        <v>211713</v>
      </c>
      <c r="H63369" s="1" t="s">
        <v>211714</v>
      </c>
      <c r="I63369" s="1" t="s">
        <v>207852</v>
      </c>
      <c r="J63369" s="1" t="s">
        <v>211738</v>
      </c>
    </row>
    <row r="63370" spans="1:10" x14ac:dyDescent="0.35">
      <c r="A63370" s="1" t="s">
        <v>9241</v>
      </c>
      <c r="B63370" s="1" t="s">
        <v>207847</v>
      </c>
      <c r="C63370" s="1" t="s">
        <v>50</v>
      </c>
      <c r="D63370" s="1" t="s">
        <v>183189</v>
      </c>
      <c r="E63370" s="1" t="s">
        <v>211739</v>
      </c>
      <c r="F63370" s="1" t="s">
        <v>211740</v>
      </c>
      <c r="G63370" s="1" t="s">
        <v>211713</v>
      </c>
      <c r="H63370" s="1" t="s">
        <v>211714</v>
      </c>
      <c r="I63370" s="1" t="s">
        <v>207852</v>
      </c>
      <c r="J63370" s="1" t="s">
        <v>211337</v>
      </c>
    </row>
    <row r="63371" spans="1:10" x14ac:dyDescent="0.35">
      <c r="A63371" s="1" t="s">
        <v>9241</v>
      </c>
      <c r="B63371" s="1" t="s">
        <v>207847</v>
      </c>
      <c r="C63371" s="1" t="s">
        <v>55</v>
      </c>
      <c r="D63371" s="1" t="s">
        <v>42600</v>
      </c>
      <c r="E63371" s="1" t="s">
        <v>211741</v>
      </c>
      <c r="F63371" s="1" t="s">
        <v>211742</v>
      </c>
      <c r="G63371" s="1" t="s">
        <v>211713</v>
      </c>
      <c r="H63371" s="1" t="s">
        <v>211714</v>
      </c>
      <c r="I63371" s="1" t="s">
        <v>207852</v>
      </c>
      <c r="J63371" s="1" t="s">
        <v>211743</v>
      </c>
    </row>
    <row r="63372" spans="1:10" x14ac:dyDescent="0.35">
      <c r="A63372" s="1" t="s">
        <v>9241</v>
      </c>
      <c r="B63372" s="1" t="s">
        <v>207847</v>
      </c>
      <c r="C63372" s="1" t="s">
        <v>60</v>
      </c>
      <c r="D63372" s="1" t="s">
        <v>211744</v>
      </c>
      <c r="E63372" s="1" t="s">
        <v>211745</v>
      </c>
      <c r="F63372" s="1" t="s">
        <v>211746</v>
      </c>
      <c r="G63372" s="1" t="s">
        <v>211713</v>
      </c>
      <c r="H63372" s="1" t="s">
        <v>211714</v>
      </c>
      <c r="I63372" s="1" t="s">
        <v>207852</v>
      </c>
      <c r="J63372" s="1" t="s">
        <v>211747</v>
      </c>
    </row>
    <row r="63373" spans="1:10" x14ac:dyDescent="0.35">
      <c r="A63373" s="1" t="s">
        <v>9241</v>
      </c>
      <c r="B63373" s="1" t="s">
        <v>207847</v>
      </c>
      <c r="C63373" s="1" t="s">
        <v>65</v>
      </c>
      <c r="D63373" s="1" t="s">
        <v>156202</v>
      </c>
      <c r="E63373" s="1" t="s">
        <v>211748</v>
      </c>
      <c r="F63373" s="1" t="s">
        <v>211749</v>
      </c>
      <c r="G63373" s="1" t="s">
        <v>211713</v>
      </c>
      <c r="H63373" s="1" t="s">
        <v>211714</v>
      </c>
      <c r="I63373" s="1" t="s">
        <v>207852</v>
      </c>
      <c r="J63373" s="1" t="s">
        <v>211750</v>
      </c>
    </row>
    <row r="63374" spans="1:10" x14ac:dyDescent="0.35">
      <c r="A63374" s="1" t="s">
        <v>9241</v>
      </c>
      <c r="B63374" s="1" t="s">
        <v>207847</v>
      </c>
      <c r="C63374" s="1" t="s">
        <v>70</v>
      </c>
      <c r="D63374" s="1" t="s">
        <v>211751</v>
      </c>
      <c r="E63374" s="1" t="s">
        <v>211752</v>
      </c>
      <c r="F63374" s="1" t="s">
        <v>211753</v>
      </c>
      <c r="G63374" s="1" t="s">
        <v>211713</v>
      </c>
      <c r="H63374" s="1" t="s">
        <v>211714</v>
      </c>
      <c r="I63374" s="1" t="s">
        <v>207852</v>
      </c>
      <c r="J63374" s="1" t="s">
        <v>211754</v>
      </c>
    </row>
    <row r="63375" spans="1:10" x14ac:dyDescent="0.35">
      <c r="A63375" s="1" t="s">
        <v>9241</v>
      </c>
      <c r="B63375" s="1" t="s">
        <v>207847</v>
      </c>
      <c r="C63375" s="1" t="s">
        <v>75</v>
      </c>
      <c r="D63375" s="1" t="s">
        <v>185780</v>
      </c>
      <c r="E63375" s="1" t="s">
        <v>211755</v>
      </c>
      <c r="F63375" s="1" t="s">
        <v>211756</v>
      </c>
      <c r="G63375" s="1" t="s">
        <v>211713</v>
      </c>
      <c r="H63375" s="1" t="s">
        <v>211714</v>
      </c>
      <c r="I63375" s="1" t="s">
        <v>207852</v>
      </c>
      <c r="J63375" s="1" t="s">
        <v>211757</v>
      </c>
    </row>
    <row r="63376" spans="1:10" x14ac:dyDescent="0.35">
      <c r="A63376" s="1" t="s">
        <v>9241</v>
      </c>
      <c r="B63376" s="1" t="s">
        <v>207847</v>
      </c>
      <c r="C63376" s="1" t="s">
        <v>80</v>
      </c>
      <c r="D63376" s="1" t="s">
        <v>151981</v>
      </c>
      <c r="E63376" s="1" t="s">
        <v>211758</v>
      </c>
      <c r="F63376" s="1" t="s">
        <v>211759</v>
      </c>
      <c r="G63376" s="1" t="s">
        <v>211713</v>
      </c>
      <c r="H63376" s="1" t="s">
        <v>211714</v>
      </c>
      <c r="I63376" s="1" t="s">
        <v>207852</v>
      </c>
      <c r="J63376" s="1" t="s">
        <v>211760</v>
      </c>
    </row>
    <row r="63377" spans="1:10" x14ac:dyDescent="0.35">
      <c r="A63377" s="1" t="s">
        <v>9241</v>
      </c>
      <c r="B63377" s="1" t="s">
        <v>207847</v>
      </c>
      <c r="C63377" s="1" t="s">
        <v>85</v>
      </c>
      <c r="D63377" s="1" t="s">
        <v>211761</v>
      </c>
      <c r="E63377" s="1" t="s">
        <v>211762</v>
      </c>
      <c r="F63377" s="1" t="s">
        <v>211763</v>
      </c>
      <c r="G63377" s="1" t="s">
        <v>211713</v>
      </c>
      <c r="H63377" s="1" t="s">
        <v>211714</v>
      </c>
      <c r="I63377" s="1" t="s">
        <v>207852</v>
      </c>
      <c r="J63377" s="1" t="s">
        <v>211764</v>
      </c>
    </row>
    <row r="63378" spans="1:10" x14ac:dyDescent="0.35">
      <c r="A63378" s="1" t="s">
        <v>9241</v>
      </c>
      <c r="B63378" s="1" t="s">
        <v>207847</v>
      </c>
      <c r="C63378" s="1" t="s">
        <v>90</v>
      </c>
      <c r="D63378" s="1" t="s">
        <v>211765</v>
      </c>
      <c r="E63378" s="1" t="s">
        <v>211766</v>
      </c>
      <c r="F63378" s="1" t="s">
        <v>211767</v>
      </c>
      <c r="G63378" s="1" t="s">
        <v>211713</v>
      </c>
      <c r="H63378" s="1" t="s">
        <v>211714</v>
      </c>
      <c r="I63378" s="1" t="s">
        <v>207852</v>
      </c>
      <c r="J63378" s="1" t="s">
        <v>211768</v>
      </c>
    </row>
    <row r="63379" spans="1:10" x14ac:dyDescent="0.35">
      <c r="A63379" s="1" t="s">
        <v>9241</v>
      </c>
      <c r="B63379" s="1" t="s">
        <v>207847</v>
      </c>
      <c r="C63379" s="1" t="s">
        <v>95</v>
      </c>
      <c r="D63379" s="1" t="s">
        <v>160404</v>
      </c>
      <c r="E63379" s="1" t="s">
        <v>211769</v>
      </c>
      <c r="F63379" s="1" t="s">
        <v>211770</v>
      </c>
      <c r="G63379" s="1" t="s">
        <v>211713</v>
      </c>
      <c r="H63379" s="1" t="s">
        <v>211714</v>
      </c>
      <c r="I63379" s="1" t="s">
        <v>207852</v>
      </c>
      <c r="J63379" s="1" t="s">
        <v>211771</v>
      </c>
    </row>
    <row r="63380" spans="1:10" x14ac:dyDescent="0.35">
      <c r="A63380" s="1" t="s">
        <v>9241</v>
      </c>
      <c r="B63380" s="1" t="s">
        <v>207847</v>
      </c>
      <c r="C63380" s="1" t="s">
        <v>100</v>
      </c>
      <c r="D63380" s="1" t="s">
        <v>211772</v>
      </c>
      <c r="E63380" s="1" t="s">
        <v>211773</v>
      </c>
      <c r="F63380" s="1" t="s">
        <v>211774</v>
      </c>
      <c r="G63380" s="1" t="s">
        <v>211713</v>
      </c>
      <c r="H63380" s="1" t="s">
        <v>211714</v>
      </c>
      <c r="I63380" s="1" t="s">
        <v>207852</v>
      </c>
      <c r="J63380" s="1" t="s">
        <v>211775</v>
      </c>
    </row>
    <row r="63381" spans="1:10" x14ac:dyDescent="0.35">
      <c r="A63381" s="1" t="s">
        <v>9241</v>
      </c>
      <c r="B63381" s="1" t="s">
        <v>207847</v>
      </c>
      <c r="C63381" s="1" t="s">
        <v>105</v>
      </c>
      <c r="D63381" s="1" t="s">
        <v>211776</v>
      </c>
      <c r="E63381" s="1" t="s">
        <v>211777</v>
      </c>
      <c r="F63381" s="1" t="s">
        <v>211778</v>
      </c>
      <c r="G63381" s="1" t="s">
        <v>211713</v>
      </c>
      <c r="H63381" s="1" t="s">
        <v>211714</v>
      </c>
      <c r="I63381" s="1" t="s">
        <v>207852</v>
      </c>
      <c r="J63381" s="1" t="s">
        <v>211779</v>
      </c>
    </row>
    <row r="63382" spans="1:10" x14ac:dyDescent="0.35">
      <c r="A63382" s="1" t="s">
        <v>9241</v>
      </c>
      <c r="B63382" s="1" t="s">
        <v>207847</v>
      </c>
      <c r="C63382" s="1" t="s">
        <v>110</v>
      </c>
      <c r="D63382" s="1" t="s">
        <v>211780</v>
      </c>
      <c r="E63382" s="1" t="s">
        <v>211781</v>
      </c>
      <c r="F63382" s="1" t="s">
        <v>211782</v>
      </c>
      <c r="G63382" s="1" t="s">
        <v>211713</v>
      </c>
      <c r="H63382" s="1" t="s">
        <v>211714</v>
      </c>
      <c r="I63382" s="1" t="s">
        <v>207852</v>
      </c>
      <c r="J63382" s="1" t="s">
        <v>211783</v>
      </c>
    </row>
    <row r="63383" spans="1:10" x14ac:dyDescent="0.35">
      <c r="A63383" s="1" t="s">
        <v>9241</v>
      </c>
      <c r="B63383" s="1" t="s">
        <v>207847</v>
      </c>
      <c r="C63383" s="1" t="s">
        <v>115</v>
      </c>
      <c r="D63383" s="1" t="s">
        <v>113167</v>
      </c>
      <c r="E63383" s="1" t="s">
        <v>211784</v>
      </c>
      <c r="F63383" s="1" t="s">
        <v>211785</v>
      </c>
      <c r="G63383" s="1" t="s">
        <v>211713</v>
      </c>
      <c r="H63383" s="1" t="s">
        <v>211714</v>
      </c>
      <c r="I63383" s="1" t="s">
        <v>207852</v>
      </c>
      <c r="J63383" s="1" t="s">
        <v>211786</v>
      </c>
    </row>
    <row r="63384" spans="1:10" x14ac:dyDescent="0.35">
      <c r="A63384" s="1" t="s">
        <v>9241</v>
      </c>
      <c r="B63384" s="1" t="s">
        <v>207847</v>
      </c>
      <c r="C63384" s="1" t="s">
        <v>120</v>
      </c>
      <c r="D63384" s="1" t="s">
        <v>180489</v>
      </c>
      <c r="E63384" s="1" t="s">
        <v>211787</v>
      </c>
      <c r="F63384" s="1" t="s">
        <v>211788</v>
      </c>
      <c r="G63384" s="1" t="s">
        <v>211713</v>
      </c>
      <c r="H63384" s="1" t="s">
        <v>211714</v>
      </c>
      <c r="I63384" s="1" t="s">
        <v>207852</v>
      </c>
      <c r="J63384" s="1" t="s">
        <v>211789</v>
      </c>
    </row>
    <row r="63385" spans="1:10" x14ac:dyDescent="0.35">
      <c r="A63385" s="1" t="s">
        <v>9241</v>
      </c>
      <c r="B63385" s="1" t="s">
        <v>207847</v>
      </c>
      <c r="C63385" s="1" t="s">
        <v>125</v>
      </c>
      <c r="D63385" s="1" t="s">
        <v>53753</v>
      </c>
      <c r="E63385" s="1" t="s">
        <v>211790</v>
      </c>
      <c r="F63385" s="1" t="s">
        <v>211791</v>
      </c>
      <c r="G63385" s="1" t="s">
        <v>211713</v>
      </c>
      <c r="H63385" s="1" t="s">
        <v>211714</v>
      </c>
      <c r="I63385" s="1" t="s">
        <v>207852</v>
      </c>
      <c r="J63385" s="1" t="s">
        <v>211792</v>
      </c>
    </row>
    <row r="63386" spans="1:10" x14ac:dyDescent="0.35">
      <c r="A63386" s="1" t="s">
        <v>9241</v>
      </c>
      <c r="B63386" s="1" t="s">
        <v>207847</v>
      </c>
      <c r="C63386" s="1" t="s">
        <v>130</v>
      </c>
      <c r="D63386" s="1" t="s">
        <v>95384</v>
      </c>
      <c r="E63386" s="1" t="s">
        <v>211793</v>
      </c>
      <c r="F63386" s="1" t="s">
        <v>211794</v>
      </c>
      <c r="G63386" s="1" t="s">
        <v>211713</v>
      </c>
      <c r="H63386" s="1" t="s">
        <v>211714</v>
      </c>
      <c r="I63386" s="1" t="s">
        <v>207852</v>
      </c>
      <c r="J63386" s="1" t="s">
        <v>211795</v>
      </c>
    </row>
    <row r="63387" spans="1:10" x14ac:dyDescent="0.35">
      <c r="A63387" s="1" t="s">
        <v>9241</v>
      </c>
      <c r="B63387" s="1" t="s">
        <v>207847</v>
      </c>
      <c r="C63387" s="1" t="s">
        <v>135</v>
      </c>
      <c r="D63387" s="1" t="s">
        <v>69645</v>
      </c>
      <c r="E63387" s="1" t="s">
        <v>211796</v>
      </c>
      <c r="F63387" s="1" t="s">
        <v>211797</v>
      </c>
      <c r="G63387" s="1" t="s">
        <v>211713</v>
      </c>
      <c r="H63387" s="1" t="s">
        <v>211714</v>
      </c>
      <c r="I63387" s="1" t="s">
        <v>207852</v>
      </c>
      <c r="J63387" s="1" t="s">
        <v>211798</v>
      </c>
    </row>
    <row r="63388" spans="1:10" x14ac:dyDescent="0.35">
      <c r="A63388" s="1" t="s">
        <v>9241</v>
      </c>
      <c r="B63388" s="1" t="s">
        <v>207847</v>
      </c>
      <c r="C63388" s="1" t="s">
        <v>140</v>
      </c>
      <c r="D63388" s="1" t="s">
        <v>91271</v>
      </c>
      <c r="E63388" s="1" t="s">
        <v>211799</v>
      </c>
      <c r="F63388" s="1" t="s">
        <v>211800</v>
      </c>
      <c r="G63388" s="1" t="s">
        <v>211713</v>
      </c>
      <c r="H63388" s="1" t="s">
        <v>211714</v>
      </c>
      <c r="I63388" s="1" t="s">
        <v>207852</v>
      </c>
      <c r="J63388" s="1" t="s">
        <v>211801</v>
      </c>
    </row>
    <row r="63389" spans="1:10" x14ac:dyDescent="0.35">
      <c r="A63389" s="1" t="s">
        <v>9241</v>
      </c>
      <c r="B63389" s="1" t="s">
        <v>207847</v>
      </c>
      <c r="C63389" s="1" t="s">
        <v>145</v>
      </c>
      <c r="D63389" s="1" t="s">
        <v>68952</v>
      </c>
      <c r="E63389" s="1" t="s">
        <v>211802</v>
      </c>
      <c r="F63389" s="1" t="s">
        <v>211803</v>
      </c>
      <c r="G63389" s="1" t="s">
        <v>211713</v>
      </c>
      <c r="H63389" s="1" t="s">
        <v>211714</v>
      </c>
      <c r="I63389" s="1" t="s">
        <v>207852</v>
      </c>
      <c r="J63389" s="1" t="s">
        <v>211804</v>
      </c>
    </row>
    <row r="63390" spans="1:10" x14ac:dyDescent="0.35">
      <c r="A63390" s="1" t="s">
        <v>9241</v>
      </c>
      <c r="B63390" s="1" t="s">
        <v>207847</v>
      </c>
      <c r="C63390" s="1" t="s">
        <v>150</v>
      </c>
      <c r="D63390" s="1" t="s">
        <v>87059</v>
      </c>
      <c r="E63390" s="1" t="s">
        <v>211805</v>
      </c>
      <c r="F63390" s="1" t="s">
        <v>211806</v>
      </c>
      <c r="G63390" s="1" t="s">
        <v>211713</v>
      </c>
      <c r="H63390" s="1" t="s">
        <v>211714</v>
      </c>
      <c r="I63390" s="1" t="s">
        <v>207852</v>
      </c>
      <c r="J63390" s="1" t="s">
        <v>211807</v>
      </c>
    </row>
    <row r="63391" spans="1:10" x14ac:dyDescent="0.35">
      <c r="A63391" s="1" t="s">
        <v>9241</v>
      </c>
      <c r="B63391" s="1" t="s">
        <v>207847</v>
      </c>
      <c r="C63391" s="1" t="s">
        <v>155</v>
      </c>
      <c r="D63391" s="1" t="s">
        <v>138549</v>
      </c>
      <c r="E63391" s="1" t="s">
        <v>211808</v>
      </c>
      <c r="F63391" s="1" t="s">
        <v>211809</v>
      </c>
      <c r="G63391" s="1" t="s">
        <v>211713</v>
      </c>
      <c r="H63391" s="1" t="s">
        <v>211714</v>
      </c>
      <c r="I63391" s="1" t="s">
        <v>207852</v>
      </c>
      <c r="J63391" s="1" t="s">
        <v>211810</v>
      </c>
    </row>
    <row r="63392" spans="1:10" x14ac:dyDescent="0.35">
      <c r="A63392" s="1" t="s">
        <v>9241</v>
      </c>
      <c r="B63392" s="1" t="s">
        <v>207847</v>
      </c>
      <c r="C63392" s="1" t="s">
        <v>160</v>
      </c>
      <c r="D63392" s="1" t="s">
        <v>75767</v>
      </c>
      <c r="E63392" s="1" t="s">
        <v>211811</v>
      </c>
      <c r="F63392" s="1" t="s">
        <v>211812</v>
      </c>
      <c r="G63392" s="1" t="s">
        <v>211713</v>
      </c>
      <c r="H63392" s="1" t="s">
        <v>211714</v>
      </c>
      <c r="I63392" s="1" t="s">
        <v>207852</v>
      </c>
      <c r="J63392" s="1" t="s">
        <v>211813</v>
      </c>
    </row>
    <row r="63393" spans="1:10" x14ac:dyDescent="0.35">
      <c r="A63393" s="1" t="s">
        <v>9241</v>
      </c>
      <c r="B63393" s="1" t="s">
        <v>207847</v>
      </c>
      <c r="C63393" s="1" t="s">
        <v>165</v>
      </c>
      <c r="D63393" s="1" t="s">
        <v>91313</v>
      </c>
      <c r="E63393" s="1" t="s">
        <v>211814</v>
      </c>
      <c r="F63393" s="1" t="s">
        <v>211815</v>
      </c>
      <c r="G63393" s="1" t="s">
        <v>211713</v>
      </c>
      <c r="H63393" s="1" t="s">
        <v>211714</v>
      </c>
      <c r="I63393" s="1" t="s">
        <v>207852</v>
      </c>
      <c r="J63393" s="1" t="s">
        <v>211816</v>
      </c>
    </row>
    <row r="63394" spans="1:10" x14ac:dyDescent="0.35">
      <c r="A63394" s="1" t="s">
        <v>9241</v>
      </c>
      <c r="B63394" s="1" t="s">
        <v>207847</v>
      </c>
      <c r="C63394" s="1" t="s">
        <v>170</v>
      </c>
      <c r="D63394" s="1" t="s">
        <v>20512</v>
      </c>
      <c r="E63394" s="1" t="s">
        <v>211817</v>
      </c>
      <c r="F63394" s="1" t="s">
        <v>211818</v>
      </c>
      <c r="G63394" s="1" t="s">
        <v>211713</v>
      </c>
      <c r="H63394" s="1" t="s">
        <v>211714</v>
      </c>
      <c r="I63394" s="1" t="s">
        <v>207852</v>
      </c>
      <c r="J63394" s="1" t="s">
        <v>211819</v>
      </c>
    </row>
    <row r="63395" spans="1:10" x14ac:dyDescent="0.35">
      <c r="A63395" s="1" t="s">
        <v>46224</v>
      </c>
      <c r="B63395" s="1" t="s">
        <v>207847</v>
      </c>
      <c r="C63395" s="1" t="s">
        <v>8</v>
      </c>
      <c r="D63395" s="1" t="s">
        <v>4195</v>
      </c>
      <c r="E63395" s="1" t="s">
        <v>211820</v>
      </c>
      <c r="F63395" s="1" t="s">
        <v>211821</v>
      </c>
      <c r="G63395" s="1" t="s">
        <v>211822</v>
      </c>
      <c r="H63395" s="1" t="s">
        <v>211823</v>
      </c>
      <c r="I63395" s="1" t="s">
        <v>207852</v>
      </c>
      <c r="J63395" s="1" t="s">
        <v>13</v>
      </c>
    </row>
    <row r="63396" spans="1:10" x14ac:dyDescent="0.35">
      <c r="A63396" s="1" t="s">
        <v>46224</v>
      </c>
      <c r="B63396" s="1" t="s">
        <v>207847</v>
      </c>
      <c r="C63396" s="1" t="s">
        <v>15</v>
      </c>
      <c r="D63396" s="1" t="s">
        <v>203178</v>
      </c>
      <c r="E63396" s="1" t="s">
        <v>211824</v>
      </c>
      <c r="F63396" s="1" t="s">
        <v>211825</v>
      </c>
      <c r="G63396" s="1" t="s">
        <v>211822</v>
      </c>
      <c r="H63396" s="1" t="s">
        <v>211823</v>
      </c>
      <c r="I63396" s="1" t="s">
        <v>207852</v>
      </c>
      <c r="J63396" s="1" t="s">
        <v>211826</v>
      </c>
    </row>
    <row r="63397" spans="1:10" x14ac:dyDescent="0.35">
      <c r="A63397" s="1" t="s">
        <v>46224</v>
      </c>
      <c r="B63397" s="1" t="s">
        <v>207847</v>
      </c>
      <c r="C63397" s="1" t="s">
        <v>20</v>
      </c>
      <c r="D63397" s="1" t="s">
        <v>188558</v>
      </c>
      <c r="E63397" s="1" t="s">
        <v>211827</v>
      </c>
      <c r="F63397" s="1" t="s">
        <v>211828</v>
      </c>
      <c r="G63397" s="1" t="s">
        <v>211822</v>
      </c>
      <c r="H63397" s="1" t="s">
        <v>211823</v>
      </c>
      <c r="I63397" s="1" t="s">
        <v>207852</v>
      </c>
      <c r="J63397" s="1" t="s">
        <v>210881</v>
      </c>
    </row>
    <row r="63398" spans="1:10" x14ac:dyDescent="0.35">
      <c r="A63398" s="1" t="s">
        <v>46224</v>
      </c>
      <c r="B63398" s="1" t="s">
        <v>207847</v>
      </c>
      <c r="C63398" s="1" t="s">
        <v>25</v>
      </c>
      <c r="D63398" s="1" t="s">
        <v>211829</v>
      </c>
      <c r="E63398" s="1" t="s">
        <v>211830</v>
      </c>
      <c r="F63398" s="1" t="s">
        <v>211831</v>
      </c>
      <c r="G63398" s="1" t="s">
        <v>211822</v>
      </c>
      <c r="H63398" s="1" t="s">
        <v>211823</v>
      </c>
      <c r="I63398" s="1" t="s">
        <v>207852</v>
      </c>
      <c r="J63398" s="1" t="s">
        <v>211832</v>
      </c>
    </row>
    <row r="63399" spans="1:10" x14ac:dyDescent="0.35">
      <c r="A63399" s="1" t="s">
        <v>46224</v>
      </c>
      <c r="B63399" s="1" t="s">
        <v>207847</v>
      </c>
      <c r="C63399" s="1" t="s">
        <v>30</v>
      </c>
      <c r="D63399" s="1" t="s">
        <v>211833</v>
      </c>
      <c r="E63399" s="1" t="s">
        <v>211834</v>
      </c>
      <c r="F63399" s="1" t="s">
        <v>211835</v>
      </c>
      <c r="G63399" s="1" t="s">
        <v>211822</v>
      </c>
      <c r="H63399" s="1" t="s">
        <v>211823</v>
      </c>
      <c r="I63399" s="1" t="s">
        <v>207852</v>
      </c>
      <c r="J63399" s="1" t="s">
        <v>211836</v>
      </c>
    </row>
    <row r="63400" spans="1:10" x14ac:dyDescent="0.35">
      <c r="A63400" s="1" t="s">
        <v>46224</v>
      </c>
      <c r="B63400" s="1" t="s">
        <v>207847</v>
      </c>
      <c r="C63400" s="1" t="s">
        <v>35</v>
      </c>
      <c r="D63400" s="1" t="s">
        <v>174931</v>
      </c>
      <c r="E63400" s="1" t="s">
        <v>211837</v>
      </c>
      <c r="F63400" s="1" t="s">
        <v>211838</v>
      </c>
      <c r="G63400" s="1" t="s">
        <v>211822</v>
      </c>
      <c r="H63400" s="1" t="s">
        <v>211823</v>
      </c>
      <c r="I63400" s="1" t="s">
        <v>207852</v>
      </c>
      <c r="J63400" s="1" t="s">
        <v>211839</v>
      </c>
    </row>
    <row r="63401" spans="1:10" x14ac:dyDescent="0.35">
      <c r="A63401" s="1" t="s">
        <v>46224</v>
      </c>
      <c r="B63401" s="1" t="s">
        <v>207847</v>
      </c>
      <c r="C63401" s="1" t="s">
        <v>40</v>
      </c>
      <c r="D63401" s="1" t="s">
        <v>9774</v>
      </c>
      <c r="E63401" s="1" t="s">
        <v>211840</v>
      </c>
      <c r="F63401" s="1" t="s">
        <v>211841</v>
      </c>
      <c r="G63401" s="1" t="s">
        <v>211822</v>
      </c>
      <c r="H63401" s="1" t="s">
        <v>211823</v>
      </c>
      <c r="I63401" s="1" t="s">
        <v>207852</v>
      </c>
      <c r="J63401" s="1" t="s">
        <v>211842</v>
      </c>
    </row>
    <row r="63402" spans="1:10" x14ac:dyDescent="0.35">
      <c r="A63402" s="1" t="s">
        <v>46224</v>
      </c>
      <c r="B63402" s="1" t="s">
        <v>207847</v>
      </c>
      <c r="C63402" s="1" t="s">
        <v>45</v>
      </c>
      <c r="D63402" s="1" t="s">
        <v>18030</v>
      </c>
      <c r="E63402" s="1" t="s">
        <v>211843</v>
      </c>
      <c r="F63402" s="1" t="s">
        <v>211844</v>
      </c>
      <c r="G63402" s="1" t="s">
        <v>211822</v>
      </c>
      <c r="H63402" s="1" t="s">
        <v>211823</v>
      </c>
      <c r="I63402" s="1" t="s">
        <v>207852</v>
      </c>
      <c r="J63402" s="1" t="s">
        <v>211845</v>
      </c>
    </row>
    <row r="63403" spans="1:10" x14ac:dyDescent="0.35">
      <c r="A63403" s="1" t="s">
        <v>46224</v>
      </c>
      <c r="B63403" s="1" t="s">
        <v>207847</v>
      </c>
      <c r="C63403" s="1" t="s">
        <v>50</v>
      </c>
      <c r="D63403" s="1" t="s">
        <v>182507</v>
      </c>
      <c r="E63403" s="1" t="s">
        <v>211846</v>
      </c>
      <c r="F63403" s="1" t="s">
        <v>211847</v>
      </c>
      <c r="G63403" s="1" t="s">
        <v>211822</v>
      </c>
      <c r="H63403" s="1" t="s">
        <v>211823</v>
      </c>
      <c r="I63403" s="1" t="s">
        <v>207852</v>
      </c>
      <c r="J63403" s="1" t="s">
        <v>211848</v>
      </c>
    </row>
    <row r="63404" spans="1:10" x14ac:dyDescent="0.35">
      <c r="A63404" s="1" t="s">
        <v>46224</v>
      </c>
      <c r="B63404" s="1" t="s">
        <v>207847</v>
      </c>
      <c r="C63404" s="1" t="s">
        <v>55</v>
      </c>
      <c r="D63404" s="1" t="s">
        <v>43670</v>
      </c>
      <c r="E63404" s="1" t="s">
        <v>211849</v>
      </c>
      <c r="F63404" s="1" t="s">
        <v>211850</v>
      </c>
      <c r="G63404" s="1" t="s">
        <v>211822</v>
      </c>
      <c r="H63404" s="1" t="s">
        <v>211823</v>
      </c>
      <c r="I63404" s="1" t="s">
        <v>207852</v>
      </c>
      <c r="J63404" s="1" t="s">
        <v>211851</v>
      </c>
    </row>
    <row r="63405" spans="1:10" x14ac:dyDescent="0.35">
      <c r="A63405" s="1" t="s">
        <v>46224</v>
      </c>
      <c r="B63405" s="1" t="s">
        <v>207847</v>
      </c>
      <c r="C63405" s="1" t="s">
        <v>60</v>
      </c>
      <c r="D63405" s="1" t="s">
        <v>125361</v>
      </c>
      <c r="E63405" s="1" t="s">
        <v>211852</v>
      </c>
      <c r="F63405" s="1" t="s">
        <v>211853</v>
      </c>
      <c r="G63405" s="1" t="s">
        <v>211822</v>
      </c>
      <c r="H63405" s="1" t="s">
        <v>211823</v>
      </c>
      <c r="I63405" s="1" t="s">
        <v>207852</v>
      </c>
      <c r="J63405" s="1" t="s">
        <v>211854</v>
      </c>
    </row>
    <row r="63406" spans="1:10" x14ac:dyDescent="0.35">
      <c r="A63406" s="1" t="s">
        <v>46224</v>
      </c>
      <c r="B63406" s="1" t="s">
        <v>207847</v>
      </c>
      <c r="C63406" s="1" t="s">
        <v>65</v>
      </c>
      <c r="D63406" s="1" t="s">
        <v>43274</v>
      </c>
      <c r="E63406" s="1" t="s">
        <v>211855</v>
      </c>
      <c r="F63406" s="1" t="s">
        <v>211856</v>
      </c>
      <c r="G63406" s="1" t="s">
        <v>211822</v>
      </c>
      <c r="H63406" s="1" t="s">
        <v>211823</v>
      </c>
      <c r="I63406" s="1" t="s">
        <v>207852</v>
      </c>
      <c r="J63406" s="1" t="s">
        <v>211857</v>
      </c>
    </row>
    <row r="63407" spans="1:10" x14ac:dyDescent="0.35">
      <c r="A63407" s="1" t="s">
        <v>46224</v>
      </c>
      <c r="B63407" s="1" t="s">
        <v>207847</v>
      </c>
      <c r="C63407" s="1" t="s">
        <v>70</v>
      </c>
      <c r="D63407" s="1" t="s">
        <v>211858</v>
      </c>
      <c r="E63407" s="1" t="s">
        <v>211859</v>
      </c>
      <c r="F63407" s="1" t="s">
        <v>211860</v>
      </c>
      <c r="G63407" s="1" t="s">
        <v>211822</v>
      </c>
      <c r="H63407" s="1" t="s">
        <v>211823</v>
      </c>
      <c r="I63407" s="1" t="s">
        <v>207852</v>
      </c>
      <c r="J63407" s="1" t="s">
        <v>211861</v>
      </c>
    </row>
    <row r="63408" spans="1:10" x14ac:dyDescent="0.35">
      <c r="A63408" s="1" t="s">
        <v>46224</v>
      </c>
      <c r="B63408" s="1" t="s">
        <v>207847</v>
      </c>
      <c r="C63408" s="1" t="s">
        <v>75</v>
      </c>
      <c r="D63408" s="1" t="s">
        <v>211862</v>
      </c>
      <c r="E63408" s="1" t="s">
        <v>211863</v>
      </c>
      <c r="F63408" s="1" t="s">
        <v>211864</v>
      </c>
      <c r="G63408" s="1" t="s">
        <v>211822</v>
      </c>
      <c r="H63408" s="1" t="s">
        <v>211823</v>
      </c>
      <c r="I63408" s="1" t="s">
        <v>207852</v>
      </c>
      <c r="J63408" s="1" t="s">
        <v>211865</v>
      </c>
    </row>
    <row r="63409" spans="1:10" x14ac:dyDescent="0.35">
      <c r="A63409" s="1" t="s">
        <v>46224</v>
      </c>
      <c r="B63409" s="1" t="s">
        <v>207847</v>
      </c>
      <c r="C63409" s="1" t="s">
        <v>80</v>
      </c>
      <c r="D63409" s="1" t="s">
        <v>211866</v>
      </c>
      <c r="E63409" s="1" t="s">
        <v>211867</v>
      </c>
      <c r="F63409" s="1" t="s">
        <v>211868</v>
      </c>
      <c r="G63409" s="1" t="s">
        <v>211822</v>
      </c>
      <c r="H63409" s="1" t="s">
        <v>211823</v>
      </c>
      <c r="I63409" s="1" t="s">
        <v>207852</v>
      </c>
      <c r="J63409" s="1" t="s">
        <v>211869</v>
      </c>
    </row>
    <row r="63410" spans="1:10" x14ac:dyDescent="0.35">
      <c r="A63410" s="1" t="s">
        <v>46224</v>
      </c>
      <c r="B63410" s="1" t="s">
        <v>207847</v>
      </c>
      <c r="C63410" s="1" t="s">
        <v>85</v>
      </c>
      <c r="D63410" s="1" t="s">
        <v>43883</v>
      </c>
      <c r="E63410" s="1" t="s">
        <v>211870</v>
      </c>
      <c r="F63410" s="1" t="s">
        <v>211871</v>
      </c>
      <c r="G63410" s="1" t="s">
        <v>211822</v>
      </c>
      <c r="H63410" s="1" t="s">
        <v>211823</v>
      </c>
      <c r="I63410" s="1" t="s">
        <v>207852</v>
      </c>
      <c r="J63410" s="1" t="s">
        <v>211872</v>
      </c>
    </row>
    <row r="63411" spans="1:10" x14ac:dyDescent="0.35">
      <c r="A63411" s="1" t="s">
        <v>46224</v>
      </c>
      <c r="B63411" s="1" t="s">
        <v>207847</v>
      </c>
      <c r="C63411" s="1" t="s">
        <v>90</v>
      </c>
      <c r="D63411" s="1" t="s">
        <v>211873</v>
      </c>
      <c r="E63411" s="1" t="s">
        <v>211874</v>
      </c>
      <c r="F63411" s="1" t="s">
        <v>211875</v>
      </c>
      <c r="G63411" s="1" t="s">
        <v>211822</v>
      </c>
      <c r="H63411" s="1" t="s">
        <v>211823</v>
      </c>
      <c r="I63411" s="1" t="s">
        <v>207852</v>
      </c>
      <c r="J63411" s="1" t="s">
        <v>211876</v>
      </c>
    </row>
    <row r="63412" spans="1:10" x14ac:dyDescent="0.35">
      <c r="A63412" s="1" t="s">
        <v>46224</v>
      </c>
      <c r="B63412" s="1" t="s">
        <v>207847</v>
      </c>
      <c r="C63412" s="1" t="s">
        <v>95</v>
      </c>
      <c r="D63412" s="1" t="s">
        <v>211877</v>
      </c>
      <c r="E63412" s="1" t="s">
        <v>211878</v>
      </c>
      <c r="F63412" s="1" t="s">
        <v>211879</v>
      </c>
      <c r="G63412" s="1" t="s">
        <v>211822</v>
      </c>
      <c r="H63412" s="1" t="s">
        <v>211823</v>
      </c>
      <c r="I63412" s="1" t="s">
        <v>207852</v>
      </c>
      <c r="J63412" s="1" t="s">
        <v>211880</v>
      </c>
    </row>
    <row r="63413" spans="1:10" x14ac:dyDescent="0.35">
      <c r="A63413" s="1" t="s">
        <v>46224</v>
      </c>
      <c r="B63413" s="1" t="s">
        <v>207847</v>
      </c>
      <c r="C63413" s="1" t="s">
        <v>100</v>
      </c>
      <c r="D63413" s="1" t="s">
        <v>211881</v>
      </c>
      <c r="E63413" s="1" t="s">
        <v>211882</v>
      </c>
      <c r="F63413" s="1" t="s">
        <v>211883</v>
      </c>
      <c r="G63413" s="1" t="s">
        <v>211822</v>
      </c>
      <c r="H63413" s="1" t="s">
        <v>211823</v>
      </c>
      <c r="I63413" s="1" t="s">
        <v>207852</v>
      </c>
      <c r="J63413" s="1" t="s">
        <v>211884</v>
      </c>
    </row>
    <row r="63414" spans="1:10" x14ac:dyDescent="0.35">
      <c r="A63414" s="1" t="s">
        <v>46224</v>
      </c>
      <c r="B63414" s="1" t="s">
        <v>207847</v>
      </c>
      <c r="C63414" s="1" t="s">
        <v>105</v>
      </c>
      <c r="D63414" s="1" t="s">
        <v>211885</v>
      </c>
      <c r="E63414" s="1" t="s">
        <v>211886</v>
      </c>
      <c r="F63414" s="1" t="s">
        <v>211887</v>
      </c>
      <c r="G63414" s="1" t="s">
        <v>211822</v>
      </c>
      <c r="H63414" s="1" t="s">
        <v>211823</v>
      </c>
      <c r="I63414" s="1" t="s">
        <v>207852</v>
      </c>
      <c r="J63414" s="1" t="s">
        <v>211888</v>
      </c>
    </row>
    <row r="63415" spans="1:10" x14ac:dyDescent="0.35">
      <c r="A63415" s="1" t="s">
        <v>46224</v>
      </c>
      <c r="B63415" s="1" t="s">
        <v>207847</v>
      </c>
      <c r="C63415" s="1" t="s">
        <v>110</v>
      </c>
      <c r="D63415" s="1" t="s">
        <v>38658</v>
      </c>
      <c r="E63415" s="1" t="s">
        <v>211889</v>
      </c>
      <c r="F63415" s="1" t="s">
        <v>211890</v>
      </c>
      <c r="G63415" s="1" t="s">
        <v>211822</v>
      </c>
      <c r="H63415" s="1" t="s">
        <v>211823</v>
      </c>
      <c r="I63415" s="1" t="s">
        <v>207852</v>
      </c>
      <c r="J63415" s="1" t="s">
        <v>211891</v>
      </c>
    </row>
    <row r="63416" spans="1:10" x14ac:dyDescent="0.35">
      <c r="A63416" s="1" t="s">
        <v>46224</v>
      </c>
      <c r="B63416" s="1" t="s">
        <v>207847</v>
      </c>
      <c r="C63416" s="1" t="s">
        <v>115</v>
      </c>
      <c r="D63416" s="1" t="s">
        <v>3770</v>
      </c>
      <c r="E63416" s="1" t="s">
        <v>211892</v>
      </c>
      <c r="F63416" s="1" t="s">
        <v>211893</v>
      </c>
      <c r="G63416" s="1" t="s">
        <v>211822</v>
      </c>
      <c r="H63416" s="1" t="s">
        <v>211823</v>
      </c>
      <c r="I63416" s="1" t="s">
        <v>207852</v>
      </c>
      <c r="J63416" s="1" t="s">
        <v>211894</v>
      </c>
    </row>
    <row r="63417" spans="1:10" x14ac:dyDescent="0.35">
      <c r="A63417" s="1" t="s">
        <v>46224</v>
      </c>
      <c r="B63417" s="1" t="s">
        <v>207847</v>
      </c>
      <c r="C63417" s="1" t="s">
        <v>120</v>
      </c>
      <c r="D63417" s="1" t="s">
        <v>186996</v>
      </c>
      <c r="E63417" s="1" t="s">
        <v>211895</v>
      </c>
      <c r="F63417" s="1" t="s">
        <v>211896</v>
      </c>
      <c r="G63417" s="1" t="s">
        <v>211822</v>
      </c>
      <c r="H63417" s="1" t="s">
        <v>211823</v>
      </c>
      <c r="I63417" s="1" t="s">
        <v>207852</v>
      </c>
      <c r="J63417" s="1" t="s">
        <v>211897</v>
      </c>
    </row>
    <row r="63418" spans="1:10" x14ac:dyDescent="0.35">
      <c r="A63418" s="1" t="s">
        <v>46224</v>
      </c>
      <c r="B63418" s="1" t="s">
        <v>207847</v>
      </c>
      <c r="C63418" s="1" t="s">
        <v>125</v>
      </c>
      <c r="D63418" s="1" t="s">
        <v>190900</v>
      </c>
      <c r="E63418" s="1" t="s">
        <v>211898</v>
      </c>
      <c r="F63418" s="1" t="s">
        <v>211899</v>
      </c>
      <c r="G63418" s="1" t="s">
        <v>211822</v>
      </c>
      <c r="H63418" s="1" t="s">
        <v>211823</v>
      </c>
      <c r="I63418" s="1" t="s">
        <v>207852</v>
      </c>
      <c r="J63418" s="1" t="s">
        <v>211900</v>
      </c>
    </row>
    <row r="63419" spans="1:10" x14ac:dyDescent="0.35">
      <c r="A63419" s="1" t="s">
        <v>46224</v>
      </c>
      <c r="B63419" s="1" t="s">
        <v>207847</v>
      </c>
      <c r="C63419" s="1" t="s">
        <v>130</v>
      </c>
      <c r="D63419" s="1" t="s">
        <v>211901</v>
      </c>
      <c r="E63419" s="1" t="s">
        <v>211902</v>
      </c>
      <c r="F63419" s="1" t="s">
        <v>211903</v>
      </c>
      <c r="G63419" s="1" t="s">
        <v>211822</v>
      </c>
      <c r="H63419" s="1" t="s">
        <v>211823</v>
      </c>
      <c r="I63419" s="1" t="s">
        <v>207852</v>
      </c>
      <c r="J63419" s="1" t="s">
        <v>211904</v>
      </c>
    </row>
    <row r="63420" spans="1:10" x14ac:dyDescent="0.35">
      <c r="A63420" s="1" t="s">
        <v>46224</v>
      </c>
      <c r="B63420" s="1" t="s">
        <v>207847</v>
      </c>
      <c r="C63420" s="1" t="s">
        <v>135</v>
      </c>
      <c r="D63420" s="1" t="s">
        <v>211905</v>
      </c>
      <c r="E63420" s="1" t="s">
        <v>211906</v>
      </c>
      <c r="F63420" s="1" t="s">
        <v>211907</v>
      </c>
      <c r="G63420" s="1" t="s">
        <v>211822</v>
      </c>
      <c r="H63420" s="1" t="s">
        <v>211823</v>
      </c>
      <c r="I63420" s="1" t="s">
        <v>207852</v>
      </c>
      <c r="J63420" s="1" t="s">
        <v>211908</v>
      </c>
    </row>
    <row r="63421" spans="1:10" x14ac:dyDescent="0.35">
      <c r="A63421" s="1" t="s">
        <v>46224</v>
      </c>
      <c r="B63421" s="1" t="s">
        <v>207847</v>
      </c>
      <c r="C63421" s="1" t="s">
        <v>140</v>
      </c>
      <c r="D63421" s="1" t="s">
        <v>108419</v>
      </c>
      <c r="E63421" s="1" t="s">
        <v>211909</v>
      </c>
      <c r="F63421" s="1" t="s">
        <v>211910</v>
      </c>
      <c r="G63421" s="1" t="s">
        <v>211822</v>
      </c>
      <c r="H63421" s="1" t="s">
        <v>211823</v>
      </c>
      <c r="I63421" s="1" t="s">
        <v>207852</v>
      </c>
      <c r="J63421" s="1" t="s">
        <v>211911</v>
      </c>
    </row>
    <row r="63422" spans="1:10" x14ac:dyDescent="0.35">
      <c r="A63422" s="1" t="s">
        <v>46224</v>
      </c>
      <c r="B63422" s="1" t="s">
        <v>207847</v>
      </c>
      <c r="C63422" s="1" t="s">
        <v>145</v>
      </c>
      <c r="D63422" s="1" t="s">
        <v>108939</v>
      </c>
      <c r="E63422" s="1" t="s">
        <v>211912</v>
      </c>
      <c r="F63422" s="1" t="s">
        <v>211913</v>
      </c>
      <c r="G63422" s="1" t="s">
        <v>211822</v>
      </c>
      <c r="H63422" s="1" t="s">
        <v>211823</v>
      </c>
      <c r="I63422" s="1" t="s">
        <v>207852</v>
      </c>
      <c r="J63422" s="1" t="s">
        <v>211914</v>
      </c>
    </row>
    <row r="63423" spans="1:10" x14ac:dyDescent="0.35">
      <c r="A63423" s="1" t="s">
        <v>46224</v>
      </c>
      <c r="B63423" s="1" t="s">
        <v>207847</v>
      </c>
      <c r="C63423" s="1" t="s">
        <v>150</v>
      </c>
      <c r="D63423" s="1" t="s">
        <v>53724</v>
      </c>
      <c r="E63423" s="1" t="s">
        <v>211915</v>
      </c>
      <c r="F63423" s="1" t="s">
        <v>211916</v>
      </c>
      <c r="G63423" s="1" t="s">
        <v>211822</v>
      </c>
      <c r="H63423" s="1" t="s">
        <v>211823</v>
      </c>
      <c r="I63423" s="1" t="s">
        <v>207852</v>
      </c>
      <c r="J63423" s="1" t="s">
        <v>211917</v>
      </c>
    </row>
    <row r="63424" spans="1:10" x14ac:dyDescent="0.35">
      <c r="A63424" s="1" t="s">
        <v>46224</v>
      </c>
      <c r="B63424" s="1" t="s">
        <v>207847</v>
      </c>
      <c r="C63424" s="1" t="s">
        <v>155</v>
      </c>
      <c r="D63424" s="1" t="s">
        <v>211918</v>
      </c>
      <c r="E63424" s="1" t="s">
        <v>211919</v>
      </c>
      <c r="F63424" s="1" t="s">
        <v>211920</v>
      </c>
      <c r="G63424" s="1" t="s">
        <v>211822</v>
      </c>
      <c r="H63424" s="1" t="s">
        <v>211823</v>
      </c>
      <c r="I63424" s="1" t="s">
        <v>207852</v>
      </c>
      <c r="J63424" s="1" t="s">
        <v>211921</v>
      </c>
    </row>
    <row r="63425" spans="1:10" x14ac:dyDescent="0.35">
      <c r="A63425" s="1" t="s">
        <v>46224</v>
      </c>
      <c r="B63425" s="1" t="s">
        <v>207847</v>
      </c>
      <c r="C63425" s="1" t="s">
        <v>160</v>
      </c>
      <c r="D63425" s="1" t="s">
        <v>98135</v>
      </c>
      <c r="E63425" s="1" t="s">
        <v>211922</v>
      </c>
      <c r="F63425" s="1" t="s">
        <v>211923</v>
      </c>
      <c r="G63425" s="1" t="s">
        <v>211822</v>
      </c>
      <c r="H63425" s="1" t="s">
        <v>211823</v>
      </c>
      <c r="I63425" s="1" t="s">
        <v>207852</v>
      </c>
      <c r="J63425" s="1" t="s">
        <v>211924</v>
      </c>
    </row>
    <row r="63426" spans="1:10" x14ac:dyDescent="0.35">
      <c r="A63426" s="1" t="s">
        <v>46224</v>
      </c>
      <c r="B63426" s="1" t="s">
        <v>207847</v>
      </c>
      <c r="C63426" s="1" t="s">
        <v>165</v>
      </c>
      <c r="D63426" s="1" t="s">
        <v>86875</v>
      </c>
      <c r="E63426" s="1" t="s">
        <v>211925</v>
      </c>
      <c r="F63426" s="1" t="s">
        <v>211926</v>
      </c>
      <c r="G63426" s="1" t="s">
        <v>211822</v>
      </c>
      <c r="H63426" s="1" t="s">
        <v>211823</v>
      </c>
      <c r="I63426" s="1" t="s">
        <v>207852</v>
      </c>
      <c r="J63426" s="1" t="s">
        <v>211927</v>
      </c>
    </row>
    <row r="63427" spans="1:10" x14ac:dyDescent="0.35">
      <c r="A63427" s="1" t="s">
        <v>46224</v>
      </c>
      <c r="B63427" s="1" t="s">
        <v>207847</v>
      </c>
      <c r="C63427" s="1" t="s">
        <v>170</v>
      </c>
      <c r="D63427" s="1" t="s">
        <v>80784</v>
      </c>
      <c r="E63427" s="1" t="s">
        <v>211928</v>
      </c>
      <c r="F63427" s="1" t="s">
        <v>211929</v>
      </c>
      <c r="G63427" s="1" t="s">
        <v>211822</v>
      </c>
      <c r="H63427" s="1" t="s">
        <v>211823</v>
      </c>
      <c r="I63427" s="1" t="s">
        <v>207852</v>
      </c>
      <c r="J63427" s="1" t="s">
        <v>211930</v>
      </c>
    </row>
    <row r="63428" spans="1:10" x14ac:dyDescent="0.35">
      <c r="A63428" s="1" t="s">
        <v>161652</v>
      </c>
      <c r="B63428" s="1" t="s">
        <v>207847</v>
      </c>
      <c r="C63428" s="1" t="s">
        <v>8</v>
      </c>
      <c r="D63428" s="1" t="s">
        <v>203136</v>
      </c>
      <c r="E63428" s="1" t="s">
        <v>211931</v>
      </c>
      <c r="F63428" s="1" t="s">
        <v>211932</v>
      </c>
      <c r="G63428" s="1" t="s">
        <v>211933</v>
      </c>
      <c r="H63428" s="1" t="s">
        <v>211934</v>
      </c>
      <c r="I63428" s="1" t="s">
        <v>207852</v>
      </c>
      <c r="J63428" s="1" t="s">
        <v>13</v>
      </c>
    </row>
    <row r="63429" spans="1:10" x14ac:dyDescent="0.35">
      <c r="A63429" s="1" t="s">
        <v>161652</v>
      </c>
      <c r="B63429" s="1" t="s">
        <v>207847</v>
      </c>
      <c r="C63429" s="1" t="s">
        <v>15</v>
      </c>
      <c r="D63429" s="1" t="s">
        <v>211935</v>
      </c>
      <c r="E63429" s="1" t="s">
        <v>211936</v>
      </c>
      <c r="F63429" s="1" t="s">
        <v>211937</v>
      </c>
      <c r="G63429" s="1" t="s">
        <v>211933</v>
      </c>
      <c r="H63429" s="1" t="s">
        <v>211934</v>
      </c>
      <c r="I63429" s="1" t="s">
        <v>207852</v>
      </c>
      <c r="J63429" s="1" t="s">
        <v>211938</v>
      </c>
    </row>
    <row r="63430" spans="1:10" x14ac:dyDescent="0.35">
      <c r="A63430" s="1" t="s">
        <v>161652</v>
      </c>
      <c r="B63430" s="1" t="s">
        <v>207847</v>
      </c>
      <c r="C63430" s="1" t="s">
        <v>20</v>
      </c>
      <c r="D63430" s="1" t="s">
        <v>50551</v>
      </c>
      <c r="E63430" s="1" t="s">
        <v>211939</v>
      </c>
      <c r="F63430" s="1" t="s">
        <v>211940</v>
      </c>
      <c r="G63430" s="1" t="s">
        <v>211933</v>
      </c>
      <c r="H63430" s="1" t="s">
        <v>211934</v>
      </c>
      <c r="I63430" s="1" t="s">
        <v>207852</v>
      </c>
      <c r="J63430" s="1" t="s">
        <v>211941</v>
      </c>
    </row>
    <row r="63431" spans="1:10" x14ac:dyDescent="0.35">
      <c r="A63431" s="1" t="s">
        <v>161652</v>
      </c>
      <c r="B63431" s="1" t="s">
        <v>207847</v>
      </c>
      <c r="C63431" s="1" t="s">
        <v>25</v>
      </c>
      <c r="D63431" s="1" t="s">
        <v>45896</v>
      </c>
      <c r="E63431" s="1" t="s">
        <v>211942</v>
      </c>
      <c r="F63431" s="1" t="s">
        <v>211943</v>
      </c>
      <c r="G63431" s="1" t="s">
        <v>211933</v>
      </c>
      <c r="H63431" s="1" t="s">
        <v>211934</v>
      </c>
      <c r="I63431" s="1" t="s">
        <v>207852</v>
      </c>
      <c r="J63431" s="1" t="s">
        <v>211944</v>
      </c>
    </row>
    <row r="63432" spans="1:10" x14ac:dyDescent="0.35">
      <c r="A63432" s="1" t="s">
        <v>161652</v>
      </c>
      <c r="B63432" s="1" t="s">
        <v>207847</v>
      </c>
      <c r="C63432" s="1" t="s">
        <v>30</v>
      </c>
      <c r="D63432" s="1" t="s">
        <v>135362</v>
      </c>
      <c r="E63432" s="1" t="s">
        <v>211945</v>
      </c>
      <c r="F63432" s="1" t="s">
        <v>211946</v>
      </c>
      <c r="G63432" s="1" t="s">
        <v>211933</v>
      </c>
      <c r="H63432" s="1" t="s">
        <v>211934</v>
      </c>
      <c r="I63432" s="1" t="s">
        <v>207852</v>
      </c>
      <c r="J63432" s="1" t="s">
        <v>211947</v>
      </c>
    </row>
    <row r="63433" spans="1:10" x14ac:dyDescent="0.35">
      <c r="A63433" s="1" t="s">
        <v>161652</v>
      </c>
      <c r="B63433" s="1" t="s">
        <v>207847</v>
      </c>
      <c r="C63433" s="1" t="s">
        <v>35</v>
      </c>
      <c r="D63433" s="1" t="s">
        <v>116456</v>
      </c>
      <c r="E63433" s="1" t="s">
        <v>211948</v>
      </c>
      <c r="F63433" s="1" t="s">
        <v>211949</v>
      </c>
      <c r="G63433" s="1" t="s">
        <v>211933</v>
      </c>
      <c r="H63433" s="1" t="s">
        <v>211934</v>
      </c>
      <c r="I63433" s="1" t="s">
        <v>207852</v>
      </c>
      <c r="J63433" s="1" t="s">
        <v>211950</v>
      </c>
    </row>
    <row r="63434" spans="1:10" x14ac:dyDescent="0.35">
      <c r="A63434" s="1" t="s">
        <v>161652</v>
      </c>
      <c r="B63434" s="1" t="s">
        <v>207847</v>
      </c>
      <c r="C63434" s="1" t="s">
        <v>40</v>
      </c>
      <c r="D63434" s="1" t="s">
        <v>125845</v>
      </c>
      <c r="E63434" s="1" t="s">
        <v>211951</v>
      </c>
      <c r="F63434" s="1" t="s">
        <v>211952</v>
      </c>
      <c r="G63434" s="1" t="s">
        <v>211933</v>
      </c>
      <c r="H63434" s="1" t="s">
        <v>211934</v>
      </c>
      <c r="I63434" s="1" t="s">
        <v>207852</v>
      </c>
      <c r="J63434" s="1" t="s">
        <v>211953</v>
      </c>
    </row>
    <row r="63435" spans="1:10" x14ac:dyDescent="0.35">
      <c r="A63435" s="1" t="s">
        <v>161652</v>
      </c>
      <c r="B63435" s="1" t="s">
        <v>207847</v>
      </c>
      <c r="C63435" s="1" t="s">
        <v>45</v>
      </c>
      <c r="D63435" s="1" t="s">
        <v>211954</v>
      </c>
      <c r="E63435" s="1" t="s">
        <v>211955</v>
      </c>
      <c r="F63435" s="1" t="s">
        <v>211956</v>
      </c>
      <c r="G63435" s="1" t="s">
        <v>211933</v>
      </c>
      <c r="H63435" s="1" t="s">
        <v>211934</v>
      </c>
      <c r="I63435" s="1" t="s">
        <v>207852</v>
      </c>
      <c r="J63435" s="1" t="s">
        <v>211957</v>
      </c>
    </row>
    <row r="63436" spans="1:10" x14ac:dyDescent="0.35">
      <c r="A63436" s="1" t="s">
        <v>161652</v>
      </c>
      <c r="B63436" s="1" t="s">
        <v>207847</v>
      </c>
      <c r="C63436" s="1" t="s">
        <v>50</v>
      </c>
      <c r="D63436" s="1" t="s">
        <v>19770</v>
      </c>
      <c r="E63436" s="1" t="s">
        <v>211958</v>
      </c>
      <c r="F63436" s="1" t="s">
        <v>211959</v>
      </c>
      <c r="G63436" s="1" t="s">
        <v>211933</v>
      </c>
      <c r="H63436" s="1" t="s">
        <v>211934</v>
      </c>
      <c r="I63436" s="1" t="s">
        <v>207852</v>
      </c>
      <c r="J63436" s="1" t="s">
        <v>211960</v>
      </c>
    </row>
    <row r="63437" spans="1:10" x14ac:dyDescent="0.35">
      <c r="A63437" s="1" t="s">
        <v>161652</v>
      </c>
      <c r="B63437" s="1" t="s">
        <v>207847</v>
      </c>
      <c r="C63437" s="1" t="s">
        <v>55</v>
      </c>
      <c r="D63437" s="1" t="s">
        <v>47536</v>
      </c>
      <c r="E63437" s="1" t="s">
        <v>211961</v>
      </c>
      <c r="F63437" s="1" t="s">
        <v>211962</v>
      </c>
      <c r="G63437" s="1" t="s">
        <v>211933</v>
      </c>
      <c r="H63437" s="1" t="s">
        <v>211934</v>
      </c>
      <c r="I63437" s="1" t="s">
        <v>207852</v>
      </c>
      <c r="J63437" s="1" t="s">
        <v>211963</v>
      </c>
    </row>
    <row r="63438" spans="1:10" x14ac:dyDescent="0.35">
      <c r="A63438" s="1" t="s">
        <v>161652</v>
      </c>
      <c r="B63438" s="1" t="s">
        <v>207847</v>
      </c>
      <c r="C63438" s="1" t="s">
        <v>60</v>
      </c>
      <c r="D63438" s="1" t="s">
        <v>48940</v>
      </c>
      <c r="E63438" s="1" t="s">
        <v>211964</v>
      </c>
      <c r="F63438" s="1" t="s">
        <v>211965</v>
      </c>
      <c r="G63438" s="1" t="s">
        <v>211933</v>
      </c>
      <c r="H63438" s="1" t="s">
        <v>211934</v>
      </c>
      <c r="I63438" s="1" t="s">
        <v>207852</v>
      </c>
      <c r="J63438" s="1" t="s">
        <v>211966</v>
      </c>
    </row>
    <row r="63439" spans="1:10" x14ac:dyDescent="0.35">
      <c r="A63439" s="1" t="s">
        <v>161652</v>
      </c>
      <c r="B63439" s="1" t="s">
        <v>207847</v>
      </c>
      <c r="C63439" s="1" t="s">
        <v>65</v>
      </c>
      <c r="D63439" s="1" t="s">
        <v>17913</v>
      </c>
      <c r="E63439" s="1" t="s">
        <v>211967</v>
      </c>
      <c r="F63439" s="1" t="s">
        <v>211968</v>
      </c>
      <c r="G63439" s="1" t="s">
        <v>211933</v>
      </c>
      <c r="H63439" s="1" t="s">
        <v>211934</v>
      </c>
      <c r="I63439" s="1" t="s">
        <v>207852</v>
      </c>
      <c r="J63439" s="1" t="s">
        <v>211969</v>
      </c>
    </row>
    <row r="63440" spans="1:10" x14ac:dyDescent="0.35">
      <c r="A63440" s="1" t="s">
        <v>161652</v>
      </c>
      <c r="B63440" s="1" t="s">
        <v>207847</v>
      </c>
      <c r="C63440" s="1" t="s">
        <v>70</v>
      </c>
      <c r="D63440" s="1" t="s">
        <v>211970</v>
      </c>
      <c r="E63440" s="1" t="s">
        <v>211971</v>
      </c>
      <c r="F63440" s="1" t="s">
        <v>211972</v>
      </c>
      <c r="G63440" s="1" t="s">
        <v>211933</v>
      </c>
      <c r="H63440" s="1" t="s">
        <v>211934</v>
      </c>
      <c r="I63440" s="1" t="s">
        <v>207852</v>
      </c>
      <c r="J63440" s="1" t="s">
        <v>211973</v>
      </c>
    </row>
    <row r="63441" spans="1:10" x14ac:dyDescent="0.35">
      <c r="A63441" s="1" t="s">
        <v>161652</v>
      </c>
      <c r="B63441" s="1" t="s">
        <v>207847</v>
      </c>
      <c r="C63441" s="1" t="s">
        <v>75</v>
      </c>
      <c r="D63441" s="1" t="s">
        <v>121695</v>
      </c>
      <c r="E63441" s="1" t="s">
        <v>211974</v>
      </c>
      <c r="F63441" s="1" t="s">
        <v>211975</v>
      </c>
      <c r="G63441" s="1" t="s">
        <v>211933</v>
      </c>
      <c r="H63441" s="1" t="s">
        <v>211934</v>
      </c>
      <c r="I63441" s="1" t="s">
        <v>207852</v>
      </c>
      <c r="J63441" s="1" t="s">
        <v>211976</v>
      </c>
    </row>
    <row r="63442" spans="1:10" x14ac:dyDescent="0.35">
      <c r="A63442" s="1" t="s">
        <v>161652</v>
      </c>
      <c r="B63442" s="1" t="s">
        <v>207847</v>
      </c>
      <c r="C63442" s="1" t="s">
        <v>80</v>
      </c>
      <c r="D63442" s="1" t="s">
        <v>45810</v>
      </c>
      <c r="E63442" s="1" t="s">
        <v>211977</v>
      </c>
      <c r="F63442" s="1" t="s">
        <v>211978</v>
      </c>
      <c r="G63442" s="1" t="s">
        <v>211933</v>
      </c>
      <c r="H63442" s="1" t="s">
        <v>211934</v>
      </c>
      <c r="I63442" s="1" t="s">
        <v>207852</v>
      </c>
      <c r="J63442" s="1" t="s">
        <v>211979</v>
      </c>
    </row>
    <row r="63443" spans="1:10" x14ac:dyDescent="0.35">
      <c r="A63443" s="1" t="s">
        <v>161652</v>
      </c>
      <c r="B63443" s="1" t="s">
        <v>207847</v>
      </c>
      <c r="C63443" s="1" t="s">
        <v>85</v>
      </c>
      <c r="D63443" s="1" t="s">
        <v>178451</v>
      </c>
      <c r="E63443" s="1" t="s">
        <v>211980</v>
      </c>
      <c r="F63443" s="1" t="s">
        <v>211981</v>
      </c>
      <c r="G63443" s="1" t="s">
        <v>211933</v>
      </c>
      <c r="H63443" s="1" t="s">
        <v>211934</v>
      </c>
      <c r="I63443" s="1" t="s">
        <v>207852</v>
      </c>
      <c r="J63443" s="1" t="s">
        <v>211982</v>
      </c>
    </row>
    <row r="63444" spans="1:10" x14ac:dyDescent="0.35">
      <c r="A63444" s="1" t="s">
        <v>161652</v>
      </c>
      <c r="B63444" s="1" t="s">
        <v>207847</v>
      </c>
      <c r="C63444" s="1" t="s">
        <v>90</v>
      </c>
      <c r="D63444" s="1" t="s">
        <v>45193</v>
      </c>
      <c r="E63444" s="1" t="s">
        <v>211983</v>
      </c>
      <c r="F63444" s="1" t="s">
        <v>211984</v>
      </c>
      <c r="G63444" s="1" t="s">
        <v>211933</v>
      </c>
      <c r="H63444" s="1" t="s">
        <v>211934</v>
      </c>
      <c r="I63444" s="1" t="s">
        <v>207852</v>
      </c>
      <c r="J63444" s="1" t="s">
        <v>211985</v>
      </c>
    </row>
    <row r="63445" spans="1:10" x14ac:dyDescent="0.35">
      <c r="A63445" s="1" t="s">
        <v>161652</v>
      </c>
      <c r="B63445" s="1" t="s">
        <v>207847</v>
      </c>
      <c r="C63445" s="1" t="s">
        <v>95</v>
      </c>
      <c r="D63445" s="1" t="s">
        <v>211986</v>
      </c>
      <c r="E63445" s="1" t="s">
        <v>211987</v>
      </c>
      <c r="F63445" s="1" t="s">
        <v>211988</v>
      </c>
      <c r="G63445" s="1" t="s">
        <v>211933</v>
      </c>
      <c r="H63445" s="1" t="s">
        <v>211934</v>
      </c>
      <c r="I63445" s="1" t="s">
        <v>207852</v>
      </c>
      <c r="J63445" s="1" t="s">
        <v>211989</v>
      </c>
    </row>
    <row r="63446" spans="1:10" x14ac:dyDescent="0.35">
      <c r="A63446" s="1" t="s">
        <v>161652</v>
      </c>
      <c r="B63446" s="1" t="s">
        <v>207847</v>
      </c>
      <c r="C63446" s="1" t="s">
        <v>100</v>
      </c>
      <c r="D63446" s="1" t="s">
        <v>42646</v>
      </c>
      <c r="E63446" s="1" t="s">
        <v>211990</v>
      </c>
      <c r="F63446" s="1" t="s">
        <v>211991</v>
      </c>
      <c r="G63446" s="1" t="s">
        <v>211933</v>
      </c>
      <c r="H63446" s="1" t="s">
        <v>211934</v>
      </c>
      <c r="I63446" s="1" t="s">
        <v>207852</v>
      </c>
      <c r="J63446" s="1" t="s">
        <v>211992</v>
      </c>
    </row>
    <row r="63447" spans="1:10" x14ac:dyDescent="0.35">
      <c r="A63447" s="1" t="s">
        <v>161652</v>
      </c>
      <c r="B63447" s="1" t="s">
        <v>207847</v>
      </c>
      <c r="C63447" s="1" t="s">
        <v>105</v>
      </c>
      <c r="D63447" s="1" t="s">
        <v>123999</v>
      </c>
      <c r="E63447" s="1" t="s">
        <v>211993</v>
      </c>
      <c r="F63447" s="1" t="s">
        <v>211994</v>
      </c>
      <c r="G63447" s="1" t="s">
        <v>211933</v>
      </c>
      <c r="H63447" s="1" t="s">
        <v>211934</v>
      </c>
      <c r="I63447" s="1" t="s">
        <v>207852</v>
      </c>
      <c r="J63447" s="1" t="s">
        <v>211995</v>
      </c>
    </row>
    <row r="63448" spans="1:10" x14ac:dyDescent="0.35">
      <c r="A63448" s="1" t="s">
        <v>161652</v>
      </c>
      <c r="B63448" s="1" t="s">
        <v>207847</v>
      </c>
      <c r="C63448" s="1" t="s">
        <v>110</v>
      </c>
      <c r="D63448" s="1" t="s">
        <v>30558</v>
      </c>
      <c r="E63448" s="1" t="s">
        <v>211996</v>
      </c>
      <c r="F63448" s="1" t="s">
        <v>211997</v>
      </c>
      <c r="G63448" s="1" t="s">
        <v>211933</v>
      </c>
      <c r="H63448" s="1" t="s">
        <v>211934</v>
      </c>
      <c r="I63448" s="1" t="s">
        <v>207852</v>
      </c>
      <c r="J63448" s="1" t="s">
        <v>211998</v>
      </c>
    </row>
    <row r="63449" spans="1:10" x14ac:dyDescent="0.35">
      <c r="A63449" s="1" t="s">
        <v>161652</v>
      </c>
      <c r="B63449" s="1" t="s">
        <v>207847</v>
      </c>
      <c r="C63449" s="1" t="s">
        <v>115</v>
      </c>
      <c r="D63449" s="1" t="s">
        <v>35465</v>
      </c>
      <c r="E63449" s="1" t="s">
        <v>211999</v>
      </c>
      <c r="F63449" s="1" t="s">
        <v>212000</v>
      </c>
      <c r="G63449" s="1" t="s">
        <v>211933</v>
      </c>
      <c r="H63449" s="1" t="s">
        <v>211934</v>
      </c>
      <c r="I63449" s="1" t="s">
        <v>207852</v>
      </c>
      <c r="J63449" s="1" t="s">
        <v>212001</v>
      </c>
    </row>
    <row r="63450" spans="1:10" x14ac:dyDescent="0.35">
      <c r="A63450" s="1" t="s">
        <v>161652</v>
      </c>
      <c r="B63450" s="1" t="s">
        <v>207847</v>
      </c>
      <c r="C63450" s="1" t="s">
        <v>120</v>
      </c>
      <c r="D63450" s="1" t="s">
        <v>125361</v>
      </c>
      <c r="E63450" s="1" t="s">
        <v>212002</v>
      </c>
      <c r="F63450" s="1" t="s">
        <v>212003</v>
      </c>
      <c r="G63450" s="1" t="s">
        <v>211933</v>
      </c>
      <c r="H63450" s="1" t="s">
        <v>211934</v>
      </c>
      <c r="I63450" s="1" t="s">
        <v>207852</v>
      </c>
      <c r="J63450" s="1" t="s">
        <v>212004</v>
      </c>
    </row>
    <row r="63451" spans="1:10" x14ac:dyDescent="0.35">
      <c r="A63451" s="1" t="s">
        <v>161652</v>
      </c>
      <c r="B63451" s="1" t="s">
        <v>207847</v>
      </c>
      <c r="C63451" s="1" t="s">
        <v>125</v>
      </c>
      <c r="D63451" s="1" t="s">
        <v>170828</v>
      </c>
      <c r="E63451" s="1" t="s">
        <v>212005</v>
      </c>
      <c r="F63451" s="1" t="s">
        <v>212006</v>
      </c>
      <c r="G63451" s="1" t="s">
        <v>211933</v>
      </c>
      <c r="H63451" s="1" t="s">
        <v>211934</v>
      </c>
      <c r="I63451" s="1" t="s">
        <v>207852</v>
      </c>
      <c r="J63451" s="1" t="s">
        <v>212007</v>
      </c>
    </row>
    <row r="63452" spans="1:10" x14ac:dyDescent="0.35">
      <c r="A63452" s="1" t="s">
        <v>161652</v>
      </c>
      <c r="B63452" s="1" t="s">
        <v>207847</v>
      </c>
      <c r="C63452" s="1" t="s">
        <v>130</v>
      </c>
      <c r="D63452" s="1" t="s">
        <v>32643</v>
      </c>
      <c r="E63452" s="1" t="s">
        <v>212008</v>
      </c>
      <c r="F63452" s="1" t="s">
        <v>212009</v>
      </c>
      <c r="G63452" s="1" t="s">
        <v>211933</v>
      </c>
      <c r="H63452" s="1" t="s">
        <v>211934</v>
      </c>
      <c r="I63452" s="1" t="s">
        <v>207852</v>
      </c>
      <c r="J63452" s="1" t="s">
        <v>212010</v>
      </c>
    </row>
    <row r="63453" spans="1:10" x14ac:dyDescent="0.35">
      <c r="A63453" s="1" t="s">
        <v>161652</v>
      </c>
      <c r="B63453" s="1" t="s">
        <v>207847</v>
      </c>
      <c r="C63453" s="1" t="s">
        <v>135</v>
      </c>
      <c r="D63453" s="1" t="s">
        <v>185211</v>
      </c>
      <c r="E63453" s="1" t="s">
        <v>212011</v>
      </c>
      <c r="F63453" s="1" t="s">
        <v>212012</v>
      </c>
      <c r="G63453" s="1" t="s">
        <v>211933</v>
      </c>
      <c r="H63453" s="1" t="s">
        <v>211934</v>
      </c>
      <c r="I63453" s="1" t="s">
        <v>207852</v>
      </c>
      <c r="J63453" s="1" t="s">
        <v>212013</v>
      </c>
    </row>
    <row r="63454" spans="1:10" x14ac:dyDescent="0.35">
      <c r="A63454" s="1" t="s">
        <v>161652</v>
      </c>
      <c r="B63454" s="1" t="s">
        <v>207847</v>
      </c>
      <c r="C63454" s="1" t="s">
        <v>140</v>
      </c>
      <c r="D63454" s="1" t="s">
        <v>30427</v>
      </c>
      <c r="E63454" s="1" t="s">
        <v>212014</v>
      </c>
      <c r="F63454" s="1" t="s">
        <v>212015</v>
      </c>
      <c r="G63454" s="1" t="s">
        <v>211933</v>
      </c>
      <c r="H63454" s="1" t="s">
        <v>211934</v>
      </c>
      <c r="I63454" s="1" t="s">
        <v>207852</v>
      </c>
      <c r="J63454" s="1" t="s">
        <v>212016</v>
      </c>
    </row>
    <row r="63455" spans="1:10" x14ac:dyDescent="0.35">
      <c r="A63455" s="1" t="s">
        <v>161652</v>
      </c>
      <c r="B63455" s="1" t="s">
        <v>207847</v>
      </c>
      <c r="C63455" s="1" t="s">
        <v>145</v>
      </c>
      <c r="D63455" s="1" t="s">
        <v>38009</v>
      </c>
      <c r="E63455" s="1" t="s">
        <v>212017</v>
      </c>
      <c r="F63455" s="1" t="s">
        <v>212018</v>
      </c>
      <c r="G63455" s="1" t="s">
        <v>211933</v>
      </c>
      <c r="H63455" s="1" t="s">
        <v>211934</v>
      </c>
      <c r="I63455" s="1" t="s">
        <v>207852</v>
      </c>
      <c r="J63455" s="1" t="s">
        <v>212019</v>
      </c>
    </row>
    <row r="63456" spans="1:10" x14ac:dyDescent="0.35">
      <c r="A63456" s="1" t="s">
        <v>161652</v>
      </c>
      <c r="B63456" s="1" t="s">
        <v>207847</v>
      </c>
      <c r="C63456" s="1" t="s">
        <v>150</v>
      </c>
      <c r="D63456" s="1" t="s">
        <v>108784</v>
      </c>
      <c r="E63456" s="1" t="s">
        <v>212020</v>
      </c>
      <c r="F63456" s="1" t="s">
        <v>212021</v>
      </c>
      <c r="G63456" s="1" t="s">
        <v>211933</v>
      </c>
      <c r="H63456" s="1" t="s">
        <v>211934</v>
      </c>
      <c r="I63456" s="1" t="s">
        <v>207852</v>
      </c>
      <c r="J63456" s="1" t="s">
        <v>212022</v>
      </c>
    </row>
    <row r="63457" spans="1:10" x14ac:dyDescent="0.35">
      <c r="A63457" s="1" t="s">
        <v>161652</v>
      </c>
      <c r="B63457" s="1" t="s">
        <v>207847</v>
      </c>
      <c r="C63457" s="1" t="s">
        <v>155</v>
      </c>
      <c r="D63457" s="1" t="s">
        <v>185651</v>
      </c>
      <c r="E63457" s="1" t="s">
        <v>212023</v>
      </c>
      <c r="F63457" s="1" t="s">
        <v>212024</v>
      </c>
      <c r="G63457" s="1" t="s">
        <v>211933</v>
      </c>
      <c r="H63457" s="1" t="s">
        <v>211934</v>
      </c>
      <c r="I63457" s="1" t="s">
        <v>207852</v>
      </c>
      <c r="J63457" s="1" t="s">
        <v>212025</v>
      </c>
    </row>
    <row r="63458" spans="1:10" x14ac:dyDescent="0.35">
      <c r="A63458" s="1" t="s">
        <v>161652</v>
      </c>
      <c r="B63458" s="1" t="s">
        <v>207847</v>
      </c>
      <c r="C63458" s="1" t="s">
        <v>160</v>
      </c>
      <c r="D63458" s="1" t="s">
        <v>212026</v>
      </c>
      <c r="E63458" s="1" t="s">
        <v>212027</v>
      </c>
      <c r="F63458" s="1" t="s">
        <v>212028</v>
      </c>
      <c r="G63458" s="1" t="s">
        <v>211933</v>
      </c>
      <c r="H63458" s="1" t="s">
        <v>211934</v>
      </c>
      <c r="I63458" s="1" t="s">
        <v>207852</v>
      </c>
      <c r="J63458" s="1" t="s">
        <v>212029</v>
      </c>
    </row>
    <row r="63459" spans="1:10" x14ac:dyDescent="0.35">
      <c r="A63459" s="1" t="s">
        <v>161652</v>
      </c>
      <c r="B63459" s="1" t="s">
        <v>207847</v>
      </c>
      <c r="C63459" s="1" t="s">
        <v>165</v>
      </c>
      <c r="D63459" s="1" t="s">
        <v>128319</v>
      </c>
      <c r="E63459" s="1" t="s">
        <v>212030</v>
      </c>
      <c r="F63459" s="1" t="s">
        <v>212031</v>
      </c>
      <c r="G63459" s="1" t="s">
        <v>211933</v>
      </c>
      <c r="H63459" s="1" t="s">
        <v>211934</v>
      </c>
      <c r="I63459" s="1" t="s">
        <v>207852</v>
      </c>
      <c r="J63459" s="1" t="s">
        <v>212032</v>
      </c>
    </row>
    <row r="63460" spans="1:10" x14ac:dyDescent="0.35">
      <c r="A63460" s="1" t="s">
        <v>161652</v>
      </c>
      <c r="B63460" s="1" t="s">
        <v>207847</v>
      </c>
      <c r="C63460" s="1" t="s">
        <v>170</v>
      </c>
      <c r="D63460" s="1" t="s">
        <v>108967</v>
      </c>
      <c r="E63460" s="1" t="s">
        <v>212033</v>
      </c>
      <c r="F63460" s="1" t="s">
        <v>212034</v>
      </c>
      <c r="G63460" s="1" t="s">
        <v>211933</v>
      </c>
      <c r="H63460" s="1" t="s">
        <v>211934</v>
      </c>
      <c r="I63460" s="1" t="s">
        <v>207852</v>
      </c>
      <c r="J63460" s="1" t="s">
        <v>212035</v>
      </c>
    </row>
    <row r="63461" spans="1:10" x14ac:dyDescent="0.35">
      <c r="A63461" s="1" t="s">
        <v>324</v>
      </c>
      <c r="B63461" s="1" t="s">
        <v>207847</v>
      </c>
      <c r="C63461" s="1" t="s">
        <v>8</v>
      </c>
      <c r="D63461" s="1" t="s">
        <v>153159</v>
      </c>
      <c r="E63461" s="1" t="s">
        <v>212036</v>
      </c>
      <c r="F63461" s="1" t="s">
        <v>212037</v>
      </c>
      <c r="G63461" s="1" t="s">
        <v>212038</v>
      </c>
      <c r="H63461" s="1" t="s">
        <v>212039</v>
      </c>
      <c r="I63461" s="1" t="s">
        <v>207852</v>
      </c>
      <c r="J63461" s="1" t="s">
        <v>13</v>
      </c>
    </row>
    <row r="63462" spans="1:10" x14ac:dyDescent="0.35">
      <c r="A63462" s="1" t="s">
        <v>324</v>
      </c>
      <c r="B63462" s="1" t="s">
        <v>207847</v>
      </c>
      <c r="C63462" s="1" t="s">
        <v>15</v>
      </c>
      <c r="D63462" s="1" t="s">
        <v>212040</v>
      </c>
      <c r="E63462" s="1" t="s">
        <v>212041</v>
      </c>
      <c r="F63462" s="1" t="s">
        <v>212042</v>
      </c>
      <c r="G63462" s="1" t="s">
        <v>212038</v>
      </c>
      <c r="H63462" s="1" t="s">
        <v>212039</v>
      </c>
      <c r="I63462" s="1" t="s">
        <v>207852</v>
      </c>
      <c r="J63462" s="1" t="s">
        <v>212043</v>
      </c>
    </row>
    <row r="63463" spans="1:10" x14ac:dyDescent="0.35">
      <c r="A63463" s="1" t="s">
        <v>324</v>
      </c>
      <c r="B63463" s="1" t="s">
        <v>207847</v>
      </c>
      <c r="C63463" s="1" t="s">
        <v>20</v>
      </c>
      <c r="D63463" s="1" t="s">
        <v>5453</v>
      </c>
      <c r="E63463" s="1" t="s">
        <v>212044</v>
      </c>
      <c r="F63463" s="1" t="s">
        <v>212045</v>
      </c>
      <c r="G63463" s="1" t="s">
        <v>212038</v>
      </c>
      <c r="H63463" s="1" t="s">
        <v>212039</v>
      </c>
      <c r="I63463" s="1" t="s">
        <v>207852</v>
      </c>
      <c r="J63463" s="1" t="s">
        <v>212046</v>
      </c>
    </row>
    <row r="63464" spans="1:10" x14ac:dyDescent="0.35">
      <c r="A63464" s="1" t="s">
        <v>324</v>
      </c>
      <c r="B63464" s="1" t="s">
        <v>207847</v>
      </c>
      <c r="C63464" s="1" t="s">
        <v>25</v>
      </c>
      <c r="D63464" s="1" t="s">
        <v>48954</v>
      </c>
      <c r="E63464" s="1" t="s">
        <v>212047</v>
      </c>
      <c r="F63464" s="1" t="s">
        <v>212048</v>
      </c>
      <c r="G63464" s="1" t="s">
        <v>212038</v>
      </c>
      <c r="H63464" s="1" t="s">
        <v>212039</v>
      </c>
      <c r="I63464" s="1" t="s">
        <v>207852</v>
      </c>
      <c r="J63464" s="1" t="s">
        <v>212049</v>
      </c>
    </row>
    <row r="63465" spans="1:10" x14ac:dyDescent="0.35">
      <c r="A63465" s="1" t="s">
        <v>324</v>
      </c>
      <c r="B63465" s="1" t="s">
        <v>207847</v>
      </c>
      <c r="C63465" s="1" t="s">
        <v>30</v>
      </c>
      <c r="D63465" s="1" t="s">
        <v>212050</v>
      </c>
      <c r="E63465" s="1" t="s">
        <v>212051</v>
      </c>
      <c r="F63465" s="1" t="s">
        <v>212052</v>
      </c>
      <c r="G63465" s="1" t="s">
        <v>212038</v>
      </c>
      <c r="H63465" s="1" t="s">
        <v>212039</v>
      </c>
      <c r="I63465" s="1" t="s">
        <v>207852</v>
      </c>
      <c r="J63465" s="1" t="s">
        <v>212053</v>
      </c>
    </row>
    <row r="63466" spans="1:10" x14ac:dyDescent="0.35">
      <c r="A63466" s="1" t="s">
        <v>324</v>
      </c>
      <c r="B63466" s="1" t="s">
        <v>207847</v>
      </c>
      <c r="C63466" s="1" t="s">
        <v>35</v>
      </c>
      <c r="D63466" s="1" t="s">
        <v>33599</v>
      </c>
      <c r="E63466" s="1" t="s">
        <v>212054</v>
      </c>
      <c r="F63466" s="1" t="s">
        <v>212055</v>
      </c>
      <c r="G63466" s="1" t="s">
        <v>212038</v>
      </c>
      <c r="H63466" s="1" t="s">
        <v>212039</v>
      </c>
      <c r="I63466" s="1" t="s">
        <v>207852</v>
      </c>
      <c r="J63466" s="1" t="s">
        <v>212056</v>
      </c>
    </row>
    <row r="63467" spans="1:10" x14ac:dyDescent="0.35">
      <c r="A63467" s="1" t="s">
        <v>324</v>
      </c>
      <c r="B63467" s="1" t="s">
        <v>207847</v>
      </c>
      <c r="C63467" s="1" t="s">
        <v>40</v>
      </c>
      <c r="D63467" s="1" t="s">
        <v>212057</v>
      </c>
      <c r="E63467" s="1" t="s">
        <v>212058</v>
      </c>
      <c r="F63467" s="1" t="s">
        <v>212059</v>
      </c>
      <c r="G63467" s="1" t="s">
        <v>212038</v>
      </c>
      <c r="H63467" s="1" t="s">
        <v>212039</v>
      </c>
      <c r="I63467" s="1" t="s">
        <v>207852</v>
      </c>
      <c r="J63467" s="1" t="s">
        <v>212060</v>
      </c>
    </row>
    <row r="63468" spans="1:10" x14ac:dyDescent="0.35">
      <c r="A63468" s="1" t="s">
        <v>324</v>
      </c>
      <c r="B63468" s="1" t="s">
        <v>207847</v>
      </c>
      <c r="C63468" s="1" t="s">
        <v>45</v>
      </c>
      <c r="D63468" s="1" t="s">
        <v>17013</v>
      </c>
      <c r="E63468" s="1" t="s">
        <v>212061</v>
      </c>
      <c r="F63468" s="1" t="s">
        <v>212062</v>
      </c>
      <c r="G63468" s="1" t="s">
        <v>212038</v>
      </c>
      <c r="H63468" s="1" t="s">
        <v>212039</v>
      </c>
      <c r="I63468" s="1" t="s">
        <v>207852</v>
      </c>
      <c r="J63468" s="1" t="s">
        <v>212063</v>
      </c>
    </row>
    <row r="63469" spans="1:10" x14ac:dyDescent="0.35">
      <c r="A63469" s="1" t="s">
        <v>324</v>
      </c>
      <c r="B63469" s="1" t="s">
        <v>207847</v>
      </c>
      <c r="C63469" s="1" t="s">
        <v>50</v>
      </c>
      <c r="D63469" s="1" t="s">
        <v>169368</v>
      </c>
      <c r="E63469" s="1" t="s">
        <v>212064</v>
      </c>
      <c r="F63469" s="1" t="s">
        <v>212065</v>
      </c>
      <c r="G63469" s="1" t="s">
        <v>212038</v>
      </c>
      <c r="H63469" s="1" t="s">
        <v>212039</v>
      </c>
      <c r="I63469" s="1" t="s">
        <v>207852</v>
      </c>
      <c r="J63469" s="1" t="s">
        <v>212066</v>
      </c>
    </row>
    <row r="63470" spans="1:10" x14ac:dyDescent="0.35">
      <c r="A63470" s="1" t="s">
        <v>324</v>
      </c>
      <c r="B63470" s="1" t="s">
        <v>207847</v>
      </c>
      <c r="C63470" s="1" t="s">
        <v>55</v>
      </c>
      <c r="D63470" s="1" t="s">
        <v>169087</v>
      </c>
      <c r="E63470" s="1" t="s">
        <v>212067</v>
      </c>
      <c r="F63470" s="1" t="s">
        <v>212068</v>
      </c>
      <c r="G63470" s="1" t="s">
        <v>212038</v>
      </c>
      <c r="H63470" s="1" t="s">
        <v>212039</v>
      </c>
      <c r="I63470" s="1" t="s">
        <v>207852</v>
      </c>
      <c r="J63470" s="1" t="s">
        <v>212069</v>
      </c>
    </row>
    <row r="63471" spans="1:10" x14ac:dyDescent="0.35">
      <c r="A63471" s="1" t="s">
        <v>324</v>
      </c>
      <c r="B63471" s="1" t="s">
        <v>207847</v>
      </c>
      <c r="C63471" s="1" t="s">
        <v>60</v>
      </c>
      <c r="D63471" s="1" t="s">
        <v>104624</v>
      </c>
      <c r="E63471" s="1" t="s">
        <v>212070</v>
      </c>
      <c r="F63471" s="1" t="s">
        <v>212071</v>
      </c>
      <c r="G63471" s="1" t="s">
        <v>212038</v>
      </c>
      <c r="H63471" s="1" t="s">
        <v>212039</v>
      </c>
      <c r="I63471" s="1" t="s">
        <v>207852</v>
      </c>
      <c r="J63471" s="1" t="s">
        <v>212072</v>
      </c>
    </row>
    <row r="63472" spans="1:10" x14ac:dyDescent="0.35">
      <c r="A63472" s="1" t="s">
        <v>324</v>
      </c>
      <c r="B63472" s="1" t="s">
        <v>207847</v>
      </c>
      <c r="C63472" s="1" t="s">
        <v>65</v>
      </c>
      <c r="D63472" s="1" t="s">
        <v>73012</v>
      </c>
      <c r="E63472" s="1" t="s">
        <v>212073</v>
      </c>
      <c r="F63472" s="1" t="s">
        <v>212074</v>
      </c>
      <c r="G63472" s="1" t="s">
        <v>212038</v>
      </c>
      <c r="H63472" s="1" t="s">
        <v>212039</v>
      </c>
      <c r="I63472" s="1" t="s">
        <v>207852</v>
      </c>
      <c r="J63472" s="1" t="s">
        <v>212075</v>
      </c>
    </row>
    <row r="63473" spans="1:10" x14ac:dyDescent="0.35">
      <c r="A63473" s="1" t="s">
        <v>324</v>
      </c>
      <c r="B63473" s="1" t="s">
        <v>207847</v>
      </c>
      <c r="C63473" s="1" t="s">
        <v>70</v>
      </c>
      <c r="D63473" s="1" t="s">
        <v>18239</v>
      </c>
      <c r="E63473" s="1" t="s">
        <v>212076</v>
      </c>
      <c r="F63473" s="1" t="s">
        <v>212077</v>
      </c>
      <c r="G63473" s="1" t="s">
        <v>212038</v>
      </c>
      <c r="H63473" s="1" t="s">
        <v>212039</v>
      </c>
      <c r="I63473" s="1" t="s">
        <v>207852</v>
      </c>
      <c r="J63473" s="1" t="s">
        <v>212078</v>
      </c>
    </row>
    <row r="63474" spans="1:10" x14ac:dyDescent="0.35">
      <c r="A63474" s="1" t="s">
        <v>324</v>
      </c>
      <c r="B63474" s="1" t="s">
        <v>207847</v>
      </c>
      <c r="C63474" s="1" t="s">
        <v>75</v>
      </c>
      <c r="D63474" s="1" t="s">
        <v>212079</v>
      </c>
      <c r="E63474" s="1" t="s">
        <v>212080</v>
      </c>
      <c r="F63474" s="1" t="s">
        <v>212081</v>
      </c>
      <c r="G63474" s="1" t="s">
        <v>212038</v>
      </c>
      <c r="H63474" s="1" t="s">
        <v>212039</v>
      </c>
      <c r="I63474" s="1" t="s">
        <v>207852</v>
      </c>
      <c r="J63474" s="1" t="s">
        <v>212082</v>
      </c>
    </row>
    <row r="63475" spans="1:10" x14ac:dyDescent="0.35">
      <c r="A63475" s="1" t="s">
        <v>324</v>
      </c>
      <c r="B63475" s="1" t="s">
        <v>207847</v>
      </c>
      <c r="C63475" s="1" t="s">
        <v>80</v>
      </c>
      <c r="D63475" s="1" t="s">
        <v>16444</v>
      </c>
      <c r="E63475" s="1" t="s">
        <v>212083</v>
      </c>
      <c r="F63475" s="1" t="s">
        <v>212084</v>
      </c>
      <c r="G63475" s="1" t="s">
        <v>212038</v>
      </c>
      <c r="H63475" s="1" t="s">
        <v>212039</v>
      </c>
      <c r="I63475" s="1" t="s">
        <v>207852</v>
      </c>
      <c r="J63475" s="1" t="s">
        <v>212085</v>
      </c>
    </row>
    <row r="63476" spans="1:10" x14ac:dyDescent="0.35">
      <c r="A63476" s="1" t="s">
        <v>324</v>
      </c>
      <c r="B63476" s="1" t="s">
        <v>207847</v>
      </c>
      <c r="C63476" s="1" t="s">
        <v>85</v>
      </c>
      <c r="D63476" s="1" t="s">
        <v>3873</v>
      </c>
      <c r="E63476" s="1" t="s">
        <v>212086</v>
      </c>
      <c r="F63476" s="1" t="s">
        <v>212087</v>
      </c>
      <c r="G63476" s="1" t="s">
        <v>212038</v>
      </c>
      <c r="H63476" s="1" t="s">
        <v>212039</v>
      </c>
      <c r="I63476" s="1" t="s">
        <v>207852</v>
      </c>
      <c r="J63476" s="1" t="s">
        <v>212088</v>
      </c>
    </row>
    <row r="63477" spans="1:10" x14ac:dyDescent="0.35">
      <c r="A63477" s="1" t="s">
        <v>324</v>
      </c>
      <c r="B63477" s="1" t="s">
        <v>207847</v>
      </c>
      <c r="C63477" s="1" t="s">
        <v>90</v>
      </c>
      <c r="D63477" s="1" t="s">
        <v>112978</v>
      </c>
      <c r="E63477" s="1" t="s">
        <v>212089</v>
      </c>
      <c r="F63477" s="1" t="s">
        <v>212090</v>
      </c>
      <c r="G63477" s="1" t="s">
        <v>212038</v>
      </c>
      <c r="H63477" s="1" t="s">
        <v>212039</v>
      </c>
      <c r="I63477" s="1" t="s">
        <v>207852</v>
      </c>
      <c r="J63477" s="1" t="s">
        <v>212091</v>
      </c>
    </row>
    <row r="63478" spans="1:10" x14ac:dyDescent="0.35">
      <c r="A63478" s="1" t="s">
        <v>324</v>
      </c>
      <c r="B63478" s="1" t="s">
        <v>207847</v>
      </c>
      <c r="C63478" s="1" t="s">
        <v>95</v>
      </c>
      <c r="D63478" s="1" t="s">
        <v>212092</v>
      </c>
      <c r="E63478" s="1" t="s">
        <v>212093</v>
      </c>
      <c r="F63478" s="1" t="s">
        <v>212094</v>
      </c>
      <c r="G63478" s="1" t="s">
        <v>212038</v>
      </c>
      <c r="H63478" s="1" t="s">
        <v>212039</v>
      </c>
      <c r="I63478" s="1" t="s">
        <v>207852</v>
      </c>
      <c r="J63478" s="1" t="s">
        <v>212095</v>
      </c>
    </row>
    <row r="63479" spans="1:10" x14ac:dyDescent="0.35">
      <c r="A63479" s="1" t="s">
        <v>324</v>
      </c>
      <c r="B63479" s="1" t="s">
        <v>207847</v>
      </c>
      <c r="C63479" s="1" t="s">
        <v>100</v>
      </c>
      <c r="D63479" s="1" t="s">
        <v>212096</v>
      </c>
      <c r="E63479" s="1" t="s">
        <v>212097</v>
      </c>
      <c r="F63479" s="1" t="s">
        <v>212098</v>
      </c>
      <c r="G63479" s="1" t="s">
        <v>212038</v>
      </c>
      <c r="H63479" s="1" t="s">
        <v>212039</v>
      </c>
      <c r="I63479" s="1" t="s">
        <v>207852</v>
      </c>
      <c r="J63479" s="1" t="s">
        <v>212099</v>
      </c>
    </row>
    <row r="63480" spans="1:10" x14ac:dyDescent="0.35">
      <c r="A63480" s="1" t="s">
        <v>324</v>
      </c>
      <c r="B63480" s="1" t="s">
        <v>207847</v>
      </c>
      <c r="C63480" s="1" t="s">
        <v>105</v>
      </c>
      <c r="D63480" s="1" t="s">
        <v>212100</v>
      </c>
      <c r="E63480" s="1" t="s">
        <v>212101</v>
      </c>
      <c r="F63480" s="1" t="s">
        <v>212102</v>
      </c>
      <c r="G63480" s="1" t="s">
        <v>212038</v>
      </c>
      <c r="H63480" s="1" t="s">
        <v>212039</v>
      </c>
      <c r="I63480" s="1" t="s">
        <v>207852</v>
      </c>
      <c r="J63480" s="1" t="s">
        <v>212103</v>
      </c>
    </row>
    <row r="63481" spans="1:10" x14ac:dyDescent="0.35">
      <c r="A63481" s="1" t="s">
        <v>324</v>
      </c>
      <c r="B63481" s="1" t="s">
        <v>207847</v>
      </c>
      <c r="C63481" s="1" t="s">
        <v>110</v>
      </c>
      <c r="D63481" s="1" t="s">
        <v>212104</v>
      </c>
      <c r="E63481" s="1" t="s">
        <v>212105</v>
      </c>
      <c r="F63481" s="1" t="s">
        <v>212106</v>
      </c>
      <c r="G63481" s="1" t="s">
        <v>212038</v>
      </c>
      <c r="H63481" s="1" t="s">
        <v>212039</v>
      </c>
      <c r="I63481" s="1" t="s">
        <v>207852</v>
      </c>
      <c r="J63481" s="1" t="s">
        <v>212107</v>
      </c>
    </row>
    <row r="63482" spans="1:10" x14ac:dyDescent="0.35">
      <c r="A63482" s="1" t="s">
        <v>324</v>
      </c>
      <c r="B63482" s="1" t="s">
        <v>207847</v>
      </c>
      <c r="C63482" s="1" t="s">
        <v>115</v>
      </c>
      <c r="D63482" s="1" t="s">
        <v>76935</v>
      </c>
      <c r="E63482" s="1" t="s">
        <v>212108</v>
      </c>
      <c r="F63482" s="1" t="s">
        <v>212109</v>
      </c>
      <c r="G63482" s="1" t="s">
        <v>212038</v>
      </c>
      <c r="H63482" s="1" t="s">
        <v>212039</v>
      </c>
      <c r="I63482" s="1" t="s">
        <v>207852</v>
      </c>
      <c r="J63482" s="1" t="s">
        <v>212110</v>
      </c>
    </row>
    <row r="63483" spans="1:10" x14ac:dyDescent="0.35">
      <c r="A63483" s="1" t="s">
        <v>324</v>
      </c>
      <c r="B63483" s="1" t="s">
        <v>207847</v>
      </c>
      <c r="C63483" s="1" t="s">
        <v>120</v>
      </c>
      <c r="D63483" s="1" t="s">
        <v>190592</v>
      </c>
      <c r="E63483" s="1" t="s">
        <v>212111</v>
      </c>
      <c r="F63483" s="1" t="s">
        <v>212112</v>
      </c>
      <c r="G63483" s="1" t="s">
        <v>212038</v>
      </c>
      <c r="H63483" s="1" t="s">
        <v>212039</v>
      </c>
      <c r="I63483" s="1" t="s">
        <v>207852</v>
      </c>
      <c r="J63483" s="1" t="s">
        <v>212113</v>
      </c>
    </row>
    <row r="63484" spans="1:10" x14ac:dyDescent="0.35">
      <c r="A63484" s="1" t="s">
        <v>324</v>
      </c>
      <c r="B63484" s="1" t="s">
        <v>207847</v>
      </c>
      <c r="C63484" s="1" t="s">
        <v>125</v>
      </c>
      <c r="D63484" s="1" t="s">
        <v>191479</v>
      </c>
      <c r="E63484" s="1" t="s">
        <v>212114</v>
      </c>
      <c r="F63484" s="1" t="s">
        <v>212115</v>
      </c>
      <c r="G63484" s="1" t="s">
        <v>212038</v>
      </c>
      <c r="H63484" s="1" t="s">
        <v>212039</v>
      </c>
      <c r="I63484" s="1" t="s">
        <v>207852</v>
      </c>
      <c r="J63484" s="1" t="s">
        <v>212116</v>
      </c>
    </row>
    <row r="63485" spans="1:10" x14ac:dyDescent="0.35">
      <c r="A63485" s="1" t="s">
        <v>324</v>
      </c>
      <c r="B63485" s="1" t="s">
        <v>207847</v>
      </c>
      <c r="C63485" s="1" t="s">
        <v>130</v>
      </c>
      <c r="D63485" s="1" t="s">
        <v>212117</v>
      </c>
      <c r="E63485" s="1" t="s">
        <v>212118</v>
      </c>
      <c r="F63485" s="1" t="s">
        <v>212119</v>
      </c>
      <c r="G63485" s="1" t="s">
        <v>212038</v>
      </c>
      <c r="H63485" s="1" t="s">
        <v>212039</v>
      </c>
      <c r="I63485" s="1" t="s">
        <v>207852</v>
      </c>
      <c r="J63485" s="1" t="s">
        <v>212120</v>
      </c>
    </row>
    <row r="63486" spans="1:10" x14ac:dyDescent="0.35">
      <c r="A63486" s="1" t="s">
        <v>324</v>
      </c>
      <c r="B63486" s="1" t="s">
        <v>207847</v>
      </c>
      <c r="C63486" s="1" t="s">
        <v>135</v>
      </c>
      <c r="D63486" s="1" t="s">
        <v>14287</v>
      </c>
      <c r="E63486" s="1" t="s">
        <v>212121</v>
      </c>
      <c r="F63486" s="1" t="s">
        <v>212122</v>
      </c>
      <c r="G63486" s="1" t="s">
        <v>212038</v>
      </c>
      <c r="H63486" s="1" t="s">
        <v>212039</v>
      </c>
      <c r="I63486" s="1" t="s">
        <v>207852</v>
      </c>
      <c r="J63486" s="1" t="s">
        <v>212123</v>
      </c>
    </row>
    <row r="63487" spans="1:10" x14ac:dyDescent="0.35">
      <c r="A63487" s="1" t="s">
        <v>324</v>
      </c>
      <c r="B63487" s="1" t="s">
        <v>207847</v>
      </c>
      <c r="C63487" s="1" t="s">
        <v>140</v>
      </c>
      <c r="D63487" s="1" t="s">
        <v>33118</v>
      </c>
      <c r="E63487" s="1" t="s">
        <v>212124</v>
      </c>
      <c r="F63487" s="1" t="s">
        <v>212125</v>
      </c>
      <c r="G63487" s="1" t="s">
        <v>212038</v>
      </c>
      <c r="H63487" s="1" t="s">
        <v>212039</v>
      </c>
      <c r="I63487" s="1" t="s">
        <v>207852</v>
      </c>
      <c r="J63487" s="1" t="s">
        <v>212126</v>
      </c>
    </row>
    <row r="63488" spans="1:10" x14ac:dyDescent="0.35">
      <c r="A63488" s="1" t="s">
        <v>324</v>
      </c>
      <c r="B63488" s="1" t="s">
        <v>207847</v>
      </c>
      <c r="C63488" s="1" t="s">
        <v>145</v>
      </c>
      <c r="D63488" s="1" t="s">
        <v>61248</v>
      </c>
      <c r="E63488" s="1" t="s">
        <v>212127</v>
      </c>
      <c r="F63488" s="1" t="s">
        <v>212128</v>
      </c>
      <c r="G63488" s="1" t="s">
        <v>212038</v>
      </c>
      <c r="H63488" s="1" t="s">
        <v>212039</v>
      </c>
      <c r="I63488" s="1" t="s">
        <v>207852</v>
      </c>
      <c r="J63488" s="1" t="s">
        <v>212129</v>
      </c>
    </row>
    <row r="63489" spans="1:10" x14ac:dyDescent="0.35">
      <c r="A63489" s="1" t="s">
        <v>324</v>
      </c>
      <c r="B63489" s="1" t="s">
        <v>207847</v>
      </c>
      <c r="C63489" s="1" t="s">
        <v>150</v>
      </c>
      <c r="D63489" s="1" t="s">
        <v>112901</v>
      </c>
      <c r="E63489" s="1" t="s">
        <v>212130</v>
      </c>
      <c r="F63489" s="1" t="s">
        <v>212131</v>
      </c>
      <c r="G63489" s="1" t="s">
        <v>212038</v>
      </c>
      <c r="H63489" s="1" t="s">
        <v>212039</v>
      </c>
      <c r="I63489" s="1" t="s">
        <v>207852</v>
      </c>
      <c r="J63489" s="1" t="s">
        <v>212132</v>
      </c>
    </row>
    <row r="63490" spans="1:10" x14ac:dyDescent="0.35">
      <c r="A63490" s="1" t="s">
        <v>324</v>
      </c>
      <c r="B63490" s="1" t="s">
        <v>207847</v>
      </c>
      <c r="C63490" s="1" t="s">
        <v>155</v>
      </c>
      <c r="D63490" s="1" t="s">
        <v>166060</v>
      </c>
      <c r="E63490" s="1" t="s">
        <v>212133</v>
      </c>
      <c r="F63490" s="1" t="s">
        <v>212134</v>
      </c>
      <c r="G63490" s="1" t="s">
        <v>212038</v>
      </c>
      <c r="H63490" s="1" t="s">
        <v>212039</v>
      </c>
      <c r="I63490" s="1" t="s">
        <v>207852</v>
      </c>
      <c r="J63490" s="1" t="s">
        <v>212135</v>
      </c>
    </row>
    <row r="63491" spans="1:10" x14ac:dyDescent="0.35">
      <c r="A63491" s="1" t="s">
        <v>324</v>
      </c>
      <c r="B63491" s="1" t="s">
        <v>207847</v>
      </c>
      <c r="C63491" s="1" t="s">
        <v>160</v>
      </c>
      <c r="D63491" s="1" t="s">
        <v>44494</v>
      </c>
      <c r="E63491" s="1" t="s">
        <v>212136</v>
      </c>
      <c r="F63491" s="1" t="s">
        <v>212137</v>
      </c>
      <c r="G63491" s="1" t="s">
        <v>212038</v>
      </c>
      <c r="H63491" s="1" t="s">
        <v>212039</v>
      </c>
      <c r="I63491" s="1" t="s">
        <v>207852</v>
      </c>
      <c r="J63491" s="1" t="s">
        <v>212138</v>
      </c>
    </row>
    <row r="63492" spans="1:10" x14ac:dyDescent="0.35">
      <c r="A63492" s="1" t="s">
        <v>324</v>
      </c>
      <c r="B63492" s="1" t="s">
        <v>207847</v>
      </c>
      <c r="C63492" s="1" t="s">
        <v>165</v>
      </c>
      <c r="D63492" s="1" t="s">
        <v>212139</v>
      </c>
      <c r="E63492" s="1" t="s">
        <v>212140</v>
      </c>
      <c r="F63492" s="1" t="s">
        <v>212141</v>
      </c>
      <c r="G63492" s="1" t="s">
        <v>212038</v>
      </c>
      <c r="H63492" s="1" t="s">
        <v>212039</v>
      </c>
      <c r="I63492" s="1" t="s">
        <v>207852</v>
      </c>
      <c r="J63492" s="1" t="s">
        <v>212142</v>
      </c>
    </row>
    <row r="63493" spans="1:10" x14ac:dyDescent="0.35">
      <c r="A63493" s="1" t="s">
        <v>324</v>
      </c>
      <c r="B63493" s="1" t="s">
        <v>207847</v>
      </c>
      <c r="C63493" s="1" t="s">
        <v>170</v>
      </c>
      <c r="D63493" s="1" t="s">
        <v>62441</v>
      </c>
      <c r="E63493" s="1" t="s">
        <v>212143</v>
      </c>
      <c r="F63493" s="1" t="s">
        <v>212144</v>
      </c>
      <c r="G63493" s="1" t="s">
        <v>212038</v>
      </c>
      <c r="H63493" s="1" t="s">
        <v>212039</v>
      </c>
      <c r="I63493" s="1" t="s">
        <v>207852</v>
      </c>
      <c r="J63493" s="1" t="s">
        <v>212145</v>
      </c>
    </row>
    <row r="63494" spans="1:10" x14ac:dyDescent="0.35">
      <c r="A63494" s="1" t="s">
        <v>8310</v>
      </c>
      <c r="B63494" s="1" t="s">
        <v>207847</v>
      </c>
      <c r="C63494" s="1" t="s">
        <v>8</v>
      </c>
      <c r="D63494" s="1" t="s">
        <v>176061</v>
      </c>
      <c r="E63494" s="1" t="s">
        <v>212146</v>
      </c>
      <c r="F63494" s="1" t="s">
        <v>212147</v>
      </c>
      <c r="G63494" s="1" t="s">
        <v>212148</v>
      </c>
      <c r="H63494" s="1" t="s">
        <v>212149</v>
      </c>
      <c r="I63494" s="1" t="s">
        <v>207852</v>
      </c>
      <c r="J63494" s="1" t="s">
        <v>13</v>
      </c>
    </row>
    <row r="63495" spans="1:10" x14ac:dyDescent="0.35">
      <c r="A63495" s="1" t="s">
        <v>8310</v>
      </c>
      <c r="B63495" s="1" t="s">
        <v>207847</v>
      </c>
      <c r="C63495" s="1" t="s">
        <v>15</v>
      </c>
      <c r="D63495" s="1" t="s">
        <v>173284</v>
      </c>
      <c r="E63495" s="1" t="s">
        <v>212150</v>
      </c>
      <c r="F63495" s="1" t="s">
        <v>212151</v>
      </c>
      <c r="G63495" s="1" t="s">
        <v>212148</v>
      </c>
      <c r="H63495" s="1" t="s">
        <v>212149</v>
      </c>
      <c r="I63495" s="1" t="s">
        <v>207852</v>
      </c>
      <c r="J63495" s="1" t="s">
        <v>212152</v>
      </c>
    </row>
    <row r="63496" spans="1:10" x14ac:dyDescent="0.35">
      <c r="A63496" s="1" t="s">
        <v>8310</v>
      </c>
      <c r="B63496" s="1" t="s">
        <v>207847</v>
      </c>
      <c r="C63496" s="1" t="s">
        <v>20</v>
      </c>
      <c r="D63496" s="1" t="s">
        <v>125354</v>
      </c>
      <c r="E63496" s="1" t="s">
        <v>212153</v>
      </c>
      <c r="F63496" s="1" t="s">
        <v>212154</v>
      </c>
      <c r="G63496" s="1" t="s">
        <v>212148</v>
      </c>
      <c r="H63496" s="1" t="s">
        <v>212149</v>
      </c>
      <c r="I63496" s="1" t="s">
        <v>207852</v>
      </c>
      <c r="J63496" s="1" t="s">
        <v>212155</v>
      </c>
    </row>
    <row r="63497" spans="1:10" x14ac:dyDescent="0.35">
      <c r="A63497" s="1" t="s">
        <v>8310</v>
      </c>
      <c r="B63497" s="1" t="s">
        <v>207847</v>
      </c>
      <c r="C63497" s="1" t="s">
        <v>25</v>
      </c>
      <c r="D63497" s="1" t="s">
        <v>189920</v>
      </c>
      <c r="E63497" s="1" t="s">
        <v>212156</v>
      </c>
      <c r="F63497" s="1" t="s">
        <v>212157</v>
      </c>
      <c r="G63497" s="1" t="s">
        <v>212148</v>
      </c>
      <c r="H63497" s="1" t="s">
        <v>212149</v>
      </c>
      <c r="I63497" s="1" t="s">
        <v>207852</v>
      </c>
      <c r="J63497" s="1" t="s">
        <v>212158</v>
      </c>
    </row>
    <row r="63498" spans="1:10" x14ac:dyDescent="0.35">
      <c r="A63498" s="1" t="s">
        <v>8310</v>
      </c>
      <c r="B63498" s="1" t="s">
        <v>207847</v>
      </c>
      <c r="C63498" s="1" t="s">
        <v>30</v>
      </c>
      <c r="D63498" s="1" t="s">
        <v>212159</v>
      </c>
      <c r="E63498" s="1" t="s">
        <v>212160</v>
      </c>
      <c r="F63498" s="1" t="s">
        <v>212161</v>
      </c>
      <c r="G63498" s="1" t="s">
        <v>212148</v>
      </c>
      <c r="H63498" s="1" t="s">
        <v>212149</v>
      </c>
      <c r="I63498" s="1" t="s">
        <v>207852</v>
      </c>
      <c r="J63498" s="1" t="s">
        <v>212162</v>
      </c>
    </row>
    <row r="63499" spans="1:10" x14ac:dyDescent="0.35">
      <c r="A63499" s="1" t="s">
        <v>8310</v>
      </c>
      <c r="B63499" s="1" t="s">
        <v>207847</v>
      </c>
      <c r="C63499" s="1" t="s">
        <v>35</v>
      </c>
      <c r="D63499" s="1" t="s">
        <v>172660</v>
      </c>
      <c r="E63499" s="1" t="s">
        <v>212163</v>
      </c>
      <c r="F63499" s="1" t="s">
        <v>212164</v>
      </c>
      <c r="G63499" s="1" t="s">
        <v>212148</v>
      </c>
      <c r="H63499" s="1" t="s">
        <v>212149</v>
      </c>
      <c r="I63499" s="1" t="s">
        <v>207852</v>
      </c>
      <c r="J63499" s="1" t="s">
        <v>212165</v>
      </c>
    </row>
    <row r="63500" spans="1:10" x14ac:dyDescent="0.35">
      <c r="A63500" s="1" t="s">
        <v>8310</v>
      </c>
      <c r="B63500" s="1" t="s">
        <v>207847</v>
      </c>
      <c r="C63500" s="1" t="s">
        <v>40</v>
      </c>
      <c r="D63500" s="1" t="s">
        <v>104904</v>
      </c>
      <c r="E63500" s="1" t="s">
        <v>212166</v>
      </c>
      <c r="F63500" s="1" t="s">
        <v>212167</v>
      </c>
      <c r="G63500" s="1" t="s">
        <v>212148</v>
      </c>
      <c r="H63500" s="1" t="s">
        <v>212149</v>
      </c>
      <c r="I63500" s="1" t="s">
        <v>207852</v>
      </c>
      <c r="J63500" s="1" t="s">
        <v>28464</v>
      </c>
    </row>
    <row r="63501" spans="1:10" x14ac:dyDescent="0.35">
      <c r="A63501" s="1" t="s">
        <v>8310</v>
      </c>
      <c r="B63501" s="1" t="s">
        <v>207847</v>
      </c>
      <c r="C63501" s="1" t="s">
        <v>45</v>
      </c>
      <c r="D63501" s="1" t="s">
        <v>212168</v>
      </c>
      <c r="E63501" s="1" t="s">
        <v>212169</v>
      </c>
      <c r="F63501" s="1" t="s">
        <v>212170</v>
      </c>
      <c r="G63501" s="1" t="s">
        <v>212148</v>
      </c>
      <c r="H63501" s="1" t="s">
        <v>212149</v>
      </c>
      <c r="I63501" s="1" t="s">
        <v>207852</v>
      </c>
      <c r="J63501" s="1" t="s">
        <v>212171</v>
      </c>
    </row>
    <row r="63502" spans="1:10" x14ac:dyDescent="0.35">
      <c r="A63502" s="1" t="s">
        <v>8310</v>
      </c>
      <c r="B63502" s="1" t="s">
        <v>207847</v>
      </c>
      <c r="C63502" s="1" t="s">
        <v>50</v>
      </c>
      <c r="D63502" s="1" t="s">
        <v>212172</v>
      </c>
      <c r="E63502" s="1" t="s">
        <v>212173</v>
      </c>
      <c r="F63502" s="1" t="s">
        <v>212174</v>
      </c>
      <c r="G63502" s="1" t="s">
        <v>212148</v>
      </c>
      <c r="H63502" s="1" t="s">
        <v>212149</v>
      </c>
      <c r="I63502" s="1" t="s">
        <v>207852</v>
      </c>
      <c r="J63502" s="1" t="s">
        <v>212175</v>
      </c>
    </row>
    <row r="63503" spans="1:10" x14ac:dyDescent="0.35">
      <c r="A63503" s="1" t="s">
        <v>8310</v>
      </c>
      <c r="B63503" s="1" t="s">
        <v>207847</v>
      </c>
      <c r="C63503" s="1" t="s">
        <v>55</v>
      </c>
      <c r="D63503" s="1" t="s">
        <v>212176</v>
      </c>
      <c r="E63503" s="1" t="s">
        <v>212177</v>
      </c>
      <c r="F63503" s="1" t="s">
        <v>212178</v>
      </c>
      <c r="G63503" s="1" t="s">
        <v>212148</v>
      </c>
      <c r="H63503" s="1" t="s">
        <v>212149</v>
      </c>
      <c r="I63503" s="1" t="s">
        <v>207852</v>
      </c>
      <c r="J63503" s="1" t="s">
        <v>212179</v>
      </c>
    </row>
    <row r="63504" spans="1:10" x14ac:dyDescent="0.35">
      <c r="A63504" s="1" t="s">
        <v>8310</v>
      </c>
      <c r="B63504" s="1" t="s">
        <v>207847</v>
      </c>
      <c r="C63504" s="1" t="s">
        <v>60</v>
      </c>
      <c r="D63504" s="1" t="s">
        <v>212180</v>
      </c>
      <c r="E63504" s="1" t="s">
        <v>212181</v>
      </c>
      <c r="F63504" s="1" t="s">
        <v>212182</v>
      </c>
      <c r="G63504" s="1" t="s">
        <v>212148</v>
      </c>
      <c r="H63504" s="1" t="s">
        <v>212149</v>
      </c>
      <c r="I63504" s="1" t="s">
        <v>207852</v>
      </c>
      <c r="J63504" s="1" t="s">
        <v>212183</v>
      </c>
    </row>
    <row r="63505" spans="1:10" x14ac:dyDescent="0.35">
      <c r="A63505" s="1" t="s">
        <v>8310</v>
      </c>
      <c r="B63505" s="1" t="s">
        <v>207847</v>
      </c>
      <c r="C63505" s="1" t="s">
        <v>65</v>
      </c>
      <c r="D63505" s="1" t="s">
        <v>155790</v>
      </c>
      <c r="E63505" s="1" t="s">
        <v>212184</v>
      </c>
      <c r="F63505" s="1" t="s">
        <v>212185</v>
      </c>
      <c r="G63505" s="1" t="s">
        <v>212148</v>
      </c>
      <c r="H63505" s="1" t="s">
        <v>212149</v>
      </c>
      <c r="I63505" s="1" t="s">
        <v>207852</v>
      </c>
      <c r="J63505" s="1" t="s">
        <v>212186</v>
      </c>
    </row>
    <row r="63506" spans="1:10" x14ac:dyDescent="0.35">
      <c r="A63506" s="1" t="s">
        <v>8310</v>
      </c>
      <c r="B63506" s="1" t="s">
        <v>207847</v>
      </c>
      <c r="C63506" s="1" t="s">
        <v>70</v>
      </c>
      <c r="D63506" s="1" t="s">
        <v>109046</v>
      </c>
      <c r="E63506" s="1" t="s">
        <v>212187</v>
      </c>
      <c r="F63506" s="1" t="s">
        <v>212188</v>
      </c>
      <c r="G63506" s="1" t="s">
        <v>212148</v>
      </c>
      <c r="H63506" s="1" t="s">
        <v>212149</v>
      </c>
      <c r="I63506" s="1" t="s">
        <v>207852</v>
      </c>
      <c r="J63506" s="1" t="s">
        <v>212189</v>
      </c>
    </row>
    <row r="63507" spans="1:10" x14ac:dyDescent="0.35">
      <c r="A63507" s="1" t="s">
        <v>8310</v>
      </c>
      <c r="B63507" s="1" t="s">
        <v>207847</v>
      </c>
      <c r="C63507" s="1" t="s">
        <v>75</v>
      </c>
      <c r="D63507" s="1" t="s">
        <v>212190</v>
      </c>
      <c r="E63507" s="1" t="s">
        <v>212191</v>
      </c>
      <c r="F63507" s="1" t="s">
        <v>212192</v>
      </c>
      <c r="G63507" s="1" t="s">
        <v>212148</v>
      </c>
      <c r="H63507" s="1" t="s">
        <v>212149</v>
      </c>
      <c r="I63507" s="1" t="s">
        <v>207852</v>
      </c>
      <c r="J63507" s="1" t="s">
        <v>212193</v>
      </c>
    </row>
    <row r="63508" spans="1:10" x14ac:dyDescent="0.35">
      <c r="A63508" s="1" t="s">
        <v>8310</v>
      </c>
      <c r="B63508" s="1" t="s">
        <v>207847</v>
      </c>
      <c r="C63508" s="1" t="s">
        <v>80</v>
      </c>
      <c r="D63508" s="1" t="s">
        <v>173889</v>
      </c>
      <c r="E63508" s="1" t="s">
        <v>212194</v>
      </c>
      <c r="F63508" s="1" t="s">
        <v>212195</v>
      </c>
      <c r="G63508" s="1" t="s">
        <v>212148</v>
      </c>
      <c r="H63508" s="1" t="s">
        <v>212149</v>
      </c>
      <c r="I63508" s="1" t="s">
        <v>207852</v>
      </c>
      <c r="J63508" s="1" t="s">
        <v>212196</v>
      </c>
    </row>
    <row r="63509" spans="1:10" x14ac:dyDescent="0.35">
      <c r="A63509" s="1" t="s">
        <v>8310</v>
      </c>
      <c r="B63509" s="1" t="s">
        <v>207847</v>
      </c>
      <c r="C63509" s="1" t="s">
        <v>85</v>
      </c>
      <c r="D63509" s="1" t="s">
        <v>152738</v>
      </c>
      <c r="E63509" s="1" t="s">
        <v>212197</v>
      </c>
      <c r="F63509" s="1" t="s">
        <v>212198</v>
      </c>
      <c r="G63509" s="1" t="s">
        <v>212148</v>
      </c>
      <c r="H63509" s="1" t="s">
        <v>212149</v>
      </c>
      <c r="I63509" s="1" t="s">
        <v>207852</v>
      </c>
      <c r="J63509" s="1" t="s">
        <v>212199</v>
      </c>
    </row>
    <row r="63510" spans="1:10" x14ac:dyDescent="0.35">
      <c r="A63510" s="1" t="s">
        <v>8310</v>
      </c>
      <c r="B63510" s="1" t="s">
        <v>207847</v>
      </c>
      <c r="C63510" s="1" t="s">
        <v>90</v>
      </c>
      <c r="D63510" s="1" t="s">
        <v>11361</v>
      </c>
      <c r="E63510" s="1" t="s">
        <v>212200</v>
      </c>
      <c r="F63510" s="1" t="s">
        <v>212201</v>
      </c>
      <c r="G63510" s="1" t="s">
        <v>212148</v>
      </c>
      <c r="H63510" s="1" t="s">
        <v>212149</v>
      </c>
      <c r="I63510" s="1" t="s">
        <v>207852</v>
      </c>
      <c r="J63510" s="1" t="s">
        <v>212202</v>
      </c>
    </row>
    <row r="63511" spans="1:10" x14ac:dyDescent="0.35">
      <c r="A63511" s="1" t="s">
        <v>8310</v>
      </c>
      <c r="B63511" s="1" t="s">
        <v>207847</v>
      </c>
      <c r="C63511" s="1" t="s">
        <v>95</v>
      </c>
      <c r="D63511" s="1" t="s">
        <v>212203</v>
      </c>
      <c r="E63511" s="1" t="s">
        <v>212204</v>
      </c>
      <c r="F63511" s="1" t="s">
        <v>212205</v>
      </c>
      <c r="G63511" s="1" t="s">
        <v>212148</v>
      </c>
      <c r="H63511" s="1" t="s">
        <v>212149</v>
      </c>
      <c r="I63511" s="1" t="s">
        <v>207852</v>
      </c>
      <c r="J63511" s="1" t="s">
        <v>212206</v>
      </c>
    </row>
    <row r="63512" spans="1:10" x14ac:dyDescent="0.35">
      <c r="A63512" s="1" t="s">
        <v>8310</v>
      </c>
      <c r="B63512" s="1" t="s">
        <v>207847</v>
      </c>
      <c r="C63512" s="1" t="s">
        <v>100</v>
      </c>
      <c r="D63512" s="1" t="s">
        <v>174771</v>
      </c>
      <c r="E63512" s="1" t="s">
        <v>212207</v>
      </c>
      <c r="F63512" s="1" t="s">
        <v>212208</v>
      </c>
      <c r="G63512" s="1" t="s">
        <v>212148</v>
      </c>
      <c r="H63512" s="1" t="s">
        <v>212149</v>
      </c>
      <c r="I63512" s="1" t="s">
        <v>207852</v>
      </c>
      <c r="J63512" s="1" t="s">
        <v>212209</v>
      </c>
    </row>
    <row r="63513" spans="1:10" x14ac:dyDescent="0.35">
      <c r="A63513" s="1" t="s">
        <v>8310</v>
      </c>
      <c r="B63513" s="1" t="s">
        <v>207847</v>
      </c>
      <c r="C63513" s="1" t="s">
        <v>105</v>
      </c>
      <c r="D63513" s="1" t="s">
        <v>173893</v>
      </c>
      <c r="E63513" s="1" t="s">
        <v>212210</v>
      </c>
      <c r="F63513" s="1" t="s">
        <v>212211</v>
      </c>
      <c r="G63513" s="1" t="s">
        <v>212148</v>
      </c>
      <c r="H63513" s="1" t="s">
        <v>212149</v>
      </c>
      <c r="I63513" s="1" t="s">
        <v>207852</v>
      </c>
      <c r="J63513" s="1" t="s">
        <v>212212</v>
      </c>
    </row>
    <row r="63514" spans="1:10" x14ac:dyDescent="0.35">
      <c r="A63514" s="1" t="s">
        <v>8310</v>
      </c>
      <c r="B63514" s="1" t="s">
        <v>207847</v>
      </c>
      <c r="C63514" s="1" t="s">
        <v>110</v>
      </c>
      <c r="D63514" s="1" t="s">
        <v>212213</v>
      </c>
      <c r="E63514" s="1" t="s">
        <v>212214</v>
      </c>
      <c r="F63514" s="1" t="s">
        <v>212215</v>
      </c>
      <c r="G63514" s="1" t="s">
        <v>212148</v>
      </c>
      <c r="H63514" s="1" t="s">
        <v>212149</v>
      </c>
      <c r="I63514" s="1" t="s">
        <v>207852</v>
      </c>
      <c r="J63514" s="1" t="s">
        <v>212216</v>
      </c>
    </row>
    <row r="63515" spans="1:10" x14ac:dyDescent="0.35">
      <c r="A63515" s="1" t="s">
        <v>8310</v>
      </c>
      <c r="B63515" s="1" t="s">
        <v>207847</v>
      </c>
      <c r="C63515" s="1" t="s">
        <v>115</v>
      </c>
      <c r="D63515" s="1" t="s">
        <v>212217</v>
      </c>
      <c r="E63515" s="1" t="s">
        <v>212218</v>
      </c>
      <c r="F63515" s="1" t="s">
        <v>212219</v>
      </c>
      <c r="G63515" s="1" t="s">
        <v>212148</v>
      </c>
      <c r="H63515" s="1" t="s">
        <v>212149</v>
      </c>
      <c r="I63515" s="1" t="s">
        <v>207852</v>
      </c>
      <c r="J63515" s="1" t="s">
        <v>212220</v>
      </c>
    </row>
    <row r="63516" spans="1:10" x14ac:dyDescent="0.35">
      <c r="A63516" s="1" t="s">
        <v>8310</v>
      </c>
      <c r="B63516" s="1" t="s">
        <v>207847</v>
      </c>
      <c r="C63516" s="1" t="s">
        <v>120</v>
      </c>
      <c r="D63516" s="1" t="s">
        <v>32301</v>
      </c>
      <c r="E63516" s="1" t="s">
        <v>212221</v>
      </c>
      <c r="F63516" s="1" t="s">
        <v>212222</v>
      </c>
      <c r="G63516" s="1" t="s">
        <v>212148</v>
      </c>
      <c r="H63516" s="1" t="s">
        <v>212149</v>
      </c>
      <c r="I63516" s="1" t="s">
        <v>207852</v>
      </c>
      <c r="J63516" s="1" t="s">
        <v>212223</v>
      </c>
    </row>
    <row r="63517" spans="1:10" x14ac:dyDescent="0.35">
      <c r="A63517" s="1" t="s">
        <v>8310</v>
      </c>
      <c r="B63517" s="1" t="s">
        <v>207847</v>
      </c>
      <c r="C63517" s="1" t="s">
        <v>125</v>
      </c>
      <c r="D63517" s="1" t="s">
        <v>212224</v>
      </c>
      <c r="E63517" s="1" t="s">
        <v>212225</v>
      </c>
      <c r="F63517" s="1" t="s">
        <v>212226</v>
      </c>
      <c r="G63517" s="1" t="s">
        <v>212148</v>
      </c>
      <c r="H63517" s="1" t="s">
        <v>212149</v>
      </c>
      <c r="I63517" s="1" t="s">
        <v>207852</v>
      </c>
      <c r="J63517" s="1" t="s">
        <v>212227</v>
      </c>
    </row>
    <row r="63518" spans="1:10" x14ac:dyDescent="0.35">
      <c r="A63518" s="1" t="s">
        <v>8310</v>
      </c>
      <c r="B63518" s="1" t="s">
        <v>207847</v>
      </c>
      <c r="C63518" s="1" t="s">
        <v>130</v>
      </c>
      <c r="D63518" s="1" t="s">
        <v>148074</v>
      </c>
      <c r="E63518" s="1" t="s">
        <v>212228</v>
      </c>
      <c r="F63518" s="1" t="s">
        <v>212229</v>
      </c>
      <c r="G63518" s="1" t="s">
        <v>212148</v>
      </c>
      <c r="H63518" s="1" t="s">
        <v>212149</v>
      </c>
      <c r="I63518" s="1" t="s">
        <v>207852</v>
      </c>
      <c r="J63518" s="1" t="s">
        <v>212230</v>
      </c>
    </row>
    <row r="63519" spans="1:10" x14ac:dyDescent="0.35">
      <c r="A63519" s="1" t="s">
        <v>8310</v>
      </c>
      <c r="B63519" s="1" t="s">
        <v>207847</v>
      </c>
      <c r="C63519" s="1" t="s">
        <v>135</v>
      </c>
      <c r="D63519" s="1" t="s">
        <v>22515</v>
      </c>
      <c r="E63519" s="1" t="s">
        <v>212231</v>
      </c>
      <c r="F63519" s="1" t="s">
        <v>212232</v>
      </c>
      <c r="G63519" s="1" t="s">
        <v>212148</v>
      </c>
      <c r="H63519" s="1" t="s">
        <v>212149</v>
      </c>
      <c r="I63519" s="1" t="s">
        <v>207852</v>
      </c>
      <c r="J63519" s="1" t="s">
        <v>212233</v>
      </c>
    </row>
    <row r="63520" spans="1:10" x14ac:dyDescent="0.35">
      <c r="A63520" s="1" t="s">
        <v>8310</v>
      </c>
      <c r="B63520" s="1" t="s">
        <v>207847</v>
      </c>
      <c r="C63520" s="1" t="s">
        <v>140</v>
      </c>
      <c r="D63520" s="1" t="s">
        <v>212234</v>
      </c>
      <c r="E63520" s="1" t="s">
        <v>212235</v>
      </c>
      <c r="F63520" s="1" t="s">
        <v>212236</v>
      </c>
      <c r="G63520" s="1" t="s">
        <v>212148</v>
      </c>
      <c r="H63520" s="1" t="s">
        <v>212149</v>
      </c>
      <c r="I63520" s="1" t="s">
        <v>207852</v>
      </c>
      <c r="J63520" s="1" t="s">
        <v>212237</v>
      </c>
    </row>
    <row r="63521" spans="1:10" x14ac:dyDescent="0.35">
      <c r="A63521" s="1" t="s">
        <v>8310</v>
      </c>
      <c r="B63521" s="1" t="s">
        <v>207847</v>
      </c>
      <c r="C63521" s="1" t="s">
        <v>145</v>
      </c>
      <c r="D63521" s="1" t="s">
        <v>68476</v>
      </c>
      <c r="E63521" s="1" t="s">
        <v>212238</v>
      </c>
      <c r="F63521" s="1" t="s">
        <v>212239</v>
      </c>
      <c r="G63521" s="1" t="s">
        <v>212148</v>
      </c>
      <c r="H63521" s="1" t="s">
        <v>212149</v>
      </c>
      <c r="I63521" s="1" t="s">
        <v>207852</v>
      </c>
      <c r="J63521" s="1" t="s">
        <v>212240</v>
      </c>
    </row>
    <row r="63522" spans="1:10" x14ac:dyDescent="0.35">
      <c r="A63522" s="1" t="s">
        <v>8310</v>
      </c>
      <c r="B63522" s="1" t="s">
        <v>207847</v>
      </c>
      <c r="C63522" s="1" t="s">
        <v>150</v>
      </c>
      <c r="D63522" s="1" t="s">
        <v>212241</v>
      </c>
      <c r="E63522" s="1" t="s">
        <v>212242</v>
      </c>
      <c r="F63522" s="1" t="s">
        <v>212243</v>
      </c>
      <c r="G63522" s="1" t="s">
        <v>212148</v>
      </c>
      <c r="H63522" s="1" t="s">
        <v>212149</v>
      </c>
      <c r="I63522" s="1" t="s">
        <v>207852</v>
      </c>
      <c r="J63522" s="1" t="s">
        <v>212244</v>
      </c>
    </row>
    <row r="63523" spans="1:10" x14ac:dyDescent="0.35">
      <c r="A63523" s="1" t="s">
        <v>8310</v>
      </c>
      <c r="B63523" s="1" t="s">
        <v>207847</v>
      </c>
      <c r="C63523" s="1" t="s">
        <v>155</v>
      </c>
      <c r="D63523" s="1" t="s">
        <v>100254</v>
      </c>
      <c r="E63523" s="1" t="s">
        <v>212245</v>
      </c>
      <c r="F63523" s="1" t="s">
        <v>212246</v>
      </c>
      <c r="G63523" s="1" t="s">
        <v>212148</v>
      </c>
      <c r="H63523" s="1" t="s">
        <v>212149</v>
      </c>
      <c r="I63523" s="1" t="s">
        <v>207852</v>
      </c>
      <c r="J63523" s="1" t="s">
        <v>212247</v>
      </c>
    </row>
    <row r="63524" spans="1:10" x14ac:dyDescent="0.35">
      <c r="A63524" s="1" t="s">
        <v>8310</v>
      </c>
      <c r="B63524" s="1" t="s">
        <v>207847</v>
      </c>
      <c r="C63524" s="1" t="s">
        <v>160</v>
      </c>
      <c r="D63524" s="1" t="s">
        <v>122757</v>
      </c>
      <c r="E63524" s="1" t="s">
        <v>212248</v>
      </c>
      <c r="F63524" s="1" t="s">
        <v>212249</v>
      </c>
      <c r="G63524" s="1" t="s">
        <v>212148</v>
      </c>
      <c r="H63524" s="1" t="s">
        <v>212149</v>
      </c>
      <c r="I63524" s="1" t="s">
        <v>207852</v>
      </c>
      <c r="J63524" s="1" t="s">
        <v>212250</v>
      </c>
    </row>
    <row r="63525" spans="1:10" x14ac:dyDescent="0.35">
      <c r="A63525" s="1" t="s">
        <v>8310</v>
      </c>
      <c r="B63525" s="1" t="s">
        <v>207847</v>
      </c>
      <c r="C63525" s="1" t="s">
        <v>165</v>
      </c>
      <c r="D63525" s="1" t="s">
        <v>55973</v>
      </c>
      <c r="E63525" s="1" t="s">
        <v>212251</v>
      </c>
      <c r="F63525" s="1" t="s">
        <v>212252</v>
      </c>
      <c r="G63525" s="1" t="s">
        <v>212148</v>
      </c>
      <c r="H63525" s="1" t="s">
        <v>212149</v>
      </c>
      <c r="I63525" s="1" t="s">
        <v>207852</v>
      </c>
      <c r="J63525" s="1" t="s">
        <v>212253</v>
      </c>
    </row>
    <row r="63526" spans="1:10" x14ac:dyDescent="0.35">
      <c r="A63526" s="1" t="s">
        <v>8310</v>
      </c>
      <c r="B63526" s="1" t="s">
        <v>207847</v>
      </c>
      <c r="C63526" s="1" t="s">
        <v>170</v>
      </c>
      <c r="D63526" s="1" t="s">
        <v>212254</v>
      </c>
      <c r="E63526" s="1" t="s">
        <v>212255</v>
      </c>
      <c r="F63526" s="1" t="s">
        <v>212256</v>
      </c>
      <c r="G63526" s="1" t="s">
        <v>212148</v>
      </c>
      <c r="H63526" s="1" t="s">
        <v>212149</v>
      </c>
      <c r="I63526" s="1" t="s">
        <v>207852</v>
      </c>
      <c r="J63526" s="1" t="s">
        <v>212257</v>
      </c>
    </row>
    <row r="63527" spans="1:10" x14ac:dyDescent="0.35">
      <c r="A63527" s="1" t="s">
        <v>156734</v>
      </c>
      <c r="B63527" s="1" t="s">
        <v>207847</v>
      </c>
      <c r="C63527" s="1" t="s">
        <v>8</v>
      </c>
      <c r="D63527" s="1" t="s">
        <v>48587</v>
      </c>
      <c r="E63527" s="1" t="s">
        <v>212258</v>
      </c>
      <c r="F63527" s="1" t="s">
        <v>212259</v>
      </c>
      <c r="G63527" s="1" t="s">
        <v>212260</v>
      </c>
      <c r="H63527" s="1" t="s">
        <v>212261</v>
      </c>
      <c r="I63527" s="1" t="s">
        <v>207852</v>
      </c>
      <c r="J63527" s="1" t="s">
        <v>13</v>
      </c>
    </row>
    <row r="63528" spans="1:10" x14ac:dyDescent="0.35">
      <c r="A63528" s="1" t="s">
        <v>156734</v>
      </c>
      <c r="B63528" s="1" t="s">
        <v>207847</v>
      </c>
      <c r="C63528" s="1" t="s">
        <v>15</v>
      </c>
      <c r="D63528" s="1" t="s">
        <v>46130</v>
      </c>
      <c r="E63528" s="1" t="s">
        <v>212262</v>
      </c>
      <c r="F63528" s="1" t="s">
        <v>212263</v>
      </c>
      <c r="G63528" s="1" t="s">
        <v>212260</v>
      </c>
      <c r="H63528" s="1" t="s">
        <v>212261</v>
      </c>
      <c r="I63528" s="1" t="s">
        <v>207852</v>
      </c>
      <c r="J63528" s="1" t="s">
        <v>212264</v>
      </c>
    </row>
    <row r="63529" spans="1:10" x14ac:dyDescent="0.35">
      <c r="A63529" s="1" t="s">
        <v>156734</v>
      </c>
      <c r="B63529" s="1" t="s">
        <v>207847</v>
      </c>
      <c r="C63529" s="1" t="s">
        <v>20</v>
      </c>
      <c r="D63529" s="1" t="s">
        <v>112013</v>
      </c>
      <c r="E63529" s="1" t="s">
        <v>212265</v>
      </c>
      <c r="F63529" s="1" t="s">
        <v>212266</v>
      </c>
      <c r="G63529" s="1" t="s">
        <v>212260</v>
      </c>
      <c r="H63529" s="1" t="s">
        <v>212261</v>
      </c>
      <c r="I63529" s="1" t="s">
        <v>207852</v>
      </c>
      <c r="J63529" s="1" t="s">
        <v>212267</v>
      </c>
    </row>
    <row r="63530" spans="1:10" x14ac:dyDescent="0.35">
      <c r="A63530" s="1" t="s">
        <v>156734</v>
      </c>
      <c r="B63530" s="1" t="s">
        <v>207847</v>
      </c>
      <c r="C63530" s="1" t="s">
        <v>25</v>
      </c>
      <c r="D63530" s="1" t="s">
        <v>212268</v>
      </c>
      <c r="E63530" s="1" t="s">
        <v>212269</v>
      </c>
      <c r="F63530" s="1" t="s">
        <v>212270</v>
      </c>
      <c r="G63530" s="1" t="s">
        <v>212260</v>
      </c>
      <c r="H63530" s="1" t="s">
        <v>212261</v>
      </c>
      <c r="I63530" s="1" t="s">
        <v>207852</v>
      </c>
      <c r="J63530" s="1" t="s">
        <v>212271</v>
      </c>
    </row>
    <row r="63531" spans="1:10" x14ac:dyDescent="0.35">
      <c r="A63531" s="1" t="s">
        <v>156734</v>
      </c>
      <c r="B63531" s="1" t="s">
        <v>207847</v>
      </c>
      <c r="C63531" s="1" t="s">
        <v>30</v>
      </c>
      <c r="D63531" s="1" t="s">
        <v>118849</v>
      </c>
      <c r="E63531" s="1" t="s">
        <v>212272</v>
      </c>
      <c r="F63531" s="1" t="s">
        <v>212273</v>
      </c>
      <c r="G63531" s="1" t="s">
        <v>212260</v>
      </c>
      <c r="H63531" s="1" t="s">
        <v>212261</v>
      </c>
      <c r="I63531" s="1" t="s">
        <v>207852</v>
      </c>
      <c r="J63531" s="1" t="s">
        <v>212274</v>
      </c>
    </row>
    <row r="63532" spans="1:10" x14ac:dyDescent="0.35">
      <c r="A63532" s="1" t="s">
        <v>156734</v>
      </c>
      <c r="B63532" s="1" t="s">
        <v>207847</v>
      </c>
      <c r="C63532" s="1" t="s">
        <v>35</v>
      </c>
      <c r="D63532" s="1" t="s">
        <v>157456</v>
      </c>
      <c r="E63532" s="1" t="s">
        <v>212275</v>
      </c>
      <c r="F63532" s="1" t="s">
        <v>212276</v>
      </c>
      <c r="G63532" s="1" t="s">
        <v>212260</v>
      </c>
      <c r="H63532" s="1" t="s">
        <v>212261</v>
      </c>
      <c r="I63532" s="1" t="s">
        <v>207852</v>
      </c>
      <c r="J63532" s="1" t="s">
        <v>212277</v>
      </c>
    </row>
    <row r="63533" spans="1:10" x14ac:dyDescent="0.35">
      <c r="A63533" s="1" t="s">
        <v>156734</v>
      </c>
      <c r="B63533" s="1" t="s">
        <v>207847</v>
      </c>
      <c r="C63533" s="1" t="s">
        <v>40</v>
      </c>
      <c r="D63533" s="1" t="s">
        <v>71019</v>
      </c>
      <c r="E63533" s="1" t="s">
        <v>212278</v>
      </c>
      <c r="F63533" s="1" t="s">
        <v>212279</v>
      </c>
      <c r="G63533" s="1" t="s">
        <v>212260</v>
      </c>
      <c r="H63533" s="1" t="s">
        <v>212261</v>
      </c>
      <c r="I63533" s="1" t="s">
        <v>207852</v>
      </c>
      <c r="J63533" s="1" t="s">
        <v>212280</v>
      </c>
    </row>
    <row r="63534" spans="1:10" x14ac:dyDescent="0.35">
      <c r="A63534" s="1" t="s">
        <v>156734</v>
      </c>
      <c r="B63534" s="1" t="s">
        <v>207847</v>
      </c>
      <c r="C63534" s="1" t="s">
        <v>45</v>
      </c>
      <c r="D63534" s="1" t="s">
        <v>37596</v>
      </c>
      <c r="E63534" s="1" t="s">
        <v>212281</v>
      </c>
      <c r="F63534" s="1" t="s">
        <v>212282</v>
      </c>
      <c r="G63534" s="1" t="s">
        <v>212260</v>
      </c>
      <c r="H63534" s="1" t="s">
        <v>212261</v>
      </c>
      <c r="I63534" s="1" t="s">
        <v>207852</v>
      </c>
      <c r="J63534" s="1" t="s">
        <v>212283</v>
      </c>
    </row>
    <row r="63535" spans="1:10" x14ac:dyDescent="0.35">
      <c r="A63535" s="1" t="s">
        <v>156734</v>
      </c>
      <c r="B63535" s="1" t="s">
        <v>207847</v>
      </c>
      <c r="C63535" s="1" t="s">
        <v>50</v>
      </c>
      <c r="D63535" s="1" t="s">
        <v>212284</v>
      </c>
      <c r="E63535" s="1" t="s">
        <v>212285</v>
      </c>
      <c r="F63535" s="1" t="s">
        <v>212286</v>
      </c>
      <c r="G63535" s="1" t="s">
        <v>212260</v>
      </c>
      <c r="H63535" s="1" t="s">
        <v>212261</v>
      </c>
      <c r="I63535" s="1" t="s">
        <v>207852</v>
      </c>
      <c r="J63535" s="1" t="s">
        <v>212287</v>
      </c>
    </row>
    <row r="63536" spans="1:10" x14ac:dyDescent="0.35">
      <c r="A63536" s="1" t="s">
        <v>156734</v>
      </c>
      <c r="B63536" s="1" t="s">
        <v>207847</v>
      </c>
      <c r="C63536" s="1" t="s">
        <v>55</v>
      </c>
      <c r="D63536" s="1" t="s">
        <v>170366</v>
      </c>
      <c r="E63536" s="1" t="s">
        <v>212288</v>
      </c>
      <c r="F63536" s="1" t="s">
        <v>212289</v>
      </c>
      <c r="G63536" s="1" t="s">
        <v>212260</v>
      </c>
      <c r="H63536" s="1" t="s">
        <v>212261</v>
      </c>
      <c r="I63536" s="1" t="s">
        <v>207852</v>
      </c>
      <c r="J63536" s="1" t="s">
        <v>212290</v>
      </c>
    </row>
    <row r="63537" spans="1:10" x14ac:dyDescent="0.35">
      <c r="A63537" s="1" t="s">
        <v>156734</v>
      </c>
      <c r="B63537" s="1" t="s">
        <v>207847</v>
      </c>
      <c r="C63537" s="1" t="s">
        <v>60</v>
      </c>
      <c r="D63537" s="1" t="s">
        <v>35549</v>
      </c>
      <c r="E63537" s="1" t="s">
        <v>212291</v>
      </c>
      <c r="F63537" s="1" t="s">
        <v>212292</v>
      </c>
      <c r="G63537" s="1" t="s">
        <v>212260</v>
      </c>
      <c r="H63537" s="1" t="s">
        <v>212261</v>
      </c>
      <c r="I63537" s="1" t="s">
        <v>207852</v>
      </c>
      <c r="J63537" s="1" t="s">
        <v>212293</v>
      </c>
    </row>
    <row r="63538" spans="1:10" x14ac:dyDescent="0.35">
      <c r="A63538" s="1" t="s">
        <v>156734</v>
      </c>
      <c r="B63538" s="1" t="s">
        <v>207847</v>
      </c>
      <c r="C63538" s="1" t="s">
        <v>65</v>
      </c>
      <c r="D63538" s="1" t="s">
        <v>188750</v>
      </c>
      <c r="E63538" s="1" t="s">
        <v>212294</v>
      </c>
      <c r="F63538" s="1" t="s">
        <v>212295</v>
      </c>
      <c r="G63538" s="1" t="s">
        <v>212260</v>
      </c>
      <c r="H63538" s="1" t="s">
        <v>212261</v>
      </c>
      <c r="I63538" s="1" t="s">
        <v>207852</v>
      </c>
      <c r="J63538" s="1" t="s">
        <v>212296</v>
      </c>
    </row>
    <row r="63539" spans="1:10" x14ac:dyDescent="0.35">
      <c r="A63539" s="1" t="s">
        <v>156734</v>
      </c>
      <c r="B63539" s="1" t="s">
        <v>207847</v>
      </c>
      <c r="C63539" s="1" t="s">
        <v>70</v>
      </c>
      <c r="D63539" s="1" t="s">
        <v>212297</v>
      </c>
      <c r="E63539" s="1" t="s">
        <v>212298</v>
      </c>
      <c r="F63539" s="1" t="s">
        <v>212299</v>
      </c>
      <c r="G63539" s="1" t="s">
        <v>212260</v>
      </c>
      <c r="H63539" s="1" t="s">
        <v>212261</v>
      </c>
      <c r="I63539" s="1" t="s">
        <v>207852</v>
      </c>
      <c r="J63539" s="1" t="s">
        <v>212300</v>
      </c>
    </row>
    <row r="63540" spans="1:10" x14ac:dyDescent="0.35">
      <c r="A63540" s="1" t="s">
        <v>156734</v>
      </c>
      <c r="B63540" s="1" t="s">
        <v>207847</v>
      </c>
      <c r="C63540" s="1" t="s">
        <v>75</v>
      </c>
      <c r="D63540" s="1" t="s">
        <v>36081</v>
      </c>
      <c r="E63540" s="1" t="s">
        <v>212301</v>
      </c>
      <c r="F63540" s="1" t="s">
        <v>212302</v>
      </c>
      <c r="G63540" s="1" t="s">
        <v>212260</v>
      </c>
      <c r="H63540" s="1" t="s">
        <v>212261</v>
      </c>
      <c r="I63540" s="1" t="s">
        <v>207852</v>
      </c>
      <c r="J63540" s="1" t="s">
        <v>212303</v>
      </c>
    </row>
    <row r="63541" spans="1:10" x14ac:dyDescent="0.35">
      <c r="A63541" s="1" t="s">
        <v>156734</v>
      </c>
      <c r="B63541" s="1" t="s">
        <v>207847</v>
      </c>
      <c r="C63541" s="1" t="s">
        <v>80</v>
      </c>
      <c r="D63541" s="1" t="s">
        <v>37373</v>
      </c>
      <c r="E63541" s="1" t="s">
        <v>212304</v>
      </c>
      <c r="F63541" s="1" t="s">
        <v>212305</v>
      </c>
      <c r="G63541" s="1" t="s">
        <v>212260</v>
      </c>
      <c r="H63541" s="1" t="s">
        <v>212261</v>
      </c>
      <c r="I63541" s="1" t="s">
        <v>207852</v>
      </c>
      <c r="J63541" s="1" t="s">
        <v>212306</v>
      </c>
    </row>
    <row r="63542" spans="1:10" x14ac:dyDescent="0.35">
      <c r="A63542" s="1" t="s">
        <v>156734</v>
      </c>
      <c r="B63542" s="1" t="s">
        <v>207847</v>
      </c>
      <c r="C63542" s="1" t="s">
        <v>85</v>
      </c>
      <c r="D63542" s="1" t="s">
        <v>210197</v>
      </c>
      <c r="E63542" s="1" t="s">
        <v>212307</v>
      </c>
      <c r="F63542" s="1" t="s">
        <v>212308</v>
      </c>
      <c r="G63542" s="1" t="s">
        <v>212260</v>
      </c>
      <c r="H63542" s="1" t="s">
        <v>212261</v>
      </c>
      <c r="I63542" s="1" t="s">
        <v>207852</v>
      </c>
      <c r="J63542" s="1" t="s">
        <v>212309</v>
      </c>
    </row>
    <row r="63543" spans="1:10" x14ac:dyDescent="0.35">
      <c r="A63543" s="1" t="s">
        <v>156734</v>
      </c>
      <c r="B63543" s="1" t="s">
        <v>207847</v>
      </c>
      <c r="C63543" s="1" t="s">
        <v>90</v>
      </c>
      <c r="D63543" s="1" t="s">
        <v>158282</v>
      </c>
      <c r="E63543" s="1" t="s">
        <v>212310</v>
      </c>
      <c r="F63543" s="1" t="s">
        <v>212311</v>
      </c>
      <c r="G63543" s="1" t="s">
        <v>212260</v>
      </c>
      <c r="H63543" s="1" t="s">
        <v>212261</v>
      </c>
      <c r="I63543" s="1" t="s">
        <v>207852</v>
      </c>
      <c r="J63543" s="1" t="s">
        <v>212312</v>
      </c>
    </row>
    <row r="63544" spans="1:10" x14ac:dyDescent="0.35">
      <c r="A63544" s="1" t="s">
        <v>156734</v>
      </c>
      <c r="B63544" s="1" t="s">
        <v>207847</v>
      </c>
      <c r="C63544" s="1" t="s">
        <v>95</v>
      </c>
      <c r="D63544" s="1" t="s">
        <v>17909</v>
      </c>
      <c r="E63544" s="1" t="s">
        <v>212313</v>
      </c>
      <c r="F63544" s="1" t="s">
        <v>212314</v>
      </c>
      <c r="G63544" s="1" t="s">
        <v>212260</v>
      </c>
      <c r="H63544" s="1" t="s">
        <v>212261</v>
      </c>
      <c r="I63544" s="1" t="s">
        <v>207852</v>
      </c>
      <c r="J63544" s="1" t="s">
        <v>212315</v>
      </c>
    </row>
    <row r="63545" spans="1:10" x14ac:dyDescent="0.35">
      <c r="A63545" s="1" t="s">
        <v>156734</v>
      </c>
      <c r="B63545" s="1" t="s">
        <v>207847</v>
      </c>
      <c r="C63545" s="1" t="s">
        <v>100</v>
      </c>
      <c r="D63545" s="1" t="s">
        <v>71272</v>
      </c>
      <c r="E63545" s="1" t="s">
        <v>212316</v>
      </c>
      <c r="F63545" s="1" t="s">
        <v>212317</v>
      </c>
      <c r="G63545" s="1" t="s">
        <v>212260</v>
      </c>
      <c r="H63545" s="1" t="s">
        <v>212261</v>
      </c>
      <c r="I63545" s="1" t="s">
        <v>207852</v>
      </c>
      <c r="J63545" s="1" t="s">
        <v>212318</v>
      </c>
    </row>
    <row r="63546" spans="1:10" x14ac:dyDescent="0.35">
      <c r="A63546" s="1" t="s">
        <v>156734</v>
      </c>
      <c r="B63546" s="1" t="s">
        <v>207847</v>
      </c>
      <c r="C63546" s="1" t="s">
        <v>105</v>
      </c>
      <c r="D63546" s="1" t="s">
        <v>21</v>
      </c>
      <c r="E63546" s="1" t="s">
        <v>212319</v>
      </c>
      <c r="F63546" s="1" t="s">
        <v>212320</v>
      </c>
      <c r="G63546" s="1" t="s">
        <v>212260</v>
      </c>
      <c r="H63546" s="1" t="s">
        <v>212261</v>
      </c>
      <c r="I63546" s="1" t="s">
        <v>207852</v>
      </c>
      <c r="J63546" s="1" t="s">
        <v>212321</v>
      </c>
    </row>
    <row r="63547" spans="1:10" x14ac:dyDescent="0.35">
      <c r="A63547" s="1" t="s">
        <v>156734</v>
      </c>
      <c r="B63547" s="1" t="s">
        <v>207847</v>
      </c>
      <c r="C63547" s="1" t="s">
        <v>110</v>
      </c>
      <c r="D63547" s="1" t="s">
        <v>188781</v>
      </c>
      <c r="E63547" s="1" t="s">
        <v>212322</v>
      </c>
      <c r="F63547" s="1" t="s">
        <v>212323</v>
      </c>
      <c r="G63547" s="1" t="s">
        <v>212260</v>
      </c>
      <c r="H63547" s="1" t="s">
        <v>212261</v>
      </c>
      <c r="I63547" s="1" t="s">
        <v>207852</v>
      </c>
      <c r="J63547" s="1" t="s">
        <v>212324</v>
      </c>
    </row>
    <row r="63548" spans="1:10" x14ac:dyDescent="0.35">
      <c r="A63548" s="1" t="s">
        <v>156734</v>
      </c>
      <c r="B63548" s="1" t="s">
        <v>207847</v>
      </c>
      <c r="C63548" s="1" t="s">
        <v>115</v>
      </c>
      <c r="D63548" s="1" t="s">
        <v>2433</v>
      </c>
      <c r="E63548" s="1" t="s">
        <v>212325</v>
      </c>
      <c r="F63548" s="1" t="s">
        <v>212326</v>
      </c>
      <c r="G63548" s="1" t="s">
        <v>212260</v>
      </c>
      <c r="H63548" s="1" t="s">
        <v>212261</v>
      </c>
      <c r="I63548" s="1" t="s">
        <v>207852</v>
      </c>
      <c r="J63548" s="1" t="s">
        <v>212327</v>
      </c>
    </row>
    <row r="63549" spans="1:10" x14ac:dyDescent="0.35">
      <c r="A63549" s="1" t="s">
        <v>156734</v>
      </c>
      <c r="B63549" s="1" t="s">
        <v>207847</v>
      </c>
      <c r="C63549" s="1" t="s">
        <v>120</v>
      </c>
      <c r="D63549" s="1" t="s">
        <v>193569</v>
      </c>
      <c r="E63549" s="1" t="s">
        <v>212328</v>
      </c>
      <c r="F63549" s="1" t="s">
        <v>212329</v>
      </c>
      <c r="G63549" s="1" t="s">
        <v>212260</v>
      </c>
      <c r="H63549" s="1" t="s">
        <v>212261</v>
      </c>
      <c r="I63549" s="1" t="s">
        <v>207852</v>
      </c>
      <c r="J63549" s="1" t="s">
        <v>212330</v>
      </c>
    </row>
    <row r="63550" spans="1:10" x14ac:dyDescent="0.35">
      <c r="A63550" s="1" t="s">
        <v>156734</v>
      </c>
      <c r="B63550" s="1" t="s">
        <v>207847</v>
      </c>
      <c r="C63550" s="1" t="s">
        <v>125</v>
      </c>
      <c r="D63550" s="1" t="s">
        <v>38420</v>
      </c>
      <c r="E63550" s="1" t="s">
        <v>212331</v>
      </c>
      <c r="F63550" s="1" t="s">
        <v>212332</v>
      </c>
      <c r="G63550" s="1" t="s">
        <v>212260</v>
      </c>
      <c r="H63550" s="1" t="s">
        <v>212261</v>
      </c>
      <c r="I63550" s="1" t="s">
        <v>207852</v>
      </c>
      <c r="J63550" s="1" t="s">
        <v>212333</v>
      </c>
    </row>
    <row r="63551" spans="1:10" x14ac:dyDescent="0.35">
      <c r="A63551" s="1" t="s">
        <v>156734</v>
      </c>
      <c r="B63551" s="1" t="s">
        <v>207847</v>
      </c>
      <c r="C63551" s="1" t="s">
        <v>130</v>
      </c>
      <c r="D63551" s="1" t="s">
        <v>44444</v>
      </c>
      <c r="E63551" s="1" t="s">
        <v>212334</v>
      </c>
      <c r="F63551" s="1" t="s">
        <v>212335</v>
      </c>
      <c r="G63551" s="1" t="s">
        <v>212260</v>
      </c>
      <c r="H63551" s="1" t="s">
        <v>212261</v>
      </c>
      <c r="I63551" s="1" t="s">
        <v>207852</v>
      </c>
      <c r="J63551" s="1" t="s">
        <v>212336</v>
      </c>
    </row>
    <row r="63552" spans="1:10" x14ac:dyDescent="0.35">
      <c r="A63552" s="1" t="s">
        <v>156734</v>
      </c>
      <c r="B63552" s="1" t="s">
        <v>207847</v>
      </c>
      <c r="C63552" s="1" t="s">
        <v>135</v>
      </c>
      <c r="D63552" s="1" t="s">
        <v>212337</v>
      </c>
      <c r="E63552" s="1" t="s">
        <v>212338</v>
      </c>
      <c r="F63552" s="1" t="s">
        <v>212339</v>
      </c>
      <c r="G63552" s="1" t="s">
        <v>212260</v>
      </c>
      <c r="H63552" s="1" t="s">
        <v>212261</v>
      </c>
      <c r="I63552" s="1" t="s">
        <v>207852</v>
      </c>
      <c r="J63552" s="1" t="s">
        <v>212340</v>
      </c>
    </row>
    <row r="63553" spans="1:10" x14ac:dyDescent="0.35">
      <c r="A63553" s="1" t="s">
        <v>156734</v>
      </c>
      <c r="B63553" s="1" t="s">
        <v>207847</v>
      </c>
      <c r="C63553" s="1" t="s">
        <v>140</v>
      </c>
      <c r="D63553" s="1" t="s">
        <v>34368</v>
      </c>
      <c r="E63553" s="1" t="s">
        <v>212341</v>
      </c>
      <c r="F63553" s="1" t="s">
        <v>212342</v>
      </c>
      <c r="G63553" s="1" t="s">
        <v>212260</v>
      </c>
      <c r="H63553" s="1" t="s">
        <v>212261</v>
      </c>
      <c r="I63553" s="1" t="s">
        <v>207852</v>
      </c>
      <c r="J63553" s="1" t="s">
        <v>212343</v>
      </c>
    </row>
    <row r="63554" spans="1:10" x14ac:dyDescent="0.35">
      <c r="A63554" s="1" t="s">
        <v>156734</v>
      </c>
      <c r="B63554" s="1" t="s">
        <v>207847</v>
      </c>
      <c r="C63554" s="1" t="s">
        <v>145</v>
      </c>
      <c r="D63554" s="1" t="s">
        <v>147849</v>
      </c>
      <c r="E63554" s="1" t="s">
        <v>212344</v>
      </c>
      <c r="F63554" s="1" t="s">
        <v>212345</v>
      </c>
      <c r="G63554" s="1" t="s">
        <v>212260</v>
      </c>
      <c r="H63554" s="1" t="s">
        <v>212261</v>
      </c>
      <c r="I63554" s="1" t="s">
        <v>207852</v>
      </c>
      <c r="J63554" s="1" t="s">
        <v>212346</v>
      </c>
    </row>
    <row r="63555" spans="1:10" x14ac:dyDescent="0.35">
      <c r="A63555" s="1" t="s">
        <v>156734</v>
      </c>
      <c r="B63555" s="1" t="s">
        <v>207847</v>
      </c>
      <c r="C63555" s="1" t="s">
        <v>150</v>
      </c>
      <c r="D63555" s="1" t="s">
        <v>176613</v>
      </c>
      <c r="E63555" s="1" t="s">
        <v>212347</v>
      </c>
      <c r="F63555" s="1" t="s">
        <v>212348</v>
      </c>
      <c r="G63555" s="1" t="s">
        <v>212260</v>
      </c>
      <c r="H63555" s="1" t="s">
        <v>212261</v>
      </c>
      <c r="I63555" s="1" t="s">
        <v>207852</v>
      </c>
      <c r="J63555" s="1" t="s">
        <v>212349</v>
      </c>
    </row>
    <row r="63556" spans="1:10" x14ac:dyDescent="0.35">
      <c r="A63556" s="1" t="s">
        <v>156734</v>
      </c>
      <c r="B63556" s="1" t="s">
        <v>207847</v>
      </c>
      <c r="C63556" s="1" t="s">
        <v>155</v>
      </c>
      <c r="D63556" s="1" t="s">
        <v>34399</v>
      </c>
      <c r="E63556" s="1" t="s">
        <v>212350</v>
      </c>
      <c r="F63556" s="1" t="s">
        <v>212351</v>
      </c>
      <c r="G63556" s="1" t="s">
        <v>212260</v>
      </c>
      <c r="H63556" s="1" t="s">
        <v>212261</v>
      </c>
      <c r="I63556" s="1" t="s">
        <v>207852</v>
      </c>
      <c r="J63556" s="1" t="s">
        <v>212352</v>
      </c>
    </row>
    <row r="63557" spans="1:10" x14ac:dyDescent="0.35">
      <c r="A63557" s="1" t="s">
        <v>156734</v>
      </c>
      <c r="B63557" s="1" t="s">
        <v>207847</v>
      </c>
      <c r="C63557" s="1" t="s">
        <v>160</v>
      </c>
      <c r="D63557" s="1" t="s">
        <v>181432</v>
      </c>
      <c r="E63557" s="1" t="s">
        <v>212353</v>
      </c>
      <c r="F63557" s="1" t="s">
        <v>212354</v>
      </c>
      <c r="G63557" s="1" t="s">
        <v>212260</v>
      </c>
      <c r="H63557" s="1" t="s">
        <v>212261</v>
      </c>
      <c r="I63557" s="1" t="s">
        <v>207852</v>
      </c>
      <c r="J63557" s="1" t="s">
        <v>212355</v>
      </c>
    </row>
    <row r="63558" spans="1:10" x14ac:dyDescent="0.35">
      <c r="A63558" s="1" t="s">
        <v>156734</v>
      </c>
      <c r="B63558" s="1" t="s">
        <v>207847</v>
      </c>
      <c r="C63558" s="1" t="s">
        <v>165</v>
      </c>
      <c r="D63558" s="1" t="s">
        <v>212356</v>
      </c>
      <c r="E63558" s="1" t="s">
        <v>212357</v>
      </c>
      <c r="F63558" s="1" t="s">
        <v>212358</v>
      </c>
      <c r="G63558" s="1" t="s">
        <v>212260</v>
      </c>
      <c r="H63558" s="1" t="s">
        <v>212261</v>
      </c>
      <c r="I63558" s="1" t="s">
        <v>207852</v>
      </c>
      <c r="J63558" s="1" t="s">
        <v>212359</v>
      </c>
    </row>
    <row r="63559" spans="1:10" x14ac:dyDescent="0.35">
      <c r="A63559" s="1" t="s">
        <v>156734</v>
      </c>
      <c r="B63559" s="1" t="s">
        <v>207847</v>
      </c>
      <c r="C63559" s="1" t="s">
        <v>170</v>
      </c>
      <c r="D63559" s="1" t="s">
        <v>212360</v>
      </c>
      <c r="E63559" s="1" t="s">
        <v>212361</v>
      </c>
      <c r="F63559" s="1" t="s">
        <v>212362</v>
      </c>
      <c r="G63559" s="1" t="s">
        <v>212260</v>
      </c>
      <c r="H63559" s="1" t="s">
        <v>212261</v>
      </c>
      <c r="I63559" s="1" t="s">
        <v>207852</v>
      </c>
      <c r="J63559" s="1" t="s">
        <v>212363</v>
      </c>
    </row>
    <row r="63560" spans="1:10" x14ac:dyDescent="0.35">
      <c r="A63560" s="1" t="s">
        <v>25985</v>
      </c>
      <c r="B63560" s="1" t="s">
        <v>207847</v>
      </c>
      <c r="C63560" s="1" t="s">
        <v>8</v>
      </c>
      <c r="D63560" s="1" t="s">
        <v>124193</v>
      </c>
      <c r="E63560" s="1" t="s">
        <v>212364</v>
      </c>
      <c r="F63560" s="1" t="s">
        <v>212365</v>
      </c>
      <c r="G63560" s="1" t="s">
        <v>212366</v>
      </c>
      <c r="H63560" s="1" t="s">
        <v>212367</v>
      </c>
      <c r="I63560" s="1" t="s">
        <v>207852</v>
      </c>
      <c r="J63560" s="1" t="s">
        <v>13</v>
      </c>
    </row>
    <row r="63561" spans="1:10" x14ac:dyDescent="0.35">
      <c r="A63561" s="1" t="s">
        <v>25985</v>
      </c>
      <c r="B63561" s="1" t="s">
        <v>207847</v>
      </c>
      <c r="C63561" s="1" t="s">
        <v>15</v>
      </c>
      <c r="D63561" s="1" t="s">
        <v>175566</v>
      </c>
      <c r="E63561" s="1" t="s">
        <v>212368</v>
      </c>
      <c r="F63561" s="1" t="s">
        <v>212369</v>
      </c>
      <c r="G63561" s="1" t="s">
        <v>212366</v>
      </c>
      <c r="H63561" s="1" t="s">
        <v>212367</v>
      </c>
      <c r="I63561" s="1" t="s">
        <v>207852</v>
      </c>
      <c r="J63561" s="1" t="s">
        <v>212370</v>
      </c>
    </row>
    <row r="63562" spans="1:10" x14ac:dyDescent="0.35">
      <c r="A63562" s="1" t="s">
        <v>25985</v>
      </c>
      <c r="B63562" s="1" t="s">
        <v>207847</v>
      </c>
      <c r="C63562" s="1" t="s">
        <v>20</v>
      </c>
      <c r="D63562" s="1" t="s">
        <v>124531</v>
      </c>
      <c r="E63562" s="1" t="s">
        <v>212371</v>
      </c>
      <c r="F63562" s="1" t="s">
        <v>212372</v>
      </c>
      <c r="G63562" s="1" t="s">
        <v>212366</v>
      </c>
      <c r="H63562" s="1" t="s">
        <v>212367</v>
      </c>
      <c r="I63562" s="1" t="s">
        <v>207852</v>
      </c>
      <c r="J63562" s="1" t="s">
        <v>212373</v>
      </c>
    </row>
    <row r="63563" spans="1:10" x14ac:dyDescent="0.35">
      <c r="A63563" s="1" t="s">
        <v>25985</v>
      </c>
      <c r="B63563" s="1" t="s">
        <v>207847</v>
      </c>
      <c r="C63563" s="1" t="s">
        <v>25</v>
      </c>
      <c r="D63563" s="1" t="s">
        <v>19782</v>
      </c>
      <c r="E63563" s="1" t="s">
        <v>212374</v>
      </c>
      <c r="F63563" s="1" t="s">
        <v>212375</v>
      </c>
      <c r="G63563" s="1" t="s">
        <v>212366</v>
      </c>
      <c r="H63563" s="1" t="s">
        <v>212367</v>
      </c>
      <c r="I63563" s="1" t="s">
        <v>207852</v>
      </c>
      <c r="J63563" s="1" t="s">
        <v>212376</v>
      </c>
    </row>
    <row r="63564" spans="1:10" x14ac:dyDescent="0.35">
      <c r="A63564" s="1" t="s">
        <v>25985</v>
      </c>
      <c r="B63564" s="1" t="s">
        <v>207847</v>
      </c>
      <c r="C63564" s="1" t="s">
        <v>30</v>
      </c>
      <c r="D63564" s="1" t="s">
        <v>124200</v>
      </c>
      <c r="E63564" s="1" t="s">
        <v>212377</v>
      </c>
      <c r="F63564" s="1" t="s">
        <v>212378</v>
      </c>
      <c r="G63564" s="1" t="s">
        <v>212366</v>
      </c>
      <c r="H63564" s="1" t="s">
        <v>212367</v>
      </c>
      <c r="I63564" s="1" t="s">
        <v>207852</v>
      </c>
      <c r="J63564" s="1" t="s">
        <v>212379</v>
      </c>
    </row>
    <row r="63565" spans="1:10" x14ac:dyDescent="0.35">
      <c r="A63565" s="1" t="s">
        <v>25985</v>
      </c>
      <c r="B63565" s="1" t="s">
        <v>207847</v>
      </c>
      <c r="C63565" s="1" t="s">
        <v>35</v>
      </c>
      <c r="D63565" s="1" t="s">
        <v>11834</v>
      </c>
      <c r="E63565" s="1" t="s">
        <v>212380</v>
      </c>
      <c r="F63565" s="1" t="s">
        <v>212381</v>
      </c>
      <c r="G63565" s="1" t="s">
        <v>212366</v>
      </c>
      <c r="H63565" s="1" t="s">
        <v>212367</v>
      </c>
      <c r="I63565" s="1" t="s">
        <v>207852</v>
      </c>
      <c r="J63565" s="1" t="s">
        <v>212382</v>
      </c>
    </row>
    <row r="63566" spans="1:10" x14ac:dyDescent="0.35">
      <c r="A63566" s="1" t="s">
        <v>25985</v>
      </c>
      <c r="B63566" s="1" t="s">
        <v>207847</v>
      </c>
      <c r="C63566" s="1" t="s">
        <v>40</v>
      </c>
      <c r="D63566" s="1" t="s">
        <v>74493</v>
      </c>
      <c r="E63566" s="1" t="s">
        <v>212383</v>
      </c>
      <c r="F63566" s="1" t="s">
        <v>212384</v>
      </c>
      <c r="G63566" s="1" t="s">
        <v>212366</v>
      </c>
      <c r="H63566" s="1" t="s">
        <v>212367</v>
      </c>
      <c r="I63566" s="1" t="s">
        <v>207852</v>
      </c>
      <c r="J63566" s="1" t="s">
        <v>212385</v>
      </c>
    </row>
    <row r="63567" spans="1:10" x14ac:dyDescent="0.35">
      <c r="A63567" s="1" t="s">
        <v>25985</v>
      </c>
      <c r="B63567" s="1" t="s">
        <v>207847</v>
      </c>
      <c r="C63567" s="1" t="s">
        <v>45</v>
      </c>
      <c r="D63567" s="1" t="s">
        <v>212386</v>
      </c>
      <c r="E63567" s="1" t="s">
        <v>212387</v>
      </c>
      <c r="F63567" s="1" t="s">
        <v>212388</v>
      </c>
      <c r="G63567" s="1" t="s">
        <v>212366</v>
      </c>
      <c r="H63567" s="1" t="s">
        <v>212367</v>
      </c>
      <c r="I63567" s="1" t="s">
        <v>207852</v>
      </c>
      <c r="J63567" s="1" t="s">
        <v>212389</v>
      </c>
    </row>
    <row r="63568" spans="1:10" x14ac:dyDescent="0.35">
      <c r="A63568" s="1" t="s">
        <v>25985</v>
      </c>
      <c r="B63568" s="1" t="s">
        <v>207847</v>
      </c>
      <c r="C63568" s="1" t="s">
        <v>50</v>
      </c>
      <c r="D63568" s="1" t="s">
        <v>123211</v>
      </c>
      <c r="E63568" s="1" t="s">
        <v>212390</v>
      </c>
      <c r="F63568" s="1" t="s">
        <v>212391</v>
      </c>
      <c r="G63568" s="1" t="s">
        <v>212366</v>
      </c>
      <c r="H63568" s="1" t="s">
        <v>212367</v>
      </c>
      <c r="I63568" s="1" t="s">
        <v>207852</v>
      </c>
      <c r="J63568" s="1" t="s">
        <v>212392</v>
      </c>
    </row>
    <row r="63569" spans="1:10" x14ac:dyDescent="0.35">
      <c r="A63569" s="1" t="s">
        <v>25985</v>
      </c>
      <c r="B63569" s="1" t="s">
        <v>207847</v>
      </c>
      <c r="C63569" s="1" t="s">
        <v>55</v>
      </c>
      <c r="D63569" s="1" t="s">
        <v>123999</v>
      </c>
      <c r="E63569" s="1" t="s">
        <v>212393</v>
      </c>
      <c r="F63569" s="1" t="s">
        <v>212394</v>
      </c>
      <c r="G63569" s="1" t="s">
        <v>212366</v>
      </c>
      <c r="H63569" s="1" t="s">
        <v>212367</v>
      </c>
      <c r="I63569" s="1" t="s">
        <v>207852</v>
      </c>
      <c r="J63569" s="1" t="s">
        <v>212395</v>
      </c>
    </row>
    <row r="63570" spans="1:10" x14ac:dyDescent="0.35">
      <c r="A63570" s="1" t="s">
        <v>25985</v>
      </c>
      <c r="B63570" s="1" t="s">
        <v>207847</v>
      </c>
      <c r="C63570" s="1" t="s">
        <v>60</v>
      </c>
      <c r="D63570" s="1" t="s">
        <v>32426</v>
      </c>
      <c r="E63570" s="1" t="s">
        <v>212396</v>
      </c>
      <c r="F63570" s="1" t="s">
        <v>212397</v>
      </c>
      <c r="G63570" s="1" t="s">
        <v>212366</v>
      </c>
      <c r="H63570" s="1" t="s">
        <v>212367</v>
      </c>
      <c r="I63570" s="1" t="s">
        <v>207852</v>
      </c>
      <c r="J63570" s="1" t="s">
        <v>212398</v>
      </c>
    </row>
    <row r="63571" spans="1:10" x14ac:dyDescent="0.35">
      <c r="A63571" s="1" t="s">
        <v>25985</v>
      </c>
      <c r="B63571" s="1" t="s">
        <v>207847</v>
      </c>
      <c r="C63571" s="1" t="s">
        <v>65</v>
      </c>
      <c r="D63571" s="1" t="s">
        <v>212399</v>
      </c>
      <c r="E63571" s="1" t="s">
        <v>212400</v>
      </c>
      <c r="F63571" s="1" t="s">
        <v>212401</v>
      </c>
      <c r="G63571" s="1" t="s">
        <v>212366</v>
      </c>
      <c r="H63571" s="1" t="s">
        <v>212367</v>
      </c>
      <c r="I63571" s="1" t="s">
        <v>207852</v>
      </c>
      <c r="J63571" s="1" t="s">
        <v>212402</v>
      </c>
    </row>
    <row r="63572" spans="1:10" x14ac:dyDescent="0.35">
      <c r="A63572" s="1" t="s">
        <v>25985</v>
      </c>
      <c r="B63572" s="1" t="s">
        <v>207847</v>
      </c>
      <c r="C63572" s="1" t="s">
        <v>70</v>
      </c>
      <c r="D63572" s="1" t="s">
        <v>30265</v>
      </c>
      <c r="E63572" s="1" t="s">
        <v>212403</v>
      </c>
      <c r="F63572" s="1" t="s">
        <v>212404</v>
      </c>
      <c r="G63572" s="1" t="s">
        <v>212366</v>
      </c>
      <c r="H63572" s="1" t="s">
        <v>212367</v>
      </c>
      <c r="I63572" s="1" t="s">
        <v>207852</v>
      </c>
      <c r="J63572" s="1" t="s">
        <v>212405</v>
      </c>
    </row>
    <row r="63573" spans="1:10" x14ac:dyDescent="0.35">
      <c r="A63573" s="1" t="s">
        <v>25985</v>
      </c>
      <c r="B63573" s="1" t="s">
        <v>207847</v>
      </c>
      <c r="C63573" s="1" t="s">
        <v>75</v>
      </c>
      <c r="D63573" s="1" t="s">
        <v>31303</v>
      </c>
      <c r="E63573" s="1" t="s">
        <v>212406</v>
      </c>
      <c r="F63573" s="1" t="s">
        <v>212407</v>
      </c>
      <c r="G63573" s="1" t="s">
        <v>212366</v>
      </c>
      <c r="H63573" s="1" t="s">
        <v>212367</v>
      </c>
      <c r="I63573" s="1" t="s">
        <v>207852</v>
      </c>
      <c r="J63573" s="1" t="s">
        <v>212408</v>
      </c>
    </row>
    <row r="63574" spans="1:10" x14ac:dyDescent="0.35">
      <c r="A63574" s="1" t="s">
        <v>25985</v>
      </c>
      <c r="B63574" s="1" t="s">
        <v>207847</v>
      </c>
      <c r="C63574" s="1" t="s">
        <v>80</v>
      </c>
      <c r="D63574" s="1" t="s">
        <v>191771</v>
      </c>
      <c r="E63574" s="1" t="s">
        <v>212409</v>
      </c>
      <c r="F63574" s="1" t="s">
        <v>212410</v>
      </c>
      <c r="G63574" s="1" t="s">
        <v>212366</v>
      </c>
      <c r="H63574" s="1" t="s">
        <v>212367</v>
      </c>
      <c r="I63574" s="1" t="s">
        <v>207852</v>
      </c>
      <c r="J63574" s="1" t="s">
        <v>212411</v>
      </c>
    </row>
    <row r="63575" spans="1:10" x14ac:dyDescent="0.35">
      <c r="A63575" s="1" t="s">
        <v>25985</v>
      </c>
      <c r="B63575" s="1" t="s">
        <v>207847</v>
      </c>
      <c r="C63575" s="1" t="s">
        <v>85</v>
      </c>
      <c r="D63575" s="1" t="s">
        <v>36619</v>
      </c>
      <c r="E63575" s="1" t="s">
        <v>212412</v>
      </c>
      <c r="F63575" s="1" t="s">
        <v>212413</v>
      </c>
      <c r="G63575" s="1" t="s">
        <v>212366</v>
      </c>
      <c r="H63575" s="1" t="s">
        <v>212367</v>
      </c>
      <c r="I63575" s="1" t="s">
        <v>207852</v>
      </c>
      <c r="J63575" s="1" t="s">
        <v>212414</v>
      </c>
    </row>
    <row r="63576" spans="1:10" x14ac:dyDescent="0.35">
      <c r="A63576" s="1" t="s">
        <v>25985</v>
      </c>
      <c r="B63576" s="1" t="s">
        <v>207847</v>
      </c>
      <c r="C63576" s="1" t="s">
        <v>90</v>
      </c>
      <c r="D63576" s="1" t="s">
        <v>212415</v>
      </c>
      <c r="E63576" s="1" t="s">
        <v>212416</v>
      </c>
      <c r="F63576" s="1" t="s">
        <v>212417</v>
      </c>
      <c r="G63576" s="1" t="s">
        <v>212366</v>
      </c>
      <c r="H63576" s="1" t="s">
        <v>212367</v>
      </c>
      <c r="I63576" s="1" t="s">
        <v>207852</v>
      </c>
      <c r="J63576" s="1" t="s">
        <v>212418</v>
      </c>
    </row>
    <row r="63577" spans="1:10" x14ac:dyDescent="0.35">
      <c r="A63577" s="1" t="s">
        <v>25985</v>
      </c>
      <c r="B63577" s="1" t="s">
        <v>207847</v>
      </c>
      <c r="C63577" s="1" t="s">
        <v>95</v>
      </c>
      <c r="D63577" s="1" t="s">
        <v>212419</v>
      </c>
      <c r="E63577" s="1" t="s">
        <v>212420</v>
      </c>
      <c r="F63577" s="1" t="s">
        <v>212421</v>
      </c>
      <c r="G63577" s="1" t="s">
        <v>212366</v>
      </c>
      <c r="H63577" s="1" t="s">
        <v>212367</v>
      </c>
      <c r="I63577" s="1" t="s">
        <v>207852</v>
      </c>
      <c r="J63577" s="1" t="s">
        <v>212422</v>
      </c>
    </row>
    <row r="63578" spans="1:10" x14ac:dyDescent="0.35">
      <c r="A63578" s="1" t="s">
        <v>25985</v>
      </c>
      <c r="B63578" s="1" t="s">
        <v>207847</v>
      </c>
      <c r="C63578" s="1" t="s">
        <v>100</v>
      </c>
      <c r="D63578" s="1" t="s">
        <v>177058</v>
      </c>
      <c r="E63578" s="1" t="s">
        <v>212423</v>
      </c>
      <c r="F63578" s="1" t="s">
        <v>212424</v>
      </c>
      <c r="G63578" s="1" t="s">
        <v>212366</v>
      </c>
      <c r="H63578" s="1" t="s">
        <v>212367</v>
      </c>
      <c r="I63578" s="1" t="s">
        <v>207852</v>
      </c>
      <c r="J63578" s="1" t="s">
        <v>212425</v>
      </c>
    </row>
    <row r="63579" spans="1:10" x14ac:dyDescent="0.35">
      <c r="A63579" s="1" t="s">
        <v>25985</v>
      </c>
      <c r="B63579" s="1" t="s">
        <v>207847</v>
      </c>
      <c r="C63579" s="1" t="s">
        <v>105</v>
      </c>
      <c r="D63579" s="1" t="s">
        <v>212426</v>
      </c>
      <c r="E63579" s="1" t="s">
        <v>212427</v>
      </c>
      <c r="F63579" s="1" t="s">
        <v>212428</v>
      </c>
      <c r="G63579" s="1" t="s">
        <v>212366</v>
      </c>
      <c r="H63579" s="1" t="s">
        <v>212367</v>
      </c>
      <c r="I63579" s="1" t="s">
        <v>207852</v>
      </c>
      <c r="J63579" s="1" t="s">
        <v>212429</v>
      </c>
    </row>
    <row r="63580" spans="1:10" x14ac:dyDescent="0.35">
      <c r="A63580" s="1" t="s">
        <v>25985</v>
      </c>
      <c r="B63580" s="1" t="s">
        <v>207847</v>
      </c>
      <c r="C63580" s="1" t="s">
        <v>110</v>
      </c>
      <c r="D63580" s="1" t="s">
        <v>212430</v>
      </c>
      <c r="E63580" s="1" t="s">
        <v>212431</v>
      </c>
      <c r="F63580" s="1" t="s">
        <v>212432</v>
      </c>
      <c r="G63580" s="1" t="s">
        <v>212366</v>
      </c>
      <c r="H63580" s="1" t="s">
        <v>212367</v>
      </c>
      <c r="I63580" s="1" t="s">
        <v>207852</v>
      </c>
      <c r="J63580" s="1" t="s">
        <v>212433</v>
      </c>
    </row>
    <row r="63581" spans="1:10" x14ac:dyDescent="0.35">
      <c r="A63581" s="1" t="s">
        <v>25985</v>
      </c>
      <c r="B63581" s="1" t="s">
        <v>207847</v>
      </c>
      <c r="C63581" s="1" t="s">
        <v>115</v>
      </c>
      <c r="D63581" s="1" t="s">
        <v>212434</v>
      </c>
      <c r="E63581" s="1" t="s">
        <v>212435</v>
      </c>
      <c r="F63581" s="1" t="s">
        <v>212436</v>
      </c>
      <c r="G63581" s="1" t="s">
        <v>212366</v>
      </c>
      <c r="H63581" s="1" t="s">
        <v>212367</v>
      </c>
      <c r="I63581" s="1" t="s">
        <v>207852</v>
      </c>
      <c r="J63581" s="1" t="s">
        <v>212437</v>
      </c>
    </row>
    <row r="63582" spans="1:10" x14ac:dyDescent="0.35">
      <c r="A63582" s="1" t="s">
        <v>25985</v>
      </c>
      <c r="B63582" s="1" t="s">
        <v>207847</v>
      </c>
      <c r="C63582" s="1" t="s">
        <v>120</v>
      </c>
      <c r="D63582" s="1" t="s">
        <v>147303</v>
      </c>
      <c r="E63582" s="1" t="s">
        <v>212438</v>
      </c>
      <c r="F63582" s="1" t="s">
        <v>212439</v>
      </c>
      <c r="G63582" s="1" t="s">
        <v>212366</v>
      </c>
      <c r="H63582" s="1" t="s">
        <v>212367</v>
      </c>
      <c r="I63582" s="1" t="s">
        <v>207852</v>
      </c>
      <c r="J63582" s="1" t="s">
        <v>212440</v>
      </c>
    </row>
    <row r="63583" spans="1:10" x14ac:dyDescent="0.35">
      <c r="A63583" s="1" t="s">
        <v>25985</v>
      </c>
      <c r="B63583" s="1" t="s">
        <v>207847</v>
      </c>
      <c r="C63583" s="1" t="s">
        <v>125</v>
      </c>
      <c r="D63583" s="1" t="s">
        <v>9145</v>
      </c>
      <c r="E63583" s="1" t="s">
        <v>212441</v>
      </c>
      <c r="F63583" s="1" t="s">
        <v>212442</v>
      </c>
      <c r="G63583" s="1" t="s">
        <v>212366</v>
      </c>
      <c r="H63583" s="1" t="s">
        <v>212367</v>
      </c>
      <c r="I63583" s="1" t="s">
        <v>207852</v>
      </c>
      <c r="J63583" s="1" t="s">
        <v>212443</v>
      </c>
    </row>
    <row r="63584" spans="1:10" x14ac:dyDescent="0.35">
      <c r="A63584" s="1" t="s">
        <v>25985</v>
      </c>
      <c r="B63584" s="1" t="s">
        <v>207847</v>
      </c>
      <c r="C63584" s="1" t="s">
        <v>130</v>
      </c>
      <c r="D63584" s="1" t="s">
        <v>212444</v>
      </c>
      <c r="E63584" s="1" t="s">
        <v>212445</v>
      </c>
      <c r="F63584" s="1" t="s">
        <v>212446</v>
      </c>
      <c r="G63584" s="1" t="s">
        <v>212366</v>
      </c>
      <c r="H63584" s="1" t="s">
        <v>212367</v>
      </c>
      <c r="I63584" s="1" t="s">
        <v>207852</v>
      </c>
      <c r="J63584" s="1" t="s">
        <v>212447</v>
      </c>
    </row>
    <row r="63585" spans="1:10" x14ac:dyDescent="0.35">
      <c r="A63585" s="1" t="s">
        <v>25985</v>
      </c>
      <c r="B63585" s="1" t="s">
        <v>207847</v>
      </c>
      <c r="C63585" s="1" t="s">
        <v>135</v>
      </c>
      <c r="D63585" s="1" t="s">
        <v>212448</v>
      </c>
      <c r="E63585" s="1" t="s">
        <v>212449</v>
      </c>
      <c r="F63585" s="1" t="s">
        <v>212450</v>
      </c>
      <c r="G63585" s="1" t="s">
        <v>212366</v>
      </c>
      <c r="H63585" s="1" t="s">
        <v>212367</v>
      </c>
      <c r="I63585" s="1" t="s">
        <v>207852</v>
      </c>
      <c r="J63585" s="1" t="s">
        <v>212451</v>
      </c>
    </row>
    <row r="63586" spans="1:10" x14ac:dyDescent="0.35">
      <c r="A63586" s="1" t="s">
        <v>25985</v>
      </c>
      <c r="B63586" s="1" t="s">
        <v>207847</v>
      </c>
      <c r="C63586" s="1" t="s">
        <v>140</v>
      </c>
      <c r="D63586" s="1" t="s">
        <v>212452</v>
      </c>
      <c r="E63586" s="1" t="s">
        <v>212453</v>
      </c>
      <c r="F63586" s="1" t="s">
        <v>212454</v>
      </c>
      <c r="G63586" s="1" t="s">
        <v>212366</v>
      </c>
      <c r="H63586" s="1" t="s">
        <v>212367</v>
      </c>
      <c r="I63586" s="1" t="s">
        <v>207852</v>
      </c>
      <c r="J63586" s="1" t="s">
        <v>212455</v>
      </c>
    </row>
    <row r="63587" spans="1:10" x14ac:dyDescent="0.35">
      <c r="A63587" s="1" t="s">
        <v>25985</v>
      </c>
      <c r="B63587" s="1" t="s">
        <v>207847</v>
      </c>
      <c r="C63587" s="1" t="s">
        <v>145</v>
      </c>
      <c r="D63587" s="1" t="s">
        <v>212456</v>
      </c>
      <c r="E63587" s="1" t="s">
        <v>212457</v>
      </c>
      <c r="F63587" s="1" t="s">
        <v>212458</v>
      </c>
      <c r="G63587" s="1" t="s">
        <v>212366</v>
      </c>
      <c r="H63587" s="1" t="s">
        <v>212367</v>
      </c>
      <c r="I63587" s="1" t="s">
        <v>207852</v>
      </c>
      <c r="J63587" s="1" t="s">
        <v>212459</v>
      </c>
    </row>
    <row r="63588" spans="1:10" x14ac:dyDescent="0.35">
      <c r="A63588" s="1" t="s">
        <v>25985</v>
      </c>
      <c r="B63588" s="1" t="s">
        <v>207847</v>
      </c>
      <c r="C63588" s="1" t="s">
        <v>150</v>
      </c>
      <c r="D63588" s="1" t="s">
        <v>212460</v>
      </c>
      <c r="E63588" s="1" t="s">
        <v>212461</v>
      </c>
      <c r="F63588" s="1" t="s">
        <v>212462</v>
      </c>
      <c r="G63588" s="1" t="s">
        <v>212366</v>
      </c>
      <c r="H63588" s="1" t="s">
        <v>212367</v>
      </c>
      <c r="I63588" s="1" t="s">
        <v>207852</v>
      </c>
      <c r="J63588" s="1" t="s">
        <v>212463</v>
      </c>
    </row>
    <row r="63589" spans="1:10" x14ac:dyDescent="0.35">
      <c r="A63589" s="1" t="s">
        <v>25985</v>
      </c>
      <c r="B63589" s="1" t="s">
        <v>207847</v>
      </c>
      <c r="C63589" s="1" t="s">
        <v>155</v>
      </c>
      <c r="D63589" s="1" t="s">
        <v>212464</v>
      </c>
      <c r="E63589" s="1" t="s">
        <v>212465</v>
      </c>
      <c r="F63589" s="1" t="s">
        <v>212466</v>
      </c>
      <c r="G63589" s="1" t="s">
        <v>212366</v>
      </c>
      <c r="H63589" s="1" t="s">
        <v>212367</v>
      </c>
      <c r="I63589" s="1" t="s">
        <v>207852</v>
      </c>
      <c r="J63589" s="1" t="s">
        <v>212467</v>
      </c>
    </row>
    <row r="63590" spans="1:10" x14ac:dyDescent="0.35">
      <c r="A63590" s="1" t="s">
        <v>25985</v>
      </c>
      <c r="B63590" s="1" t="s">
        <v>207847</v>
      </c>
      <c r="C63590" s="1" t="s">
        <v>160</v>
      </c>
      <c r="D63590" s="1" t="s">
        <v>141853</v>
      </c>
      <c r="E63590" s="1" t="s">
        <v>212468</v>
      </c>
      <c r="F63590" s="1" t="s">
        <v>212469</v>
      </c>
      <c r="G63590" s="1" t="s">
        <v>212366</v>
      </c>
      <c r="H63590" s="1" t="s">
        <v>212367</v>
      </c>
      <c r="I63590" s="1" t="s">
        <v>207852</v>
      </c>
      <c r="J63590" s="1" t="s">
        <v>212470</v>
      </c>
    </row>
    <row r="63591" spans="1:10" x14ac:dyDescent="0.35">
      <c r="A63591" s="1" t="s">
        <v>25985</v>
      </c>
      <c r="B63591" s="1" t="s">
        <v>207847</v>
      </c>
      <c r="C63591" s="1" t="s">
        <v>165</v>
      </c>
      <c r="D63591" s="1" t="s">
        <v>212471</v>
      </c>
      <c r="E63591" s="1" t="s">
        <v>212472</v>
      </c>
      <c r="F63591" s="1" t="s">
        <v>212473</v>
      </c>
      <c r="G63591" s="1" t="s">
        <v>212366</v>
      </c>
      <c r="H63591" s="1" t="s">
        <v>212367</v>
      </c>
      <c r="I63591" s="1" t="s">
        <v>207852</v>
      </c>
      <c r="J63591" s="1" t="s">
        <v>212474</v>
      </c>
    </row>
    <row r="63592" spans="1:10" x14ac:dyDescent="0.35">
      <c r="A63592" s="1" t="s">
        <v>25985</v>
      </c>
      <c r="B63592" s="1" t="s">
        <v>207847</v>
      </c>
      <c r="C63592" s="1" t="s">
        <v>170</v>
      </c>
      <c r="D63592" s="1" t="s">
        <v>107651</v>
      </c>
      <c r="E63592" s="1" t="s">
        <v>212475</v>
      </c>
      <c r="F63592" s="1" t="s">
        <v>212476</v>
      </c>
      <c r="G63592" s="1" t="s">
        <v>212366</v>
      </c>
      <c r="H63592" s="1" t="s">
        <v>212367</v>
      </c>
      <c r="I63592" s="1" t="s">
        <v>207852</v>
      </c>
      <c r="J63592" s="1" t="s">
        <v>212477</v>
      </c>
    </row>
    <row r="63593" spans="1:10" x14ac:dyDescent="0.35">
      <c r="A63593" s="1" t="s">
        <v>14255</v>
      </c>
      <c r="B63593" s="1" t="s">
        <v>207847</v>
      </c>
      <c r="C63593" s="1" t="s">
        <v>8</v>
      </c>
      <c r="D63593" s="1" t="s">
        <v>134992</v>
      </c>
      <c r="E63593" s="1" t="s">
        <v>212478</v>
      </c>
      <c r="F63593" s="1" t="s">
        <v>212479</v>
      </c>
      <c r="G63593" s="1" t="s">
        <v>212480</v>
      </c>
      <c r="H63593" s="1" t="s">
        <v>212481</v>
      </c>
      <c r="I63593" s="1" t="s">
        <v>207852</v>
      </c>
      <c r="J63593" s="1" t="s">
        <v>13</v>
      </c>
    </row>
    <row r="63594" spans="1:10" x14ac:dyDescent="0.35">
      <c r="A63594" s="1" t="s">
        <v>14255</v>
      </c>
      <c r="B63594" s="1" t="s">
        <v>207847</v>
      </c>
      <c r="C63594" s="1" t="s">
        <v>15</v>
      </c>
      <c r="D63594" s="1" t="s">
        <v>211037</v>
      </c>
      <c r="E63594" s="1" t="s">
        <v>212482</v>
      </c>
      <c r="F63594" s="1" t="s">
        <v>212483</v>
      </c>
      <c r="G63594" s="1" t="s">
        <v>212480</v>
      </c>
      <c r="H63594" s="1" t="s">
        <v>212481</v>
      </c>
      <c r="I63594" s="1" t="s">
        <v>207852</v>
      </c>
      <c r="J63594" s="1" t="s">
        <v>212484</v>
      </c>
    </row>
    <row r="63595" spans="1:10" x14ac:dyDescent="0.35">
      <c r="A63595" s="1" t="s">
        <v>14255</v>
      </c>
      <c r="B63595" s="1" t="s">
        <v>207847</v>
      </c>
      <c r="C63595" s="1" t="s">
        <v>20</v>
      </c>
      <c r="D63595" s="1" t="s">
        <v>45932</v>
      </c>
      <c r="E63595" s="1" t="s">
        <v>212485</v>
      </c>
      <c r="F63595" s="1" t="s">
        <v>212486</v>
      </c>
      <c r="G63595" s="1" t="s">
        <v>212480</v>
      </c>
      <c r="H63595" s="1" t="s">
        <v>212481</v>
      </c>
      <c r="I63595" s="1" t="s">
        <v>207852</v>
      </c>
      <c r="J63595" s="1" t="s">
        <v>212487</v>
      </c>
    </row>
    <row r="63596" spans="1:10" x14ac:dyDescent="0.35">
      <c r="A63596" s="1" t="s">
        <v>14255</v>
      </c>
      <c r="B63596" s="1" t="s">
        <v>207847</v>
      </c>
      <c r="C63596" s="1" t="s">
        <v>25</v>
      </c>
      <c r="D63596" s="1" t="s">
        <v>193159</v>
      </c>
      <c r="E63596" s="1" t="s">
        <v>212488</v>
      </c>
      <c r="F63596" s="1" t="s">
        <v>212489</v>
      </c>
      <c r="G63596" s="1" t="s">
        <v>212480</v>
      </c>
      <c r="H63596" s="1" t="s">
        <v>212481</v>
      </c>
      <c r="I63596" s="1" t="s">
        <v>207852</v>
      </c>
      <c r="J63596" s="1" t="s">
        <v>212490</v>
      </c>
    </row>
    <row r="63597" spans="1:10" x14ac:dyDescent="0.35">
      <c r="A63597" s="1" t="s">
        <v>14255</v>
      </c>
      <c r="B63597" s="1" t="s">
        <v>207847</v>
      </c>
      <c r="C63597" s="1" t="s">
        <v>30</v>
      </c>
      <c r="D63597" s="1" t="s">
        <v>186257</v>
      </c>
      <c r="E63597" s="1" t="s">
        <v>212491</v>
      </c>
      <c r="F63597" s="1" t="s">
        <v>212492</v>
      </c>
      <c r="G63597" s="1" t="s">
        <v>212480</v>
      </c>
      <c r="H63597" s="1" t="s">
        <v>212481</v>
      </c>
      <c r="I63597" s="1" t="s">
        <v>207852</v>
      </c>
      <c r="J63597" s="1" t="s">
        <v>212493</v>
      </c>
    </row>
    <row r="63598" spans="1:10" x14ac:dyDescent="0.35">
      <c r="A63598" s="1" t="s">
        <v>14255</v>
      </c>
      <c r="B63598" s="1" t="s">
        <v>207847</v>
      </c>
      <c r="C63598" s="1" t="s">
        <v>35</v>
      </c>
      <c r="D63598" s="1" t="s">
        <v>212494</v>
      </c>
      <c r="E63598" s="1" t="s">
        <v>212495</v>
      </c>
      <c r="F63598" s="1" t="s">
        <v>212496</v>
      </c>
      <c r="G63598" s="1" t="s">
        <v>212480</v>
      </c>
      <c r="H63598" s="1" t="s">
        <v>212481</v>
      </c>
      <c r="I63598" s="1" t="s">
        <v>207852</v>
      </c>
      <c r="J63598" s="1" t="s">
        <v>212497</v>
      </c>
    </row>
    <row r="63599" spans="1:10" x14ac:dyDescent="0.35">
      <c r="A63599" s="1" t="s">
        <v>14255</v>
      </c>
      <c r="B63599" s="1" t="s">
        <v>207847</v>
      </c>
      <c r="C63599" s="1" t="s">
        <v>40</v>
      </c>
      <c r="D63599" s="1" t="s">
        <v>212498</v>
      </c>
      <c r="E63599" s="1" t="s">
        <v>212499</v>
      </c>
      <c r="F63599" s="1" t="s">
        <v>212500</v>
      </c>
      <c r="G63599" s="1" t="s">
        <v>212480</v>
      </c>
      <c r="H63599" s="1" t="s">
        <v>212481</v>
      </c>
      <c r="I63599" s="1" t="s">
        <v>207852</v>
      </c>
      <c r="J63599" s="1" t="s">
        <v>212501</v>
      </c>
    </row>
    <row r="63600" spans="1:10" x14ac:dyDescent="0.35">
      <c r="A63600" s="1" t="s">
        <v>14255</v>
      </c>
      <c r="B63600" s="1" t="s">
        <v>207847</v>
      </c>
      <c r="C63600" s="1" t="s">
        <v>45</v>
      </c>
      <c r="D63600" s="1" t="s">
        <v>15562</v>
      </c>
      <c r="E63600" s="1" t="s">
        <v>212502</v>
      </c>
      <c r="F63600" s="1" t="s">
        <v>212503</v>
      </c>
      <c r="G63600" s="1" t="s">
        <v>212480</v>
      </c>
      <c r="H63600" s="1" t="s">
        <v>212481</v>
      </c>
      <c r="I63600" s="1" t="s">
        <v>207852</v>
      </c>
      <c r="J63600" s="1" t="s">
        <v>212504</v>
      </c>
    </row>
    <row r="63601" spans="1:10" x14ac:dyDescent="0.35">
      <c r="A63601" s="1" t="s">
        <v>14255</v>
      </c>
      <c r="B63601" s="1" t="s">
        <v>207847</v>
      </c>
      <c r="C63601" s="1" t="s">
        <v>50</v>
      </c>
      <c r="D63601" s="1" t="s">
        <v>212505</v>
      </c>
      <c r="E63601" s="1" t="s">
        <v>212506</v>
      </c>
      <c r="F63601" s="1" t="s">
        <v>212507</v>
      </c>
      <c r="G63601" s="1" t="s">
        <v>212480</v>
      </c>
      <c r="H63601" s="1" t="s">
        <v>212481</v>
      </c>
      <c r="I63601" s="1" t="s">
        <v>207852</v>
      </c>
      <c r="J63601" s="1" t="s">
        <v>212508</v>
      </c>
    </row>
    <row r="63602" spans="1:10" x14ac:dyDescent="0.35">
      <c r="A63602" s="1" t="s">
        <v>14255</v>
      </c>
      <c r="B63602" s="1" t="s">
        <v>207847</v>
      </c>
      <c r="C63602" s="1" t="s">
        <v>55</v>
      </c>
      <c r="D63602" s="1" t="s">
        <v>36848</v>
      </c>
      <c r="E63602" s="1" t="s">
        <v>212509</v>
      </c>
      <c r="F63602" s="1" t="s">
        <v>212510</v>
      </c>
      <c r="G63602" s="1" t="s">
        <v>212480</v>
      </c>
      <c r="H63602" s="1" t="s">
        <v>212481</v>
      </c>
      <c r="I63602" s="1" t="s">
        <v>207852</v>
      </c>
      <c r="J63602" s="1" t="s">
        <v>212511</v>
      </c>
    </row>
    <row r="63603" spans="1:10" x14ac:dyDescent="0.35">
      <c r="A63603" s="1" t="s">
        <v>14255</v>
      </c>
      <c r="B63603" s="1" t="s">
        <v>207847</v>
      </c>
      <c r="C63603" s="1" t="s">
        <v>60</v>
      </c>
      <c r="D63603" s="1" t="s">
        <v>18418</v>
      </c>
      <c r="E63603" s="1" t="s">
        <v>212512</v>
      </c>
      <c r="F63603" s="1" t="s">
        <v>212513</v>
      </c>
      <c r="G63603" s="1" t="s">
        <v>212480</v>
      </c>
      <c r="H63603" s="1" t="s">
        <v>212481</v>
      </c>
      <c r="I63603" s="1" t="s">
        <v>207852</v>
      </c>
      <c r="J63603" s="1" t="s">
        <v>212514</v>
      </c>
    </row>
    <row r="63604" spans="1:10" x14ac:dyDescent="0.35">
      <c r="A63604" s="1" t="s">
        <v>14255</v>
      </c>
      <c r="B63604" s="1" t="s">
        <v>207847</v>
      </c>
      <c r="C63604" s="1" t="s">
        <v>65</v>
      </c>
      <c r="D63604" s="1" t="s">
        <v>37114</v>
      </c>
      <c r="E63604" s="1" t="s">
        <v>212515</v>
      </c>
      <c r="F63604" s="1" t="s">
        <v>212516</v>
      </c>
      <c r="G63604" s="1" t="s">
        <v>212480</v>
      </c>
      <c r="H63604" s="1" t="s">
        <v>212481</v>
      </c>
      <c r="I63604" s="1" t="s">
        <v>207852</v>
      </c>
      <c r="J63604" s="1" t="s">
        <v>212517</v>
      </c>
    </row>
    <row r="63605" spans="1:10" x14ac:dyDescent="0.35">
      <c r="A63605" s="1" t="s">
        <v>14255</v>
      </c>
      <c r="B63605" s="1" t="s">
        <v>207847</v>
      </c>
      <c r="C63605" s="1" t="s">
        <v>70</v>
      </c>
      <c r="D63605" s="1" t="s">
        <v>32707</v>
      </c>
      <c r="E63605" s="1" t="s">
        <v>212518</v>
      </c>
      <c r="F63605" s="1" t="s">
        <v>212519</v>
      </c>
      <c r="G63605" s="1" t="s">
        <v>212480</v>
      </c>
      <c r="H63605" s="1" t="s">
        <v>212481</v>
      </c>
      <c r="I63605" s="1" t="s">
        <v>207852</v>
      </c>
      <c r="J63605" s="1" t="s">
        <v>212520</v>
      </c>
    </row>
    <row r="63606" spans="1:10" x14ac:dyDescent="0.35">
      <c r="A63606" s="1" t="s">
        <v>14255</v>
      </c>
      <c r="B63606" s="1" t="s">
        <v>207847</v>
      </c>
      <c r="C63606" s="1" t="s">
        <v>75</v>
      </c>
      <c r="D63606" s="1" t="s">
        <v>9157</v>
      </c>
      <c r="E63606" s="1" t="s">
        <v>212521</v>
      </c>
      <c r="F63606" s="1" t="s">
        <v>212522</v>
      </c>
      <c r="G63606" s="1" t="s">
        <v>212480</v>
      </c>
      <c r="H63606" s="1" t="s">
        <v>212481</v>
      </c>
      <c r="I63606" s="1" t="s">
        <v>207852</v>
      </c>
      <c r="J63606" s="1" t="s">
        <v>212523</v>
      </c>
    </row>
    <row r="63607" spans="1:10" x14ac:dyDescent="0.35">
      <c r="A63607" s="1" t="s">
        <v>14255</v>
      </c>
      <c r="B63607" s="1" t="s">
        <v>207847</v>
      </c>
      <c r="C63607" s="1" t="s">
        <v>80</v>
      </c>
      <c r="D63607" s="1" t="s">
        <v>184002</v>
      </c>
      <c r="E63607" s="1" t="s">
        <v>212524</v>
      </c>
      <c r="F63607" s="1" t="s">
        <v>212525</v>
      </c>
      <c r="G63607" s="1" t="s">
        <v>212480</v>
      </c>
      <c r="H63607" s="1" t="s">
        <v>212481</v>
      </c>
      <c r="I63607" s="1" t="s">
        <v>207852</v>
      </c>
      <c r="J63607" s="1" t="s">
        <v>212526</v>
      </c>
    </row>
    <row r="63608" spans="1:10" x14ac:dyDescent="0.35">
      <c r="A63608" s="1" t="s">
        <v>14255</v>
      </c>
      <c r="B63608" s="1" t="s">
        <v>207847</v>
      </c>
      <c r="C63608" s="1" t="s">
        <v>85</v>
      </c>
      <c r="D63608" s="1" t="s">
        <v>212527</v>
      </c>
      <c r="E63608" s="1" t="s">
        <v>212528</v>
      </c>
      <c r="F63608" s="1" t="s">
        <v>212529</v>
      </c>
      <c r="G63608" s="1" t="s">
        <v>212480</v>
      </c>
      <c r="H63608" s="1" t="s">
        <v>212481</v>
      </c>
      <c r="I63608" s="1" t="s">
        <v>207852</v>
      </c>
      <c r="J63608" s="1" t="s">
        <v>212530</v>
      </c>
    </row>
    <row r="63609" spans="1:10" x14ac:dyDescent="0.35">
      <c r="A63609" s="1" t="s">
        <v>14255</v>
      </c>
      <c r="B63609" s="1" t="s">
        <v>207847</v>
      </c>
      <c r="C63609" s="1" t="s">
        <v>90</v>
      </c>
      <c r="D63609" s="1" t="s">
        <v>147660</v>
      </c>
      <c r="E63609" s="1" t="s">
        <v>212531</v>
      </c>
      <c r="F63609" s="1" t="s">
        <v>212532</v>
      </c>
      <c r="G63609" s="1" t="s">
        <v>212480</v>
      </c>
      <c r="H63609" s="1" t="s">
        <v>212481</v>
      </c>
      <c r="I63609" s="1" t="s">
        <v>207852</v>
      </c>
      <c r="J63609" s="1" t="s">
        <v>212533</v>
      </c>
    </row>
    <row r="63610" spans="1:10" x14ac:dyDescent="0.35">
      <c r="A63610" s="1" t="s">
        <v>14255</v>
      </c>
      <c r="B63610" s="1" t="s">
        <v>207847</v>
      </c>
      <c r="C63610" s="1" t="s">
        <v>95</v>
      </c>
      <c r="D63610" s="1" t="s">
        <v>212534</v>
      </c>
      <c r="E63610" s="1" t="s">
        <v>212535</v>
      </c>
      <c r="F63610" s="1" t="s">
        <v>212536</v>
      </c>
      <c r="G63610" s="1" t="s">
        <v>212480</v>
      </c>
      <c r="H63610" s="1" t="s">
        <v>212481</v>
      </c>
      <c r="I63610" s="1" t="s">
        <v>207852</v>
      </c>
      <c r="J63610" s="1" t="s">
        <v>212537</v>
      </c>
    </row>
    <row r="63611" spans="1:10" x14ac:dyDescent="0.35">
      <c r="A63611" s="1" t="s">
        <v>14255</v>
      </c>
      <c r="B63611" s="1" t="s">
        <v>207847</v>
      </c>
      <c r="C63611" s="1" t="s">
        <v>100</v>
      </c>
      <c r="D63611" s="1" t="s">
        <v>212538</v>
      </c>
      <c r="E63611" s="1" t="s">
        <v>212539</v>
      </c>
      <c r="F63611" s="1" t="s">
        <v>212540</v>
      </c>
      <c r="G63611" s="1" t="s">
        <v>212480</v>
      </c>
      <c r="H63611" s="1" t="s">
        <v>212481</v>
      </c>
      <c r="I63611" s="1" t="s">
        <v>207852</v>
      </c>
      <c r="J63611" s="1" t="s">
        <v>212541</v>
      </c>
    </row>
    <row r="63612" spans="1:10" x14ac:dyDescent="0.35">
      <c r="A63612" s="1" t="s">
        <v>14255</v>
      </c>
      <c r="B63612" s="1" t="s">
        <v>207847</v>
      </c>
      <c r="C63612" s="1" t="s">
        <v>105</v>
      </c>
      <c r="D63612" s="1" t="s">
        <v>154619</v>
      </c>
      <c r="E63612" s="1" t="s">
        <v>212542</v>
      </c>
      <c r="F63612" s="1" t="s">
        <v>212543</v>
      </c>
      <c r="G63612" s="1" t="s">
        <v>212480</v>
      </c>
      <c r="H63612" s="1" t="s">
        <v>212481</v>
      </c>
      <c r="I63612" s="1" t="s">
        <v>207852</v>
      </c>
      <c r="J63612" s="1" t="s">
        <v>212544</v>
      </c>
    </row>
    <row r="63613" spans="1:10" x14ac:dyDescent="0.35">
      <c r="A63613" s="1" t="s">
        <v>14255</v>
      </c>
      <c r="B63613" s="1" t="s">
        <v>207847</v>
      </c>
      <c r="C63613" s="1" t="s">
        <v>110</v>
      </c>
      <c r="D63613" s="1" t="s">
        <v>147066</v>
      </c>
      <c r="E63613" s="1" t="s">
        <v>212545</v>
      </c>
      <c r="F63613" s="1" t="s">
        <v>212546</v>
      </c>
      <c r="G63613" s="1" t="s">
        <v>212480</v>
      </c>
      <c r="H63613" s="1" t="s">
        <v>212481</v>
      </c>
      <c r="I63613" s="1" t="s">
        <v>207852</v>
      </c>
      <c r="J63613" s="1" t="s">
        <v>212547</v>
      </c>
    </row>
    <row r="63614" spans="1:10" x14ac:dyDescent="0.35">
      <c r="A63614" s="1" t="s">
        <v>14255</v>
      </c>
      <c r="B63614" s="1" t="s">
        <v>207847</v>
      </c>
      <c r="C63614" s="1" t="s">
        <v>115</v>
      </c>
      <c r="D63614" s="1" t="s">
        <v>141995</v>
      </c>
      <c r="E63614" s="1" t="s">
        <v>212548</v>
      </c>
      <c r="F63614" s="1" t="s">
        <v>212549</v>
      </c>
      <c r="G63614" s="1" t="s">
        <v>212480</v>
      </c>
      <c r="H63614" s="1" t="s">
        <v>212481</v>
      </c>
      <c r="I63614" s="1" t="s">
        <v>207852</v>
      </c>
      <c r="J63614" s="1" t="s">
        <v>212550</v>
      </c>
    </row>
    <row r="63615" spans="1:10" x14ac:dyDescent="0.35">
      <c r="A63615" s="1" t="s">
        <v>14255</v>
      </c>
      <c r="B63615" s="1" t="s">
        <v>207847</v>
      </c>
      <c r="C63615" s="1" t="s">
        <v>120</v>
      </c>
      <c r="D63615" s="1" t="s">
        <v>212551</v>
      </c>
      <c r="E63615" s="1" t="s">
        <v>212552</v>
      </c>
      <c r="F63615" s="1" t="s">
        <v>212553</v>
      </c>
      <c r="G63615" s="1" t="s">
        <v>212480</v>
      </c>
      <c r="H63615" s="1" t="s">
        <v>212481</v>
      </c>
      <c r="I63615" s="1" t="s">
        <v>207852</v>
      </c>
      <c r="J63615" s="1" t="s">
        <v>212554</v>
      </c>
    </row>
    <row r="63616" spans="1:10" x14ac:dyDescent="0.35">
      <c r="A63616" s="1" t="s">
        <v>14255</v>
      </c>
      <c r="B63616" s="1" t="s">
        <v>207847</v>
      </c>
      <c r="C63616" s="1" t="s">
        <v>125</v>
      </c>
      <c r="D63616" s="1" t="s">
        <v>212555</v>
      </c>
      <c r="E63616" s="1" t="s">
        <v>212556</v>
      </c>
      <c r="F63616" s="1" t="s">
        <v>212557</v>
      </c>
      <c r="G63616" s="1" t="s">
        <v>212480</v>
      </c>
      <c r="H63616" s="1" t="s">
        <v>212481</v>
      </c>
      <c r="I63616" s="1" t="s">
        <v>207852</v>
      </c>
      <c r="J63616" s="1" t="s">
        <v>212558</v>
      </c>
    </row>
    <row r="63617" spans="1:10" x14ac:dyDescent="0.35">
      <c r="A63617" s="1" t="s">
        <v>14255</v>
      </c>
      <c r="B63617" s="1" t="s">
        <v>207847</v>
      </c>
      <c r="C63617" s="1" t="s">
        <v>130</v>
      </c>
      <c r="D63617" s="1" t="s">
        <v>83861</v>
      </c>
      <c r="E63617" s="1" t="s">
        <v>212559</v>
      </c>
      <c r="F63617" s="1" t="s">
        <v>212560</v>
      </c>
      <c r="G63617" s="1" t="s">
        <v>212480</v>
      </c>
      <c r="H63617" s="1" t="s">
        <v>212481</v>
      </c>
      <c r="I63617" s="1" t="s">
        <v>207852</v>
      </c>
      <c r="J63617" s="1" t="s">
        <v>212561</v>
      </c>
    </row>
    <row r="63618" spans="1:10" x14ac:dyDescent="0.35">
      <c r="A63618" s="1" t="s">
        <v>14255</v>
      </c>
      <c r="B63618" s="1" t="s">
        <v>207847</v>
      </c>
      <c r="C63618" s="1" t="s">
        <v>135</v>
      </c>
      <c r="D63618" s="1" t="s">
        <v>53935</v>
      </c>
      <c r="E63618" s="1" t="s">
        <v>212562</v>
      </c>
      <c r="F63618" s="1" t="s">
        <v>212563</v>
      </c>
      <c r="G63618" s="1" t="s">
        <v>212480</v>
      </c>
      <c r="H63618" s="1" t="s">
        <v>212481</v>
      </c>
      <c r="I63618" s="1" t="s">
        <v>207852</v>
      </c>
      <c r="J63618" s="1" t="s">
        <v>212564</v>
      </c>
    </row>
    <row r="63619" spans="1:10" x14ac:dyDescent="0.35">
      <c r="A63619" s="1" t="s">
        <v>14255</v>
      </c>
      <c r="B63619" s="1" t="s">
        <v>207847</v>
      </c>
      <c r="C63619" s="1" t="s">
        <v>140</v>
      </c>
      <c r="D63619" s="1" t="s">
        <v>212565</v>
      </c>
      <c r="E63619" s="1" t="s">
        <v>212566</v>
      </c>
      <c r="F63619" s="1" t="s">
        <v>212567</v>
      </c>
      <c r="G63619" s="1" t="s">
        <v>212480</v>
      </c>
      <c r="H63619" s="1" t="s">
        <v>212481</v>
      </c>
      <c r="I63619" s="1" t="s">
        <v>207852</v>
      </c>
      <c r="J63619" s="1" t="s">
        <v>212568</v>
      </c>
    </row>
    <row r="63620" spans="1:10" x14ac:dyDescent="0.35">
      <c r="A63620" s="1" t="s">
        <v>14255</v>
      </c>
      <c r="B63620" s="1" t="s">
        <v>207847</v>
      </c>
      <c r="C63620" s="1" t="s">
        <v>145</v>
      </c>
      <c r="D63620" s="1" t="s">
        <v>212569</v>
      </c>
      <c r="E63620" s="1" t="s">
        <v>212570</v>
      </c>
      <c r="F63620" s="1" t="s">
        <v>212571</v>
      </c>
      <c r="G63620" s="1" t="s">
        <v>212480</v>
      </c>
      <c r="H63620" s="1" t="s">
        <v>212481</v>
      </c>
      <c r="I63620" s="1" t="s">
        <v>207852</v>
      </c>
      <c r="J63620" s="1" t="s">
        <v>212572</v>
      </c>
    </row>
    <row r="63621" spans="1:10" x14ac:dyDescent="0.35">
      <c r="A63621" s="1" t="s">
        <v>14255</v>
      </c>
      <c r="B63621" s="1" t="s">
        <v>207847</v>
      </c>
      <c r="C63621" s="1" t="s">
        <v>150</v>
      </c>
      <c r="D63621" s="1" t="s">
        <v>2690</v>
      </c>
      <c r="E63621" s="1" t="s">
        <v>212573</v>
      </c>
      <c r="F63621" s="1" t="s">
        <v>212574</v>
      </c>
      <c r="G63621" s="1" t="s">
        <v>212480</v>
      </c>
      <c r="H63621" s="1" t="s">
        <v>212481</v>
      </c>
      <c r="I63621" s="1" t="s">
        <v>207852</v>
      </c>
      <c r="J63621" s="1" t="s">
        <v>212575</v>
      </c>
    </row>
    <row r="63622" spans="1:10" x14ac:dyDescent="0.35">
      <c r="A63622" s="1" t="s">
        <v>14255</v>
      </c>
      <c r="B63622" s="1" t="s">
        <v>207847</v>
      </c>
      <c r="C63622" s="1" t="s">
        <v>155</v>
      </c>
      <c r="D63622" s="1" t="s">
        <v>159871</v>
      </c>
      <c r="E63622" s="1" t="s">
        <v>212576</v>
      </c>
      <c r="F63622" s="1" t="s">
        <v>212577</v>
      </c>
      <c r="G63622" s="1" t="s">
        <v>212480</v>
      </c>
      <c r="H63622" s="1" t="s">
        <v>212481</v>
      </c>
      <c r="I63622" s="1" t="s">
        <v>207852</v>
      </c>
      <c r="J63622" s="1" t="s">
        <v>212578</v>
      </c>
    </row>
    <row r="63623" spans="1:10" x14ac:dyDescent="0.35">
      <c r="A63623" s="1" t="s">
        <v>14255</v>
      </c>
      <c r="B63623" s="1" t="s">
        <v>207847</v>
      </c>
      <c r="C63623" s="1" t="s">
        <v>160</v>
      </c>
      <c r="D63623" s="1" t="s">
        <v>58282</v>
      </c>
      <c r="E63623" s="1" t="s">
        <v>212579</v>
      </c>
      <c r="F63623" s="1" t="s">
        <v>212580</v>
      </c>
      <c r="G63623" s="1" t="s">
        <v>212480</v>
      </c>
      <c r="H63623" s="1" t="s">
        <v>212481</v>
      </c>
      <c r="I63623" s="1" t="s">
        <v>207852</v>
      </c>
      <c r="J63623" s="1" t="s">
        <v>212581</v>
      </c>
    </row>
    <row r="63624" spans="1:10" x14ac:dyDescent="0.35">
      <c r="A63624" s="1" t="s">
        <v>14255</v>
      </c>
      <c r="B63624" s="1" t="s">
        <v>207847</v>
      </c>
      <c r="C63624" s="1" t="s">
        <v>165</v>
      </c>
      <c r="D63624" s="1" t="s">
        <v>152268</v>
      </c>
      <c r="E63624" s="1" t="s">
        <v>212582</v>
      </c>
      <c r="F63624" s="1" t="s">
        <v>212583</v>
      </c>
      <c r="G63624" s="1" t="s">
        <v>212480</v>
      </c>
      <c r="H63624" s="1" t="s">
        <v>212481</v>
      </c>
      <c r="I63624" s="1" t="s">
        <v>207852</v>
      </c>
      <c r="J63624" s="1" t="s">
        <v>212584</v>
      </c>
    </row>
    <row r="63625" spans="1:10" x14ac:dyDescent="0.35">
      <c r="A63625" s="1" t="s">
        <v>14255</v>
      </c>
      <c r="B63625" s="1" t="s">
        <v>207847</v>
      </c>
      <c r="C63625" s="1" t="s">
        <v>170</v>
      </c>
      <c r="D63625" s="1" t="s">
        <v>212585</v>
      </c>
      <c r="E63625" s="1" t="s">
        <v>212586</v>
      </c>
      <c r="F63625" s="1" t="s">
        <v>212587</v>
      </c>
      <c r="G63625" s="1" t="s">
        <v>212480</v>
      </c>
      <c r="H63625" s="1" t="s">
        <v>212481</v>
      </c>
      <c r="I63625" s="1" t="s">
        <v>207852</v>
      </c>
      <c r="J63625" s="1" t="s">
        <v>212588</v>
      </c>
    </row>
    <row r="63626" spans="1:10" x14ac:dyDescent="0.35">
      <c r="A63626" s="1" t="s">
        <v>146078</v>
      </c>
      <c r="B63626" s="1" t="s">
        <v>207847</v>
      </c>
      <c r="C63626" s="1" t="s">
        <v>8</v>
      </c>
      <c r="D63626" s="1" t="s">
        <v>35291</v>
      </c>
      <c r="E63626" s="1" t="s">
        <v>212589</v>
      </c>
      <c r="F63626" s="1" t="s">
        <v>212590</v>
      </c>
      <c r="G63626" s="1" t="s">
        <v>212591</v>
      </c>
      <c r="H63626" s="1" t="s">
        <v>212592</v>
      </c>
      <c r="I63626" s="1" t="s">
        <v>207852</v>
      </c>
      <c r="J63626" s="1" t="s">
        <v>13</v>
      </c>
    </row>
    <row r="63627" spans="1:10" x14ac:dyDescent="0.35">
      <c r="A63627" s="1" t="s">
        <v>146078</v>
      </c>
      <c r="B63627" s="1" t="s">
        <v>207847</v>
      </c>
      <c r="C63627" s="1" t="s">
        <v>15</v>
      </c>
      <c r="D63627" s="1" t="s">
        <v>34984</v>
      </c>
      <c r="E63627" s="1" t="s">
        <v>131990</v>
      </c>
      <c r="F63627" s="1" t="s">
        <v>212593</v>
      </c>
      <c r="G63627" s="1" t="s">
        <v>212591</v>
      </c>
      <c r="H63627" s="1" t="s">
        <v>212592</v>
      </c>
      <c r="I63627" s="1" t="s">
        <v>207852</v>
      </c>
      <c r="J63627" s="1" t="s">
        <v>212594</v>
      </c>
    </row>
    <row r="63628" spans="1:10" x14ac:dyDescent="0.35">
      <c r="A63628" s="1" t="s">
        <v>146078</v>
      </c>
      <c r="B63628" s="1" t="s">
        <v>207847</v>
      </c>
      <c r="C63628" s="1" t="s">
        <v>20</v>
      </c>
      <c r="D63628" s="1" t="s">
        <v>37355</v>
      </c>
      <c r="E63628" s="1" t="s">
        <v>16309</v>
      </c>
      <c r="F63628" s="1" t="s">
        <v>212595</v>
      </c>
      <c r="G63628" s="1" t="s">
        <v>212591</v>
      </c>
      <c r="H63628" s="1" t="s">
        <v>212592</v>
      </c>
      <c r="I63628" s="1" t="s">
        <v>207852</v>
      </c>
      <c r="J63628" s="1" t="s">
        <v>212596</v>
      </c>
    </row>
    <row r="63629" spans="1:10" x14ac:dyDescent="0.35">
      <c r="A63629" s="1" t="s">
        <v>146078</v>
      </c>
      <c r="B63629" s="1" t="s">
        <v>207847</v>
      </c>
      <c r="C63629" s="1" t="s">
        <v>25</v>
      </c>
      <c r="D63629" s="1" t="s">
        <v>35727</v>
      </c>
      <c r="E63629" s="1" t="s">
        <v>15552</v>
      </c>
      <c r="F63629" s="1" t="s">
        <v>212597</v>
      </c>
      <c r="G63629" s="1" t="s">
        <v>212591</v>
      </c>
      <c r="H63629" s="1" t="s">
        <v>212592</v>
      </c>
      <c r="I63629" s="1" t="s">
        <v>207852</v>
      </c>
      <c r="J63629" s="1" t="s">
        <v>212598</v>
      </c>
    </row>
    <row r="63630" spans="1:10" x14ac:dyDescent="0.35">
      <c r="A63630" s="1" t="s">
        <v>146078</v>
      </c>
      <c r="B63630" s="1" t="s">
        <v>207847</v>
      </c>
      <c r="C63630" s="1" t="s">
        <v>30</v>
      </c>
      <c r="D63630" s="1" t="s">
        <v>14599</v>
      </c>
      <c r="E63630" s="1" t="s">
        <v>107313</v>
      </c>
      <c r="F63630" s="1" t="s">
        <v>56728</v>
      </c>
      <c r="G63630" s="1" t="s">
        <v>212591</v>
      </c>
      <c r="H63630" s="1" t="s">
        <v>212592</v>
      </c>
      <c r="I63630" s="1" t="s">
        <v>207852</v>
      </c>
      <c r="J63630" s="1" t="s">
        <v>212599</v>
      </c>
    </row>
    <row r="63631" spans="1:10" x14ac:dyDescent="0.35">
      <c r="A63631" s="1" t="s">
        <v>146078</v>
      </c>
      <c r="B63631" s="1" t="s">
        <v>207847</v>
      </c>
      <c r="C63631" s="1" t="s">
        <v>35</v>
      </c>
      <c r="D63631" s="1" t="s">
        <v>159760</v>
      </c>
      <c r="E63631" s="1" t="s">
        <v>107391</v>
      </c>
      <c r="F63631" s="1" t="s">
        <v>212600</v>
      </c>
      <c r="G63631" s="1" t="s">
        <v>212591</v>
      </c>
      <c r="H63631" s="1" t="s">
        <v>212592</v>
      </c>
      <c r="I63631" s="1" t="s">
        <v>207852</v>
      </c>
      <c r="J63631" s="1" t="s">
        <v>212601</v>
      </c>
    </row>
    <row r="63632" spans="1:10" x14ac:dyDescent="0.35">
      <c r="A63632" s="1" t="s">
        <v>146078</v>
      </c>
      <c r="B63632" s="1" t="s">
        <v>207847</v>
      </c>
      <c r="C63632" s="1" t="s">
        <v>40</v>
      </c>
      <c r="D63632" s="1" t="s">
        <v>212602</v>
      </c>
      <c r="E63632" s="1" t="s">
        <v>78829</v>
      </c>
      <c r="F63632" s="1" t="s">
        <v>212603</v>
      </c>
      <c r="G63632" s="1" t="s">
        <v>212591</v>
      </c>
      <c r="H63632" s="1" t="s">
        <v>212592</v>
      </c>
      <c r="I63632" s="1" t="s">
        <v>207852</v>
      </c>
      <c r="J63632" s="1" t="s">
        <v>212604</v>
      </c>
    </row>
    <row r="63633" spans="1:10" x14ac:dyDescent="0.35">
      <c r="A63633" s="1" t="s">
        <v>146078</v>
      </c>
      <c r="B63633" s="1" t="s">
        <v>207847</v>
      </c>
      <c r="C63633" s="1" t="s">
        <v>45</v>
      </c>
      <c r="D63633" s="1" t="s">
        <v>34083</v>
      </c>
      <c r="E63633" s="1" t="s">
        <v>155183</v>
      </c>
      <c r="F63633" s="1" t="s">
        <v>212605</v>
      </c>
      <c r="G63633" s="1" t="s">
        <v>212591</v>
      </c>
      <c r="H63633" s="1" t="s">
        <v>212592</v>
      </c>
      <c r="I63633" s="1" t="s">
        <v>207852</v>
      </c>
      <c r="J63633" s="1" t="s">
        <v>212606</v>
      </c>
    </row>
    <row r="63634" spans="1:10" x14ac:dyDescent="0.35">
      <c r="A63634" s="1" t="s">
        <v>146078</v>
      </c>
      <c r="B63634" s="1" t="s">
        <v>207847</v>
      </c>
      <c r="C63634" s="1" t="s">
        <v>50</v>
      </c>
      <c r="D63634" s="1" t="s">
        <v>121678</v>
      </c>
      <c r="E63634" s="1" t="s">
        <v>212607</v>
      </c>
      <c r="F63634" s="1" t="s">
        <v>212608</v>
      </c>
      <c r="G63634" s="1" t="s">
        <v>212591</v>
      </c>
      <c r="H63634" s="1" t="s">
        <v>212592</v>
      </c>
      <c r="I63634" s="1" t="s">
        <v>207852</v>
      </c>
      <c r="J63634" s="1" t="s">
        <v>212609</v>
      </c>
    </row>
    <row r="63635" spans="1:10" x14ac:dyDescent="0.35">
      <c r="A63635" s="1" t="s">
        <v>146078</v>
      </c>
      <c r="B63635" s="1" t="s">
        <v>207847</v>
      </c>
      <c r="C63635" s="1" t="s">
        <v>55</v>
      </c>
      <c r="D63635" s="1" t="s">
        <v>181913</v>
      </c>
      <c r="E63635" s="1" t="s">
        <v>179528</v>
      </c>
      <c r="F63635" s="1" t="s">
        <v>78867</v>
      </c>
      <c r="G63635" s="1" t="s">
        <v>212591</v>
      </c>
      <c r="H63635" s="1" t="s">
        <v>212592</v>
      </c>
      <c r="I63635" s="1" t="s">
        <v>207852</v>
      </c>
      <c r="J63635" s="1" t="s">
        <v>212610</v>
      </c>
    </row>
    <row r="63636" spans="1:10" x14ac:dyDescent="0.35">
      <c r="A63636" s="1" t="s">
        <v>146078</v>
      </c>
      <c r="B63636" s="1" t="s">
        <v>207847</v>
      </c>
      <c r="C63636" s="1" t="s">
        <v>60</v>
      </c>
      <c r="D63636" s="1" t="s">
        <v>212611</v>
      </c>
      <c r="E63636" s="1" t="s">
        <v>127920</v>
      </c>
      <c r="F63636" s="1" t="s">
        <v>212612</v>
      </c>
      <c r="G63636" s="1" t="s">
        <v>212591</v>
      </c>
      <c r="H63636" s="1" t="s">
        <v>212592</v>
      </c>
      <c r="I63636" s="1" t="s">
        <v>207852</v>
      </c>
      <c r="J63636" s="1" t="s">
        <v>212613</v>
      </c>
    </row>
    <row r="63637" spans="1:10" x14ac:dyDescent="0.35">
      <c r="A63637" s="1" t="s">
        <v>146078</v>
      </c>
      <c r="B63637" s="1" t="s">
        <v>207847</v>
      </c>
      <c r="C63637" s="1" t="s">
        <v>65</v>
      </c>
      <c r="D63637" s="1" t="s">
        <v>71936</v>
      </c>
      <c r="E63637" s="1" t="s">
        <v>180490</v>
      </c>
      <c r="F63637" s="1" t="s">
        <v>212614</v>
      </c>
      <c r="G63637" s="1" t="s">
        <v>212591</v>
      </c>
      <c r="H63637" s="1" t="s">
        <v>212592</v>
      </c>
      <c r="I63637" s="1" t="s">
        <v>207852</v>
      </c>
      <c r="J63637" s="1" t="s">
        <v>212615</v>
      </c>
    </row>
    <row r="63638" spans="1:10" x14ac:dyDescent="0.35">
      <c r="A63638" s="1" t="s">
        <v>146078</v>
      </c>
      <c r="B63638" s="1" t="s">
        <v>207847</v>
      </c>
      <c r="C63638" s="1" t="s">
        <v>70</v>
      </c>
      <c r="D63638" s="1" t="s">
        <v>202943</v>
      </c>
      <c r="E63638" s="1" t="s">
        <v>145040</v>
      </c>
      <c r="F63638" s="1" t="s">
        <v>133095</v>
      </c>
      <c r="G63638" s="1" t="s">
        <v>212591</v>
      </c>
      <c r="H63638" s="1" t="s">
        <v>212592</v>
      </c>
      <c r="I63638" s="1" t="s">
        <v>207852</v>
      </c>
      <c r="J63638" s="1" t="s">
        <v>212616</v>
      </c>
    </row>
    <row r="63639" spans="1:10" x14ac:dyDescent="0.35">
      <c r="A63639" s="1" t="s">
        <v>146078</v>
      </c>
      <c r="B63639" s="1" t="s">
        <v>207847</v>
      </c>
      <c r="C63639" s="1" t="s">
        <v>75</v>
      </c>
      <c r="D63639" s="1" t="s">
        <v>16368</v>
      </c>
      <c r="E63639" s="1" t="s">
        <v>212617</v>
      </c>
      <c r="F63639" s="1" t="s">
        <v>212618</v>
      </c>
      <c r="G63639" s="1" t="s">
        <v>212591</v>
      </c>
      <c r="H63639" s="1" t="s">
        <v>212592</v>
      </c>
      <c r="I63639" s="1" t="s">
        <v>207852</v>
      </c>
      <c r="J63639" s="1" t="s">
        <v>212619</v>
      </c>
    </row>
    <row r="63640" spans="1:10" x14ac:dyDescent="0.35">
      <c r="A63640" s="1" t="s">
        <v>146078</v>
      </c>
      <c r="B63640" s="1" t="s">
        <v>207847</v>
      </c>
      <c r="C63640" s="1" t="s">
        <v>80</v>
      </c>
      <c r="D63640" s="1" t="s">
        <v>123555</v>
      </c>
      <c r="E63640" s="1" t="s">
        <v>130183</v>
      </c>
      <c r="F63640" s="1" t="s">
        <v>212620</v>
      </c>
      <c r="G63640" s="1" t="s">
        <v>212591</v>
      </c>
      <c r="H63640" s="1" t="s">
        <v>212592</v>
      </c>
      <c r="I63640" s="1" t="s">
        <v>207852</v>
      </c>
      <c r="J63640" s="1" t="s">
        <v>212621</v>
      </c>
    </row>
    <row r="63641" spans="1:10" x14ac:dyDescent="0.35">
      <c r="A63641" s="1" t="s">
        <v>146078</v>
      </c>
      <c r="B63641" s="1" t="s">
        <v>207847</v>
      </c>
      <c r="C63641" s="1" t="s">
        <v>85</v>
      </c>
      <c r="D63641" s="1" t="s">
        <v>212622</v>
      </c>
      <c r="E63641" s="1" t="s">
        <v>212617</v>
      </c>
      <c r="F63641" s="1" t="s">
        <v>212623</v>
      </c>
      <c r="G63641" s="1" t="s">
        <v>212591</v>
      </c>
      <c r="H63641" s="1" t="s">
        <v>212592</v>
      </c>
      <c r="I63641" s="1" t="s">
        <v>207852</v>
      </c>
      <c r="J63641" s="1" t="s">
        <v>212624</v>
      </c>
    </row>
    <row r="63642" spans="1:10" x14ac:dyDescent="0.35">
      <c r="A63642" s="1" t="s">
        <v>146078</v>
      </c>
      <c r="B63642" s="1" t="s">
        <v>207847</v>
      </c>
      <c r="C63642" s="1" t="s">
        <v>90</v>
      </c>
      <c r="D63642" s="1" t="s">
        <v>155443</v>
      </c>
      <c r="E63642" s="1" t="s">
        <v>180654</v>
      </c>
      <c r="F63642" s="1" t="s">
        <v>212625</v>
      </c>
      <c r="G63642" s="1" t="s">
        <v>212591</v>
      </c>
      <c r="H63642" s="1" t="s">
        <v>212592</v>
      </c>
      <c r="I63642" s="1" t="s">
        <v>207852</v>
      </c>
      <c r="J63642" s="1" t="s">
        <v>212626</v>
      </c>
    </row>
    <row r="63643" spans="1:10" x14ac:dyDescent="0.35">
      <c r="A63643" s="1" t="s">
        <v>146078</v>
      </c>
      <c r="B63643" s="1" t="s">
        <v>207847</v>
      </c>
      <c r="C63643" s="1" t="s">
        <v>95</v>
      </c>
      <c r="D63643" s="1" t="s">
        <v>211347</v>
      </c>
      <c r="E63643" s="1" t="s">
        <v>15567</v>
      </c>
      <c r="F63643" s="1" t="s">
        <v>212627</v>
      </c>
      <c r="G63643" s="1" t="s">
        <v>212591</v>
      </c>
      <c r="H63643" s="1" t="s">
        <v>212592</v>
      </c>
      <c r="I63643" s="1" t="s">
        <v>207852</v>
      </c>
      <c r="J63643" s="1" t="s">
        <v>212628</v>
      </c>
    </row>
    <row r="63644" spans="1:10" x14ac:dyDescent="0.35">
      <c r="A63644" s="1" t="s">
        <v>146078</v>
      </c>
      <c r="B63644" s="1" t="s">
        <v>207847</v>
      </c>
      <c r="C63644" s="1" t="s">
        <v>100</v>
      </c>
      <c r="D63644" s="1" t="s">
        <v>10772</v>
      </c>
      <c r="E63644" s="1" t="s">
        <v>212629</v>
      </c>
      <c r="F63644" s="1" t="s">
        <v>212630</v>
      </c>
      <c r="G63644" s="1" t="s">
        <v>212591</v>
      </c>
      <c r="H63644" s="1" t="s">
        <v>212592</v>
      </c>
      <c r="I63644" s="1" t="s">
        <v>207852</v>
      </c>
      <c r="J63644" s="1" t="s">
        <v>212631</v>
      </c>
    </row>
    <row r="63645" spans="1:10" x14ac:dyDescent="0.35">
      <c r="A63645" s="1" t="s">
        <v>146078</v>
      </c>
      <c r="B63645" s="1" t="s">
        <v>207847</v>
      </c>
      <c r="C63645" s="1" t="s">
        <v>105</v>
      </c>
      <c r="D63645" s="1" t="s">
        <v>178437</v>
      </c>
      <c r="E63645" s="1" t="s">
        <v>107417</v>
      </c>
      <c r="F63645" s="1" t="s">
        <v>63952</v>
      </c>
      <c r="G63645" s="1" t="s">
        <v>212591</v>
      </c>
      <c r="H63645" s="1" t="s">
        <v>212592</v>
      </c>
      <c r="I63645" s="1" t="s">
        <v>207852</v>
      </c>
      <c r="J63645" s="1" t="s">
        <v>212632</v>
      </c>
    </row>
    <row r="63646" spans="1:10" x14ac:dyDescent="0.35">
      <c r="A63646" s="1" t="s">
        <v>146078</v>
      </c>
      <c r="B63646" s="1" t="s">
        <v>207847</v>
      </c>
      <c r="C63646" s="1" t="s">
        <v>110</v>
      </c>
      <c r="D63646" s="1" t="s">
        <v>212633</v>
      </c>
      <c r="E63646" s="1" t="s">
        <v>212634</v>
      </c>
      <c r="F63646" s="1" t="s">
        <v>212635</v>
      </c>
      <c r="G63646" s="1" t="s">
        <v>212591</v>
      </c>
      <c r="H63646" s="1" t="s">
        <v>212592</v>
      </c>
      <c r="I63646" s="1" t="s">
        <v>207852</v>
      </c>
      <c r="J63646" s="1" t="s">
        <v>212636</v>
      </c>
    </row>
    <row r="63647" spans="1:10" x14ac:dyDescent="0.35">
      <c r="A63647" s="1" t="s">
        <v>146078</v>
      </c>
      <c r="B63647" s="1" t="s">
        <v>207847</v>
      </c>
      <c r="C63647" s="1" t="s">
        <v>115</v>
      </c>
      <c r="D63647" s="1" t="s">
        <v>155142</v>
      </c>
      <c r="E63647" s="1" t="s">
        <v>108302</v>
      </c>
      <c r="F63647" s="1" t="s">
        <v>212637</v>
      </c>
      <c r="G63647" s="1" t="s">
        <v>212591</v>
      </c>
      <c r="H63647" s="1" t="s">
        <v>212592</v>
      </c>
      <c r="I63647" s="1" t="s">
        <v>207852</v>
      </c>
      <c r="J63647" s="1" t="s">
        <v>212638</v>
      </c>
    </row>
    <row r="63648" spans="1:10" x14ac:dyDescent="0.35">
      <c r="A63648" s="1" t="s">
        <v>146078</v>
      </c>
      <c r="B63648" s="1" t="s">
        <v>207847</v>
      </c>
      <c r="C63648" s="1" t="s">
        <v>120</v>
      </c>
      <c r="D63648" s="1" t="s">
        <v>124241</v>
      </c>
      <c r="E63648" s="1" t="s">
        <v>126673</v>
      </c>
      <c r="F63648" s="1" t="s">
        <v>64708</v>
      </c>
      <c r="G63648" s="1" t="s">
        <v>212591</v>
      </c>
      <c r="H63648" s="1" t="s">
        <v>212592</v>
      </c>
      <c r="I63648" s="1" t="s">
        <v>207852</v>
      </c>
      <c r="J63648" s="1" t="s">
        <v>212639</v>
      </c>
    </row>
    <row r="63649" spans="1:10" x14ac:dyDescent="0.35">
      <c r="A63649" s="1" t="s">
        <v>146078</v>
      </c>
      <c r="B63649" s="1" t="s">
        <v>207847</v>
      </c>
      <c r="C63649" s="1" t="s">
        <v>125</v>
      </c>
      <c r="D63649" s="1" t="s">
        <v>197709</v>
      </c>
      <c r="E63649" s="1" t="s">
        <v>145922</v>
      </c>
      <c r="F63649" s="1" t="s">
        <v>212640</v>
      </c>
      <c r="G63649" s="1" t="s">
        <v>212591</v>
      </c>
      <c r="H63649" s="1" t="s">
        <v>212592</v>
      </c>
      <c r="I63649" s="1" t="s">
        <v>207852</v>
      </c>
      <c r="J63649" s="1" t="s">
        <v>212641</v>
      </c>
    </row>
    <row r="63650" spans="1:10" x14ac:dyDescent="0.35">
      <c r="A63650" s="1" t="s">
        <v>146078</v>
      </c>
      <c r="B63650" s="1" t="s">
        <v>207847</v>
      </c>
      <c r="C63650" s="1" t="s">
        <v>130</v>
      </c>
      <c r="D63650" s="1" t="s">
        <v>212642</v>
      </c>
      <c r="E63650" s="1" t="s">
        <v>212643</v>
      </c>
      <c r="F63650" s="1" t="s">
        <v>212644</v>
      </c>
      <c r="G63650" s="1" t="s">
        <v>212591</v>
      </c>
      <c r="H63650" s="1" t="s">
        <v>212592</v>
      </c>
      <c r="I63650" s="1" t="s">
        <v>207852</v>
      </c>
      <c r="J63650" s="1" t="s">
        <v>212645</v>
      </c>
    </row>
    <row r="63651" spans="1:10" x14ac:dyDescent="0.35">
      <c r="A63651" s="1" t="s">
        <v>146078</v>
      </c>
      <c r="B63651" s="1" t="s">
        <v>207847</v>
      </c>
      <c r="C63651" s="1" t="s">
        <v>135</v>
      </c>
      <c r="D63651" s="1" t="s">
        <v>12532</v>
      </c>
      <c r="E63651" s="1" t="s">
        <v>145922</v>
      </c>
      <c r="F63651" s="1" t="s">
        <v>212646</v>
      </c>
      <c r="G63651" s="1" t="s">
        <v>212591</v>
      </c>
      <c r="H63651" s="1" t="s">
        <v>212592</v>
      </c>
      <c r="I63651" s="1" t="s">
        <v>207852</v>
      </c>
      <c r="J63651" s="1" t="s">
        <v>212647</v>
      </c>
    </row>
    <row r="63652" spans="1:10" x14ac:dyDescent="0.35">
      <c r="A63652" s="1" t="s">
        <v>146078</v>
      </c>
      <c r="B63652" s="1" t="s">
        <v>207847</v>
      </c>
      <c r="C63652" s="1" t="s">
        <v>140</v>
      </c>
      <c r="D63652" s="1" t="s">
        <v>212648</v>
      </c>
      <c r="E63652" s="1" t="s">
        <v>109783</v>
      </c>
      <c r="F63652" s="1" t="s">
        <v>212649</v>
      </c>
      <c r="G63652" s="1" t="s">
        <v>212591</v>
      </c>
      <c r="H63652" s="1" t="s">
        <v>212592</v>
      </c>
      <c r="I63652" s="1" t="s">
        <v>207852</v>
      </c>
      <c r="J63652" s="1" t="s">
        <v>212650</v>
      </c>
    </row>
    <row r="63653" spans="1:10" x14ac:dyDescent="0.35">
      <c r="A63653" s="1" t="s">
        <v>146078</v>
      </c>
      <c r="B63653" s="1" t="s">
        <v>207847</v>
      </c>
      <c r="C63653" s="1" t="s">
        <v>145</v>
      </c>
      <c r="D63653" s="1" t="s">
        <v>212651</v>
      </c>
      <c r="E63653" s="1" t="s">
        <v>107326</v>
      </c>
      <c r="F63653" s="1" t="s">
        <v>212652</v>
      </c>
      <c r="G63653" s="1" t="s">
        <v>212591</v>
      </c>
      <c r="H63653" s="1" t="s">
        <v>212592</v>
      </c>
      <c r="I63653" s="1" t="s">
        <v>207852</v>
      </c>
      <c r="J63653" s="1" t="s">
        <v>212653</v>
      </c>
    </row>
    <row r="63654" spans="1:10" x14ac:dyDescent="0.35">
      <c r="A63654" s="1" t="s">
        <v>146078</v>
      </c>
      <c r="B63654" s="1" t="s">
        <v>207847</v>
      </c>
      <c r="C63654" s="1" t="s">
        <v>150</v>
      </c>
      <c r="D63654" s="1" t="s">
        <v>212654</v>
      </c>
      <c r="E63654" s="1" t="s">
        <v>212655</v>
      </c>
      <c r="F63654" s="1" t="s">
        <v>83439</v>
      </c>
      <c r="G63654" s="1" t="s">
        <v>212591</v>
      </c>
      <c r="H63654" s="1" t="s">
        <v>212592</v>
      </c>
      <c r="I63654" s="1" t="s">
        <v>207852</v>
      </c>
      <c r="J63654" s="1" t="s">
        <v>212656</v>
      </c>
    </row>
    <row r="63655" spans="1:10" x14ac:dyDescent="0.35">
      <c r="A63655" s="1" t="s">
        <v>146078</v>
      </c>
      <c r="B63655" s="1" t="s">
        <v>207847</v>
      </c>
      <c r="C63655" s="1" t="s">
        <v>155</v>
      </c>
      <c r="D63655" s="1" t="s">
        <v>212657</v>
      </c>
      <c r="E63655" s="1" t="s">
        <v>107340</v>
      </c>
      <c r="F63655" s="1" t="s">
        <v>212658</v>
      </c>
      <c r="G63655" s="1" t="s">
        <v>212591</v>
      </c>
      <c r="H63655" s="1" t="s">
        <v>212592</v>
      </c>
      <c r="I63655" s="1" t="s">
        <v>207852</v>
      </c>
      <c r="J63655" s="1" t="s">
        <v>212659</v>
      </c>
    </row>
    <row r="63656" spans="1:10" x14ac:dyDescent="0.35">
      <c r="A63656" s="1" t="s">
        <v>146078</v>
      </c>
      <c r="B63656" s="1" t="s">
        <v>207847</v>
      </c>
      <c r="C63656" s="1" t="s">
        <v>160</v>
      </c>
      <c r="D63656" s="1" t="s">
        <v>108592</v>
      </c>
      <c r="E63656" s="1" t="s">
        <v>212660</v>
      </c>
      <c r="F63656" s="1" t="s">
        <v>212661</v>
      </c>
      <c r="G63656" s="1" t="s">
        <v>212591</v>
      </c>
      <c r="H63656" s="1" t="s">
        <v>212592</v>
      </c>
      <c r="I63656" s="1" t="s">
        <v>207852</v>
      </c>
      <c r="J63656" s="1" t="s">
        <v>212662</v>
      </c>
    </row>
    <row r="63657" spans="1:10" x14ac:dyDescent="0.35">
      <c r="A63657" s="1" t="s">
        <v>146078</v>
      </c>
      <c r="B63657" s="1" t="s">
        <v>207847</v>
      </c>
      <c r="C63657" s="1" t="s">
        <v>165</v>
      </c>
      <c r="D63657" s="1" t="s">
        <v>179666</v>
      </c>
      <c r="E63657" s="1" t="s">
        <v>212663</v>
      </c>
      <c r="F63657" s="1" t="s">
        <v>212664</v>
      </c>
      <c r="G63657" s="1" t="s">
        <v>212591</v>
      </c>
      <c r="H63657" s="1" t="s">
        <v>212592</v>
      </c>
      <c r="I63657" s="1" t="s">
        <v>207852</v>
      </c>
      <c r="J63657" s="1" t="s">
        <v>212665</v>
      </c>
    </row>
    <row r="63658" spans="1:10" x14ac:dyDescent="0.35">
      <c r="A63658" s="1" t="s">
        <v>146078</v>
      </c>
      <c r="B63658" s="1" t="s">
        <v>207847</v>
      </c>
      <c r="C63658" s="1" t="s">
        <v>170</v>
      </c>
      <c r="D63658" s="1" t="s">
        <v>212666</v>
      </c>
      <c r="E63658" s="1" t="s">
        <v>212667</v>
      </c>
      <c r="F63658" s="1" t="s">
        <v>127062</v>
      </c>
      <c r="G63658" s="1" t="s">
        <v>212591</v>
      </c>
      <c r="H63658" s="1" t="s">
        <v>212592</v>
      </c>
      <c r="I63658" s="1" t="s">
        <v>207852</v>
      </c>
      <c r="J63658" s="1" t="s">
        <v>212668</v>
      </c>
    </row>
    <row r="63659" spans="1:10" x14ac:dyDescent="0.35">
      <c r="A63659" s="1" t="s">
        <v>144592</v>
      </c>
      <c r="B63659" s="1" t="s">
        <v>207847</v>
      </c>
      <c r="C63659" s="1" t="s">
        <v>8</v>
      </c>
      <c r="D63659" s="1" t="s">
        <v>135339</v>
      </c>
      <c r="E63659" s="1" t="s">
        <v>212669</v>
      </c>
      <c r="F63659" s="1" t="s">
        <v>212670</v>
      </c>
      <c r="G63659" s="1" t="s">
        <v>212671</v>
      </c>
      <c r="H63659" s="1" t="s">
        <v>212672</v>
      </c>
      <c r="I63659" s="1" t="s">
        <v>207852</v>
      </c>
      <c r="J63659" s="1" t="s">
        <v>13</v>
      </c>
    </row>
    <row r="63660" spans="1:10" x14ac:dyDescent="0.35">
      <c r="A63660" s="1" t="s">
        <v>144592</v>
      </c>
      <c r="B63660" s="1" t="s">
        <v>207847</v>
      </c>
      <c r="C63660" s="1" t="s">
        <v>15</v>
      </c>
      <c r="D63660" s="1" t="s">
        <v>153617</v>
      </c>
      <c r="E63660" s="1" t="s">
        <v>212673</v>
      </c>
      <c r="F63660" s="1" t="s">
        <v>212674</v>
      </c>
      <c r="G63660" s="1" t="s">
        <v>212671</v>
      </c>
      <c r="H63660" s="1" t="s">
        <v>212672</v>
      </c>
      <c r="I63660" s="1" t="s">
        <v>207852</v>
      </c>
      <c r="J63660" s="1" t="s">
        <v>212675</v>
      </c>
    </row>
    <row r="63661" spans="1:10" x14ac:dyDescent="0.35">
      <c r="A63661" s="1" t="s">
        <v>144592</v>
      </c>
      <c r="B63661" s="1" t="s">
        <v>207847</v>
      </c>
      <c r="C63661" s="1" t="s">
        <v>20</v>
      </c>
      <c r="D63661" s="1" t="s">
        <v>38218</v>
      </c>
      <c r="E63661" s="1" t="s">
        <v>212676</v>
      </c>
      <c r="F63661" s="1" t="s">
        <v>212677</v>
      </c>
      <c r="G63661" s="1" t="s">
        <v>212671</v>
      </c>
      <c r="H63661" s="1" t="s">
        <v>212672</v>
      </c>
      <c r="I63661" s="1" t="s">
        <v>207852</v>
      </c>
      <c r="J63661" s="1" t="s">
        <v>212678</v>
      </c>
    </row>
    <row r="63662" spans="1:10" x14ac:dyDescent="0.35">
      <c r="A63662" s="1" t="s">
        <v>144592</v>
      </c>
      <c r="B63662" s="1" t="s">
        <v>207847</v>
      </c>
      <c r="C63662" s="1" t="s">
        <v>25</v>
      </c>
      <c r="D63662" s="1" t="s">
        <v>115666</v>
      </c>
      <c r="E63662" s="1" t="s">
        <v>212679</v>
      </c>
      <c r="F63662" s="1" t="s">
        <v>212680</v>
      </c>
      <c r="G63662" s="1" t="s">
        <v>212671</v>
      </c>
      <c r="H63662" s="1" t="s">
        <v>212672</v>
      </c>
      <c r="I63662" s="1" t="s">
        <v>207852</v>
      </c>
      <c r="J63662" s="1" t="s">
        <v>212681</v>
      </c>
    </row>
    <row r="63663" spans="1:10" x14ac:dyDescent="0.35">
      <c r="A63663" s="1" t="s">
        <v>144592</v>
      </c>
      <c r="B63663" s="1" t="s">
        <v>207847</v>
      </c>
      <c r="C63663" s="1" t="s">
        <v>30</v>
      </c>
      <c r="D63663" s="1" t="s">
        <v>105132</v>
      </c>
      <c r="E63663" s="1" t="s">
        <v>212682</v>
      </c>
      <c r="F63663" s="1" t="s">
        <v>212683</v>
      </c>
      <c r="G63663" s="1" t="s">
        <v>212671</v>
      </c>
      <c r="H63663" s="1" t="s">
        <v>212672</v>
      </c>
      <c r="I63663" s="1" t="s">
        <v>207852</v>
      </c>
      <c r="J63663" s="1" t="s">
        <v>212684</v>
      </c>
    </row>
    <row r="63664" spans="1:10" x14ac:dyDescent="0.35">
      <c r="A63664" s="1" t="s">
        <v>144592</v>
      </c>
      <c r="B63664" s="1" t="s">
        <v>207847</v>
      </c>
      <c r="C63664" s="1" t="s">
        <v>35</v>
      </c>
      <c r="D63664" s="1" t="s">
        <v>212685</v>
      </c>
      <c r="E63664" s="1" t="s">
        <v>212686</v>
      </c>
      <c r="F63664" s="1" t="s">
        <v>212687</v>
      </c>
      <c r="G63664" s="1" t="s">
        <v>212671</v>
      </c>
      <c r="H63664" s="1" t="s">
        <v>212672</v>
      </c>
      <c r="I63664" s="1" t="s">
        <v>207852</v>
      </c>
      <c r="J63664" s="1" t="s">
        <v>212688</v>
      </c>
    </row>
    <row r="63665" spans="1:10" x14ac:dyDescent="0.35">
      <c r="A63665" s="1" t="s">
        <v>144592</v>
      </c>
      <c r="B63665" s="1" t="s">
        <v>207847</v>
      </c>
      <c r="C63665" s="1" t="s">
        <v>40</v>
      </c>
      <c r="D63665" s="1" t="s">
        <v>212689</v>
      </c>
      <c r="E63665" s="1" t="s">
        <v>212690</v>
      </c>
      <c r="F63665" s="1" t="s">
        <v>212691</v>
      </c>
      <c r="G63665" s="1" t="s">
        <v>212671</v>
      </c>
      <c r="H63665" s="1" t="s">
        <v>212672</v>
      </c>
      <c r="I63665" s="1" t="s">
        <v>207852</v>
      </c>
      <c r="J63665" s="1" t="s">
        <v>212692</v>
      </c>
    </row>
    <row r="63666" spans="1:10" x14ac:dyDescent="0.35">
      <c r="A63666" s="1" t="s">
        <v>144592</v>
      </c>
      <c r="B63666" s="1" t="s">
        <v>207847</v>
      </c>
      <c r="C63666" s="1" t="s">
        <v>45</v>
      </c>
      <c r="D63666" s="1" t="s">
        <v>126424</v>
      </c>
      <c r="E63666" s="1" t="s">
        <v>212693</v>
      </c>
      <c r="F63666" s="1" t="s">
        <v>212694</v>
      </c>
      <c r="G63666" s="1" t="s">
        <v>212671</v>
      </c>
      <c r="H63666" s="1" t="s">
        <v>212672</v>
      </c>
      <c r="I63666" s="1" t="s">
        <v>207852</v>
      </c>
      <c r="J63666" s="1" t="s">
        <v>212695</v>
      </c>
    </row>
    <row r="63667" spans="1:10" x14ac:dyDescent="0.35">
      <c r="A63667" s="1" t="s">
        <v>144592</v>
      </c>
      <c r="B63667" s="1" t="s">
        <v>207847</v>
      </c>
      <c r="C63667" s="1" t="s">
        <v>50</v>
      </c>
      <c r="D63667" s="1" t="s">
        <v>30921</v>
      </c>
      <c r="E63667" s="1" t="s">
        <v>212696</v>
      </c>
      <c r="F63667" s="1" t="s">
        <v>212697</v>
      </c>
      <c r="G63667" s="1" t="s">
        <v>212671</v>
      </c>
      <c r="H63667" s="1" t="s">
        <v>212672</v>
      </c>
      <c r="I63667" s="1" t="s">
        <v>207852</v>
      </c>
      <c r="J63667" s="1" t="s">
        <v>212698</v>
      </c>
    </row>
    <row r="63668" spans="1:10" x14ac:dyDescent="0.35">
      <c r="A63668" s="1" t="s">
        <v>144592</v>
      </c>
      <c r="B63668" s="1" t="s">
        <v>207847</v>
      </c>
      <c r="C63668" s="1" t="s">
        <v>55</v>
      </c>
      <c r="D63668" s="1" t="s">
        <v>71300</v>
      </c>
      <c r="E63668" s="1" t="s">
        <v>212699</v>
      </c>
      <c r="F63668" s="1" t="s">
        <v>212700</v>
      </c>
      <c r="G63668" s="1" t="s">
        <v>212671</v>
      </c>
      <c r="H63668" s="1" t="s">
        <v>212672</v>
      </c>
      <c r="I63668" s="1" t="s">
        <v>207852</v>
      </c>
      <c r="J63668" s="1" t="s">
        <v>212701</v>
      </c>
    </row>
    <row r="63669" spans="1:10" x14ac:dyDescent="0.35">
      <c r="A63669" s="1" t="s">
        <v>144592</v>
      </c>
      <c r="B63669" s="1" t="s">
        <v>207847</v>
      </c>
      <c r="C63669" s="1" t="s">
        <v>60</v>
      </c>
      <c r="D63669" s="1" t="s">
        <v>212702</v>
      </c>
      <c r="E63669" s="1" t="s">
        <v>212703</v>
      </c>
      <c r="F63669" s="1" t="s">
        <v>212704</v>
      </c>
      <c r="G63669" s="1" t="s">
        <v>212671</v>
      </c>
      <c r="H63669" s="1" t="s">
        <v>212672</v>
      </c>
      <c r="I63669" s="1" t="s">
        <v>207852</v>
      </c>
      <c r="J63669" s="1" t="s">
        <v>212705</v>
      </c>
    </row>
    <row r="63670" spans="1:10" x14ac:dyDescent="0.35">
      <c r="A63670" s="1" t="s">
        <v>144592</v>
      </c>
      <c r="B63670" s="1" t="s">
        <v>207847</v>
      </c>
      <c r="C63670" s="1" t="s">
        <v>65</v>
      </c>
      <c r="D63670" s="1" t="s">
        <v>72429</v>
      </c>
      <c r="E63670" s="1" t="s">
        <v>212706</v>
      </c>
      <c r="F63670" s="1" t="s">
        <v>212707</v>
      </c>
      <c r="G63670" s="1" t="s">
        <v>212671</v>
      </c>
      <c r="H63670" s="1" t="s">
        <v>212672</v>
      </c>
      <c r="I63670" s="1" t="s">
        <v>207852</v>
      </c>
      <c r="J63670" s="1" t="s">
        <v>212708</v>
      </c>
    </row>
    <row r="63671" spans="1:10" x14ac:dyDescent="0.35">
      <c r="A63671" s="1" t="s">
        <v>144592</v>
      </c>
      <c r="B63671" s="1" t="s">
        <v>207847</v>
      </c>
      <c r="C63671" s="1" t="s">
        <v>70</v>
      </c>
      <c r="D63671" s="1" t="s">
        <v>175388</v>
      </c>
      <c r="E63671" s="1" t="s">
        <v>212709</v>
      </c>
      <c r="F63671" s="1" t="s">
        <v>212710</v>
      </c>
      <c r="G63671" s="1" t="s">
        <v>212671</v>
      </c>
      <c r="H63671" s="1" t="s">
        <v>212672</v>
      </c>
      <c r="I63671" s="1" t="s">
        <v>207852</v>
      </c>
      <c r="J63671" s="1" t="s">
        <v>212711</v>
      </c>
    </row>
    <row r="63672" spans="1:10" x14ac:dyDescent="0.35">
      <c r="A63672" s="1" t="s">
        <v>144592</v>
      </c>
      <c r="B63672" s="1" t="s">
        <v>207847</v>
      </c>
      <c r="C63672" s="1" t="s">
        <v>75</v>
      </c>
      <c r="D63672" s="1" t="s">
        <v>212712</v>
      </c>
      <c r="E63672" s="1" t="s">
        <v>212713</v>
      </c>
      <c r="F63672" s="1" t="s">
        <v>212714</v>
      </c>
      <c r="G63672" s="1" t="s">
        <v>212671</v>
      </c>
      <c r="H63672" s="1" t="s">
        <v>212672</v>
      </c>
      <c r="I63672" s="1" t="s">
        <v>207852</v>
      </c>
      <c r="J63672" s="1" t="s">
        <v>212715</v>
      </c>
    </row>
    <row r="63673" spans="1:10" x14ac:dyDescent="0.35">
      <c r="A63673" s="1" t="s">
        <v>144592</v>
      </c>
      <c r="B63673" s="1" t="s">
        <v>207847</v>
      </c>
      <c r="C63673" s="1" t="s">
        <v>80</v>
      </c>
      <c r="D63673" s="1" t="s">
        <v>31553</v>
      </c>
      <c r="E63673" s="1" t="s">
        <v>212716</v>
      </c>
      <c r="F63673" s="1" t="s">
        <v>212717</v>
      </c>
      <c r="G63673" s="1" t="s">
        <v>212671</v>
      </c>
      <c r="H63673" s="1" t="s">
        <v>212672</v>
      </c>
      <c r="I63673" s="1" t="s">
        <v>207852</v>
      </c>
      <c r="J63673" s="1" t="s">
        <v>212718</v>
      </c>
    </row>
    <row r="63674" spans="1:10" x14ac:dyDescent="0.35">
      <c r="A63674" s="1" t="s">
        <v>144592</v>
      </c>
      <c r="B63674" s="1" t="s">
        <v>207847</v>
      </c>
      <c r="C63674" s="1" t="s">
        <v>85</v>
      </c>
      <c r="D63674" s="1" t="s">
        <v>212719</v>
      </c>
      <c r="E63674" s="1" t="s">
        <v>212720</v>
      </c>
      <c r="F63674" s="1" t="s">
        <v>212721</v>
      </c>
      <c r="G63674" s="1" t="s">
        <v>212671</v>
      </c>
      <c r="H63674" s="1" t="s">
        <v>212672</v>
      </c>
      <c r="I63674" s="1" t="s">
        <v>207852</v>
      </c>
      <c r="J63674" s="1" t="s">
        <v>212722</v>
      </c>
    </row>
    <row r="63675" spans="1:10" x14ac:dyDescent="0.35">
      <c r="A63675" s="1" t="s">
        <v>144592</v>
      </c>
      <c r="B63675" s="1" t="s">
        <v>207847</v>
      </c>
      <c r="C63675" s="1" t="s">
        <v>90</v>
      </c>
      <c r="D63675" s="1" t="s">
        <v>212723</v>
      </c>
      <c r="E63675" s="1" t="s">
        <v>212724</v>
      </c>
      <c r="F63675" s="1" t="s">
        <v>212725</v>
      </c>
      <c r="G63675" s="1" t="s">
        <v>212671</v>
      </c>
      <c r="H63675" s="1" t="s">
        <v>212672</v>
      </c>
      <c r="I63675" s="1" t="s">
        <v>207852</v>
      </c>
      <c r="J63675" s="1" t="s">
        <v>212726</v>
      </c>
    </row>
    <row r="63676" spans="1:10" x14ac:dyDescent="0.35">
      <c r="A63676" s="1" t="s">
        <v>144592</v>
      </c>
      <c r="B63676" s="1" t="s">
        <v>207847</v>
      </c>
      <c r="C63676" s="1" t="s">
        <v>95</v>
      </c>
      <c r="D63676" s="1" t="s">
        <v>212727</v>
      </c>
      <c r="E63676" s="1" t="s">
        <v>212728</v>
      </c>
      <c r="F63676" s="1" t="s">
        <v>212729</v>
      </c>
      <c r="G63676" s="1" t="s">
        <v>212671</v>
      </c>
      <c r="H63676" s="1" t="s">
        <v>212672</v>
      </c>
      <c r="I63676" s="1" t="s">
        <v>207852</v>
      </c>
      <c r="J63676" s="1" t="s">
        <v>212730</v>
      </c>
    </row>
    <row r="63677" spans="1:10" x14ac:dyDescent="0.35">
      <c r="A63677" s="1" t="s">
        <v>144592</v>
      </c>
      <c r="B63677" s="1" t="s">
        <v>207847</v>
      </c>
      <c r="C63677" s="1" t="s">
        <v>100</v>
      </c>
      <c r="D63677" s="1" t="s">
        <v>203201</v>
      </c>
      <c r="E63677" s="1" t="s">
        <v>212731</v>
      </c>
      <c r="F63677" s="1" t="s">
        <v>212732</v>
      </c>
      <c r="G63677" s="1" t="s">
        <v>212671</v>
      </c>
      <c r="H63677" s="1" t="s">
        <v>212672</v>
      </c>
      <c r="I63677" s="1" t="s">
        <v>207852</v>
      </c>
      <c r="J63677" s="1" t="s">
        <v>212733</v>
      </c>
    </row>
    <row r="63678" spans="1:10" x14ac:dyDescent="0.35">
      <c r="A63678" s="1" t="s">
        <v>144592</v>
      </c>
      <c r="B63678" s="1" t="s">
        <v>207847</v>
      </c>
      <c r="C63678" s="1" t="s">
        <v>105</v>
      </c>
      <c r="D63678" s="1" t="s">
        <v>142288</v>
      </c>
      <c r="E63678" s="1" t="s">
        <v>212734</v>
      </c>
      <c r="F63678" s="1" t="s">
        <v>212735</v>
      </c>
      <c r="G63678" s="1" t="s">
        <v>212671</v>
      </c>
      <c r="H63678" s="1" t="s">
        <v>212672</v>
      </c>
      <c r="I63678" s="1" t="s">
        <v>207852</v>
      </c>
      <c r="J63678" s="1" t="s">
        <v>212736</v>
      </c>
    </row>
    <row r="63679" spans="1:10" x14ac:dyDescent="0.35">
      <c r="A63679" s="1" t="s">
        <v>144592</v>
      </c>
      <c r="B63679" s="1" t="s">
        <v>207847</v>
      </c>
      <c r="C63679" s="1" t="s">
        <v>110</v>
      </c>
      <c r="D63679" s="1" t="s">
        <v>155502</v>
      </c>
      <c r="E63679" s="1" t="s">
        <v>212737</v>
      </c>
      <c r="F63679" s="1" t="s">
        <v>212738</v>
      </c>
      <c r="G63679" s="1" t="s">
        <v>212671</v>
      </c>
      <c r="H63679" s="1" t="s">
        <v>212672</v>
      </c>
      <c r="I63679" s="1" t="s">
        <v>207852</v>
      </c>
      <c r="J63679" s="1" t="s">
        <v>212739</v>
      </c>
    </row>
    <row r="63680" spans="1:10" x14ac:dyDescent="0.35">
      <c r="A63680" s="1" t="s">
        <v>144592</v>
      </c>
      <c r="B63680" s="1" t="s">
        <v>207847</v>
      </c>
      <c r="C63680" s="1" t="s">
        <v>115</v>
      </c>
      <c r="D63680" s="1" t="s">
        <v>179910</v>
      </c>
      <c r="E63680" s="1" t="s">
        <v>212740</v>
      </c>
      <c r="F63680" s="1" t="s">
        <v>212741</v>
      </c>
      <c r="G63680" s="1" t="s">
        <v>212671</v>
      </c>
      <c r="H63680" s="1" t="s">
        <v>212672</v>
      </c>
      <c r="I63680" s="1" t="s">
        <v>207852</v>
      </c>
      <c r="J63680" s="1" t="s">
        <v>212742</v>
      </c>
    </row>
    <row r="63681" spans="1:10" x14ac:dyDescent="0.35">
      <c r="A63681" s="1" t="s">
        <v>144592</v>
      </c>
      <c r="B63681" s="1" t="s">
        <v>207847</v>
      </c>
      <c r="C63681" s="1" t="s">
        <v>120</v>
      </c>
      <c r="D63681" s="1" t="s">
        <v>212743</v>
      </c>
      <c r="E63681" s="1" t="s">
        <v>212744</v>
      </c>
      <c r="F63681" s="1" t="s">
        <v>212745</v>
      </c>
      <c r="G63681" s="1" t="s">
        <v>212671</v>
      </c>
      <c r="H63681" s="1" t="s">
        <v>212672</v>
      </c>
      <c r="I63681" s="1" t="s">
        <v>207852</v>
      </c>
      <c r="J63681" s="1" t="s">
        <v>212746</v>
      </c>
    </row>
    <row r="63682" spans="1:10" x14ac:dyDescent="0.35">
      <c r="A63682" s="1" t="s">
        <v>144592</v>
      </c>
      <c r="B63682" s="1" t="s">
        <v>207847</v>
      </c>
      <c r="C63682" s="1" t="s">
        <v>125</v>
      </c>
      <c r="D63682" s="1" t="s">
        <v>212747</v>
      </c>
      <c r="E63682" s="1" t="s">
        <v>212748</v>
      </c>
      <c r="F63682" s="1" t="s">
        <v>212749</v>
      </c>
      <c r="G63682" s="1" t="s">
        <v>212671</v>
      </c>
      <c r="H63682" s="1" t="s">
        <v>212672</v>
      </c>
      <c r="I63682" s="1" t="s">
        <v>207852</v>
      </c>
      <c r="J63682" s="1" t="s">
        <v>212750</v>
      </c>
    </row>
    <row r="63683" spans="1:10" x14ac:dyDescent="0.35">
      <c r="A63683" s="1" t="s">
        <v>144592</v>
      </c>
      <c r="B63683" s="1" t="s">
        <v>207847</v>
      </c>
      <c r="C63683" s="1" t="s">
        <v>130</v>
      </c>
      <c r="D63683" s="1" t="s">
        <v>57853</v>
      </c>
      <c r="E63683" s="1" t="s">
        <v>212751</v>
      </c>
      <c r="F63683" s="1" t="s">
        <v>212752</v>
      </c>
      <c r="G63683" s="1" t="s">
        <v>212671</v>
      </c>
      <c r="H63683" s="1" t="s">
        <v>212672</v>
      </c>
      <c r="I63683" s="1" t="s">
        <v>207852</v>
      </c>
      <c r="J63683" s="1" t="s">
        <v>212753</v>
      </c>
    </row>
    <row r="63684" spans="1:10" x14ac:dyDescent="0.35">
      <c r="A63684" s="1" t="s">
        <v>144592</v>
      </c>
      <c r="B63684" s="1" t="s">
        <v>207847</v>
      </c>
      <c r="C63684" s="1" t="s">
        <v>135</v>
      </c>
      <c r="D63684" s="1" t="s">
        <v>79144</v>
      </c>
      <c r="E63684" s="1" t="s">
        <v>212754</v>
      </c>
      <c r="F63684" s="1" t="s">
        <v>212755</v>
      </c>
      <c r="G63684" s="1" t="s">
        <v>212671</v>
      </c>
      <c r="H63684" s="1" t="s">
        <v>212672</v>
      </c>
      <c r="I63684" s="1" t="s">
        <v>207852</v>
      </c>
      <c r="J63684" s="1" t="s">
        <v>212756</v>
      </c>
    </row>
    <row r="63685" spans="1:10" x14ac:dyDescent="0.35">
      <c r="A63685" s="1" t="s">
        <v>144592</v>
      </c>
      <c r="B63685" s="1" t="s">
        <v>207847</v>
      </c>
      <c r="C63685" s="1" t="s">
        <v>140</v>
      </c>
      <c r="D63685" s="1" t="s">
        <v>114926</v>
      </c>
      <c r="E63685" s="1" t="s">
        <v>212757</v>
      </c>
      <c r="F63685" s="1" t="s">
        <v>212758</v>
      </c>
      <c r="G63685" s="1" t="s">
        <v>212671</v>
      </c>
      <c r="H63685" s="1" t="s">
        <v>212672</v>
      </c>
      <c r="I63685" s="1" t="s">
        <v>207852</v>
      </c>
      <c r="J63685" s="1" t="s">
        <v>212759</v>
      </c>
    </row>
    <row r="63686" spans="1:10" x14ac:dyDescent="0.35">
      <c r="A63686" s="1" t="s">
        <v>144592</v>
      </c>
      <c r="B63686" s="1" t="s">
        <v>207847</v>
      </c>
      <c r="C63686" s="1" t="s">
        <v>145</v>
      </c>
      <c r="D63686" s="1" t="s">
        <v>78242</v>
      </c>
      <c r="E63686" s="1" t="s">
        <v>212760</v>
      </c>
      <c r="F63686" s="1" t="s">
        <v>212761</v>
      </c>
      <c r="G63686" s="1" t="s">
        <v>212671</v>
      </c>
      <c r="H63686" s="1" t="s">
        <v>212672</v>
      </c>
      <c r="I63686" s="1" t="s">
        <v>207852</v>
      </c>
      <c r="J63686" s="1" t="s">
        <v>212762</v>
      </c>
    </row>
    <row r="63687" spans="1:10" x14ac:dyDescent="0.35">
      <c r="A63687" s="1" t="s">
        <v>144592</v>
      </c>
      <c r="B63687" s="1" t="s">
        <v>207847</v>
      </c>
      <c r="C63687" s="1" t="s">
        <v>150</v>
      </c>
      <c r="D63687" s="1" t="s">
        <v>2685</v>
      </c>
      <c r="E63687" s="1" t="s">
        <v>212763</v>
      </c>
      <c r="F63687" s="1" t="s">
        <v>212764</v>
      </c>
      <c r="G63687" s="1" t="s">
        <v>212671</v>
      </c>
      <c r="H63687" s="1" t="s">
        <v>212672</v>
      </c>
      <c r="I63687" s="1" t="s">
        <v>207852</v>
      </c>
      <c r="J63687" s="1" t="s">
        <v>212765</v>
      </c>
    </row>
    <row r="63688" spans="1:10" x14ac:dyDescent="0.35">
      <c r="A63688" s="1" t="s">
        <v>144592</v>
      </c>
      <c r="B63688" s="1" t="s">
        <v>207847</v>
      </c>
      <c r="C63688" s="1" t="s">
        <v>155</v>
      </c>
      <c r="D63688" s="1" t="s">
        <v>53314</v>
      </c>
      <c r="E63688" s="1" t="s">
        <v>212766</v>
      </c>
      <c r="F63688" s="1" t="s">
        <v>212767</v>
      </c>
      <c r="G63688" s="1" t="s">
        <v>212671</v>
      </c>
      <c r="H63688" s="1" t="s">
        <v>212672</v>
      </c>
      <c r="I63688" s="1" t="s">
        <v>207852</v>
      </c>
      <c r="J63688" s="1" t="s">
        <v>212768</v>
      </c>
    </row>
    <row r="63689" spans="1:10" x14ac:dyDescent="0.35">
      <c r="A63689" s="1" t="s">
        <v>144592</v>
      </c>
      <c r="B63689" s="1" t="s">
        <v>207847</v>
      </c>
      <c r="C63689" s="1" t="s">
        <v>160</v>
      </c>
      <c r="D63689" s="1" t="s">
        <v>212456</v>
      </c>
      <c r="E63689" s="1" t="s">
        <v>212769</v>
      </c>
      <c r="F63689" s="1" t="s">
        <v>212770</v>
      </c>
      <c r="G63689" s="1" t="s">
        <v>212671</v>
      </c>
      <c r="H63689" s="1" t="s">
        <v>212672</v>
      </c>
      <c r="I63689" s="1" t="s">
        <v>207852</v>
      </c>
      <c r="J63689" s="1" t="s">
        <v>212771</v>
      </c>
    </row>
    <row r="63690" spans="1:10" x14ac:dyDescent="0.35">
      <c r="A63690" s="1" t="s">
        <v>144592</v>
      </c>
      <c r="B63690" s="1" t="s">
        <v>207847</v>
      </c>
      <c r="C63690" s="1" t="s">
        <v>165</v>
      </c>
      <c r="D63690" s="1" t="s">
        <v>113866</v>
      </c>
      <c r="E63690" s="1" t="s">
        <v>212772</v>
      </c>
      <c r="F63690" s="1" t="s">
        <v>212773</v>
      </c>
      <c r="G63690" s="1" t="s">
        <v>212671</v>
      </c>
      <c r="H63690" s="1" t="s">
        <v>212672</v>
      </c>
      <c r="I63690" s="1" t="s">
        <v>207852</v>
      </c>
      <c r="J63690" s="1" t="s">
        <v>212774</v>
      </c>
    </row>
    <row r="63691" spans="1:10" x14ac:dyDescent="0.35">
      <c r="A63691" s="1" t="s">
        <v>144592</v>
      </c>
      <c r="B63691" s="1" t="s">
        <v>207847</v>
      </c>
      <c r="C63691" s="1" t="s">
        <v>170</v>
      </c>
      <c r="D63691" s="1" t="s">
        <v>212775</v>
      </c>
      <c r="E63691" s="1" t="s">
        <v>212776</v>
      </c>
      <c r="F63691" s="1" t="s">
        <v>212777</v>
      </c>
      <c r="G63691" s="1" t="s">
        <v>212671</v>
      </c>
      <c r="H63691" s="1" t="s">
        <v>212672</v>
      </c>
      <c r="I63691" s="1" t="s">
        <v>207852</v>
      </c>
      <c r="J63691" s="1" t="s">
        <v>212778</v>
      </c>
    </row>
    <row r="63692" spans="1:10" x14ac:dyDescent="0.35">
      <c r="A63692" s="1" t="s">
        <v>143704</v>
      </c>
      <c r="B63692" s="1" t="s">
        <v>207847</v>
      </c>
      <c r="C63692" s="1" t="s">
        <v>8</v>
      </c>
      <c r="D63692" s="1" t="s">
        <v>212779</v>
      </c>
      <c r="E63692" s="1" t="s">
        <v>212780</v>
      </c>
      <c r="F63692" s="1" t="s">
        <v>212781</v>
      </c>
      <c r="G63692" s="1" t="s">
        <v>212782</v>
      </c>
      <c r="H63692" s="1" t="s">
        <v>212783</v>
      </c>
      <c r="I63692" s="1" t="s">
        <v>207852</v>
      </c>
      <c r="J63692" s="1" t="s">
        <v>13</v>
      </c>
    </row>
    <row r="63693" spans="1:10" x14ac:dyDescent="0.35">
      <c r="A63693" s="1" t="s">
        <v>143704</v>
      </c>
      <c r="B63693" s="1" t="s">
        <v>207847</v>
      </c>
      <c r="C63693" s="1" t="s">
        <v>15</v>
      </c>
      <c r="D63693" s="1" t="s">
        <v>11620</v>
      </c>
      <c r="E63693" s="1" t="s">
        <v>212784</v>
      </c>
      <c r="F63693" s="1" t="s">
        <v>212785</v>
      </c>
      <c r="G63693" s="1" t="s">
        <v>212782</v>
      </c>
      <c r="H63693" s="1" t="s">
        <v>212783</v>
      </c>
      <c r="I63693" s="1" t="s">
        <v>207852</v>
      </c>
      <c r="J63693" s="1" t="s">
        <v>212786</v>
      </c>
    </row>
    <row r="63694" spans="1:10" x14ac:dyDescent="0.35">
      <c r="A63694" s="1" t="s">
        <v>143704</v>
      </c>
      <c r="B63694" s="1" t="s">
        <v>207847</v>
      </c>
      <c r="C63694" s="1" t="s">
        <v>20</v>
      </c>
      <c r="D63694" s="1" t="s">
        <v>38039</v>
      </c>
      <c r="E63694" s="1" t="s">
        <v>212787</v>
      </c>
      <c r="F63694" s="1" t="s">
        <v>212788</v>
      </c>
      <c r="G63694" s="1" t="s">
        <v>212782</v>
      </c>
      <c r="H63694" s="1" t="s">
        <v>212783</v>
      </c>
      <c r="I63694" s="1" t="s">
        <v>207852</v>
      </c>
      <c r="J63694" s="1" t="s">
        <v>212789</v>
      </c>
    </row>
    <row r="63695" spans="1:10" x14ac:dyDescent="0.35">
      <c r="A63695" s="1" t="s">
        <v>143704</v>
      </c>
      <c r="B63695" s="1" t="s">
        <v>207847</v>
      </c>
      <c r="C63695" s="1" t="s">
        <v>25</v>
      </c>
      <c r="D63695" s="1" t="s">
        <v>212790</v>
      </c>
      <c r="E63695" s="1" t="s">
        <v>212791</v>
      </c>
      <c r="F63695" s="1" t="s">
        <v>212792</v>
      </c>
      <c r="G63695" s="1" t="s">
        <v>212782</v>
      </c>
      <c r="H63695" s="1" t="s">
        <v>212783</v>
      </c>
      <c r="I63695" s="1" t="s">
        <v>207852</v>
      </c>
      <c r="J63695" s="1" t="s">
        <v>212793</v>
      </c>
    </row>
    <row r="63696" spans="1:10" x14ac:dyDescent="0.35">
      <c r="A63696" s="1" t="s">
        <v>143704</v>
      </c>
      <c r="B63696" s="1" t="s">
        <v>207847</v>
      </c>
      <c r="C63696" s="1" t="s">
        <v>30</v>
      </c>
      <c r="D63696" s="1" t="s">
        <v>175908</v>
      </c>
      <c r="E63696" s="1" t="s">
        <v>212794</v>
      </c>
      <c r="F63696" s="1" t="s">
        <v>212795</v>
      </c>
      <c r="G63696" s="1" t="s">
        <v>212782</v>
      </c>
      <c r="H63696" s="1" t="s">
        <v>212783</v>
      </c>
      <c r="I63696" s="1" t="s">
        <v>207852</v>
      </c>
      <c r="J63696" s="1" t="s">
        <v>212796</v>
      </c>
    </row>
    <row r="63697" spans="1:10" x14ac:dyDescent="0.35">
      <c r="A63697" s="1" t="s">
        <v>143704</v>
      </c>
      <c r="B63697" s="1" t="s">
        <v>207847</v>
      </c>
      <c r="C63697" s="1" t="s">
        <v>35</v>
      </c>
      <c r="D63697" s="1" t="s">
        <v>155643</v>
      </c>
      <c r="E63697" s="1" t="s">
        <v>212797</v>
      </c>
      <c r="F63697" s="1" t="s">
        <v>212798</v>
      </c>
      <c r="G63697" s="1" t="s">
        <v>212782</v>
      </c>
      <c r="H63697" s="1" t="s">
        <v>212783</v>
      </c>
      <c r="I63697" s="1" t="s">
        <v>207852</v>
      </c>
      <c r="J63697" s="1" t="s">
        <v>212799</v>
      </c>
    </row>
    <row r="63698" spans="1:10" x14ac:dyDescent="0.35">
      <c r="A63698" s="1" t="s">
        <v>143704</v>
      </c>
      <c r="B63698" s="1" t="s">
        <v>207847</v>
      </c>
      <c r="C63698" s="1" t="s">
        <v>40</v>
      </c>
      <c r="D63698" s="1" t="s">
        <v>37264</v>
      </c>
      <c r="E63698" s="1" t="s">
        <v>212800</v>
      </c>
      <c r="F63698" s="1" t="s">
        <v>212801</v>
      </c>
      <c r="G63698" s="1" t="s">
        <v>212782</v>
      </c>
      <c r="H63698" s="1" t="s">
        <v>212783</v>
      </c>
      <c r="I63698" s="1" t="s">
        <v>207852</v>
      </c>
      <c r="J63698" s="1" t="s">
        <v>212802</v>
      </c>
    </row>
    <row r="63699" spans="1:10" x14ac:dyDescent="0.35">
      <c r="A63699" s="1" t="s">
        <v>143704</v>
      </c>
      <c r="B63699" s="1" t="s">
        <v>207847</v>
      </c>
      <c r="C63699" s="1" t="s">
        <v>45</v>
      </c>
      <c r="D63699" s="1" t="s">
        <v>125904</v>
      </c>
      <c r="E63699" s="1" t="s">
        <v>212803</v>
      </c>
      <c r="F63699" s="1" t="s">
        <v>212804</v>
      </c>
      <c r="G63699" s="1" t="s">
        <v>212782</v>
      </c>
      <c r="H63699" s="1" t="s">
        <v>212783</v>
      </c>
      <c r="I63699" s="1" t="s">
        <v>207852</v>
      </c>
      <c r="J63699" s="1" t="s">
        <v>212805</v>
      </c>
    </row>
    <row r="63700" spans="1:10" x14ac:dyDescent="0.35">
      <c r="A63700" s="1" t="s">
        <v>143704</v>
      </c>
      <c r="B63700" s="1" t="s">
        <v>207847</v>
      </c>
      <c r="C63700" s="1" t="s">
        <v>50</v>
      </c>
      <c r="D63700" s="1" t="s">
        <v>12279</v>
      </c>
      <c r="E63700" s="1" t="s">
        <v>212806</v>
      </c>
      <c r="F63700" s="1" t="s">
        <v>212807</v>
      </c>
      <c r="G63700" s="1" t="s">
        <v>212782</v>
      </c>
      <c r="H63700" s="1" t="s">
        <v>212783</v>
      </c>
      <c r="I63700" s="1" t="s">
        <v>207852</v>
      </c>
      <c r="J63700" s="1" t="s">
        <v>212808</v>
      </c>
    </row>
    <row r="63701" spans="1:10" x14ac:dyDescent="0.35">
      <c r="A63701" s="1" t="s">
        <v>143704</v>
      </c>
      <c r="B63701" s="1" t="s">
        <v>207847</v>
      </c>
      <c r="C63701" s="1" t="s">
        <v>55</v>
      </c>
      <c r="D63701" s="1" t="s">
        <v>212809</v>
      </c>
      <c r="E63701" s="1" t="s">
        <v>212810</v>
      </c>
      <c r="F63701" s="1" t="s">
        <v>212811</v>
      </c>
      <c r="G63701" s="1" t="s">
        <v>212782</v>
      </c>
      <c r="H63701" s="1" t="s">
        <v>212783</v>
      </c>
      <c r="I63701" s="1" t="s">
        <v>207852</v>
      </c>
      <c r="J63701" s="1" t="s">
        <v>212812</v>
      </c>
    </row>
    <row r="63702" spans="1:10" x14ac:dyDescent="0.35">
      <c r="A63702" s="1" t="s">
        <v>143704</v>
      </c>
      <c r="B63702" s="1" t="s">
        <v>207847</v>
      </c>
      <c r="C63702" s="1" t="s">
        <v>60</v>
      </c>
      <c r="D63702" s="1" t="s">
        <v>38686</v>
      </c>
      <c r="E63702" s="1" t="s">
        <v>212813</v>
      </c>
      <c r="F63702" s="1" t="s">
        <v>212814</v>
      </c>
      <c r="G63702" s="1" t="s">
        <v>212782</v>
      </c>
      <c r="H63702" s="1" t="s">
        <v>212783</v>
      </c>
      <c r="I63702" s="1" t="s">
        <v>207852</v>
      </c>
      <c r="J63702" s="1" t="s">
        <v>212815</v>
      </c>
    </row>
    <row r="63703" spans="1:10" x14ac:dyDescent="0.35">
      <c r="A63703" s="1" t="s">
        <v>143704</v>
      </c>
      <c r="B63703" s="1" t="s">
        <v>207847</v>
      </c>
      <c r="C63703" s="1" t="s">
        <v>65</v>
      </c>
      <c r="D63703" s="1" t="s">
        <v>212816</v>
      </c>
      <c r="E63703" s="1" t="s">
        <v>212817</v>
      </c>
      <c r="F63703" s="1" t="s">
        <v>212818</v>
      </c>
      <c r="G63703" s="1" t="s">
        <v>212782</v>
      </c>
      <c r="H63703" s="1" t="s">
        <v>212783</v>
      </c>
      <c r="I63703" s="1" t="s">
        <v>207852</v>
      </c>
      <c r="J63703" s="1" t="s">
        <v>212819</v>
      </c>
    </row>
    <row r="63704" spans="1:10" x14ac:dyDescent="0.35">
      <c r="A63704" s="1" t="s">
        <v>143704</v>
      </c>
      <c r="B63704" s="1" t="s">
        <v>207847</v>
      </c>
      <c r="C63704" s="1" t="s">
        <v>70</v>
      </c>
      <c r="D63704" s="1" t="s">
        <v>212820</v>
      </c>
      <c r="E63704" s="1" t="s">
        <v>212821</v>
      </c>
      <c r="F63704" s="1" t="s">
        <v>212822</v>
      </c>
      <c r="G63704" s="1" t="s">
        <v>212782</v>
      </c>
      <c r="H63704" s="1" t="s">
        <v>212783</v>
      </c>
      <c r="I63704" s="1" t="s">
        <v>207852</v>
      </c>
      <c r="J63704" s="1" t="s">
        <v>212823</v>
      </c>
    </row>
    <row r="63705" spans="1:10" x14ac:dyDescent="0.35">
      <c r="A63705" s="1" t="s">
        <v>143704</v>
      </c>
      <c r="B63705" s="1" t="s">
        <v>207847</v>
      </c>
      <c r="C63705" s="1" t="s">
        <v>75</v>
      </c>
      <c r="D63705" s="1" t="s">
        <v>10642</v>
      </c>
      <c r="E63705" s="1" t="s">
        <v>212824</v>
      </c>
      <c r="F63705" s="1" t="s">
        <v>212825</v>
      </c>
      <c r="G63705" s="1" t="s">
        <v>212782</v>
      </c>
      <c r="H63705" s="1" t="s">
        <v>212783</v>
      </c>
      <c r="I63705" s="1" t="s">
        <v>207852</v>
      </c>
      <c r="J63705" s="1" t="s">
        <v>212826</v>
      </c>
    </row>
    <row r="63706" spans="1:10" x14ac:dyDescent="0.35">
      <c r="A63706" s="1" t="s">
        <v>143704</v>
      </c>
      <c r="B63706" s="1" t="s">
        <v>207847</v>
      </c>
      <c r="C63706" s="1" t="s">
        <v>80</v>
      </c>
      <c r="D63706" s="1" t="s">
        <v>212827</v>
      </c>
      <c r="E63706" s="1" t="s">
        <v>212828</v>
      </c>
      <c r="F63706" s="1" t="s">
        <v>212829</v>
      </c>
      <c r="G63706" s="1" t="s">
        <v>212782</v>
      </c>
      <c r="H63706" s="1" t="s">
        <v>212783</v>
      </c>
      <c r="I63706" s="1" t="s">
        <v>207852</v>
      </c>
      <c r="J63706" s="1" t="s">
        <v>212830</v>
      </c>
    </row>
    <row r="63707" spans="1:10" x14ac:dyDescent="0.35">
      <c r="A63707" s="1" t="s">
        <v>143704</v>
      </c>
      <c r="B63707" s="1" t="s">
        <v>207847</v>
      </c>
      <c r="C63707" s="1" t="s">
        <v>85</v>
      </c>
      <c r="D63707" s="1" t="s">
        <v>212831</v>
      </c>
      <c r="E63707" s="1" t="s">
        <v>212832</v>
      </c>
      <c r="F63707" s="1" t="s">
        <v>212833</v>
      </c>
      <c r="G63707" s="1" t="s">
        <v>212782</v>
      </c>
      <c r="H63707" s="1" t="s">
        <v>212783</v>
      </c>
      <c r="I63707" s="1" t="s">
        <v>207852</v>
      </c>
      <c r="J63707" s="1" t="s">
        <v>212834</v>
      </c>
    </row>
    <row r="63708" spans="1:10" x14ac:dyDescent="0.35">
      <c r="A63708" s="1" t="s">
        <v>143704</v>
      </c>
      <c r="B63708" s="1" t="s">
        <v>207847</v>
      </c>
      <c r="C63708" s="1" t="s">
        <v>90</v>
      </c>
      <c r="D63708" s="1" t="s">
        <v>169167</v>
      </c>
      <c r="E63708" s="1" t="s">
        <v>212835</v>
      </c>
      <c r="F63708" s="1" t="s">
        <v>212836</v>
      </c>
      <c r="G63708" s="1" t="s">
        <v>212782</v>
      </c>
      <c r="H63708" s="1" t="s">
        <v>212783</v>
      </c>
      <c r="I63708" s="1" t="s">
        <v>207852</v>
      </c>
      <c r="J63708" s="1" t="s">
        <v>212837</v>
      </c>
    </row>
    <row r="63709" spans="1:10" x14ac:dyDescent="0.35">
      <c r="A63709" s="1" t="s">
        <v>143704</v>
      </c>
      <c r="B63709" s="1" t="s">
        <v>207847</v>
      </c>
      <c r="C63709" s="1" t="s">
        <v>95</v>
      </c>
      <c r="D63709" s="1" t="s">
        <v>64864</v>
      </c>
      <c r="E63709" s="1" t="s">
        <v>212838</v>
      </c>
      <c r="F63709" s="1" t="s">
        <v>212839</v>
      </c>
      <c r="G63709" s="1" t="s">
        <v>212782</v>
      </c>
      <c r="H63709" s="1" t="s">
        <v>212783</v>
      </c>
      <c r="I63709" s="1" t="s">
        <v>207852</v>
      </c>
      <c r="J63709" s="1" t="s">
        <v>212840</v>
      </c>
    </row>
    <row r="63710" spans="1:10" x14ac:dyDescent="0.35">
      <c r="A63710" s="1" t="s">
        <v>143704</v>
      </c>
      <c r="B63710" s="1" t="s">
        <v>207847</v>
      </c>
      <c r="C63710" s="1" t="s">
        <v>100</v>
      </c>
      <c r="D63710" s="1" t="s">
        <v>147223</v>
      </c>
      <c r="E63710" s="1" t="s">
        <v>212841</v>
      </c>
      <c r="F63710" s="1" t="s">
        <v>212842</v>
      </c>
      <c r="G63710" s="1" t="s">
        <v>212782</v>
      </c>
      <c r="H63710" s="1" t="s">
        <v>212783</v>
      </c>
      <c r="I63710" s="1" t="s">
        <v>207852</v>
      </c>
      <c r="J63710" s="1" t="s">
        <v>212843</v>
      </c>
    </row>
    <row r="63711" spans="1:10" x14ac:dyDescent="0.35">
      <c r="A63711" s="1" t="s">
        <v>143704</v>
      </c>
      <c r="B63711" s="1" t="s">
        <v>207847</v>
      </c>
      <c r="C63711" s="1" t="s">
        <v>105</v>
      </c>
      <c r="D63711" s="1" t="s">
        <v>212844</v>
      </c>
      <c r="E63711" s="1" t="s">
        <v>212845</v>
      </c>
      <c r="F63711" s="1" t="s">
        <v>212846</v>
      </c>
      <c r="G63711" s="1" t="s">
        <v>212782</v>
      </c>
      <c r="H63711" s="1" t="s">
        <v>212783</v>
      </c>
      <c r="I63711" s="1" t="s">
        <v>207852</v>
      </c>
      <c r="J63711" s="1" t="s">
        <v>212847</v>
      </c>
    </row>
    <row r="63712" spans="1:10" x14ac:dyDescent="0.35">
      <c r="A63712" s="1" t="s">
        <v>143704</v>
      </c>
      <c r="B63712" s="1" t="s">
        <v>207847</v>
      </c>
      <c r="C63712" s="1" t="s">
        <v>110</v>
      </c>
      <c r="D63712" s="1" t="s">
        <v>107383</v>
      </c>
      <c r="E63712" s="1" t="s">
        <v>212848</v>
      </c>
      <c r="F63712" s="1" t="s">
        <v>212849</v>
      </c>
      <c r="G63712" s="1" t="s">
        <v>212782</v>
      </c>
      <c r="H63712" s="1" t="s">
        <v>212783</v>
      </c>
      <c r="I63712" s="1" t="s">
        <v>207852</v>
      </c>
      <c r="J63712" s="1" t="s">
        <v>212850</v>
      </c>
    </row>
    <row r="63713" spans="1:10" x14ac:dyDescent="0.35">
      <c r="A63713" s="1" t="s">
        <v>143704</v>
      </c>
      <c r="B63713" s="1" t="s">
        <v>207847</v>
      </c>
      <c r="C63713" s="1" t="s">
        <v>115</v>
      </c>
      <c r="D63713" s="1" t="s">
        <v>212851</v>
      </c>
      <c r="E63713" s="1" t="s">
        <v>212852</v>
      </c>
      <c r="F63713" s="1" t="s">
        <v>212853</v>
      </c>
      <c r="G63713" s="1" t="s">
        <v>212782</v>
      </c>
      <c r="H63713" s="1" t="s">
        <v>212783</v>
      </c>
      <c r="I63713" s="1" t="s">
        <v>207852</v>
      </c>
      <c r="J63713" s="1" t="s">
        <v>212854</v>
      </c>
    </row>
    <row r="63714" spans="1:10" x14ac:dyDescent="0.35">
      <c r="A63714" s="1" t="s">
        <v>143704</v>
      </c>
      <c r="B63714" s="1" t="s">
        <v>207847</v>
      </c>
      <c r="C63714" s="1" t="s">
        <v>120</v>
      </c>
      <c r="D63714" s="1" t="s">
        <v>66820</v>
      </c>
      <c r="E63714" s="1" t="s">
        <v>212855</v>
      </c>
      <c r="F63714" s="1" t="s">
        <v>212856</v>
      </c>
      <c r="G63714" s="1" t="s">
        <v>212782</v>
      </c>
      <c r="H63714" s="1" t="s">
        <v>212783</v>
      </c>
      <c r="I63714" s="1" t="s">
        <v>207852</v>
      </c>
      <c r="J63714" s="1" t="s">
        <v>212857</v>
      </c>
    </row>
    <row r="63715" spans="1:10" x14ac:dyDescent="0.35">
      <c r="A63715" s="1" t="s">
        <v>143704</v>
      </c>
      <c r="B63715" s="1" t="s">
        <v>207847</v>
      </c>
      <c r="C63715" s="1" t="s">
        <v>125</v>
      </c>
      <c r="D63715" s="1" t="s">
        <v>84627</v>
      </c>
      <c r="E63715" s="1" t="s">
        <v>212858</v>
      </c>
      <c r="F63715" s="1" t="s">
        <v>212859</v>
      </c>
      <c r="G63715" s="1" t="s">
        <v>212782</v>
      </c>
      <c r="H63715" s="1" t="s">
        <v>212783</v>
      </c>
      <c r="I63715" s="1" t="s">
        <v>207852</v>
      </c>
      <c r="J63715" s="1" t="s">
        <v>212860</v>
      </c>
    </row>
    <row r="63716" spans="1:10" x14ac:dyDescent="0.35">
      <c r="A63716" s="1" t="s">
        <v>143704</v>
      </c>
      <c r="B63716" s="1" t="s">
        <v>207847</v>
      </c>
      <c r="C63716" s="1" t="s">
        <v>130</v>
      </c>
      <c r="D63716" s="1" t="s">
        <v>127902</v>
      </c>
      <c r="E63716" s="1" t="s">
        <v>212861</v>
      </c>
      <c r="F63716" s="1" t="s">
        <v>212862</v>
      </c>
      <c r="G63716" s="1" t="s">
        <v>212782</v>
      </c>
      <c r="H63716" s="1" t="s">
        <v>212783</v>
      </c>
      <c r="I63716" s="1" t="s">
        <v>207852</v>
      </c>
      <c r="J63716" s="1" t="s">
        <v>212863</v>
      </c>
    </row>
    <row r="63717" spans="1:10" x14ac:dyDescent="0.35">
      <c r="A63717" s="1" t="s">
        <v>143704</v>
      </c>
      <c r="B63717" s="1" t="s">
        <v>207847</v>
      </c>
      <c r="C63717" s="1" t="s">
        <v>135</v>
      </c>
      <c r="D63717" s="1" t="s">
        <v>212864</v>
      </c>
      <c r="E63717" s="1" t="s">
        <v>212865</v>
      </c>
      <c r="F63717" s="1" t="s">
        <v>212866</v>
      </c>
      <c r="G63717" s="1" t="s">
        <v>212782</v>
      </c>
      <c r="H63717" s="1" t="s">
        <v>212783</v>
      </c>
      <c r="I63717" s="1" t="s">
        <v>207852</v>
      </c>
      <c r="J63717" s="1" t="s">
        <v>212867</v>
      </c>
    </row>
    <row r="63718" spans="1:10" x14ac:dyDescent="0.35">
      <c r="A63718" s="1" t="s">
        <v>143704</v>
      </c>
      <c r="B63718" s="1" t="s">
        <v>207847</v>
      </c>
      <c r="C63718" s="1" t="s">
        <v>140</v>
      </c>
      <c r="D63718" s="1" t="s">
        <v>58579</v>
      </c>
      <c r="E63718" s="1" t="s">
        <v>212868</v>
      </c>
      <c r="F63718" s="1" t="s">
        <v>212869</v>
      </c>
      <c r="G63718" s="1" t="s">
        <v>212782</v>
      </c>
      <c r="H63718" s="1" t="s">
        <v>212783</v>
      </c>
      <c r="I63718" s="1" t="s">
        <v>207852</v>
      </c>
      <c r="J63718" s="1" t="s">
        <v>212870</v>
      </c>
    </row>
    <row r="63719" spans="1:10" x14ac:dyDescent="0.35">
      <c r="A63719" s="1" t="s">
        <v>143704</v>
      </c>
      <c r="B63719" s="1" t="s">
        <v>207847</v>
      </c>
      <c r="C63719" s="1" t="s">
        <v>145</v>
      </c>
      <c r="D63719" s="1" t="s">
        <v>212871</v>
      </c>
      <c r="E63719" s="1" t="s">
        <v>212872</v>
      </c>
      <c r="F63719" s="1" t="s">
        <v>212873</v>
      </c>
      <c r="G63719" s="1" t="s">
        <v>212782</v>
      </c>
      <c r="H63719" s="1" t="s">
        <v>212783</v>
      </c>
      <c r="I63719" s="1" t="s">
        <v>207852</v>
      </c>
      <c r="J63719" s="1" t="s">
        <v>212874</v>
      </c>
    </row>
    <row r="63720" spans="1:10" x14ac:dyDescent="0.35">
      <c r="A63720" s="1" t="s">
        <v>143704</v>
      </c>
      <c r="B63720" s="1" t="s">
        <v>207847</v>
      </c>
      <c r="C63720" s="1" t="s">
        <v>150</v>
      </c>
      <c r="D63720" s="1" t="s">
        <v>89418</v>
      </c>
      <c r="E63720" s="1" t="s">
        <v>212875</v>
      </c>
      <c r="F63720" s="1" t="s">
        <v>212876</v>
      </c>
      <c r="G63720" s="1" t="s">
        <v>212782</v>
      </c>
      <c r="H63720" s="1" t="s">
        <v>212783</v>
      </c>
      <c r="I63720" s="1" t="s">
        <v>207852</v>
      </c>
      <c r="J63720" s="1" t="s">
        <v>212877</v>
      </c>
    </row>
    <row r="63721" spans="1:10" x14ac:dyDescent="0.35">
      <c r="A63721" s="1" t="s">
        <v>143704</v>
      </c>
      <c r="B63721" s="1" t="s">
        <v>207847</v>
      </c>
      <c r="C63721" s="1" t="s">
        <v>155</v>
      </c>
      <c r="D63721" s="1" t="s">
        <v>212878</v>
      </c>
      <c r="E63721" s="1" t="s">
        <v>212879</v>
      </c>
      <c r="F63721" s="1" t="s">
        <v>212880</v>
      </c>
      <c r="G63721" s="1" t="s">
        <v>212782</v>
      </c>
      <c r="H63721" s="1" t="s">
        <v>212783</v>
      </c>
      <c r="I63721" s="1" t="s">
        <v>207852</v>
      </c>
      <c r="J63721" s="1" t="s">
        <v>212881</v>
      </c>
    </row>
    <row r="63722" spans="1:10" x14ac:dyDescent="0.35">
      <c r="A63722" s="1" t="s">
        <v>143704</v>
      </c>
      <c r="B63722" s="1" t="s">
        <v>207847</v>
      </c>
      <c r="C63722" s="1" t="s">
        <v>160</v>
      </c>
      <c r="D63722" s="1" t="s">
        <v>200816</v>
      </c>
      <c r="E63722" s="1" t="s">
        <v>212882</v>
      </c>
      <c r="F63722" s="1" t="s">
        <v>212883</v>
      </c>
      <c r="G63722" s="1" t="s">
        <v>212782</v>
      </c>
      <c r="H63722" s="1" t="s">
        <v>212783</v>
      </c>
      <c r="I63722" s="1" t="s">
        <v>207852</v>
      </c>
      <c r="J63722" s="1" t="s">
        <v>212884</v>
      </c>
    </row>
    <row r="63723" spans="1:10" x14ac:dyDescent="0.35">
      <c r="A63723" s="1" t="s">
        <v>143704</v>
      </c>
      <c r="B63723" s="1" t="s">
        <v>207847</v>
      </c>
      <c r="C63723" s="1" t="s">
        <v>165</v>
      </c>
      <c r="D63723" s="1" t="s">
        <v>87369</v>
      </c>
      <c r="E63723" s="1" t="s">
        <v>212885</v>
      </c>
      <c r="F63723" s="1" t="s">
        <v>212886</v>
      </c>
      <c r="G63723" s="1" t="s">
        <v>212782</v>
      </c>
      <c r="H63723" s="1" t="s">
        <v>212783</v>
      </c>
      <c r="I63723" s="1" t="s">
        <v>207852</v>
      </c>
      <c r="J63723" s="1" t="s">
        <v>212887</v>
      </c>
    </row>
    <row r="63724" spans="1:10" x14ac:dyDescent="0.35">
      <c r="A63724" s="1" t="s">
        <v>143704</v>
      </c>
      <c r="B63724" s="1" t="s">
        <v>207847</v>
      </c>
      <c r="C63724" s="1" t="s">
        <v>170</v>
      </c>
      <c r="D63724" s="1" t="s">
        <v>212888</v>
      </c>
      <c r="E63724" s="1" t="s">
        <v>212889</v>
      </c>
      <c r="F63724" s="1" t="s">
        <v>212890</v>
      </c>
      <c r="G63724" s="1" t="s">
        <v>212782</v>
      </c>
      <c r="H63724" s="1" t="s">
        <v>212783</v>
      </c>
      <c r="I63724" s="1" t="s">
        <v>207852</v>
      </c>
      <c r="J63724" s="1" t="s">
        <v>212891</v>
      </c>
    </row>
    <row r="63725" spans="1:10" x14ac:dyDescent="0.35">
      <c r="A63725" s="1" t="s">
        <v>8679</v>
      </c>
      <c r="B63725" s="1" t="s">
        <v>207847</v>
      </c>
      <c r="C63725" s="1" t="s">
        <v>8</v>
      </c>
      <c r="D63725" s="1" t="s">
        <v>104589</v>
      </c>
      <c r="E63725" s="1" t="s">
        <v>212892</v>
      </c>
      <c r="F63725" s="1" t="s">
        <v>212893</v>
      </c>
      <c r="G63725" s="1" t="s">
        <v>212894</v>
      </c>
      <c r="H63725" s="1" t="s">
        <v>212895</v>
      </c>
      <c r="I63725" s="1" t="s">
        <v>207852</v>
      </c>
      <c r="J63725" s="1" t="s">
        <v>13</v>
      </c>
    </row>
    <row r="63726" spans="1:10" x14ac:dyDescent="0.35">
      <c r="A63726" s="1" t="s">
        <v>8679</v>
      </c>
      <c r="B63726" s="1" t="s">
        <v>207847</v>
      </c>
      <c r="C63726" s="1" t="s">
        <v>15</v>
      </c>
      <c r="D63726" s="1" t="s">
        <v>6727</v>
      </c>
      <c r="E63726" s="1" t="s">
        <v>212896</v>
      </c>
      <c r="F63726" s="1" t="s">
        <v>212897</v>
      </c>
      <c r="G63726" s="1" t="s">
        <v>212894</v>
      </c>
      <c r="H63726" s="1" t="s">
        <v>212895</v>
      </c>
      <c r="I63726" s="1" t="s">
        <v>207852</v>
      </c>
      <c r="J63726" s="1" t="s">
        <v>212898</v>
      </c>
    </row>
    <row r="63727" spans="1:10" x14ac:dyDescent="0.35">
      <c r="A63727" s="1" t="s">
        <v>8679</v>
      </c>
      <c r="B63727" s="1" t="s">
        <v>207847</v>
      </c>
      <c r="C63727" s="1" t="s">
        <v>20</v>
      </c>
      <c r="D63727" s="1" t="s">
        <v>212899</v>
      </c>
      <c r="E63727" s="1" t="s">
        <v>212900</v>
      </c>
      <c r="F63727" s="1" t="s">
        <v>212901</v>
      </c>
      <c r="G63727" s="1" t="s">
        <v>212894</v>
      </c>
      <c r="H63727" s="1" t="s">
        <v>212895</v>
      </c>
      <c r="I63727" s="1" t="s">
        <v>207852</v>
      </c>
      <c r="J63727" s="1" t="s">
        <v>212902</v>
      </c>
    </row>
    <row r="63728" spans="1:10" x14ac:dyDescent="0.35">
      <c r="A63728" s="1" t="s">
        <v>8679</v>
      </c>
      <c r="B63728" s="1" t="s">
        <v>207847</v>
      </c>
      <c r="C63728" s="1" t="s">
        <v>25</v>
      </c>
      <c r="D63728" s="1" t="s">
        <v>212903</v>
      </c>
      <c r="E63728" s="1" t="s">
        <v>212904</v>
      </c>
      <c r="F63728" s="1" t="s">
        <v>212905</v>
      </c>
      <c r="G63728" s="1" t="s">
        <v>212894</v>
      </c>
      <c r="H63728" s="1" t="s">
        <v>212895</v>
      </c>
      <c r="I63728" s="1" t="s">
        <v>207852</v>
      </c>
      <c r="J63728" s="1" t="s">
        <v>212906</v>
      </c>
    </row>
    <row r="63729" spans="1:10" x14ac:dyDescent="0.35">
      <c r="A63729" s="1" t="s">
        <v>8679</v>
      </c>
      <c r="B63729" s="1" t="s">
        <v>207847</v>
      </c>
      <c r="C63729" s="1" t="s">
        <v>30</v>
      </c>
      <c r="D63729" s="1" t="s">
        <v>212907</v>
      </c>
      <c r="E63729" s="1" t="s">
        <v>212908</v>
      </c>
      <c r="F63729" s="1" t="s">
        <v>212909</v>
      </c>
      <c r="G63729" s="1" t="s">
        <v>212894</v>
      </c>
      <c r="H63729" s="1" t="s">
        <v>212895</v>
      </c>
      <c r="I63729" s="1" t="s">
        <v>207852</v>
      </c>
      <c r="J63729" s="1" t="s">
        <v>212910</v>
      </c>
    </row>
    <row r="63730" spans="1:10" x14ac:dyDescent="0.35">
      <c r="A63730" s="1" t="s">
        <v>8679</v>
      </c>
      <c r="B63730" s="1" t="s">
        <v>207847</v>
      </c>
      <c r="C63730" s="1" t="s">
        <v>35</v>
      </c>
      <c r="D63730" s="1" t="s">
        <v>104981</v>
      </c>
      <c r="E63730" s="1" t="s">
        <v>212911</v>
      </c>
      <c r="F63730" s="1" t="s">
        <v>212912</v>
      </c>
      <c r="G63730" s="1" t="s">
        <v>212894</v>
      </c>
      <c r="H63730" s="1" t="s">
        <v>212895</v>
      </c>
      <c r="I63730" s="1" t="s">
        <v>207852</v>
      </c>
      <c r="J63730" s="1" t="s">
        <v>212913</v>
      </c>
    </row>
    <row r="63731" spans="1:10" x14ac:dyDescent="0.35">
      <c r="A63731" s="1" t="s">
        <v>8679</v>
      </c>
      <c r="B63731" s="1" t="s">
        <v>207847</v>
      </c>
      <c r="C63731" s="1" t="s">
        <v>40</v>
      </c>
      <c r="D63731" s="1" t="s">
        <v>212914</v>
      </c>
      <c r="E63731" s="1" t="s">
        <v>212915</v>
      </c>
      <c r="F63731" s="1" t="s">
        <v>212916</v>
      </c>
      <c r="G63731" s="1" t="s">
        <v>212894</v>
      </c>
      <c r="H63731" s="1" t="s">
        <v>212895</v>
      </c>
      <c r="I63731" s="1" t="s">
        <v>207852</v>
      </c>
      <c r="J63731" s="1" t="s">
        <v>212917</v>
      </c>
    </row>
    <row r="63732" spans="1:10" x14ac:dyDescent="0.35">
      <c r="A63732" s="1" t="s">
        <v>8679</v>
      </c>
      <c r="B63732" s="1" t="s">
        <v>207847</v>
      </c>
      <c r="C63732" s="1" t="s">
        <v>45</v>
      </c>
      <c r="D63732" s="1" t="s">
        <v>3144</v>
      </c>
      <c r="E63732" s="1" t="s">
        <v>212918</v>
      </c>
      <c r="F63732" s="1" t="s">
        <v>212919</v>
      </c>
      <c r="G63732" s="1" t="s">
        <v>212894</v>
      </c>
      <c r="H63732" s="1" t="s">
        <v>212895</v>
      </c>
      <c r="I63732" s="1" t="s">
        <v>207852</v>
      </c>
      <c r="J63732" s="1" t="s">
        <v>212920</v>
      </c>
    </row>
    <row r="63733" spans="1:10" x14ac:dyDescent="0.35">
      <c r="A63733" s="1" t="s">
        <v>8679</v>
      </c>
      <c r="B63733" s="1" t="s">
        <v>207847</v>
      </c>
      <c r="C63733" s="1" t="s">
        <v>50</v>
      </c>
      <c r="D63733" s="1" t="s">
        <v>45088</v>
      </c>
      <c r="E63733" s="1" t="s">
        <v>212921</v>
      </c>
      <c r="F63733" s="1" t="s">
        <v>212922</v>
      </c>
      <c r="G63733" s="1" t="s">
        <v>212894</v>
      </c>
      <c r="H63733" s="1" t="s">
        <v>212895</v>
      </c>
      <c r="I63733" s="1" t="s">
        <v>207852</v>
      </c>
      <c r="J63733" s="1" t="s">
        <v>212923</v>
      </c>
    </row>
    <row r="63734" spans="1:10" x14ac:dyDescent="0.35">
      <c r="A63734" s="1" t="s">
        <v>8679</v>
      </c>
      <c r="B63734" s="1" t="s">
        <v>207847</v>
      </c>
      <c r="C63734" s="1" t="s">
        <v>55</v>
      </c>
      <c r="D63734" s="1" t="s">
        <v>74241</v>
      </c>
      <c r="E63734" s="1" t="s">
        <v>212924</v>
      </c>
      <c r="F63734" s="1" t="s">
        <v>212925</v>
      </c>
      <c r="G63734" s="1" t="s">
        <v>212894</v>
      </c>
      <c r="H63734" s="1" t="s">
        <v>212895</v>
      </c>
      <c r="I63734" s="1" t="s">
        <v>207852</v>
      </c>
      <c r="J63734" s="1" t="s">
        <v>212926</v>
      </c>
    </row>
    <row r="63735" spans="1:10" x14ac:dyDescent="0.35">
      <c r="A63735" s="1" t="s">
        <v>8679</v>
      </c>
      <c r="B63735" s="1" t="s">
        <v>207847</v>
      </c>
      <c r="C63735" s="1" t="s">
        <v>60</v>
      </c>
      <c r="D63735" s="1" t="s">
        <v>123978</v>
      </c>
      <c r="E63735" s="1" t="s">
        <v>212927</v>
      </c>
      <c r="F63735" s="1" t="s">
        <v>212928</v>
      </c>
      <c r="G63735" s="1" t="s">
        <v>212894</v>
      </c>
      <c r="H63735" s="1" t="s">
        <v>212895</v>
      </c>
      <c r="I63735" s="1" t="s">
        <v>207852</v>
      </c>
      <c r="J63735" s="1" t="s">
        <v>212929</v>
      </c>
    </row>
    <row r="63736" spans="1:10" x14ac:dyDescent="0.35">
      <c r="A63736" s="1" t="s">
        <v>8679</v>
      </c>
      <c r="B63736" s="1" t="s">
        <v>207847</v>
      </c>
      <c r="C63736" s="1" t="s">
        <v>65</v>
      </c>
      <c r="D63736" s="1" t="s">
        <v>192265</v>
      </c>
      <c r="E63736" s="1" t="s">
        <v>212930</v>
      </c>
      <c r="F63736" s="1" t="s">
        <v>212931</v>
      </c>
      <c r="G63736" s="1" t="s">
        <v>212894</v>
      </c>
      <c r="H63736" s="1" t="s">
        <v>212895</v>
      </c>
      <c r="I63736" s="1" t="s">
        <v>207852</v>
      </c>
      <c r="J63736" s="1" t="s">
        <v>212932</v>
      </c>
    </row>
    <row r="63737" spans="1:10" x14ac:dyDescent="0.35">
      <c r="A63737" s="1" t="s">
        <v>8679</v>
      </c>
      <c r="B63737" s="1" t="s">
        <v>207847</v>
      </c>
      <c r="C63737" s="1" t="s">
        <v>70</v>
      </c>
      <c r="D63737" s="1" t="s">
        <v>16065</v>
      </c>
      <c r="E63737" s="1" t="s">
        <v>212933</v>
      </c>
      <c r="F63737" s="1" t="s">
        <v>212934</v>
      </c>
      <c r="G63737" s="1" t="s">
        <v>212894</v>
      </c>
      <c r="H63737" s="1" t="s">
        <v>212895</v>
      </c>
      <c r="I63737" s="1" t="s">
        <v>207852</v>
      </c>
      <c r="J63737" s="1" t="s">
        <v>212935</v>
      </c>
    </row>
    <row r="63738" spans="1:10" x14ac:dyDescent="0.35">
      <c r="A63738" s="1" t="s">
        <v>8679</v>
      </c>
      <c r="B63738" s="1" t="s">
        <v>207847</v>
      </c>
      <c r="C63738" s="1" t="s">
        <v>75</v>
      </c>
      <c r="D63738" s="1" t="s">
        <v>5417</v>
      </c>
      <c r="E63738" s="1" t="s">
        <v>212936</v>
      </c>
      <c r="F63738" s="1" t="s">
        <v>212937</v>
      </c>
      <c r="G63738" s="1" t="s">
        <v>212894</v>
      </c>
      <c r="H63738" s="1" t="s">
        <v>212895</v>
      </c>
      <c r="I63738" s="1" t="s">
        <v>207852</v>
      </c>
      <c r="J63738" s="1" t="s">
        <v>212938</v>
      </c>
    </row>
    <row r="63739" spans="1:10" x14ac:dyDescent="0.35">
      <c r="A63739" s="1" t="s">
        <v>8679</v>
      </c>
      <c r="B63739" s="1" t="s">
        <v>207847</v>
      </c>
      <c r="C63739" s="1" t="s">
        <v>80</v>
      </c>
      <c r="D63739" s="1" t="s">
        <v>212939</v>
      </c>
      <c r="E63739" s="1" t="s">
        <v>212940</v>
      </c>
      <c r="F63739" s="1" t="s">
        <v>212941</v>
      </c>
      <c r="G63739" s="1" t="s">
        <v>212894</v>
      </c>
      <c r="H63739" s="1" t="s">
        <v>212895</v>
      </c>
      <c r="I63739" s="1" t="s">
        <v>207852</v>
      </c>
      <c r="J63739" s="1" t="s">
        <v>212942</v>
      </c>
    </row>
    <row r="63740" spans="1:10" x14ac:dyDescent="0.35">
      <c r="A63740" s="1" t="s">
        <v>8679</v>
      </c>
      <c r="B63740" s="1" t="s">
        <v>207847</v>
      </c>
      <c r="C63740" s="1" t="s">
        <v>85</v>
      </c>
      <c r="D63740" s="1" t="s">
        <v>173701</v>
      </c>
      <c r="E63740" s="1" t="s">
        <v>212943</v>
      </c>
      <c r="F63740" s="1" t="s">
        <v>212944</v>
      </c>
      <c r="G63740" s="1" t="s">
        <v>212894</v>
      </c>
      <c r="H63740" s="1" t="s">
        <v>212895</v>
      </c>
      <c r="I63740" s="1" t="s">
        <v>207852</v>
      </c>
      <c r="J63740" s="1" t="s">
        <v>212945</v>
      </c>
    </row>
    <row r="63741" spans="1:10" x14ac:dyDescent="0.35">
      <c r="A63741" s="1" t="s">
        <v>8679</v>
      </c>
      <c r="B63741" s="1" t="s">
        <v>207847</v>
      </c>
      <c r="C63741" s="1" t="s">
        <v>90</v>
      </c>
      <c r="D63741" s="1" t="s">
        <v>212946</v>
      </c>
      <c r="E63741" s="1" t="s">
        <v>212947</v>
      </c>
      <c r="F63741" s="1" t="s">
        <v>212948</v>
      </c>
      <c r="G63741" s="1" t="s">
        <v>212894</v>
      </c>
      <c r="H63741" s="1" t="s">
        <v>212895</v>
      </c>
      <c r="I63741" s="1" t="s">
        <v>207852</v>
      </c>
      <c r="J63741" s="1" t="s">
        <v>212949</v>
      </c>
    </row>
    <row r="63742" spans="1:10" x14ac:dyDescent="0.35">
      <c r="A63742" s="1" t="s">
        <v>8679</v>
      </c>
      <c r="B63742" s="1" t="s">
        <v>207847</v>
      </c>
      <c r="C63742" s="1" t="s">
        <v>95</v>
      </c>
      <c r="D63742" s="1" t="s">
        <v>212950</v>
      </c>
      <c r="E63742" s="1" t="s">
        <v>212951</v>
      </c>
      <c r="F63742" s="1" t="s">
        <v>212952</v>
      </c>
      <c r="G63742" s="1" t="s">
        <v>212894</v>
      </c>
      <c r="H63742" s="1" t="s">
        <v>212895</v>
      </c>
      <c r="I63742" s="1" t="s">
        <v>207852</v>
      </c>
      <c r="J63742" s="1" t="s">
        <v>212953</v>
      </c>
    </row>
    <row r="63743" spans="1:10" x14ac:dyDescent="0.35">
      <c r="A63743" s="1" t="s">
        <v>8679</v>
      </c>
      <c r="B63743" s="1" t="s">
        <v>207847</v>
      </c>
      <c r="C63743" s="1" t="s">
        <v>100</v>
      </c>
      <c r="D63743" s="1" t="s">
        <v>135119</v>
      </c>
      <c r="E63743" s="1" t="s">
        <v>212954</v>
      </c>
      <c r="F63743" s="1" t="s">
        <v>212955</v>
      </c>
      <c r="G63743" s="1" t="s">
        <v>212894</v>
      </c>
      <c r="H63743" s="1" t="s">
        <v>212895</v>
      </c>
      <c r="I63743" s="1" t="s">
        <v>207852</v>
      </c>
      <c r="J63743" s="1" t="s">
        <v>212956</v>
      </c>
    </row>
    <row r="63744" spans="1:10" x14ac:dyDescent="0.35">
      <c r="A63744" s="1" t="s">
        <v>8679</v>
      </c>
      <c r="B63744" s="1" t="s">
        <v>207847</v>
      </c>
      <c r="C63744" s="1" t="s">
        <v>105</v>
      </c>
      <c r="D63744" s="1" t="s">
        <v>153334</v>
      </c>
      <c r="E63744" s="1" t="s">
        <v>212957</v>
      </c>
      <c r="F63744" s="1" t="s">
        <v>212958</v>
      </c>
      <c r="G63744" s="1" t="s">
        <v>212894</v>
      </c>
      <c r="H63744" s="1" t="s">
        <v>212895</v>
      </c>
      <c r="I63744" s="1" t="s">
        <v>207852</v>
      </c>
      <c r="J63744" s="1" t="s">
        <v>212959</v>
      </c>
    </row>
    <row r="63745" spans="1:10" x14ac:dyDescent="0.35">
      <c r="A63745" s="1" t="s">
        <v>8679</v>
      </c>
      <c r="B63745" s="1" t="s">
        <v>207847</v>
      </c>
      <c r="C63745" s="1" t="s">
        <v>110</v>
      </c>
      <c r="D63745" s="1" t="s">
        <v>197377</v>
      </c>
      <c r="E63745" s="1" t="s">
        <v>212960</v>
      </c>
      <c r="F63745" s="1" t="s">
        <v>212961</v>
      </c>
      <c r="G63745" s="1" t="s">
        <v>212894</v>
      </c>
      <c r="H63745" s="1" t="s">
        <v>212895</v>
      </c>
      <c r="I63745" s="1" t="s">
        <v>207852</v>
      </c>
      <c r="J63745" s="1" t="s">
        <v>212962</v>
      </c>
    </row>
    <row r="63746" spans="1:10" x14ac:dyDescent="0.35">
      <c r="A63746" s="1" t="s">
        <v>8679</v>
      </c>
      <c r="B63746" s="1" t="s">
        <v>207847</v>
      </c>
      <c r="C63746" s="1" t="s">
        <v>115</v>
      </c>
      <c r="D63746" s="1" t="s">
        <v>212963</v>
      </c>
      <c r="E63746" s="1" t="s">
        <v>212964</v>
      </c>
      <c r="F63746" s="1" t="s">
        <v>212965</v>
      </c>
      <c r="G63746" s="1" t="s">
        <v>212894</v>
      </c>
      <c r="H63746" s="1" t="s">
        <v>212895</v>
      </c>
      <c r="I63746" s="1" t="s">
        <v>207852</v>
      </c>
      <c r="J63746" s="1" t="s">
        <v>212966</v>
      </c>
    </row>
    <row r="63747" spans="1:10" x14ac:dyDescent="0.35">
      <c r="A63747" s="1" t="s">
        <v>8679</v>
      </c>
      <c r="B63747" s="1" t="s">
        <v>207847</v>
      </c>
      <c r="C63747" s="1" t="s">
        <v>120</v>
      </c>
      <c r="D63747" s="1" t="s">
        <v>117825</v>
      </c>
      <c r="E63747" s="1" t="s">
        <v>212967</v>
      </c>
      <c r="F63747" s="1" t="s">
        <v>212968</v>
      </c>
      <c r="G63747" s="1" t="s">
        <v>212894</v>
      </c>
      <c r="H63747" s="1" t="s">
        <v>212895</v>
      </c>
      <c r="I63747" s="1" t="s">
        <v>207852</v>
      </c>
      <c r="J63747" s="1" t="s">
        <v>212969</v>
      </c>
    </row>
    <row r="63748" spans="1:10" x14ac:dyDescent="0.35">
      <c r="A63748" s="1" t="s">
        <v>8679</v>
      </c>
      <c r="B63748" s="1" t="s">
        <v>207847</v>
      </c>
      <c r="C63748" s="1" t="s">
        <v>125</v>
      </c>
      <c r="D63748" s="1" t="s">
        <v>13699</v>
      </c>
      <c r="E63748" s="1" t="s">
        <v>212970</v>
      </c>
      <c r="F63748" s="1" t="s">
        <v>212971</v>
      </c>
      <c r="G63748" s="1" t="s">
        <v>212894</v>
      </c>
      <c r="H63748" s="1" t="s">
        <v>212895</v>
      </c>
      <c r="I63748" s="1" t="s">
        <v>207852</v>
      </c>
      <c r="J63748" s="1" t="s">
        <v>212972</v>
      </c>
    </row>
    <row r="63749" spans="1:10" x14ac:dyDescent="0.35">
      <c r="A63749" s="1" t="s">
        <v>8679</v>
      </c>
      <c r="B63749" s="1" t="s">
        <v>207847</v>
      </c>
      <c r="C63749" s="1" t="s">
        <v>130</v>
      </c>
      <c r="D63749" s="1" t="s">
        <v>212973</v>
      </c>
      <c r="E63749" s="1" t="s">
        <v>212974</v>
      </c>
      <c r="F63749" s="1" t="s">
        <v>212975</v>
      </c>
      <c r="G63749" s="1" t="s">
        <v>212894</v>
      </c>
      <c r="H63749" s="1" t="s">
        <v>212895</v>
      </c>
      <c r="I63749" s="1" t="s">
        <v>207852</v>
      </c>
      <c r="J63749" s="1" t="s">
        <v>212976</v>
      </c>
    </row>
    <row r="63750" spans="1:10" x14ac:dyDescent="0.35">
      <c r="A63750" s="1" t="s">
        <v>8679</v>
      </c>
      <c r="B63750" s="1" t="s">
        <v>207847</v>
      </c>
      <c r="C63750" s="1" t="s">
        <v>135</v>
      </c>
      <c r="D63750" s="1" t="s">
        <v>210537</v>
      </c>
      <c r="E63750" s="1" t="s">
        <v>212977</v>
      </c>
      <c r="F63750" s="1" t="s">
        <v>212978</v>
      </c>
      <c r="G63750" s="1" t="s">
        <v>212894</v>
      </c>
      <c r="H63750" s="1" t="s">
        <v>212895</v>
      </c>
      <c r="I63750" s="1" t="s">
        <v>207852</v>
      </c>
      <c r="J63750" s="1" t="s">
        <v>212979</v>
      </c>
    </row>
    <row r="63751" spans="1:10" x14ac:dyDescent="0.35">
      <c r="A63751" s="1" t="s">
        <v>8679</v>
      </c>
      <c r="B63751" s="1" t="s">
        <v>207847</v>
      </c>
      <c r="C63751" s="1" t="s">
        <v>140</v>
      </c>
      <c r="D63751" s="1" t="s">
        <v>212980</v>
      </c>
      <c r="E63751" s="1" t="s">
        <v>212981</v>
      </c>
      <c r="F63751" s="1" t="s">
        <v>212982</v>
      </c>
      <c r="G63751" s="1" t="s">
        <v>212894</v>
      </c>
      <c r="H63751" s="1" t="s">
        <v>212895</v>
      </c>
      <c r="I63751" s="1" t="s">
        <v>207852</v>
      </c>
      <c r="J63751" s="1" t="s">
        <v>212983</v>
      </c>
    </row>
    <row r="63752" spans="1:10" x14ac:dyDescent="0.35">
      <c r="A63752" s="1" t="s">
        <v>8679</v>
      </c>
      <c r="B63752" s="1" t="s">
        <v>207847</v>
      </c>
      <c r="C63752" s="1" t="s">
        <v>145</v>
      </c>
      <c r="D63752" s="1" t="s">
        <v>11511</v>
      </c>
      <c r="E63752" s="1" t="s">
        <v>212984</v>
      </c>
      <c r="F63752" s="1" t="s">
        <v>212985</v>
      </c>
      <c r="G63752" s="1" t="s">
        <v>212894</v>
      </c>
      <c r="H63752" s="1" t="s">
        <v>212895</v>
      </c>
      <c r="I63752" s="1" t="s">
        <v>207852</v>
      </c>
      <c r="J63752" s="1" t="s">
        <v>116176</v>
      </c>
    </row>
    <row r="63753" spans="1:10" x14ac:dyDescent="0.35">
      <c r="A63753" s="1" t="s">
        <v>8679</v>
      </c>
      <c r="B63753" s="1" t="s">
        <v>207847</v>
      </c>
      <c r="C63753" s="1" t="s">
        <v>150</v>
      </c>
      <c r="D63753" s="1" t="s">
        <v>212986</v>
      </c>
      <c r="E63753" s="1" t="s">
        <v>212987</v>
      </c>
      <c r="F63753" s="1" t="s">
        <v>212988</v>
      </c>
      <c r="G63753" s="1" t="s">
        <v>212894</v>
      </c>
      <c r="H63753" s="1" t="s">
        <v>212895</v>
      </c>
      <c r="I63753" s="1" t="s">
        <v>207852</v>
      </c>
      <c r="J63753" s="1" t="s">
        <v>212989</v>
      </c>
    </row>
    <row r="63754" spans="1:10" x14ac:dyDescent="0.35">
      <c r="A63754" s="1" t="s">
        <v>8679</v>
      </c>
      <c r="B63754" s="1" t="s">
        <v>207847</v>
      </c>
      <c r="C63754" s="1" t="s">
        <v>155</v>
      </c>
      <c r="D63754" s="1" t="s">
        <v>212990</v>
      </c>
      <c r="E63754" s="1" t="s">
        <v>212991</v>
      </c>
      <c r="F63754" s="1" t="s">
        <v>212992</v>
      </c>
      <c r="G63754" s="1" t="s">
        <v>212894</v>
      </c>
      <c r="H63754" s="1" t="s">
        <v>212895</v>
      </c>
      <c r="I63754" s="1" t="s">
        <v>207852</v>
      </c>
      <c r="J63754" s="1" t="s">
        <v>212993</v>
      </c>
    </row>
    <row r="63755" spans="1:10" x14ac:dyDescent="0.35">
      <c r="A63755" s="1" t="s">
        <v>8679</v>
      </c>
      <c r="B63755" s="1" t="s">
        <v>207847</v>
      </c>
      <c r="C63755" s="1" t="s">
        <v>160</v>
      </c>
      <c r="D63755" s="1" t="s">
        <v>113817</v>
      </c>
      <c r="E63755" s="1" t="s">
        <v>212994</v>
      </c>
      <c r="F63755" s="1" t="s">
        <v>212995</v>
      </c>
      <c r="G63755" s="1" t="s">
        <v>212894</v>
      </c>
      <c r="H63755" s="1" t="s">
        <v>212895</v>
      </c>
      <c r="I63755" s="1" t="s">
        <v>207852</v>
      </c>
      <c r="J63755" s="1" t="s">
        <v>212996</v>
      </c>
    </row>
    <row r="63756" spans="1:10" x14ac:dyDescent="0.35">
      <c r="A63756" s="1" t="s">
        <v>8679</v>
      </c>
      <c r="B63756" s="1" t="s">
        <v>207847</v>
      </c>
      <c r="C63756" s="1" t="s">
        <v>165</v>
      </c>
      <c r="D63756" s="1" t="s">
        <v>212997</v>
      </c>
      <c r="E63756" s="1" t="s">
        <v>212998</v>
      </c>
      <c r="F63756" s="1" t="s">
        <v>212999</v>
      </c>
      <c r="G63756" s="1" t="s">
        <v>212894</v>
      </c>
      <c r="H63756" s="1" t="s">
        <v>212895</v>
      </c>
      <c r="I63756" s="1" t="s">
        <v>207852</v>
      </c>
      <c r="J63756" s="1" t="s">
        <v>213000</v>
      </c>
    </row>
    <row r="63757" spans="1:10" x14ac:dyDescent="0.35">
      <c r="A63757" s="1" t="s">
        <v>8679</v>
      </c>
      <c r="B63757" s="1" t="s">
        <v>207847</v>
      </c>
      <c r="C63757" s="1" t="s">
        <v>170</v>
      </c>
      <c r="D63757" s="1" t="s">
        <v>101801</v>
      </c>
      <c r="E63757" s="1" t="s">
        <v>213001</v>
      </c>
      <c r="F63757" s="1" t="s">
        <v>213002</v>
      </c>
      <c r="G63757" s="1" t="s">
        <v>212894</v>
      </c>
      <c r="H63757" s="1" t="s">
        <v>212895</v>
      </c>
      <c r="I63757" s="1" t="s">
        <v>207852</v>
      </c>
      <c r="J63757" s="1" t="s">
        <v>213003</v>
      </c>
    </row>
    <row r="63758" spans="1:10" x14ac:dyDescent="0.35">
      <c r="A63758" s="1" t="s">
        <v>202704</v>
      </c>
      <c r="B63758" s="1" t="s">
        <v>207847</v>
      </c>
      <c r="C63758" s="1" t="s">
        <v>8</v>
      </c>
      <c r="D63758" s="1" t="s">
        <v>213004</v>
      </c>
      <c r="E63758" s="1" t="s">
        <v>90278</v>
      </c>
      <c r="F63758" s="1" t="s">
        <v>191886</v>
      </c>
      <c r="G63758" s="1" t="s">
        <v>213005</v>
      </c>
      <c r="H63758" s="1" t="s">
        <v>213006</v>
      </c>
      <c r="I63758" s="1" t="s">
        <v>207852</v>
      </c>
      <c r="J63758" s="1" t="s">
        <v>13</v>
      </c>
    </row>
    <row r="63759" spans="1:10" x14ac:dyDescent="0.35">
      <c r="A63759" s="1" t="s">
        <v>202704</v>
      </c>
      <c r="B63759" s="1" t="s">
        <v>207847</v>
      </c>
      <c r="C63759" s="1" t="s">
        <v>15</v>
      </c>
      <c r="D63759" s="1" t="s">
        <v>213007</v>
      </c>
      <c r="E63759" s="1" t="s">
        <v>213008</v>
      </c>
      <c r="F63759" s="1" t="s">
        <v>62600</v>
      </c>
      <c r="G63759" s="1" t="s">
        <v>213005</v>
      </c>
      <c r="H63759" s="1" t="s">
        <v>213006</v>
      </c>
      <c r="I63759" s="1" t="s">
        <v>207852</v>
      </c>
      <c r="J63759" s="1" t="s">
        <v>213009</v>
      </c>
    </row>
    <row r="63760" spans="1:10" x14ac:dyDescent="0.35">
      <c r="A63760" s="1" t="s">
        <v>202704</v>
      </c>
      <c r="B63760" s="1" t="s">
        <v>207847</v>
      </c>
      <c r="C63760" s="1" t="s">
        <v>20</v>
      </c>
      <c r="D63760" s="1" t="s">
        <v>213010</v>
      </c>
      <c r="E63760" s="1" t="s">
        <v>130968</v>
      </c>
      <c r="F63760" s="1" t="s">
        <v>59611</v>
      </c>
      <c r="G63760" s="1" t="s">
        <v>213005</v>
      </c>
      <c r="H63760" s="1" t="s">
        <v>213006</v>
      </c>
      <c r="I63760" s="1" t="s">
        <v>207852</v>
      </c>
      <c r="J63760" s="1" t="s">
        <v>213011</v>
      </c>
    </row>
    <row r="63761" spans="1:10" x14ac:dyDescent="0.35">
      <c r="A63761" s="1" t="s">
        <v>202704</v>
      </c>
      <c r="B63761" s="1" t="s">
        <v>207847</v>
      </c>
      <c r="C63761" s="1" t="s">
        <v>25</v>
      </c>
      <c r="D63761" s="1" t="s">
        <v>108625</v>
      </c>
      <c r="E63761" s="1" t="s">
        <v>30634</v>
      </c>
      <c r="F63761" s="1" t="s">
        <v>213012</v>
      </c>
      <c r="G63761" s="1" t="s">
        <v>213005</v>
      </c>
      <c r="H63761" s="1" t="s">
        <v>213006</v>
      </c>
      <c r="I63761" s="1" t="s">
        <v>207852</v>
      </c>
      <c r="J63761" s="1" t="s">
        <v>213013</v>
      </c>
    </row>
    <row r="63762" spans="1:10" x14ac:dyDescent="0.35">
      <c r="A63762" s="1" t="s">
        <v>202704</v>
      </c>
      <c r="B63762" s="1" t="s">
        <v>207847</v>
      </c>
      <c r="C63762" s="1" t="s">
        <v>30</v>
      </c>
      <c r="D63762" s="1" t="s">
        <v>81830</v>
      </c>
      <c r="E63762" s="1" t="s">
        <v>30703</v>
      </c>
      <c r="F63762" s="1" t="s">
        <v>26500</v>
      </c>
      <c r="G63762" s="1" t="s">
        <v>213005</v>
      </c>
      <c r="H63762" s="1" t="s">
        <v>213006</v>
      </c>
      <c r="I63762" s="1" t="s">
        <v>207852</v>
      </c>
      <c r="J63762" s="1" t="s">
        <v>213014</v>
      </c>
    </row>
    <row r="63763" spans="1:10" x14ac:dyDescent="0.35">
      <c r="A63763" s="1" t="s">
        <v>202704</v>
      </c>
      <c r="B63763" s="1" t="s">
        <v>207847</v>
      </c>
      <c r="C63763" s="1" t="s">
        <v>35</v>
      </c>
      <c r="D63763" s="1" t="s">
        <v>66351</v>
      </c>
      <c r="E63763" s="1" t="s">
        <v>108996</v>
      </c>
      <c r="F63763" s="1" t="s">
        <v>57157</v>
      </c>
      <c r="G63763" s="1" t="s">
        <v>213005</v>
      </c>
      <c r="H63763" s="1" t="s">
        <v>213006</v>
      </c>
      <c r="I63763" s="1" t="s">
        <v>207852</v>
      </c>
      <c r="J63763" s="1" t="s">
        <v>213015</v>
      </c>
    </row>
    <row r="63764" spans="1:10" x14ac:dyDescent="0.35">
      <c r="A63764" s="1" t="s">
        <v>202704</v>
      </c>
      <c r="B63764" s="1" t="s">
        <v>207847</v>
      </c>
      <c r="C63764" s="1" t="s">
        <v>40</v>
      </c>
      <c r="D63764" s="1" t="s">
        <v>105397</v>
      </c>
      <c r="E63764" s="1" t="s">
        <v>95786</v>
      </c>
      <c r="F63764" s="1" t="s">
        <v>213016</v>
      </c>
      <c r="G63764" s="1" t="s">
        <v>213005</v>
      </c>
      <c r="H63764" s="1" t="s">
        <v>213006</v>
      </c>
      <c r="I63764" s="1" t="s">
        <v>207852</v>
      </c>
      <c r="J63764" s="1" t="s">
        <v>213017</v>
      </c>
    </row>
    <row r="63765" spans="1:10" x14ac:dyDescent="0.35">
      <c r="A63765" s="1" t="s">
        <v>202704</v>
      </c>
      <c r="B63765" s="1" t="s">
        <v>207847</v>
      </c>
      <c r="C63765" s="1" t="s">
        <v>45</v>
      </c>
      <c r="D63765" s="1" t="s">
        <v>102698</v>
      </c>
      <c r="E63765" s="1" t="s">
        <v>108993</v>
      </c>
      <c r="F63765" s="1" t="s">
        <v>65291</v>
      </c>
      <c r="G63765" s="1" t="s">
        <v>213005</v>
      </c>
      <c r="H63765" s="1" t="s">
        <v>213006</v>
      </c>
      <c r="I63765" s="1" t="s">
        <v>207852</v>
      </c>
      <c r="J63765" s="1" t="s">
        <v>213018</v>
      </c>
    </row>
    <row r="63766" spans="1:10" x14ac:dyDescent="0.35">
      <c r="A63766" s="1" t="s">
        <v>202704</v>
      </c>
      <c r="B63766" s="1" t="s">
        <v>207847</v>
      </c>
      <c r="C63766" s="1" t="s">
        <v>50</v>
      </c>
      <c r="D63766" s="1" t="s">
        <v>64459</v>
      </c>
      <c r="E63766" s="1" t="s">
        <v>109184</v>
      </c>
      <c r="F63766" s="1" t="s">
        <v>155882</v>
      </c>
      <c r="G63766" s="1" t="s">
        <v>213005</v>
      </c>
      <c r="H63766" s="1" t="s">
        <v>213006</v>
      </c>
      <c r="I63766" s="1" t="s">
        <v>207852</v>
      </c>
      <c r="J63766" s="1" t="s">
        <v>213019</v>
      </c>
    </row>
    <row r="63767" spans="1:10" x14ac:dyDescent="0.35">
      <c r="A63767" s="1" t="s">
        <v>202704</v>
      </c>
      <c r="B63767" s="1" t="s">
        <v>207847</v>
      </c>
      <c r="C63767" s="1" t="s">
        <v>55</v>
      </c>
      <c r="D63767" s="1" t="s">
        <v>106140</v>
      </c>
      <c r="E63767" s="1" t="s">
        <v>129380</v>
      </c>
      <c r="F63767" s="1" t="s">
        <v>103937</v>
      </c>
      <c r="G63767" s="1" t="s">
        <v>213005</v>
      </c>
      <c r="H63767" s="1" t="s">
        <v>213006</v>
      </c>
      <c r="I63767" s="1" t="s">
        <v>207852</v>
      </c>
      <c r="J63767" s="1" t="s">
        <v>213020</v>
      </c>
    </row>
    <row r="63768" spans="1:10" x14ac:dyDescent="0.35">
      <c r="A63768" s="1" t="s">
        <v>202704</v>
      </c>
      <c r="B63768" s="1" t="s">
        <v>207847</v>
      </c>
      <c r="C63768" s="1" t="s">
        <v>60</v>
      </c>
      <c r="D63768" s="1" t="s">
        <v>193829</v>
      </c>
      <c r="E63768" s="1" t="s">
        <v>94753</v>
      </c>
      <c r="F63768" s="1" t="s">
        <v>61367</v>
      </c>
      <c r="G63768" s="1" t="s">
        <v>213005</v>
      </c>
      <c r="H63768" s="1" t="s">
        <v>213006</v>
      </c>
      <c r="I63768" s="1" t="s">
        <v>207852</v>
      </c>
      <c r="J63768" s="1" t="s">
        <v>213021</v>
      </c>
    </row>
    <row r="63769" spans="1:10" x14ac:dyDescent="0.35">
      <c r="A63769" s="1" t="s">
        <v>202704</v>
      </c>
      <c r="B63769" s="1" t="s">
        <v>207847</v>
      </c>
      <c r="C63769" s="1" t="s">
        <v>65</v>
      </c>
      <c r="D63769" s="1" t="s">
        <v>68566</v>
      </c>
      <c r="E63769" s="1" t="s">
        <v>109188</v>
      </c>
      <c r="F63769" s="1" t="s">
        <v>213022</v>
      </c>
      <c r="G63769" s="1" t="s">
        <v>213005</v>
      </c>
      <c r="H63769" s="1" t="s">
        <v>213006</v>
      </c>
      <c r="I63769" s="1" t="s">
        <v>207852</v>
      </c>
      <c r="J63769" s="1" t="s">
        <v>213023</v>
      </c>
    </row>
    <row r="63770" spans="1:10" x14ac:dyDescent="0.35">
      <c r="A63770" s="1" t="s">
        <v>202704</v>
      </c>
      <c r="B63770" s="1" t="s">
        <v>207847</v>
      </c>
      <c r="C63770" s="1" t="s">
        <v>70</v>
      </c>
      <c r="D63770" s="1" t="s">
        <v>213024</v>
      </c>
      <c r="E63770" s="1" t="s">
        <v>128955</v>
      </c>
      <c r="F63770" s="1" t="s">
        <v>59170</v>
      </c>
      <c r="G63770" s="1" t="s">
        <v>213005</v>
      </c>
      <c r="H63770" s="1" t="s">
        <v>213006</v>
      </c>
      <c r="I63770" s="1" t="s">
        <v>207852</v>
      </c>
      <c r="J63770" s="1" t="s">
        <v>213025</v>
      </c>
    </row>
    <row r="63771" spans="1:10" x14ac:dyDescent="0.35">
      <c r="A63771" s="1" t="s">
        <v>202704</v>
      </c>
      <c r="B63771" s="1" t="s">
        <v>207847</v>
      </c>
      <c r="C63771" s="1" t="s">
        <v>75</v>
      </c>
      <c r="D63771" s="1" t="s">
        <v>84491</v>
      </c>
      <c r="E63771" s="1" t="s">
        <v>130806</v>
      </c>
      <c r="F63771" s="1" t="s">
        <v>60841</v>
      </c>
      <c r="G63771" s="1" t="s">
        <v>213005</v>
      </c>
      <c r="H63771" s="1" t="s">
        <v>213006</v>
      </c>
      <c r="I63771" s="1" t="s">
        <v>207852</v>
      </c>
      <c r="J63771" s="1" t="s">
        <v>213026</v>
      </c>
    </row>
    <row r="63772" spans="1:10" x14ac:dyDescent="0.35">
      <c r="A63772" s="1" t="s">
        <v>202704</v>
      </c>
      <c r="B63772" s="1" t="s">
        <v>207847</v>
      </c>
      <c r="C63772" s="1" t="s">
        <v>80</v>
      </c>
      <c r="D63772" s="1" t="s">
        <v>179590</v>
      </c>
      <c r="E63772" s="1" t="s">
        <v>76427</v>
      </c>
      <c r="F63772" s="1" t="s">
        <v>213027</v>
      </c>
      <c r="G63772" s="1" t="s">
        <v>213005</v>
      </c>
      <c r="H63772" s="1" t="s">
        <v>213006</v>
      </c>
      <c r="I63772" s="1" t="s">
        <v>207852</v>
      </c>
      <c r="J63772" s="1" t="s">
        <v>213028</v>
      </c>
    </row>
    <row r="63773" spans="1:10" x14ac:dyDescent="0.35">
      <c r="A63773" s="1" t="s">
        <v>202704</v>
      </c>
      <c r="B63773" s="1" t="s">
        <v>207847</v>
      </c>
      <c r="C63773" s="1" t="s">
        <v>85</v>
      </c>
      <c r="D63773" s="1" t="s">
        <v>40376</v>
      </c>
      <c r="E63773" s="1" t="s">
        <v>19960</v>
      </c>
      <c r="F63773" s="1" t="s">
        <v>100649</v>
      </c>
      <c r="G63773" s="1" t="s">
        <v>213005</v>
      </c>
      <c r="H63773" s="1" t="s">
        <v>213006</v>
      </c>
      <c r="I63773" s="1" t="s">
        <v>207852</v>
      </c>
      <c r="J63773" s="1" t="s">
        <v>213029</v>
      </c>
    </row>
    <row r="63774" spans="1:10" x14ac:dyDescent="0.35">
      <c r="A63774" s="1" t="s">
        <v>202704</v>
      </c>
      <c r="B63774" s="1" t="s">
        <v>207847</v>
      </c>
      <c r="C63774" s="1" t="s">
        <v>90</v>
      </c>
      <c r="D63774" s="1" t="s">
        <v>66572</v>
      </c>
      <c r="E63774" s="1" t="s">
        <v>109208</v>
      </c>
      <c r="F63774" s="1" t="s">
        <v>60108</v>
      </c>
      <c r="G63774" s="1" t="s">
        <v>213005</v>
      </c>
      <c r="H63774" s="1" t="s">
        <v>213006</v>
      </c>
      <c r="I63774" s="1" t="s">
        <v>207852</v>
      </c>
      <c r="J63774" s="1" t="s">
        <v>213030</v>
      </c>
    </row>
    <row r="63775" spans="1:10" x14ac:dyDescent="0.35">
      <c r="A63775" s="1" t="s">
        <v>202704</v>
      </c>
      <c r="B63775" s="1" t="s">
        <v>207847</v>
      </c>
      <c r="C63775" s="1" t="s">
        <v>95</v>
      </c>
      <c r="D63775" s="1" t="s">
        <v>154029</v>
      </c>
      <c r="E63775" s="1" t="s">
        <v>213031</v>
      </c>
      <c r="F63775" s="1" t="s">
        <v>213032</v>
      </c>
      <c r="G63775" s="1" t="s">
        <v>213005</v>
      </c>
      <c r="H63775" s="1" t="s">
        <v>213006</v>
      </c>
      <c r="I63775" s="1" t="s">
        <v>207852</v>
      </c>
      <c r="J63775" s="1" t="s">
        <v>213033</v>
      </c>
    </row>
    <row r="63776" spans="1:10" x14ac:dyDescent="0.35">
      <c r="A63776" s="1" t="s">
        <v>202704</v>
      </c>
      <c r="B63776" s="1" t="s">
        <v>207847</v>
      </c>
      <c r="C63776" s="1" t="s">
        <v>100</v>
      </c>
      <c r="D63776" s="1" t="s">
        <v>22567</v>
      </c>
      <c r="E63776" s="1" t="s">
        <v>149371</v>
      </c>
      <c r="F63776" s="1" t="s">
        <v>213034</v>
      </c>
      <c r="G63776" s="1" t="s">
        <v>213005</v>
      </c>
      <c r="H63776" s="1" t="s">
        <v>213006</v>
      </c>
      <c r="I63776" s="1" t="s">
        <v>207852</v>
      </c>
      <c r="J63776" s="1" t="s">
        <v>213035</v>
      </c>
    </row>
    <row r="63777" spans="1:10" x14ac:dyDescent="0.35">
      <c r="A63777" s="1" t="s">
        <v>202704</v>
      </c>
      <c r="B63777" s="1" t="s">
        <v>207847</v>
      </c>
      <c r="C63777" s="1" t="s">
        <v>105</v>
      </c>
      <c r="D63777" s="1" t="s">
        <v>213036</v>
      </c>
      <c r="E63777" s="1" t="s">
        <v>128300</v>
      </c>
      <c r="F63777" s="1" t="s">
        <v>213037</v>
      </c>
      <c r="G63777" s="1" t="s">
        <v>213005</v>
      </c>
      <c r="H63777" s="1" t="s">
        <v>213006</v>
      </c>
      <c r="I63777" s="1" t="s">
        <v>207852</v>
      </c>
      <c r="J63777" s="1" t="s">
        <v>213038</v>
      </c>
    </row>
    <row r="63778" spans="1:10" x14ac:dyDescent="0.35">
      <c r="A63778" s="1" t="s">
        <v>202704</v>
      </c>
      <c r="B63778" s="1" t="s">
        <v>207847</v>
      </c>
      <c r="C63778" s="1" t="s">
        <v>110</v>
      </c>
      <c r="D63778" s="1" t="s">
        <v>163167</v>
      </c>
      <c r="E63778" s="1" t="s">
        <v>179955</v>
      </c>
      <c r="F63778" s="1" t="s">
        <v>134107</v>
      </c>
      <c r="G63778" s="1" t="s">
        <v>213005</v>
      </c>
      <c r="H63778" s="1" t="s">
        <v>213006</v>
      </c>
      <c r="I63778" s="1" t="s">
        <v>207852</v>
      </c>
      <c r="J63778" s="1" t="s">
        <v>213039</v>
      </c>
    </row>
    <row r="63779" spans="1:10" x14ac:dyDescent="0.35">
      <c r="A63779" s="1" t="s">
        <v>202704</v>
      </c>
      <c r="B63779" s="1" t="s">
        <v>207847</v>
      </c>
      <c r="C63779" s="1" t="s">
        <v>115</v>
      </c>
      <c r="D63779" s="1" t="s">
        <v>101955</v>
      </c>
      <c r="E63779" s="1" t="s">
        <v>30634</v>
      </c>
      <c r="F63779" s="1" t="s">
        <v>133390</v>
      </c>
      <c r="G63779" s="1" t="s">
        <v>213005</v>
      </c>
      <c r="H63779" s="1" t="s">
        <v>213006</v>
      </c>
      <c r="I63779" s="1" t="s">
        <v>207852</v>
      </c>
      <c r="J63779" s="1" t="s">
        <v>213040</v>
      </c>
    </row>
    <row r="63780" spans="1:10" x14ac:dyDescent="0.35">
      <c r="A63780" s="1" t="s">
        <v>202704</v>
      </c>
      <c r="B63780" s="1" t="s">
        <v>207847</v>
      </c>
      <c r="C63780" s="1" t="s">
        <v>120</v>
      </c>
      <c r="D63780" s="1" t="s">
        <v>133444</v>
      </c>
      <c r="E63780" s="1" t="s">
        <v>149371</v>
      </c>
      <c r="F63780" s="1" t="s">
        <v>213041</v>
      </c>
      <c r="G63780" s="1" t="s">
        <v>213005</v>
      </c>
      <c r="H63780" s="1" t="s">
        <v>213006</v>
      </c>
      <c r="I63780" s="1" t="s">
        <v>207852</v>
      </c>
      <c r="J63780" s="1" t="s">
        <v>213042</v>
      </c>
    </row>
    <row r="63781" spans="1:10" x14ac:dyDescent="0.35">
      <c r="A63781" s="1" t="s">
        <v>202704</v>
      </c>
      <c r="B63781" s="1" t="s">
        <v>207847</v>
      </c>
      <c r="C63781" s="1" t="s">
        <v>125</v>
      </c>
      <c r="D63781" s="1" t="s">
        <v>126976</v>
      </c>
      <c r="E63781" s="1" t="s">
        <v>94753</v>
      </c>
      <c r="F63781" s="1" t="s">
        <v>213043</v>
      </c>
      <c r="G63781" s="1" t="s">
        <v>213005</v>
      </c>
      <c r="H63781" s="1" t="s">
        <v>213006</v>
      </c>
      <c r="I63781" s="1" t="s">
        <v>207852</v>
      </c>
      <c r="J63781" s="1" t="s">
        <v>213044</v>
      </c>
    </row>
    <row r="63782" spans="1:10" x14ac:dyDescent="0.35">
      <c r="A63782" s="1" t="s">
        <v>202704</v>
      </c>
      <c r="B63782" s="1" t="s">
        <v>207847</v>
      </c>
      <c r="C63782" s="1" t="s">
        <v>130</v>
      </c>
      <c r="D63782" s="1" t="s">
        <v>213045</v>
      </c>
      <c r="E63782" s="1" t="s">
        <v>179287</v>
      </c>
      <c r="F63782" s="1" t="s">
        <v>76387</v>
      </c>
      <c r="G63782" s="1" t="s">
        <v>213005</v>
      </c>
      <c r="H63782" s="1" t="s">
        <v>213006</v>
      </c>
      <c r="I63782" s="1" t="s">
        <v>207852</v>
      </c>
      <c r="J63782" s="1" t="s">
        <v>213046</v>
      </c>
    </row>
    <row r="63783" spans="1:10" x14ac:dyDescent="0.35">
      <c r="A63783" s="1" t="s">
        <v>202704</v>
      </c>
      <c r="B63783" s="1" t="s">
        <v>207847</v>
      </c>
      <c r="C63783" s="1" t="s">
        <v>135</v>
      </c>
      <c r="D63783" s="1" t="s">
        <v>129814</v>
      </c>
      <c r="E63783" s="1" t="s">
        <v>139754</v>
      </c>
      <c r="F63783" s="1" t="s">
        <v>213047</v>
      </c>
      <c r="G63783" s="1" t="s">
        <v>213005</v>
      </c>
      <c r="H63783" s="1" t="s">
        <v>213006</v>
      </c>
      <c r="I63783" s="1" t="s">
        <v>207852</v>
      </c>
      <c r="J63783" s="1" t="s">
        <v>213048</v>
      </c>
    </row>
    <row r="63784" spans="1:10" x14ac:dyDescent="0.35">
      <c r="A63784" s="1" t="s">
        <v>202704</v>
      </c>
      <c r="B63784" s="1" t="s">
        <v>207847</v>
      </c>
      <c r="C63784" s="1" t="s">
        <v>140</v>
      </c>
      <c r="D63784" s="1" t="s">
        <v>213049</v>
      </c>
      <c r="E63784" s="1" t="s">
        <v>94753</v>
      </c>
      <c r="F63784" s="1" t="s">
        <v>213050</v>
      </c>
      <c r="G63784" s="1" t="s">
        <v>213005</v>
      </c>
      <c r="H63784" s="1" t="s">
        <v>213006</v>
      </c>
      <c r="I63784" s="1" t="s">
        <v>207852</v>
      </c>
      <c r="J63784" s="1" t="s">
        <v>213051</v>
      </c>
    </row>
    <row r="63785" spans="1:10" x14ac:dyDescent="0.35">
      <c r="A63785" s="1" t="s">
        <v>202704</v>
      </c>
      <c r="B63785" s="1" t="s">
        <v>207847</v>
      </c>
      <c r="C63785" s="1" t="s">
        <v>145</v>
      </c>
      <c r="D63785" s="1" t="s">
        <v>41501</v>
      </c>
      <c r="E63785" s="1" t="s">
        <v>128527</v>
      </c>
      <c r="F63785" s="1" t="s">
        <v>213052</v>
      </c>
      <c r="G63785" s="1" t="s">
        <v>213005</v>
      </c>
      <c r="H63785" s="1" t="s">
        <v>213006</v>
      </c>
      <c r="I63785" s="1" t="s">
        <v>207852</v>
      </c>
      <c r="J63785" s="1" t="s">
        <v>213053</v>
      </c>
    </row>
    <row r="63786" spans="1:10" x14ac:dyDescent="0.35">
      <c r="A63786" s="1" t="s">
        <v>202704</v>
      </c>
      <c r="B63786" s="1" t="s">
        <v>207847</v>
      </c>
      <c r="C63786" s="1" t="s">
        <v>150</v>
      </c>
      <c r="D63786" s="1" t="s">
        <v>164752</v>
      </c>
      <c r="E63786" s="1" t="s">
        <v>107547</v>
      </c>
      <c r="F63786" s="1" t="s">
        <v>213054</v>
      </c>
      <c r="G63786" s="1" t="s">
        <v>213005</v>
      </c>
      <c r="H63786" s="1" t="s">
        <v>213006</v>
      </c>
      <c r="I63786" s="1" t="s">
        <v>207852</v>
      </c>
      <c r="J63786" s="1" t="s">
        <v>213055</v>
      </c>
    </row>
    <row r="63787" spans="1:10" x14ac:dyDescent="0.35">
      <c r="A63787" s="1" t="s">
        <v>202704</v>
      </c>
      <c r="B63787" s="1" t="s">
        <v>207847</v>
      </c>
      <c r="C63787" s="1" t="s">
        <v>155</v>
      </c>
      <c r="D63787" s="1" t="s">
        <v>130396</v>
      </c>
      <c r="E63787" s="1" t="s">
        <v>16253</v>
      </c>
      <c r="F63787" s="1" t="s">
        <v>213056</v>
      </c>
      <c r="G63787" s="1" t="s">
        <v>213005</v>
      </c>
      <c r="H63787" s="1" t="s">
        <v>213006</v>
      </c>
      <c r="I63787" s="1" t="s">
        <v>207852</v>
      </c>
      <c r="J63787" s="1" t="s">
        <v>213057</v>
      </c>
    </row>
    <row r="63788" spans="1:10" x14ac:dyDescent="0.35">
      <c r="A63788" s="1" t="s">
        <v>202704</v>
      </c>
      <c r="B63788" s="1" t="s">
        <v>207847</v>
      </c>
      <c r="C63788" s="1" t="s">
        <v>160</v>
      </c>
      <c r="D63788" s="1" t="s">
        <v>23325</v>
      </c>
      <c r="E63788" s="1" t="s">
        <v>108288</v>
      </c>
      <c r="F63788" s="1" t="s">
        <v>213058</v>
      </c>
      <c r="G63788" s="1" t="s">
        <v>213005</v>
      </c>
      <c r="H63788" s="1" t="s">
        <v>213006</v>
      </c>
      <c r="I63788" s="1" t="s">
        <v>207852</v>
      </c>
      <c r="J63788" s="1" t="s">
        <v>213059</v>
      </c>
    </row>
    <row r="63789" spans="1:10" x14ac:dyDescent="0.35">
      <c r="A63789" s="1" t="s">
        <v>202704</v>
      </c>
      <c r="B63789" s="1" t="s">
        <v>207847</v>
      </c>
      <c r="C63789" s="1" t="s">
        <v>165</v>
      </c>
      <c r="D63789" s="1" t="s">
        <v>213060</v>
      </c>
      <c r="E63789" s="1" t="s">
        <v>127993</v>
      </c>
      <c r="F63789" s="1" t="s">
        <v>163128</v>
      </c>
      <c r="G63789" s="1" t="s">
        <v>213005</v>
      </c>
      <c r="H63789" s="1" t="s">
        <v>213006</v>
      </c>
      <c r="I63789" s="1" t="s">
        <v>207852</v>
      </c>
      <c r="J63789" s="1" t="s">
        <v>213061</v>
      </c>
    </row>
    <row r="63790" spans="1:10" x14ac:dyDescent="0.35">
      <c r="A63790" s="1" t="s">
        <v>202704</v>
      </c>
      <c r="B63790" s="1" t="s">
        <v>207847</v>
      </c>
      <c r="C63790" s="1" t="s">
        <v>170</v>
      </c>
      <c r="D63790" s="1" t="s">
        <v>213062</v>
      </c>
      <c r="E63790" s="1" t="s">
        <v>213063</v>
      </c>
      <c r="F63790" s="1" t="s">
        <v>213064</v>
      </c>
      <c r="G63790" s="1" t="s">
        <v>213005</v>
      </c>
      <c r="H63790" s="1" t="s">
        <v>213006</v>
      </c>
      <c r="I63790" s="1" t="s">
        <v>207852</v>
      </c>
      <c r="J63790" s="1" t="s">
        <v>213065</v>
      </c>
    </row>
    <row r="63791" spans="1:10" x14ac:dyDescent="0.35">
      <c r="A63791" s="1" t="s">
        <v>117328</v>
      </c>
      <c r="B63791" s="1" t="s">
        <v>207847</v>
      </c>
      <c r="C63791" s="1" t="s">
        <v>8</v>
      </c>
      <c r="D63791" s="1" t="s">
        <v>38608</v>
      </c>
      <c r="E63791" s="1" t="s">
        <v>213066</v>
      </c>
      <c r="F63791" s="1" t="s">
        <v>213067</v>
      </c>
      <c r="G63791" s="1" t="s">
        <v>213068</v>
      </c>
      <c r="H63791" s="1" t="s">
        <v>213069</v>
      </c>
      <c r="I63791" s="1" t="s">
        <v>207852</v>
      </c>
      <c r="J63791" s="1" t="s">
        <v>13</v>
      </c>
    </row>
    <row r="63792" spans="1:10" x14ac:dyDescent="0.35">
      <c r="A63792" s="1" t="s">
        <v>117328</v>
      </c>
      <c r="B63792" s="1" t="s">
        <v>207847</v>
      </c>
      <c r="C63792" s="1" t="s">
        <v>15</v>
      </c>
      <c r="D63792" s="1" t="s">
        <v>213070</v>
      </c>
      <c r="E63792" s="1" t="s">
        <v>213071</v>
      </c>
      <c r="F63792" s="1" t="s">
        <v>213072</v>
      </c>
      <c r="G63792" s="1" t="s">
        <v>213068</v>
      </c>
      <c r="H63792" s="1" t="s">
        <v>213069</v>
      </c>
      <c r="I63792" s="1" t="s">
        <v>207852</v>
      </c>
      <c r="J63792" s="1" t="s">
        <v>83323</v>
      </c>
    </row>
    <row r="63793" spans="1:10" x14ac:dyDescent="0.35">
      <c r="A63793" s="1" t="s">
        <v>117328</v>
      </c>
      <c r="B63793" s="1" t="s">
        <v>207847</v>
      </c>
      <c r="C63793" s="1" t="s">
        <v>20</v>
      </c>
      <c r="D63793" s="1" t="s">
        <v>31837</v>
      </c>
      <c r="E63793" s="1" t="s">
        <v>213073</v>
      </c>
      <c r="F63793" s="1" t="s">
        <v>213074</v>
      </c>
      <c r="G63793" s="1" t="s">
        <v>213068</v>
      </c>
      <c r="H63793" s="1" t="s">
        <v>213069</v>
      </c>
      <c r="I63793" s="1" t="s">
        <v>207852</v>
      </c>
      <c r="J63793" s="1" t="s">
        <v>213075</v>
      </c>
    </row>
    <row r="63794" spans="1:10" x14ac:dyDescent="0.35">
      <c r="A63794" s="1" t="s">
        <v>117328</v>
      </c>
      <c r="B63794" s="1" t="s">
        <v>207847</v>
      </c>
      <c r="C63794" s="1" t="s">
        <v>25</v>
      </c>
      <c r="D63794" s="1" t="s">
        <v>176692</v>
      </c>
      <c r="E63794" s="1" t="s">
        <v>213076</v>
      </c>
      <c r="F63794" s="1" t="s">
        <v>213077</v>
      </c>
      <c r="G63794" s="1" t="s">
        <v>213068</v>
      </c>
      <c r="H63794" s="1" t="s">
        <v>213069</v>
      </c>
      <c r="I63794" s="1" t="s">
        <v>207852</v>
      </c>
      <c r="J63794" s="1" t="s">
        <v>213078</v>
      </c>
    </row>
    <row r="63795" spans="1:10" x14ac:dyDescent="0.35">
      <c r="A63795" s="1" t="s">
        <v>117328</v>
      </c>
      <c r="B63795" s="1" t="s">
        <v>207847</v>
      </c>
      <c r="C63795" s="1" t="s">
        <v>30</v>
      </c>
      <c r="D63795" s="1" t="s">
        <v>187827</v>
      </c>
      <c r="E63795" s="1" t="s">
        <v>213079</v>
      </c>
      <c r="F63795" s="1" t="s">
        <v>213080</v>
      </c>
      <c r="G63795" s="1" t="s">
        <v>213068</v>
      </c>
      <c r="H63795" s="1" t="s">
        <v>213069</v>
      </c>
      <c r="I63795" s="1" t="s">
        <v>207852</v>
      </c>
      <c r="J63795" s="1" t="s">
        <v>213081</v>
      </c>
    </row>
    <row r="63796" spans="1:10" x14ac:dyDescent="0.35">
      <c r="A63796" s="1" t="s">
        <v>117328</v>
      </c>
      <c r="B63796" s="1" t="s">
        <v>207847</v>
      </c>
      <c r="C63796" s="1" t="s">
        <v>35</v>
      </c>
      <c r="D63796" s="1" t="s">
        <v>75249</v>
      </c>
      <c r="E63796" s="1" t="s">
        <v>213082</v>
      </c>
      <c r="F63796" s="1" t="s">
        <v>213083</v>
      </c>
      <c r="G63796" s="1" t="s">
        <v>213068</v>
      </c>
      <c r="H63796" s="1" t="s">
        <v>213069</v>
      </c>
      <c r="I63796" s="1" t="s">
        <v>207852</v>
      </c>
      <c r="J63796" s="1" t="s">
        <v>213084</v>
      </c>
    </row>
    <row r="63797" spans="1:10" x14ac:dyDescent="0.35">
      <c r="A63797" s="1" t="s">
        <v>117328</v>
      </c>
      <c r="B63797" s="1" t="s">
        <v>207847</v>
      </c>
      <c r="C63797" s="1" t="s">
        <v>40</v>
      </c>
      <c r="D63797" s="1" t="s">
        <v>213085</v>
      </c>
      <c r="E63797" s="1" t="s">
        <v>213086</v>
      </c>
      <c r="F63797" s="1" t="s">
        <v>213087</v>
      </c>
      <c r="G63797" s="1" t="s">
        <v>213068</v>
      </c>
      <c r="H63797" s="1" t="s">
        <v>213069</v>
      </c>
      <c r="I63797" s="1" t="s">
        <v>207852</v>
      </c>
      <c r="J63797" s="1" t="s">
        <v>213088</v>
      </c>
    </row>
    <row r="63798" spans="1:10" x14ac:dyDescent="0.35">
      <c r="A63798" s="1" t="s">
        <v>117328</v>
      </c>
      <c r="B63798" s="1" t="s">
        <v>207847</v>
      </c>
      <c r="C63798" s="1" t="s">
        <v>45</v>
      </c>
      <c r="D63798" s="1" t="s">
        <v>124241</v>
      </c>
      <c r="E63798" s="1" t="s">
        <v>213089</v>
      </c>
      <c r="F63798" s="1" t="s">
        <v>213090</v>
      </c>
      <c r="G63798" s="1" t="s">
        <v>213068</v>
      </c>
      <c r="H63798" s="1" t="s">
        <v>213069</v>
      </c>
      <c r="I63798" s="1" t="s">
        <v>207852</v>
      </c>
      <c r="J63798" s="1" t="s">
        <v>213091</v>
      </c>
    </row>
    <row r="63799" spans="1:10" x14ac:dyDescent="0.35">
      <c r="A63799" s="1" t="s">
        <v>117328</v>
      </c>
      <c r="B63799" s="1" t="s">
        <v>207847</v>
      </c>
      <c r="C63799" s="1" t="s">
        <v>50</v>
      </c>
      <c r="D63799" s="1" t="s">
        <v>18522</v>
      </c>
      <c r="E63799" s="1" t="s">
        <v>213092</v>
      </c>
      <c r="F63799" s="1" t="s">
        <v>213093</v>
      </c>
      <c r="G63799" s="1" t="s">
        <v>213068</v>
      </c>
      <c r="H63799" s="1" t="s">
        <v>213069</v>
      </c>
      <c r="I63799" s="1" t="s">
        <v>207852</v>
      </c>
      <c r="J63799" s="1" t="s">
        <v>213094</v>
      </c>
    </row>
    <row r="63800" spans="1:10" x14ac:dyDescent="0.35">
      <c r="A63800" s="1" t="s">
        <v>117328</v>
      </c>
      <c r="B63800" s="1" t="s">
        <v>207847</v>
      </c>
      <c r="C63800" s="1" t="s">
        <v>55</v>
      </c>
      <c r="D63800" s="1" t="s">
        <v>159481</v>
      </c>
      <c r="E63800" s="1" t="s">
        <v>213095</v>
      </c>
      <c r="F63800" s="1" t="s">
        <v>213096</v>
      </c>
      <c r="G63800" s="1" t="s">
        <v>213068</v>
      </c>
      <c r="H63800" s="1" t="s">
        <v>213069</v>
      </c>
      <c r="I63800" s="1" t="s">
        <v>207852</v>
      </c>
      <c r="J63800" s="1" t="s">
        <v>213097</v>
      </c>
    </row>
    <row r="63801" spans="1:10" x14ac:dyDescent="0.35">
      <c r="A63801" s="1" t="s">
        <v>117328</v>
      </c>
      <c r="B63801" s="1" t="s">
        <v>207847</v>
      </c>
      <c r="C63801" s="1" t="s">
        <v>60</v>
      </c>
      <c r="D63801" s="1" t="s">
        <v>212939</v>
      </c>
      <c r="E63801" s="1" t="s">
        <v>213098</v>
      </c>
      <c r="F63801" s="1" t="s">
        <v>213099</v>
      </c>
      <c r="G63801" s="1" t="s">
        <v>213068</v>
      </c>
      <c r="H63801" s="1" t="s">
        <v>213069</v>
      </c>
      <c r="I63801" s="1" t="s">
        <v>207852</v>
      </c>
      <c r="J63801" s="1" t="s">
        <v>213100</v>
      </c>
    </row>
    <row r="63802" spans="1:10" x14ac:dyDescent="0.35">
      <c r="A63802" s="1" t="s">
        <v>117328</v>
      </c>
      <c r="B63802" s="1" t="s">
        <v>207847</v>
      </c>
      <c r="C63802" s="1" t="s">
        <v>65</v>
      </c>
      <c r="D63802" s="1" t="s">
        <v>3703</v>
      </c>
      <c r="E63802" s="1" t="s">
        <v>213101</v>
      </c>
      <c r="F63802" s="1" t="s">
        <v>213102</v>
      </c>
      <c r="G63802" s="1" t="s">
        <v>213068</v>
      </c>
      <c r="H63802" s="1" t="s">
        <v>213069</v>
      </c>
      <c r="I63802" s="1" t="s">
        <v>207852</v>
      </c>
      <c r="J63802" s="1" t="s">
        <v>213103</v>
      </c>
    </row>
    <row r="63803" spans="1:10" x14ac:dyDescent="0.35">
      <c r="A63803" s="1" t="s">
        <v>117328</v>
      </c>
      <c r="B63803" s="1" t="s">
        <v>207847</v>
      </c>
      <c r="C63803" s="1" t="s">
        <v>70</v>
      </c>
      <c r="D63803" s="1" t="s">
        <v>153667</v>
      </c>
      <c r="E63803" s="1" t="s">
        <v>213104</v>
      </c>
      <c r="F63803" s="1" t="s">
        <v>213105</v>
      </c>
      <c r="G63803" s="1" t="s">
        <v>213068</v>
      </c>
      <c r="H63803" s="1" t="s">
        <v>213069</v>
      </c>
      <c r="I63803" s="1" t="s">
        <v>207852</v>
      </c>
      <c r="J63803" s="1" t="s">
        <v>213106</v>
      </c>
    </row>
    <row r="63804" spans="1:10" x14ac:dyDescent="0.35">
      <c r="A63804" s="1" t="s">
        <v>117328</v>
      </c>
      <c r="B63804" s="1" t="s">
        <v>207847</v>
      </c>
      <c r="C63804" s="1" t="s">
        <v>75</v>
      </c>
      <c r="D63804" s="1" t="s">
        <v>30893</v>
      </c>
      <c r="E63804" s="1" t="s">
        <v>213107</v>
      </c>
      <c r="F63804" s="1" t="s">
        <v>213108</v>
      </c>
      <c r="G63804" s="1" t="s">
        <v>213068</v>
      </c>
      <c r="H63804" s="1" t="s">
        <v>213069</v>
      </c>
      <c r="I63804" s="1" t="s">
        <v>207852</v>
      </c>
      <c r="J63804" s="1" t="s">
        <v>213109</v>
      </c>
    </row>
    <row r="63805" spans="1:10" x14ac:dyDescent="0.35">
      <c r="A63805" s="1" t="s">
        <v>117328</v>
      </c>
      <c r="B63805" s="1" t="s">
        <v>207847</v>
      </c>
      <c r="C63805" s="1" t="s">
        <v>80</v>
      </c>
      <c r="D63805" s="1" t="s">
        <v>176705</v>
      </c>
      <c r="E63805" s="1" t="s">
        <v>213110</v>
      </c>
      <c r="F63805" s="1" t="s">
        <v>213111</v>
      </c>
      <c r="G63805" s="1" t="s">
        <v>213068</v>
      </c>
      <c r="H63805" s="1" t="s">
        <v>213069</v>
      </c>
      <c r="I63805" s="1" t="s">
        <v>207852</v>
      </c>
      <c r="J63805" s="1" t="s">
        <v>213112</v>
      </c>
    </row>
    <row r="63806" spans="1:10" x14ac:dyDescent="0.35">
      <c r="A63806" s="1" t="s">
        <v>117328</v>
      </c>
      <c r="B63806" s="1" t="s">
        <v>207847</v>
      </c>
      <c r="C63806" s="1" t="s">
        <v>85</v>
      </c>
      <c r="D63806" s="1" t="s">
        <v>177558</v>
      </c>
      <c r="E63806" s="1" t="s">
        <v>213113</v>
      </c>
      <c r="F63806" s="1" t="s">
        <v>213114</v>
      </c>
      <c r="G63806" s="1" t="s">
        <v>213068</v>
      </c>
      <c r="H63806" s="1" t="s">
        <v>213069</v>
      </c>
      <c r="I63806" s="1" t="s">
        <v>207852</v>
      </c>
      <c r="J63806" s="1" t="s">
        <v>213115</v>
      </c>
    </row>
    <row r="63807" spans="1:10" x14ac:dyDescent="0.35">
      <c r="A63807" s="1" t="s">
        <v>117328</v>
      </c>
      <c r="B63807" s="1" t="s">
        <v>207847</v>
      </c>
      <c r="C63807" s="1" t="s">
        <v>90</v>
      </c>
      <c r="D63807" s="1" t="s">
        <v>213116</v>
      </c>
      <c r="E63807" s="1" t="s">
        <v>213117</v>
      </c>
      <c r="F63807" s="1" t="s">
        <v>213118</v>
      </c>
      <c r="G63807" s="1" t="s">
        <v>213068</v>
      </c>
      <c r="H63807" s="1" t="s">
        <v>213069</v>
      </c>
      <c r="I63807" s="1" t="s">
        <v>207852</v>
      </c>
      <c r="J63807" s="1" t="s">
        <v>213119</v>
      </c>
    </row>
    <row r="63808" spans="1:10" x14ac:dyDescent="0.35">
      <c r="A63808" s="1" t="s">
        <v>117328</v>
      </c>
      <c r="B63808" s="1" t="s">
        <v>207847</v>
      </c>
      <c r="C63808" s="1" t="s">
        <v>95</v>
      </c>
      <c r="D63808" s="1" t="s">
        <v>213120</v>
      </c>
      <c r="E63808" s="1" t="s">
        <v>213121</v>
      </c>
      <c r="F63808" s="1" t="s">
        <v>213122</v>
      </c>
      <c r="G63808" s="1" t="s">
        <v>213068</v>
      </c>
      <c r="H63808" s="1" t="s">
        <v>213069</v>
      </c>
      <c r="I63808" s="1" t="s">
        <v>207852</v>
      </c>
      <c r="J63808" s="1" t="s">
        <v>213123</v>
      </c>
    </row>
    <row r="63809" spans="1:10" x14ac:dyDescent="0.35">
      <c r="A63809" s="1" t="s">
        <v>117328</v>
      </c>
      <c r="B63809" s="1" t="s">
        <v>207847</v>
      </c>
      <c r="C63809" s="1" t="s">
        <v>100</v>
      </c>
      <c r="D63809" s="1" t="s">
        <v>9794</v>
      </c>
      <c r="E63809" s="1" t="s">
        <v>213124</v>
      </c>
      <c r="F63809" s="1" t="s">
        <v>213125</v>
      </c>
      <c r="G63809" s="1" t="s">
        <v>213068</v>
      </c>
      <c r="H63809" s="1" t="s">
        <v>213069</v>
      </c>
      <c r="I63809" s="1" t="s">
        <v>207852</v>
      </c>
      <c r="J63809" s="1" t="s">
        <v>213126</v>
      </c>
    </row>
    <row r="63810" spans="1:10" x14ac:dyDescent="0.35">
      <c r="A63810" s="1" t="s">
        <v>117328</v>
      </c>
      <c r="B63810" s="1" t="s">
        <v>207847</v>
      </c>
      <c r="C63810" s="1" t="s">
        <v>105</v>
      </c>
      <c r="D63810" s="1" t="s">
        <v>42397</v>
      </c>
      <c r="E63810" s="1" t="s">
        <v>213127</v>
      </c>
      <c r="F63810" s="1" t="s">
        <v>213128</v>
      </c>
      <c r="G63810" s="1" t="s">
        <v>213068</v>
      </c>
      <c r="H63810" s="1" t="s">
        <v>213069</v>
      </c>
      <c r="I63810" s="1" t="s">
        <v>207852</v>
      </c>
      <c r="J63810" s="1" t="s">
        <v>213129</v>
      </c>
    </row>
    <row r="63811" spans="1:10" x14ac:dyDescent="0.35">
      <c r="A63811" s="1" t="s">
        <v>117328</v>
      </c>
      <c r="B63811" s="1" t="s">
        <v>207847</v>
      </c>
      <c r="C63811" s="1" t="s">
        <v>110</v>
      </c>
      <c r="D63811" s="1" t="s">
        <v>195556</v>
      </c>
      <c r="E63811" s="1" t="s">
        <v>213130</v>
      </c>
      <c r="F63811" s="1" t="s">
        <v>213131</v>
      </c>
      <c r="G63811" s="1" t="s">
        <v>213068</v>
      </c>
      <c r="H63811" s="1" t="s">
        <v>213069</v>
      </c>
      <c r="I63811" s="1" t="s">
        <v>207852</v>
      </c>
      <c r="J63811" s="1" t="s">
        <v>213132</v>
      </c>
    </row>
    <row r="63812" spans="1:10" x14ac:dyDescent="0.35">
      <c r="A63812" s="1" t="s">
        <v>117328</v>
      </c>
      <c r="B63812" s="1" t="s">
        <v>207847</v>
      </c>
      <c r="C63812" s="1" t="s">
        <v>115</v>
      </c>
      <c r="D63812" s="1" t="s">
        <v>213133</v>
      </c>
      <c r="E63812" s="1" t="s">
        <v>213134</v>
      </c>
      <c r="F63812" s="1" t="s">
        <v>213135</v>
      </c>
      <c r="G63812" s="1" t="s">
        <v>213068</v>
      </c>
      <c r="H63812" s="1" t="s">
        <v>213069</v>
      </c>
      <c r="I63812" s="1" t="s">
        <v>207852</v>
      </c>
      <c r="J63812" s="1" t="s">
        <v>213136</v>
      </c>
    </row>
    <row r="63813" spans="1:10" x14ac:dyDescent="0.35">
      <c r="A63813" s="1" t="s">
        <v>117328</v>
      </c>
      <c r="B63813" s="1" t="s">
        <v>207847</v>
      </c>
      <c r="C63813" s="1" t="s">
        <v>120</v>
      </c>
      <c r="D63813" s="1" t="s">
        <v>36880</v>
      </c>
      <c r="E63813" s="1" t="s">
        <v>213137</v>
      </c>
      <c r="F63813" s="1" t="s">
        <v>213138</v>
      </c>
      <c r="G63813" s="1" t="s">
        <v>213068</v>
      </c>
      <c r="H63813" s="1" t="s">
        <v>213069</v>
      </c>
      <c r="I63813" s="1" t="s">
        <v>207852</v>
      </c>
      <c r="J63813" s="1" t="s">
        <v>213139</v>
      </c>
    </row>
    <row r="63814" spans="1:10" x14ac:dyDescent="0.35">
      <c r="A63814" s="1" t="s">
        <v>117328</v>
      </c>
      <c r="B63814" s="1" t="s">
        <v>207847</v>
      </c>
      <c r="C63814" s="1" t="s">
        <v>125</v>
      </c>
      <c r="D63814" s="1" t="s">
        <v>154762</v>
      </c>
      <c r="E63814" s="1" t="s">
        <v>213140</v>
      </c>
      <c r="F63814" s="1" t="s">
        <v>213141</v>
      </c>
      <c r="G63814" s="1" t="s">
        <v>213068</v>
      </c>
      <c r="H63814" s="1" t="s">
        <v>213069</v>
      </c>
      <c r="I63814" s="1" t="s">
        <v>207852</v>
      </c>
      <c r="J63814" s="1" t="s">
        <v>213142</v>
      </c>
    </row>
    <row r="63815" spans="1:10" x14ac:dyDescent="0.35">
      <c r="A63815" s="1" t="s">
        <v>117328</v>
      </c>
      <c r="B63815" s="1" t="s">
        <v>207847</v>
      </c>
      <c r="C63815" s="1" t="s">
        <v>130</v>
      </c>
      <c r="D63815" s="1" t="s">
        <v>24181</v>
      </c>
      <c r="E63815" s="1" t="s">
        <v>213143</v>
      </c>
      <c r="F63815" s="1" t="s">
        <v>213144</v>
      </c>
      <c r="G63815" s="1" t="s">
        <v>213068</v>
      </c>
      <c r="H63815" s="1" t="s">
        <v>213069</v>
      </c>
      <c r="I63815" s="1" t="s">
        <v>207852</v>
      </c>
      <c r="J63815" s="1" t="s">
        <v>213145</v>
      </c>
    </row>
    <row r="63816" spans="1:10" x14ac:dyDescent="0.35">
      <c r="A63816" s="1" t="s">
        <v>117328</v>
      </c>
      <c r="B63816" s="1" t="s">
        <v>207847</v>
      </c>
      <c r="C63816" s="1" t="s">
        <v>135</v>
      </c>
      <c r="D63816" s="1" t="s">
        <v>11515</v>
      </c>
      <c r="E63816" s="1" t="s">
        <v>213146</v>
      </c>
      <c r="F63816" s="1" t="s">
        <v>213147</v>
      </c>
      <c r="G63816" s="1" t="s">
        <v>213068</v>
      </c>
      <c r="H63816" s="1" t="s">
        <v>213069</v>
      </c>
      <c r="I63816" s="1" t="s">
        <v>207852</v>
      </c>
      <c r="J63816" s="1" t="s">
        <v>213148</v>
      </c>
    </row>
    <row r="63817" spans="1:10" x14ac:dyDescent="0.35">
      <c r="A63817" s="1" t="s">
        <v>117328</v>
      </c>
      <c r="B63817" s="1" t="s">
        <v>207847</v>
      </c>
      <c r="C63817" s="1" t="s">
        <v>140</v>
      </c>
      <c r="D63817" s="1" t="s">
        <v>113787</v>
      </c>
      <c r="E63817" s="1" t="s">
        <v>213149</v>
      </c>
      <c r="F63817" s="1" t="s">
        <v>213150</v>
      </c>
      <c r="G63817" s="1" t="s">
        <v>213068</v>
      </c>
      <c r="H63817" s="1" t="s">
        <v>213069</v>
      </c>
      <c r="I63817" s="1" t="s">
        <v>207852</v>
      </c>
      <c r="J63817" s="1" t="s">
        <v>213151</v>
      </c>
    </row>
    <row r="63818" spans="1:10" x14ac:dyDescent="0.35">
      <c r="A63818" s="1" t="s">
        <v>117328</v>
      </c>
      <c r="B63818" s="1" t="s">
        <v>207847</v>
      </c>
      <c r="C63818" s="1" t="s">
        <v>145</v>
      </c>
      <c r="D63818" s="1" t="s">
        <v>210419</v>
      </c>
      <c r="E63818" s="1" t="s">
        <v>213152</v>
      </c>
      <c r="F63818" s="1" t="s">
        <v>213153</v>
      </c>
      <c r="G63818" s="1" t="s">
        <v>213068</v>
      </c>
      <c r="H63818" s="1" t="s">
        <v>213069</v>
      </c>
      <c r="I63818" s="1" t="s">
        <v>207852</v>
      </c>
      <c r="J63818" s="1" t="s">
        <v>213154</v>
      </c>
    </row>
    <row r="63819" spans="1:10" x14ac:dyDescent="0.35">
      <c r="A63819" s="1" t="s">
        <v>117328</v>
      </c>
      <c r="B63819" s="1" t="s">
        <v>207847</v>
      </c>
      <c r="C63819" s="1" t="s">
        <v>150</v>
      </c>
      <c r="D63819" s="1" t="s">
        <v>213155</v>
      </c>
      <c r="E63819" s="1" t="s">
        <v>213156</v>
      </c>
      <c r="F63819" s="1" t="s">
        <v>213157</v>
      </c>
      <c r="G63819" s="1" t="s">
        <v>213068</v>
      </c>
      <c r="H63819" s="1" t="s">
        <v>213069</v>
      </c>
      <c r="I63819" s="1" t="s">
        <v>207852</v>
      </c>
      <c r="J63819" s="1" t="s">
        <v>213158</v>
      </c>
    </row>
    <row r="63820" spans="1:10" x14ac:dyDescent="0.35">
      <c r="A63820" s="1" t="s">
        <v>117328</v>
      </c>
      <c r="B63820" s="1" t="s">
        <v>207847</v>
      </c>
      <c r="C63820" s="1" t="s">
        <v>155</v>
      </c>
      <c r="D63820" s="1" t="s">
        <v>108638</v>
      </c>
      <c r="E63820" s="1" t="s">
        <v>213159</v>
      </c>
      <c r="F63820" s="1" t="s">
        <v>213160</v>
      </c>
      <c r="G63820" s="1" t="s">
        <v>213068</v>
      </c>
      <c r="H63820" s="1" t="s">
        <v>213069</v>
      </c>
      <c r="I63820" s="1" t="s">
        <v>207852</v>
      </c>
      <c r="J63820" s="1" t="s">
        <v>213161</v>
      </c>
    </row>
    <row r="63821" spans="1:10" x14ac:dyDescent="0.35">
      <c r="A63821" s="1" t="s">
        <v>117328</v>
      </c>
      <c r="B63821" s="1" t="s">
        <v>207847</v>
      </c>
      <c r="C63821" s="1" t="s">
        <v>160</v>
      </c>
      <c r="D63821" s="1" t="s">
        <v>64681</v>
      </c>
      <c r="E63821" s="1" t="s">
        <v>213162</v>
      </c>
      <c r="F63821" s="1" t="s">
        <v>213163</v>
      </c>
      <c r="G63821" s="1" t="s">
        <v>213068</v>
      </c>
      <c r="H63821" s="1" t="s">
        <v>213069</v>
      </c>
      <c r="I63821" s="1" t="s">
        <v>207852</v>
      </c>
      <c r="J63821" s="1" t="s">
        <v>213164</v>
      </c>
    </row>
    <row r="63822" spans="1:10" x14ac:dyDescent="0.35">
      <c r="A63822" s="1" t="s">
        <v>117328</v>
      </c>
      <c r="B63822" s="1" t="s">
        <v>207847</v>
      </c>
      <c r="C63822" s="1" t="s">
        <v>165</v>
      </c>
      <c r="D63822" s="1" t="s">
        <v>62321</v>
      </c>
      <c r="E63822" s="1" t="s">
        <v>213165</v>
      </c>
      <c r="F63822" s="1" t="s">
        <v>213166</v>
      </c>
      <c r="G63822" s="1" t="s">
        <v>213068</v>
      </c>
      <c r="H63822" s="1" t="s">
        <v>213069</v>
      </c>
      <c r="I63822" s="1" t="s">
        <v>207852</v>
      </c>
      <c r="J63822" s="1" t="s">
        <v>213167</v>
      </c>
    </row>
    <row r="63823" spans="1:10" x14ac:dyDescent="0.35">
      <c r="A63823" s="1" t="s">
        <v>117328</v>
      </c>
      <c r="B63823" s="1" t="s">
        <v>207847</v>
      </c>
      <c r="C63823" s="1" t="s">
        <v>170</v>
      </c>
      <c r="D63823" s="1" t="s">
        <v>22051</v>
      </c>
      <c r="E63823" s="1" t="s">
        <v>213168</v>
      </c>
      <c r="F63823" s="1" t="s">
        <v>213169</v>
      </c>
      <c r="G63823" s="1" t="s">
        <v>213068</v>
      </c>
      <c r="H63823" s="1" t="s">
        <v>213069</v>
      </c>
      <c r="I63823" s="1" t="s">
        <v>207852</v>
      </c>
      <c r="J63823" s="1" t="s">
        <v>213170</v>
      </c>
    </row>
    <row r="63824" spans="1:10" x14ac:dyDescent="0.35">
      <c r="A63824" s="1" t="s">
        <v>112495</v>
      </c>
      <c r="B63824" s="1" t="s">
        <v>207847</v>
      </c>
      <c r="C63824" s="1" t="s">
        <v>8</v>
      </c>
      <c r="D63824" s="1" t="s">
        <v>11815</v>
      </c>
      <c r="E63824" s="1" t="s">
        <v>213171</v>
      </c>
      <c r="F63824" s="1" t="s">
        <v>213172</v>
      </c>
      <c r="G63824" s="1" t="s">
        <v>213173</v>
      </c>
      <c r="H63824" s="1" t="s">
        <v>213174</v>
      </c>
      <c r="I63824" s="1" t="s">
        <v>207852</v>
      </c>
      <c r="J63824" s="1" t="s">
        <v>13</v>
      </c>
    </row>
    <row r="63825" spans="1:10" x14ac:dyDescent="0.35">
      <c r="A63825" s="1" t="s">
        <v>112495</v>
      </c>
      <c r="B63825" s="1" t="s">
        <v>207847</v>
      </c>
      <c r="C63825" s="1" t="s">
        <v>15</v>
      </c>
      <c r="D63825" s="1" t="s">
        <v>47722</v>
      </c>
      <c r="E63825" s="1" t="s">
        <v>213175</v>
      </c>
      <c r="F63825" s="1" t="s">
        <v>213176</v>
      </c>
      <c r="G63825" s="1" t="s">
        <v>213173</v>
      </c>
      <c r="H63825" s="1" t="s">
        <v>213174</v>
      </c>
      <c r="I63825" s="1" t="s">
        <v>207852</v>
      </c>
      <c r="J63825" s="1" t="s">
        <v>213177</v>
      </c>
    </row>
    <row r="63826" spans="1:10" x14ac:dyDescent="0.35">
      <c r="A63826" s="1" t="s">
        <v>112495</v>
      </c>
      <c r="B63826" s="1" t="s">
        <v>207847</v>
      </c>
      <c r="C63826" s="1" t="s">
        <v>20</v>
      </c>
      <c r="D63826" s="1" t="s">
        <v>151217</v>
      </c>
      <c r="E63826" s="1" t="s">
        <v>213178</v>
      </c>
      <c r="F63826" s="1" t="s">
        <v>213179</v>
      </c>
      <c r="G63826" s="1" t="s">
        <v>213173</v>
      </c>
      <c r="H63826" s="1" t="s">
        <v>213174</v>
      </c>
      <c r="I63826" s="1" t="s">
        <v>207852</v>
      </c>
      <c r="J63826" s="1" t="s">
        <v>213180</v>
      </c>
    </row>
    <row r="63827" spans="1:10" x14ac:dyDescent="0.35">
      <c r="A63827" s="1" t="s">
        <v>112495</v>
      </c>
      <c r="B63827" s="1" t="s">
        <v>207847</v>
      </c>
      <c r="C63827" s="1" t="s">
        <v>25</v>
      </c>
      <c r="D63827" s="1" t="s">
        <v>5187</v>
      </c>
      <c r="E63827" s="1" t="s">
        <v>213181</v>
      </c>
      <c r="F63827" s="1" t="s">
        <v>213182</v>
      </c>
      <c r="G63827" s="1" t="s">
        <v>213173</v>
      </c>
      <c r="H63827" s="1" t="s">
        <v>213174</v>
      </c>
      <c r="I63827" s="1" t="s">
        <v>207852</v>
      </c>
      <c r="J63827" s="1" t="s">
        <v>213183</v>
      </c>
    </row>
    <row r="63828" spans="1:10" x14ac:dyDescent="0.35">
      <c r="A63828" s="1" t="s">
        <v>112495</v>
      </c>
      <c r="B63828" s="1" t="s">
        <v>207847</v>
      </c>
      <c r="C63828" s="1" t="s">
        <v>30</v>
      </c>
      <c r="D63828" s="1" t="s">
        <v>17137</v>
      </c>
      <c r="E63828" s="1" t="s">
        <v>213184</v>
      </c>
      <c r="F63828" s="1" t="s">
        <v>213185</v>
      </c>
      <c r="G63828" s="1" t="s">
        <v>213173</v>
      </c>
      <c r="H63828" s="1" t="s">
        <v>213174</v>
      </c>
      <c r="I63828" s="1" t="s">
        <v>207852</v>
      </c>
      <c r="J63828" s="1" t="s">
        <v>213186</v>
      </c>
    </row>
    <row r="63829" spans="1:10" x14ac:dyDescent="0.35">
      <c r="A63829" s="1" t="s">
        <v>112495</v>
      </c>
      <c r="B63829" s="1" t="s">
        <v>207847</v>
      </c>
      <c r="C63829" s="1" t="s">
        <v>35</v>
      </c>
      <c r="D63829" s="1" t="s">
        <v>45904</v>
      </c>
      <c r="E63829" s="1" t="s">
        <v>213187</v>
      </c>
      <c r="F63829" s="1" t="s">
        <v>213188</v>
      </c>
      <c r="G63829" s="1" t="s">
        <v>213173</v>
      </c>
      <c r="H63829" s="1" t="s">
        <v>213174</v>
      </c>
      <c r="I63829" s="1" t="s">
        <v>207852</v>
      </c>
      <c r="J63829" s="1" t="s">
        <v>213189</v>
      </c>
    </row>
    <row r="63830" spans="1:10" x14ac:dyDescent="0.35">
      <c r="A63830" s="1" t="s">
        <v>112495</v>
      </c>
      <c r="B63830" s="1" t="s">
        <v>207847</v>
      </c>
      <c r="C63830" s="1" t="s">
        <v>40</v>
      </c>
      <c r="D63830" s="1" t="s">
        <v>170123</v>
      </c>
      <c r="E63830" s="1" t="s">
        <v>213190</v>
      </c>
      <c r="F63830" s="1" t="s">
        <v>213191</v>
      </c>
      <c r="G63830" s="1" t="s">
        <v>213173</v>
      </c>
      <c r="H63830" s="1" t="s">
        <v>213174</v>
      </c>
      <c r="I63830" s="1" t="s">
        <v>207852</v>
      </c>
      <c r="J63830" s="1" t="s">
        <v>213192</v>
      </c>
    </row>
    <row r="63831" spans="1:10" x14ac:dyDescent="0.35">
      <c r="A63831" s="1" t="s">
        <v>112495</v>
      </c>
      <c r="B63831" s="1" t="s">
        <v>207847</v>
      </c>
      <c r="C63831" s="1" t="s">
        <v>45</v>
      </c>
      <c r="D63831" s="1" t="s">
        <v>37169</v>
      </c>
      <c r="E63831" s="1" t="s">
        <v>213193</v>
      </c>
      <c r="F63831" s="1" t="s">
        <v>213194</v>
      </c>
      <c r="G63831" s="1" t="s">
        <v>213173</v>
      </c>
      <c r="H63831" s="1" t="s">
        <v>213174</v>
      </c>
      <c r="I63831" s="1" t="s">
        <v>207852</v>
      </c>
      <c r="J63831" s="1" t="s">
        <v>213195</v>
      </c>
    </row>
    <row r="63832" spans="1:10" x14ac:dyDescent="0.35">
      <c r="A63832" s="1" t="s">
        <v>112495</v>
      </c>
      <c r="B63832" s="1" t="s">
        <v>207847</v>
      </c>
      <c r="C63832" s="1" t="s">
        <v>50</v>
      </c>
      <c r="D63832" s="1" t="s">
        <v>124241</v>
      </c>
      <c r="E63832" s="1" t="s">
        <v>213196</v>
      </c>
      <c r="F63832" s="1" t="s">
        <v>213197</v>
      </c>
      <c r="G63832" s="1" t="s">
        <v>213173</v>
      </c>
      <c r="H63832" s="1" t="s">
        <v>213174</v>
      </c>
      <c r="I63832" s="1" t="s">
        <v>207852</v>
      </c>
      <c r="J63832" s="1" t="s">
        <v>213198</v>
      </c>
    </row>
    <row r="63833" spans="1:10" x14ac:dyDescent="0.35">
      <c r="A63833" s="1" t="s">
        <v>112495</v>
      </c>
      <c r="B63833" s="1" t="s">
        <v>207847</v>
      </c>
      <c r="C63833" s="1" t="s">
        <v>55</v>
      </c>
      <c r="D63833" s="1" t="s">
        <v>157842</v>
      </c>
      <c r="E63833" s="1" t="s">
        <v>213199</v>
      </c>
      <c r="F63833" s="1" t="s">
        <v>213200</v>
      </c>
      <c r="G63833" s="1" t="s">
        <v>213173</v>
      </c>
      <c r="H63833" s="1" t="s">
        <v>213174</v>
      </c>
      <c r="I63833" s="1" t="s">
        <v>207852</v>
      </c>
      <c r="J63833" s="1" t="s">
        <v>213201</v>
      </c>
    </row>
    <row r="63834" spans="1:10" x14ac:dyDescent="0.35">
      <c r="A63834" s="1" t="s">
        <v>112495</v>
      </c>
      <c r="B63834" s="1" t="s">
        <v>207847</v>
      </c>
      <c r="C63834" s="1" t="s">
        <v>60</v>
      </c>
      <c r="D63834" s="1" t="s">
        <v>213202</v>
      </c>
      <c r="E63834" s="1" t="s">
        <v>213203</v>
      </c>
      <c r="F63834" s="1" t="s">
        <v>213204</v>
      </c>
      <c r="G63834" s="1" t="s">
        <v>213173</v>
      </c>
      <c r="H63834" s="1" t="s">
        <v>213174</v>
      </c>
      <c r="I63834" s="1" t="s">
        <v>207852</v>
      </c>
      <c r="J63834" s="1" t="s">
        <v>213205</v>
      </c>
    </row>
    <row r="63835" spans="1:10" x14ac:dyDescent="0.35">
      <c r="A63835" s="1" t="s">
        <v>112495</v>
      </c>
      <c r="B63835" s="1" t="s">
        <v>207847</v>
      </c>
      <c r="C63835" s="1" t="s">
        <v>65</v>
      </c>
      <c r="D63835" s="1" t="s">
        <v>194173</v>
      </c>
      <c r="E63835" s="1" t="s">
        <v>213206</v>
      </c>
      <c r="F63835" s="1" t="s">
        <v>213207</v>
      </c>
      <c r="G63835" s="1" t="s">
        <v>213173</v>
      </c>
      <c r="H63835" s="1" t="s">
        <v>213174</v>
      </c>
      <c r="I63835" s="1" t="s">
        <v>207852</v>
      </c>
      <c r="J63835" s="1" t="s">
        <v>213208</v>
      </c>
    </row>
    <row r="63836" spans="1:10" x14ac:dyDescent="0.35">
      <c r="A63836" s="1" t="s">
        <v>112495</v>
      </c>
      <c r="B63836" s="1" t="s">
        <v>207847</v>
      </c>
      <c r="C63836" s="1" t="s">
        <v>70</v>
      </c>
      <c r="D63836" s="1" t="s">
        <v>213209</v>
      </c>
      <c r="E63836" s="1" t="s">
        <v>213210</v>
      </c>
      <c r="F63836" s="1" t="s">
        <v>213211</v>
      </c>
      <c r="G63836" s="1" t="s">
        <v>213173</v>
      </c>
      <c r="H63836" s="1" t="s">
        <v>213174</v>
      </c>
      <c r="I63836" s="1" t="s">
        <v>207852</v>
      </c>
      <c r="J63836" s="1" t="s">
        <v>213212</v>
      </c>
    </row>
    <row r="63837" spans="1:10" x14ac:dyDescent="0.35">
      <c r="A63837" s="1" t="s">
        <v>112495</v>
      </c>
      <c r="B63837" s="1" t="s">
        <v>207847</v>
      </c>
      <c r="C63837" s="1" t="s">
        <v>75</v>
      </c>
      <c r="D63837" s="1" t="s">
        <v>9424</v>
      </c>
      <c r="E63837" s="1" t="s">
        <v>213213</v>
      </c>
      <c r="F63837" s="1" t="s">
        <v>213214</v>
      </c>
      <c r="G63837" s="1" t="s">
        <v>213173</v>
      </c>
      <c r="H63837" s="1" t="s">
        <v>213174</v>
      </c>
      <c r="I63837" s="1" t="s">
        <v>207852</v>
      </c>
      <c r="J63837" s="1" t="s">
        <v>213215</v>
      </c>
    </row>
    <row r="63838" spans="1:10" x14ac:dyDescent="0.35">
      <c r="A63838" s="1" t="s">
        <v>112495</v>
      </c>
      <c r="B63838" s="1" t="s">
        <v>207847</v>
      </c>
      <c r="C63838" s="1" t="s">
        <v>80</v>
      </c>
      <c r="D63838" s="1" t="s">
        <v>42072</v>
      </c>
      <c r="E63838" s="1" t="s">
        <v>213216</v>
      </c>
      <c r="F63838" s="1" t="s">
        <v>213217</v>
      </c>
      <c r="G63838" s="1" t="s">
        <v>213173</v>
      </c>
      <c r="H63838" s="1" t="s">
        <v>213174</v>
      </c>
      <c r="I63838" s="1" t="s">
        <v>207852</v>
      </c>
      <c r="J63838" s="1" t="s">
        <v>213218</v>
      </c>
    </row>
    <row r="63839" spans="1:10" x14ac:dyDescent="0.35">
      <c r="A63839" s="1" t="s">
        <v>112495</v>
      </c>
      <c r="B63839" s="1" t="s">
        <v>207847</v>
      </c>
      <c r="C63839" s="1" t="s">
        <v>85</v>
      </c>
      <c r="D63839" s="1" t="s">
        <v>213219</v>
      </c>
      <c r="E63839" s="1" t="s">
        <v>213220</v>
      </c>
      <c r="F63839" s="1" t="s">
        <v>213221</v>
      </c>
      <c r="G63839" s="1" t="s">
        <v>213173</v>
      </c>
      <c r="H63839" s="1" t="s">
        <v>213174</v>
      </c>
      <c r="I63839" s="1" t="s">
        <v>207852</v>
      </c>
      <c r="J63839" s="1" t="s">
        <v>213222</v>
      </c>
    </row>
    <row r="63840" spans="1:10" x14ac:dyDescent="0.35">
      <c r="A63840" s="1" t="s">
        <v>112495</v>
      </c>
      <c r="B63840" s="1" t="s">
        <v>207847</v>
      </c>
      <c r="C63840" s="1" t="s">
        <v>90</v>
      </c>
      <c r="D63840" s="1" t="s">
        <v>45943</v>
      </c>
      <c r="E63840" s="1" t="s">
        <v>213223</v>
      </c>
      <c r="F63840" s="1" t="s">
        <v>213224</v>
      </c>
      <c r="G63840" s="1" t="s">
        <v>213173</v>
      </c>
      <c r="H63840" s="1" t="s">
        <v>213174</v>
      </c>
      <c r="I63840" s="1" t="s">
        <v>207852</v>
      </c>
      <c r="J63840" s="1" t="s">
        <v>213225</v>
      </c>
    </row>
    <row r="63841" spans="1:10" x14ac:dyDescent="0.35">
      <c r="A63841" s="1" t="s">
        <v>112495</v>
      </c>
      <c r="B63841" s="1" t="s">
        <v>207847</v>
      </c>
      <c r="C63841" s="1" t="s">
        <v>95</v>
      </c>
      <c r="D63841" s="1" t="s">
        <v>42225</v>
      </c>
      <c r="E63841" s="1" t="s">
        <v>213226</v>
      </c>
      <c r="F63841" s="1" t="s">
        <v>213227</v>
      </c>
      <c r="G63841" s="1" t="s">
        <v>213173</v>
      </c>
      <c r="H63841" s="1" t="s">
        <v>213174</v>
      </c>
      <c r="I63841" s="1" t="s">
        <v>207852</v>
      </c>
      <c r="J63841" s="1" t="s">
        <v>213228</v>
      </c>
    </row>
    <row r="63842" spans="1:10" x14ac:dyDescent="0.35">
      <c r="A63842" s="1" t="s">
        <v>112495</v>
      </c>
      <c r="B63842" s="1" t="s">
        <v>207847</v>
      </c>
      <c r="C63842" s="1" t="s">
        <v>100</v>
      </c>
      <c r="D63842" s="1" t="s">
        <v>33992</v>
      </c>
      <c r="E63842" s="1" t="s">
        <v>213229</v>
      </c>
      <c r="F63842" s="1" t="s">
        <v>66399</v>
      </c>
      <c r="G63842" s="1" t="s">
        <v>213173</v>
      </c>
      <c r="H63842" s="1" t="s">
        <v>213174</v>
      </c>
      <c r="I63842" s="1" t="s">
        <v>207852</v>
      </c>
      <c r="J63842" s="1" t="s">
        <v>213230</v>
      </c>
    </row>
    <row r="63843" spans="1:10" x14ac:dyDescent="0.35">
      <c r="A63843" s="1" t="s">
        <v>112495</v>
      </c>
      <c r="B63843" s="1" t="s">
        <v>207847</v>
      </c>
      <c r="C63843" s="1" t="s">
        <v>105</v>
      </c>
      <c r="D63843" s="1" t="s">
        <v>121573</v>
      </c>
      <c r="E63843" s="1" t="s">
        <v>213231</v>
      </c>
      <c r="F63843" s="1" t="s">
        <v>213232</v>
      </c>
      <c r="G63843" s="1" t="s">
        <v>213173</v>
      </c>
      <c r="H63843" s="1" t="s">
        <v>213174</v>
      </c>
      <c r="I63843" s="1" t="s">
        <v>207852</v>
      </c>
      <c r="J63843" s="1" t="s">
        <v>213233</v>
      </c>
    </row>
    <row r="63844" spans="1:10" x14ac:dyDescent="0.35">
      <c r="A63844" s="1" t="s">
        <v>112495</v>
      </c>
      <c r="B63844" s="1" t="s">
        <v>207847</v>
      </c>
      <c r="C63844" s="1" t="s">
        <v>110</v>
      </c>
      <c r="D63844" s="1" t="s">
        <v>213234</v>
      </c>
      <c r="E63844" s="1" t="s">
        <v>213235</v>
      </c>
      <c r="F63844" s="1" t="s">
        <v>213236</v>
      </c>
      <c r="G63844" s="1" t="s">
        <v>213173</v>
      </c>
      <c r="H63844" s="1" t="s">
        <v>213174</v>
      </c>
      <c r="I63844" s="1" t="s">
        <v>207852</v>
      </c>
      <c r="J63844" s="1" t="s">
        <v>213237</v>
      </c>
    </row>
    <row r="63845" spans="1:10" x14ac:dyDescent="0.35">
      <c r="A63845" s="1" t="s">
        <v>112495</v>
      </c>
      <c r="B63845" s="1" t="s">
        <v>207847</v>
      </c>
      <c r="C63845" s="1" t="s">
        <v>115</v>
      </c>
      <c r="D63845" s="1" t="s">
        <v>173727</v>
      </c>
      <c r="E63845" s="1" t="s">
        <v>213238</v>
      </c>
      <c r="F63845" s="1" t="s">
        <v>213239</v>
      </c>
      <c r="G63845" s="1" t="s">
        <v>213173</v>
      </c>
      <c r="H63845" s="1" t="s">
        <v>213174</v>
      </c>
      <c r="I63845" s="1" t="s">
        <v>207852</v>
      </c>
      <c r="J63845" s="1" t="s">
        <v>213240</v>
      </c>
    </row>
    <row r="63846" spans="1:10" x14ac:dyDescent="0.35">
      <c r="A63846" s="1" t="s">
        <v>112495</v>
      </c>
      <c r="B63846" s="1" t="s">
        <v>207847</v>
      </c>
      <c r="C63846" s="1" t="s">
        <v>120</v>
      </c>
      <c r="D63846" s="1" t="s">
        <v>82273</v>
      </c>
      <c r="E63846" s="1" t="s">
        <v>213241</v>
      </c>
      <c r="F63846" s="1" t="s">
        <v>213242</v>
      </c>
      <c r="G63846" s="1" t="s">
        <v>213173</v>
      </c>
      <c r="H63846" s="1" t="s">
        <v>213174</v>
      </c>
      <c r="I63846" s="1" t="s">
        <v>207852</v>
      </c>
      <c r="J63846" s="1" t="s">
        <v>213243</v>
      </c>
    </row>
    <row r="63847" spans="1:10" x14ac:dyDescent="0.35">
      <c r="A63847" s="1" t="s">
        <v>112495</v>
      </c>
      <c r="B63847" s="1" t="s">
        <v>207847</v>
      </c>
      <c r="C63847" s="1" t="s">
        <v>125</v>
      </c>
      <c r="D63847" s="1" t="s">
        <v>213244</v>
      </c>
      <c r="E63847" s="1" t="s">
        <v>213245</v>
      </c>
      <c r="F63847" s="1" t="s">
        <v>213246</v>
      </c>
      <c r="G63847" s="1" t="s">
        <v>213173</v>
      </c>
      <c r="H63847" s="1" t="s">
        <v>213174</v>
      </c>
      <c r="I63847" s="1" t="s">
        <v>207852</v>
      </c>
      <c r="J63847" s="1" t="s">
        <v>213247</v>
      </c>
    </row>
    <row r="63848" spans="1:10" x14ac:dyDescent="0.35">
      <c r="A63848" s="1" t="s">
        <v>112495</v>
      </c>
      <c r="B63848" s="1" t="s">
        <v>207847</v>
      </c>
      <c r="C63848" s="1" t="s">
        <v>130</v>
      </c>
      <c r="D63848" s="1" t="s">
        <v>213248</v>
      </c>
      <c r="E63848" s="1" t="s">
        <v>213249</v>
      </c>
      <c r="F63848" s="1" t="s">
        <v>213250</v>
      </c>
      <c r="G63848" s="1" t="s">
        <v>213173</v>
      </c>
      <c r="H63848" s="1" t="s">
        <v>213174</v>
      </c>
      <c r="I63848" s="1" t="s">
        <v>207852</v>
      </c>
      <c r="J63848" s="1" t="s">
        <v>213251</v>
      </c>
    </row>
    <row r="63849" spans="1:10" x14ac:dyDescent="0.35">
      <c r="A63849" s="1" t="s">
        <v>112495</v>
      </c>
      <c r="B63849" s="1" t="s">
        <v>207847</v>
      </c>
      <c r="C63849" s="1" t="s">
        <v>135</v>
      </c>
      <c r="D63849" s="1" t="s">
        <v>213252</v>
      </c>
      <c r="E63849" s="1" t="s">
        <v>213253</v>
      </c>
      <c r="F63849" s="1" t="s">
        <v>213254</v>
      </c>
      <c r="G63849" s="1" t="s">
        <v>213173</v>
      </c>
      <c r="H63849" s="1" t="s">
        <v>213174</v>
      </c>
      <c r="I63849" s="1" t="s">
        <v>207852</v>
      </c>
      <c r="J63849" s="1" t="s">
        <v>213255</v>
      </c>
    </row>
    <row r="63850" spans="1:10" x14ac:dyDescent="0.35">
      <c r="A63850" s="1" t="s">
        <v>112495</v>
      </c>
      <c r="B63850" s="1" t="s">
        <v>207847</v>
      </c>
      <c r="C63850" s="1" t="s">
        <v>140</v>
      </c>
      <c r="D63850" s="1" t="s">
        <v>213256</v>
      </c>
      <c r="E63850" s="1" t="s">
        <v>213257</v>
      </c>
      <c r="F63850" s="1" t="s">
        <v>213258</v>
      </c>
      <c r="G63850" s="1" t="s">
        <v>213173</v>
      </c>
      <c r="H63850" s="1" t="s">
        <v>213174</v>
      </c>
      <c r="I63850" s="1" t="s">
        <v>207852</v>
      </c>
      <c r="J63850" s="1" t="s">
        <v>213259</v>
      </c>
    </row>
    <row r="63851" spans="1:10" x14ac:dyDescent="0.35">
      <c r="A63851" s="1" t="s">
        <v>112495</v>
      </c>
      <c r="B63851" s="1" t="s">
        <v>207847</v>
      </c>
      <c r="C63851" s="1" t="s">
        <v>145</v>
      </c>
      <c r="D63851" s="1" t="s">
        <v>128343</v>
      </c>
      <c r="E63851" s="1" t="s">
        <v>213260</v>
      </c>
      <c r="F63851" s="1" t="s">
        <v>213261</v>
      </c>
      <c r="G63851" s="1" t="s">
        <v>213173</v>
      </c>
      <c r="H63851" s="1" t="s">
        <v>213174</v>
      </c>
      <c r="I63851" s="1" t="s">
        <v>207852</v>
      </c>
      <c r="J63851" s="1" t="s">
        <v>213262</v>
      </c>
    </row>
    <row r="63852" spans="1:10" x14ac:dyDescent="0.35">
      <c r="A63852" s="1" t="s">
        <v>112495</v>
      </c>
      <c r="B63852" s="1" t="s">
        <v>207847</v>
      </c>
      <c r="C63852" s="1" t="s">
        <v>150</v>
      </c>
      <c r="D63852" s="1" t="s">
        <v>213263</v>
      </c>
      <c r="E63852" s="1" t="s">
        <v>213264</v>
      </c>
      <c r="F63852" s="1" t="s">
        <v>213265</v>
      </c>
      <c r="G63852" s="1" t="s">
        <v>213173</v>
      </c>
      <c r="H63852" s="1" t="s">
        <v>213174</v>
      </c>
      <c r="I63852" s="1" t="s">
        <v>207852</v>
      </c>
      <c r="J63852" s="1" t="s">
        <v>213266</v>
      </c>
    </row>
    <row r="63853" spans="1:10" x14ac:dyDescent="0.35">
      <c r="A63853" s="1" t="s">
        <v>112495</v>
      </c>
      <c r="B63853" s="1" t="s">
        <v>207847</v>
      </c>
      <c r="C63853" s="1" t="s">
        <v>155</v>
      </c>
      <c r="D63853" s="1" t="s">
        <v>97038</v>
      </c>
      <c r="E63853" s="1" t="s">
        <v>213267</v>
      </c>
      <c r="F63853" s="1" t="s">
        <v>213268</v>
      </c>
      <c r="G63853" s="1" t="s">
        <v>213173</v>
      </c>
      <c r="H63853" s="1" t="s">
        <v>213174</v>
      </c>
      <c r="I63853" s="1" t="s">
        <v>207852</v>
      </c>
      <c r="J63853" s="1" t="s">
        <v>213269</v>
      </c>
    </row>
    <row r="63854" spans="1:10" x14ac:dyDescent="0.35">
      <c r="A63854" s="1" t="s">
        <v>112495</v>
      </c>
      <c r="B63854" s="1" t="s">
        <v>207847</v>
      </c>
      <c r="C63854" s="1" t="s">
        <v>160</v>
      </c>
      <c r="D63854" s="1" t="s">
        <v>194780</v>
      </c>
      <c r="E63854" s="1" t="s">
        <v>213270</v>
      </c>
      <c r="F63854" s="1" t="s">
        <v>213271</v>
      </c>
      <c r="G63854" s="1" t="s">
        <v>213173</v>
      </c>
      <c r="H63854" s="1" t="s">
        <v>213174</v>
      </c>
      <c r="I63854" s="1" t="s">
        <v>207852</v>
      </c>
      <c r="J63854" s="1" t="s">
        <v>213272</v>
      </c>
    </row>
    <row r="63855" spans="1:10" x14ac:dyDescent="0.35">
      <c r="A63855" s="1" t="s">
        <v>112495</v>
      </c>
      <c r="B63855" s="1" t="s">
        <v>207847</v>
      </c>
      <c r="C63855" s="1" t="s">
        <v>165</v>
      </c>
      <c r="D63855" s="1" t="s">
        <v>78482</v>
      </c>
      <c r="E63855" s="1" t="s">
        <v>213273</v>
      </c>
      <c r="F63855" s="1" t="s">
        <v>213274</v>
      </c>
      <c r="G63855" s="1" t="s">
        <v>213173</v>
      </c>
      <c r="H63855" s="1" t="s">
        <v>213174</v>
      </c>
      <c r="I63855" s="1" t="s">
        <v>207852</v>
      </c>
      <c r="J63855" s="1" t="s">
        <v>213275</v>
      </c>
    </row>
    <row r="63856" spans="1:10" x14ac:dyDescent="0.35">
      <c r="A63856" s="1" t="s">
        <v>112495</v>
      </c>
      <c r="B63856" s="1" t="s">
        <v>207847</v>
      </c>
      <c r="C63856" s="1" t="s">
        <v>170</v>
      </c>
      <c r="D63856" s="1" t="s">
        <v>213276</v>
      </c>
      <c r="E63856" s="1" t="s">
        <v>213277</v>
      </c>
      <c r="F63856" s="1" t="s">
        <v>213278</v>
      </c>
      <c r="G63856" s="1" t="s">
        <v>213173</v>
      </c>
      <c r="H63856" s="1" t="s">
        <v>213174</v>
      </c>
      <c r="I63856" s="1" t="s">
        <v>207852</v>
      </c>
      <c r="J63856" s="1" t="s">
        <v>213279</v>
      </c>
    </row>
    <row r="63857" spans="1:10" x14ac:dyDescent="0.35">
      <c r="A63857" s="1" t="s">
        <v>15844</v>
      </c>
      <c r="B63857" s="1" t="s">
        <v>207847</v>
      </c>
      <c r="C63857" s="1" t="s">
        <v>8</v>
      </c>
      <c r="D63857" s="1" t="s">
        <v>10749</v>
      </c>
      <c r="E63857" s="1" t="s">
        <v>213280</v>
      </c>
      <c r="F63857" s="1" t="s">
        <v>213281</v>
      </c>
      <c r="G63857" s="1" t="s">
        <v>213282</v>
      </c>
      <c r="H63857" s="1" t="s">
        <v>213283</v>
      </c>
      <c r="I63857" s="1" t="s">
        <v>207852</v>
      </c>
      <c r="J63857" s="1" t="s">
        <v>13</v>
      </c>
    </row>
    <row r="63858" spans="1:10" x14ac:dyDescent="0.35">
      <c r="A63858" s="1" t="s">
        <v>15844</v>
      </c>
      <c r="B63858" s="1" t="s">
        <v>207847</v>
      </c>
      <c r="C63858" s="1" t="s">
        <v>15</v>
      </c>
      <c r="D63858" s="1" t="s">
        <v>30621</v>
      </c>
      <c r="E63858" s="1" t="s">
        <v>213284</v>
      </c>
      <c r="F63858" s="1" t="s">
        <v>213285</v>
      </c>
      <c r="G63858" s="1" t="s">
        <v>213282</v>
      </c>
      <c r="H63858" s="1" t="s">
        <v>213283</v>
      </c>
      <c r="I63858" s="1" t="s">
        <v>207852</v>
      </c>
      <c r="J63858" s="1" t="s">
        <v>213286</v>
      </c>
    </row>
    <row r="63859" spans="1:10" x14ac:dyDescent="0.35">
      <c r="A63859" s="1" t="s">
        <v>15844</v>
      </c>
      <c r="B63859" s="1" t="s">
        <v>207847</v>
      </c>
      <c r="C63859" s="1" t="s">
        <v>20</v>
      </c>
      <c r="D63859" s="1" t="s">
        <v>17429</v>
      </c>
      <c r="E63859" s="1" t="s">
        <v>213287</v>
      </c>
      <c r="F63859" s="1" t="s">
        <v>213288</v>
      </c>
      <c r="G63859" s="1" t="s">
        <v>213282</v>
      </c>
      <c r="H63859" s="1" t="s">
        <v>213283</v>
      </c>
      <c r="I63859" s="1" t="s">
        <v>207852</v>
      </c>
      <c r="J63859" s="1" t="s">
        <v>213289</v>
      </c>
    </row>
    <row r="63860" spans="1:10" x14ac:dyDescent="0.35">
      <c r="A63860" s="1" t="s">
        <v>15844</v>
      </c>
      <c r="B63860" s="1" t="s">
        <v>207847</v>
      </c>
      <c r="C63860" s="1" t="s">
        <v>25</v>
      </c>
      <c r="D63860" s="1" t="s">
        <v>119740</v>
      </c>
      <c r="E63860" s="1" t="s">
        <v>213290</v>
      </c>
      <c r="F63860" s="1" t="s">
        <v>213291</v>
      </c>
      <c r="G63860" s="1" t="s">
        <v>213282</v>
      </c>
      <c r="H63860" s="1" t="s">
        <v>213283</v>
      </c>
      <c r="I63860" s="1" t="s">
        <v>207852</v>
      </c>
      <c r="J63860" s="1" t="s">
        <v>213292</v>
      </c>
    </row>
    <row r="63861" spans="1:10" x14ac:dyDescent="0.35">
      <c r="A63861" s="1" t="s">
        <v>15844</v>
      </c>
      <c r="B63861" s="1" t="s">
        <v>207847</v>
      </c>
      <c r="C63861" s="1" t="s">
        <v>30</v>
      </c>
      <c r="D63861" s="1" t="s">
        <v>104684</v>
      </c>
      <c r="E63861" s="1" t="s">
        <v>213293</v>
      </c>
      <c r="F63861" s="1" t="s">
        <v>213294</v>
      </c>
      <c r="G63861" s="1" t="s">
        <v>213282</v>
      </c>
      <c r="H63861" s="1" t="s">
        <v>213283</v>
      </c>
      <c r="I63861" s="1" t="s">
        <v>207852</v>
      </c>
      <c r="J63861" s="1" t="s">
        <v>213295</v>
      </c>
    </row>
    <row r="63862" spans="1:10" x14ac:dyDescent="0.35">
      <c r="A63862" s="1" t="s">
        <v>15844</v>
      </c>
      <c r="B63862" s="1" t="s">
        <v>207847</v>
      </c>
      <c r="C63862" s="1" t="s">
        <v>35</v>
      </c>
      <c r="D63862" s="1" t="s">
        <v>3445</v>
      </c>
      <c r="E63862" s="1" t="s">
        <v>213296</v>
      </c>
      <c r="F63862" s="1" t="s">
        <v>213297</v>
      </c>
      <c r="G63862" s="1" t="s">
        <v>213282</v>
      </c>
      <c r="H63862" s="1" t="s">
        <v>213283</v>
      </c>
      <c r="I63862" s="1" t="s">
        <v>207852</v>
      </c>
      <c r="J63862" s="1" t="s">
        <v>213298</v>
      </c>
    </row>
    <row r="63863" spans="1:10" x14ac:dyDescent="0.35">
      <c r="A63863" s="1" t="s">
        <v>15844</v>
      </c>
      <c r="B63863" s="1" t="s">
        <v>207847</v>
      </c>
      <c r="C63863" s="1" t="s">
        <v>40</v>
      </c>
      <c r="D63863" s="1" t="s">
        <v>36137</v>
      </c>
      <c r="E63863" s="1" t="s">
        <v>213299</v>
      </c>
      <c r="F63863" s="1" t="s">
        <v>213300</v>
      </c>
      <c r="G63863" s="1" t="s">
        <v>213282</v>
      </c>
      <c r="H63863" s="1" t="s">
        <v>213283</v>
      </c>
      <c r="I63863" s="1" t="s">
        <v>207852</v>
      </c>
      <c r="J63863" s="1" t="s">
        <v>213301</v>
      </c>
    </row>
    <row r="63864" spans="1:10" x14ac:dyDescent="0.35">
      <c r="A63864" s="1" t="s">
        <v>15844</v>
      </c>
      <c r="B63864" s="1" t="s">
        <v>207847</v>
      </c>
      <c r="C63864" s="1" t="s">
        <v>45</v>
      </c>
      <c r="D63864" s="1" t="s">
        <v>37066</v>
      </c>
      <c r="E63864" s="1" t="s">
        <v>213302</v>
      </c>
      <c r="F63864" s="1" t="s">
        <v>213303</v>
      </c>
      <c r="G63864" s="1" t="s">
        <v>213282</v>
      </c>
      <c r="H63864" s="1" t="s">
        <v>213283</v>
      </c>
      <c r="I63864" s="1" t="s">
        <v>207852</v>
      </c>
      <c r="J63864" s="1" t="s">
        <v>213304</v>
      </c>
    </row>
    <row r="63865" spans="1:10" x14ac:dyDescent="0.35">
      <c r="A63865" s="1" t="s">
        <v>15844</v>
      </c>
      <c r="B63865" s="1" t="s">
        <v>207847</v>
      </c>
      <c r="C63865" s="1" t="s">
        <v>50</v>
      </c>
      <c r="D63865" s="1" t="s">
        <v>15943</v>
      </c>
      <c r="E63865" s="1" t="s">
        <v>213305</v>
      </c>
      <c r="F63865" s="1" t="s">
        <v>213306</v>
      </c>
      <c r="G63865" s="1" t="s">
        <v>213282</v>
      </c>
      <c r="H63865" s="1" t="s">
        <v>213283</v>
      </c>
      <c r="I63865" s="1" t="s">
        <v>207852</v>
      </c>
      <c r="J63865" s="1" t="s">
        <v>213307</v>
      </c>
    </row>
    <row r="63866" spans="1:10" x14ac:dyDescent="0.35">
      <c r="A63866" s="1" t="s">
        <v>15844</v>
      </c>
      <c r="B63866" s="1" t="s">
        <v>207847</v>
      </c>
      <c r="C63866" s="1" t="s">
        <v>55</v>
      </c>
      <c r="D63866" s="1" t="s">
        <v>71272</v>
      </c>
      <c r="E63866" s="1" t="s">
        <v>213308</v>
      </c>
      <c r="F63866" s="1" t="s">
        <v>213309</v>
      </c>
      <c r="G63866" s="1" t="s">
        <v>213282</v>
      </c>
      <c r="H63866" s="1" t="s">
        <v>213283</v>
      </c>
      <c r="I63866" s="1" t="s">
        <v>207852</v>
      </c>
      <c r="J63866" s="1" t="s">
        <v>213310</v>
      </c>
    </row>
    <row r="63867" spans="1:10" x14ac:dyDescent="0.35">
      <c r="A63867" s="1" t="s">
        <v>15844</v>
      </c>
      <c r="B63867" s="1" t="s">
        <v>207847</v>
      </c>
      <c r="C63867" s="1" t="s">
        <v>60</v>
      </c>
      <c r="D63867" s="1" t="s">
        <v>42626</v>
      </c>
      <c r="E63867" s="1" t="s">
        <v>213311</v>
      </c>
      <c r="F63867" s="1" t="s">
        <v>213312</v>
      </c>
      <c r="G63867" s="1" t="s">
        <v>213282</v>
      </c>
      <c r="H63867" s="1" t="s">
        <v>213283</v>
      </c>
      <c r="I63867" s="1" t="s">
        <v>207852</v>
      </c>
      <c r="J63867" s="1" t="s">
        <v>12290</v>
      </c>
    </row>
    <row r="63868" spans="1:10" x14ac:dyDescent="0.35">
      <c r="A63868" s="1" t="s">
        <v>15844</v>
      </c>
      <c r="B63868" s="1" t="s">
        <v>207847</v>
      </c>
      <c r="C63868" s="1" t="s">
        <v>65</v>
      </c>
      <c r="D63868" s="1" t="s">
        <v>202843</v>
      </c>
      <c r="E63868" s="1" t="s">
        <v>213313</v>
      </c>
      <c r="F63868" s="1" t="s">
        <v>213314</v>
      </c>
      <c r="G63868" s="1" t="s">
        <v>213282</v>
      </c>
      <c r="H63868" s="1" t="s">
        <v>213283</v>
      </c>
      <c r="I63868" s="1" t="s">
        <v>207852</v>
      </c>
      <c r="J63868" s="1" t="s">
        <v>213315</v>
      </c>
    </row>
    <row r="63869" spans="1:10" x14ac:dyDescent="0.35">
      <c r="A63869" s="1" t="s">
        <v>15844</v>
      </c>
      <c r="B63869" s="1" t="s">
        <v>207847</v>
      </c>
      <c r="C63869" s="1" t="s">
        <v>70</v>
      </c>
      <c r="D63869" s="1" t="s">
        <v>30503</v>
      </c>
      <c r="E63869" s="1" t="s">
        <v>213316</v>
      </c>
      <c r="F63869" s="1" t="s">
        <v>213317</v>
      </c>
      <c r="G63869" s="1" t="s">
        <v>213282</v>
      </c>
      <c r="H63869" s="1" t="s">
        <v>213283</v>
      </c>
      <c r="I63869" s="1" t="s">
        <v>207852</v>
      </c>
      <c r="J63869" s="1" t="s">
        <v>213318</v>
      </c>
    </row>
    <row r="63870" spans="1:10" x14ac:dyDescent="0.35">
      <c r="A63870" s="1" t="s">
        <v>15844</v>
      </c>
      <c r="B63870" s="1" t="s">
        <v>207847</v>
      </c>
      <c r="C63870" s="1" t="s">
        <v>75</v>
      </c>
      <c r="D63870" s="1" t="s">
        <v>35891</v>
      </c>
      <c r="E63870" s="1" t="s">
        <v>213319</v>
      </c>
      <c r="F63870" s="1" t="s">
        <v>213320</v>
      </c>
      <c r="G63870" s="1" t="s">
        <v>213282</v>
      </c>
      <c r="H63870" s="1" t="s">
        <v>213283</v>
      </c>
      <c r="I63870" s="1" t="s">
        <v>207852</v>
      </c>
      <c r="J63870" s="1" t="s">
        <v>213321</v>
      </c>
    </row>
    <row r="63871" spans="1:10" x14ac:dyDescent="0.35">
      <c r="A63871" s="1" t="s">
        <v>15844</v>
      </c>
      <c r="B63871" s="1" t="s">
        <v>207847</v>
      </c>
      <c r="C63871" s="1" t="s">
        <v>80</v>
      </c>
      <c r="D63871" s="1" t="s">
        <v>15306</v>
      </c>
      <c r="E63871" s="1" t="s">
        <v>213322</v>
      </c>
      <c r="F63871" s="1" t="s">
        <v>213323</v>
      </c>
      <c r="G63871" s="1" t="s">
        <v>213282</v>
      </c>
      <c r="H63871" s="1" t="s">
        <v>213283</v>
      </c>
      <c r="I63871" s="1" t="s">
        <v>207852</v>
      </c>
      <c r="J63871" s="1" t="s">
        <v>213324</v>
      </c>
    </row>
    <row r="63872" spans="1:10" x14ac:dyDescent="0.35">
      <c r="A63872" s="1" t="s">
        <v>15844</v>
      </c>
      <c r="B63872" s="1" t="s">
        <v>207847</v>
      </c>
      <c r="C63872" s="1" t="s">
        <v>85</v>
      </c>
      <c r="D63872" s="1" t="s">
        <v>213325</v>
      </c>
      <c r="E63872" s="1" t="s">
        <v>213326</v>
      </c>
      <c r="F63872" s="1" t="s">
        <v>213327</v>
      </c>
      <c r="G63872" s="1" t="s">
        <v>213282</v>
      </c>
      <c r="H63872" s="1" t="s">
        <v>213283</v>
      </c>
      <c r="I63872" s="1" t="s">
        <v>207852</v>
      </c>
      <c r="J63872" s="1" t="s">
        <v>213328</v>
      </c>
    </row>
    <row r="63873" spans="1:10" x14ac:dyDescent="0.35">
      <c r="A63873" s="1" t="s">
        <v>15844</v>
      </c>
      <c r="B63873" s="1" t="s">
        <v>207847</v>
      </c>
      <c r="C63873" s="1" t="s">
        <v>90</v>
      </c>
      <c r="D63873" s="1" t="s">
        <v>161</v>
      </c>
      <c r="E63873" s="1" t="s">
        <v>213329</v>
      </c>
      <c r="F63873" s="1" t="s">
        <v>213330</v>
      </c>
      <c r="G63873" s="1" t="s">
        <v>213282</v>
      </c>
      <c r="H63873" s="1" t="s">
        <v>213283</v>
      </c>
      <c r="I63873" s="1" t="s">
        <v>207852</v>
      </c>
      <c r="J63873" s="1" t="s">
        <v>213331</v>
      </c>
    </row>
    <row r="63874" spans="1:10" x14ac:dyDescent="0.35">
      <c r="A63874" s="1" t="s">
        <v>15844</v>
      </c>
      <c r="B63874" s="1" t="s">
        <v>207847</v>
      </c>
      <c r="C63874" s="1" t="s">
        <v>95</v>
      </c>
      <c r="D63874" s="1" t="s">
        <v>30893</v>
      </c>
      <c r="E63874" s="1" t="s">
        <v>213332</v>
      </c>
      <c r="F63874" s="1" t="s">
        <v>213333</v>
      </c>
      <c r="G63874" s="1" t="s">
        <v>213282</v>
      </c>
      <c r="H63874" s="1" t="s">
        <v>213283</v>
      </c>
      <c r="I63874" s="1" t="s">
        <v>207852</v>
      </c>
      <c r="J63874" s="1" t="s">
        <v>213334</v>
      </c>
    </row>
    <row r="63875" spans="1:10" x14ac:dyDescent="0.35">
      <c r="A63875" s="1" t="s">
        <v>15844</v>
      </c>
      <c r="B63875" s="1" t="s">
        <v>207847</v>
      </c>
      <c r="C63875" s="1" t="s">
        <v>100</v>
      </c>
      <c r="D63875" s="1" t="s">
        <v>184913</v>
      </c>
      <c r="E63875" s="1" t="s">
        <v>213335</v>
      </c>
      <c r="F63875" s="1" t="s">
        <v>213336</v>
      </c>
      <c r="G63875" s="1" t="s">
        <v>213282</v>
      </c>
      <c r="H63875" s="1" t="s">
        <v>213283</v>
      </c>
      <c r="I63875" s="1" t="s">
        <v>207852</v>
      </c>
      <c r="J63875" s="1" t="s">
        <v>213337</v>
      </c>
    </row>
    <row r="63876" spans="1:10" x14ac:dyDescent="0.35">
      <c r="A63876" s="1" t="s">
        <v>15844</v>
      </c>
      <c r="B63876" s="1" t="s">
        <v>207847</v>
      </c>
      <c r="C63876" s="1" t="s">
        <v>105</v>
      </c>
      <c r="D63876" s="1" t="s">
        <v>33613</v>
      </c>
      <c r="E63876" s="1" t="s">
        <v>213338</v>
      </c>
      <c r="F63876" s="1" t="s">
        <v>213339</v>
      </c>
      <c r="G63876" s="1" t="s">
        <v>213282</v>
      </c>
      <c r="H63876" s="1" t="s">
        <v>213283</v>
      </c>
      <c r="I63876" s="1" t="s">
        <v>207852</v>
      </c>
      <c r="J63876" s="1" t="s">
        <v>145363</v>
      </c>
    </row>
    <row r="63877" spans="1:10" x14ac:dyDescent="0.35">
      <c r="A63877" s="1" t="s">
        <v>15844</v>
      </c>
      <c r="B63877" s="1" t="s">
        <v>207847</v>
      </c>
      <c r="C63877" s="1" t="s">
        <v>110</v>
      </c>
      <c r="D63877" s="1" t="s">
        <v>170397</v>
      </c>
      <c r="E63877" s="1" t="s">
        <v>213340</v>
      </c>
      <c r="F63877" s="1" t="s">
        <v>213341</v>
      </c>
      <c r="G63877" s="1" t="s">
        <v>213282</v>
      </c>
      <c r="H63877" s="1" t="s">
        <v>213283</v>
      </c>
      <c r="I63877" s="1" t="s">
        <v>207852</v>
      </c>
      <c r="J63877" s="1" t="s">
        <v>213342</v>
      </c>
    </row>
    <row r="63878" spans="1:10" x14ac:dyDescent="0.35">
      <c r="A63878" s="1" t="s">
        <v>15844</v>
      </c>
      <c r="B63878" s="1" t="s">
        <v>207847</v>
      </c>
      <c r="C63878" s="1" t="s">
        <v>115</v>
      </c>
      <c r="D63878" s="1" t="s">
        <v>44104</v>
      </c>
      <c r="E63878" s="1" t="s">
        <v>213343</v>
      </c>
      <c r="F63878" s="1" t="s">
        <v>213344</v>
      </c>
      <c r="G63878" s="1" t="s">
        <v>213282</v>
      </c>
      <c r="H63878" s="1" t="s">
        <v>213283</v>
      </c>
      <c r="I63878" s="1" t="s">
        <v>207852</v>
      </c>
      <c r="J63878" s="1" t="s">
        <v>213345</v>
      </c>
    </row>
    <row r="63879" spans="1:10" x14ac:dyDescent="0.35">
      <c r="A63879" s="1" t="s">
        <v>15844</v>
      </c>
      <c r="B63879" s="1" t="s">
        <v>207847</v>
      </c>
      <c r="C63879" s="1" t="s">
        <v>120</v>
      </c>
      <c r="D63879" s="1" t="s">
        <v>18192</v>
      </c>
      <c r="E63879" s="1" t="s">
        <v>213346</v>
      </c>
      <c r="F63879" s="1" t="s">
        <v>213347</v>
      </c>
      <c r="G63879" s="1" t="s">
        <v>213282</v>
      </c>
      <c r="H63879" s="1" t="s">
        <v>213283</v>
      </c>
      <c r="I63879" s="1" t="s">
        <v>207852</v>
      </c>
      <c r="J63879" s="1" t="s">
        <v>213348</v>
      </c>
    </row>
    <row r="63880" spans="1:10" x14ac:dyDescent="0.35">
      <c r="A63880" s="1" t="s">
        <v>15844</v>
      </c>
      <c r="B63880" s="1" t="s">
        <v>207847</v>
      </c>
      <c r="C63880" s="1" t="s">
        <v>125</v>
      </c>
      <c r="D63880" s="1" t="s">
        <v>213349</v>
      </c>
      <c r="E63880" s="1" t="s">
        <v>213350</v>
      </c>
      <c r="F63880" s="1" t="s">
        <v>213351</v>
      </c>
      <c r="G63880" s="1" t="s">
        <v>213282</v>
      </c>
      <c r="H63880" s="1" t="s">
        <v>213283</v>
      </c>
      <c r="I63880" s="1" t="s">
        <v>207852</v>
      </c>
      <c r="J63880" s="1" t="s">
        <v>213352</v>
      </c>
    </row>
    <row r="63881" spans="1:10" x14ac:dyDescent="0.35">
      <c r="A63881" s="1" t="s">
        <v>15844</v>
      </c>
      <c r="B63881" s="1" t="s">
        <v>207847</v>
      </c>
      <c r="C63881" s="1" t="s">
        <v>130</v>
      </c>
      <c r="D63881" s="1" t="s">
        <v>123167</v>
      </c>
      <c r="E63881" s="1" t="s">
        <v>213353</v>
      </c>
      <c r="F63881" s="1" t="s">
        <v>213354</v>
      </c>
      <c r="G63881" s="1" t="s">
        <v>213282</v>
      </c>
      <c r="H63881" s="1" t="s">
        <v>213283</v>
      </c>
      <c r="I63881" s="1" t="s">
        <v>207852</v>
      </c>
      <c r="J63881" s="1" t="s">
        <v>213355</v>
      </c>
    </row>
    <row r="63882" spans="1:10" x14ac:dyDescent="0.35">
      <c r="A63882" s="1" t="s">
        <v>15844</v>
      </c>
      <c r="B63882" s="1" t="s">
        <v>207847</v>
      </c>
      <c r="C63882" s="1" t="s">
        <v>135</v>
      </c>
      <c r="D63882" s="1" t="s">
        <v>181115</v>
      </c>
      <c r="E63882" s="1" t="s">
        <v>213356</v>
      </c>
      <c r="F63882" s="1" t="s">
        <v>213357</v>
      </c>
      <c r="G63882" s="1" t="s">
        <v>213282</v>
      </c>
      <c r="H63882" s="1" t="s">
        <v>213283</v>
      </c>
      <c r="I63882" s="1" t="s">
        <v>207852</v>
      </c>
      <c r="J63882" s="1" t="s">
        <v>213358</v>
      </c>
    </row>
    <row r="63883" spans="1:10" x14ac:dyDescent="0.35">
      <c r="A63883" s="1" t="s">
        <v>15844</v>
      </c>
      <c r="B63883" s="1" t="s">
        <v>207847</v>
      </c>
      <c r="C63883" s="1" t="s">
        <v>140</v>
      </c>
      <c r="D63883" s="1" t="s">
        <v>213359</v>
      </c>
      <c r="E63883" s="1" t="s">
        <v>213360</v>
      </c>
      <c r="F63883" s="1" t="s">
        <v>213361</v>
      </c>
      <c r="G63883" s="1" t="s">
        <v>213282</v>
      </c>
      <c r="H63883" s="1" t="s">
        <v>213283</v>
      </c>
      <c r="I63883" s="1" t="s">
        <v>207852</v>
      </c>
      <c r="J63883" s="1" t="s">
        <v>213362</v>
      </c>
    </row>
    <row r="63884" spans="1:10" x14ac:dyDescent="0.35">
      <c r="A63884" s="1" t="s">
        <v>15844</v>
      </c>
      <c r="B63884" s="1" t="s">
        <v>207847</v>
      </c>
      <c r="C63884" s="1" t="s">
        <v>145</v>
      </c>
      <c r="D63884" s="1" t="s">
        <v>213363</v>
      </c>
      <c r="E63884" s="1" t="s">
        <v>213364</v>
      </c>
      <c r="F63884" s="1" t="s">
        <v>213365</v>
      </c>
      <c r="G63884" s="1" t="s">
        <v>213282</v>
      </c>
      <c r="H63884" s="1" t="s">
        <v>213283</v>
      </c>
      <c r="I63884" s="1" t="s">
        <v>207852</v>
      </c>
      <c r="J63884" s="1" t="s">
        <v>213366</v>
      </c>
    </row>
    <row r="63885" spans="1:10" x14ac:dyDescent="0.35">
      <c r="A63885" s="1" t="s">
        <v>15844</v>
      </c>
      <c r="B63885" s="1" t="s">
        <v>207847</v>
      </c>
      <c r="C63885" s="1" t="s">
        <v>150</v>
      </c>
      <c r="D63885" s="1" t="s">
        <v>18040</v>
      </c>
      <c r="E63885" s="1" t="s">
        <v>213367</v>
      </c>
      <c r="F63885" s="1" t="s">
        <v>213368</v>
      </c>
      <c r="G63885" s="1" t="s">
        <v>213282</v>
      </c>
      <c r="H63885" s="1" t="s">
        <v>213283</v>
      </c>
      <c r="I63885" s="1" t="s">
        <v>207852</v>
      </c>
      <c r="J63885" s="1" t="s">
        <v>213369</v>
      </c>
    </row>
    <row r="63886" spans="1:10" x14ac:dyDescent="0.35">
      <c r="A63886" s="1" t="s">
        <v>15844</v>
      </c>
      <c r="B63886" s="1" t="s">
        <v>207847</v>
      </c>
      <c r="C63886" s="1" t="s">
        <v>155</v>
      </c>
      <c r="D63886" s="1" t="s">
        <v>213370</v>
      </c>
      <c r="E63886" s="1" t="s">
        <v>213371</v>
      </c>
      <c r="F63886" s="1" t="s">
        <v>213372</v>
      </c>
      <c r="G63886" s="1" t="s">
        <v>213282</v>
      </c>
      <c r="H63886" s="1" t="s">
        <v>213283</v>
      </c>
      <c r="I63886" s="1" t="s">
        <v>207852</v>
      </c>
      <c r="J63886" s="1" t="s">
        <v>213373</v>
      </c>
    </row>
    <row r="63887" spans="1:10" x14ac:dyDescent="0.35">
      <c r="A63887" s="1" t="s">
        <v>15844</v>
      </c>
      <c r="B63887" s="1" t="s">
        <v>207847</v>
      </c>
      <c r="C63887" s="1" t="s">
        <v>160</v>
      </c>
      <c r="D63887" s="1" t="s">
        <v>13715</v>
      </c>
      <c r="E63887" s="1" t="s">
        <v>213374</v>
      </c>
      <c r="F63887" s="1" t="s">
        <v>213375</v>
      </c>
      <c r="G63887" s="1" t="s">
        <v>213282</v>
      </c>
      <c r="H63887" s="1" t="s">
        <v>213283</v>
      </c>
      <c r="I63887" s="1" t="s">
        <v>207852</v>
      </c>
      <c r="J63887" s="1" t="s">
        <v>213376</v>
      </c>
    </row>
    <row r="63888" spans="1:10" x14ac:dyDescent="0.35">
      <c r="A63888" s="1" t="s">
        <v>15844</v>
      </c>
      <c r="B63888" s="1" t="s">
        <v>207847</v>
      </c>
      <c r="C63888" s="1" t="s">
        <v>165</v>
      </c>
      <c r="D63888" s="1" t="s">
        <v>176008</v>
      </c>
      <c r="E63888" s="1" t="s">
        <v>213377</v>
      </c>
      <c r="F63888" s="1" t="s">
        <v>213378</v>
      </c>
      <c r="G63888" s="1" t="s">
        <v>213282</v>
      </c>
      <c r="H63888" s="1" t="s">
        <v>213283</v>
      </c>
      <c r="I63888" s="1" t="s">
        <v>207852</v>
      </c>
      <c r="J63888" s="1" t="s">
        <v>213379</v>
      </c>
    </row>
    <row r="63889" spans="1:10" x14ac:dyDescent="0.35">
      <c r="A63889" s="1" t="s">
        <v>15844</v>
      </c>
      <c r="B63889" s="1" t="s">
        <v>207847</v>
      </c>
      <c r="C63889" s="1" t="s">
        <v>170</v>
      </c>
      <c r="D63889" s="1" t="s">
        <v>106678</v>
      </c>
      <c r="E63889" s="1" t="s">
        <v>213380</v>
      </c>
      <c r="F63889" s="1" t="s">
        <v>213381</v>
      </c>
      <c r="G63889" s="1" t="s">
        <v>213282</v>
      </c>
      <c r="H63889" s="1" t="s">
        <v>213283</v>
      </c>
      <c r="I63889" s="1" t="s">
        <v>207852</v>
      </c>
      <c r="J63889" s="1" t="s">
        <v>213382</v>
      </c>
    </row>
    <row r="63890" spans="1:10" x14ac:dyDescent="0.35">
      <c r="A63890" s="1" t="s">
        <v>120887</v>
      </c>
      <c r="B63890" s="1" t="s">
        <v>207847</v>
      </c>
      <c r="C63890" s="1" t="s">
        <v>8</v>
      </c>
      <c r="D63890" s="1" t="s">
        <v>37907</v>
      </c>
      <c r="E63890" s="1" t="s">
        <v>213383</v>
      </c>
      <c r="F63890" s="1" t="s">
        <v>213384</v>
      </c>
      <c r="G63890" s="1" t="s">
        <v>213385</v>
      </c>
      <c r="H63890" s="1" t="s">
        <v>213386</v>
      </c>
      <c r="I63890" s="1" t="s">
        <v>207852</v>
      </c>
      <c r="J63890" s="1" t="s">
        <v>13</v>
      </c>
    </row>
    <row r="63891" spans="1:10" x14ac:dyDescent="0.35">
      <c r="A63891" s="1" t="s">
        <v>120887</v>
      </c>
      <c r="B63891" s="1" t="s">
        <v>207847</v>
      </c>
      <c r="C63891" s="1" t="s">
        <v>15</v>
      </c>
      <c r="D63891" s="1" t="s">
        <v>194314</v>
      </c>
      <c r="E63891" s="1" t="s">
        <v>213387</v>
      </c>
      <c r="F63891" s="1" t="s">
        <v>213388</v>
      </c>
      <c r="G63891" s="1" t="s">
        <v>213385</v>
      </c>
      <c r="H63891" s="1" t="s">
        <v>213386</v>
      </c>
      <c r="I63891" s="1" t="s">
        <v>207852</v>
      </c>
      <c r="J63891" s="1" t="s">
        <v>213389</v>
      </c>
    </row>
    <row r="63892" spans="1:10" x14ac:dyDescent="0.35">
      <c r="A63892" s="1" t="s">
        <v>120887</v>
      </c>
      <c r="B63892" s="1" t="s">
        <v>207847</v>
      </c>
      <c r="C63892" s="1" t="s">
        <v>20</v>
      </c>
      <c r="D63892" s="1" t="s">
        <v>144906</v>
      </c>
      <c r="E63892" s="1" t="s">
        <v>213390</v>
      </c>
      <c r="F63892" s="1" t="s">
        <v>213391</v>
      </c>
      <c r="G63892" s="1" t="s">
        <v>213385</v>
      </c>
      <c r="H63892" s="1" t="s">
        <v>213386</v>
      </c>
      <c r="I63892" s="1" t="s">
        <v>207852</v>
      </c>
      <c r="J63892" s="1" t="s">
        <v>213392</v>
      </c>
    </row>
    <row r="63893" spans="1:10" x14ac:dyDescent="0.35">
      <c r="A63893" s="1" t="s">
        <v>120887</v>
      </c>
      <c r="B63893" s="1" t="s">
        <v>207847</v>
      </c>
      <c r="C63893" s="1" t="s">
        <v>25</v>
      </c>
      <c r="D63893" s="1" t="s">
        <v>892</v>
      </c>
      <c r="E63893" s="1" t="s">
        <v>213393</v>
      </c>
      <c r="F63893" s="1" t="s">
        <v>213394</v>
      </c>
      <c r="G63893" s="1" t="s">
        <v>213385</v>
      </c>
      <c r="H63893" s="1" t="s">
        <v>213386</v>
      </c>
      <c r="I63893" s="1" t="s">
        <v>207852</v>
      </c>
      <c r="J63893" s="1" t="s">
        <v>213395</v>
      </c>
    </row>
    <row r="63894" spans="1:10" x14ac:dyDescent="0.35">
      <c r="A63894" s="1" t="s">
        <v>120887</v>
      </c>
      <c r="B63894" s="1" t="s">
        <v>207847</v>
      </c>
      <c r="C63894" s="1" t="s">
        <v>30</v>
      </c>
      <c r="D63894" s="1" t="s">
        <v>213396</v>
      </c>
      <c r="E63894" s="1" t="s">
        <v>213397</v>
      </c>
      <c r="F63894" s="1" t="s">
        <v>213398</v>
      </c>
      <c r="G63894" s="1" t="s">
        <v>213385</v>
      </c>
      <c r="H63894" s="1" t="s">
        <v>213386</v>
      </c>
      <c r="I63894" s="1" t="s">
        <v>207852</v>
      </c>
      <c r="J63894" s="1" t="s">
        <v>213399</v>
      </c>
    </row>
    <row r="63895" spans="1:10" x14ac:dyDescent="0.35">
      <c r="A63895" s="1" t="s">
        <v>120887</v>
      </c>
      <c r="B63895" s="1" t="s">
        <v>207847</v>
      </c>
      <c r="C63895" s="1" t="s">
        <v>35</v>
      </c>
      <c r="D63895" s="1" t="s">
        <v>177042</v>
      </c>
      <c r="E63895" s="1" t="s">
        <v>213400</v>
      </c>
      <c r="F63895" s="1" t="s">
        <v>213401</v>
      </c>
      <c r="G63895" s="1" t="s">
        <v>213385</v>
      </c>
      <c r="H63895" s="1" t="s">
        <v>213386</v>
      </c>
      <c r="I63895" s="1" t="s">
        <v>207852</v>
      </c>
      <c r="J63895" s="1" t="s">
        <v>213402</v>
      </c>
    </row>
    <row r="63896" spans="1:10" x14ac:dyDescent="0.35">
      <c r="A63896" s="1" t="s">
        <v>120887</v>
      </c>
      <c r="B63896" s="1" t="s">
        <v>207847</v>
      </c>
      <c r="C63896" s="1" t="s">
        <v>40</v>
      </c>
      <c r="D63896" s="1" t="s">
        <v>193452</v>
      </c>
      <c r="E63896" s="1" t="s">
        <v>213403</v>
      </c>
      <c r="F63896" s="1" t="s">
        <v>213404</v>
      </c>
      <c r="G63896" s="1" t="s">
        <v>213385</v>
      </c>
      <c r="H63896" s="1" t="s">
        <v>213386</v>
      </c>
      <c r="I63896" s="1" t="s">
        <v>207852</v>
      </c>
      <c r="J63896" s="1" t="s">
        <v>213405</v>
      </c>
    </row>
    <row r="63897" spans="1:10" x14ac:dyDescent="0.35">
      <c r="A63897" s="1" t="s">
        <v>120887</v>
      </c>
      <c r="B63897" s="1" t="s">
        <v>207847</v>
      </c>
      <c r="C63897" s="1" t="s">
        <v>45</v>
      </c>
      <c r="D63897" s="1" t="s">
        <v>213406</v>
      </c>
      <c r="E63897" s="1" t="s">
        <v>213407</v>
      </c>
      <c r="F63897" s="1" t="s">
        <v>213408</v>
      </c>
      <c r="G63897" s="1" t="s">
        <v>213385</v>
      </c>
      <c r="H63897" s="1" t="s">
        <v>213386</v>
      </c>
      <c r="I63897" s="1" t="s">
        <v>207852</v>
      </c>
      <c r="J63897" s="1" t="s">
        <v>213409</v>
      </c>
    </row>
    <row r="63898" spans="1:10" x14ac:dyDescent="0.35">
      <c r="A63898" s="1" t="s">
        <v>120887</v>
      </c>
      <c r="B63898" s="1" t="s">
        <v>207847</v>
      </c>
      <c r="C63898" s="1" t="s">
        <v>50</v>
      </c>
      <c r="D63898" s="1" t="s">
        <v>173182</v>
      </c>
      <c r="E63898" s="1" t="s">
        <v>213410</v>
      </c>
      <c r="F63898" s="1" t="s">
        <v>213411</v>
      </c>
      <c r="G63898" s="1" t="s">
        <v>213385</v>
      </c>
      <c r="H63898" s="1" t="s">
        <v>213386</v>
      </c>
      <c r="I63898" s="1" t="s">
        <v>207852</v>
      </c>
      <c r="J63898" s="1" t="s">
        <v>213412</v>
      </c>
    </row>
    <row r="63899" spans="1:10" x14ac:dyDescent="0.35">
      <c r="A63899" s="1" t="s">
        <v>120887</v>
      </c>
      <c r="B63899" s="1" t="s">
        <v>207847</v>
      </c>
      <c r="C63899" s="1" t="s">
        <v>55</v>
      </c>
      <c r="D63899" s="1" t="s">
        <v>75107</v>
      </c>
      <c r="E63899" s="1" t="s">
        <v>213413</v>
      </c>
      <c r="F63899" s="1" t="s">
        <v>213414</v>
      </c>
      <c r="G63899" s="1" t="s">
        <v>213385</v>
      </c>
      <c r="H63899" s="1" t="s">
        <v>213386</v>
      </c>
      <c r="I63899" s="1" t="s">
        <v>207852</v>
      </c>
      <c r="J63899" s="1" t="s">
        <v>213415</v>
      </c>
    </row>
    <row r="63900" spans="1:10" x14ac:dyDescent="0.35">
      <c r="A63900" s="1" t="s">
        <v>120887</v>
      </c>
      <c r="B63900" s="1" t="s">
        <v>207847</v>
      </c>
      <c r="C63900" s="1" t="s">
        <v>60</v>
      </c>
      <c r="D63900" s="1" t="s">
        <v>213416</v>
      </c>
      <c r="E63900" s="1" t="s">
        <v>213417</v>
      </c>
      <c r="F63900" s="1" t="s">
        <v>213418</v>
      </c>
      <c r="G63900" s="1" t="s">
        <v>213385</v>
      </c>
      <c r="H63900" s="1" t="s">
        <v>213386</v>
      </c>
      <c r="I63900" s="1" t="s">
        <v>207852</v>
      </c>
      <c r="J63900" s="1" t="s">
        <v>213419</v>
      </c>
    </row>
    <row r="63901" spans="1:10" x14ac:dyDescent="0.35">
      <c r="A63901" s="1" t="s">
        <v>120887</v>
      </c>
      <c r="B63901" s="1" t="s">
        <v>207847</v>
      </c>
      <c r="C63901" s="1" t="s">
        <v>65</v>
      </c>
      <c r="D63901" s="1" t="s">
        <v>213420</v>
      </c>
      <c r="E63901" s="1" t="s">
        <v>213421</v>
      </c>
      <c r="F63901" s="1" t="s">
        <v>213422</v>
      </c>
      <c r="G63901" s="1" t="s">
        <v>213385</v>
      </c>
      <c r="H63901" s="1" t="s">
        <v>213386</v>
      </c>
      <c r="I63901" s="1" t="s">
        <v>207852</v>
      </c>
      <c r="J63901" s="1" t="s">
        <v>213423</v>
      </c>
    </row>
    <row r="63902" spans="1:10" x14ac:dyDescent="0.35">
      <c r="A63902" s="1" t="s">
        <v>120887</v>
      </c>
      <c r="B63902" s="1" t="s">
        <v>207847</v>
      </c>
      <c r="C63902" s="1" t="s">
        <v>70</v>
      </c>
      <c r="D63902" s="1" t="s">
        <v>35473</v>
      </c>
      <c r="E63902" s="1" t="s">
        <v>213424</v>
      </c>
      <c r="F63902" s="1" t="s">
        <v>213425</v>
      </c>
      <c r="G63902" s="1" t="s">
        <v>213385</v>
      </c>
      <c r="H63902" s="1" t="s">
        <v>213386</v>
      </c>
      <c r="I63902" s="1" t="s">
        <v>207852</v>
      </c>
      <c r="J63902" s="1" t="s">
        <v>213426</v>
      </c>
    </row>
    <row r="63903" spans="1:10" x14ac:dyDescent="0.35">
      <c r="A63903" s="1" t="s">
        <v>120887</v>
      </c>
      <c r="B63903" s="1" t="s">
        <v>207847</v>
      </c>
      <c r="C63903" s="1" t="s">
        <v>75</v>
      </c>
      <c r="D63903" s="1" t="s">
        <v>213427</v>
      </c>
      <c r="E63903" s="1" t="s">
        <v>213428</v>
      </c>
      <c r="F63903" s="1" t="s">
        <v>213429</v>
      </c>
      <c r="G63903" s="1" t="s">
        <v>213385</v>
      </c>
      <c r="H63903" s="1" t="s">
        <v>213386</v>
      </c>
      <c r="I63903" s="1" t="s">
        <v>207852</v>
      </c>
      <c r="J63903" s="1" t="s">
        <v>213430</v>
      </c>
    </row>
    <row r="63904" spans="1:10" x14ac:dyDescent="0.35">
      <c r="A63904" s="1" t="s">
        <v>120887</v>
      </c>
      <c r="B63904" s="1" t="s">
        <v>207847</v>
      </c>
      <c r="C63904" s="1" t="s">
        <v>80</v>
      </c>
      <c r="D63904" s="1" t="s">
        <v>31343</v>
      </c>
      <c r="E63904" s="1" t="s">
        <v>213431</v>
      </c>
      <c r="F63904" s="1" t="s">
        <v>213432</v>
      </c>
      <c r="G63904" s="1" t="s">
        <v>213385</v>
      </c>
      <c r="H63904" s="1" t="s">
        <v>213386</v>
      </c>
      <c r="I63904" s="1" t="s">
        <v>207852</v>
      </c>
      <c r="J63904" s="1" t="s">
        <v>213433</v>
      </c>
    </row>
    <row r="63905" spans="1:10" x14ac:dyDescent="0.35">
      <c r="A63905" s="1" t="s">
        <v>120887</v>
      </c>
      <c r="B63905" s="1" t="s">
        <v>207847</v>
      </c>
      <c r="C63905" s="1" t="s">
        <v>85</v>
      </c>
      <c r="D63905" s="1" t="s">
        <v>187785</v>
      </c>
      <c r="E63905" s="1" t="s">
        <v>213434</v>
      </c>
      <c r="F63905" s="1" t="s">
        <v>213435</v>
      </c>
      <c r="G63905" s="1" t="s">
        <v>213385</v>
      </c>
      <c r="H63905" s="1" t="s">
        <v>213386</v>
      </c>
      <c r="I63905" s="1" t="s">
        <v>207852</v>
      </c>
      <c r="J63905" s="1" t="s">
        <v>213436</v>
      </c>
    </row>
    <row r="63906" spans="1:10" x14ac:dyDescent="0.35">
      <c r="A63906" s="1" t="s">
        <v>120887</v>
      </c>
      <c r="B63906" s="1" t="s">
        <v>207847</v>
      </c>
      <c r="C63906" s="1" t="s">
        <v>90</v>
      </c>
      <c r="D63906" s="1" t="s">
        <v>213437</v>
      </c>
      <c r="E63906" s="1" t="s">
        <v>213438</v>
      </c>
      <c r="F63906" s="1" t="s">
        <v>213439</v>
      </c>
      <c r="G63906" s="1" t="s">
        <v>213385</v>
      </c>
      <c r="H63906" s="1" t="s">
        <v>213386</v>
      </c>
      <c r="I63906" s="1" t="s">
        <v>207852</v>
      </c>
      <c r="J63906" s="1" t="s">
        <v>213440</v>
      </c>
    </row>
    <row r="63907" spans="1:10" x14ac:dyDescent="0.35">
      <c r="A63907" s="1" t="s">
        <v>120887</v>
      </c>
      <c r="B63907" s="1" t="s">
        <v>207847</v>
      </c>
      <c r="C63907" s="1" t="s">
        <v>95</v>
      </c>
      <c r="D63907" s="1" t="s">
        <v>213441</v>
      </c>
      <c r="E63907" s="1" t="s">
        <v>213442</v>
      </c>
      <c r="F63907" s="1" t="s">
        <v>213443</v>
      </c>
      <c r="G63907" s="1" t="s">
        <v>213385</v>
      </c>
      <c r="H63907" s="1" t="s">
        <v>213386</v>
      </c>
      <c r="I63907" s="1" t="s">
        <v>207852</v>
      </c>
      <c r="J63907" s="1" t="s">
        <v>213444</v>
      </c>
    </row>
    <row r="63908" spans="1:10" x14ac:dyDescent="0.35">
      <c r="A63908" s="1" t="s">
        <v>120887</v>
      </c>
      <c r="B63908" s="1" t="s">
        <v>207847</v>
      </c>
      <c r="C63908" s="1" t="s">
        <v>100</v>
      </c>
      <c r="D63908" s="1" t="s">
        <v>190889</v>
      </c>
      <c r="E63908" s="1" t="s">
        <v>213445</v>
      </c>
      <c r="F63908" s="1" t="s">
        <v>213446</v>
      </c>
      <c r="G63908" s="1" t="s">
        <v>213385</v>
      </c>
      <c r="H63908" s="1" t="s">
        <v>213386</v>
      </c>
      <c r="I63908" s="1" t="s">
        <v>207852</v>
      </c>
      <c r="J63908" s="1" t="s">
        <v>213447</v>
      </c>
    </row>
    <row r="63909" spans="1:10" x14ac:dyDescent="0.35">
      <c r="A63909" s="1" t="s">
        <v>120887</v>
      </c>
      <c r="B63909" s="1" t="s">
        <v>207847</v>
      </c>
      <c r="C63909" s="1" t="s">
        <v>105</v>
      </c>
      <c r="D63909" s="1" t="s">
        <v>42588</v>
      </c>
      <c r="E63909" s="1" t="s">
        <v>213448</v>
      </c>
      <c r="F63909" s="1" t="s">
        <v>213449</v>
      </c>
      <c r="G63909" s="1" t="s">
        <v>213385</v>
      </c>
      <c r="H63909" s="1" t="s">
        <v>213386</v>
      </c>
      <c r="I63909" s="1" t="s">
        <v>207852</v>
      </c>
      <c r="J63909" s="1" t="s">
        <v>213450</v>
      </c>
    </row>
    <row r="63910" spans="1:10" x14ac:dyDescent="0.35">
      <c r="A63910" s="1" t="s">
        <v>120887</v>
      </c>
      <c r="B63910" s="1" t="s">
        <v>207847</v>
      </c>
      <c r="C63910" s="1" t="s">
        <v>110</v>
      </c>
      <c r="D63910" s="1" t="s">
        <v>213451</v>
      </c>
      <c r="E63910" s="1" t="s">
        <v>213452</v>
      </c>
      <c r="F63910" s="1" t="s">
        <v>213453</v>
      </c>
      <c r="G63910" s="1" t="s">
        <v>213385</v>
      </c>
      <c r="H63910" s="1" t="s">
        <v>213386</v>
      </c>
      <c r="I63910" s="1" t="s">
        <v>207852</v>
      </c>
      <c r="J63910" s="1" t="s">
        <v>213454</v>
      </c>
    </row>
    <row r="63911" spans="1:10" x14ac:dyDescent="0.35">
      <c r="A63911" s="1" t="s">
        <v>120887</v>
      </c>
      <c r="B63911" s="1" t="s">
        <v>207847</v>
      </c>
      <c r="C63911" s="1" t="s">
        <v>115</v>
      </c>
      <c r="D63911" s="1" t="s">
        <v>209119</v>
      </c>
      <c r="E63911" s="1" t="s">
        <v>213455</v>
      </c>
      <c r="F63911" s="1" t="s">
        <v>213456</v>
      </c>
      <c r="G63911" s="1" t="s">
        <v>213385</v>
      </c>
      <c r="H63911" s="1" t="s">
        <v>213386</v>
      </c>
      <c r="I63911" s="1" t="s">
        <v>207852</v>
      </c>
      <c r="J63911" s="1" t="s">
        <v>213457</v>
      </c>
    </row>
    <row r="63912" spans="1:10" x14ac:dyDescent="0.35">
      <c r="A63912" s="1" t="s">
        <v>120887</v>
      </c>
      <c r="B63912" s="1" t="s">
        <v>207847</v>
      </c>
      <c r="C63912" s="1" t="s">
        <v>120</v>
      </c>
      <c r="D63912" s="1" t="s">
        <v>58692</v>
      </c>
      <c r="E63912" s="1" t="s">
        <v>213458</v>
      </c>
      <c r="F63912" s="1" t="s">
        <v>213459</v>
      </c>
      <c r="G63912" s="1" t="s">
        <v>213385</v>
      </c>
      <c r="H63912" s="1" t="s">
        <v>213386</v>
      </c>
      <c r="I63912" s="1" t="s">
        <v>207852</v>
      </c>
      <c r="J63912" s="1" t="s">
        <v>213460</v>
      </c>
    </row>
    <row r="63913" spans="1:10" x14ac:dyDescent="0.35">
      <c r="A63913" s="1" t="s">
        <v>120887</v>
      </c>
      <c r="B63913" s="1" t="s">
        <v>207847</v>
      </c>
      <c r="C63913" s="1" t="s">
        <v>125</v>
      </c>
      <c r="D63913" s="1" t="s">
        <v>53217</v>
      </c>
      <c r="E63913" s="1" t="s">
        <v>213461</v>
      </c>
      <c r="F63913" s="1" t="s">
        <v>213462</v>
      </c>
      <c r="G63913" s="1" t="s">
        <v>213385</v>
      </c>
      <c r="H63913" s="1" t="s">
        <v>213386</v>
      </c>
      <c r="I63913" s="1" t="s">
        <v>207852</v>
      </c>
      <c r="J63913" s="1" t="s">
        <v>213463</v>
      </c>
    </row>
    <row r="63914" spans="1:10" x14ac:dyDescent="0.35">
      <c r="A63914" s="1" t="s">
        <v>120887</v>
      </c>
      <c r="B63914" s="1" t="s">
        <v>207847</v>
      </c>
      <c r="C63914" s="1" t="s">
        <v>130</v>
      </c>
      <c r="D63914" s="1" t="s">
        <v>180158</v>
      </c>
      <c r="E63914" s="1" t="s">
        <v>213464</v>
      </c>
      <c r="F63914" s="1" t="s">
        <v>213465</v>
      </c>
      <c r="G63914" s="1" t="s">
        <v>213385</v>
      </c>
      <c r="H63914" s="1" t="s">
        <v>213386</v>
      </c>
      <c r="I63914" s="1" t="s">
        <v>207852</v>
      </c>
      <c r="J63914" s="1" t="s">
        <v>213466</v>
      </c>
    </row>
    <row r="63915" spans="1:10" x14ac:dyDescent="0.35">
      <c r="A63915" s="1" t="s">
        <v>120887</v>
      </c>
      <c r="B63915" s="1" t="s">
        <v>207847</v>
      </c>
      <c r="C63915" s="1" t="s">
        <v>135</v>
      </c>
      <c r="D63915" s="1" t="s">
        <v>90789</v>
      </c>
      <c r="E63915" s="1" t="s">
        <v>213467</v>
      </c>
      <c r="F63915" s="1" t="s">
        <v>213468</v>
      </c>
      <c r="G63915" s="1" t="s">
        <v>213385</v>
      </c>
      <c r="H63915" s="1" t="s">
        <v>213386</v>
      </c>
      <c r="I63915" s="1" t="s">
        <v>207852</v>
      </c>
      <c r="J63915" s="1" t="s">
        <v>213469</v>
      </c>
    </row>
    <row r="63916" spans="1:10" x14ac:dyDescent="0.35">
      <c r="A63916" s="1" t="s">
        <v>120887</v>
      </c>
      <c r="B63916" s="1" t="s">
        <v>207847</v>
      </c>
      <c r="C63916" s="1" t="s">
        <v>140</v>
      </c>
      <c r="D63916" s="1" t="s">
        <v>77960</v>
      </c>
      <c r="E63916" s="1" t="s">
        <v>213470</v>
      </c>
      <c r="F63916" s="1" t="s">
        <v>213471</v>
      </c>
      <c r="G63916" s="1" t="s">
        <v>213385</v>
      </c>
      <c r="H63916" s="1" t="s">
        <v>213386</v>
      </c>
      <c r="I63916" s="1" t="s">
        <v>207852</v>
      </c>
      <c r="J63916" s="1" t="s">
        <v>213472</v>
      </c>
    </row>
    <row r="63917" spans="1:10" x14ac:dyDescent="0.35">
      <c r="A63917" s="1" t="s">
        <v>120887</v>
      </c>
      <c r="B63917" s="1" t="s">
        <v>207847</v>
      </c>
      <c r="C63917" s="1" t="s">
        <v>145</v>
      </c>
      <c r="D63917" s="1" t="s">
        <v>213473</v>
      </c>
      <c r="E63917" s="1" t="s">
        <v>213474</v>
      </c>
      <c r="F63917" s="1" t="s">
        <v>213475</v>
      </c>
      <c r="G63917" s="1" t="s">
        <v>213385</v>
      </c>
      <c r="H63917" s="1" t="s">
        <v>213386</v>
      </c>
      <c r="I63917" s="1" t="s">
        <v>207852</v>
      </c>
      <c r="J63917" s="1" t="s">
        <v>213476</v>
      </c>
    </row>
    <row r="63918" spans="1:10" x14ac:dyDescent="0.35">
      <c r="A63918" s="1" t="s">
        <v>120887</v>
      </c>
      <c r="B63918" s="1" t="s">
        <v>207847</v>
      </c>
      <c r="C63918" s="1" t="s">
        <v>150</v>
      </c>
      <c r="D63918" s="1" t="s">
        <v>91159</v>
      </c>
      <c r="E63918" s="1" t="s">
        <v>213477</v>
      </c>
      <c r="F63918" s="1" t="s">
        <v>213478</v>
      </c>
      <c r="G63918" s="1" t="s">
        <v>213385</v>
      </c>
      <c r="H63918" s="1" t="s">
        <v>213386</v>
      </c>
      <c r="I63918" s="1" t="s">
        <v>207852</v>
      </c>
      <c r="J63918" s="1" t="s">
        <v>213479</v>
      </c>
    </row>
    <row r="63919" spans="1:10" x14ac:dyDescent="0.35">
      <c r="A63919" s="1" t="s">
        <v>120887</v>
      </c>
      <c r="B63919" s="1" t="s">
        <v>207847</v>
      </c>
      <c r="C63919" s="1" t="s">
        <v>155</v>
      </c>
      <c r="D63919" s="1" t="s">
        <v>24257</v>
      </c>
      <c r="E63919" s="1" t="s">
        <v>213480</v>
      </c>
      <c r="F63919" s="1" t="s">
        <v>213481</v>
      </c>
      <c r="G63919" s="1" t="s">
        <v>213385</v>
      </c>
      <c r="H63919" s="1" t="s">
        <v>213386</v>
      </c>
      <c r="I63919" s="1" t="s">
        <v>207852</v>
      </c>
      <c r="J63919" s="1" t="s">
        <v>213482</v>
      </c>
    </row>
    <row r="63920" spans="1:10" x14ac:dyDescent="0.35">
      <c r="A63920" s="1" t="s">
        <v>120887</v>
      </c>
      <c r="B63920" s="1" t="s">
        <v>207847</v>
      </c>
      <c r="C63920" s="1" t="s">
        <v>160</v>
      </c>
      <c r="D63920" s="1" t="s">
        <v>80059</v>
      </c>
      <c r="E63920" s="1" t="s">
        <v>213483</v>
      </c>
      <c r="F63920" s="1" t="s">
        <v>213484</v>
      </c>
      <c r="G63920" s="1" t="s">
        <v>213385</v>
      </c>
      <c r="H63920" s="1" t="s">
        <v>213386</v>
      </c>
      <c r="I63920" s="1" t="s">
        <v>207852</v>
      </c>
      <c r="J63920" s="1" t="s">
        <v>213485</v>
      </c>
    </row>
    <row r="63921" spans="1:10" x14ac:dyDescent="0.35">
      <c r="A63921" s="1" t="s">
        <v>120887</v>
      </c>
      <c r="B63921" s="1" t="s">
        <v>207847</v>
      </c>
      <c r="C63921" s="1" t="s">
        <v>165</v>
      </c>
      <c r="D63921" s="1" t="s">
        <v>213486</v>
      </c>
      <c r="E63921" s="1" t="s">
        <v>213487</v>
      </c>
      <c r="F63921" s="1" t="s">
        <v>213488</v>
      </c>
      <c r="G63921" s="1" t="s">
        <v>213385</v>
      </c>
      <c r="H63921" s="1" t="s">
        <v>213386</v>
      </c>
      <c r="I63921" s="1" t="s">
        <v>207852</v>
      </c>
      <c r="J63921" s="1" t="s">
        <v>213489</v>
      </c>
    </row>
    <row r="63922" spans="1:10" x14ac:dyDescent="0.35">
      <c r="A63922" s="1" t="s">
        <v>120887</v>
      </c>
      <c r="B63922" s="1" t="s">
        <v>207847</v>
      </c>
      <c r="C63922" s="1" t="s">
        <v>170</v>
      </c>
      <c r="D63922" s="1" t="s">
        <v>68235</v>
      </c>
      <c r="E63922" s="1" t="s">
        <v>213490</v>
      </c>
      <c r="F63922" s="1" t="s">
        <v>213491</v>
      </c>
      <c r="G63922" s="1" t="s">
        <v>213385</v>
      </c>
      <c r="H63922" s="1" t="s">
        <v>213386</v>
      </c>
      <c r="I63922" s="1" t="s">
        <v>207852</v>
      </c>
      <c r="J63922" s="1" t="s">
        <v>213492</v>
      </c>
    </row>
    <row r="63923" spans="1:10" x14ac:dyDescent="0.35">
      <c r="A63923" s="1" t="s">
        <v>46714</v>
      </c>
      <c r="B63923" s="1" t="s">
        <v>207847</v>
      </c>
      <c r="C63923" s="1" t="s">
        <v>8</v>
      </c>
      <c r="D63923" s="1" t="s">
        <v>16207</v>
      </c>
      <c r="E63923" s="1" t="s">
        <v>213493</v>
      </c>
      <c r="F63923" s="1" t="s">
        <v>213494</v>
      </c>
      <c r="G63923" s="1" t="s">
        <v>213495</v>
      </c>
      <c r="H63923" s="1" t="s">
        <v>213496</v>
      </c>
      <c r="I63923" s="1" t="s">
        <v>207852</v>
      </c>
      <c r="J63923" s="1" t="s">
        <v>13</v>
      </c>
    </row>
    <row r="63924" spans="1:10" x14ac:dyDescent="0.35">
      <c r="A63924" s="1" t="s">
        <v>46714</v>
      </c>
      <c r="B63924" s="1" t="s">
        <v>207847</v>
      </c>
      <c r="C63924" s="1" t="s">
        <v>15</v>
      </c>
      <c r="D63924" s="1" t="s">
        <v>33921</v>
      </c>
      <c r="E63924" s="1" t="s">
        <v>213497</v>
      </c>
      <c r="F63924" s="1" t="s">
        <v>213498</v>
      </c>
      <c r="G63924" s="1" t="s">
        <v>213495</v>
      </c>
      <c r="H63924" s="1" t="s">
        <v>213496</v>
      </c>
      <c r="I63924" s="1" t="s">
        <v>207852</v>
      </c>
      <c r="J63924" s="1" t="s">
        <v>213499</v>
      </c>
    </row>
    <row r="63925" spans="1:10" x14ac:dyDescent="0.35">
      <c r="A63925" s="1" t="s">
        <v>46714</v>
      </c>
      <c r="B63925" s="1" t="s">
        <v>207847</v>
      </c>
      <c r="C63925" s="1" t="s">
        <v>20</v>
      </c>
      <c r="D63925" s="1" t="s">
        <v>44798</v>
      </c>
      <c r="E63925" s="1" t="s">
        <v>213500</v>
      </c>
      <c r="F63925" s="1" t="s">
        <v>213501</v>
      </c>
      <c r="G63925" s="1" t="s">
        <v>213495</v>
      </c>
      <c r="H63925" s="1" t="s">
        <v>213496</v>
      </c>
      <c r="I63925" s="1" t="s">
        <v>207852</v>
      </c>
      <c r="J63925" s="1" t="s">
        <v>213502</v>
      </c>
    </row>
    <row r="63926" spans="1:10" x14ac:dyDescent="0.35">
      <c r="A63926" s="1" t="s">
        <v>46714</v>
      </c>
      <c r="B63926" s="1" t="s">
        <v>207847</v>
      </c>
      <c r="C63926" s="1" t="s">
        <v>25</v>
      </c>
      <c r="D63926" s="1" t="s">
        <v>158406</v>
      </c>
      <c r="E63926" s="1" t="s">
        <v>213503</v>
      </c>
      <c r="F63926" s="1" t="s">
        <v>213504</v>
      </c>
      <c r="G63926" s="1" t="s">
        <v>213495</v>
      </c>
      <c r="H63926" s="1" t="s">
        <v>213496</v>
      </c>
      <c r="I63926" s="1" t="s">
        <v>207852</v>
      </c>
      <c r="J63926" s="1" t="s">
        <v>213505</v>
      </c>
    </row>
    <row r="63927" spans="1:10" x14ac:dyDescent="0.35">
      <c r="A63927" s="1" t="s">
        <v>46714</v>
      </c>
      <c r="B63927" s="1" t="s">
        <v>207847</v>
      </c>
      <c r="C63927" s="1" t="s">
        <v>30</v>
      </c>
      <c r="D63927" s="1" t="s">
        <v>74761</v>
      </c>
      <c r="E63927" s="1" t="s">
        <v>213506</v>
      </c>
      <c r="F63927" s="1" t="s">
        <v>213507</v>
      </c>
      <c r="G63927" s="1" t="s">
        <v>213495</v>
      </c>
      <c r="H63927" s="1" t="s">
        <v>213496</v>
      </c>
      <c r="I63927" s="1" t="s">
        <v>207852</v>
      </c>
      <c r="J63927" s="1" t="s">
        <v>213508</v>
      </c>
    </row>
    <row r="63928" spans="1:10" x14ac:dyDescent="0.35">
      <c r="A63928" s="1" t="s">
        <v>46714</v>
      </c>
      <c r="B63928" s="1" t="s">
        <v>207847</v>
      </c>
      <c r="C63928" s="1" t="s">
        <v>35</v>
      </c>
      <c r="D63928" s="1" t="s">
        <v>213509</v>
      </c>
      <c r="E63928" s="1" t="s">
        <v>213510</v>
      </c>
      <c r="F63928" s="1" t="s">
        <v>213511</v>
      </c>
      <c r="G63928" s="1" t="s">
        <v>213495</v>
      </c>
      <c r="H63928" s="1" t="s">
        <v>213496</v>
      </c>
      <c r="I63928" s="1" t="s">
        <v>207852</v>
      </c>
      <c r="J63928" s="1" t="s">
        <v>213512</v>
      </c>
    </row>
    <row r="63929" spans="1:10" x14ac:dyDescent="0.35">
      <c r="A63929" s="1" t="s">
        <v>46714</v>
      </c>
      <c r="B63929" s="1" t="s">
        <v>207847</v>
      </c>
      <c r="C63929" s="1" t="s">
        <v>40</v>
      </c>
      <c r="D63929" s="1" t="s">
        <v>118723</v>
      </c>
      <c r="E63929" s="1" t="s">
        <v>213513</v>
      </c>
      <c r="F63929" s="1" t="s">
        <v>213514</v>
      </c>
      <c r="G63929" s="1" t="s">
        <v>213495</v>
      </c>
      <c r="H63929" s="1" t="s">
        <v>213496</v>
      </c>
      <c r="I63929" s="1" t="s">
        <v>207852</v>
      </c>
      <c r="J63929" s="1" t="s">
        <v>213515</v>
      </c>
    </row>
    <row r="63930" spans="1:10" x14ac:dyDescent="0.35">
      <c r="A63930" s="1" t="s">
        <v>46714</v>
      </c>
      <c r="B63930" s="1" t="s">
        <v>207847</v>
      </c>
      <c r="C63930" s="1" t="s">
        <v>45</v>
      </c>
      <c r="D63930" s="1" t="s">
        <v>14580</v>
      </c>
      <c r="E63930" s="1" t="s">
        <v>213516</v>
      </c>
      <c r="F63930" s="1" t="s">
        <v>213517</v>
      </c>
      <c r="G63930" s="1" t="s">
        <v>213495</v>
      </c>
      <c r="H63930" s="1" t="s">
        <v>213496</v>
      </c>
      <c r="I63930" s="1" t="s">
        <v>207852</v>
      </c>
      <c r="J63930" s="1" t="s">
        <v>213518</v>
      </c>
    </row>
    <row r="63931" spans="1:10" x14ac:dyDescent="0.35">
      <c r="A63931" s="1" t="s">
        <v>46714</v>
      </c>
      <c r="B63931" s="1" t="s">
        <v>207847</v>
      </c>
      <c r="C63931" s="1" t="s">
        <v>50</v>
      </c>
      <c r="D63931" s="1" t="s">
        <v>118194</v>
      </c>
      <c r="E63931" s="1" t="s">
        <v>213519</v>
      </c>
      <c r="F63931" s="1" t="s">
        <v>213520</v>
      </c>
      <c r="G63931" s="1" t="s">
        <v>213495</v>
      </c>
      <c r="H63931" s="1" t="s">
        <v>213496</v>
      </c>
      <c r="I63931" s="1" t="s">
        <v>207852</v>
      </c>
      <c r="J63931" s="1" t="s">
        <v>213521</v>
      </c>
    </row>
    <row r="63932" spans="1:10" x14ac:dyDescent="0.35">
      <c r="A63932" s="1" t="s">
        <v>46714</v>
      </c>
      <c r="B63932" s="1" t="s">
        <v>207847</v>
      </c>
      <c r="C63932" s="1" t="s">
        <v>55</v>
      </c>
      <c r="D63932" s="1" t="s">
        <v>202230</v>
      </c>
      <c r="E63932" s="1" t="s">
        <v>213522</v>
      </c>
      <c r="F63932" s="1" t="s">
        <v>213523</v>
      </c>
      <c r="G63932" s="1" t="s">
        <v>213495</v>
      </c>
      <c r="H63932" s="1" t="s">
        <v>213496</v>
      </c>
      <c r="I63932" s="1" t="s">
        <v>207852</v>
      </c>
      <c r="J63932" s="1" t="s">
        <v>213524</v>
      </c>
    </row>
    <row r="63933" spans="1:10" x14ac:dyDescent="0.35">
      <c r="A63933" s="1" t="s">
        <v>46714</v>
      </c>
      <c r="B63933" s="1" t="s">
        <v>207847</v>
      </c>
      <c r="C63933" s="1" t="s">
        <v>60</v>
      </c>
      <c r="D63933" s="1" t="s">
        <v>25297</v>
      </c>
      <c r="E63933" s="1" t="s">
        <v>213525</v>
      </c>
      <c r="F63933" s="1" t="s">
        <v>213526</v>
      </c>
      <c r="G63933" s="1" t="s">
        <v>213495</v>
      </c>
      <c r="H63933" s="1" t="s">
        <v>213496</v>
      </c>
      <c r="I63933" s="1" t="s">
        <v>207852</v>
      </c>
      <c r="J63933" s="1" t="s">
        <v>213527</v>
      </c>
    </row>
    <row r="63934" spans="1:10" x14ac:dyDescent="0.35">
      <c r="A63934" s="1" t="s">
        <v>46714</v>
      </c>
      <c r="B63934" s="1" t="s">
        <v>207847</v>
      </c>
      <c r="C63934" s="1" t="s">
        <v>65</v>
      </c>
      <c r="D63934" s="1" t="s">
        <v>205176</v>
      </c>
      <c r="E63934" s="1" t="s">
        <v>213528</v>
      </c>
      <c r="F63934" s="1" t="s">
        <v>213529</v>
      </c>
      <c r="G63934" s="1" t="s">
        <v>213495</v>
      </c>
      <c r="H63934" s="1" t="s">
        <v>213496</v>
      </c>
      <c r="I63934" s="1" t="s">
        <v>207852</v>
      </c>
      <c r="J63934" s="1" t="s">
        <v>213530</v>
      </c>
    </row>
    <row r="63935" spans="1:10" x14ac:dyDescent="0.35">
      <c r="A63935" s="1" t="s">
        <v>46714</v>
      </c>
      <c r="B63935" s="1" t="s">
        <v>207847</v>
      </c>
      <c r="C63935" s="1" t="s">
        <v>70</v>
      </c>
      <c r="D63935" s="1" t="s">
        <v>15752</v>
      </c>
      <c r="E63935" s="1" t="s">
        <v>213531</v>
      </c>
      <c r="F63935" s="1" t="s">
        <v>213532</v>
      </c>
      <c r="G63935" s="1" t="s">
        <v>213495</v>
      </c>
      <c r="H63935" s="1" t="s">
        <v>213496</v>
      </c>
      <c r="I63935" s="1" t="s">
        <v>207852</v>
      </c>
      <c r="J63935" s="1" t="s">
        <v>213533</v>
      </c>
    </row>
    <row r="63936" spans="1:10" x14ac:dyDescent="0.35">
      <c r="A63936" s="1" t="s">
        <v>46714</v>
      </c>
      <c r="B63936" s="1" t="s">
        <v>207847</v>
      </c>
      <c r="C63936" s="1" t="s">
        <v>75</v>
      </c>
      <c r="D63936" s="1" t="s">
        <v>7992</v>
      </c>
      <c r="E63936" s="1" t="s">
        <v>213534</v>
      </c>
      <c r="F63936" s="1" t="s">
        <v>213535</v>
      </c>
      <c r="G63936" s="1" t="s">
        <v>213495</v>
      </c>
      <c r="H63936" s="1" t="s">
        <v>213496</v>
      </c>
      <c r="I63936" s="1" t="s">
        <v>207852</v>
      </c>
      <c r="J63936" s="1" t="s">
        <v>213536</v>
      </c>
    </row>
    <row r="63937" spans="1:10" x14ac:dyDescent="0.35">
      <c r="A63937" s="1" t="s">
        <v>46714</v>
      </c>
      <c r="B63937" s="1" t="s">
        <v>207847</v>
      </c>
      <c r="C63937" s="1" t="s">
        <v>80</v>
      </c>
      <c r="D63937" s="1" t="s">
        <v>156628</v>
      </c>
      <c r="E63937" s="1" t="s">
        <v>213537</v>
      </c>
      <c r="F63937" s="1" t="s">
        <v>213538</v>
      </c>
      <c r="G63937" s="1" t="s">
        <v>213495</v>
      </c>
      <c r="H63937" s="1" t="s">
        <v>213496</v>
      </c>
      <c r="I63937" s="1" t="s">
        <v>207852</v>
      </c>
      <c r="J63937" s="1" t="s">
        <v>213539</v>
      </c>
    </row>
    <row r="63938" spans="1:10" x14ac:dyDescent="0.35">
      <c r="A63938" s="1" t="s">
        <v>46714</v>
      </c>
      <c r="B63938" s="1" t="s">
        <v>207847</v>
      </c>
      <c r="C63938" s="1" t="s">
        <v>85</v>
      </c>
      <c r="D63938" s="1" t="s">
        <v>213540</v>
      </c>
      <c r="E63938" s="1" t="s">
        <v>213541</v>
      </c>
      <c r="F63938" s="1" t="s">
        <v>213542</v>
      </c>
      <c r="G63938" s="1" t="s">
        <v>213495</v>
      </c>
      <c r="H63938" s="1" t="s">
        <v>213496</v>
      </c>
      <c r="I63938" s="1" t="s">
        <v>207852</v>
      </c>
      <c r="J63938" s="1" t="s">
        <v>213543</v>
      </c>
    </row>
    <row r="63939" spans="1:10" x14ac:dyDescent="0.35">
      <c r="A63939" s="1" t="s">
        <v>46714</v>
      </c>
      <c r="B63939" s="1" t="s">
        <v>207847</v>
      </c>
      <c r="C63939" s="1" t="s">
        <v>90</v>
      </c>
      <c r="D63939" s="1" t="s">
        <v>31096</v>
      </c>
      <c r="E63939" s="1" t="s">
        <v>213544</v>
      </c>
      <c r="F63939" s="1" t="s">
        <v>213545</v>
      </c>
      <c r="G63939" s="1" t="s">
        <v>213495</v>
      </c>
      <c r="H63939" s="1" t="s">
        <v>213496</v>
      </c>
      <c r="I63939" s="1" t="s">
        <v>207852</v>
      </c>
      <c r="J63939" s="1" t="s">
        <v>213546</v>
      </c>
    </row>
    <row r="63940" spans="1:10" x14ac:dyDescent="0.35">
      <c r="A63940" s="1" t="s">
        <v>46714</v>
      </c>
      <c r="B63940" s="1" t="s">
        <v>207847</v>
      </c>
      <c r="C63940" s="1" t="s">
        <v>95</v>
      </c>
      <c r="D63940" s="1" t="s">
        <v>30596</v>
      </c>
      <c r="E63940" s="1" t="s">
        <v>213547</v>
      </c>
      <c r="F63940" s="1" t="s">
        <v>213548</v>
      </c>
      <c r="G63940" s="1" t="s">
        <v>213495</v>
      </c>
      <c r="H63940" s="1" t="s">
        <v>213496</v>
      </c>
      <c r="I63940" s="1" t="s">
        <v>207852</v>
      </c>
      <c r="J63940" s="1" t="s">
        <v>213549</v>
      </c>
    </row>
    <row r="63941" spans="1:10" x14ac:dyDescent="0.35">
      <c r="A63941" s="1" t="s">
        <v>46714</v>
      </c>
      <c r="B63941" s="1" t="s">
        <v>207847</v>
      </c>
      <c r="C63941" s="1" t="s">
        <v>100</v>
      </c>
      <c r="D63941" s="1" t="s">
        <v>157977</v>
      </c>
      <c r="E63941" s="1" t="s">
        <v>213550</v>
      </c>
      <c r="F63941" s="1" t="s">
        <v>213551</v>
      </c>
      <c r="G63941" s="1" t="s">
        <v>213495</v>
      </c>
      <c r="H63941" s="1" t="s">
        <v>213496</v>
      </c>
      <c r="I63941" s="1" t="s">
        <v>207852</v>
      </c>
      <c r="J63941" s="1" t="s">
        <v>213552</v>
      </c>
    </row>
    <row r="63942" spans="1:10" x14ac:dyDescent="0.35">
      <c r="A63942" s="1" t="s">
        <v>46714</v>
      </c>
      <c r="B63942" s="1" t="s">
        <v>207847</v>
      </c>
      <c r="C63942" s="1" t="s">
        <v>105</v>
      </c>
      <c r="D63942" s="1" t="s">
        <v>123585</v>
      </c>
      <c r="E63942" s="1" t="s">
        <v>213553</v>
      </c>
      <c r="F63942" s="1" t="s">
        <v>213554</v>
      </c>
      <c r="G63942" s="1" t="s">
        <v>213495</v>
      </c>
      <c r="H63942" s="1" t="s">
        <v>213496</v>
      </c>
      <c r="I63942" s="1" t="s">
        <v>207852</v>
      </c>
      <c r="J63942" s="1" t="s">
        <v>213555</v>
      </c>
    </row>
    <row r="63943" spans="1:10" x14ac:dyDescent="0.35">
      <c r="A63943" s="1" t="s">
        <v>46714</v>
      </c>
      <c r="B63943" s="1" t="s">
        <v>207847</v>
      </c>
      <c r="C63943" s="1" t="s">
        <v>110</v>
      </c>
      <c r="D63943" s="1" t="s">
        <v>213556</v>
      </c>
      <c r="E63943" s="1" t="s">
        <v>213557</v>
      </c>
      <c r="F63943" s="1" t="s">
        <v>213558</v>
      </c>
      <c r="G63943" s="1" t="s">
        <v>213495</v>
      </c>
      <c r="H63943" s="1" t="s">
        <v>213496</v>
      </c>
      <c r="I63943" s="1" t="s">
        <v>207852</v>
      </c>
      <c r="J63943" s="1" t="s">
        <v>213559</v>
      </c>
    </row>
    <row r="63944" spans="1:10" x14ac:dyDescent="0.35">
      <c r="A63944" s="1" t="s">
        <v>46714</v>
      </c>
      <c r="B63944" s="1" t="s">
        <v>207847</v>
      </c>
      <c r="C63944" s="1" t="s">
        <v>115</v>
      </c>
      <c r="D63944" s="1" t="s">
        <v>185506</v>
      </c>
      <c r="E63944" s="1" t="s">
        <v>213560</v>
      </c>
      <c r="F63944" s="1" t="s">
        <v>213561</v>
      </c>
      <c r="G63944" s="1" t="s">
        <v>213495</v>
      </c>
      <c r="H63944" s="1" t="s">
        <v>213496</v>
      </c>
      <c r="I63944" s="1" t="s">
        <v>207852</v>
      </c>
      <c r="J63944" s="1" t="s">
        <v>213562</v>
      </c>
    </row>
    <row r="63945" spans="1:10" x14ac:dyDescent="0.35">
      <c r="A63945" s="1" t="s">
        <v>46714</v>
      </c>
      <c r="B63945" s="1" t="s">
        <v>207847</v>
      </c>
      <c r="C63945" s="1" t="s">
        <v>120</v>
      </c>
      <c r="D63945" s="1" t="s">
        <v>49989</v>
      </c>
      <c r="E63945" s="1" t="s">
        <v>213563</v>
      </c>
      <c r="F63945" s="1" t="s">
        <v>213564</v>
      </c>
      <c r="G63945" s="1" t="s">
        <v>213495</v>
      </c>
      <c r="H63945" s="1" t="s">
        <v>213496</v>
      </c>
      <c r="I63945" s="1" t="s">
        <v>207852</v>
      </c>
      <c r="J63945" s="1" t="s">
        <v>213565</v>
      </c>
    </row>
    <row r="63946" spans="1:10" x14ac:dyDescent="0.35">
      <c r="A63946" s="1" t="s">
        <v>46714</v>
      </c>
      <c r="B63946" s="1" t="s">
        <v>207847</v>
      </c>
      <c r="C63946" s="1" t="s">
        <v>125</v>
      </c>
      <c r="D63946" s="1" t="s">
        <v>30364</v>
      </c>
      <c r="E63946" s="1" t="s">
        <v>213566</v>
      </c>
      <c r="F63946" s="1" t="s">
        <v>213567</v>
      </c>
      <c r="G63946" s="1" t="s">
        <v>213495</v>
      </c>
      <c r="H63946" s="1" t="s">
        <v>213496</v>
      </c>
      <c r="I63946" s="1" t="s">
        <v>207852</v>
      </c>
      <c r="J63946" s="1" t="s">
        <v>213568</v>
      </c>
    </row>
    <row r="63947" spans="1:10" x14ac:dyDescent="0.35">
      <c r="A63947" s="1" t="s">
        <v>46714</v>
      </c>
      <c r="B63947" s="1" t="s">
        <v>207847</v>
      </c>
      <c r="C63947" s="1" t="s">
        <v>130</v>
      </c>
      <c r="D63947" s="1" t="s">
        <v>33234</v>
      </c>
      <c r="E63947" s="1" t="s">
        <v>213569</v>
      </c>
      <c r="F63947" s="1" t="s">
        <v>213570</v>
      </c>
      <c r="G63947" s="1" t="s">
        <v>213495</v>
      </c>
      <c r="H63947" s="1" t="s">
        <v>213496</v>
      </c>
      <c r="I63947" s="1" t="s">
        <v>207852</v>
      </c>
      <c r="J63947" s="1" t="s">
        <v>213571</v>
      </c>
    </row>
    <row r="63948" spans="1:10" x14ac:dyDescent="0.35">
      <c r="A63948" s="1" t="s">
        <v>46714</v>
      </c>
      <c r="B63948" s="1" t="s">
        <v>207847</v>
      </c>
      <c r="C63948" s="1" t="s">
        <v>135</v>
      </c>
      <c r="D63948" s="1" t="s">
        <v>213572</v>
      </c>
      <c r="E63948" s="1" t="s">
        <v>213573</v>
      </c>
      <c r="F63948" s="1" t="s">
        <v>213574</v>
      </c>
      <c r="G63948" s="1" t="s">
        <v>213495</v>
      </c>
      <c r="H63948" s="1" t="s">
        <v>213496</v>
      </c>
      <c r="I63948" s="1" t="s">
        <v>207852</v>
      </c>
      <c r="J63948" s="1" t="s">
        <v>213575</v>
      </c>
    </row>
    <row r="63949" spans="1:10" x14ac:dyDescent="0.35">
      <c r="A63949" s="1" t="s">
        <v>46714</v>
      </c>
      <c r="B63949" s="1" t="s">
        <v>207847</v>
      </c>
      <c r="C63949" s="1" t="s">
        <v>140</v>
      </c>
      <c r="D63949" s="1" t="s">
        <v>193107</v>
      </c>
      <c r="E63949" s="1" t="s">
        <v>213576</v>
      </c>
      <c r="F63949" s="1" t="s">
        <v>213577</v>
      </c>
      <c r="G63949" s="1" t="s">
        <v>213495</v>
      </c>
      <c r="H63949" s="1" t="s">
        <v>213496</v>
      </c>
      <c r="I63949" s="1" t="s">
        <v>207852</v>
      </c>
      <c r="J63949" s="1" t="s">
        <v>213578</v>
      </c>
    </row>
    <row r="63950" spans="1:10" x14ac:dyDescent="0.35">
      <c r="A63950" s="1" t="s">
        <v>46714</v>
      </c>
      <c r="B63950" s="1" t="s">
        <v>207847</v>
      </c>
      <c r="C63950" s="1" t="s">
        <v>145</v>
      </c>
      <c r="D63950" s="1" t="s">
        <v>154593</v>
      </c>
      <c r="E63950" s="1" t="s">
        <v>213579</v>
      </c>
      <c r="F63950" s="1" t="s">
        <v>213580</v>
      </c>
      <c r="G63950" s="1" t="s">
        <v>213495</v>
      </c>
      <c r="H63950" s="1" t="s">
        <v>213496</v>
      </c>
      <c r="I63950" s="1" t="s">
        <v>207852</v>
      </c>
      <c r="J63950" s="1" t="s">
        <v>213581</v>
      </c>
    </row>
    <row r="63951" spans="1:10" x14ac:dyDescent="0.35">
      <c r="A63951" s="1" t="s">
        <v>46714</v>
      </c>
      <c r="B63951" s="1" t="s">
        <v>207847</v>
      </c>
      <c r="C63951" s="1" t="s">
        <v>150</v>
      </c>
      <c r="D63951" s="1" t="s">
        <v>183929</v>
      </c>
      <c r="E63951" s="1" t="s">
        <v>213582</v>
      </c>
      <c r="F63951" s="1" t="s">
        <v>213583</v>
      </c>
      <c r="G63951" s="1" t="s">
        <v>213495</v>
      </c>
      <c r="H63951" s="1" t="s">
        <v>213496</v>
      </c>
      <c r="I63951" s="1" t="s">
        <v>207852</v>
      </c>
      <c r="J63951" s="1" t="s">
        <v>213584</v>
      </c>
    </row>
    <row r="63952" spans="1:10" x14ac:dyDescent="0.35">
      <c r="A63952" s="1" t="s">
        <v>46714</v>
      </c>
      <c r="B63952" s="1" t="s">
        <v>207847</v>
      </c>
      <c r="C63952" s="1" t="s">
        <v>155</v>
      </c>
      <c r="D63952" s="1" t="s">
        <v>30407</v>
      </c>
      <c r="E63952" s="1" t="s">
        <v>213585</v>
      </c>
      <c r="F63952" s="1" t="s">
        <v>213586</v>
      </c>
      <c r="G63952" s="1" t="s">
        <v>213495</v>
      </c>
      <c r="H63952" s="1" t="s">
        <v>213496</v>
      </c>
      <c r="I63952" s="1" t="s">
        <v>207852</v>
      </c>
      <c r="J63952" s="1" t="s">
        <v>213587</v>
      </c>
    </row>
    <row r="63953" spans="1:10" x14ac:dyDescent="0.35">
      <c r="A63953" s="1" t="s">
        <v>46714</v>
      </c>
      <c r="B63953" s="1" t="s">
        <v>207847</v>
      </c>
      <c r="C63953" s="1" t="s">
        <v>160</v>
      </c>
      <c r="D63953" s="1" t="s">
        <v>213588</v>
      </c>
      <c r="E63953" s="1" t="s">
        <v>213589</v>
      </c>
      <c r="F63953" s="1" t="s">
        <v>213590</v>
      </c>
      <c r="G63953" s="1" t="s">
        <v>213495</v>
      </c>
      <c r="H63953" s="1" t="s">
        <v>213496</v>
      </c>
      <c r="I63953" s="1" t="s">
        <v>207852</v>
      </c>
      <c r="J63953" s="1" t="s">
        <v>213591</v>
      </c>
    </row>
    <row r="63954" spans="1:10" x14ac:dyDescent="0.35">
      <c r="A63954" s="1" t="s">
        <v>46714</v>
      </c>
      <c r="B63954" s="1" t="s">
        <v>207847</v>
      </c>
      <c r="C63954" s="1" t="s">
        <v>165</v>
      </c>
      <c r="D63954" s="1" t="s">
        <v>67763</v>
      </c>
      <c r="E63954" s="1" t="s">
        <v>213592</v>
      </c>
      <c r="F63954" s="1" t="s">
        <v>213593</v>
      </c>
      <c r="G63954" s="1" t="s">
        <v>213495</v>
      </c>
      <c r="H63954" s="1" t="s">
        <v>213496</v>
      </c>
      <c r="I63954" s="1" t="s">
        <v>207852</v>
      </c>
      <c r="J63954" s="1" t="s">
        <v>213594</v>
      </c>
    </row>
    <row r="63955" spans="1:10" x14ac:dyDescent="0.35">
      <c r="A63955" s="1" t="s">
        <v>46714</v>
      </c>
      <c r="B63955" s="1" t="s">
        <v>207847</v>
      </c>
      <c r="C63955" s="1" t="s">
        <v>170</v>
      </c>
      <c r="D63955" s="1" t="s">
        <v>82533</v>
      </c>
      <c r="E63955" s="1" t="s">
        <v>213595</v>
      </c>
      <c r="F63955" s="1" t="s">
        <v>213596</v>
      </c>
      <c r="G63955" s="1" t="s">
        <v>213495</v>
      </c>
      <c r="H63955" s="1" t="s">
        <v>213496</v>
      </c>
      <c r="I63955" s="1" t="s">
        <v>207852</v>
      </c>
      <c r="J63955" s="1" t="s">
        <v>213597</v>
      </c>
    </row>
    <row r="63956" spans="1:10" x14ac:dyDescent="0.35">
      <c r="A63956" s="1" t="s">
        <v>14017</v>
      </c>
      <c r="B63956" s="1" t="s">
        <v>207847</v>
      </c>
      <c r="C63956" s="1" t="s">
        <v>8</v>
      </c>
      <c r="D63956" s="1" t="s">
        <v>213598</v>
      </c>
      <c r="E63956" s="1" t="s">
        <v>213599</v>
      </c>
      <c r="F63956" s="1" t="s">
        <v>213600</v>
      </c>
      <c r="G63956" s="1" t="s">
        <v>213601</v>
      </c>
      <c r="H63956" s="1" t="s">
        <v>213602</v>
      </c>
      <c r="I63956" s="1" t="s">
        <v>207852</v>
      </c>
      <c r="J63956" s="1" t="s">
        <v>13</v>
      </c>
    </row>
    <row r="63957" spans="1:10" x14ac:dyDescent="0.35">
      <c r="A63957" s="1" t="s">
        <v>14017</v>
      </c>
      <c r="B63957" s="1" t="s">
        <v>207847</v>
      </c>
      <c r="C63957" s="1" t="s">
        <v>15</v>
      </c>
      <c r="D63957" s="1" t="s">
        <v>155382</v>
      </c>
      <c r="E63957" s="1" t="s">
        <v>213603</v>
      </c>
      <c r="F63957" s="1" t="s">
        <v>213604</v>
      </c>
      <c r="G63957" s="1" t="s">
        <v>213601</v>
      </c>
      <c r="H63957" s="1" t="s">
        <v>213602</v>
      </c>
      <c r="I63957" s="1" t="s">
        <v>207852</v>
      </c>
      <c r="J63957" s="1" t="s">
        <v>213605</v>
      </c>
    </row>
    <row r="63958" spans="1:10" x14ac:dyDescent="0.35">
      <c r="A63958" s="1" t="s">
        <v>14017</v>
      </c>
      <c r="B63958" s="1" t="s">
        <v>207847</v>
      </c>
      <c r="C63958" s="1" t="s">
        <v>20</v>
      </c>
      <c r="D63958" s="1" t="s">
        <v>16271</v>
      </c>
      <c r="E63958" s="1" t="s">
        <v>213606</v>
      </c>
      <c r="F63958" s="1" t="s">
        <v>213607</v>
      </c>
      <c r="G63958" s="1" t="s">
        <v>213601</v>
      </c>
      <c r="H63958" s="1" t="s">
        <v>213602</v>
      </c>
      <c r="I63958" s="1" t="s">
        <v>207852</v>
      </c>
      <c r="J63958" s="1" t="s">
        <v>213608</v>
      </c>
    </row>
    <row r="63959" spans="1:10" x14ac:dyDescent="0.35">
      <c r="A63959" s="1" t="s">
        <v>14017</v>
      </c>
      <c r="B63959" s="1" t="s">
        <v>207847</v>
      </c>
      <c r="C63959" s="1" t="s">
        <v>25</v>
      </c>
      <c r="D63959" s="1" t="s">
        <v>213609</v>
      </c>
      <c r="E63959" s="1" t="s">
        <v>213610</v>
      </c>
      <c r="F63959" s="1" t="s">
        <v>213611</v>
      </c>
      <c r="G63959" s="1" t="s">
        <v>213601</v>
      </c>
      <c r="H63959" s="1" t="s">
        <v>213602</v>
      </c>
      <c r="I63959" s="1" t="s">
        <v>207852</v>
      </c>
      <c r="J63959" s="1" t="s">
        <v>213612</v>
      </c>
    </row>
    <row r="63960" spans="1:10" x14ac:dyDescent="0.35">
      <c r="A63960" s="1" t="s">
        <v>14017</v>
      </c>
      <c r="B63960" s="1" t="s">
        <v>207847</v>
      </c>
      <c r="C63960" s="1" t="s">
        <v>30</v>
      </c>
      <c r="D63960" s="1" t="s">
        <v>173190</v>
      </c>
      <c r="E63960" s="1" t="s">
        <v>213613</v>
      </c>
      <c r="F63960" s="1" t="s">
        <v>213614</v>
      </c>
      <c r="G63960" s="1" t="s">
        <v>213601</v>
      </c>
      <c r="H63960" s="1" t="s">
        <v>213602</v>
      </c>
      <c r="I63960" s="1" t="s">
        <v>207852</v>
      </c>
      <c r="J63960" s="1" t="s">
        <v>213615</v>
      </c>
    </row>
    <row r="63961" spans="1:10" x14ac:dyDescent="0.35">
      <c r="A63961" s="1" t="s">
        <v>14017</v>
      </c>
      <c r="B63961" s="1" t="s">
        <v>207847</v>
      </c>
      <c r="C63961" s="1" t="s">
        <v>35</v>
      </c>
      <c r="D63961" s="1" t="s">
        <v>141322</v>
      </c>
      <c r="E63961" s="1" t="s">
        <v>213616</v>
      </c>
      <c r="F63961" s="1" t="s">
        <v>213617</v>
      </c>
      <c r="G63961" s="1" t="s">
        <v>213601</v>
      </c>
      <c r="H63961" s="1" t="s">
        <v>213602</v>
      </c>
      <c r="I63961" s="1" t="s">
        <v>207852</v>
      </c>
      <c r="J63961" s="1" t="s">
        <v>213618</v>
      </c>
    </row>
    <row r="63962" spans="1:10" x14ac:dyDescent="0.35">
      <c r="A63962" s="1" t="s">
        <v>14017</v>
      </c>
      <c r="B63962" s="1" t="s">
        <v>207847</v>
      </c>
      <c r="C63962" s="1" t="s">
        <v>40</v>
      </c>
      <c r="D63962" s="1" t="s">
        <v>175997</v>
      </c>
      <c r="E63962" s="1" t="s">
        <v>213619</v>
      </c>
      <c r="F63962" s="1" t="s">
        <v>213620</v>
      </c>
      <c r="G63962" s="1" t="s">
        <v>213601</v>
      </c>
      <c r="H63962" s="1" t="s">
        <v>213602</v>
      </c>
      <c r="I63962" s="1" t="s">
        <v>207852</v>
      </c>
      <c r="J63962" s="1" t="s">
        <v>213621</v>
      </c>
    </row>
    <row r="63963" spans="1:10" x14ac:dyDescent="0.35">
      <c r="A63963" s="1" t="s">
        <v>14017</v>
      </c>
      <c r="B63963" s="1" t="s">
        <v>207847</v>
      </c>
      <c r="C63963" s="1" t="s">
        <v>45</v>
      </c>
      <c r="D63963" s="1" t="s">
        <v>149841</v>
      </c>
      <c r="E63963" s="1" t="s">
        <v>213622</v>
      </c>
      <c r="F63963" s="1" t="s">
        <v>213623</v>
      </c>
      <c r="G63963" s="1" t="s">
        <v>213601</v>
      </c>
      <c r="H63963" s="1" t="s">
        <v>213602</v>
      </c>
      <c r="I63963" s="1" t="s">
        <v>207852</v>
      </c>
      <c r="J63963" s="1" t="s">
        <v>213624</v>
      </c>
    </row>
    <row r="63964" spans="1:10" x14ac:dyDescent="0.35">
      <c r="A63964" s="1" t="s">
        <v>14017</v>
      </c>
      <c r="B63964" s="1" t="s">
        <v>207847</v>
      </c>
      <c r="C63964" s="1" t="s">
        <v>50</v>
      </c>
      <c r="D63964" s="1" t="s">
        <v>213625</v>
      </c>
      <c r="E63964" s="1" t="s">
        <v>213626</v>
      </c>
      <c r="F63964" s="1" t="s">
        <v>213627</v>
      </c>
      <c r="G63964" s="1" t="s">
        <v>213601</v>
      </c>
      <c r="H63964" s="1" t="s">
        <v>213602</v>
      </c>
      <c r="I63964" s="1" t="s">
        <v>207852</v>
      </c>
      <c r="J63964" s="1" t="s">
        <v>213628</v>
      </c>
    </row>
    <row r="63965" spans="1:10" x14ac:dyDescent="0.35">
      <c r="A63965" s="1" t="s">
        <v>14017</v>
      </c>
      <c r="B63965" s="1" t="s">
        <v>207847</v>
      </c>
      <c r="C63965" s="1" t="s">
        <v>55</v>
      </c>
      <c r="D63965" s="1" t="s">
        <v>213629</v>
      </c>
      <c r="E63965" s="1" t="s">
        <v>213630</v>
      </c>
      <c r="F63965" s="1" t="s">
        <v>213631</v>
      </c>
      <c r="G63965" s="1" t="s">
        <v>213601</v>
      </c>
      <c r="H63965" s="1" t="s">
        <v>213602</v>
      </c>
      <c r="I63965" s="1" t="s">
        <v>207852</v>
      </c>
      <c r="J63965" s="1" t="s">
        <v>213632</v>
      </c>
    </row>
    <row r="63966" spans="1:10" x14ac:dyDescent="0.35">
      <c r="A63966" s="1" t="s">
        <v>14017</v>
      </c>
      <c r="B63966" s="1" t="s">
        <v>207847</v>
      </c>
      <c r="C63966" s="1" t="s">
        <v>60</v>
      </c>
      <c r="D63966" s="1" t="s">
        <v>213633</v>
      </c>
      <c r="E63966" s="1" t="s">
        <v>213634</v>
      </c>
      <c r="F63966" s="1" t="s">
        <v>213635</v>
      </c>
      <c r="G63966" s="1" t="s">
        <v>213601</v>
      </c>
      <c r="H63966" s="1" t="s">
        <v>213602</v>
      </c>
      <c r="I63966" s="1" t="s">
        <v>207852</v>
      </c>
      <c r="J63966" s="1" t="s">
        <v>213636</v>
      </c>
    </row>
    <row r="63967" spans="1:10" x14ac:dyDescent="0.35">
      <c r="A63967" s="1" t="s">
        <v>14017</v>
      </c>
      <c r="B63967" s="1" t="s">
        <v>207847</v>
      </c>
      <c r="C63967" s="1" t="s">
        <v>65</v>
      </c>
      <c r="D63967" s="1" t="s">
        <v>213637</v>
      </c>
      <c r="E63967" s="1" t="s">
        <v>213638</v>
      </c>
      <c r="F63967" s="1" t="s">
        <v>213639</v>
      </c>
      <c r="G63967" s="1" t="s">
        <v>213601</v>
      </c>
      <c r="H63967" s="1" t="s">
        <v>213602</v>
      </c>
      <c r="I63967" s="1" t="s">
        <v>207852</v>
      </c>
      <c r="J63967" s="1" t="s">
        <v>213640</v>
      </c>
    </row>
    <row r="63968" spans="1:10" x14ac:dyDescent="0.35">
      <c r="A63968" s="1" t="s">
        <v>14017</v>
      </c>
      <c r="B63968" s="1" t="s">
        <v>207847</v>
      </c>
      <c r="C63968" s="1" t="s">
        <v>70</v>
      </c>
      <c r="D63968" s="1" t="s">
        <v>154320</v>
      </c>
      <c r="E63968" s="1" t="s">
        <v>213641</v>
      </c>
      <c r="F63968" s="1" t="s">
        <v>213642</v>
      </c>
      <c r="G63968" s="1" t="s">
        <v>213601</v>
      </c>
      <c r="H63968" s="1" t="s">
        <v>213602</v>
      </c>
      <c r="I63968" s="1" t="s">
        <v>207852</v>
      </c>
      <c r="J63968" s="1" t="s">
        <v>213643</v>
      </c>
    </row>
    <row r="63969" spans="1:10" x14ac:dyDescent="0.35">
      <c r="A63969" s="1" t="s">
        <v>14017</v>
      </c>
      <c r="B63969" s="1" t="s">
        <v>207847</v>
      </c>
      <c r="C63969" s="1" t="s">
        <v>75</v>
      </c>
      <c r="D63969" s="1" t="s">
        <v>188348</v>
      </c>
      <c r="E63969" s="1" t="s">
        <v>213644</v>
      </c>
      <c r="F63969" s="1" t="s">
        <v>213645</v>
      </c>
      <c r="G63969" s="1" t="s">
        <v>213601</v>
      </c>
      <c r="H63969" s="1" t="s">
        <v>213602</v>
      </c>
      <c r="I63969" s="1" t="s">
        <v>207852</v>
      </c>
      <c r="J63969" s="1" t="s">
        <v>213646</v>
      </c>
    </row>
    <row r="63970" spans="1:10" x14ac:dyDescent="0.35">
      <c r="A63970" s="1" t="s">
        <v>14017</v>
      </c>
      <c r="B63970" s="1" t="s">
        <v>207847</v>
      </c>
      <c r="C63970" s="1" t="s">
        <v>80</v>
      </c>
      <c r="D63970" s="1" t="s">
        <v>142101</v>
      </c>
      <c r="E63970" s="1" t="s">
        <v>213647</v>
      </c>
      <c r="F63970" s="1" t="s">
        <v>213648</v>
      </c>
      <c r="G63970" s="1" t="s">
        <v>213601</v>
      </c>
      <c r="H63970" s="1" t="s">
        <v>213602</v>
      </c>
      <c r="I63970" s="1" t="s">
        <v>207852</v>
      </c>
      <c r="J63970" s="1" t="s">
        <v>213649</v>
      </c>
    </row>
    <row r="63971" spans="1:10" x14ac:dyDescent="0.35">
      <c r="A63971" s="1" t="s">
        <v>14017</v>
      </c>
      <c r="B63971" s="1" t="s">
        <v>207847</v>
      </c>
      <c r="C63971" s="1" t="s">
        <v>85</v>
      </c>
      <c r="D63971" s="1" t="s">
        <v>207948</v>
      </c>
      <c r="E63971" s="1" t="s">
        <v>213650</v>
      </c>
      <c r="F63971" s="1" t="s">
        <v>213651</v>
      </c>
      <c r="G63971" s="1" t="s">
        <v>213601</v>
      </c>
      <c r="H63971" s="1" t="s">
        <v>213602</v>
      </c>
      <c r="I63971" s="1" t="s">
        <v>207852</v>
      </c>
      <c r="J63971" s="1" t="s">
        <v>213652</v>
      </c>
    </row>
    <row r="63972" spans="1:10" x14ac:dyDescent="0.35">
      <c r="A63972" s="1" t="s">
        <v>14017</v>
      </c>
      <c r="B63972" s="1" t="s">
        <v>207847</v>
      </c>
      <c r="C63972" s="1" t="s">
        <v>90</v>
      </c>
      <c r="D63972" s="1" t="s">
        <v>69358</v>
      </c>
      <c r="E63972" s="1" t="s">
        <v>213653</v>
      </c>
      <c r="F63972" s="1" t="s">
        <v>213654</v>
      </c>
      <c r="G63972" s="1" t="s">
        <v>213601</v>
      </c>
      <c r="H63972" s="1" t="s">
        <v>213602</v>
      </c>
      <c r="I63972" s="1" t="s">
        <v>207852</v>
      </c>
      <c r="J63972" s="1" t="s">
        <v>213655</v>
      </c>
    </row>
    <row r="63973" spans="1:10" x14ac:dyDescent="0.35">
      <c r="A63973" s="1" t="s">
        <v>14017</v>
      </c>
      <c r="B63973" s="1" t="s">
        <v>207847</v>
      </c>
      <c r="C63973" s="1" t="s">
        <v>95</v>
      </c>
      <c r="D63973" s="1" t="s">
        <v>126661</v>
      </c>
      <c r="E63973" s="1" t="s">
        <v>213656</v>
      </c>
      <c r="F63973" s="1" t="s">
        <v>213657</v>
      </c>
      <c r="G63973" s="1" t="s">
        <v>213601</v>
      </c>
      <c r="H63973" s="1" t="s">
        <v>213602</v>
      </c>
      <c r="I63973" s="1" t="s">
        <v>207852</v>
      </c>
      <c r="J63973" s="1" t="s">
        <v>213658</v>
      </c>
    </row>
    <row r="63974" spans="1:10" x14ac:dyDescent="0.35">
      <c r="A63974" s="1" t="s">
        <v>14017</v>
      </c>
      <c r="B63974" s="1" t="s">
        <v>207847</v>
      </c>
      <c r="C63974" s="1" t="s">
        <v>100</v>
      </c>
      <c r="D63974" s="1" t="s">
        <v>81838</v>
      </c>
      <c r="E63974" s="1" t="s">
        <v>213659</v>
      </c>
      <c r="F63974" s="1" t="s">
        <v>213660</v>
      </c>
      <c r="G63974" s="1" t="s">
        <v>213601</v>
      </c>
      <c r="H63974" s="1" t="s">
        <v>213602</v>
      </c>
      <c r="I63974" s="1" t="s">
        <v>207852</v>
      </c>
      <c r="J63974" s="1" t="s">
        <v>213661</v>
      </c>
    </row>
    <row r="63975" spans="1:10" x14ac:dyDescent="0.35">
      <c r="A63975" s="1" t="s">
        <v>14017</v>
      </c>
      <c r="B63975" s="1" t="s">
        <v>207847</v>
      </c>
      <c r="C63975" s="1" t="s">
        <v>105</v>
      </c>
      <c r="D63975" s="1" t="s">
        <v>53923</v>
      </c>
      <c r="E63975" s="1" t="s">
        <v>213662</v>
      </c>
      <c r="F63975" s="1" t="s">
        <v>213663</v>
      </c>
      <c r="G63975" s="1" t="s">
        <v>213601</v>
      </c>
      <c r="H63975" s="1" t="s">
        <v>213602</v>
      </c>
      <c r="I63975" s="1" t="s">
        <v>207852</v>
      </c>
      <c r="J63975" s="1" t="s">
        <v>213664</v>
      </c>
    </row>
    <row r="63976" spans="1:10" x14ac:dyDescent="0.35">
      <c r="A63976" s="1" t="s">
        <v>14017</v>
      </c>
      <c r="B63976" s="1" t="s">
        <v>207847</v>
      </c>
      <c r="C63976" s="1" t="s">
        <v>110</v>
      </c>
      <c r="D63976" s="1" t="s">
        <v>187520</v>
      </c>
      <c r="E63976" s="1" t="s">
        <v>213665</v>
      </c>
      <c r="F63976" s="1" t="s">
        <v>213666</v>
      </c>
      <c r="G63976" s="1" t="s">
        <v>213601</v>
      </c>
      <c r="H63976" s="1" t="s">
        <v>213602</v>
      </c>
      <c r="I63976" s="1" t="s">
        <v>207852</v>
      </c>
      <c r="J63976" s="1" t="s">
        <v>213667</v>
      </c>
    </row>
    <row r="63977" spans="1:10" x14ac:dyDescent="0.35">
      <c r="A63977" s="1" t="s">
        <v>14017</v>
      </c>
      <c r="B63977" s="1" t="s">
        <v>207847</v>
      </c>
      <c r="C63977" s="1" t="s">
        <v>115</v>
      </c>
      <c r="D63977" s="1" t="s">
        <v>55637</v>
      </c>
      <c r="E63977" s="1" t="s">
        <v>213668</v>
      </c>
      <c r="F63977" s="1" t="s">
        <v>213669</v>
      </c>
      <c r="G63977" s="1" t="s">
        <v>213601</v>
      </c>
      <c r="H63977" s="1" t="s">
        <v>213602</v>
      </c>
      <c r="I63977" s="1" t="s">
        <v>207852</v>
      </c>
      <c r="J63977" s="1" t="s">
        <v>213670</v>
      </c>
    </row>
    <row r="63978" spans="1:10" x14ac:dyDescent="0.35">
      <c r="A63978" s="1" t="s">
        <v>14017</v>
      </c>
      <c r="B63978" s="1" t="s">
        <v>207847</v>
      </c>
      <c r="C63978" s="1" t="s">
        <v>120</v>
      </c>
      <c r="D63978" s="1" t="s">
        <v>127251</v>
      </c>
      <c r="E63978" s="1" t="s">
        <v>213671</v>
      </c>
      <c r="F63978" s="1" t="s">
        <v>213672</v>
      </c>
      <c r="G63978" s="1" t="s">
        <v>213601</v>
      </c>
      <c r="H63978" s="1" t="s">
        <v>213602</v>
      </c>
      <c r="I63978" s="1" t="s">
        <v>207852</v>
      </c>
      <c r="J63978" s="1" t="s">
        <v>213673</v>
      </c>
    </row>
    <row r="63979" spans="1:10" x14ac:dyDescent="0.35">
      <c r="A63979" s="1" t="s">
        <v>14017</v>
      </c>
      <c r="B63979" s="1" t="s">
        <v>207847</v>
      </c>
      <c r="C63979" s="1" t="s">
        <v>125</v>
      </c>
      <c r="D63979" s="1" t="s">
        <v>88206</v>
      </c>
      <c r="E63979" s="1" t="s">
        <v>213674</v>
      </c>
      <c r="F63979" s="1" t="s">
        <v>213675</v>
      </c>
      <c r="G63979" s="1" t="s">
        <v>213601</v>
      </c>
      <c r="H63979" s="1" t="s">
        <v>213602</v>
      </c>
      <c r="I63979" s="1" t="s">
        <v>207852</v>
      </c>
      <c r="J63979" s="1" t="s">
        <v>213676</v>
      </c>
    </row>
    <row r="63980" spans="1:10" x14ac:dyDescent="0.35">
      <c r="A63980" s="1" t="s">
        <v>14017</v>
      </c>
      <c r="B63980" s="1" t="s">
        <v>207847</v>
      </c>
      <c r="C63980" s="1" t="s">
        <v>130</v>
      </c>
      <c r="D63980" s="1" t="s">
        <v>54177</v>
      </c>
      <c r="E63980" s="1" t="s">
        <v>213677</v>
      </c>
      <c r="F63980" s="1" t="s">
        <v>213678</v>
      </c>
      <c r="G63980" s="1" t="s">
        <v>213601</v>
      </c>
      <c r="H63980" s="1" t="s">
        <v>213602</v>
      </c>
      <c r="I63980" s="1" t="s">
        <v>207852</v>
      </c>
      <c r="J63980" s="1" t="s">
        <v>213679</v>
      </c>
    </row>
    <row r="63981" spans="1:10" x14ac:dyDescent="0.35">
      <c r="A63981" s="1" t="s">
        <v>14017</v>
      </c>
      <c r="B63981" s="1" t="s">
        <v>207847</v>
      </c>
      <c r="C63981" s="1" t="s">
        <v>135</v>
      </c>
      <c r="D63981" s="1" t="s">
        <v>84499</v>
      </c>
      <c r="E63981" s="1" t="s">
        <v>213680</v>
      </c>
      <c r="F63981" s="1" t="s">
        <v>213681</v>
      </c>
      <c r="G63981" s="1" t="s">
        <v>213601</v>
      </c>
      <c r="H63981" s="1" t="s">
        <v>213602</v>
      </c>
      <c r="I63981" s="1" t="s">
        <v>207852</v>
      </c>
      <c r="J63981" s="1" t="s">
        <v>213682</v>
      </c>
    </row>
    <row r="63982" spans="1:10" x14ac:dyDescent="0.35">
      <c r="A63982" s="1" t="s">
        <v>14017</v>
      </c>
      <c r="B63982" s="1" t="s">
        <v>207847</v>
      </c>
      <c r="C63982" s="1" t="s">
        <v>140</v>
      </c>
      <c r="D63982" s="1" t="s">
        <v>67398</v>
      </c>
      <c r="E63982" s="1" t="s">
        <v>213683</v>
      </c>
      <c r="F63982" s="1" t="s">
        <v>213684</v>
      </c>
      <c r="G63982" s="1" t="s">
        <v>213601</v>
      </c>
      <c r="H63982" s="1" t="s">
        <v>213602</v>
      </c>
      <c r="I63982" s="1" t="s">
        <v>207852</v>
      </c>
      <c r="J63982" s="1" t="s">
        <v>213685</v>
      </c>
    </row>
    <row r="63983" spans="1:10" x14ac:dyDescent="0.35">
      <c r="A63983" s="1" t="s">
        <v>14017</v>
      </c>
      <c r="B63983" s="1" t="s">
        <v>207847</v>
      </c>
      <c r="C63983" s="1" t="s">
        <v>145</v>
      </c>
      <c r="D63983" s="1" t="s">
        <v>53749</v>
      </c>
      <c r="E63983" s="1" t="s">
        <v>213686</v>
      </c>
      <c r="F63983" s="1" t="s">
        <v>213687</v>
      </c>
      <c r="G63983" s="1" t="s">
        <v>213601</v>
      </c>
      <c r="H63983" s="1" t="s">
        <v>213602</v>
      </c>
      <c r="I63983" s="1" t="s">
        <v>207852</v>
      </c>
      <c r="J63983" s="1" t="s">
        <v>213688</v>
      </c>
    </row>
    <row r="63984" spans="1:10" x14ac:dyDescent="0.35">
      <c r="A63984" s="1" t="s">
        <v>14017</v>
      </c>
      <c r="B63984" s="1" t="s">
        <v>207847</v>
      </c>
      <c r="C63984" s="1" t="s">
        <v>150</v>
      </c>
      <c r="D63984" s="1" t="s">
        <v>81406</v>
      </c>
      <c r="E63984" s="1" t="s">
        <v>213689</v>
      </c>
      <c r="F63984" s="1" t="s">
        <v>213690</v>
      </c>
      <c r="G63984" s="1" t="s">
        <v>213601</v>
      </c>
      <c r="H63984" s="1" t="s">
        <v>213602</v>
      </c>
      <c r="I63984" s="1" t="s">
        <v>207852</v>
      </c>
      <c r="J63984" s="1" t="s">
        <v>213691</v>
      </c>
    </row>
    <row r="63985" spans="1:10" x14ac:dyDescent="0.35">
      <c r="A63985" s="1" t="s">
        <v>14017</v>
      </c>
      <c r="B63985" s="1" t="s">
        <v>207847</v>
      </c>
      <c r="C63985" s="1" t="s">
        <v>155</v>
      </c>
      <c r="D63985" s="1" t="s">
        <v>61327</v>
      </c>
      <c r="E63985" s="1" t="s">
        <v>213692</v>
      </c>
      <c r="F63985" s="1" t="s">
        <v>213693</v>
      </c>
      <c r="G63985" s="1" t="s">
        <v>213601</v>
      </c>
      <c r="H63985" s="1" t="s">
        <v>213602</v>
      </c>
      <c r="I63985" s="1" t="s">
        <v>207852</v>
      </c>
      <c r="J63985" s="1" t="s">
        <v>213694</v>
      </c>
    </row>
    <row r="63986" spans="1:10" x14ac:dyDescent="0.35">
      <c r="A63986" s="1" t="s">
        <v>14017</v>
      </c>
      <c r="B63986" s="1" t="s">
        <v>207847</v>
      </c>
      <c r="C63986" s="1" t="s">
        <v>160</v>
      </c>
      <c r="D63986" s="1" t="s">
        <v>102218</v>
      </c>
      <c r="E63986" s="1" t="s">
        <v>213695</v>
      </c>
      <c r="F63986" s="1" t="s">
        <v>213696</v>
      </c>
      <c r="G63986" s="1" t="s">
        <v>213601</v>
      </c>
      <c r="H63986" s="1" t="s">
        <v>213602</v>
      </c>
      <c r="I63986" s="1" t="s">
        <v>207852</v>
      </c>
      <c r="J63986" s="1" t="s">
        <v>213697</v>
      </c>
    </row>
    <row r="63987" spans="1:10" x14ac:dyDescent="0.35">
      <c r="A63987" s="1" t="s">
        <v>14017</v>
      </c>
      <c r="B63987" s="1" t="s">
        <v>207847</v>
      </c>
      <c r="C63987" s="1" t="s">
        <v>165</v>
      </c>
      <c r="D63987" s="1" t="s">
        <v>24591</v>
      </c>
      <c r="E63987" s="1" t="s">
        <v>213698</v>
      </c>
      <c r="F63987" s="1" t="s">
        <v>213699</v>
      </c>
      <c r="G63987" s="1" t="s">
        <v>213601</v>
      </c>
      <c r="H63987" s="1" t="s">
        <v>213602</v>
      </c>
      <c r="I63987" s="1" t="s">
        <v>207852</v>
      </c>
      <c r="J63987" s="1" t="s">
        <v>213700</v>
      </c>
    </row>
    <row r="63988" spans="1:10" x14ac:dyDescent="0.35">
      <c r="A63988" s="1" t="s">
        <v>14017</v>
      </c>
      <c r="B63988" s="1" t="s">
        <v>207847</v>
      </c>
      <c r="C63988" s="1" t="s">
        <v>170</v>
      </c>
      <c r="D63988" s="1" t="s">
        <v>62366</v>
      </c>
      <c r="E63988" s="1" t="s">
        <v>213701</v>
      </c>
      <c r="F63988" s="1" t="s">
        <v>213702</v>
      </c>
      <c r="G63988" s="1" t="s">
        <v>213601</v>
      </c>
      <c r="H63988" s="1" t="s">
        <v>213602</v>
      </c>
      <c r="I63988" s="1" t="s">
        <v>207852</v>
      </c>
      <c r="J63988" s="1" t="s">
        <v>213703</v>
      </c>
    </row>
    <row r="63989" spans="1:10" x14ac:dyDescent="0.35">
      <c r="A63989" s="1" t="s">
        <v>25996</v>
      </c>
      <c r="B63989" s="1" t="s">
        <v>207847</v>
      </c>
      <c r="C63989" s="1" t="s">
        <v>8</v>
      </c>
      <c r="D63989" s="1" t="s">
        <v>35667</v>
      </c>
      <c r="E63989" s="1" t="s">
        <v>213704</v>
      </c>
      <c r="F63989" s="1" t="s">
        <v>213705</v>
      </c>
      <c r="G63989" s="1" t="s">
        <v>213706</v>
      </c>
      <c r="H63989" s="1" t="s">
        <v>213707</v>
      </c>
      <c r="I63989" s="1" t="s">
        <v>207852</v>
      </c>
      <c r="J63989" s="1" t="s">
        <v>13</v>
      </c>
    </row>
    <row r="63990" spans="1:10" x14ac:dyDescent="0.35">
      <c r="A63990" s="1" t="s">
        <v>25996</v>
      </c>
      <c r="B63990" s="1" t="s">
        <v>207847</v>
      </c>
      <c r="C63990" s="1" t="s">
        <v>15</v>
      </c>
      <c r="D63990" s="1" t="s">
        <v>45865</v>
      </c>
      <c r="E63990" s="1" t="s">
        <v>213708</v>
      </c>
      <c r="F63990" s="1" t="s">
        <v>213709</v>
      </c>
      <c r="G63990" s="1" t="s">
        <v>213706</v>
      </c>
      <c r="H63990" s="1" t="s">
        <v>213707</v>
      </c>
      <c r="I63990" s="1" t="s">
        <v>207852</v>
      </c>
      <c r="J63990" s="1" t="s">
        <v>213710</v>
      </c>
    </row>
    <row r="63991" spans="1:10" x14ac:dyDescent="0.35">
      <c r="A63991" s="1" t="s">
        <v>25996</v>
      </c>
      <c r="B63991" s="1" t="s">
        <v>207847</v>
      </c>
      <c r="C63991" s="1" t="s">
        <v>20</v>
      </c>
      <c r="D63991" s="1" t="s">
        <v>10729</v>
      </c>
      <c r="E63991" s="1" t="s">
        <v>213711</v>
      </c>
      <c r="F63991" s="1" t="s">
        <v>213712</v>
      </c>
      <c r="G63991" s="1" t="s">
        <v>213706</v>
      </c>
      <c r="H63991" s="1" t="s">
        <v>213707</v>
      </c>
      <c r="I63991" s="1" t="s">
        <v>207852</v>
      </c>
      <c r="J63991" s="1" t="s">
        <v>213713</v>
      </c>
    </row>
    <row r="63992" spans="1:10" x14ac:dyDescent="0.35">
      <c r="A63992" s="1" t="s">
        <v>25996</v>
      </c>
      <c r="B63992" s="1" t="s">
        <v>207847</v>
      </c>
      <c r="C63992" s="1" t="s">
        <v>25</v>
      </c>
      <c r="D63992" s="1" t="s">
        <v>72730</v>
      </c>
      <c r="E63992" s="1" t="s">
        <v>213714</v>
      </c>
      <c r="F63992" s="1" t="s">
        <v>213715</v>
      </c>
      <c r="G63992" s="1" t="s">
        <v>213706</v>
      </c>
      <c r="H63992" s="1" t="s">
        <v>213707</v>
      </c>
      <c r="I63992" s="1" t="s">
        <v>207852</v>
      </c>
      <c r="J63992" s="1" t="s">
        <v>213716</v>
      </c>
    </row>
    <row r="63993" spans="1:10" x14ac:dyDescent="0.35">
      <c r="A63993" s="1" t="s">
        <v>25996</v>
      </c>
      <c r="B63993" s="1" t="s">
        <v>207847</v>
      </c>
      <c r="C63993" s="1" t="s">
        <v>30</v>
      </c>
      <c r="D63993" s="1" t="s">
        <v>74778</v>
      </c>
      <c r="E63993" s="1" t="s">
        <v>213717</v>
      </c>
      <c r="F63993" s="1" t="s">
        <v>213718</v>
      </c>
      <c r="G63993" s="1" t="s">
        <v>213706</v>
      </c>
      <c r="H63993" s="1" t="s">
        <v>213707</v>
      </c>
      <c r="I63993" s="1" t="s">
        <v>207852</v>
      </c>
      <c r="J63993" s="1" t="s">
        <v>213719</v>
      </c>
    </row>
    <row r="63994" spans="1:10" x14ac:dyDescent="0.35">
      <c r="A63994" s="1" t="s">
        <v>25996</v>
      </c>
      <c r="B63994" s="1" t="s">
        <v>207847</v>
      </c>
      <c r="C63994" s="1" t="s">
        <v>35</v>
      </c>
      <c r="D63994" s="1" t="s">
        <v>151507</v>
      </c>
      <c r="E63994" s="1" t="s">
        <v>213720</v>
      </c>
      <c r="F63994" s="1" t="s">
        <v>213721</v>
      </c>
      <c r="G63994" s="1" t="s">
        <v>213706</v>
      </c>
      <c r="H63994" s="1" t="s">
        <v>213707</v>
      </c>
      <c r="I63994" s="1" t="s">
        <v>207852</v>
      </c>
      <c r="J63994" s="1" t="s">
        <v>213722</v>
      </c>
    </row>
    <row r="63995" spans="1:10" x14ac:dyDescent="0.35">
      <c r="A63995" s="1" t="s">
        <v>25996</v>
      </c>
      <c r="B63995" s="1" t="s">
        <v>207847</v>
      </c>
      <c r="C63995" s="1" t="s">
        <v>40</v>
      </c>
      <c r="D63995" s="1" t="s">
        <v>33929</v>
      </c>
      <c r="E63995" s="1" t="s">
        <v>213723</v>
      </c>
      <c r="F63995" s="1" t="s">
        <v>213724</v>
      </c>
      <c r="G63995" s="1" t="s">
        <v>213706</v>
      </c>
      <c r="H63995" s="1" t="s">
        <v>213707</v>
      </c>
      <c r="I63995" s="1" t="s">
        <v>207852</v>
      </c>
      <c r="J63995" s="1" t="s">
        <v>213725</v>
      </c>
    </row>
    <row r="63996" spans="1:10" x14ac:dyDescent="0.35">
      <c r="A63996" s="1" t="s">
        <v>25996</v>
      </c>
      <c r="B63996" s="1" t="s">
        <v>207847</v>
      </c>
      <c r="C63996" s="1" t="s">
        <v>45</v>
      </c>
      <c r="D63996" s="1" t="s">
        <v>35533</v>
      </c>
      <c r="E63996" s="1" t="s">
        <v>213726</v>
      </c>
      <c r="F63996" s="1" t="s">
        <v>213727</v>
      </c>
      <c r="G63996" s="1" t="s">
        <v>213706</v>
      </c>
      <c r="H63996" s="1" t="s">
        <v>213707</v>
      </c>
      <c r="I63996" s="1" t="s">
        <v>207852</v>
      </c>
      <c r="J63996" s="1" t="s">
        <v>213728</v>
      </c>
    </row>
    <row r="63997" spans="1:10" x14ac:dyDescent="0.35">
      <c r="A63997" s="1" t="s">
        <v>25996</v>
      </c>
      <c r="B63997" s="1" t="s">
        <v>207847</v>
      </c>
      <c r="C63997" s="1" t="s">
        <v>50</v>
      </c>
      <c r="D63997" s="1" t="s">
        <v>213729</v>
      </c>
      <c r="E63997" s="1" t="s">
        <v>213730</v>
      </c>
      <c r="F63997" s="1" t="s">
        <v>213731</v>
      </c>
      <c r="G63997" s="1" t="s">
        <v>213706</v>
      </c>
      <c r="H63997" s="1" t="s">
        <v>213707</v>
      </c>
      <c r="I63997" s="1" t="s">
        <v>207852</v>
      </c>
      <c r="J63997" s="1" t="s">
        <v>213732</v>
      </c>
    </row>
    <row r="63998" spans="1:10" x14ac:dyDescent="0.35">
      <c r="A63998" s="1" t="s">
        <v>25996</v>
      </c>
      <c r="B63998" s="1" t="s">
        <v>207847</v>
      </c>
      <c r="C63998" s="1" t="s">
        <v>55</v>
      </c>
      <c r="D63998" s="1" t="s">
        <v>34298</v>
      </c>
      <c r="E63998" s="1" t="s">
        <v>213733</v>
      </c>
      <c r="F63998" s="1" t="s">
        <v>213734</v>
      </c>
      <c r="G63998" s="1" t="s">
        <v>213706</v>
      </c>
      <c r="H63998" s="1" t="s">
        <v>213707</v>
      </c>
      <c r="I63998" s="1" t="s">
        <v>207852</v>
      </c>
      <c r="J63998" s="1" t="s">
        <v>213735</v>
      </c>
    </row>
    <row r="63999" spans="1:10" x14ac:dyDescent="0.35">
      <c r="A63999" s="1" t="s">
        <v>25996</v>
      </c>
      <c r="B63999" s="1" t="s">
        <v>207847</v>
      </c>
      <c r="C63999" s="1" t="s">
        <v>60</v>
      </c>
      <c r="D63999" s="1" t="s">
        <v>181818</v>
      </c>
      <c r="E63999" s="1" t="s">
        <v>213736</v>
      </c>
      <c r="F63999" s="1" t="s">
        <v>213737</v>
      </c>
      <c r="G63999" s="1" t="s">
        <v>213706</v>
      </c>
      <c r="H63999" s="1" t="s">
        <v>213707</v>
      </c>
      <c r="I63999" s="1" t="s">
        <v>207852</v>
      </c>
      <c r="J63999" s="1" t="s">
        <v>213738</v>
      </c>
    </row>
    <row r="64000" spans="1:10" x14ac:dyDescent="0.35">
      <c r="A64000" s="1" t="s">
        <v>25996</v>
      </c>
      <c r="B64000" s="1" t="s">
        <v>207847</v>
      </c>
      <c r="C64000" s="1" t="s">
        <v>65</v>
      </c>
      <c r="D64000" s="1" t="s">
        <v>117673</v>
      </c>
      <c r="E64000" s="1" t="s">
        <v>213739</v>
      </c>
      <c r="F64000" s="1" t="s">
        <v>213740</v>
      </c>
      <c r="G64000" s="1" t="s">
        <v>213706</v>
      </c>
      <c r="H64000" s="1" t="s">
        <v>213707</v>
      </c>
      <c r="I64000" s="1" t="s">
        <v>207852</v>
      </c>
      <c r="J64000" s="1" t="s">
        <v>213741</v>
      </c>
    </row>
    <row r="64001" spans="1:10" x14ac:dyDescent="0.35">
      <c r="A64001" s="1" t="s">
        <v>25996</v>
      </c>
      <c r="B64001" s="1" t="s">
        <v>207847</v>
      </c>
      <c r="C64001" s="1" t="s">
        <v>70</v>
      </c>
      <c r="D64001" s="1" t="s">
        <v>168893</v>
      </c>
      <c r="E64001" s="1" t="s">
        <v>213742</v>
      </c>
      <c r="F64001" s="1" t="s">
        <v>213743</v>
      </c>
      <c r="G64001" s="1" t="s">
        <v>213706</v>
      </c>
      <c r="H64001" s="1" t="s">
        <v>213707</v>
      </c>
      <c r="I64001" s="1" t="s">
        <v>207852</v>
      </c>
      <c r="J64001" s="1" t="s">
        <v>213744</v>
      </c>
    </row>
    <row r="64002" spans="1:10" x14ac:dyDescent="0.35">
      <c r="A64002" s="1" t="s">
        <v>25996</v>
      </c>
      <c r="B64002" s="1" t="s">
        <v>207847</v>
      </c>
      <c r="C64002" s="1" t="s">
        <v>75</v>
      </c>
      <c r="D64002" s="1" t="s">
        <v>71885</v>
      </c>
      <c r="E64002" s="1" t="s">
        <v>213745</v>
      </c>
      <c r="F64002" s="1" t="s">
        <v>213746</v>
      </c>
      <c r="G64002" s="1" t="s">
        <v>213706</v>
      </c>
      <c r="H64002" s="1" t="s">
        <v>213707</v>
      </c>
      <c r="I64002" s="1" t="s">
        <v>207852</v>
      </c>
      <c r="J64002" s="1" t="s">
        <v>213747</v>
      </c>
    </row>
    <row r="64003" spans="1:10" x14ac:dyDescent="0.35">
      <c r="A64003" s="1" t="s">
        <v>25996</v>
      </c>
      <c r="B64003" s="1" t="s">
        <v>207847</v>
      </c>
      <c r="C64003" s="1" t="s">
        <v>80</v>
      </c>
      <c r="D64003" s="1" t="s">
        <v>206162</v>
      </c>
      <c r="E64003" s="1" t="s">
        <v>213748</v>
      </c>
      <c r="F64003" s="1" t="s">
        <v>213749</v>
      </c>
      <c r="G64003" s="1" t="s">
        <v>213706</v>
      </c>
      <c r="H64003" s="1" t="s">
        <v>213707</v>
      </c>
      <c r="I64003" s="1" t="s">
        <v>207852</v>
      </c>
      <c r="J64003" s="1" t="s">
        <v>213750</v>
      </c>
    </row>
    <row r="64004" spans="1:10" x14ac:dyDescent="0.35">
      <c r="A64004" s="1" t="s">
        <v>25996</v>
      </c>
      <c r="B64004" s="1" t="s">
        <v>207847</v>
      </c>
      <c r="C64004" s="1" t="s">
        <v>85</v>
      </c>
      <c r="D64004" s="1" t="s">
        <v>171645</v>
      </c>
      <c r="E64004" s="1" t="s">
        <v>213751</v>
      </c>
      <c r="F64004" s="1" t="s">
        <v>213752</v>
      </c>
      <c r="G64004" s="1" t="s">
        <v>213706</v>
      </c>
      <c r="H64004" s="1" t="s">
        <v>213707</v>
      </c>
      <c r="I64004" s="1" t="s">
        <v>207852</v>
      </c>
      <c r="J64004" s="1" t="s">
        <v>213753</v>
      </c>
    </row>
    <row r="64005" spans="1:10" x14ac:dyDescent="0.35">
      <c r="A64005" s="1" t="s">
        <v>25996</v>
      </c>
      <c r="B64005" s="1" t="s">
        <v>207847</v>
      </c>
      <c r="C64005" s="1" t="s">
        <v>90</v>
      </c>
      <c r="D64005" s="1" t="s">
        <v>30756</v>
      </c>
      <c r="E64005" s="1" t="s">
        <v>213754</v>
      </c>
      <c r="F64005" s="1" t="s">
        <v>213755</v>
      </c>
      <c r="G64005" s="1" t="s">
        <v>213706</v>
      </c>
      <c r="H64005" s="1" t="s">
        <v>213707</v>
      </c>
      <c r="I64005" s="1" t="s">
        <v>207852</v>
      </c>
      <c r="J64005" s="1" t="s">
        <v>213756</v>
      </c>
    </row>
    <row r="64006" spans="1:10" x14ac:dyDescent="0.35">
      <c r="A64006" s="1" t="s">
        <v>25996</v>
      </c>
      <c r="B64006" s="1" t="s">
        <v>207847</v>
      </c>
      <c r="C64006" s="1" t="s">
        <v>95</v>
      </c>
      <c r="D64006" s="1" t="s">
        <v>15507</v>
      </c>
      <c r="E64006" s="1" t="s">
        <v>213757</v>
      </c>
      <c r="F64006" s="1" t="s">
        <v>213758</v>
      </c>
      <c r="G64006" s="1" t="s">
        <v>213706</v>
      </c>
      <c r="H64006" s="1" t="s">
        <v>213707</v>
      </c>
      <c r="I64006" s="1" t="s">
        <v>207852</v>
      </c>
      <c r="J64006" s="1" t="s">
        <v>213759</v>
      </c>
    </row>
    <row r="64007" spans="1:10" x14ac:dyDescent="0.35">
      <c r="A64007" s="1" t="s">
        <v>25996</v>
      </c>
      <c r="B64007" s="1" t="s">
        <v>207847</v>
      </c>
      <c r="C64007" s="1" t="s">
        <v>100</v>
      </c>
      <c r="D64007" s="1" t="s">
        <v>213760</v>
      </c>
      <c r="E64007" s="1" t="s">
        <v>213761</v>
      </c>
      <c r="F64007" s="1" t="s">
        <v>213762</v>
      </c>
      <c r="G64007" s="1" t="s">
        <v>213706</v>
      </c>
      <c r="H64007" s="1" t="s">
        <v>213707</v>
      </c>
      <c r="I64007" s="1" t="s">
        <v>207852</v>
      </c>
      <c r="J64007" s="1" t="s">
        <v>213763</v>
      </c>
    </row>
    <row r="64008" spans="1:10" x14ac:dyDescent="0.35">
      <c r="A64008" s="1" t="s">
        <v>25996</v>
      </c>
      <c r="B64008" s="1" t="s">
        <v>207847</v>
      </c>
      <c r="C64008" s="1" t="s">
        <v>105</v>
      </c>
      <c r="D64008" s="1" t="s">
        <v>35069</v>
      </c>
      <c r="E64008" s="1" t="s">
        <v>213764</v>
      </c>
      <c r="F64008" s="1" t="s">
        <v>213765</v>
      </c>
      <c r="G64008" s="1" t="s">
        <v>213706</v>
      </c>
      <c r="H64008" s="1" t="s">
        <v>213707</v>
      </c>
      <c r="I64008" s="1" t="s">
        <v>207852</v>
      </c>
      <c r="J64008" s="1" t="s">
        <v>213766</v>
      </c>
    </row>
    <row r="64009" spans="1:10" x14ac:dyDescent="0.35">
      <c r="A64009" s="1" t="s">
        <v>25996</v>
      </c>
      <c r="B64009" s="1" t="s">
        <v>207847</v>
      </c>
      <c r="C64009" s="1" t="s">
        <v>110</v>
      </c>
      <c r="D64009" s="1" t="s">
        <v>18849</v>
      </c>
      <c r="E64009" s="1" t="s">
        <v>213767</v>
      </c>
      <c r="F64009" s="1" t="s">
        <v>213768</v>
      </c>
      <c r="G64009" s="1" t="s">
        <v>213706</v>
      </c>
      <c r="H64009" s="1" t="s">
        <v>213707</v>
      </c>
      <c r="I64009" s="1" t="s">
        <v>207852</v>
      </c>
      <c r="J64009" s="1" t="s">
        <v>213769</v>
      </c>
    </row>
    <row r="64010" spans="1:10" x14ac:dyDescent="0.35">
      <c r="A64010" s="1" t="s">
        <v>25996</v>
      </c>
      <c r="B64010" s="1" t="s">
        <v>207847</v>
      </c>
      <c r="C64010" s="1" t="s">
        <v>115</v>
      </c>
      <c r="D64010" s="1" t="s">
        <v>13527</v>
      </c>
      <c r="E64010" s="1" t="s">
        <v>213770</v>
      </c>
      <c r="F64010" s="1" t="s">
        <v>213771</v>
      </c>
      <c r="G64010" s="1" t="s">
        <v>213706</v>
      </c>
      <c r="H64010" s="1" t="s">
        <v>213707</v>
      </c>
      <c r="I64010" s="1" t="s">
        <v>207852</v>
      </c>
      <c r="J64010" s="1" t="s">
        <v>213772</v>
      </c>
    </row>
    <row r="64011" spans="1:10" x14ac:dyDescent="0.35">
      <c r="A64011" s="1" t="s">
        <v>25996</v>
      </c>
      <c r="B64011" s="1" t="s">
        <v>207847</v>
      </c>
      <c r="C64011" s="1" t="s">
        <v>120</v>
      </c>
      <c r="D64011" s="1" t="s">
        <v>203631</v>
      </c>
      <c r="E64011" s="1" t="s">
        <v>213773</v>
      </c>
      <c r="F64011" s="1" t="s">
        <v>213774</v>
      </c>
      <c r="G64011" s="1" t="s">
        <v>213706</v>
      </c>
      <c r="H64011" s="1" t="s">
        <v>213707</v>
      </c>
      <c r="I64011" s="1" t="s">
        <v>207852</v>
      </c>
      <c r="J64011" s="1" t="s">
        <v>213775</v>
      </c>
    </row>
    <row r="64012" spans="1:10" x14ac:dyDescent="0.35">
      <c r="A64012" s="1" t="s">
        <v>25996</v>
      </c>
      <c r="B64012" s="1" t="s">
        <v>207847</v>
      </c>
      <c r="C64012" s="1" t="s">
        <v>125</v>
      </c>
      <c r="D64012" s="1" t="s">
        <v>175754</v>
      </c>
      <c r="E64012" s="1" t="s">
        <v>213776</v>
      </c>
      <c r="F64012" s="1" t="s">
        <v>213777</v>
      </c>
      <c r="G64012" s="1" t="s">
        <v>213706</v>
      </c>
      <c r="H64012" s="1" t="s">
        <v>213707</v>
      </c>
      <c r="I64012" s="1" t="s">
        <v>207852</v>
      </c>
      <c r="J64012" s="1" t="s">
        <v>213778</v>
      </c>
    </row>
    <row r="64013" spans="1:10" x14ac:dyDescent="0.35">
      <c r="A64013" s="1" t="s">
        <v>25996</v>
      </c>
      <c r="B64013" s="1" t="s">
        <v>207847</v>
      </c>
      <c r="C64013" s="1" t="s">
        <v>130</v>
      </c>
      <c r="D64013" s="1" t="s">
        <v>42821</v>
      </c>
      <c r="E64013" s="1" t="s">
        <v>213779</v>
      </c>
      <c r="F64013" s="1" t="s">
        <v>213780</v>
      </c>
      <c r="G64013" s="1" t="s">
        <v>213706</v>
      </c>
      <c r="H64013" s="1" t="s">
        <v>213707</v>
      </c>
      <c r="I64013" s="1" t="s">
        <v>207852</v>
      </c>
      <c r="J64013" s="1" t="s">
        <v>213781</v>
      </c>
    </row>
    <row r="64014" spans="1:10" x14ac:dyDescent="0.35">
      <c r="A64014" s="1" t="s">
        <v>25996</v>
      </c>
      <c r="B64014" s="1" t="s">
        <v>207847</v>
      </c>
      <c r="C64014" s="1" t="s">
        <v>135</v>
      </c>
      <c r="D64014" s="1" t="s">
        <v>3020</v>
      </c>
      <c r="E64014" s="1" t="s">
        <v>213782</v>
      </c>
      <c r="F64014" s="1" t="s">
        <v>213783</v>
      </c>
      <c r="G64014" s="1" t="s">
        <v>213706</v>
      </c>
      <c r="H64014" s="1" t="s">
        <v>213707</v>
      </c>
      <c r="I64014" s="1" t="s">
        <v>207852</v>
      </c>
      <c r="J64014" s="1" t="s">
        <v>213784</v>
      </c>
    </row>
    <row r="64015" spans="1:10" x14ac:dyDescent="0.35">
      <c r="A64015" s="1" t="s">
        <v>25996</v>
      </c>
      <c r="B64015" s="1" t="s">
        <v>207847</v>
      </c>
      <c r="C64015" s="1" t="s">
        <v>140</v>
      </c>
      <c r="D64015" s="1" t="s">
        <v>119607</v>
      </c>
      <c r="E64015" s="1" t="s">
        <v>213785</v>
      </c>
      <c r="F64015" s="1" t="s">
        <v>64457</v>
      </c>
      <c r="G64015" s="1" t="s">
        <v>213706</v>
      </c>
      <c r="H64015" s="1" t="s">
        <v>213707</v>
      </c>
      <c r="I64015" s="1" t="s">
        <v>207852</v>
      </c>
      <c r="J64015" s="1" t="s">
        <v>213786</v>
      </c>
    </row>
    <row r="64016" spans="1:10" x14ac:dyDescent="0.35">
      <c r="A64016" s="1" t="s">
        <v>25996</v>
      </c>
      <c r="B64016" s="1" t="s">
        <v>207847</v>
      </c>
      <c r="C64016" s="1" t="s">
        <v>145</v>
      </c>
      <c r="D64016" s="1" t="s">
        <v>31311</v>
      </c>
      <c r="E64016" s="1" t="s">
        <v>213787</v>
      </c>
      <c r="F64016" s="1" t="s">
        <v>213788</v>
      </c>
      <c r="G64016" s="1" t="s">
        <v>213706</v>
      </c>
      <c r="H64016" s="1" t="s">
        <v>213707</v>
      </c>
      <c r="I64016" s="1" t="s">
        <v>207852</v>
      </c>
      <c r="J64016" s="1" t="s">
        <v>213789</v>
      </c>
    </row>
    <row r="64017" spans="1:10" x14ac:dyDescent="0.35">
      <c r="A64017" s="1" t="s">
        <v>25996</v>
      </c>
      <c r="B64017" s="1" t="s">
        <v>207847</v>
      </c>
      <c r="C64017" s="1" t="s">
        <v>150</v>
      </c>
      <c r="D64017" s="1" t="s">
        <v>73276</v>
      </c>
      <c r="E64017" s="1" t="s">
        <v>213790</v>
      </c>
      <c r="F64017" s="1" t="s">
        <v>213791</v>
      </c>
      <c r="G64017" s="1" t="s">
        <v>213706</v>
      </c>
      <c r="H64017" s="1" t="s">
        <v>213707</v>
      </c>
      <c r="I64017" s="1" t="s">
        <v>207852</v>
      </c>
      <c r="J64017" s="1" t="s">
        <v>213792</v>
      </c>
    </row>
    <row r="64018" spans="1:10" x14ac:dyDescent="0.35">
      <c r="A64018" s="1" t="s">
        <v>25996</v>
      </c>
      <c r="B64018" s="1" t="s">
        <v>207847</v>
      </c>
      <c r="C64018" s="1" t="s">
        <v>155</v>
      </c>
      <c r="D64018" s="1" t="s">
        <v>105179</v>
      </c>
      <c r="E64018" s="1" t="s">
        <v>213793</v>
      </c>
      <c r="F64018" s="1" t="s">
        <v>213794</v>
      </c>
      <c r="G64018" s="1" t="s">
        <v>213706</v>
      </c>
      <c r="H64018" s="1" t="s">
        <v>213707</v>
      </c>
      <c r="I64018" s="1" t="s">
        <v>207852</v>
      </c>
      <c r="J64018" s="1" t="s">
        <v>213795</v>
      </c>
    </row>
    <row r="64019" spans="1:10" x14ac:dyDescent="0.35">
      <c r="A64019" s="1" t="s">
        <v>25996</v>
      </c>
      <c r="B64019" s="1" t="s">
        <v>207847</v>
      </c>
      <c r="C64019" s="1" t="s">
        <v>160</v>
      </c>
      <c r="D64019" s="1" t="s">
        <v>71452</v>
      </c>
      <c r="E64019" s="1" t="s">
        <v>213796</v>
      </c>
      <c r="F64019" s="1" t="s">
        <v>213797</v>
      </c>
      <c r="G64019" s="1" t="s">
        <v>213706</v>
      </c>
      <c r="H64019" s="1" t="s">
        <v>213707</v>
      </c>
      <c r="I64019" s="1" t="s">
        <v>207852</v>
      </c>
      <c r="J64019" s="1" t="s">
        <v>213798</v>
      </c>
    </row>
    <row r="64020" spans="1:10" x14ac:dyDescent="0.35">
      <c r="A64020" s="1" t="s">
        <v>25996</v>
      </c>
      <c r="B64020" s="1" t="s">
        <v>207847</v>
      </c>
      <c r="C64020" s="1" t="s">
        <v>165</v>
      </c>
      <c r="D64020" s="1" t="s">
        <v>113696</v>
      </c>
      <c r="E64020" s="1" t="s">
        <v>213799</v>
      </c>
      <c r="F64020" s="1" t="s">
        <v>213800</v>
      </c>
      <c r="G64020" s="1" t="s">
        <v>213706</v>
      </c>
      <c r="H64020" s="1" t="s">
        <v>213707</v>
      </c>
      <c r="I64020" s="1" t="s">
        <v>207852</v>
      </c>
      <c r="J64020" s="1" t="s">
        <v>213801</v>
      </c>
    </row>
    <row r="64021" spans="1:10" x14ac:dyDescent="0.35">
      <c r="A64021" s="1" t="s">
        <v>25996</v>
      </c>
      <c r="B64021" s="1" t="s">
        <v>207847</v>
      </c>
      <c r="C64021" s="1" t="s">
        <v>170</v>
      </c>
      <c r="D64021" s="1" t="s">
        <v>213802</v>
      </c>
      <c r="E64021" s="1" t="s">
        <v>213803</v>
      </c>
      <c r="F64021" s="1" t="s">
        <v>213804</v>
      </c>
      <c r="G64021" s="1" t="s">
        <v>213706</v>
      </c>
      <c r="H64021" s="1" t="s">
        <v>213707</v>
      </c>
      <c r="I64021" s="1" t="s">
        <v>207852</v>
      </c>
      <c r="J64021" s="1" t="s">
        <v>213805</v>
      </c>
    </row>
    <row r="64022" spans="1:10" x14ac:dyDescent="0.35">
      <c r="A64022" s="1" t="s">
        <v>11763</v>
      </c>
      <c r="B64022" s="1" t="s">
        <v>207847</v>
      </c>
      <c r="C64022" s="1" t="s">
        <v>8</v>
      </c>
      <c r="D64022" s="1" t="s">
        <v>5191</v>
      </c>
      <c r="E64022" s="1" t="s">
        <v>213806</v>
      </c>
      <c r="F64022" s="1" t="s">
        <v>213807</v>
      </c>
      <c r="G64022" s="1" t="s">
        <v>213808</v>
      </c>
      <c r="H64022" s="1" t="s">
        <v>213809</v>
      </c>
      <c r="I64022" s="1" t="s">
        <v>207852</v>
      </c>
      <c r="J64022" s="1" t="s">
        <v>13</v>
      </c>
    </row>
    <row r="64023" spans="1:10" x14ac:dyDescent="0.35">
      <c r="A64023" s="1" t="s">
        <v>11763</v>
      </c>
      <c r="B64023" s="1" t="s">
        <v>207847</v>
      </c>
      <c r="C64023" s="1" t="s">
        <v>15</v>
      </c>
      <c r="D64023" s="1" t="s">
        <v>196305</v>
      </c>
      <c r="E64023" s="1" t="s">
        <v>213810</v>
      </c>
      <c r="F64023" s="1" t="s">
        <v>213811</v>
      </c>
      <c r="G64023" s="1" t="s">
        <v>213808</v>
      </c>
      <c r="H64023" s="1" t="s">
        <v>213809</v>
      </c>
      <c r="I64023" s="1" t="s">
        <v>207852</v>
      </c>
      <c r="J64023" s="1" t="s">
        <v>213812</v>
      </c>
    </row>
    <row r="64024" spans="1:10" x14ac:dyDescent="0.35">
      <c r="A64024" s="1" t="s">
        <v>11763</v>
      </c>
      <c r="B64024" s="1" t="s">
        <v>207847</v>
      </c>
      <c r="C64024" s="1" t="s">
        <v>20</v>
      </c>
      <c r="D64024" s="1" t="s">
        <v>126568</v>
      </c>
      <c r="E64024" s="1" t="s">
        <v>213813</v>
      </c>
      <c r="F64024" s="1" t="s">
        <v>213814</v>
      </c>
      <c r="G64024" s="1" t="s">
        <v>213808</v>
      </c>
      <c r="H64024" s="1" t="s">
        <v>213809</v>
      </c>
      <c r="I64024" s="1" t="s">
        <v>207852</v>
      </c>
      <c r="J64024" s="1" t="s">
        <v>213815</v>
      </c>
    </row>
    <row r="64025" spans="1:10" x14ac:dyDescent="0.35">
      <c r="A64025" s="1" t="s">
        <v>11763</v>
      </c>
      <c r="B64025" s="1" t="s">
        <v>207847</v>
      </c>
      <c r="C64025" s="1" t="s">
        <v>25</v>
      </c>
      <c r="D64025" s="1" t="s">
        <v>213816</v>
      </c>
      <c r="E64025" s="1" t="s">
        <v>213817</v>
      </c>
      <c r="F64025" s="1" t="s">
        <v>213818</v>
      </c>
      <c r="G64025" s="1" t="s">
        <v>213808</v>
      </c>
      <c r="H64025" s="1" t="s">
        <v>213809</v>
      </c>
      <c r="I64025" s="1" t="s">
        <v>207852</v>
      </c>
      <c r="J64025" s="1" t="s">
        <v>213819</v>
      </c>
    </row>
    <row r="64026" spans="1:10" x14ac:dyDescent="0.35">
      <c r="A64026" s="1" t="s">
        <v>11763</v>
      </c>
      <c r="B64026" s="1" t="s">
        <v>207847</v>
      </c>
      <c r="C64026" s="1" t="s">
        <v>30</v>
      </c>
      <c r="D64026" s="1" t="s">
        <v>115550</v>
      </c>
      <c r="E64026" s="1" t="s">
        <v>213820</v>
      </c>
      <c r="F64026" s="1" t="s">
        <v>213821</v>
      </c>
      <c r="G64026" s="1" t="s">
        <v>213808</v>
      </c>
      <c r="H64026" s="1" t="s">
        <v>213809</v>
      </c>
      <c r="I64026" s="1" t="s">
        <v>207852</v>
      </c>
      <c r="J64026" s="1" t="s">
        <v>213822</v>
      </c>
    </row>
    <row r="64027" spans="1:10" x14ac:dyDescent="0.35">
      <c r="A64027" s="1" t="s">
        <v>11763</v>
      </c>
      <c r="B64027" s="1" t="s">
        <v>207847</v>
      </c>
      <c r="C64027" s="1" t="s">
        <v>35</v>
      </c>
      <c r="D64027" s="1" t="s">
        <v>45193</v>
      </c>
      <c r="E64027" s="1" t="s">
        <v>213823</v>
      </c>
      <c r="F64027" s="1" t="s">
        <v>213824</v>
      </c>
      <c r="G64027" s="1" t="s">
        <v>213808</v>
      </c>
      <c r="H64027" s="1" t="s">
        <v>213809</v>
      </c>
      <c r="I64027" s="1" t="s">
        <v>207852</v>
      </c>
      <c r="J64027" s="1" t="s">
        <v>213825</v>
      </c>
    </row>
    <row r="64028" spans="1:10" x14ac:dyDescent="0.35">
      <c r="A64028" s="1" t="s">
        <v>11763</v>
      </c>
      <c r="B64028" s="1" t="s">
        <v>207847</v>
      </c>
      <c r="C64028" s="1" t="s">
        <v>40</v>
      </c>
      <c r="D64028" s="1" t="s">
        <v>155180</v>
      </c>
      <c r="E64028" s="1" t="s">
        <v>213826</v>
      </c>
      <c r="F64028" s="1" t="s">
        <v>213827</v>
      </c>
      <c r="G64028" s="1" t="s">
        <v>213808</v>
      </c>
      <c r="H64028" s="1" t="s">
        <v>213809</v>
      </c>
      <c r="I64028" s="1" t="s">
        <v>207852</v>
      </c>
      <c r="J64028" s="1" t="s">
        <v>213828</v>
      </c>
    </row>
    <row r="64029" spans="1:10" x14ac:dyDescent="0.35">
      <c r="A64029" s="1" t="s">
        <v>11763</v>
      </c>
      <c r="B64029" s="1" t="s">
        <v>207847</v>
      </c>
      <c r="C64029" s="1" t="s">
        <v>45</v>
      </c>
      <c r="D64029" s="1" t="s">
        <v>213829</v>
      </c>
      <c r="E64029" s="1" t="s">
        <v>213830</v>
      </c>
      <c r="F64029" s="1" t="s">
        <v>213831</v>
      </c>
      <c r="G64029" s="1" t="s">
        <v>213808</v>
      </c>
      <c r="H64029" s="1" t="s">
        <v>213809</v>
      </c>
      <c r="I64029" s="1" t="s">
        <v>207852</v>
      </c>
      <c r="J64029" s="1" t="s">
        <v>213832</v>
      </c>
    </row>
    <row r="64030" spans="1:10" x14ac:dyDescent="0.35">
      <c r="A64030" s="1" t="s">
        <v>11763</v>
      </c>
      <c r="B64030" s="1" t="s">
        <v>207847</v>
      </c>
      <c r="C64030" s="1" t="s">
        <v>50</v>
      </c>
      <c r="D64030" s="1" t="s">
        <v>18263</v>
      </c>
      <c r="E64030" s="1" t="s">
        <v>213833</v>
      </c>
      <c r="F64030" s="1" t="s">
        <v>213834</v>
      </c>
      <c r="G64030" s="1" t="s">
        <v>213808</v>
      </c>
      <c r="H64030" s="1" t="s">
        <v>213809</v>
      </c>
      <c r="I64030" s="1" t="s">
        <v>207852</v>
      </c>
      <c r="J64030" s="1" t="s">
        <v>213835</v>
      </c>
    </row>
    <row r="64031" spans="1:10" x14ac:dyDescent="0.35">
      <c r="A64031" s="1" t="s">
        <v>11763</v>
      </c>
      <c r="B64031" s="1" t="s">
        <v>207847</v>
      </c>
      <c r="C64031" s="1" t="s">
        <v>55</v>
      </c>
      <c r="D64031" s="1" t="s">
        <v>213836</v>
      </c>
      <c r="E64031" s="1" t="s">
        <v>213837</v>
      </c>
      <c r="F64031" s="1" t="s">
        <v>213838</v>
      </c>
      <c r="G64031" s="1" t="s">
        <v>213808</v>
      </c>
      <c r="H64031" s="1" t="s">
        <v>213809</v>
      </c>
      <c r="I64031" s="1" t="s">
        <v>207852</v>
      </c>
      <c r="J64031" s="1" t="s">
        <v>213839</v>
      </c>
    </row>
    <row r="64032" spans="1:10" x14ac:dyDescent="0.35">
      <c r="A64032" s="1" t="s">
        <v>11763</v>
      </c>
      <c r="B64032" s="1" t="s">
        <v>207847</v>
      </c>
      <c r="C64032" s="1" t="s">
        <v>60</v>
      </c>
      <c r="D64032" s="1" t="s">
        <v>47892</v>
      </c>
      <c r="E64032" s="1" t="s">
        <v>213840</v>
      </c>
      <c r="F64032" s="1" t="s">
        <v>213841</v>
      </c>
      <c r="G64032" s="1" t="s">
        <v>213808</v>
      </c>
      <c r="H64032" s="1" t="s">
        <v>213809</v>
      </c>
      <c r="I64032" s="1" t="s">
        <v>207852</v>
      </c>
      <c r="J64032" s="1" t="s">
        <v>213842</v>
      </c>
    </row>
    <row r="64033" spans="1:10" x14ac:dyDescent="0.35">
      <c r="A64033" s="1" t="s">
        <v>11763</v>
      </c>
      <c r="B64033" s="1" t="s">
        <v>207847</v>
      </c>
      <c r="C64033" s="1" t="s">
        <v>65</v>
      </c>
      <c r="D64033" s="1" t="s">
        <v>19848</v>
      </c>
      <c r="E64033" s="1" t="s">
        <v>213843</v>
      </c>
      <c r="F64033" s="1" t="s">
        <v>213844</v>
      </c>
      <c r="G64033" s="1" t="s">
        <v>213808</v>
      </c>
      <c r="H64033" s="1" t="s">
        <v>213809</v>
      </c>
      <c r="I64033" s="1" t="s">
        <v>207852</v>
      </c>
      <c r="J64033" s="1" t="s">
        <v>213845</v>
      </c>
    </row>
    <row r="64034" spans="1:10" x14ac:dyDescent="0.35">
      <c r="A64034" s="1" t="s">
        <v>11763</v>
      </c>
      <c r="B64034" s="1" t="s">
        <v>207847</v>
      </c>
      <c r="C64034" s="1" t="s">
        <v>70</v>
      </c>
      <c r="D64034" s="1" t="s">
        <v>178155</v>
      </c>
      <c r="E64034" s="1" t="s">
        <v>213846</v>
      </c>
      <c r="F64034" s="1" t="s">
        <v>213847</v>
      </c>
      <c r="G64034" s="1" t="s">
        <v>213808</v>
      </c>
      <c r="H64034" s="1" t="s">
        <v>213809</v>
      </c>
      <c r="I64034" s="1" t="s">
        <v>207852</v>
      </c>
      <c r="J64034" s="1" t="s">
        <v>213848</v>
      </c>
    </row>
    <row r="64035" spans="1:10" x14ac:dyDescent="0.35">
      <c r="A64035" s="1" t="s">
        <v>11763</v>
      </c>
      <c r="B64035" s="1" t="s">
        <v>207847</v>
      </c>
      <c r="C64035" s="1" t="s">
        <v>75</v>
      </c>
      <c r="D64035" s="1" t="s">
        <v>213849</v>
      </c>
      <c r="E64035" s="1" t="s">
        <v>213850</v>
      </c>
      <c r="F64035" s="1" t="s">
        <v>213851</v>
      </c>
      <c r="G64035" s="1" t="s">
        <v>213808</v>
      </c>
      <c r="H64035" s="1" t="s">
        <v>213809</v>
      </c>
      <c r="I64035" s="1" t="s">
        <v>207852</v>
      </c>
      <c r="J64035" s="1" t="s">
        <v>213852</v>
      </c>
    </row>
    <row r="64036" spans="1:10" x14ac:dyDescent="0.35">
      <c r="A64036" s="1" t="s">
        <v>11763</v>
      </c>
      <c r="B64036" s="1" t="s">
        <v>207847</v>
      </c>
      <c r="C64036" s="1" t="s">
        <v>80</v>
      </c>
      <c r="D64036" s="1" t="s">
        <v>33253</v>
      </c>
      <c r="E64036" s="1" t="s">
        <v>213853</v>
      </c>
      <c r="F64036" s="1" t="s">
        <v>213854</v>
      </c>
      <c r="G64036" s="1" t="s">
        <v>213808</v>
      </c>
      <c r="H64036" s="1" t="s">
        <v>213809</v>
      </c>
      <c r="I64036" s="1" t="s">
        <v>207852</v>
      </c>
      <c r="J64036" s="1" t="s">
        <v>213855</v>
      </c>
    </row>
    <row r="64037" spans="1:10" x14ac:dyDescent="0.35">
      <c r="A64037" s="1" t="s">
        <v>11763</v>
      </c>
      <c r="B64037" s="1" t="s">
        <v>207847</v>
      </c>
      <c r="C64037" s="1" t="s">
        <v>85</v>
      </c>
      <c r="D64037" s="1" t="s">
        <v>48135</v>
      </c>
      <c r="E64037" s="1" t="s">
        <v>213856</v>
      </c>
      <c r="F64037" s="1" t="s">
        <v>213857</v>
      </c>
      <c r="G64037" s="1" t="s">
        <v>213808</v>
      </c>
      <c r="H64037" s="1" t="s">
        <v>213809</v>
      </c>
      <c r="I64037" s="1" t="s">
        <v>207852</v>
      </c>
      <c r="J64037" s="1" t="s">
        <v>213858</v>
      </c>
    </row>
    <row r="64038" spans="1:10" x14ac:dyDescent="0.35">
      <c r="A64038" s="1" t="s">
        <v>11763</v>
      </c>
      <c r="B64038" s="1" t="s">
        <v>207847</v>
      </c>
      <c r="C64038" s="1" t="s">
        <v>90</v>
      </c>
      <c r="D64038" s="1" t="s">
        <v>113083</v>
      </c>
      <c r="E64038" s="1" t="s">
        <v>213859</v>
      </c>
      <c r="F64038" s="1" t="s">
        <v>213860</v>
      </c>
      <c r="G64038" s="1" t="s">
        <v>213808</v>
      </c>
      <c r="H64038" s="1" t="s">
        <v>213809</v>
      </c>
      <c r="I64038" s="1" t="s">
        <v>207852</v>
      </c>
      <c r="J64038" s="1" t="s">
        <v>213861</v>
      </c>
    </row>
    <row r="64039" spans="1:10" x14ac:dyDescent="0.35">
      <c r="A64039" s="1" t="s">
        <v>11763</v>
      </c>
      <c r="B64039" s="1" t="s">
        <v>207847</v>
      </c>
      <c r="C64039" s="1" t="s">
        <v>95</v>
      </c>
      <c r="D64039" s="1" t="s">
        <v>31213</v>
      </c>
      <c r="E64039" s="1" t="s">
        <v>213862</v>
      </c>
      <c r="F64039" s="1" t="s">
        <v>213863</v>
      </c>
      <c r="G64039" s="1" t="s">
        <v>213808</v>
      </c>
      <c r="H64039" s="1" t="s">
        <v>213809</v>
      </c>
      <c r="I64039" s="1" t="s">
        <v>207852</v>
      </c>
      <c r="J64039" s="1" t="s">
        <v>213864</v>
      </c>
    </row>
    <row r="64040" spans="1:10" x14ac:dyDescent="0.35">
      <c r="A64040" s="1" t="s">
        <v>11763</v>
      </c>
      <c r="B64040" s="1" t="s">
        <v>207847</v>
      </c>
      <c r="C64040" s="1" t="s">
        <v>100</v>
      </c>
      <c r="D64040" s="1" t="s">
        <v>113588</v>
      </c>
      <c r="E64040" s="1" t="s">
        <v>213865</v>
      </c>
      <c r="F64040" s="1" t="s">
        <v>213866</v>
      </c>
      <c r="G64040" s="1" t="s">
        <v>213808</v>
      </c>
      <c r="H64040" s="1" t="s">
        <v>213809</v>
      </c>
      <c r="I64040" s="1" t="s">
        <v>207852</v>
      </c>
      <c r="J64040" s="1" t="s">
        <v>213867</v>
      </c>
    </row>
    <row r="64041" spans="1:10" x14ac:dyDescent="0.35">
      <c r="A64041" s="1" t="s">
        <v>11763</v>
      </c>
      <c r="B64041" s="1" t="s">
        <v>207847</v>
      </c>
      <c r="C64041" s="1" t="s">
        <v>105</v>
      </c>
      <c r="D64041" s="1" t="s">
        <v>186168</v>
      </c>
      <c r="E64041" s="1" t="s">
        <v>213868</v>
      </c>
      <c r="F64041" s="1" t="s">
        <v>213869</v>
      </c>
      <c r="G64041" s="1" t="s">
        <v>213808</v>
      </c>
      <c r="H64041" s="1" t="s">
        <v>213809</v>
      </c>
      <c r="I64041" s="1" t="s">
        <v>207852</v>
      </c>
      <c r="J64041" s="1" t="s">
        <v>213870</v>
      </c>
    </row>
    <row r="64042" spans="1:10" x14ac:dyDescent="0.35">
      <c r="A64042" s="1" t="s">
        <v>11763</v>
      </c>
      <c r="B64042" s="1" t="s">
        <v>207847</v>
      </c>
      <c r="C64042" s="1" t="s">
        <v>110</v>
      </c>
      <c r="D64042" s="1" t="s">
        <v>213871</v>
      </c>
      <c r="E64042" s="1" t="s">
        <v>213872</v>
      </c>
      <c r="F64042" s="1" t="s">
        <v>213873</v>
      </c>
      <c r="G64042" s="1" t="s">
        <v>213808</v>
      </c>
      <c r="H64042" s="1" t="s">
        <v>213809</v>
      </c>
      <c r="I64042" s="1" t="s">
        <v>207852</v>
      </c>
      <c r="J64042" s="1" t="s">
        <v>213874</v>
      </c>
    </row>
    <row r="64043" spans="1:10" x14ac:dyDescent="0.35">
      <c r="A64043" s="1" t="s">
        <v>11763</v>
      </c>
      <c r="B64043" s="1" t="s">
        <v>207847</v>
      </c>
      <c r="C64043" s="1" t="s">
        <v>115</v>
      </c>
      <c r="D64043" s="1" t="s">
        <v>211067</v>
      </c>
      <c r="E64043" s="1" t="s">
        <v>213875</v>
      </c>
      <c r="F64043" s="1" t="s">
        <v>213876</v>
      </c>
      <c r="G64043" s="1" t="s">
        <v>213808</v>
      </c>
      <c r="H64043" s="1" t="s">
        <v>213809</v>
      </c>
      <c r="I64043" s="1" t="s">
        <v>207852</v>
      </c>
      <c r="J64043" s="1" t="s">
        <v>213877</v>
      </c>
    </row>
    <row r="64044" spans="1:10" x14ac:dyDescent="0.35">
      <c r="A64044" s="1" t="s">
        <v>11763</v>
      </c>
      <c r="B64044" s="1" t="s">
        <v>207847</v>
      </c>
      <c r="C64044" s="1" t="s">
        <v>120</v>
      </c>
      <c r="D64044" s="1" t="s">
        <v>31910</v>
      </c>
      <c r="E64044" s="1" t="s">
        <v>213878</v>
      </c>
      <c r="F64044" s="1" t="s">
        <v>213879</v>
      </c>
      <c r="G64044" s="1" t="s">
        <v>213808</v>
      </c>
      <c r="H64044" s="1" t="s">
        <v>213809</v>
      </c>
      <c r="I64044" s="1" t="s">
        <v>207852</v>
      </c>
      <c r="J64044" s="1" t="s">
        <v>213880</v>
      </c>
    </row>
    <row r="64045" spans="1:10" x14ac:dyDescent="0.35">
      <c r="A64045" s="1" t="s">
        <v>11763</v>
      </c>
      <c r="B64045" s="1" t="s">
        <v>207847</v>
      </c>
      <c r="C64045" s="1" t="s">
        <v>125</v>
      </c>
      <c r="D64045" s="1" t="s">
        <v>172690</v>
      </c>
      <c r="E64045" s="1" t="s">
        <v>213881</v>
      </c>
      <c r="F64045" s="1" t="s">
        <v>213882</v>
      </c>
      <c r="G64045" s="1" t="s">
        <v>213808</v>
      </c>
      <c r="H64045" s="1" t="s">
        <v>213809</v>
      </c>
      <c r="I64045" s="1" t="s">
        <v>207852</v>
      </c>
      <c r="J64045" s="1" t="s">
        <v>213883</v>
      </c>
    </row>
    <row r="64046" spans="1:10" x14ac:dyDescent="0.35">
      <c r="A64046" s="1" t="s">
        <v>11763</v>
      </c>
      <c r="B64046" s="1" t="s">
        <v>207847</v>
      </c>
      <c r="C64046" s="1" t="s">
        <v>130</v>
      </c>
      <c r="D64046" s="1" t="s">
        <v>213884</v>
      </c>
      <c r="E64046" s="1" t="s">
        <v>213885</v>
      </c>
      <c r="F64046" s="1" t="s">
        <v>213886</v>
      </c>
      <c r="G64046" s="1" t="s">
        <v>213808</v>
      </c>
      <c r="H64046" s="1" t="s">
        <v>213809</v>
      </c>
      <c r="I64046" s="1" t="s">
        <v>207852</v>
      </c>
      <c r="J64046" s="1" t="s">
        <v>213887</v>
      </c>
    </row>
    <row r="64047" spans="1:10" x14ac:dyDescent="0.35">
      <c r="A64047" s="1" t="s">
        <v>11763</v>
      </c>
      <c r="B64047" s="1" t="s">
        <v>207847</v>
      </c>
      <c r="C64047" s="1" t="s">
        <v>135</v>
      </c>
      <c r="D64047" s="1" t="s">
        <v>178707</v>
      </c>
      <c r="E64047" s="1" t="s">
        <v>213888</v>
      </c>
      <c r="F64047" s="1" t="s">
        <v>213889</v>
      </c>
      <c r="G64047" s="1" t="s">
        <v>213808</v>
      </c>
      <c r="H64047" s="1" t="s">
        <v>213809</v>
      </c>
      <c r="I64047" s="1" t="s">
        <v>207852</v>
      </c>
      <c r="J64047" s="1" t="s">
        <v>213890</v>
      </c>
    </row>
    <row r="64048" spans="1:10" x14ac:dyDescent="0.35">
      <c r="A64048" s="1" t="s">
        <v>11763</v>
      </c>
      <c r="B64048" s="1" t="s">
        <v>207847</v>
      </c>
      <c r="C64048" s="1" t="s">
        <v>140</v>
      </c>
      <c r="D64048" s="1" t="s">
        <v>213891</v>
      </c>
      <c r="E64048" s="1" t="s">
        <v>213892</v>
      </c>
      <c r="F64048" s="1" t="s">
        <v>213893</v>
      </c>
      <c r="G64048" s="1" t="s">
        <v>213808</v>
      </c>
      <c r="H64048" s="1" t="s">
        <v>213809</v>
      </c>
      <c r="I64048" s="1" t="s">
        <v>207852</v>
      </c>
      <c r="J64048" s="1" t="s">
        <v>213894</v>
      </c>
    </row>
    <row r="64049" spans="1:10" x14ac:dyDescent="0.35">
      <c r="A64049" s="1" t="s">
        <v>11763</v>
      </c>
      <c r="B64049" s="1" t="s">
        <v>207847</v>
      </c>
      <c r="C64049" s="1" t="s">
        <v>145</v>
      </c>
      <c r="D64049" s="1" t="s">
        <v>9145</v>
      </c>
      <c r="E64049" s="1" t="s">
        <v>213895</v>
      </c>
      <c r="F64049" s="1" t="s">
        <v>213896</v>
      </c>
      <c r="G64049" s="1" t="s">
        <v>213808</v>
      </c>
      <c r="H64049" s="1" t="s">
        <v>213809</v>
      </c>
      <c r="I64049" s="1" t="s">
        <v>207852</v>
      </c>
      <c r="J64049" s="1" t="s">
        <v>213897</v>
      </c>
    </row>
    <row r="64050" spans="1:10" x14ac:dyDescent="0.35">
      <c r="A64050" s="1" t="s">
        <v>11763</v>
      </c>
      <c r="B64050" s="1" t="s">
        <v>207847</v>
      </c>
      <c r="C64050" s="1" t="s">
        <v>150</v>
      </c>
      <c r="D64050" s="1" t="s">
        <v>3324</v>
      </c>
      <c r="E64050" s="1" t="s">
        <v>213898</v>
      </c>
      <c r="F64050" s="1" t="s">
        <v>213899</v>
      </c>
      <c r="G64050" s="1" t="s">
        <v>213808</v>
      </c>
      <c r="H64050" s="1" t="s">
        <v>213809</v>
      </c>
      <c r="I64050" s="1" t="s">
        <v>207852</v>
      </c>
      <c r="J64050" s="1" t="s">
        <v>213900</v>
      </c>
    </row>
    <row r="64051" spans="1:10" x14ac:dyDescent="0.35">
      <c r="A64051" s="1" t="s">
        <v>11763</v>
      </c>
      <c r="B64051" s="1" t="s">
        <v>207847</v>
      </c>
      <c r="C64051" s="1" t="s">
        <v>155</v>
      </c>
      <c r="D64051" s="1" t="s">
        <v>63626</v>
      </c>
      <c r="E64051" s="1" t="s">
        <v>213901</v>
      </c>
      <c r="F64051" s="1" t="s">
        <v>213902</v>
      </c>
      <c r="G64051" s="1" t="s">
        <v>213808</v>
      </c>
      <c r="H64051" s="1" t="s">
        <v>213809</v>
      </c>
      <c r="I64051" s="1" t="s">
        <v>207852</v>
      </c>
      <c r="J64051" s="1" t="s">
        <v>213903</v>
      </c>
    </row>
    <row r="64052" spans="1:10" x14ac:dyDescent="0.35">
      <c r="A64052" s="1" t="s">
        <v>11763</v>
      </c>
      <c r="B64052" s="1" t="s">
        <v>207847</v>
      </c>
      <c r="C64052" s="1" t="s">
        <v>160</v>
      </c>
      <c r="D64052" s="1" t="s">
        <v>213904</v>
      </c>
      <c r="E64052" s="1" t="s">
        <v>213905</v>
      </c>
      <c r="F64052" s="1" t="s">
        <v>213906</v>
      </c>
      <c r="G64052" s="1" t="s">
        <v>213808</v>
      </c>
      <c r="H64052" s="1" t="s">
        <v>213809</v>
      </c>
      <c r="I64052" s="1" t="s">
        <v>207852</v>
      </c>
      <c r="J64052" s="1" t="s">
        <v>213907</v>
      </c>
    </row>
    <row r="64053" spans="1:10" x14ac:dyDescent="0.35">
      <c r="A64053" s="1" t="s">
        <v>11763</v>
      </c>
      <c r="B64053" s="1" t="s">
        <v>207847</v>
      </c>
      <c r="C64053" s="1" t="s">
        <v>165</v>
      </c>
      <c r="D64053" s="1" t="s">
        <v>213908</v>
      </c>
      <c r="E64053" s="1" t="s">
        <v>213909</v>
      </c>
      <c r="F64053" s="1" t="s">
        <v>213910</v>
      </c>
      <c r="G64053" s="1" t="s">
        <v>213808</v>
      </c>
      <c r="H64053" s="1" t="s">
        <v>213809</v>
      </c>
      <c r="I64053" s="1" t="s">
        <v>207852</v>
      </c>
      <c r="J64053" s="1" t="s">
        <v>213911</v>
      </c>
    </row>
    <row r="64054" spans="1:10" x14ac:dyDescent="0.35">
      <c r="A64054" s="1" t="s">
        <v>11763</v>
      </c>
      <c r="B64054" s="1" t="s">
        <v>207847</v>
      </c>
      <c r="C64054" s="1" t="s">
        <v>170</v>
      </c>
      <c r="D64054" s="1" t="s">
        <v>79767</v>
      </c>
      <c r="E64054" s="1" t="s">
        <v>213912</v>
      </c>
      <c r="F64054" s="1" t="s">
        <v>213913</v>
      </c>
      <c r="G64054" s="1" t="s">
        <v>213808</v>
      </c>
      <c r="H64054" s="1" t="s">
        <v>213809</v>
      </c>
      <c r="I64054" s="1" t="s">
        <v>207852</v>
      </c>
      <c r="J64054" s="1" t="s">
        <v>213914</v>
      </c>
    </row>
    <row r="64055" spans="1:10" x14ac:dyDescent="0.35">
      <c r="A64055" s="1" t="s">
        <v>143505</v>
      </c>
      <c r="B64055" s="1" t="s">
        <v>207847</v>
      </c>
      <c r="C64055" s="1" t="s">
        <v>8</v>
      </c>
      <c r="D64055" s="1" t="s">
        <v>48102</v>
      </c>
      <c r="E64055" s="1" t="s">
        <v>213915</v>
      </c>
      <c r="F64055" s="1" t="s">
        <v>213916</v>
      </c>
      <c r="G64055" s="1" t="s">
        <v>213917</v>
      </c>
      <c r="H64055" s="1" t="s">
        <v>213918</v>
      </c>
      <c r="I64055" s="1" t="s">
        <v>207852</v>
      </c>
      <c r="J64055" s="1" t="s">
        <v>13</v>
      </c>
    </row>
    <row r="64056" spans="1:10" x14ac:dyDescent="0.35">
      <c r="A64056" s="1" t="s">
        <v>143505</v>
      </c>
      <c r="B64056" s="1" t="s">
        <v>207847</v>
      </c>
      <c r="C64056" s="1" t="s">
        <v>15</v>
      </c>
      <c r="D64056" s="1" t="s">
        <v>187923</v>
      </c>
      <c r="E64056" s="1" t="s">
        <v>213919</v>
      </c>
      <c r="F64056" s="1" t="s">
        <v>213920</v>
      </c>
      <c r="G64056" s="1" t="s">
        <v>213917</v>
      </c>
      <c r="H64056" s="1" t="s">
        <v>213918</v>
      </c>
      <c r="I64056" s="1" t="s">
        <v>207852</v>
      </c>
      <c r="J64056" s="1" t="s">
        <v>213921</v>
      </c>
    </row>
    <row r="64057" spans="1:10" x14ac:dyDescent="0.35">
      <c r="A64057" s="1" t="s">
        <v>143505</v>
      </c>
      <c r="B64057" s="1" t="s">
        <v>207847</v>
      </c>
      <c r="C64057" s="1" t="s">
        <v>20</v>
      </c>
      <c r="D64057" s="1" t="s">
        <v>213922</v>
      </c>
      <c r="E64057" s="1" t="s">
        <v>213923</v>
      </c>
      <c r="F64057" s="1" t="s">
        <v>213924</v>
      </c>
      <c r="G64057" s="1" t="s">
        <v>213917</v>
      </c>
      <c r="H64057" s="1" t="s">
        <v>213918</v>
      </c>
      <c r="I64057" s="1" t="s">
        <v>207852</v>
      </c>
      <c r="J64057" s="1" t="s">
        <v>213925</v>
      </c>
    </row>
    <row r="64058" spans="1:10" x14ac:dyDescent="0.35">
      <c r="A64058" s="1" t="s">
        <v>143505</v>
      </c>
      <c r="B64058" s="1" t="s">
        <v>207847</v>
      </c>
      <c r="C64058" s="1" t="s">
        <v>25</v>
      </c>
      <c r="D64058" s="1" t="s">
        <v>189216</v>
      </c>
      <c r="E64058" s="1" t="s">
        <v>213926</v>
      </c>
      <c r="F64058" s="1" t="s">
        <v>213927</v>
      </c>
      <c r="G64058" s="1" t="s">
        <v>213917</v>
      </c>
      <c r="H64058" s="1" t="s">
        <v>213918</v>
      </c>
      <c r="I64058" s="1" t="s">
        <v>207852</v>
      </c>
      <c r="J64058" s="1" t="s">
        <v>213928</v>
      </c>
    </row>
    <row r="64059" spans="1:10" x14ac:dyDescent="0.35">
      <c r="A64059" s="1" t="s">
        <v>143505</v>
      </c>
      <c r="B64059" s="1" t="s">
        <v>207847</v>
      </c>
      <c r="C64059" s="1" t="s">
        <v>30</v>
      </c>
      <c r="D64059" s="1" t="s">
        <v>155910</v>
      </c>
      <c r="E64059" s="1" t="s">
        <v>213929</v>
      </c>
      <c r="F64059" s="1" t="s">
        <v>213930</v>
      </c>
      <c r="G64059" s="1" t="s">
        <v>213917</v>
      </c>
      <c r="H64059" s="1" t="s">
        <v>213918</v>
      </c>
      <c r="I64059" s="1" t="s">
        <v>207852</v>
      </c>
      <c r="J64059" s="1" t="s">
        <v>213931</v>
      </c>
    </row>
    <row r="64060" spans="1:10" x14ac:dyDescent="0.35">
      <c r="A64060" s="1" t="s">
        <v>143505</v>
      </c>
      <c r="B64060" s="1" t="s">
        <v>207847</v>
      </c>
      <c r="C64060" s="1" t="s">
        <v>35</v>
      </c>
      <c r="D64060" s="1" t="s">
        <v>144839</v>
      </c>
      <c r="E64060" s="1" t="s">
        <v>213932</v>
      </c>
      <c r="F64060" s="1" t="s">
        <v>213933</v>
      </c>
      <c r="G64060" s="1" t="s">
        <v>213917</v>
      </c>
      <c r="H64060" s="1" t="s">
        <v>213918</v>
      </c>
      <c r="I64060" s="1" t="s">
        <v>207852</v>
      </c>
      <c r="J64060" s="1" t="s">
        <v>213934</v>
      </c>
    </row>
    <row r="64061" spans="1:10" x14ac:dyDescent="0.35">
      <c r="A64061" s="1" t="s">
        <v>143505</v>
      </c>
      <c r="B64061" s="1" t="s">
        <v>207847</v>
      </c>
      <c r="C64061" s="1" t="s">
        <v>40</v>
      </c>
      <c r="D64061" s="1" t="s">
        <v>111322</v>
      </c>
      <c r="E64061" s="1" t="s">
        <v>213935</v>
      </c>
      <c r="F64061" s="1" t="s">
        <v>213936</v>
      </c>
      <c r="G64061" s="1" t="s">
        <v>213917</v>
      </c>
      <c r="H64061" s="1" t="s">
        <v>213918</v>
      </c>
      <c r="I64061" s="1" t="s">
        <v>207852</v>
      </c>
      <c r="J64061" s="1" t="s">
        <v>213937</v>
      </c>
    </row>
    <row r="64062" spans="1:10" x14ac:dyDescent="0.35">
      <c r="A64062" s="1" t="s">
        <v>143505</v>
      </c>
      <c r="B64062" s="1" t="s">
        <v>207847</v>
      </c>
      <c r="C64062" s="1" t="s">
        <v>45</v>
      </c>
      <c r="D64062" s="1" t="s">
        <v>150124</v>
      </c>
      <c r="E64062" s="1" t="s">
        <v>213938</v>
      </c>
      <c r="F64062" s="1" t="s">
        <v>213939</v>
      </c>
      <c r="G64062" s="1" t="s">
        <v>213917</v>
      </c>
      <c r="H64062" s="1" t="s">
        <v>213918</v>
      </c>
      <c r="I64062" s="1" t="s">
        <v>207852</v>
      </c>
      <c r="J64062" s="1" t="s">
        <v>213940</v>
      </c>
    </row>
    <row r="64063" spans="1:10" x14ac:dyDescent="0.35">
      <c r="A64063" s="1" t="s">
        <v>143505</v>
      </c>
      <c r="B64063" s="1" t="s">
        <v>207847</v>
      </c>
      <c r="C64063" s="1" t="s">
        <v>50</v>
      </c>
      <c r="D64063" s="1" t="s">
        <v>13247</v>
      </c>
      <c r="E64063" s="1" t="s">
        <v>213941</v>
      </c>
      <c r="F64063" s="1" t="s">
        <v>213942</v>
      </c>
      <c r="G64063" s="1" t="s">
        <v>213917</v>
      </c>
      <c r="H64063" s="1" t="s">
        <v>213918</v>
      </c>
      <c r="I64063" s="1" t="s">
        <v>207852</v>
      </c>
      <c r="J64063" s="1" t="s">
        <v>213943</v>
      </c>
    </row>
    <row r="64064" spans="1:10" x14ac:dyDescent="0.35">
      <c r="A64064" s="1" t="s">
        <v>143505</v>
      </c>
      <c r="B64064" s="1" t="s">
        <v>207847</v>
      </c>
      <c r="C64064" s="1" t="s">
        <v>55</v>
      </c>
      <c r="D64064" s="1" t="s">
        <v>16412</v>
      </c>
      <c r="E64064" s="1" t="s">
        <v>213944</v>
      </c>
      <c r="F64064" s="1" t="s">
        <v>213945</v>
      </c>
      <c r="G64064" s="1" t="s">
        <v>213917</v>
      </c>
      <c r="H64064" s="1" t="s">
        <v>213918</v>
      </c>
      <c r="I64064" s="1" t="s">
        <v>207852</v>
      </c>
      <c r="J64064" s="1" t="s">
        <v>213946</v>
      </c>
    </row>
    <row r="64065" spans="1:10" x14ac:dyDescent="0.35">
      <c r="A64065" s="1" t="s">
        <v>143505</v>
      </c>
      <c r="B64065" s="1" t="s">
        <v>207847</v>
      </c>
      <c r="C64065" s="1" t="s">
        <v>60</v>
      </c>
      <c r="D64065" s="1" t="s">
        <v>155753</v>
      </c>
      <c r="E64065" s="1" t="s">
        <v>213947</v>
      </c>
      <c r="F64065" s="1" t="s">
        <v>213948</v>
      </c>
      <c r="G64065" s="1" t="s">
        <v>213917</v>
      </c>
      <c r="H64065" s="1" t="s">
        <v>213918</v>
      </c>
      <c r="I64065" s="1" t="s">
        <v>207852</v>
      </c>
      <c r="J64065" s="1" t="s">
        <v>213949</v>
      </c>
    </row>
    <row r="64066" spans="1:10" x14ac:dyDescent="0.35">
      <c r="A64066" s="1" t="s">
        <v>143505</v>
      </c>
      <c r="B64066" s="1" t="s">
        <v>207847</v>
      </c>
      <c r="C64066" s="1" t="s">
        <v>65</v>
      </c>
      <c r="D64066" s="1" t="s">
        <v>213950</v>
      </c>
      <c r="E64066" s="1" t="s">
        <v>213951</v>
      </c>
      <c r="F64066" s="1" t="s">
        <v>213952</v>
      </c>
      <c r="G64066" s="1" t="s">
        <v>213917</v>
      </c>
      <c r="H64066" s="1" t="s">
        <v>213918</v>
      </c>
      <c r="I64066" s="1" t="s">
        <v>207852</v>
      </c>
      <c r="J64066" s="1" t="s">
        <v>213953</v>
      </c>
    </row>
    <row r="64067" spans="1:10" x14ac:dyDescent="0.35">
      <c r="A64067" s="1" t="s">
        <v>143505</v>
      </c>
      <c r="B64067" s="1" t="s">
        <v>207847</v>
      </c>
      <c r="C64067" s="1" t="s">
        <v>70</v>
      </c>
      <c r="D64067" s="1" t="s">
        <v>48958</v>
      </c>
      <c r="E64067" s="1" t="s">
        <v>213954</v>
      </c>
      <c r="F64067" s="1" t="s">
        <v>213955</v>
      </c>
      <c r="G64067" s="1" t="s">
        <v>213917</v>
      </c>
      <c r="H64067" s="1" t="s">
        <v>213918</v>
      </c>
      <c r="I64067" s="1" t="s">
        <v>207852</v>
      </c>
      <c r="J64067" s="1" t="s">
        <v>213956</v>
      </c>
    </row>
    <row r="64068" spans="1:10" x14ac:dyDescent="0.35">
      <c r="A64068" s="1" t="s">
        <v>143505</v>
      </c>
      <c r="B64068" s="1" t="s">
        <v>207847</v>
      </c>
      <c r="C64068" s="1" t="s">
        <v>75</v>
      </c>
      <c r="D64068" s="1" t="s">
        <v>173853</v>
      </c>
      <c r="E64068" s="1" t="s">
        <v>213957</v>
      </c>
      <c r="F64068" s="1" t="s">
        <v>213958</v>
      </c>
      <c r="G64068" s="1" t="s">
        <v>213917</v>
      </c>
      <c r="H64068" s="1" t="s">
        <v>213918</v>
      </c>
      <c r="I64068" s="1" t="s">
        <v>207852</v>
      </c>
      <c r="J64068" s="1" t="s">
        <v>213959</v>
      </c>
    </row>
    <row r="64069" spans="1:10" x14ac:dyDescent="0.35">
      <c r="A64069" s="1" t="s">
        <v>143505</v>
      </c>
      <c r="B64069" s="1" t="s">
        <v>207847</v>
      </c>
      <c r="C64069" s="1" t="s">
        <v>80</v>
      </c>
      <c r="D64069" s="1" t="s">
        <v>42937</v>
      </c>
      <c r="E64069" s="1" t="s">
        <v>213960</v>
      </c>
      <c r="F64069" s="1" t="s">
        <v>213961</v>
      </c>
      <c r="G64069" s="1" t="s">
        <v>213917</v>
      </c>
      <c r="H64069" s="1" t="s">
        <v>213918</v>
      </c>
      <c r="I64069" s="1" t="s">
        <v>207852</v>
      </c>
      <c r="J64069" s="1" t="s">
        <v>213962</v>
      </c>
    </row>
    <row r="64070" spans="1:10" x14ac:dyDescent="0.35">
      <c r="A64070" s="1" t="s">
        <v>143505</v>
      </c>
      <c r="B64070" s="1" t="s">
        <v>207847</v>
      </c>
      <c r="C64070" s="1" t="s">
        <v>85</v>
      </c>
      <c r="D64070" s="1" t="s">
        <v>213963</v>
      </c>
      <c r="E64070" s="1" t="s">
        <v>213964</v>
      </c>
      <c r="F64070" s="1" t="s">
        <v>213965</v>
      </c>
      <c r="G64070" s="1" t="s">
        <v>213917</v>
      </c>
      <c r="H64070" s="1" t="s">
        <v>213918</v>
      </c>
      <c r="I64070" s="1" t="s">
        <v>207852</v>
      </c>
      <c r="J64070" s="1" t="s">
        <v>213966</v>
      </c>
    </row>
    <row r="64071" spans="1:10" x14ac:dyDescent="0.35">
      <c r="A64071" s="1" t="s">
        <v>143505</v>
      </c>
      <c r="B64071" s="1" t="s">
        <v>207847</v>
      </c>
      <c r="C64071" s="1" t="s">
        <v>90</v>
      </c>
      <c r="D64071" s="1" t="s">
        <v>213967</v>
      </c>
      <c r="E64071" s="1" t="s">
        <v>12849</v>
      </c>
      <c r="F64071" s="1" t="s">
        <v>213968</v>
      </c>
      <c r="G64071" s="1" t="s">
        <v>213917</v>
      </c>
      <c r="H64071" s="1" t="s">
        <v>213918</v>
      </c>
      <c r="I64071" s="1" t="s">
        <v>207852</v>
      </c>
      <c r="J64071" s="1" t="s">
        <v>213969</v>
      </c>
    </row>
    <row r="64072" spans="1:10" x14ac:dyDescent="0.35">
      <c r="A64072" s="1" t="s">
        <v>143505</v>
      </c>
      <c r="B64072" s="1" t="s">
        <v>207847</v>
      </c>
      <c r="C64072" s="1" t="s">
        <v>95</v>
      </c>
      <c r="D64072" s="1" t="s">
        <v>31796</v>
      </c>
      <c r="E64072" s="1" t="s">
        <v>213970</v>
      </c>
      <c r="F64072" s="1" t="s">
        <v>213971</v>
      </c>
      <c r="G64072" s="1" t="s">
        <v>213917</v>
      </c>
      <c r="H64072" s="1" t="s">
        <v>213918</v>
      </c>
      <c r="I64072" s="1" t="s">
        <v>207852</v>
      </c>
      <c r="J64072" s="1" t="s">
        <v>213972</v>
      </c>
    </row>
    <row r="64073" spans="1:10" x14ac:dyDescent="0.35">
      <c r="A64073" s="1" t="s">
        <v>143505</v>
      </c>
      <c r="B64073" s="1" t="s">
        <v>207847</v>
      </c>
      <c r="C64073" s="1" t="s">
        <v>100</v>
      </c>
      <c r="D64073" s="1" t="s">
        <v>912</v>
      </c>
      <c r="E64073" s="1" t="s">
        <v>213973</v>
      </c>
      <c r="F64073" s="1" t="s">
        <v>213974</v>
      </c>
      <c r="G64073" s="1" t="s">
        <v>213917</v>
      </c>
      <c r="H64073" s="1" t="s">
        <v>213918</v>
      </c>
      <c r="I64073" s="1" t="s">
        <v>207852</v>
      </c>
      <c r="J64073" s="1" t="s">
        <v>213975</v>
      </c>
    </row>
    <row r="64074" spans="1:10" x14ac:dyDescent="0.35">
      <c r="A64074" s="1" t="s">
        <v>143505</v>
      </c>
      <c r="B64074" s="1" t="s">
        <v>207847</v>
      </c>
      <c r="C64074" s="1" t="s">
        <v>105</v>
      </c>
      <c r="D64074" s="1" t="s">
        <v>176811</v>
      </c>
      <c r="E64074" s="1" t="s">
        <v>213976</v>
      </c>
      <c r="F64074" s="1" t="s">
        <v>213977</v>
      </c>
      <c r="G64074" s="1" t="s">
        <v>213917</v>
      </c>
      <c r="H64074" s="1" t="s">
        <v>213918</v>
      </c>
      <c r="I64074" s="1" t="s">
        <v>207852</v>
      </c>
      <c r="J64074" s="1" t="s">
        <v>213978</v>
      </c>
    </row>
    <row r="64075" spans="1:10" x14ac:dyDescent="0.35">
      <c r="A64075" s="1" t="s">
        <v>143505</v>
      </c>
      <c r="B64075" s="1" t="s">
        <v>207847</v>
      </c>
      <c r="C64075" s="1" t="s">
        <v>110</v>
      </c>
      <c r="D64075" s="1" t="s">
        <v>15551</v>
      </c>
      <c r="E64075" s="1" t="s">
        <v>213979</v>
      </c>
      <c r="F64075" s="1" t="s">
        <v>213980</v>
      </c>
      <c r="G64075" s="1" t="s">
        <v>213917</v>
      </c>
      <c r="H64075" s="1" t="s">
        <v>213918</v>
      </c>
      <c r="I64075" s="1" t="s">
        <v>207852</v>
      </c>
      <c r="J64075" s="1" t="s">
        <v>213981</v>
      </c>
    </row>
    <row r="64076" spans="1:10" x14ac:dyDescent="0.35">
      <c r="A64076" s="1" t="s">
        <v>143505</v>
      </c>
      <c r="B64076" s="1" t="s">
        <v>207847</v>
      </c>
      <c r="C64076" s="1" t="s">
        <v>115</v>
      </c>
      <c r="D64076" s="1" t="s">
        <v>181329</v>
      </c>
      <c r="E64076" s="1" t="s">
        <v>213982</v>
      </c>
      <c r="F64076" s="1" t="s">
        <v>213983</v>
      </c>
      <c r="G64076" s="1" t="s">
        <v>213917</v>
      </c>
      <c r="H64076" s="1" t="s">
        <v>213918</v>
      </c>
      <c r="I64076" s="1" t="s">
        <v>207852</v>
      </c>
      <c r="J64076" s="1" t="s">
        <v>213984</v>
      </c>
    </row>
    <row r="64077" spans="1:10" x14ac:dyDescent="0.35">
      <c r="A64077" s="1" t="s">
        <v>143505</v>
      </c>
      <c r="B64077" s="1" t="s">
        <v>207847</v>
      </c>
      <c r="C64077" s="1" t="s">
        <v>120</v>
      </c>
      <c r="D64077" s="1" t="s">
        <v>177874</v>
      </c>
      <c r="E64077" s="1" t="s">
        <v>12825</v>
      </c>
      <c r="F64077" s="1" t="s">
        <v>213985</v>
      </c>
      <c r="G64077" s="1" t="s">
        <v>213917</v>
      </c>
      <c r="H64077" s="1" t="s">
        <v>213918</v>
      </c>
      <c r="I64077" s="1" t="s">
        <v>207852</v>
      </c>
      <c r="J64077" s="1" t="s">
        <v>213986</v>
      </c>
    </row>
    <row r="64078" spans="1:10" x14ac:dyDescent="0.35">
      <c r="A64078" s="1" t="s">
        <v>143505</v>
      </c>
      <c r="B64078" s="1" t="s">
        <v>207847</v>
      </c>
      <c r="C64078" s="1" t="s">
        <v>125</v>
      </c>
      <c r="D64078" s="1" t="s">
        <v>213987</v>
      </c>
      <c r="E64078" s="1" t="s">
        <v>213988</v>
      </c>
      <c r="F64078" s="1" t="s">
        <v>213989</v>
      </c>
      <c r="G64078" s="1" t="s">
        <v>213917</v>
      </c>
      <c r="H64078" s="1" t="s">
        <v>213918</v>
      </c>
      <c r="I64078" s="1" t="s">
        <v>207852</v>
      </c>
      <c r="J64078" s="1" t="s">
        <v>213990</v>
      </c>
    </row>
    <row r="64079" spans="1:10" x14ac:dyDescent="0.35">
      <c r="A64079" s="1" t="s">
        <v>143505</v>
      </c>
      <c r="B64079" s="1" t="s">
        <v>207847</v>
      </c>
      <c r="C64079" s="1" t="s">
        <v>130</v>
      </c>
      <c r="D64079" s="1" t="s">
        <v>213991</v>
      </c>
      <c r="E64079" s="1" t="s">
        <v>213992</v>
      </c>
      <c r="F64079" s="1" t="s">
        <v>213993</v>
      </c>
      <c r="G64079" s="1" t="s">
        <v>213917</v>
      </c>
      <c r="H64079" s="1" t="s">
        <v>213918</v>
      </c>
      <c r="I64079" s="1" t="s">
        <v>207852</v>
      </c>
      <c r="J64079" s="1" t="s">
        <v>213994</v>
      </c>
    </row>
    <row r="64080" spans="1:10" x14ac:dyDescent="0.35">
      <c r="A64080" s="1" t="s">
        <v>143505</v>
      </c>
      <c r="B64080" s="1" t="s">
        <v>207847</v>
      </c>
      <c r="C64080" s="1" t="s">
        <v>135</v>
      </c>
      <c r="D64080" s="1" t="s">
        <v>107464</v>
      </c>
      <c r="E64080" s="1" t="s">
        <v>213995</v>
      </c>
      <c r="F64080" s="1" t="s">
        <v>213996</v>
      </c>
      <c r="G64080" s="1" t="s">
        <v>213917</v>
      </c>
      <c r="H64080" s="1" t="s">
        <v>213918</v>
      </c>
      <c r="I64080" s="1" t="s">
        <v>207852</v>
      </c>
      <c r="J64080" s="1" t="s">
        <v>213997</v>
      </c>
    </row>
    <row r="64081" spans="1:10" x14ac:dyDescent="0.35">
      <c r="A64081" s="1" t="s">
        <v>143505</v>
      </c>
      <c r="B64081" s="1" t="s">
        <v>207847</v>
      </c>
      <c r="C64081" s="1" t="s">
        <v>140</v>
      </c>
      <c r="D64081" s="1" t="s">
        <v>213998</v>
      </c>
      <c r="E64081" s="1" t="s">
        <v>213999</v>
      </c>
      <c r="F64081" s="1" t="s">
        <v>214000</v>
      </c>
      <c r="G64081" s="1" t="s">
        <v>213917</v>
      </c>
      <c r="H64081" s="1" t="s">
        <v>213918</v>
      </c>
      <c r="I64081" s="1" t="s">
        <v>207852</v>
      </c>
      <c r="J64081" s="1" t="s">
        <v>214001</v>
      </c>
    </row>
    <row r="64082" spans="1:10" x14ac:dyDescent="0.35">
      <c r="A64082" s="1" t="s">
        <v>143505</v>
      </c>
      <c r="B64082" s="1" t="s">
        <v>207847</v>
      </c>
      <c r="C64082" s="1" t="s">
        <v>145</v>
      </c>
      <c r="D64082" s="1" t="s">
        <v>49632</v>
      </c>
      <c r="E64082" s="1" t="s">
        <v>214002</v>
      </c>
      <c r="F64082" s="1" t="s">
        <v>214003</v>
      </c>
      <c r="G64082" s="1" t="s">
        <v>213917</v>
      </c>
      <c r="H64082" s="1" t="s">
        <v>213918</v>
      </c>
      <c r="I64082" s="1" t="s">
        <v>207852</v>
      </c>
      <c r="J64082" s="1" t="s">
        <v>214004</v>
      </c>
    </row>
    <row r="64083" spans="1:10" x14ac:dyDescent="0.35">
      <c r="A64083" s="1" t="s">
        <v>143505</v>
      </c>
      <c r="B64083" s="1" t="s">
        <v>207847</v>
      </c>
      <c r="C64083" s="1" t="s">
        <v>150</v>
      </c>
      <c r="D64083" s="1" t="s">
        <v>214005</v>
      </c>
      <c r="E64083" s="1" t="s">
        <v>214006</v>
      </c>
      <c r="F64083" s="1" t="s">
        <v>214007</v>
      </c>
      <c r="G64083" s="1" t="s">
        <v>213917</v>
      </c>
      <c r="H64083" s="1" t="s">
        <v>213918</v>
      </c>
      <c r="I64083" s="1" t="s">
        <v>207852</v>
      </c>
      <c r="J64083" s="1" t="s">
        <v>214008</v>
      </c>
    </row>
    <row r="64084" spans="1:10" x14ac:dyDescent="0.35">
      <c r="A64084" s="1" t="s">
        <v>143505</v>
      </c>
      <c r="B64084" s="1" t="s">
        <v>207847</v>
      </c>
      <c r="C64084" s="1" t="s">
        <v>155</v>
      </c>
      <c r="D64084" s="1" t="s">
        <v>214009</v>
      </c>
      <c r="E64084" s="1" t="s">
        <v>214010</v>
      </c>
      <c r="F64084" s="1" t="s">
        <v>214011</v>
      </c>
      <c r="G64084" s="1" t="s">
        <v>213917</v>
      </c>
      <c r="H64084" s="1" t="s">
        <v>213918</v>
      </c>
      <c r="I64084" s="1" t="s">
        <v>207852</v>
      </c>
      <c r="J64084" s="1" t="s">
        <v>214012</v>
      </c>
    </row>
    <row r="64085" spans="1:10" x14ac:dyDescent="0.35">
      <c r="A64085" s="1" t="s">
        <v>143505</v>
      </c>
      <c r="B64085" s="1" t="s">
        <v>207847</v>
      </c>
      <c r="C64085" s="1" t="s">
        <v>160</v>
      </c>
      <c r="D64085" s="1" t="s">
        <v>214013</v>
      </c>
      <c r="E64085" s="1" t="s">
        <v>214014</v>
      </c>
      <c r="F64085" s="1" t="s">
        <v>214015</v>
      </c>
      <c r="G64085" s="1" t="s">
        <v>213917</v>
      </c>
      <c r="H64085" s="1" t="s">
        <v>213918</v>
      </c>
      <c r="I64085" s="1" t="s">
        <v>207852</v>
      </c>
      <c r="J64085" s="1" t="s">
        <v>214016</v>
      </c>
    </row>
    <row r="64086" spans="1:10" x14ac:dyDescent="0.35">
      <c r="A64086" s="1" t="s">
        <v>143505</v>
      </c>
      <c r="B64086" s="1" t="s">
        <v>207847</v>
      </c>
      <c r="C64086" s="1" t="s">
        <v>165</v>
      </c>
      <c r="D64086" s="1" t="s">
        <v>209126</v>
      </c>
      <c r="E64086" s="1" t="s">
        <v>214017</v>
      </c>
      <c r="F64086" s="1" t="s">
        <v>214018</v>
      </c>
      <c r="G64086" s="1" t="s">
        <v>213917</v>
      </c>
      <c r="H64086" s="1" t="s">
        <v>213918</v>
      </c>
      <c r="I64086" s="1" t="s">
        <v>207852</v>
      </c>
      <c r="J64086" s="1" t="s">
        <v>214019</v>
      </c>
    </row>
    <row r="64087" spans="1:10" x14ac:dyDescent="0.35">
      <c r="A64087" s="1" t="s">
        <v>143505</v>
      </c>
      <c r="B64087" s="1" t="s">
        <v>207847</v>
      </c>
      <c r="C64087" s="1" t="s">
        <v>170</v>
      </c>
      <c r="D64087" s="1" t="s">
        <v>106239</v>
      </c>
      <c r="E64087" s="1" t="s">
        <v>214020</v>
      </c>
      <c r="F64087" s="1" t="s">
        <v>214021</v>
      </c>
      <c r="G64087" s="1" t="s">
        <v>213917</v>
      </c>
      <c r="H64087" s="1" t="s">
        <v>213918</v>
      </c>
      <c r="I64087" s="1" t="s">
        <v>207852</v>
      </c>
      <c r="J64087" s="1" t="s">
        <v>214022</v>
      </c>
    </row>
    <row r="64088" spans="1:10" x14ac:dyDescent="0.35">
      <c r="A64088" s="1" t="s">
        <v>112228</v>
      </c>
      <c r="B64088" s="1" t="s">
        <v>207847</v>
      </c>
      <c r="C64088" s="1" t="s">
        <v>8</v>
      </c>
      <c r="D64088" s="1" t="s">
        <v>118001</v>
      </c>
      <c r="E64088" s="1" t="s">
        <v>214023</v>
      </c>
      <c r="F64088" s="1" t="s">
        <v>214024</v>
      </c>
      <c r="G64088" s="1" t="s">
        <v>214025</v>
      </c>
      <c r="H64088" s="1" t="s">
        <v>214026</v>
      </c>
      <c r="I64088" s="1" t="s">
        <v>207852</v>
      </c>
      <c r="J64088" s="1" t="s">
        <v>13</v>
      </c>
    </row>
    <row r="64089" spans="1:10" x14ac:dyDescent="0.35">
      <c r="A64089" s="1" t="s">
        <v>112228</v>
      </c>
      <c r="B64089" s="1" t="s">
        <v>207847</v>
      </c>
      <c r="C64089" s="1" t="s">
        <v>15</v>
      </c>
      <c r="D64089" s="1" t="s">
        <v>151862</v>
      </c>
      <c r="E64089" s="1" t="s">
        <v>214027</v>
      </c>
      <c r="F64089" s="1" t="s">
        <v>214028</v>
      </c>
      <c r="G64089" s="1" t="s">
        <v>214025</v>
      </c>
      <c r="H64089" s="1" t="s">
        <v>214026</v>
      </c>
      <c r="I64089" s="1" t="s">
        <v>207852</v>
      </c>
      <c r="J64089" s="1" t="s">
        <v>214029</v>
      </c>
    </row>
    <row r="64090" spans="1:10" x14ac:dyDescent="0.35">
      <c r="A64090" s="1" t="s">
        <v>112228</v>
      </c>
      <c r="B64090" s="1" t="s">
        <v>207847</v>
      </c>
      <c r="C64090" s="1" t="s">
        <v>20</v>
      </c>
      <c r="D64090" s="1" t="s">
        <v>214030</v>
      </c>
      <c r="E64090" s="1" t="s">
        <v>214031</v>
      </c>
      <c r="F64090" s="1" t="s">
        <v>214032</v>
      </c>
      <c r="G64090" s="1" t="s">
        <v>214025</v>
      </c>
      <c r="H64090" s="1" t="s">
        <v>214026</v>
      </c>
      <c r="I64090" s="1" t="s">
        <v>207852</v>
      </c>
      <c r="J64090" s="1" t="s">
        <v>214033</v>
      </c>
    </row>
    <row r="64091" spans="1:10" x14ac:dyDescent="0.35">
      <c r="A64091" s="1" t="s">
        <v>112228</v>
      </c>
      <c r="B64091" s="1" t="s">
        <v>207847</v>
      </c>
      <c r="C64091" s="1" t="s">
        <v>25</v>
      </c>
      <c r="D64091" s="1" t="s">
        <v>214034</v>
      </c>
      <c r="E64091" s="1" t="s">
        <v>214035</v>
      </c>
      <c r="F64091" s="1" t="s">
        <v>214036</v>
      </c>
      <c r="G64091" s="1" t="s">
        <v>214025</v>
      </c>
      <c r="H64091" s="1" t="s">
        <v>214026</v>
      </c>
      <c r="I64091" s="1" t="s">
        <v>207852</v>
      </c>
      <c r="J64091" s="1" t="s">
        <v>214037</v>
      </c>
    </row>
    <row r="64092" spans="1:10" x14ac:dyDescent="0.35">
      <c r="A64092" s="1" t="s">
        <v>112228</v>
      </c>
      <c r="B64092" s="1" t="s">
        <v>207847</v>
      </c>
      <c r="C64092" s="1" t="s">
        <v>30</v>
      </c>
      <c r="D64092" s="1" t="s">
        <v>170756</v>
      </c>
      <c r="E64092" s="1" t="s">
        <v>214038</v>
      </c>
      <c r="F64092" s="1" t="s">
        <v>214039</v>
      </c>
      <c r="G64092" s="1" t="s">
        <v>214025</v>
      </c>
      <c r="H64092" s="1" t="s">
        <v>214026</v>
      </c>
      <c r="I64092" s="1" t="s">
        <v>207852</v>
      </c>
      <c r="J64092" s="1" t="s">
        <v>214040</v>
      </c>
    </row>
    <row r="64093" spans="1:10" x14ac:dyDescent="0.35">
      <c r="A64093" s="1" t="s">
        <v>112228</v>
      </c>
      <c r="B64093" s="1" t="s">
        <v>207847</v>
      </c>
      <c r="C64093" s="1" t="s">
        <v>35</v>
      </c>
      <c r="D64093" s="1" t="s">
        <v>214041</v>
      </c>
      <c r="E64093" s="1" t="s">
        <v>214042</v>
      </c>
      <c r="F64093" s="1" t="s">
        <v>214043</v>
      </c>
      <c r="G64093" s="1" t="s">
        <v>214025</v>
      </c>
      <c r="H64093" s="1" t="s">
        <v>214026</v>
      </c>
      <c r="I64093" s="1" t="s">
        <v>207852</v>
      </c>
      <c r="J64093" s="1" t="s">
        <v>214044</v>
      </c>
    </row>
    <row r="64094" spans="1:10" x14ac:dyDescent="0.35">
      <c r="A64094" s="1" t="s">
        <v>112228</v>
      </c>
      <c r="B64094" s="1" t="s">
        <v>207847</v>
      </c>
      <c r="C64094" s="1" t="s">
        <v>40</v>
      </c>
      <c r="D64094" s="1" t="s">
        <v>214045</v>
      </c>
      <c r="E64094" s="1" t="s">
        <v>214046</v>
      </c>
      <c r="F64094" s="1" t="s">
        <v>214047</v>
      </c>
      <c r="G64094" s="1" t="s">
        <v>214025</v>
      </c>
      <c r="H64094" s="1" t="s">
        <v>214026</v>
      </c>
      <c r="I64094" s="1" t="s">
        <v>207852</v>
      </c>
      <c r="J64094" s="1" t="s">
        <v>214048</v>
      </c>
    </row>
    <row r="64095" spans="1:10" x14ac:dyDescent="0.35">
      <c r="A64095" s="1" t="s">
        <v>112228</v>
      </c>
      <c r="B64095" s="1" t="s">
        <v>207847</v>
      </c>
      <c r="C64095" s="1" t="s">
        <v>45</v>
      </c>
      <c r="D64095" s="1" t="s">
        <v>125475</v>
      </c>
      <c r="E64095" s="1" t="s">
        <v>214049</v>
      </c>
      <c r="F64095" s="1" t="s">
        <v>214050</v>
      </c>
      <c r="G64095" s="1" t="s">
        <v>214025</v>
      </c>
      <c r="H64095" s="1" t="s">
        <v>214026</v>
      </c>
      <c r="I64095" s="1" t="s">
        <v>207852</v>
      </c>
      <c r="J64095" s="1" t="s">
        <v>214051</v>
      </c>
    </row>
    <row r="64096" spans="1:10" x14ac:dyDescent="0.35">
      <c r="A64096" s="1" t="s">
        <v>112228</v>
      </c>
      <c r="B64096" s="1" t="s">
        <v>207847</v>
      </c>
      <c r="C64096" s="1" t="s">
        <v>50</v>
      </c>
      <c r="D64096" s="1" t="s">
        <v>157871</v>
      </c>
      <c r="E64096" s="1" t="s">
        <v>214052</v>
      </c>
      <c r="F64096" s="1" t="s">
        <v>214053</v>
      </c>
      <c r="G64096" s="1" t="s">
        <v>214025</v>
      </c>
      <c r="H64096" s="1" t="s">
        <v>214026</v>
      </c>
      <c r="I64096" s="1" t="s">
        <v>207852</v>
      </c>
      <c r="J64096" s="1" t="s">
        <v>214054</v>
      </c>
    </row>
    <row r="64097" spans="1:10" x14ac:dyDescent="0.35">
      <c r="A64097" s="1" t="s">
        <v>112228</v>
      </c>
      <c r="B64097" s="1" t="s">
        <v>207847</v>
      </c>
      <c r="C64097" s="1" t="s">
        <v>55</v>
      </c>
      <c r="D64097" s="1" t="s">
        <v>172156</v>
      </c>
      <c r="E64097" s="1" t="s">
        <v>214055</v>
      </c>
      <c r="F64097" s="1" t="s">
        <v>214056</v>
      </c>
      <c r="G64097" s="1" t="s">
        <v>214025</v>
      </c>
      <c r="H64097" s="1" t="s">
        <v>214026</v>
      </c>
      <c r="I64097" s="1" t="s">
        <v>207852</v>
      </c>
      <c r="J64097" s="1" t="s">
        <v>214057</v>
      </c>
    </row>
    <row r="64098" spans="1:10" x14ac:dyDescent="0.35">
      <c r="A64098" s="1" t="s">
        <v>112228</v>
      </c>
      <c r="B64098" s="1" t="s">
        <v>207847</v>
      </c>
      <c r="C64098" s="1" t="s">
        <v>60</v>
      </c>
      <c r="D64098" s="1" t="s">
        <v>182120</v>
      </c>
      <c r="E64098" s="1" t="s">
        <v>214058</v>
      </c>
      <c r="F64098" s="1" t="s">
        <v>214059</v>
      </c>
      <c r="G64098" s="1" t="s">
        <v>214025</v>
      </c>
      <c r="H64098" s="1" t="s">
        <v>214026</v>
      </c>
      <c r="I64098" s="1" t="s">
        <v>207852</v>
      </c>
      <c r="J64098" s="1" t="s">
        <v>214060</v>
      </c>
    </row>
    <row r="64099" spans="1:10" x14ac:dyDescent="0.35">
      <c r="A64099" s="1" t="s">
        <v>112228</v>
      </c>
      <c r="B64099" s="1" t="s">
        <v>207847</v>
      </c>
      <c r="C64099" s="1" t="s">
        <v>65</v>
      </c>
      <c r="D64099" s="1" t="s">
        <v>71366</v>
      </c>
      <c r="E64099" s="1" t="s">
        <v>214061</v>
      </c>
      <c r="F64099" s="1" t="s">
        <v>214062</v>
      </c>
      <c r="G64099" s="1" t="s">
        <v>214025</v>
      </c>
      <c r="H64099" s="1" t="s">
        <v>214026</v>
      </c>
      <c r="I64099" s="1" t="s">
        <v>207852</v>
      </c>
      <c r="J64099" s="1" t="s">
        <v>214063</v>
      </c>
    </row>
    <row r="64100" spans="1:10" x14ac:dyDescent="0.35">
      <c r="A64100" s="1" t="s">
        <v>112228</v>
      </c>
      <c r="B64100" s="1" t="s">
        <v>207847</v>
      </c>
      <c r="C64100" s="1" t="s">
        <v>70</v>
      </c>
      <c r="D64100" s="1" t="s">
        <v>31242</v>
      </c>
      <c r="E64100" s="1" t="s">
        <v>214064</v>
      </c>
      <c r="F64100" s="1" t="s">
        <v>214065</v>
      </c>
      <c r="G64100" s="1" t="s">
        <v>214025</v>
      </c>
      <c r="H64100" s="1" t="s">
        <v>214026</v>
      </c>
      <c r="I64100" s="1" t="s">
        <v>207852</v>
      </c>
      <c r="J64100" s="1" t="s">
        <v>214066</v>
      </c>
    </row>
    <row r="64101" spans="1:10" x14ac:dyDescent="0.35">
      <c r="A64101" s="1" t="s">
        <v>112228</v>
      </c>
      <c r="B64101" s="1" t="s">
        <v>207847</v>
      </c>
      <c r="C64101" s="1" t="s">
        <v>75</v>
      </c>
      <c r="D64101" s="1" t="s">
        <v>70931</v>
      </c>
      <c r="E64101" s="1" t="s">
        <v>214067</v>
      </c>
      <c r="F64101" s="1" t="s">
        <v>214068</v>
      </c>
      <c r="G64101" s="1" t="s">
        <v>214025</v>
      </c>
      <c r="H64101" s="1" t="s">
        <v>214026</v>
      </c>
      <c r="I64101" s="1" t="s">
        <v>207852</v>
      </c>
      <c r="J64101" s="1" t="s">
        <v>214069</v>
      </c>
    </row>
    <row r="64102" spans="1:10" x14ac:dyDescent="0.35">
      <c r="A64102" s="1" t="s">
        <v>112228</v>
      </c>
      <c r="B64102" s="1" t="s">
        <v>207847</v>
      </c>
      <c r="C64102" s="1" t="s">
        <v>80</v>
      </c>
      <c r="D64102" s="1" t="s">
        <v>206012</v>
      </c>
      <c r="E64102" s="1" t="s">
        <v>214070</v>
      </c>
      <c r="F64102" s="1" t="s">
        <v>214071</v>
      </c>
      <c r="G64102" s="1" t="s">
        <v>214025</v>
      </c>
      <c r="H64102" s="1" t="s">
        <v>214026</v>
      </c>
      <c r="I64102" s="1" t="s">
        <v>207852</v>
      </c>
      <c r="J64102" s="1" t="s">
        <v>214072</v>
      </c>
    </row>
    <row r="64103" spans="1:10" x14ac:dyDescent="0.35">
      <c r="A64103" s="1" t="s">
        <v>112228</v>
      </c>
      <c r="B64103" s="1" t="s">
        <v>207847</v>
      </c>
      <c r="C64103" s="1" t="s">
        <v>85</v>
      </c>
      <c r="D64103" s="1" t="s">
        <v>6747</v>
      </c>
      <c r="E64103" s="1" t="s">
        <v>214073</v>
      </c>
      <c r="F64103" s="1" t="s">
        <v>214074</v>
      </c>
      <c r="G64103" s="1" t="s">
        <v>214025</v>
      </c>
      <c r="H64103" s="1" t="s">
        <v>214026</v>
      </c>
      <c r="I64103" s="1" t="s">
        <v>207852</v>
      </c>
      <c r="J64103" s="1" t="s">
        <v>214075</v>
      </c>
    </row>
    <row r="64104" spans="1:10" x14ac:dyDescent="0.35">
      <c r="A64104" s="1" t="s">
        <v>112228</v>
      </c>
      <c r="B64104" s="1" t="s">
        <v>207847</v>
      </c>
      <c r="C64104" s="1" t="s">
        <v>90</v>
      </c>
      <c r="D64104" s="1" t="s">
        <v>71319</v>
      </c>
      <c r="E64104" s="1" t="s">
        <v>214076</v>
      </c>
      <c r="F64104" s="1" t="s">
        <v>214077</v>
      </c>
      <c r="G64104" s="1" t="s">
        <v>214025</v>
      </c>
      <c r="H64104" s="1" t="s">
        <v>214026</v>
      </c>
      <c r="I64104" s="1" t="s">
        <v>207852</v>
      </c>
      <c r="J64104" s="1" t="s">
        <v>214078</v>
      </c>
    </row>
    <row r="64105" spans="1:10" x14ac:dyDescent="0.35">
      <c r="A64105" s="1" t="s">
        <v>112228</v>
      </c>
      <c r="B64105" s="1" t="s">
        <v>207847</v>
      </c>
      <c r="C64105" s="1" t="s">
        <v>95</v>
      </c>
      <c r="D64105" s="1" t="s">
        <v>4626</v>
      </c>
      <c r="E64105" s="1" t="s">
        <v>214079</v>
      </c>
      <c r="F64105" s="1" t="s">
        <v>214080</v>
      </c>
      <c r="G64105" s="1" t="s">
        <v>214025</v>
      </c>
      <c r="H64105" s="1" t="s">
        <v>214026</v>
      </c>
      <c r="I64105" s="1" t="s">
        <v>207852</v>
      </c>
      <c r="J64105" s="1" t="s">
        <v>214081</v>
      </c>
    </row>
    <row r="64106" spans="1:10" x14ac:dyDescent="0.35">
      <c r="A64106" s="1" t="s">
        <v>112228</v>
      </c>
      <c r="B64106" s="1" t="s">
        <v>207847</v>
      </c>
      <c r="C64106" s="1" t="s">
        <v>100</v>
      </c>
      <c r="D64106" s="1" t="s">
        <v>38896</v>
      </c>
      <c r="E64106" s="1" t="s">
        <v>214082</v>
      </c>
      <c r="F64106" s="1" t="s">
        <v>214083</v>
      </c>
      <c r="G64106" s="1" t="s">
        <v>214025</v>
      </c>
      <c r="H64106" s="1" t="s">
        <v>214026</v>
      </c>
      <c r="I64106" s="1" t="s">
        <v>207852</v>
      </c>
      <c r="J64106" s="1" t="s">
        <v>214084</v>
      </c>
    </row>
    <row r="64107" spans="1:10" x14ac:dyDescent="0.35">
      <c r="A64107" s="1" t="s">
        <v>112228</v>
      </c>
      <c r="B64107" s="1" t="s">
        <v>207847</v>
      </c>
      <c r="C64107" s="1" t="s">
        <v>105</v>
      </c>
      <c r="D64107" s="1" t="s">
        <v>648</v>
      </c>
      <c r="E64107" s="1" t="s">
        <v>214085</v>
      </c>
      <c r="F64107" s="1" t="s">
        <v>214086</v>
      </c>
      <c r="G64107" s="1" t="s">
        <v>214025</v>
      </c>
      <c r="H64107" s="1" t="s">
        <v>214026</v>
      </c>
      <c r="I64107" s="1" t="s">
        <v>207852</v>
      </c>
      <c r="J64107" s="1" t="s">
        <v>214087</v>
      </c>
    </row>
    <row r="64108" spans="1:10" x14ac:dyDescent="0.35">
      <c r="A64108" s="1" t="s">
        <v>112228</v>
      </c>
      <c r="B64108" s="1" t="s">
        <v>207847</v>
      </c>
      <c r="C64108" s="1" t="s">
        <v>110</v>
      </c>
      <c r="D64108" s="1" t="s">
        <v>210711</v>
      </c>
      <c r="E64108" s="1" t="s">
        <v>214088</v>
      </c>
      <c r="F64108" s="1" t="s">
        <v>214089</v>
      </c>
      <c r="G64108" s="1" t="s">
        <v>214025</v>
      </c>
      <c r="H64108" s="1" t="s">
        <v>214026</v>
      </c>
      <c r="I64108" s="1" t="s">
        <v>207852</v>
      </c>
      <c r="J64108" s="1" t="s">
        <v>214090</v>
      </c>
    </row>
    <row r="64109" spans="1:10" x14ac:dyDescent="0.35">
      <c r="A64109" s="1" t="s">
        <v>112228</v>
      </c>
      <c r="B64109" s="1" t="s">
        <v>207847</v>
      </c>
      <c r="C64109" s="1" t="s">
        <v>115</v>
      </c>
      <c r="D64109" s="1" t="s">
        <v>32017</v>
      </c>
      <c r="E64109" s="1" t="s">
        <v>214091</v>
      </c>
      <c r="F64109" s="1" t="s">
        <v>214092</v>
      </c>
      <c r="G64109" s="1" t="s">
        <v>214025</v>
      </c>
      <c r="H64109" s="1" t="s">
        <v>214026</v>
      </c>
      <c r="I64109" s="1" t="s">
        <v>207852</v>
      </c>
      <c r="J64109" s="1" t="s">
        <v>214093</v>
      </c>
    </row>
    <row r="64110" spans="1:10" x14ac:dyDescent="0.35">
      <c r="A64110" s="1" t="s">
        <v>112228</v>
      </c>
      <c r="B64110" s="1" t="s">
        <v>207847</v>
      </c>
      <c r="C64110" s="1" t="s">
        <v>120</v>
      </c>
      <c r="D64110" s="1" t="s">
        <v>213963</v>
      </c>
      <c r="E64110" s="1" t="s">
        <v>214094</v>
      </c>
      <c r="F64110" s="1" t="s">
        <v>214095</v>
      </c>
      <c r="G64110" s="1" t="s">
        <v>214025</v>
      </c>
      <c r="H64110" s="1" t="s">
        <v>214026</v>
      </c>
      <c r="I64110" s="1" t="s">
        <v>207852</v>
      </c>
      <c r="J64110" s="1" t="s">
        <v>214096</v>
      </c>
    </row>
    <row r="64111" spans="1:10" x14ac:dyDescent="0.35">
      <c r="A64111" s="1" t="s">
        <v>112228</v>
      </c>
      <c r="B64111" s="1" t="s">
        <v>207847</v>
      </c>
      <c r="C64111" s="1" t="s">
        <v>125</v>
      </c>
      <c r="D64111" s="1" t="s">
        <v>4264</v>
      </c>
      <c r="E64111" s="1" t="s">
        <v>214097</v>
      </c>
      <c r="F64111" s="1" t="s">
        <v>214098</v>
      </c>
      <c r="G64111" s="1" t="s">
        <v>214025</v>
      </c>
      <c r="H64111" s="1" t="s">
        <v>214026</v>
      </c>
      <c r="I64111" s="1" t="s">
        <v>207852</v>
      </c>
      <c r="J64111" s="1" t="s">
        <v>214099</v>
      </c>
    </row>
    <row r="64112" spans="1:10" x14ac:dyDescent="0.35">
      <c r="A64112" s="1" t="s">
        <v>112228</v>
      </c>
      <c r="B64112" s="1" t="s">
        <v>207847</v>
      </c>
      <c r="C64112" s="1" t="s">
        <v>130</v>
      </c>
      <c r="D64112" s="1" t="s">
        <v>153846</v>
      </c>
      <c r="E64112" s="1" t="s">
        <v>214100</v>
      </c>
      <c r="F64112" s="1" t="s">
        <v>214101</v>
      </c>
      <c r="G64112" s="1" t="s">
        <v>214025</v>
      </c>
      <c r="H64112" s="1" t="s">
        <v>214026</v>
      </c>
      <c r="I64112" s="1" t="s">
        <v>207852</v>
      </c>
      <c r="J64112" s="1" t="s">
        <v>214102</v>
      </c>
    </row>
    <row r="64113" spans="1:10" x14ac:dyDescent="0.35">
      <c r="A64113" s="1" t="s">
        <v>112228</v>
      </c>
      <c r="B64113" s="1" t="s">
        <v>207847</v>
      </c>
      <c r="C64113" s="1" t="s">
        <v>135</v>
      </c>
      <c r="D64113" s="1" t="s">
        <v>214103</v>
      </c>
      <c r="E64113" s="1" t="s">
        <v>214104</v>
      </c>
      <c r="F64113" s="1" t="s">
        <v>214105</v>
      </c>
      <c r="G64113" s="1" t="s">
        <v>214025</v>
      </c>
      <c r="H64113" s="1" t="s">
        <v>214026</v>
      </c>
      <c r="I64113" s="1" t="s">
        <v>207852</v>
      </c>
      <c r="J64113" s="1" t="s">
        <v>214106</v>
      </c>
    </row>
    <row r="64114" spans="1:10" x14ac:dyDescent="0.35">
      <c r="A64114" s="1" t="s">
        <v>112228</v>
      </c>
      <c r="B64114" s="1" t="s">
        <v>207847</v>
      </c>
      <c r="C64114" s="1" t="s">
        <v>140</v>
      </c>
      <c r="D64114" s="1" t="s">
        <v>13679</v>
      </c>
      <c r="E64114" s="1" t="s">
        <v>214107</v>
      </c>
      <c r="F64114" s="1" t="s">
        <v>214108</v>
      </c>
      <c r="G64114" s="1" t="s">
        <v>214025</v>
      </c>
      <c r="H64114" s="1" t="s">
        <v>214026</v>
      </c>
      <c r="I64114" s="1" t="s">
        <v>207852</v>
      </c>
      <c r="J64114" s="1" t="s">
        <v>214109</v>
      </c>
    </row>
    <row r="64115" spans="1:10" x14ac:dyDescent="0.35">
      <c r="A64115" s="1" t="s">
        <v>112228</v>
      </c>
      <c r="B64115" s="1" t="s">
        <v>207847</v>
      </c>
      <c r="C64115" s="1" t="s">
        <v>145</v>
      </c>
      <c r="D64115" s="1" t="s">
        <v>214110</v>
      </c>
      <c r="E64115" s="1" t="s">
        <v>214111</v>
      </c>
      <c r="F64115" s="1" t="s">
        <v>214112</v>
      </c>
      <c r="G64115" s="1" t="s">
        <v>214025</v>
      </c>
      <c r="H64115" s="1" t="s">
        <v>214026</v>
      </c>
      <c r="I64115" s="1" t="s">
        <v>207852</v>
      </c>
      <c r="J64115" s="1" t="s">
        <v>214113</v>
      </c>
    </row>
    <row r="64116" spans="1:10" x14ac:dyDescent="0.35">
      <c r="A64116" s="1" t="s">
        <v>112228</v>
      </c>
      <c r="B64116" s="1" t="s">
        <v>207847</v>
      </c>
      <c r="C64116" s="1" t="s">
        <v>150</v>
      </c>
      <c r="D64116" s="1" t="s">
        <v>184350</v>
      </c>
      <c r="E64116" s="1" t="s">
        <v>214114</v>
      </c>
      <c r="F64116" s="1" t="s">
        <v>214115</v>
      </c>
      <c r="G64116" s="1" t="s">
        <v>214025</v>
      </c>
      <c r="H64116" s="1" t="s">
        <v>214026</v>
      </c>
      <c r="I64116" s="1" t="s">
        <v>207852</v>
      </c>
      <c r="J64116" s="1" t="s">
        <v>214116</v>
      </c>
    </row>
    <row r="64117" spans="1:10" x14ac:dyDescent="0.35">
      <c r="A64117" s="1" t="s">
        <v>112228</v>
      </c>
      <c r="B64117" s="1" t="s">
        <v>207847</v>
      </c>
      <c r="C64117" s="1" t="s">
        <v>155</v>
      </c>
      <c r="D64117" s="1" t="s">
        <v>177396</v>
      </c>
      <c r="E64117" s="1" t="s">
        <v>214117</v>
      </c>
      <c r="F64117" s="1" t="s">
        <v>214118</v>
      </c>
      <c r="G64117" s="1" t="s">
        <v>214025</v>
      </c>
      <c r="H64117" s="1" t="s">
        <v>214026</v>
      </c>
      <c r="I64117" s="1" t="s">
        <v>207852</v>
      </c>
      <c r="J64117" s="1" t="s">
        <v>214119</v>
      </c>
    </row>
    <row r="64118" spans="1:10" x14ac:dyDescent="0.35">
      <c r="A64118" s="1" t="s">
        <v>112228</v>
      </c>
      <c r="B64118" s="1" t="s">
        <v>207847</v>
      </c>
      <c r="C64118" s="1" t="s">
        <v>160</v>
      </c>
      <c r="D64118" s="1" t="s">
        <v>19211</v>
      </c>
      <c r="E64118" s="1" t="s">
        <v>214120</v>
      </c>
      <c r="F64118" s="1" t="s">
        <v>214121</v>
      </c>
      <c r="G64118" s="1" t="s">
        <v>214025</v>
      </c>
      <c r="H64118" s="1" t="s">
        <v>214026</v>
      </c>
      <c r="I64118" s="1" t="s">
        <v>207852</v>
      </c>
      <c r="J64118" s="1" t="s">
        <v>214122</v>
      </c>
    </row>
    <row r="64119" spans="1:10" x14ac:dyDescent="0.35">
      <c r="A64119" s="1" t="s">
        <v>112228</v>
      </c>
      <c r="B64119" s="1" t="s">
        <v>207847</v>
      </c>
      <c r="C64119" s="1" t="s">
        <v>165</v>
      </c>
      <c r="D64119" s="1" t="s">
        <v>169141</v>
      </c>
      <c r="E64119" s="1" t="s">
        <v>214123</v>
      </c>
      <c r="F64119" s="1" t="s">
        <v>214124</v>
      </c>
      <c r="G64119" s="1" t="s">
        <v>214025</v>
      </c>
      <c r="H64119" s="1" t="s">
        <v>214026</v>
      </c>
      <c r="I64119" s="1" t="s">
        <v>207852</v>
      </c>
      <c r="J64119" s="1" t="s">
        <v>214125</v>
      </c>
    </row>
    <row r="64120" spans="1:10" x14ac:dyDescent="0.35">
      <c r="A64120" s="1" t="s">
        <v>112228</v>
      </c>
      <c r="B64120" s="1" t="s">
        <v>207847</v>
      </c>
      <c r="C64120" s="1" t="s">
        <v>170</v>
      </c>
      <c r="D64120" s="1" t="s">
        <v>59872</v>
      </c>
      <c r="E64120" s="1" t="s">
        <v>214126</v>
      </c>
      <c r="F64120" s="1" t="s">
        <v>214127</v>
      </c>
      <c r="G64120" s="1" t="s">
        <v>214025</v>
      </c>
      <c r="H64120" s="1" t="s">
        <v>214026</v>
      </c>
      <c r="I64120" s="1" t="s">
        <v>207852</v>
      </c>
      <c r="J64120" s="1" t="s">
        <v>214128</v>
      </c>
    </row>
    <row r="64121" spans="1:10" x14ac:dyDescent="0.35">
      <c r="A64121" s="1" t="s">
        <v>28083</v>
      </c>
      <c r="B64121" s="1" t="s">
        <v>207847</v>
      </c>
      <c r="C64121" s="1" t="s">
        <v>8</v>
      </c>
      <c r="D64121" s="1" t="s">
        <v>70995</v>
      </c>
      <c r="E64121" s="1" t="s">
        <v>214129</v>
      </c>
      <c r="F64121" s="1" t="s">
        <v>214130</v>
      </c>
      <c r="G64121" s="1" t="s">
        <v>214131</v>
      </c>
      <c r="H64121" s="1" t="s">
        <v>214132</v>
      </c>
      <c r="I64121" s="1" t="s">
        <v>207852</v>
      </c>
      <c r="J64121" s="1" t="s">
        <v>13</v>
      </c>
    </row>
    <row r="64122" spans="1:10" x14ac:dyDescent="0.35">
      <c r="A64122" s="1" t="s">
        <v>28083</v>
      </c>
      <c r="B64122" s="1" t="s">
        <v>207847</v>
      </c>
      <c r="C64122" s="1" t="s">
        <v>15</v>
      </c>
      <c r="D64122" s="1" t="s">
        <v>30744</v>
      </c>
      <c r="E64122" s="1" t="s">
        <v>127836</v>
      </c>
      <c r="F64122" s="1" t="s">
        <v>100265</v>
      </c>
      <c r="G64122" s="1" t="s">
        <v>214131</v>
      </c>
      <c r="H64122" s="1" t="s">
        <v>214132</v>
      </c>
      <c r="I64122" s="1" t="s">
        <v>207852</v>
      </c>
      <c r="J64122" s="1" t="s">
        <v>214133</v>
      </c>
    </row>
    <row r="64123" spans="1:10" x14ac:dyDescent="0.35">
      <c r="A64123" s="1" t="s">
        <v>28083</v>
      </c>
      <c r="B64123" s="1" t="s">
        <v>207847</v>
      </c>
      <c r="C64123" s="1" t="s">
        <v>20</v>
      </c>
      <c r="D64123" s="1" t="s">
        <v>10937</v>
      </c>
      <c r="E64123" s="1" t="s">
        <v>81190</v>
      </c>
      <c r="F64123" s="1" t="s">
        <v>69009</v>
      </c>
      <c r="G64123" s="1" t="s">
        <v>214131</v>
      </c>
      <c r="H64123" s="1" t="s">
        <v>214132</v>
      </c>
      <c r="I64123" s="1" t="s">
        <v>207852</v>
      </c>
      <c r="J64123" s="1" t="s">
        <v>214134</v>
      </c>
    </row>
    <row r="64124" spans="1:10" x14ac:dyDescent="0.35">
      <c r="A64124" s="1" t="s">
        <v>28083</v>
      </c>
      <c r="B64124" s="1" t="s">
        <v>207847</v>
      </c>
      <c r="C64124" s="1" t="s">
        <v>25</v>
      </c>
      <c r="D64124" s="1" t="s">
        <v>50517</v>
      </c>
      <c r="E64124" s="1" t="s">
        <v>126647</v>
      </c>
      <c r="F64124" s="1" t="s">
        <v>214135</v>
      </c>
      <c r="G64124" s="1" t="s">
        <v>214131</v>
      </c>
      <c r="H64124" s="1" t="s">
        <v>214132</v>
      </c>
      <c r="I64124" s="1" t="s">
        <v>207852</v>
      </c>
      <c r="J64124" s="1" t="s">
        <v>214136</v>
      </c>
    </row>
    <row r="64125" spans="1:10" x14ac:dyDescent="0.35">
      <c r="A64125" s="1" t="s">
        <v>28083</v>
      </c>
      <c r="B64125" s="1" t="s">
        <v>207847</v>
      </c>
      <c r="C64125" s="1" t="s">
        <v>30</v>
      </c>
      <c r="D64125" s="1" t="s">
        <v>48705</v>
      </c>
      <c r="E64125" s="1" t="s">
        <v>133344</v>
      </c>
      <c r="F64125" s="1" t="s">
        <v>214137</v>
      </c>
      <c r="G64125" s="1" t="s">
        <v>214131</v>
      </c>
      <c r="H64125" s="1" t="s">
        <v>214132</v>
      </c>
      <c r="I64125" s="1" t="s">
        <v>207852</v>
      </c>
      <c r="J64125" s="1" t="s">
        <v>214138</v>
      </c>
    </row>
    <row r="64126" spans="1:10" x14ac:dyDescent="0.35">
      <c r="A64126" s="1" t="s">
        <v>28083</v>
      </c>
      <c r="B64126" s="1" t="s">
        <v>207847</v>
      </c>
      <c r="C64126" s="1" t="s">
        <v>35</v>
      </c>
      <c r="D64126" s="1" t="s">
        <v>38171</v>
      </c>
      <c r="E64126" s="1" t="s">
        <v>145922</v>
      </c>
      <c r="F64126" s="1" t="s">
        <v>56785</v>
      </c>
      <c r="G64126" s="1" t="s">
        <v>214131</v>
      </c>
      <c r="H64126" s="1" t="s">
        <v>214132</v>
      </c>
      <c r="I64126" s="1" t="s">
        <v>207852</v>
      </c>
      <c r="J64126" s="1" t="s">
        <v>214139</v>
      </c>
    </row>
    <row r="64127" spans="1:10" x14ac:dyDescent="0.35">
      <c r="A64127" s="1" t="s">
        <v>28083</v>
      </c>
      <c r="B64127" s="1" t="s">
        <v>207847</v>
      </c>
      <c r="C64127" s="1" t="s">
        <v>40</v>
      </c>
      <c r="D64127" s="1" t="s">
        <v>16005</v>
      </c>
      <c r="E64127" s="1" t="s">
        <v>107333</v>
      </c>
      <c r="F64127" s="1" t="s">
        <v>214140</v>
      </c>
      <c r="G64127" s="1" t="s">
        <v>214131</v>
      </c>
      <c r="H64127" s="1" t="s">
        <v>214132</v>
      </c>
      <c r="I64127" s="1" t="s">
        <v>207852</v>
      </c>
      <c r="J64127" s="1" t="s">
        <v>214141</v>
      </c>
    </row>
    <row r="64128" spans="1:10" x14ac:dyDescent="0.35">
      <c r="A64128" s="1" t="s">
        <v>28083</v>
      </c>
      <c r="B64128" s="1" t="s">
        <v>207847</v>
      </c>
      <c r="C64128" s="1" t="s">
        <v>45</v>
      </c>
      <c r="D64128" s="1" t="s">
        <v>214142</v>
      </c>
      <c r="E64128" s="1" t="s">
        <v>107407</v>
      </c>
      <c r="F64128" s="1" t="s">
        <v>214143</v>
      </c>
      <c r="G64128" s="1" t="s">
        <v>214131</v>
      </c>
      <c r="H64128" s="1" t="s">
        <v>214132</v>
      </c>
      <c r="I64128" s="1" t="s">
        <v>207852</v>
      </c>
      <c r="J64128" s="1" t="s">
        <v>214144</v>
      </c>
    </row>
    <row r="64129" spans="1:10" x14ac:dyDescent="0.35">
      <c r="A64129" s="1" t="s">
        <v>28083</v>
      </c>
      <c r="B64129" s="1" t="s">
        <v>207847</v>
      </c>
      <c r="C64129" s="1" t="s">
        <v>50</v>
      </c>
      <c r="D64129" s="1" t="s">
        <v>188512</v>
      </c>
      <c r="E64129" s="1" t="s">
        <v>214145</v>
      </c>
      <c r="F64129" s="1" t="s">
        <v>214146</v>
      </c>
      <c r="G64129" s="1" t="s">
        <v>214131</v>
      </c>
      <c r="H64129" s="1" t="s">
        <v>214132</v>
      </c>
      <c r="I64129" s="1" t="s">
        <v>207852</v>
      </c>
      <c r="J64129" s="1" t="s">
        <v>214147</v>
      </c>
    </row>
    <row r="64130" spans="1:10" x14ac:dyDescent="0.35">
      <c r="A64130" s="1" t="s">
        <v>28083</v>
      </c>
      <c r="B64130" s="1" t="s">
        <v>207847</v>
      </c>
      <c r="C64130" s="1" t="s">
        <v>55</v>
      </c>
      <c r="D64130" s="1" t="s">
        <v>169049</v>
      </c>
      <c r="E64130" s="1" t="s">
        <v>135772</v>
      </c>
      <c r="F64130" s="1" t="s">
        <v>214148</v>
      </c>
      <c r="G64130" s="1" t="s">
        <v>214131</v>
      </c>
      <c r="H64130" s="1" t="s">
        <v>214132</v>
      </c>
      <c r="I64130" s="1" t="s">
        <v>207852</v>
      </c>
      <c r="J64130" s="1" t="s">
        <v>214149</v>
      </c>
    </row>
    <row r="64131" spans="1:10" x14ac:dyDescent="0.35">
      <c r="A64131" s="1" t="s">
        <v>28083</v>
      </c>
      <c r="B64131" s="1" t="s">
        <v>207847</v>
      </c>
      <c r="C64131" s="1" t="s">
        <v>60</v>
      </c>
      <c r="D64131" s="1" t="s">
        <v>19521</v>
      </c>
      <c r="E64131" s="1" t="s">
        <v>214150</v>
      </c>
      <c r="F64131" s="1" t="s">
        <v>32985</v>
      </c>
      <c r="G64131" s="1" t="s">
        <v>214131</v>
      </c>
      <c r="H64131" s="1" t="s">
        <v>214132</v>
      </c>
      <c r="I64131" s="1" t="s">
        <v>207852</v>
      </c>
      <c r="J64131" s="1" t="s">
        <v>214151</v>
      </c>
    </row>
    <row r="64132" spans="1:10" x14ac:dyDescent="0.35">
      <c r="A64132" s="1" t="s">
        <v>28083</v>
      </c>
      <c r="B64132" s="1" t="s">
        <v>207847</v>
      </c>
      <c r="C64132" s="1" t="s">
        <v>65</v>
      </c>
      <c r="D64132" s="1" t="s">
        <v>15495</v>
      </c>
      <c r="E64132" s="1" t="s">
        <v>133104</v>
      </c>
      <c r="F64132" s="1" t="s">
        <v>99810</v>
      </c>
      <c r="G64132" s="1" t="s">
        <v>214131</v>
      </c>
      <c r="H64132" s="1" t="s">
        <v>214132</v>
      </c>
      <c r="I64132" s="1" t="s">
        <v>207852</v>
      </c>
      <c r="J64132" s="1" t="s">
        <v>214152</v>
      </c>
    </row>
    <row r="64133" spans="1:10" x14ac:dyDescent="0.35">
      <c r="A64133" s="1" t="s">
        <v>28083</v>
      </c>
      <c r="B64133" s="1" t="s">
        <v>207847</v>
      </c>
      <c r="C64133" s="1" t="s">
        <v>70</v>
      </c>
      <c r="D64133" s="1" t="s">
        <v>35636</v>
      </c>
      <c r="E64133" s="1" t="s">
        <v>110811</v>
      </c>
      <c r="F64133" s="1" t="s">
        <v>59196</v>
      </c>
      <c r="G64133" s="1" t="s">
        <v>214131</v>
      </c>
      <c r="H64133" s="1" t="s">
        <v>214132</v>
      </c>
      <c r="I64133" s="1" t="s">
        <v>207852</v>
      </c>
      <c r="J64133" s="1" t="s">
        <v>214153</v>
      </c>
    </row>
    <row r="64134" spans="1:10" x14ac:dyDescent="0.35">
      <c r="A64134" s="1" t="s">
        <v>28083</v>
      </c>
      <c r="B64134" s="1" t="s">
        <v>207847</v>
      </c>
      <c r="C64134" s="1" t="s">
        <v>75</v>
      </c>
      <c r="D64134" s="1" t="s">
        <v>214154</v>
      </c>
      <c r="E64134" s="1" t="s">
        <v>130033</v>
      </c>
      <c r="F64134" s="1" t="s">
        <v>214155</v>
      </c>
      <c r="G64134" s="1" t="s">
        <v>214131</v>
      </c>
      <c r="H64134" s="1" t="s">
        <v>214132</v>
      </c>
      <c r="I64134" s="1" t="s">
        <v>207852</v>
      </c>
      <c r="J64134" s="1" t="s">
        <v>214156</v>
      </c>
    </row>
    <row r="64135" spans="1:10" x14ac:dyDescent="0.35">
      <c r="A64135" s="1" t="s">
        <v>28083</v>
      </c>
      <c r="B64135" s="1" t="s">
        <v>207847</v>
      </c>
      <c r="C64135" s="1" t="s">
        <v>80</v>
      </c>
      <c r="D64135" s="1" t="s">
        <v>16160</v>
      </c>
      <c r="E64135" s="1" t="s">
        <v>109532</v>
      </c>
      <c r="F64135" s="1" t="s">
        <v>214157</v>
      </c>
      <c r="G64135" s="1" t="s">
        <v>214131</v>
      </c>
      <c r="H64135" s="1" t="s">
        <v>214132</v>
      </c>
      <c r="I64135" s="1" t="s">
        <v>207852</v>
      </c>
      <c r="J64135" s="1" t="s">
        <v>214158</v>
      </c>
    </row>
    <row r="64136" spans="1:10" x14ac:dyDescent="0.35">
      <c r="A64136" s="1" t="s">
        <v>28083</v>
      </c>
      <c r="B64136" s="1" t="s">
        <v>207847</v>
      </c>
      <c r="C64136" s="1" t="s">
        <v>85</v>
      </c>
      <c r="D64136" s="1" t="s">
        <v>214159</v>
      </c>
      <c r="E64136" s="1" t="s">
        <v>107326</v>
      </c>
      <c r="F64136" s="1" t="s">
        <v>58928</v>
      </c>
      <c r="G64136" s="1" t="s">
        <v>214131</v>
      </c>
      <c r="H64136" s="1" t="s">
        <v>214132</v>
      </c>
      <c r="I64136" s="1" t="s">
        <v>207852</v>
      </c>
      <c r="J64136" s="1" t="s">
        <v>214160</v>
      </c>
    </row>
    <row r="64137" spans="1:10" x14ac:dyDescent="0.35">
      <c r="A64137" s="1" t="s">
        <v>28083</v>
      </c>
      <c r="B64137" s="1" t="s">
        <v>207847</v>
      </c>
      <c r="C64137" s="1" t="s">
        <v>90</v>
      </c>
      <c r="D64137" s="1" t="s">
        <v>683</v>
      </c>
      <c r="E64137" s="1" t="s">
        <v>133094</v>
      </c>
      <c r="F64137" s="1" t="s">
        <v>21986</v>
      </c>
      <c r="G64137" s="1" t="s">
        <v>214131</v>
      </c>
      <c r="H64137" s="1" t="s">
        <v>214132</v>
      </c>
      <c r="I64137" s="1" t="s">
        <v>207852</v>
      </c>
      <c r="J64137" s="1" t="s">
        <v>214161</v>
      </c>
    </row>
    <row r="64138" spans="1:10" x14ac:dyDescent="0.35">
      <c r="A64138" s="1" t="s">
        <v>28083</v>
      </c>
      <c r="B64138" s="1" t="s">
        <v>207847</v>
      </c>
      <c r="C64138" s="1" t="s">
        <v>95</v>
      </c>
      <c r="D64138" s="1" t="s">
        <v>30799</v>
      </c>
      <c r="E64138" s="1" t="s">
        <v>214162</v>
      </c>
      <c r="F64138" s="1" t="s">
        <v>31801</v>
      </c>
      <c r="G64138" s="1" t="s">
        <v>214131</v>
      </c>
      <c r="H64138" s="1" t="s">
        <v>214132</v>
      </c>
      <c r="I64138" s="1" t="s">
        <v>207852</v>
      </c>
      <c r="J64138" s="1" t="s">
        <v>214163</v>
      </c>
    </row>
    <row r="64139" spans="1:10" x14ac:dyDescent="0.35">
      <c r="A64139" s="1" t="s">
        <v>28083</v>
      </c>
      <c r="B64139" s="1" t="s">
        <v>207847</v>
      </c>
      <c r="C64139" s="1" t="s">
        <v>100</v>
      </c>
      <c r="D64139" s="1" t="s">
        <v>190244</v>
      </c>
      <c r="E64139" s="1" t="s">
        <v>144842</v>
      </c>
      <c r="F64139" s="1" t="s">
        <v>214164</v>
      </c>
      <c r="G64139" s="1" t="s">
        <v>214131</v>
      </c>
      <c r="H64139" s="1" t="s">
        <v>214132</v>
      </c>
      <c r="I64139" s="1" t="s">
        <v>207852</v>
      </c>
      <c r="J64139" s="1" t="s">
        <v>214165</v>
      </c>
    </row>
    <row r="64140" spans="1:10" x14ac:dyDescent="0.35">
      <c r="A64140" s="1" t="s">
        <v>28083</v>
      </c>
      <c r="B64140" s="1" t="s">
        <v>207847</v>
      </c>
      <c r="C64140" s="1" t="s">
        <v>105</v>
      </c>
      <c r="D64140" s="1" t="s">
        <v>70972</v>
      </c>
      <c r="E64140" s="1" t="s">
        <v>133107</v>
      </c>
      <c r="F64140" s="1" t="s">
        <v>59198</v>
      </c>
      <c r="G64140" s="1" t="s">
        <v>214131</v>
      </c>
      <c r="H64140" s="1" t="s">
        <v>214132</v>
      </c>
      <c r="I64140" s="1" t="s">
        <v>207852</v>
      </c>
      <c r="J64140" s="1" t="s">
        <v>214166</v>
      </c>
    </row>
    <row r="64141" spans="1:10" x14ac:dyDescent="0.35">
      <c r="A64141" s="1" t="s">
        <v>28083</v>
      </c>
      <c r="B64141" s="1" t="s">
        <v>207847</v>
      </c>
      <c r="C64141" s="1" t="s">
        <v>110</v>
      </c>
      <c r="D64141" s="1" t="s">
        <v>174931</v>
      </c>
      <c r="E64141" s="1" t="s">
        <v>134951</v>
      </c>
      <c r="F64141" s="1" t="s">
        <v>54392</v>
      </c>
      <c r="G64141" s="1" t="s">
        <v>214131</v>
      </c>
      <c r="H64141" s="1" t="s">
        <v>214132</v>
      </c>
      <c r="I64141" s="1" t="s">
        <v>207852</v>
      </c>
      <c r="J64141" s="1" t="s">
        <v>214167</v>
      </c>
    </row>
    <row r="64142" spans="1:10" x14ac:dyDescent="0.35">
      <c r="A64142" s="1" t="s">
        <v>28083</v>
      </c>
      <c r="B64142" s="1" t="s">
        <v>207847</v>
      </c>
      <c r="C64142" s="1" t="s">
        <v>115</v>
      </c>
      <c r="D64142" s="1" t="s">
        <v>214168</v>
      </c>
      <c r="E64142" s="1" t="s">
        <v>131743</v>
      </c>
      <c r="F64142" s="1" t="s">
        <v>214169</v>
      </c>
      <c r="G64142" s="1" t="s">
        <v>214131</v>
      </c>
      <c r="H64142" s="1" t="s">
        <v>214132</v>
      </c>
      <c r="I64142" s="1" t="s">
        <v>207852</v>
      </c>
      <c r="J64142" s="1" t="s">
        <v>214170</v>
      </c>
    </row>
    <row r="64143" spans="1:10" x14ac:dyDescent="0.35">
      <c r="A64143" s="1" t="s">
        <v>28083</v>
      </c>
      <c r="B64143" s="1" t="s">
        <v>207847</v>
      </c>
      <c r="C64143" s="1" t="s">
        <v>120</v>
      </c>
      <c r="D64143" s="1" t="s">
        <v>35473</v>
      </c>
      <c r="E64143" s="1" t="s">
        <v>214171</v>
      </c>
      <c r="F64143" s="1" t="s">
        <v>101686</v>
      </c>
      <c r="G64143" s="1" t="s">
        <v>214131</v>
      </c>
      <c r="H64143" s="1" t="s">
        <v>214132</v>
      </c>
      <c r="I64143" s="1" t="s">
        <v>207852</v>
      </c>
      <c r="J64143" s="1" t="s">
        <v>214172</v>
      </c>
    </row>
    <row r="64144" spans="1:10" x14ac:dyDescent="0.35">
      <c r="A64144" s="1" t="s">
        <v>28083</v>
      </c>
      <c r="B64144" s="1" t="s">
        <v>207847</v>
      </c>
      <c r="C64144" s="1" t="s">
        <v>125</v>
      </c>
      <c r="D64144" s="1" t="s">
        <v>904</v>
      </c>
      <c r="E64144" s="1" t="s">
        <v>214173</v>
      </c>
      <c r="F64144" s="1" t="s">
        <v>72828</v>
      </c>
      <c r="G64144" s="1" t="s">
        <v>214131</v>
      </c>
      <c r="H64144" s="1" t="s">
        <v>214132</v>
      </c>
      <c r="I64144" s="1" t="s">
        <v>207852</v>
      </c>
      <c r="J64144" s="1" t="s">
        <v>214174</v>
      </c>
    </row>
    <row r="64145" spans="1:10" x14ac:dyDescent="0.35">
      <c r="A64145" s="1" t="s">
        <v>28083</v>
      </c>
      <c r="B64145" s="1" t="s">
        <v>207847</v>
      </c>
      <c r="C64145" s="1" t="s">
        <v>130</v>
      </c>
      <c r="D64145" s="1" t="s">
        <v>210359</v>
      </c>
      <c r="E64145" s="1" t="s">
        <v>214175</v>
      </c>
      <c r="F64145" s="1" t="s">
        <v>214176</v>
      </c>
      <c r="G64145" s="1" t="s">
        <v>214131</v>
      </c>
      <c r="H64145" s="1" t="s">
        <v>214132</v>
      </c>
      <c r="I64145" s="1" t="s">
        <v>207852</v>
      </c>
      <c r="J64145" s="1" t="s">
        <v>214177</v>
      </c>
    </row>
    <row r="64146" spans="1:10" x14ac:dyDescent="0.35">
      <c r="A64146" s="1" t="s">
        <v>28083</v>
      </c>
      <c r="B64146" s="1" t="s">
        <v>207847</v>
      </c>
      <c r="C64146" s="1" t="s">
        <v>135</v>
      </c>
      <c r="D64146" s="1" t="s">
        <v>153758</v>
      </c>
      <c r="E64146" s="1" t="s">
        <v>214178</v>
      </c>
      <c r="F64146" s="1" t="s">
        <v>214179</v>
      </c>
      <c r="G64146" s="1" t="s">
        <v>214131</v>
      </c>
      <c r="H64146" s="1" t="s">
        <v>214132</v>
      </c>
      <c r="I64146" s="1" t="s">
        <v>207852</v>
      </c>
      <c r="J64146" s="1" t="s">
        <v>214180</v>
      </c>
    </row>
    <row r="64147" spans="1:10" x14ac:dyDescent="0.35">
      <c r="A64147" s="1" t="s">
        <v>28083</v>
      </c>
      <c r="B64147" s="1" t="s">
        <v>207847</v>
      </c>
      <c r="C64147" s="1" t="s">
        <v>140</v>
      </c>
      <c r="D64147" s="1" t="s">
        <v>142214</v>
      </c>
      <c r="E64147" s="1" t="s">
        <v>135274</v>
      </c>
      <c r="F64147" s="1" t="s">
        <v>21975</v>
      </c>
      <c r="G64147" s="1" t="s">
        <v>214131</v>
      </c>
      <c r="H64147" s="1" t="s">
        <v>214132</v>
      </c>
      <c r="I64147" s="1" t="s">
        <v>207852</v>
      </c>
      <c r="J64147" s="1" t="s">
        <v>214181</v>
      </c>
    </row>
    <row r="64148" spans="1:10" x14ac:dyDescent="0.35">
      <c r="A64148" s="1" t="s">
        <v>28083</v>
      </c>
      <c r="B64148" s="1" t="s">
        <v>207847</v>
      </c>
      <c r="C64148" s="1" t="s">
        <v>145</v>
      </c>
      <c r="D64148" s="1" t="s">
        <v>18709</v>
      </c>
      <c r="E64148" s="1" t="s">
        <v>77808</v>
      </c>
      <c r="F64148" s="1" t="s">
        <v>56836</v>
      </c>
      <c r="G64148" s="1" t="s">
        <v>214131</v>
      </c>
      <c r="H64148" s="1" t="s">
        <v>214132</v>
      </c>
      <c r="I64148" s="1" t="s">
        <v>207852</v>
      </c>
      <c r="J64148" s="1" t="s">
        <v>214182</v>
      </c>
    </row>
    <row r="64149" spans="1:10" x14ac:dyDescent="0.35">
      <c r="A64149" s="1" t="s">
        <v>28083</v>
      </c>
      <c r="B64149" s="1" t="s">
        <v>207847</v>
      </c>
      <c r="C64149" s="1" t="s">
        <v>150</v>
      </c>
      <c r="D64149" s="1" t="s">
        <v>3200</v>
      </c>
      <c r="E64149" s="1" t="s">
        <v>78718</v>
      </c>
      <c r="F64149" s="1" t="s">
        <v>214183</v>
      </c>
      <c r="G64149" s="1" t="s">
        <v>214131</v>
      </c>
      <c r="H64149" s="1" t="s">
        <v>214132</v>
      </c>
      <c r="I64149" s="1" t="s">
        <v>207852</v>
      </c>
      <c r="J64149" s="1" t="s">
        <v>214184</v>
      </c>
    </row>
    <row r="64150" spans="1:10" x14ac:dyDescent="0.35">
      <c r="A64150" s="1" t="s">
        <v>28083</v>
      </c>
      <c r="B64150" s="1" t="s">
        <v>207847</v>
      </c>
      <c r="C64150" s="1" t="s">
        <v>155</v>
      </c>
      <c r="D64150" s="1" t="s">
        <v>214185</v>
      </c>
      <c r="E64150" s="1" t="s">
        <v>109845</v>
      </c>
      <c r="F64150" s="1" t="s">
        <v>214186</v>
      </c>
      <c r="G64150" s="1" t="s">
        <v>214131</v>
      </c>
      <c r="H64150" s="1" t="s">
        <v>214132</v>
      </c>
      <c r="I64150" s="1" t="s">
        <v>207852</v>
      </c>
      <c r="J64150" s="1" t="s">
        <v>214187</v>
      </c>
    </row>
    <row r="64151" spans="1:10" x14ac:dyDescent="0.35">
      <c r="A64151" s="1" t="s">
        <v>28083</v>
      </c>
      <c r="B64151" s="1" t="s">
        <v>207847</v>
      </c>
      <c r="C64151" s="1" t="s">
        <v>160</v>
      </c>
      <c r="D64151" s="1" t="s">
        <v>16913</v>
      </c>
      <c r="E64151" s="1" t="s">
        <v>78759</v>
      </c>
      <c r="F64151" s="1" t="s">
        <v>214188</v>
      </c>
      <c r="G64151" s="1" t="s">
        <v>214131</v>
      </c>
      <c r="H64151" s="1" t="s">
        <v>214132</v>
      </c>
      <c r="I64151" s="1" t="s">
        <v>207852</v>
      </c>
      <c r="J64151" s="1" t="s">
        <v>214189</v>
      </c>
    </row>
    <row r="64152" spans="1:10" x14ac:dyDescent="0.35">
      <c r="A64152" s="1" t="s">
        <v>28083</v>
      </c>
      <c r="B64152" s="1" t="s">
        <v>207847</v>
      </c>
      <c r="C64152" s="1" t="s">
        <v>165</v>
      </c>
      <c r="D64152" s="1" t="s">
        <v>214190</v>
      </c>
      <c r="E64152" s="1" t="s">
        <v>77819</v>
      </c>
      <c r="F64152" s="1" t="s">
        <v>105309</v>
      </c>
      <c r="G64152" s="1" t="s">
        <v>214131</v>
      </c>
      <c r="H64152" s="1" t="s">
        <v>214132</v>
      </c>
      <c r="I64152" s="1" t="s">
        <v>207852</v>
      </c>
      <c r="J64152" s="1" t="s">
        <v>214191</v>
      </c>
    </row>
    <row r="64153" spans="1:10" x14ac:dyDescent="0.35">
      <c r="A64153" s="1" t="s">
        <v>28083</v>
      </c>
      <c r="B64153" s="1" t="s">
        <v>207847</v>
      </c>
      <c r="C64153" s="1" t="s">
        <v>170</v>
      </c>
      <c r="D64153" s="1" t="s">
        <v>105778</v>
      </c>
      <c r="E64153" s="1" t="s">
        <v>144909</v>
      </c>
      <c r="F64153" s="1" t="s">
        <v>214192</v>
      </c>
      <c r="G64153" s="1" t="s">
        <v>214131</v>
      </c>
      <c r="H64153" s="1" t="s">
        <v>214132</v>
      </c>
      <c r="I64153" s="1" t="s">
        <v>207852</v>
      </c>
      <c r="J64153" s="1" t="s">
        <v>214193</v>
      </c>
    </row>
    <row r="64154" spans="1:10" x14ac:dyDescent="0.35">
      <c r="A64154" s="1" t="s">
        <v>1560</v>
      </c>
      <c r="B64154" s="1" t="s">
        <v>207847</v>
      </c>
      <c r="C64154" s="1" t="s">
        <v>8</v>
      </c>
      <c r="D64154" s="1" t="s">
        <v>42150</v>
      </c>
      <c r="E64154" s="1" t="s">
        <v>214194</v>
      </c>
      <c r="F64154" s="1" t="s">
        <v>214195</v>
      </c>
      <c r="G64154" s="1" t="s">
        <v>214196</v>
      </c>
      <c r="H64154" s="1" t="s">
        <v>214197</v>
      </c>
      <c r="I64154" s="1" t="s">
        <v>207852</v>
      </c>
      <c r="J64154" s="1" t="s">
        <v>13</v>
      </c>
    </row>
    <row r="64155" spans="1:10" x14ac:dyDescent="0.35">
      <c r="A64155" s="1" t="s">
        <v>1560</v>
      </c>
      <c r="B64155" s="1" t="s">
        <v>207847</v>
      </c>
      <c r="C64155" s="1" t="s">
        <v>15</v>
      </c>
      <c r="D64155" s="1" t="s">
        <v>157842</v>
      </c>
      <c r="E64155" s="1" t="s">
        <v>214198</v>
      </c>
      <c r="F64155" s="1" t="s">
        <v>214199</v>
      </c>
      <c r="G64155" s="1" t="s">
        <v>214196</v>
      </c>
      <c r="H64155" s="1" t="s">
        <v>214197</v>
      </c>
      <c r="I64155" s="1" t="s">
        <v>207852</v>
      </c>
      <c r="J64155" s="1" t="s">
        <v>214200</v>
      </c>
    </row>
    <row r="64156" spans="1:10" x14ac:dyDescent="0.35">
      <c r="A64156" s="1" t="s">
        <v>1560</v>
      </c>
      <c r="B64156" s="1" t="s">
        <v>207847</v>
      </c>
      <c r="C64156" s="1" t="s">
        <v>20</v>
      </c>
      <c r="D64156" s="1" t="s">
        <v>119873</v>
      </c>
      <c r="E64156" s="1" t="s">
        <v>214201</v>
      </c>
      <c r="F64156" s="1" t="s">
        <v>214202</v>
      </c>
      <c r="G64156" s="1" t="s">
        <v>214196</v>
      </c>
      <c r="H64156" s="1" t="s">
        <v>214197</v>
      </c>
      <c r="I64156" s="1" t="s">
        <v>207852</v>
      </c>
      <c r="J64156" s="1" t="s">
        <v>214203</v>
      </c>
    </row>
    <row r="64157" spans="1:10" x14ac:dyDescent="0.35">
      <c r="A64157" s="1" t="s">
        <v>1560</v>
      </c>
      <c r="B64157" s="1" t="s">
        <v>207847</v>
      </c>
      <c r="C64157" s="1" t="s">
        <v>25</v>
      </c>
      <c r="D64157" s="1" t="s">
        <v>33219</v>
      </c>
      <c r="E64157" s="1" t="s">
        <v>214204</v>
      </c>
      <c r="F64157" s="1" t="s">
        <v>214205</v>
      </c>
      <c r="G64157" s="1" t="s">
        <v>214196</v>
      </c>
      <c r="H64157" s="1" t="s">
        <v>214197</v>
      </c>
      <c r="I64157" s="1" t="s">
        <v>207852</v>
      </c>
      <c r="J64157" s="1" t="s">
        <v>214206</v>
      </c>
    </row>
    <row r="64158" spans="1:10" x14ac:dyDescent="0.35">
      <c r="A64158" s="1" t="s">
        <v>1560</v>
      </c>
      <c r="B64158" s="1" t="s">
        <v>207847</v>
      </c>
      <c r="C64158" s="1" t="s">
        <v>30</v>
      </c>
      <c r="D64158" s="1" t="s">
        <v>73037</v>
      </c>
      <c r="E64158" s="1" t="s">
        <v>214207</v>
      </c>
      <c r="F64158" s="1" t="s">
        <v>214208</v>
      </c>
      <c r="G64158" s="1" t="s">
        <v>214196</v>
      </c>
      <c r="H64158" s="1" t="s">
        <v>214197</v>
      </c>
      <c r="I64158" s="1" t="s">
        <v>207852</v>
      </c>
      <c r="J64158" s="1" t="s">
        <v>214209</v>
      </c>
    </row>
    <row r="64159" spans="1:10" x14ac:dyDescent="0.35">
      <c r="A64159" s="1" t="s">
        <v>1560</v>
      </c>
      <c r="B64159" s="1" t="s">
        <v>207847</v>
      </c>
      <c r="C64159" s="1" t="s">
        <v>35</v>
      </c>
      <c r="D64159" s="1" t="s">
        <v>47744</v>
      </c>
      <c r="E64159" s="1" t="s">
        <v>214210</v>
      </c>
      <c r="F64159" s="1" t="s">
        <v>214211</v>
      </c>
      <c r="G64159" s="1" t="s">
        <v>214196</v>
      </c>
      <c r="H64159" s="1" t="s">
        <v>214197</v>
      </c>
      <c r="I64159" s="1" t="s">
        <v>207852</v>
      </c>
      <c r="J64159" s="1" t="s">
        <v>214212</v>
      </c>
    </row>
    <row r="64160" spans="1:10" x14ac:dyDescent="0.35">
      <c r="A64160" s="1" t="s">
        <v>1560</v>
      </c>
      <c r="B64160" s="1" t="s">
        <v>207847</v>
      </c>
      <c r="C64160" s="1" t="s">
        <v>40</v>
      </c>
      <c r="D64160" s="1" t="s">
        <v>188271</v>
      </c>
      <c r="E64160" s="1" t="s">
        <v>214213</v>
      </c>
      <c r="F64160" s="1" t="s">
        <v>214214</v>
      </c>
      <c r="G64160" s="1" t="s">
        <v>214196</v>
      </c>
      <c r="H64160" s="1" t="s">
        <v>214197</v>
      </c>
      <c r="I64160" s="1" t="s">
        <v>207852</v>
      </c>
      <c r="J64160" s="1" t="s">
        <v>214215</v>
      </c>
    </row>
    <row r="64161" spans="1:10" x14ac:dyDescent="0.35">
      <c r="A64161" s="1" t="s">
        <v>1560</v>
      </c>
      <c r="B64161" s="1" t="s">
        <v>207847</v>
      </c>
      <c r="C64161" s="1" t="s">
        <v>45</v>
      </c>
      <c r="D64161" s="1" t="s">
        <v>214216</v>
      </c>
      <c r="E64161" s="1" t="s">
        <v>214217</v>
      </c>
      <c r="F64161" s="1" t="s">
        <v>214218</v>
      </c>
      <c r="G64161" s="1" t="s">
        <v>214196</v>
      </c>
      <c r="H64161" s="1" t="s">
        <v>214197</v>
      </c>
      <c r="I64161" s="1" t="s">
        <v>207852</v>
      </c>
      <c r="J64161" s="1" t="s">
        <v>214219</v>
      </c>
    </row>
    <row r="64162" spans="1:10" x14ac:dyDescent="0.35">
      <c r="A64162" s="1" t="s">
        <v>1560</v>
      </c>
      <c r="B64162" s="1" t="s">
        <v>207847</v>
      </c>
      <c r="C64162" s="1" t="s">
        <v>50</v>
      </c>
      <c r="D64162" s="1" t="s">
        <v>185513</v>
      </c>
      <c r="E64162" s="1" t="s">
        <v>214220</v>
      </c>
      <c r="F64162" s="1" t="s">
        <v>214221</v>
      </c>
      <c r="G64162" s="1" t="s">
        <v>214196</v>
      </c>
      <c r="H64162" s="1" t="s">
        <v>214197</v>
      </c>
      <c r="I64162" s="1" t="s">
        <v>207852</v>
      </c>
      <c r="J64162" s="1" t="s">
        <v>214222</v>
      </c>
    </row>
    <row r="64163" spans="1:10" x14ac:dyDescent="0.35">
      <c r="A64163" s="1" t="s">
        <v>1560</v>
      </c>
      <c r="B64163" s="1" t="s">
        <v>207847</v>
      </c>
      <c r="C64163" s="1" t="s">
        <v>55</v>
      </c>
      <c r="D64163" s="1" t="s">
        <v>36828</v>
      </c>
      <c r="E64163" s="1" t="s">
        <v>214223</v>
      </c>
      <c r="F64163" s="1" t="s">
        <v>214224</v>
      </c>
      <c r="G64163" s="1" t="s">
        <v>214196</v>
      </c>
      <c r="H64163" s="1" t="s">
        <v>214197</v>
      </c>
      <c r="I64163" s="1" t="s">
        <v>207852</v>
      </c>
      <c r="J64163" s="1" t="s">
        <v>214225</v>
      </c>
    </row>
    <row r="64164" spans="1:10" x14ac:dyDescent="0.35">
      <c r="A64164" s="1" t="s">
        <v>1560</v>
      </c>
      <c r="B64164" s="1" t="s">
        <v>207847</v>
      </c>
      <c r="C64164" s="1" t="s">
        <v>60</v>
      </c>
      <c r="D64164" s="1" t="s">
        <v>184788</v>
      </c>
      <c r="E64164" s="1" t="s">
        <v>214226</v>
      </c>
      <c r="F64164" s="1" t="s">
        <v>214227</v>
      </c>
      <c r="G64164" s="1" t="s">
        <v>214196</v>
      </c>
      <c r="H64164" s="1" t="s">
        <v>214197</v>
      </c>
      <c r="I64164" s="1" t="s">
        <v>207852</v>
      </c>
      <c r="J64164" s="1" t="s">
        <v>214228</v>
      </c>
    </row>
    <row r="64165" spans="1:10" x14ac:dyDescent="0.35">
      <c r="A64165" s="1" t="s">
        <v>1560</v>
      </c>
      <c r="B64165" s="1" t="s">
        <v>207847</v>
      </c>
      <c r="C64165" s="1" t="s">
        <v>65</v>
      </c>
      <c r="D64165" s="1" t="s">
        <v>214229</v>
      </c>
      <c r="E64165" s="1" t="s">
        <v>214230</v>
      </c>
      <c r="F64165" s="1" t="s">
        <v>214231</v>
      </c>
      <c r="G64165" s="1" t="s">
        <v>214196</v>
      </c>
      <c r="H64165" s="1" t="s">
        <v>214197</v>
      </c>
      <c r="I64165" s="1" t="s">
        <v>207852</v>
      </c>
      <c r="J64165" s="1" t="s">
        <v>214232</v>
      </c>
    </row>
    <row r="64166" spans="1:10" x14ac:dyDescent="0.35">
      <c r="A64166" s="1" t="s">
        <v>1560</v>
      </c>
      <c r="B64166" s="1" t="s">
        <v>207847</v>
      </c>
      <c r="C64166" s="1" t="s">
        <v>70</v>
      </c>
      <c r="D64166" s="1" t="s">
        <v>3066</v>
      </c>
      <c r="E64166" s="1" t="s">
        <v>214233</v>
      </c>
      <c r="F64166" s="1" t="s">
        <v>214234</v>
      </c>
      <c r="G64166" s="1" t="s">
        <v>214196</v>
      </c>
      <c r="H64166" s="1" t="s">
        <v>214197</v>
      </c>
      <c r="I64166" s="1" t="s">
        <v>207852</v>
      </c>
      <c r="J64166" s="1" t="s">
        <v>214235</v>
      </c>
    </row>
    <row r="64167" spans="1:10" x14ac:dyDescent="0.35">
      <c r="A64167" s="1" t="s">
        <v>1560</v>
      </c>
      <c r="B64167" s="1" t="s">
        <v>207847</v>
      </c>
      <c r="C64167" s="1" t="s">
        <v>75</v>
      </c>
      <c r="D64167" s="1" t="s">
        <v>114777</v>
      </c>
      <c r="E64167" s="1" t="s">
        <v>214236</v>
      </c>
      <c r="F64167" s="1" t="s">
        <v>214237</v>
      </c>
      <c r="G64167" s="1" t="s">
        <v>214196</v>
      </c>
      <c r="H64167" s="1" t="s">
        <v>214197</v>
      </c>
      <c r="I64167" s="1" t="s">
        <v>207852</v>
      </c>
      <c r="J64167" s="1" t="s">
        <v>214238</v>
      </c>
    </row>
    <row r="64168" spans="1:10" x14ac:dyDescent="0.35">
      <c r="A64168" s="1" t="s">
        <v>1560</v>
      </c>
      <c r="B64168" s="1" t="s">
        <v>207847</v>
      </c>
      <c r="C64168" s="1" t="s">
        <v>80</v>
      </c>
      <c r="D64168" s="1" t="s">
        <v>206648</v>
      </c>
      <c r="E64168" s="1" t="s">
        <v>214239</v>
      </c>
      <c r="F64168" s="1" t="s">
        <v>214240</v>
      </c>
      <c r="G64168" s="1" t="s">
        <v>214196</v>
      </c>
      <c r="H64168" s="1" t="s">
        <v>214197</v>
      </c>
      <c r="I64168" s="1" t="s">
        <v>207852</v>
      </c>
      <c r="J64168" s="1" t="s">
        <v>214241</v>
      </c>
    </row>
    <row r="64169" spans="1:10" x14ac:dyDescent="0.35">
      <c r="A64169" s="1" t="s">
        <v>1560</v>
      </c>
      <c r="B64169" s="1" t="s">
        <v>207847</v>
      </c>
      <c r="C64169" s="1" t="s">
        <v>85</v>
      </c>
      <c r="D64169" s="1" t="s">
        <v>30960</v>
      </c>
      <c r="E64169" s="1" t="s">
        <v>214242</v>
      </c>
      <c r="F64169" s="1" t="s">
        <v>214243</v>
      </c>
      <c r="G64169" s="1" t="s">
        <v>214196</v>
      </c>
      <c r="H64169" s="1" t="s">
        <v>214197</v>
      </c>
      <c r="I64169" s="1" t="s">
        <v>207852</v>
      </c>
      <c r="J64169" s="1" t="s">
        <v>214244</v>
      </c>
    </row>
    <row r="64170" spans="1:10" x14ac:dyDescent="0.35">
      <c r="A64170" s="1" t="s">
        <v>1560</v>
      </c>
      <c r="B64170" s="1" t="s">
        <v>207847</v>
      </c>
      <c r="C64170" s="1" t="s">
        <v>90</v>
      </c>
      <c r="D64170" s="1" t="s">
        <v>19132</v>
      </c>
      <c r="E64170" s="1" t="s">
        <v>214245</v>
      </c>
      <c r="F64170" s="1" t="s">
        <v>214246</v>
      </c>
      <c r="G64170" s="1" t="s">
        <v>214196</v>
      </c>
      <c r="H64170" s="1" t="s">
        <v>214197</v>
      </c>
      <c r="I64170" s="1" t="s">
        <v>207852</v>
      </c>
      <c r="J64170" s="1" t="s">
        <v>214247</v>
      </c>
    </row>
    <row r="64171" spans="1:10" x14ac:dyDescent="0.35">
      <c r="A64171" s="1" t="s">
        <v>1560</v>
      </c>
      <c r="B64171" s="1" t="s">
        <v>207847</v>
      </c>
      <c r="C64171" s="1" t="s">
        <v>95</v>
      </c>
      <c r="D64171" s="1" t="s">
        <v>17601</v>
      </c>
      <c r="E64171" s="1" t="s">
        <v>214248</v>
      </c>
      <c r="F64171" s="1" t="s">
        <v>214249</v>
      </c>
      <c r="G64171" s="1" t="s">
        <v>214196</v>
      </c>
      <c r="H64171" s="1" t="s">
        <v>214197</v>
      </c>
      <c r="I64171" s="1" t="s">
        <v>207852</v>
      </c>
      <c r="J64171" s="1" t="s">
        <v>214250</v>
      </c>
    </row>
    <row r="64172" spans="1:10" x14ac:dyDescent="0.35">
      <c r="A64172" s="1" t="s">
        <v>1560</v>
      </c>
      <c r="B64172" s="1" t="s">
        <v>207847</v>
      </c>
      <c r="C64172" s="1" t="s">
        <v>100</v>
      </c>
      <c r="D64172" s="1" t="s">
        <v>206282</v>
      </c>
      <c r="E64172" s="1" t="s">
        <v>214251</v>
      </c>
      <c r="F64172" s="1" t="s">
        <v>214252</v>
      </c>
      <c r="G64172" s="1" t="s">
        <v>214196</v>
      </c>
      <c r="H64172" s="1" t="s">
        <v>214197</v>
      </c>
      <c r="I64172" s="1" t="s">
        <v>207852</v>
      </c>
      <c r="J64172" s="1" t="s">
        <v>214253</v>
      </c>
    </row>
    <row r="64173" spans="1:10" x14ac:dyDescent="0.35">
      <c r="A64173" s="1" t="s">
        <v>1560</v>
      </c>
      <c r="B64173" s="1" t="s">
        <v>207847</v>
      </c>
      <c r="C64173" s="1" t="s">
        <v>105</v>
      </c>
      <c r="D64173" s="1" t="s">
        <v>214254</v>
      </c>
      <c r="E64173" s="1" t="s">
        <v>214255</v>
      </c>
      <c r="F64173" s="1" t="s">
        <v>214256</v>
      </c>
      <c r="G64173" s="1" t="s">
        <v>214196</v>
      </c>
      <c r="H64173" s="1" t="s">
        <v>214197</v>
      </c>
      <c r="I64173" s="1" t="s">
        <v>207852</v>
      </c>
      <c r="J64173" s="1" t="s">
        <v>214257</v>
      </c>
    </row>
    <row r="64174" spans="1:10" x14ac:dyDescent="0.35">
      <c r="A64174" s="1" t="s">
        <v>1560</v>
      </c>
      <c r="B64174" s="1" t="s">
        <v>207847</v>
      </c>
      <c r="C64174" s="1" t="s">
        <v>110</v>
      </c>
      <c r="D64174" s="1" t="s">
        <v>214258</v>
      </c>
      <c r="E64174" s="1" t="s">
        <v>214259</v>
      </c>
      <c r="F64174" s="1" t="s">
        <v>214260</v>
      </c>
      <c r="G64174" s="1" t="s">
        <v>214196</v>
      </c>
      <c r="H64174" s="1" t="s">
        <v>214197</v>
      </c>
      <c r="I64174" s="1" t="s">
        <v>207852</v>
      </c>
      <c r="J64174" s="1" t="s">
        <v>214261</v>
      </c>
    </row>
    <row r="64175" spans="1:10" x14ac:dyDescent="0.35">
      <c r="A64175" s="1" t="s">
        <v>1560</v>
      </c>
      <c r="B64175" s="1" t="s">
        <v>207847</v>
      </c>
      <c r="C64175" s="1" t="s">
        <v>115</v>
      </c>
      <c r="D64175" s="1" t="s">
        <v>214262</v>
      </c>
      <c r="E64175" s="1" t="s">
        <v>214263</v>
      </c>
      <c r="F64175" s="1" t="s">
        <v>214264</v>
      </c>
      <c r="G64175" s="1" t="s">
        <v>214196</v>
      </c>
      <c r="H64175" s="1" t="s">
        <v>214197</v>
      </c>
      <c r="I64175" s="1" t="s">
        <v>207852</v>
      </c>
      <c r="J64175" s="1" t="s">
        <v>214265</v>
      </c>
    </row>
    <row r="64176" spans="1:10" x14ac:dyDescent="0.35">
      <c r="A64176" s="1" t="s">
        <v>1560</v>
      </c>
      <c r="B64176" s="1" t="s">
        <v>207847</v>
      </c>
      <c r="C64176" s="1" t="s">
        <v>120</v>
      </c>
      <c r="D64176" s="1" t="s">
        <v>187866</v>
      </c>
      <c r="E64176" s="1" t="s">
        <v>214266</v>
      </c>
      <c r="F64176" s="1" t="s">
        <v>214267</v>
      </c>
      <c r="G64176" s="1" t="s">
        <v>214196</v>
      </c>
      <c r="H64176" s="1" t="s">
        <v>214197</v>
      </c>
      <c r="I64176" s="1" t="s">
        <v>207852</v>
      </c>
      <c r="J64176" s="1" t="s">
        <v>214268</v>
      </c>
    </row>
    <row r="64177" spans="1:10" x14ac:dyDescent="0.35">
      <c r="A64177" s="1" t="s">
        <v>1560</v>
      </c>
      <c r="B64177" s="1" t="s">
        <v>207847</v>
      </c>
      <c r="C64177" s="1" t="s">
        <v>125</v>
      </c>
      <c r="D64177" s="1" t="s">
        <v>57861</v>
      </c>
      <c r="E64177" s="1" t="s">
        <v>214269</v>
      </c>
      <c r="F64177" s="1" t="s">
        <v>214270</v>
      </c>
      <c r="G64177" s="1" t="s">
        <v>214196</v>
      </c>
      <c r="H64177" s="1" t="s">
        <v>214197</v>
      </c>
      <c r="I64177" s="1" t="s">
        <v>207852</v>
      </c>
      <c r="J64177" s="1" t="s">
        <v>214271</v>
      </c>
    </row>
    <row r="64178" spans="1:10" x14ac:dyDescent="0.35">
      <c r="A64178" s="1" t="s">
        <v>1560</v>
      </c>
      <c r="B64178" s="1" t="s">
        <v>207847</v>
      </c>
      <c r="C64178" s="1" t="s">
        <v>130</v>
      </c>
      <c r="D64178" s="1" t="s">
        <v>154820</v>
      </c>
      <c r="E64178" s="1" t="s">
        <v>214272</v>
      </c>
      <c r="F64178" s="1" t="s">
        <v>214273</v>
      </c>
      <c r="G64178" s="1" t="s">
        <v>214196</v>
      </c>
      <c r="H64178" s="1" t="s">
        <v>214197</v>
      </c>
      <c r="I64178" s="1" t="s">
        <v>207852</v>
      </c>
      <c r="J64178" s="1" t="s">
        <v>214274</v>
      </c>
    </row>
    <row r="64179" spans="1:10" x14ac:dyDescent="0.35">
      <c r="A64179" s="1" t="s">
        <v>1560</v>
      </c>
      <c r="B64179" s="1" t="s">
        <v>207847</v>
      </c>
      <c r="C64179" s="1" t="s">
        <v>135</v>
      </c>
      <c r="D64179" s="1" t="s">
        <v>214275</v>
      </c>
      <c r="E64179" s="1" t="s">
        <v>214276</v>
      </c>
      <c r="F64179" s="1" t="s">
        <v>214277</v>
      </c>
      <c r="G64179" s="1" t="s">
        <v>214196</v>
      </c>
      <c r="H64179" s="1" t="s">
        <v>214197</v>
      </c>
      <c r="I64179" s="1" t="s">
        <v>207852</v>
      </c>
      <c r="J64179" s="1" t="s">
        <v>214278</v>
      </c>
    </row>
    <row r="64180" spans="1:10" x14ac:dyDescent="0.35">
      <c r="A64180" s="1" t="s">
        <v>1560</v>
      </c>
      <c r="B64180" s="1" t="s">
        <v>207847</v>
      </c>
      <c r="C64180" s="1" t="s">
        <v>140</v>
      </c>
      <c r="D64180" s="1" t="s">
        <v>214279</v>
      </c>
      <c r="E64180" s="1" t="s">
        <v>214280</v>
      </c>
      <c r="F64180" s="1" t="s">
        <v>214281</v>
      </c>
      <c r="G64180" s="1" t="s">
        <v>214196</v>
      </c>
      <c r="H64180" s="1" t="s">
        <v>214197</v>
      </c>
      <c r="I64180" s="1" t="s">
        <v>207852</v>
      </c>
      <c r="J64180" s="1" t="s">
        <v>214282</v>
      </c>
    </row>
    <row r="64181" spans="1:10" x14ac:dyDescent="0.35">
      <c r="A64181" s="1" t="s">
        <v>1560</v>
      </c>
      <c r="B64181" s="1" t="s">
        <v>207847</v>
      </c>
      <c r="C64181" s="1" t="s">
        <v>145</v>
      </c>
      <c r="D64181" s="1" t="s">
        <v>214283</v>
      </c>
      <c r="E64181" s="1" t="s">
        <v>214284</v>
      </c>
      <c r="F64181" s="1" t="s">
        <v>214285</v>
      </c>
      <c r="G64181" s="1" t="s">
        <v>214196</v>
      </c>
      <c r="H64181" s="1" t="s">
        <v>214197</v>
      </c>
      <c r="I64181" s="1" t="s">
        <v>207852</v>
      </c>
      <c r="J64181" s="1" t="s">
        <v>214286</v>
      </c>
    </row>
    <row r="64182" spans="1:10" x14ac:dyDescent="0.35">
      <c r="A64182" s="1" t="s">
        <v>1560</v>
      </c>
      <c r="B64182" s="1" t="s">
        <v>207847</v>
      </c>
      <c r="C64182" s="1" t="s">
        <v>150</v>
      </c>
      <c r="D64182" s="1" t="s">
        <v>109401</v>
      </c>
      <c r="E64182" s="1" t="s">
        <v>214287</v>
      </c>
      <c r="F64182" s="1" t="s">
        <v>214288</v>
      </c>
      <c r="G64182" s="1" t="s">
        <v>214196</v>
      </c>
      <c r="H64182" s="1" t="s">
        <v>214197</v>
      </c>
      <c r="I64182" s="1" t="s">
        <v>207852</v>
      </c>
      <c r="J64182" s="1" t="s">
        <v>214289</v>
      </c>
    </row>
    <row r="64183" spans="1:10" x14ac:dyDescent="0.35">
      <c r="A64183" s="1" t="s">
        <v>1560</v>
      </c>
      <c r="B64183" s="1" t="s">
        <v>207847</v>
      </c>
      <c r="C64183" s="1" t="s">
        <v>155</v>
      </c>
      <c r="D64183" s="1" t="s">
        <v>134683</v>
      </c>
      <c r="E64183" s="1" t="s">
        <v>214290</v>
      </c>
      <c r="F64183" s="1" t="s">
        <v>214291</v>
      </c>
      <c r="G64183" s="1" t="s">
        <v>214196</v>
      </c>
      <c r="H64183" s="1" t="s">
        <v>214197</v>
      </c>
      <c r="I64183" s="1" t="s">
        <v>207852</v>
      </c>
      <c r="J64183" s="1" t="s">
        <v>214292</v>
      </c>
    </row>
    <row r="64184" spans="1:10" x14ac:dyDescent="0.35">
      <c r="A64184" s="1" t="s">
        <v>1560</v>
      </c>
      <c r="B64184" s="1" t="s">
        <v>207847</v>
      </c>
      <c r="C64184" s="1" t="s">
        <v>160</v>
      </c>
      <c r="D64184" s="1" t="s">
        <v>94336</v>
      </c>
      <c r="E64184" s="1" t="s">
        <v>214293</v>
      </c>
      <c r="F64184" s="1" t="s">
        <v>214294</v>
      </c>
      <c r="G64184" s="1" t="s">
        <v>214196</v>
      </c>
      <c r="H64184" s="1" t="s">
        <v>214197</v>
      </c>
      <c r="I64184" s="1" t="s">
        <v>207852</v>
      </c>
      <c r="J64184" s="1" t="s">
        <v>214295</v>
      </c>
    </row>
    <row r="64185" spans="1:10" x14ac:dyDescent="0.35">
      <c r="A64185" s="1" t="s">
        <v>1560</v>
      </c>
      <c r="B64185" s="1" t="s">
        <v>207847</v>
      </c>
      <c r="C64185" s="1" t="s">
        <v>165</v>
      </c>
      <c r="D64185" s="1" t="s">
        <v>62309</v>
      </c>
      <c r="E64185" s="1" t="s">
        <v>214296</v>
      </c>
      <c r="F64185" s="1" t="s">
        <v>214297</v>
      </c>
      <c r="G64185" s="1" t="s">
        <v>214196</v>
      </c>
      <c r="H64185" s="1" t="s">
        <v>214197</v>
      </c>
      <c r="I64185" s="1" t="s">
        <v>207852</v>
      </c>
      <c r="J64185" s="1" t="s">
        <v>214298</v>
      </c>
    </row>
    <row r="64186" spans="1:10" x14ac:dyDescent="0.35">
      <c r="A64186" s="1" t="s">
        <v>1560</v>
      </c>
      <c r="B64186" s="1" t="s">
        <v>207847</v>
      </c>
      <c r="C64186" s="1" t="s">
        <v>170</v>
      </c>
      <c r="D64186" s="1" t="s">
        <v>214299</v>
      </c>
      <c r="E64186" s="1" t="s">
        <v>214300</v>
      </c>
      <c r="F64186" s="1" t="s">
        <v>214301</v>
      </c>
      <c r="G64186" s="1" t="s">
        <v>214196</v>
      </c>
      <c r="H64186" s="1" t="s">
        <v>214197</v>
      </c>
      <c r="I64186" s="1" t="s">
        <v>207852</v>
      </c>
      <c r="J64186" s="1" t="s">
        <v>214302</v>
      </c>
    </row>
    <row r="64187" spans="1:10" x14ac:dyDescent="0.35">
      <c r="A64187" s="1" t="s">
        <v>28985</v>
      </c>
      <c r="B64187" s="1" t="s">
        <v>207847</v>
      </c>
      <c r="C64187" s="1" t="s">
        <v>8</v>
      </c>
      <c r="D64187" s="1" t="s">
        <v>74734</v>
      </c>
      <c r="E64187" s="1" t="s">
        <v>214303</v>
      </c>
      <c r="F64187" s="1" t="s">
        <v>214304</v>
      </c>
      <c r="G64187" s="1" t="s">
        <v>214305</v>
      </c>
      <c r="H64187" s="1" t="s">
        <v>214306</v>
      </c>
      <c r="I64187" s="1" t="s">
        <v>207852</v>
      </c>
      <c r="J64187" s="1" t="s">
        <v>13</v>
      </c>
    </row>
    <row r="64188" spans="1:10" x14ac:dyDescent="0.35">
      <c r="A64188" s="1" t="s">
        <v>28985</v>
      </c>
      <c r="B64188" s="1" t="s">
        <v>207847</v>
      </c>
      <c r="C64188" s="1" t="s">
        <v>15</v>
      </c>
      <c r="D64188" s="1" t="s">
        <v>38405</v>
      </c>
      <c r="E64188" s="1" t="s">
        <v>214307</v>
      </c>
      <c r="F64188" s="1" t="s">
        <v>214308</v>
      </c>
      <c r="G64188" s="1" t="s">
        <v>214305</v>
      </c>
      <c r="H64188" s="1" t="s">
        <v>214306</v>
      </c>
      <c r="I64188" s="1" t="s">
        <v>207852</v>
      </c>
      <c r="J64188" s="1" t="s">
        <v>214309</v>
      </c>
    </row>
    <row r="64189" spans="1:10" x14ac:dyDescent="0.35">
      <c r="A64189" s="1" t="s">
        <v>28985</v>
      </c>
      <c r="B64189" s="1" t="s">
        <v>207847</v>
      </c>
      <c r="C64189" s="1" t="s">
        <v>20</v>
      </c>
      <c r="D64189" s="1" t="s">
        <v>202251</v>
      </c>
      <c r="E64189" s="1" t="s">
        <v>214310</v>
      </c>
      <c r="F64189" s="1" t="s">
        <v>214311</v>
      </c>
      <c r="G64189" s="1" t="s">
        <v>214305</v>
      </c>
      <c r="H64189" s="1" t="s">
        <v>214306</v>
      </c>
      <c r="I64189" s="1" t="s">
        <v>207852</v>
      </c>
      <c r="J64189" s="1" t="s">
        <v>214312</v>
      </c>
    </row>
    <row r="64190" spans="1:10" x14ac:dyDescent="0.35">
      <c r="A64190" s="1" t="s">
        <v>28985</v>
      </c>
      <c r="B64190" s="1" t="s">
        <v>207847</v>
      </c>
      <c r="C64190" s="1" t="s">
        <v>25</v>
      </c>
      <c r="D64190" s="1" t="s">
        <v>191778</v>
      </c>
      <c r="E64190" s="1" t="s">
        <v>214313</v>
      </c>
      <c r="F64190" s="1" t="s">
        <v>214314</v>
      </c>
      <c r="G64190" s="1" t="s">
        <v>214305</v>
      </c>
      <c r="H64190" s="1" t="s">
        <v>214306</v>
      </c>
      <c r="I64190" s="1" t="s">
        <v>207852</v>
      </c>
      <c r="J64190" s="1" t="s">
        <v>214315</v>
      </c>
    </row>
    <row r="64191" spans="1:10" x14ac:dyDescent="0.35">
      <c r="A64191" s="1" t="s">
        <v>28985</v>
      </c>
      <c r="B64191" s="1" t="s">
        <v>207847</v>
      </c>
      <c r="C64191" s="1" t="s">
        <v>30</v>
      </c>
      <c r="D64191" s="1" t="s">
        <v>3028</v>
      </c>
      <c r="E64191" s="1" t="s">
        <v>214316</v>
      </c>
      <c r="F64191" s="1" t="s">
        <v>214317</v>
      </c>
      <c r="G64191" s="1" t="s">
        <v>214305</v>
      </c>
      <c r="H64191" s="1" t="s">
        <v>214306</v>
      </c>
      <c r="I64191" s="1" t="s">
        <v>207852</v>
      </c>
      <c r="J64191" s="1" t="s">
        <v>214318</v>
      </c>
    </row>
    <row r="64192" spans="1:10" x14ac:dyDescent="0.35">
      <c r="A64192" s="1" t="s">
        <v>28985</v>
      </c>
      <c r="B64192" s="1" t="s">
        <v>207847</v>
      </c>
      <c r="C64192" s="1" t="s">
        <v>35</v>
      </c>
      <c r="D64192" s="1" t="s">
        <v>31455</v>
      </c>
      <c r="E64192" s="1" t="s">
        <v>214319</v>
      </c>
      <c r="F64192" s="1" t="s">
        <v>214320</v>
      </c>
      <c r="G64192" s="1" t="s">
        <v>214305</v>
      </c>
      <c r="H64192" s="1" t="s">
        <v>214306</v>
      </c>
      <c r="I64192" s="1" t="s">
        <v>207852</v>
      </c>
      <c r="J64192" s="1" t="s">
        <v>214321</v>
      </c>
    </row>
    <row r="64193" spans="1:10" x14ac:dyDescent="0.35">
      <c r="A64193" s="1" t="s">
        <v>28985</v>
      </c>
      <c r="B64193" s="1" t="s">
        <v>207847</v>
      </c>
      <c r="C64193" s="1" t="s">
        <v>40</v>
      </c>
      <c r="D64193" s="1" t="s">
        <v>214322</v>
      </c>
      <c r="E64193" s="1" t="s">
        <v>214323</v>
      </c>
      <c r="F64193" s="1" t="s">
        <v>214324</v>
      </c>
      <c r="G64193" s="1" t="s">
        <v>214305</v>
      </c>
      <c r="H64193" s="1" t="s">
        <v>214306</v>
      </c>
      <c r="I64193" s="1" t="s">
        <v>207852</v>
      </c>
      <c r="J64193" s="1" t="s">
        <v>214325</v>
      </c>
    </row>
    <row r="64194" spans="1:10" x14ac:dyDescent="0.35">
      <c r="A64194" s="1" t="s">
        <v>28985</v>
      </c>
      <c r="B64194" s="1" t="s">
        <v>207847</v>
      </c>
      <c r="C64194" s="1" t="s">
        <v>45</v>
      </c>
      <c r="D64194" s="1" t="s">
        <v>115159</v>
      </c>
      <c r="E64194" s="1" t="s">
        <v>214326</v>
      </c>
      <c r="F64194" s="1" t="s">
        <v>214327</v>
      </c>
      <c r="G64194" s="1" t="s">
        <v>214305</v>
      </c>
      <c r="H64194" s="1" t="s">
        <v>214306</v>
      </c>
      <c r="I64194" s="1" t="s">
        <v>207852</v>
      </c>
      <c r="J64194" s="1" t="s">
        <v>214328</v>
      </c>
    </row>
    <row r="64195" spans="1:10" x14ac:dyDescent="0.35">
      <c r="A64195" s="1" t="s">
        <v>28985</v>
      </c>
      <c r="B64195" s="1" t="s">
        <v>207847</v>
      </c>
      <c r="C64195" s="1" t="s">
        <v>50</v>
      </c>
      <c r="D64195" s="1" t="s">
        <v>214329</v>
      </c>
      <c r="E64195" s="1" t="s">
        <v>214330</v>
      </c>
      <c r="F64195" s="1" t="s">
        <v>214331</v>
      </c>
      <c r="G64195" s="1" t="s">
        <v>214305</v>
      </c>
      <c r="H64195" s="1" t="s">
        <v>214306</v>
      </c>
      <c r="I64195" s="1" t="s">
        <v>207852</v>
      </c>
      <c r="J64195" s="1" t="s">
        <v>214332</v>
      </c>
    </row>
    <row r="64196" spans="1:10" x14ac:dyDescent="0.35">
      <c r="A64196" s="1" t="s">
        <v>28985</v>
      </c>
      <c r="B64196" s="1" t="s">
        <v>207847</v>
      </c>
      <c r="C64196" s="1" t="s">
        <v>55</v>
      </c>
      <c r="D64196" s="1" t="s">
        <v>214333</v>
      </c>
      <c r="E64196" s="1" t="s">
        <v>214334</v>
      </c>
      <c r="F64196" s="1" t="s">
        <v>214335</v>
      </c>
      <c r="G64196" s="1" t="s">
        <v>214305</v>
      </c>
      <c r="H64196" s="1" t="s">
        <v>214306</v>
      </c>
      <c r="I64196" s="1" t="s">
        <v>207852</v>
      </c>
      <c r="J64196" s="1" t="s">
        <v>214336</v>
      </c>
    </row>
    <row r="64197" spans="1:10" x14ac:dyDescent="0.35">
      <c r="A64197" s="1" t="s">
        <v>28985</v>
      </c>
      <c r="B64197" s="1" t="s">
        <v>207847</v>
      </c>
      <c r="C64197" s="1" t="s">
        <v>60</v>
      </c>
      <c r="D64197" s="1" t="s">
        <v>153942</v>
      </c>
      <c r="E64197" s="1" t="s">
        <v>214337</v>
      </c>
      <c r="F64197" s="1" t="s">
        <v>214338</v>
      </c>
      <c r="G64197" s="1" t="s">
        <v>214305</v>
      </c>
      <c r="H64197" s="1" t="s">
        <v>214306</v>
      </c>
      <c r="I64197" s="1" t="s">
        <v>207852</v>
      </c>
      <c r="J64197" s="1" t="s">
        <v>214339</v>
      </c>
    </row>
    <row r="64198" spans="1:10" x14ac:dyDescent="0.35">
      <c r="A64198" s="1" t="s">
        <v>28985</v>
      </c>
      <c r="B64198" s="1" t="s">
        <v>207847</v>
      </c>
      <c r="C64198" s="1" t="s">
        <v>65</v>
      </c>
      <c r="D64198" s="1" t="s">
        <v>214340</v>
      </c>
      <c r="E64198" s="1" t="s">
        <v>214341</v>
      </c>
      <c r="F64198" s="1" t="s">
        <v>214342</v>
      </c>
      <c r="G64198" s="1" t="s">
        <v>214305</v>
      </c>
      <c r="H64198" s="1" t="s">
        <v>214306</v>
      </c>
      <c r="I64198" s="1" t="s">
        <v>207852</v>
      </c>
      <c r="J64198" s="1" t="s">
        <v>214343</v>
      </c>
    </row>
    <row r="64199" spans="1:10" x14ac:dyDescent="0.35">
      <c r="A64199" s="1" t="s">
        <v>28985</v>
      </c>
      <c r="B64199" s="1" t="s">
        <v>207847</v>
      </c>
      <c r="C64199" s="1" t="s">
        <v>70</v>
      </c>
      <c r="D64199" s="1" t="s">
        <v>158076</v>
      </c>
      <c r="E64199" s="1" t="s">
        <v>214344</v>
      </c>
      <c r="F64199" s="1" t="s">
        <v>214345</v>
      </c>
      <c r="G64199" s="1" t="s">
        <v>214305</v>
      </c>
      <c r="H64199" s="1" t="s">
        <v>214306</v>
      </c>
      <c r="I64199" s="1" t="s">
        <v>207852</v>
      </c>
      <c r="J64199" s="1" t="s">
        <v>214346</v>
      </c>
    </row>
    <row r="64200" spans="1:10" x14ac:dyDescent="0.35">
      <c r="A64200" s="1" t="s">
        <v>28985</v>
      </c>
      <c r="B64200" s="1" t="s">
        <v>207847</v>
      </c>
      <c r="C64200" s="1" t="s">
        <v>75</v>
      </c>
      <c r="D64200" s="1" t="s">
        <v>82957</v>
      </c>
      <c r="E64200" s="1" t="s">
        <v>214347</v>
      </c>
      <c r="F64200" s="1" t="s">
        <v>214348</v>
      </c>
      <c r="G64200" s="1" t="s">
        <v>214305</v>
      </c>
      <c r="H64200" s="1" t="s">
        <v>214306</v>
      </c>
      <c r="I64200" s="1" t="s">
        <v>207852</v>
      </c>
      <c r="J64200" s="1" t="s">
        <v>214349</v>
      </c>
    </row>
    <row r="64201" spans="1:10" x14ac:dyDescent="0.35">
      <c r="A64201" s="1" t="s">
        <v>28985</v>
      </c>
      <c r="B64201" s="1" t="s">
        <v>207847</v>
      </c>
      <c r="C64201" s="1" t="s">
        <v>80</v>
      </c>
      <c r="D64201" s="1" t="s">
        <v>34219</v>
      </c>
      <c r="E64201" s="1" t="s">
        <v>214350</v>
      </c>
      <c r="F64201" s="1" t="s">
        <v>214351</v>
      </c>
      <c r="G64201" s="1" t="s">
        <v>214305</v>
      </c>
      <c r="H64201" s="1" t="s">
        <v>214306</v>
      </c>
      <c r="I64201" s="1" t="s">
        <v>207852</v>
      </c>
      <c r="J64201" s="1" t="s">
        <v>214352</v>
      </c>
    </row>
    <row r="64202" spans="1:10" x14ac:dyDescent="0.35">
      <c r="A64202" s="1" t="s">
        <v>28985</v>
      </c>
      <c r="B64202" s="1" t="s">
        <v>207847</v>
      </c>
      <c r="C64202" s="1" t="s">
        <v>85</v>
      </c>
      <c r="D64202" s="1" t="s">
        <v>155406</v>
      </c>
      <c r="E64202" s="1" t="s">
        <v>214353</v>
      </c>
      <c r="F64202" s="1" t="s">
        <v>214354</v>
      </c>
      <c r="G64202" s="1" t="s">
        <v>214305</v>
      </c>
      <c r="H64202" s="1" t="s">
        <v>214306</v>
      </c>
      <c r="I64202" s="1" t="s">
        <v>207852</v>
      </c>
      <c r="J64202" s="1" t="s">
        <v>214355</v>
      </c>
    </row>
    <row r="64203" spans="1:10" x14ac:dyDescent="0.35">
      <c r="A64203" s="1" t="s">
        <v>28985</v>
      </c>
      <c r="B64203" s="1" t="s">
        <v>207847</v>
      </c>
      <c r="C64203" s="1" t="s">
        <v>90</v>
      </c>
      <c r="D64203" s="1" t="s">
        <v>82496</v>
      </c>
      <c r="E64203" s="1" t="s">
        <v>214356</v>
      </c>
      <c r="F64203" s="1" t="s">
        <v>214357</v>
      </c>
      <c r="G64203" s="1" t="s">
        <v>214305</v>
      </c>
      <c r="H64203" s="1" t="s">
        <v>214306</v>
      </c>
      <c r="I64203" s="1" t="s">
        <v>207852</v>
      </c>
      <c r="J64203" s="1" t="s">
        <v>214358</v>
      </c>
    </row>
    <row r="64204" spans="1:10" x14ac:dyDescent="0.35">
      <c r="A64204" s="1" t="s">
        <v>28985</v>
      </c>
      <c r="B64204" s="1" t="s">
        <v>207847</v>
      </c>
      <c r="C64204" s="1" t="s">
        <v>95</v>
      </c>
      <c r="D64204" s="1" t="s">
        <v>58667</v>
      </c>
      <c r="E64204" s="1" t="s">
        <v>214359</v>
      </c>
      <c r="F64204" s="1" t="s">
        <v>214360</v>
      </c>
      <c r="G64204" s="1" t="s">
        <v>214305</v>
      </c>
      <c r="H64204" s="1" t="s">
        <v>214306</v>
      </c>
      <c r="I64204" s="1" t="s">
        <v>207852</v>
      </c>
      <c r="J64204" s="1" t="s">
        <v>214361</v>
      </c>
    </row>
    <row r="64205" spans="1:10" x14ac:dyDescent="0.35">
      <c r="A64205" s="1" t="s">
        <v>28985</v>
      </c>
      <c r="B64205" s="1" t="s">
        <v>207847</v>
      </c>
      <c r="C64205" s="1" t="s">
        <v>100</v>
      </c>
      <c r="D64205" s="1" t="s">
        <v>44127</v>
      </c>
      <c r="E64205" s="1" t="s">
        <v>214362</v>
      </c>
      <c r="F64205" s="1" t="s">
        <v>214363</v>
      </c>
      <c r="G64205" s="1" t="s">
        <v>214305</v>
      </c>
      <c r="H64205" s="1" t="s">
        <v>214306</v>
      </c>
      <c r="I64205" s="1" t="s">
        <v>207852</v>
      </c>
      <c r="J64205" s="1" t="s">
        <v>214364</v>
      </c>
    </row>
    <row r="64206" spans="1:10" x14ac:dyDescent="0.35">
      <c r="A64206" s="1" t="s">
        <v>28985</v>
      </c>
      <c r="B64206" s="1" t="s">
        <v>207847</v>
      </c>
      <c r="C64206" s="1" t="s">
        <v>105</v>
      </c>
      <c r="D64206" s="1" t="s">
        <v>214365</v>
      </c>
      <c r="E64206" s="1" t="s">
        <v>214366</v>
      </c>
      <c r="F64206" s="1" t="s">
        <v>214367</v>
      </c>
      <c r="G64206" s="1" t="s">
        <v>214305</v>
      </c>
      <c r="H64206" s="1" t="s">
        <v>214306</v>
      </c>
      <c r="I64206" s="1" t="s">
        <v>207852</v>
      </c>
      <c r="J64206" s="1" t="s">
        <v>214368</v>
      </c>
    </row>
    <row r="64207" spans="1:10" x14ac:dyDescent="0.35">
      <c r="A64207" s="1" t="s">
        <v>28985</v>
      </c>
      <c r="B64207" s="1" t="s">
        <v>207847</v>
      </c>
      <c r="C64207" s="1" t="s">
        <v>110</v>
      </c>
      <c r="D64207" s="1" t="s">
        <v>193958</v>
      </c>
      <c r="E64207" s="1" t="s">
        <v>214369</v>
      </c>
      <c r="F64207" s="1" t="s">
        <v>214370</v>
      </c>
      <c r="G64207" s="1" t="s">
        <v>214305</v>
      </c>
      <c r="H64207" s="1" t="s">
        <v>214306</v>
      </c>
      <c r="I64207" s="1" t="s">
        <v>207852</v>
      </c>
      <c r="J64207" s="1" t="s">
        <v>214371</v>
      </c>
    </row>
    <row r="64208" spans="1:10" x14ac:dyDescent="0.35">
      <c r="A64208" s="1" t="s">
        <v>28985</v>
      </c>
      <c r="B64208" s="1" t="s">
        <v>207847</v>
      </c>
      <c r="C64208" s="1" t="s">
        <v>115</v>
      </c>
      <c r="D64208" s="1" t="s">
        <v>59866</v>
      </c>
      <c r="E64208" s="1" t="s">
        <v>214372</v>
      </c>
      <c r="F64208" s="1" t="s">
        <v>214373</v>
      </c>
      <c r="G64208" s="1" t="s">
        <v>214305</v>
      </c>
      <c r="H64208" s="1" t="s">
        <v>214306</v>
      </c>
      <c r="I64208" s="1" t="s">
        <v>207852</v>
      </c>
      <c r="J64208" s="1" t="s">
        <v>214374</v>
      </c>
    </row>
    <row r="64209" spans="1:10" x14ac:dyDescent="0.35">
      <c r="A64209" s="1" t="s">
        <v>28985</v>
      </c>
      <c r="B64209" s="1" t="s">
        <v>207847</v>
      </c>
      <c r="C64209" s="1" t="s">
        <v>120</v>
      </c>
      <c r="D64209" s="1" t="s">
        <v>194407</v>
      </c>
      <c r="E64209" s="1" t="s">
        <v>214375</v>
      </c>
      <c r="F64209" s="1" t="s">
        <v>214376</v>
      </c>
      <c r="G64209" s="1" t="s">
        <v>214305</v>
      </c>
      <c r="H64209" s="1" t="s">
        <v>214306</v>
      </c>
      <c r="I64209" s="1" t="s">
        <v>207852</v>
      </c>
      <c r="J64209" s="1" t="s">
        <v>214377</v>
      </c>
    </row>
    <row r="64210" spans="1:10" x14ac:dyDescent="0.35">
      <c r="A64210" s="1" t="s">
        <v>28985</v>
      </c>
      <c r="B64210" s="1" t="s">
        <v>207847</v>
      </c>
      <c r="C64210" s="1" t="s">
        <v>125</v>
      </c>
      <c r="D64210" s="1" t="s">
        <v>106840</v>
      </c>
      <c r="E64210" s="1" t="s">
        <v>214378</v>
      </c>
      <c r="F64210" s="1" t="s">
        <v>214379</v>
      </c>
      <c r="G64210" s="1" t="s">
        <v>214305</v>
      </c>
      <c r="H64210" s="1" t="s">
        <v>214306</v>
      </c>
      <c r="I64210" s="1" t="s">
        <v>207852</v>
      </c>
      <c r="J64210" s="1" t="s">
        <v>214380</v>
      </c>
    </row>
    <row r="64211" spans="1:10" x14ac:dyDescent="0.35">
      <c r="A64211" s="1" t="s">
        <v>28985</v>
      </c>
      <c r="B64211" s="1" t="s">
        <v>207847</v>
      </c>
      <c r="C64211" s="1" t="s">
        <v>130</v>
      </c>
      <c r="D64211" s="1" t="s">
        <v>38746</v>
      </c>
      <c r="E64211" s="1" t="s">
        <v>214381</v>
      </c>
      <c r="F64211" s="1" t="s">
        <v>214382</v>
      </c>
      <c r="G64211" s="1" t="s">
        <v>214305</v>
      </c>
      <c r="H64211" s="1" t="s">
        <v>214306</v>
      </c>
      <c r="I64211" s="1" t="s">
        <v>207852</v>
      </c>
      <c r="J64211" s="1" t="s">
        <v>214383</v>
      </c>
    </row>
    <row r="64212" spans="1:10" x14ac:dyDescent="0.35">
      <c r="A64212" s="1" t="s">
        <v>28985</v>
      </c>
      <c r="B64212" s="1" t="s">
        <v>207847</v>
      </c>
      <c r="C64212" s="1" t="s">
        <v>135</v>
      </c>
      <c r="D64212" s="1" t="s">
        <v>108103</v>
      </c>
      <c r="E64212" s="1" t="s">
        <v>214384</v>
      </c>
      <c r="F64212" s="1" t="s">
        <v>214385</v>
      </c>
      <c r="G64212" s="1" t="s">
        <v>214305</v>
      </c>
      <c r="H64212" s="1" t="s">
        <v>214306</v>
      </c>
      <c r="I64212" s="1" t="s">
        <v>207852</v>
      </c>
      <c r="J64212" s="1" t="s">
        <v>214386</v>
      </c>
    </row>
    <row r="64213" spans="1:10" x14ac:dyDescent="0.35">
      <c r="A64213" s="1" t="s">
        <v>28985</v>
      </c>
      <c r="B64213" s="1" t="s">
        <v>207847</v>
      </c>
      <c r="C64213" s="1" t="s">
        <v>140</v>
      </c>
      <c r="D64213" s="1" t="s">
        <v>59384</v>
      </c>
      <c r="E64213" s="1" t="s">
        <v>214387</v>
      </c>
      <c r="F64213" s="1" t="s">
        <v>214388</v>
      </c>
      <c r="G64213" s="1" t="s">
        <v>214305</v>
      </c>
      <c r="H64213" s="1" t="s">
        <v>214306</v>
      </c>
      <c r="I64213" s="1" t="s">
        <v>207852</v>
      </c>
      <c r="J64213" s="1" t="s">
        <v>214389</v>
      </c>
    </row>
    <row r="64214" spans="1:10" x14ac:dyDescent="0.35">
      <c r="A64214" s="1" t="s">
        <v>28985</v>
      </c>
      <c r="B64214" s="1" t="s">
        <v>207847</v>
      </c>
      <c r="C64214" s="1" t="s">
        <v>145</v>
      </c>
      <c r="D64214" s="1" t="s">
        <v>45577</v>
      </c>
      <c r="E64214" s="1" t="s">
        <v>214390</v>
      </c>
      <c r="F64214" s="1" t="s">
        <v>214391</v>
      </c>
      <c r="G64214" s="1" t="s">
        <v>214305</v>
      </c>
      <c r="H64214" s="1" t="s">
        <v>214306</v>
      </c>
      <c r="I64214" s="1" t="s">
        <v>207852</v>
      </c>
      <c r="J64214" s="1" t="s">
        <v>214392</v>
      </c>
    </row>
    <row r="64215" spans="1:10" x14ac:dyDescent="0.35">
      <c r="A64215" s="1" t="s">
        <v>28985</v>
      </c>
      <c r="B64215" s="1" t="s">
        <v>207847</v>
      </c>
      <c r="C64215" s="1" t="s">
        <v>150</v>
      </c>
      <c r="D64215" s="1" t="s">
        <v>134915</v>
      </c>
      <c r="E64215" s="1" t="s">
        <v>214393</v>
      </c>
      <c r="F64215" s="1" t="s">
        <v>214394</v>
      </c>
      <c r="G64215" s="1" t="s">
        <v>214305</v>
      </c>
      <c r="H64215" s="1" t="s">
        <v>214306</v>
      </c>
      <c r="I64215" s="1" t="s">
        <v>207852</v>
      </c>
      <c r="J64215" s="1" t="s">
        <v>214395</v>
      </c>
    </row>
    <row r="64216" spans="1:10" x14ac:dyDescent="0.35">
      <c r="A64216" s="1" t="s">
        <v>28985</v>
      </c>
      <c r="B64216" s="1" t="s">
        <v>207847</v>
      </c>
      <c r="C64216" s="1" t="s">
        <v>155</v>
      </c>
      <c r="D64216" s="1" t="s">
        <v>22262</v>
      </c>
      <c r="E64216" s="1" t="s">
        <v>214396</v>
      </c>
      <c r="F64216" s="1" t="s">
        <v>214397</v>
      </c>
      <c r="G64216" s="1" t="s">
        <v>214305</v>
      </c>
      <c r="H64216" s="1" t="s">
        <v>214306</v>
      </c>
      <c r="I64216" s="1" t="s">
        <v>207852</v>
      </c>
      <c r="J64216" s="1" t="s">
        <v>214398</v>
      </c>
    </row>
    <row r="64217" spans="1:10" x14ac:dyDescent="0.35">
      <c r="A64217" s="1" t="s">
        <v>28985</v>
      </c>
      <c r="B64217" s="1" t="s">
        <v>207847</v>
      </c>
      <c r="C64217" s="1" t="s">
        <v>160</v>
      </c>
      <c r="D64217" s="1" t="s">
        <v>182851</v>
      </c>
      <c r="E64217" s="1" t="s">
        <v>214399</v>
      </c>
      <c r="F64217" s="1" t="s">
        <v>214400</v>
      </c>
      <c r="G64217" s="1" t="s">
        <v>214305</v>
      </c>
      <c r="H64217" s="1" t="s">
        <v>214306</v>
      </c>
      <c r="I64217" s="1" t="s">
        <v>207852</v>
      </c>
      <c r="J64217" s="1" t="s">
        <v>214401</v>
      </c>
    </row>
    <row r="64218" spans="1:10" x14ac:dyDescent="0.35">
      <c r="A64218" s="1" t="s">
        <v>28985</v>
      </c>
      <c r="B64218" s="1" t="s">
        <v>207847</v>
      </c>
      <c r="C64218" s="1" t="s">
        <v>165</v>
      </c>
      <c r="D64218" s="1" t="s">
        <v>93403</v>
      </c>
      <c r="E64218" s="1" t="s">
        <v>214402</v>
      </c>
      <c r="F64218" s="1" t="s">
        <v>214403</v>
      </c>
      <c r="G64218" s="1" t="s">
        <v>214305</v>
      </c>
      <c r="H64218" s="1" t="s">
        <v>214306</v>
      </c>
      <c r="I64218" s="1" t="s">
        <v>207852</v>
      </c>
      <c r="J64218" s="1" t="s">
        <v>214404</v>
      </c>
    </row>
    <row r="64219" spans="1:10" x14ac:dyDescent="0.35">
      <c r="A64219" s="1" t="s">
        <v>28985</v>
      </c>
      <c r="B64219" s="1" t="s">
        <v>207847</v>
      </c>
      <c r="C64219" s="1" t="s">
        <v>170</v>
      </c>
      <c r="D64219" s="1" t="s">
        <v>68002</v>
      </c>
      <c r="E64219" s="1" t="s">
        <v>214405</v>
      </c>
      <c r="F64219" s="1" t="s">
        <v>214406</v>
      </c>
      <c r="G64219" s="1" t="s">
        <v>214305</v>
      </c>
      <c r="H64219" s="1" t="s">
        <v>214306</v>
      </c>
      <c r="I64219" s="1" t="s">
        <v>207852</v>
      </c>
      <c r="J64219" s="1" t="s">
        <v>214407</v>
      </c>
    </row>
    <row r="64220" spans="1:10" x14ac:dyDescent="0.35">
      <c r="A64220" s="1" t="s">
        <v>143965</v>
      </c>
      <c r="B64220" s="1" t="s">
        <v>207847</v>
      </c>
      <c r="C64220" s="1" t="s">
        <v>8</v>
      </c>
      <c r="D64220" s="1" t="s">
        <v>33189</v>
      </c>
      <c r="E64220" s="1" t="s">
        <v>214408</v>
      </c>
      <c r="F64220" s="1" t="s">
        <v>214409</v>
      </c>
      <c r="G64220" s="1" t="s">
        <v>214410</v>
      </c>
      <c r="H64220" s="1" t="s">
        <v>214411</v>
      </c>
      <c r="I64220" s="1" t="s">
        <v>207852</v>
      </c>
      <c r="J64220" s="1" t="s">
        <v>13</v>
      </c>
    </row>
    <row r="64221" spans="1:10" x14ac:dyDescent="0.35">
      <c r="A64221" s="1" t="s">
        <v>143965</v>
      </c>
      <c r="B64221" s="1" t="s">
        <v>207847</v>
      </c>
      <c r="C64221" s="1" t="s">
        <v>15</v>
      </c>
      <c r="D64221" s="1" t="s">
        <v>32583</v>
      </c>
      <c r="E64221" s="1" t="s">
        <v>214412</v>
      </c>
      <c r="F64221" s="1" t="s">
        <v>214413</v>
      </c>
      <c r="G64221" s="1" t="s">
        <v>214410</v>
      </c>
      <c r="H64221" s="1" t="s">
        <v>214411</v>
      </c>
      <c r="I64221" s="1" t="s">
        <v>207852</v>
      </c>
      <c r="J64221" s="1" t="s">
        <v>214414</v>
      </c>
    </row>
    <row r="64222" spans="1:10" x14ac:dyDescent="0.35">
      <c r="A64222" s="1" t="s">
        <v>143965</v>
      </c>
      <c r="B64222" s="1" t="s">
        <v>207847</v>
      </c>
      <c r="C64222" s="1" t="s">
        <v>20</v>
      </c>
      <c r="D64222" s="1" t="s">
        <v>118434</v>
      </c>
      <c r="E64222" s="1" t="s">
        <v>214415</v>
      </c>
      <c r="F64222" s="1" t="s">
        <v>214416</v>
      </c>
      <c r="G64222" s="1" t="s">
        <v>214410</v>
      </c>
      <c r="H64222" s="1" t="s">
        <v>214411</v>
      </c>
      <c r="I64222" s="1" t="s">
        <v>207852</v>
      </c>
      <c r="J64222" s="1" t="s">
        <v>214417</v>
      </c>
    </row>
    <row r="64223" spans="1:10" x14ac:dyDescent="0.35">
      <c r="A64223" s="1" t="s">
        <v>143965</v>
      </c>
      <c r="B64223" s="1" t="s">
        <v>207847</v>
      </c>
      <c r="C64223" s="1" t="s">
        <v>25</v>
      </c>
      <c r="D64223" s="1" t="s">
        <v>185809</v>
      </c>
      <c r="E64223" s="1" t="s">
        <v>214418</v>
      </c>
      <c r="F64223" s="1" t="s">
        <v>214419</v>
      </c>
      <c r="G64223" s="1" t="s">
        <v>214410</v>
      </c>
      <c r="H64223" s="1" t="s">
        <v>214411</v>
      </c>
      <c r="I64223" s="1" t="s">
        <v>207852</v>
      </c>
      <c r="J64223" s="1" t="s">
        <v>214420</v>
      </c>
    </row>
    <row r="64224" spans="1:10" x14ac:dyDescent="0.35">
      <c r="A64224" s="1" t="s">
        <v>143965</v>
      </c>
      <c r="B64224" s="1" t="s">
        <v>207847</v>
      </c>
      <c r="C64224" s="1" t="s">
        <v>30</v>
      </c>
      <c r="D64224" s="1" t="s">
        <v>42783</v>
      </c>
      <c r="E64224" s="1" t="s">
        <v>214421</v>
      </c>
      <c r="F64224" s="1" t="s">
        <v>214422</v>
      </c>
      <c r="G64224" s="1" t="s">
        <v>214410</v>
      </c>
      <c r="H64224" s="1" t="s">
        <v>214411</v>
      </c>
      <c r="I64224" s="1" t="s">
        <v>207852</v>
      </c>
      <c r="J64224" s="1" t="s">
        <v>214423</v>
      </c>
    </row>
    <row r="64225" spans="1:10" x14ac:dyDescent="0.35">
      <c r="A64225" s="1" t="s">
        <v>143965</v>
      </c>
      <c r="B64225" s="1" t="s">
        <v>207847</v>
      </c>
      <c r="C64225" s="1" t="s">
        <v>35</v>
      </c>
      <c r="D64225" s="1" t="s">
        <v>141572</v>
      </c>
      <c r="E64225" s="1" t="s">
        <v>214424</v>
      </c>
      <c r="F64225" s="1" t="s">
        <v>214425</v>
      </c>
      <c r="G64225" s="1" t="s">
        <v>214410</v>
      </c>
      <c r="H64225" s="1" t="s">
        <v>214411</v>
      </c>
      <c r="I64225" s="1" t="s">
        <v>207852</v>
      </c>
      <c r="J64225" s="1" t="s">
        <v>214426</v>
      </c>
    </row>
    <row r="64226" spans="1:10" x14ac:dyDescent="0.35">
      <c r="A64226" s="1" t="s">
        <v>143965</v>
      </c>
      <c r="B64226" s="1" t="s">
        <v>207847</v>
      </c>
      <c r="C64226" s="1" t="s">
        <v>40</v>
      </c>
      <c r="D64226" s="1" t="s">
        <v>32146</v>
      </c>
      <c r="E64226" s="1" t="s">
        <v>214427</v>
      </c>
      <c r="F64226" s="1" t="s">
        <v>214428</v>
      </c>
      <c r="G64226" s="1" t="s">
        <v>214410</v>
      </c>
      <c r="H64226" s="1" t="s">
        <v>214411</v>
      </c>
      <c r="I64226" s="1" t="s">
        <v>207852</v>
      </c>
      <c r="J64226" s="1" t="s">
        <v>214429</v>
      </c>
    </row>
    <row r="64227" spans="1:10" x14ac:dyDescent="0.35">
      <c r="A64227" s="1" t="s">
        <v>143965</v>
      </c>
      <c r="B64227" s="1" t="s">
        <v>207847</v>
      </c>
      <c r="C64227" s="1" t="s">
        <v>45</v>
      </c>
      <c r="D64227" s="1" t="s">
        <v>214430</v>
      </c>
      <c r="E64227" s="1" t="s">
        <v>214431</v>
      </c>
      <c r="F64227" s="1" t="s">
        <v>214432</v>
      </c>
      <c r="G64227" s="1" t="s">
        <v>214410</v>
      </c>
      <c r="H64227" s="1" t="s">
        <v>214411</v>
      </c>
      <c r="I64227" s="1" t="s">
        <v>207852</v>
      </c>
      <c r="J64227" s="1" t="s">
        <v>214433</v>
      </c>
    </row>
    <row r="64228" spans="1:10" x14ac:dyDescent="0.35">
      <c r="A64228" s="1" t="s">
        <v>143965</v>
      </c>
      <c r="B64228" s="1" t="s">
        <v>207847</v>
      </c>
      <c r="C64228" s="1" t="s">
        <v>50</v>
      </c>
      <c r="D64228" s="1" t="s">
        <v>36581</v>
      </c>
      <c r="E64228" s="1" t="s">
        <v>214434</v>
      </c>
      <c r="F64228" s="1" t="s">
        <v>214435</v>
      </c>
      <c r="G64228" s="1" t="s">
        <v>214410</v>
      </c>
      <c r="H64228" s="1" t="s">
        <v>214411</v>
      </c>
      <c r="I64228" s="1" t="s">
        <v>207852</v>
      </c>
      <c r="J64228" s="1" t="s">
        <v>214436</v>
      </c>
    </row>
    <row r="64229" spans="1:10" x14ac:dyDescent="0.35">
      <c r="A64229" s="1" t="s">
        <v>143965</v>
      </c>
      <c r="B64229" s="1" t="s">
        <v>207847</v>
      </c>
      <c r="C64229" s="1" t="s">
        <v>55</v>
      </c>
      <c r="D64229" s="1" t="s">
        <v>176692</v>
      </c>
      <c r="E64229" s="1" t="s">
        <v>214437</v>
      </c>
      <c r="F64229" s="1" t="s">
        <v>214438</v>
      </c>
      <c r="G64229" s="1" t="s">
        <v>214410</v>
      </c>
      <c r="H64229" s="1" t="s">
        <v>214411</v>
      </c>
      <c r="I64229" s="1" t="s">
        <v>207852</v>
      </c>
      <c r="J64229" s="1" t="s">
        <v>214439</v>
      </c>
    </row>
    <row r="64230" spans="1:10" x14ac:dyDescent="0.35">
      <c r="A64230" s="1" t="s">
        <v>143965</v>
      </c>
      <c r="B64230" s="1" t="s">
        <v>207847</v>
      </c>
      <c r="C64230" s="1" t="s">
        <v>60</v>
      </c>
      <c r="D64230" s="1" t="s">
        <v>91</v>
      </c>
      <c r="E64230" s="1" t="s">
        <v>214440</v>
      </c>
      <c r="F64230" s="1" t="s">
        <v>214441</v>
      </c>
      <c r="G64230" s="1" t="s">
        <v>214410</v>
      </c>
      <c r="H64230" s="1" t="s">
        <v>214411</v>
      </c>
      <c r="I64230" s="1" t="s">
        <v>207852</v>
      </c>
      <c r="J64230" s="1" t="s">
        <v>214442</v>
      </c>
    </row>
    <row r="64231" spans="1:10" x14ac:dyDescent="0.35">
      <c r="A64231" s="1" t="s">
        <v>143965</v>
      </c>
      <c r="B64231" s="1" t="s">
        <v>207847</v>
      </c>
      <c r="C64231" s="1" t="s">
        <v>65</v>
      </c>
      <c r="D64231" s="1" t="s">
        <v>170627</v>
      </c>
      <c r="E64231" s="1" t="s">
        <v>214443</v>
      </c>
      <c r="F64231" s="1" t="s">
        <v>214444</v>
      </c>
      <c r="G64231" s="1" t="s">
        <v>214410</v>
      </c>
      <c r="H64231" s="1" t="s">
        <v>214411</v>
      </c>
      <c r="I64231" s="1" t="s">
        <v>207852</v>
      </c>
      <c r="J64231" s="1" t="s">
        <v>214445</v>
      </c>
    </row>
    <row r="64232" spans="1:10" x14ac:dyDescent="0.35">
      <c r="A64232" s="1" t="s">
        <v>143965</v>
      </c>
      <c r="B64232" s="1" t="s">
        <v>207847</v>
      </c>
      <c r="C64232" s="1" t="s">
        <v>70</v>
      </c>
      <c r="D64232" s="1" t="s">
        <v>3699</v>
      </c>
      <c r="E64232" s="1" t="s">
        <v>214446</v>
      </c>
      <c r="F64232" s="1" t="s">
        <v>214447</v>
      </c>
      <c r="G64232" s="1" t="s">
        <v>214410</v>
      </c>
      <c r="H64232" s="1" t="s">
        <v>214411</v>
      </c>
      <c r="I64232" s="1" t="s">
        <v>207852</v>
      </c>
      <c r="J64232" s="1" t="s">
        <v>214448</v>
      </c>
    </row>
    <row r="64233" spans="1:10" x14ac:dyDescent="0.35">
      <c r="A64233" s="1" t="s">
        <v>143965</v>
      </c>
      <c r="B64233" s="1" t="s">
        <v>207847</v>
      </c>
      <c r="C64233" s="1" t="s">
        <v>75</v>
      </c>
      <c r="D64233" s="1" t="s">
        <v>50302</v>
      </c>
      <c r="E64233" s="1" t="s">
        <v>214449</v>
      </c>
      <c r="F64233" s="1" t="s">
        <v>214450</v>
      </c>
      <c r="G64233" s="1" t="s">
        <v>214410</v>
      </c>
      <c r="H64233" s="1" t="s">
        <v>214411</v>
      </c>
      <c r="I64233" s="1" t="s">
        <v>207852</v>
      </c>
      <c r="J64233" s="1" t="s">
        <v>214451</v>
      </c>
    </row>
    <row r="64234" spans="1:10" x14ac:dyDescent="0.35">
      <c r="A64234" s="1" t="s">
        <v>143965</v>
      </c>
      <c r="B64234" s="1" t="s">
        <v>207847</v>
      </c>
      <c r="C64234" s="1" t="s">
        <v>80</v>
      </c>
      <c r="D64234" s="1" t="s">
        <v>71436</v>
      </c>
      <c r="E64234" s="1" t="s">
        <v>214452</v>
      </c>
      <c r="F64234" s="1" t="s">
        <v>214453</v>
      </c>
      <c r="G64234" s="1" t="s">
        <v>214410</v>
      </c>
      <c r="H64234" s="1" t="s">
        <v>214411</v>
      </c>
      <c r="I64234" s="1" t="s">
        <v>207852</v>
      </c>
      <c r="J64234" s="1" t="s">
        <v>214454</v>
      </c>
    </row>
    <row r="64235" spans="1:10" x14ac:dyDescent="0.35">
      <c r="A64235" s="1" t="s">
        <v>143965</v>
      </c>
      <c r="B64235" s="1" t="s">
        <v>207847</v>
      </c>
      <c r="C64235" s="1" t="s">
        <v>85</v>
      </c>
      <c r="D64235" s="1" t="s">
        <v>172962</v>
      </c>
      <c r="E64235" s="1" t="s">
        <v>214455</v>
      </c>
      <c r="F64235" s="1" t="s">
        <v>214456</v>
      </c>
      <c r="G64235" s="1" t="s">
        <v>214410</v>
      </c>
      <c r="H64235" s="1" t="s">
        <v>214411</v>
      </c>
      <c r="I64235" s="1" t="s">
        <v>207852</v>
      </c>
      <c r="J64235" s="1" t="s">
        <v>214457</v>
      </c>
    </row>
    <row r="64236" spans="1:10" x14ac:dyDescent="0.35">
      <c r="A64236" s="1" t="s">
        <v>143965</v>
      </c>
      <c r="B64236" s="1" t="s">
        <v>207847</v>
      </c>
      <c r="C64236" s="1" t="s">
        <v>90</v>
      </c>
      <c r="D64236" s="1" t="s">
        <v>114490</v>
      </c>
      <c r="E64236" s="1" t="s">
        <v>214458</v>
      </c>
      <c r="F64236" s="1" t="s">
        <v>214459</v>
      </c>
      <c r="G64236" s="1" t="s">
        <v>214410</v>
      </c>
      <c r="H64236" s="1" t="s">
        <v>214411</v>
      </c>
      <c r="I64236" s="1" t="s">
        <v>207852</v>
      </c>
      <c r="J64236" s="1" t="s">
        <v>214460</v>
      </c>
    </row>
    <row r="64237" spans="1:10" x14ac:dyDescent="0.35">
      <c r="A64237" s="1" t="s">
        <v>143965</v>
      </c>
      <c r="B64237" s="1" t="s">
        <v>207847</v>
      </c>
      <c r="C64237" s="1" t="s">
        <v>95</v>
      </c>
      <c r="D64237" s="1" t="s">
        <v>214461</v>
      </c>
      <c r="E64237" s="1" t="s">
        <v>214462</v>
      </c>
      <c r="F64237" s="1" t="s">
        <v>214463</v>
      </c>
      <c r="G64237" s="1" t="s">
        <v>214410</v>
      </c>
      <c r="H64237" s="1" t="s">
        <v>214411</v>
      </c>
      <c r="I64237" s="1" t="s">
        <v>207852</v>
      </c>
      <c r="J64237" s="1" t="s">
        <v>214464</v>
      </c>
    </row>
    <row r="64238" spans="1:10" x14ac:dyDescent="0.35">
      <c r="A64238" s="1" t="s">
        <v>143965</v>
      </c>
      <c r="B64238" s="1" t="s">
        <v>207847</v>
      </c>
      <c r="C64238" s="1" t="s">
        <v>100</v>
      </c>
      <c r="D64238" s="1" t="s">
        <v>214465</v>
      </c>
      <c r="E64238" s="1" t="s">
        <v>214466</v>
      </c>
      <c r="F64238" s="1" t="s">
        <v>214467</v>
      </c>
      <c r="G64238" s="1" t="s">
        <v>214410</v>
      </c>
      <c r="H64238" s="1" t="s">
        <v>214411</v>
      </c>
      <c r="I64238" s="1" t="s">
        <v>207852</v>
      </c>
      <c r="J64238" s="1" t="s">
        <v>214468</v>
      </c>
    </row>
    <row r="64239" spans="1:10" x14ac:dyDescent="0.35">
      <c r="A64239" s="1" t="s">
        <v>143965</v>
      </c>
      <c r="B64239" s="1" t="s">
        <v>207847</v>
      </c>
      <c r="C64239" s="1" t="s">
        <v>105</v>
      </c>
      <c r="D64239" s="1" t="s">
        <v>14378</v>
      </c>
      <c r="E64239" s="1" t="s">
        <v>214469</v>
      </c>
      <c r="F64239" s="1" t="s">
        <v>214470</v>
      </c>
      <c r="G64239" s="1" t="s">
        <v>214410</v>
      </c>
      <c r="H64239" s="1" t="s">
        <v>214411</v>
      </c>
      <c r="I64239" s="1" t="s">
        <v>207852</v>
      </c>
      <c r="J64239" s="1" t="s">
        <v>214471</v>
      </c>
    </row>
    <row r="64240" spans="1:10" x14ac:dyDescent="0.35">
      <c r="A64240" s="1" t="s">
        <v>143965</v>
      </c>
      <c r="B64240" s="1" t="s">
        <v>207847</v>
      </c>
      <c r="C64240" s="1" t="s">
        <v>110</v>
      </c>
      <c r="D64240" s="1" t="s">
        <v>104904</v>
      </c>
      <c r="E64240" s="1" t="s">
        <v>214472</v>
      </c>
      <c r="F64240" s="1" t="s">
        <v>214473</v>
      </c>
      <c r="G64240" s="1" t="s">
        <v>214410</v>
      </c>
      <c r="H64240" s="1" t="s">
        <v>214411</v>
      </c>
      <c r="I64240" s="1" t="s">
        <v>207852</v>
      </c>
      <c r="J64240" s="1" t="s">
        <v>214474</v>
      </c>
    </row>
    <row r="64241" spans="1:10" x14ac:dyDescent="0.35">
      <c r="A64241" s="1" t="s">
        <v>143965</v>
      </c>
      <c r="B64241" s="1" t="s">
        <v>207847</v>
      </c>
      <c r="C64241" s="1" t="s">
        <v>115</v>
      </c>
      <c r="D64241" s="1" t="s">
        <v>214475</v>
      </c>
      <c r="E64241" s="1" t="s">
        <v>214476</v>
      </c>
      <c r="F64241" s="1" t="s">
        <v>214477</v>
      </c>
      <c r="G64241" s="1" t="s">
        <v>214410</v>
      </c>
      <c r="H64241" s="1" t="s">
        <v>214411</v>
      </c>
      <c r="I64241" s="1" t="s">
        <v>207852</v>
      </c>
      <c r="J64241" s="1" t="s">
        <v>214478</v>
      </c>
    </row>
    <row r="64242" spans="1:10" x14ac:dyDescent="0.35">
      <c r="A64242" s="1" t="s">
        <v>143965</v>
      </c>
      <c r="B64242" s="1" t="s">
        <v>207847</v>
      </c>
      <c r="C64242" s="1" t="s">
        <v>120</v>
      </c>
      <c r="D64242" s="1" t="s">
        <v>11487</v>
      </c>
      <c r="E64242" s="1" t="s">
        <v>214479</v>
      </c>
      <c r="F64242" s="1" t="s">
        <v>214480</v>
      </c>
      <c r="G64242" s="1" t="s">
        <v>214410</v>
      </c>
      <c r="H64242" s="1" t="s">
        <v>214411</v>
      </c>
      <c r="I64242" s="1" t="s">
        <v>207852</v>
      </c>
      <c r="J64242" s="1" t="s">
        <v>214481</v>
      </c>
    </row>
    <row r="64243" spans="1:10" x14ac:dyDescent="0.35">
      <c r="A64243" s="1" t="s">
        <v>143965</v>
      </c>
      <c r="B64243" s="1" t="s">
        <v>207847</v>
      </c>
      <c r="C64243" s="1" t="s">
        <v>125</v>
      </c>
      <c r="D64243" s="1" t="s">
        <v>46423</v>
      </c>
      <c r="E64243" s="1" t="s">
        <v>214482</v>
      </c>
      <c r="F64243" s="1" t="s">
        <v>214483</v>
      </c>
      <c r="G64243" s="1" t="s">
        <v>214410</v>
      </c>
      <c r="H64243" s="1" t="s">
        <v>214411</v>
      </c>
      <c r="I64243" s="1" t="s">
        <v>207852</v>
      </c>
      <c r="J64243" s="1" t="s">
        <v>214484</v>
      </c>
    </row>
    <row r="64244" spans="1:10" x14ac:dyDescent="0.35">
      <c r="A64244" s="1" t="s">
        <v>143965</v>
      </c>
      <c r="B64244" s="1" t="s">
        <v>207847</v>
      </c>
      <c r="C64244" s="1" t="s">
        <v>130</v>
      </c>
      <c r="D64244" s="1" t="s">
        <v>209420</v>
      </c>
      <c r="E64244" s="1" t="s">
        <v>214485</v>
      </c>
      <c r="F64244" s="1" t="s">
        <v>214486</v>
      </c>
      <c r="G64244" s="1" t="s">
        <v>214410</v>
      </c>
      <c r="H64244" s="1" t="s">
        <v>214411</v>
      </c>
      <c r="I64244" s="1" t="s">
        <v>207852</v>
      </c>
      <c r="J64244" s="1" t="s">
        <v>214487</v>
      </c>
    </row>
    <row r="64245" spans="1:10" x14ac:dyDescent="0.35">
      <c r="A64245" s="1" t="s">
        <v>143965</v>
      </c>
      <c r="B64245" s="1" t="s">
        <v>207847</v>
      </c>
      <c r="C64245" s="1" t="s">
        <v>135</v>
      </c>
      <c r="D64245" s="1" t="s">
        <v>214488</v>
      </c>
      <c r="E64245" s="1" t="s">
        <v>214489</v>
      </c>
      <c r="F64245" s="1" t="s">
        <v>214490</v>
      </c>
      <c r="G64245" s="1" t="s">
        <v>214410</v>
      </c>
      <c r="H64245" s="1" t="s">
        <v>214411</v>
      </c>
      <c r="I64245" s="1" t="s">
        <v>207852</v>
      </c>
      <c r="J64245" s="1" t="s">
        <v>214491</v>
      </c>
    </row>
    <row r="64246" spans="1:10" x14ac:dyDescent="0.35">
      <c r="A64246" s="1" t="s">
        <v>143965</v>
      </c>
      <c r="B64246" s="1" t="s">
        <v>207847</v>
      </c>
      <c r="C64246" s="1" t="s">
        <v>140</v>
      </c>
      <c r="D64246" s="1" t="s">
        <v>214492</v>
      </c>
      <c r="E64246" s="1" t="s">
        <v>214493</v>
      </c>
      <c r="F64246" s="1" t="s">
        <v>214494</v>
      </c>
      <c r="G64246" s="1" t="s">
        <v>214410</v>
      </c>
      <c r="H64246" s="1" t="s">
        <v>214411</v>
      </c>
      <c r="I64246" s="1" t="s">
        <v>207852</v>
      </c>
      <c r="J64246" s="1" t="s">
        <v>214495</v>
      </c>
    </row>
    <row r="64247" spans="1:10" x14ac:dyDescent="0.35">
      <c r="A64247" s="1" t="s">
        <v>143965</v>
      </c>
      <c r="B64247" s="1" t="s">
        <v>207847</v>
      </c>
      <c r="C64247" s="1" t="s">
        <v>145</v>
      </c>
      <c r="D64247" s="1" t="s">
        <v>214496</v>
      </c>
      <c r="E64247" s="1" t="s">
        <v>214497</v>
      </c>
      <c r="F64247" s="1" t="s">
        <v>214498</v>
      </c>
      <c r="G64247" s="1" t="s">
        <v>214410</v>
      </c>
      <c r="H64247" s="1" t="s">
        <v>214411</v>
      </c>
      <c r="I64247" s="1" t="s">
        <v>207852</v>
      </c>
      <c r="J64247" s="1" t="s">
        <v>214499</v>
      </c>
    </row>
    <row r="64248" spans="1:10" x14ac:dyDescent="0.35">
      <c r="A64248" s="1" t="s">
        <v>143965</v>
      </c>
      <c r="B64248" s="1" t="s">
        <v>207847</v>
      </c>
      <c r="C64248" s="1" t="s">
        <v>150</v>
      </c>
      <c r="D64248" s="1" t="s">
        <v>113146</v>
      </c>
      <c r="E64248" s="1" t="s">
        <v>214500</v>
      </c>
      <c r="F64248" s="1" t="s">
        <v>214501</v>
      </c>
      <c r="G64248" s="1" t="s">
        <v>214410</v>
      </c>
      <c r="H64248" s="1" t="s">
        <v>214411</v>
      </c>
      <c r="I64248" s="1" t="s">
        <v>207852</v>
      </c>
      <c r="J64248" s="1" t="s">
        <v>214502</v>
      </c>
    </row>
    <row r="64249" spans="1:10" x14ac:dyDescent="0.35">
      <c r="A64249" s="1" t="s">
        <v>143965</v>
      </c>
      <c r="B64249" s="1" t="s">
        <v>207847</v>
      </c>
      <c r="C64249" s="1" t="s">
        <v>155</v>
      </c>
      <c r="D64249" s="1" t="s">
        <v>82477</v>
      </c>
      <c r="E64249" s="1" t="s">
        <v>214503</v>
      </c>
      <c r="F64249" s="1" t="s">
        <v>214504</v>
      </c>
      <c r="G64249" s="1" t="s">
        <v>214410</v>
      </c>
      <c r="H64249" s="1" t="s">
        <v>214411</v>
      </c>
      <c r="I64249" s="1" t="s">
        <v>207852</v>
      </c>
      <c r="J64249" s="1" t="s">
        <v>214505</v>
      </c>
    </row>
    <row r="64250" spans="1:10" x14ac:dyDescent="0.35">
      <c r="A64250" s="1" t="s">
        <v>143965</v>
      </c>
      <c r="B64250" s="1" t="s">
        <v>207847</v>
      </c>
      <c r="C64250" s="1" t="s">
        <v>160</v>
      </c>
      <c r="D64250" s="1" t="s">
        <v>214506</v>
      </c>
      <c r="E64250" s="1" t="s">
        <v>214507</v>
      </c>
      <c r="F64250" s="1" t="s">
        <v>214508</v>
      </c>
      <c r="G64250" s="1" t="s">
        <v>214410</v>
      </c>
      <c r="H64250" s="1" t="s">
        <v>214411</v>
      </c>
      <c r="I64250" s="1" t="s">
        <v>207852</v>
      </c>
      <c r="J64250" s="1" t="s">
        <v>214509</v>
      </c>
    </row>
    <row r="64251" spans="1:10" x14ac:dyDescent="0.35">
      <c r="A64251" s="1" t="s">
        <v>143965</v>
      </c>
      <c r="B64251" s="1" t="s">
        <v>207847</v>
      </c>
      <c r="C64251" s="1" t="s">
        <v>165</v>
      </c>
      <c r="D64251" s="1" t="s">
        <v>113925</v>
      </c>
      <c r="E64251" s="1" t="s">
        <v>214510</v>
      </c>
      <c r="F64251" s="1" t="s">
        <v>214511</v>
      </c>
      <c r="G64251" s="1" t="s">
        <v>214410</v>
      </c>
      <c r="H64251" s="1" t="s">
        <v>214411</v>
      </c>
      <c r="I64251" s="1" t="s">
        <v>207852</v>
      </c>
      <c r="J64251" s="1" t="s">
        <v>214512</v>
      </c>
    </row>
    <row r="64252" spans="1:10" x14ac:dyDescent="0.35">
      <c r="A64252" s="1" t="s">
        <v>143965</v>
      </c>
      <c r="B64252" s="1" t="s">
        <v>207847</v>
      </c>
      <c r="C64252" s="1" t="s">
        <v>170</v>
      </c>
      <c r="D64252" s="1" t="s">
        <v>214513</v>
      </c>
      <c r="E64252" s="1" t="s">
        <v>214514</v>
      </c>
      <c r="F64252" s="1" t="s">
        <v>214515</v>
      </c>
      <c r="G64252" s="1" t="s">
        <v>214410</v>
      </c>
      <c r="H64252" s="1" t="s">
        <v>214411</v>
      </c>
      <c r="I64252" s="1" t="s">
        <v>207852</v>
      </c>
      <c r="J64252" s="1" t="s">
        <v>214516</v>
      </c>
    </row>
    <row r="64253" spans="1:10" x14ac:dyDescent="0.35">
      <c r="A64253" s="1" t="s">
        <v>11036</v>
      </c>
      <c r="B64253" s="1" t="s">
        <v>207847</v>
      </c>
      <c r="C64253" s="1" t="s">
        <v>8</v>
      </c>
      <c r="D64253" s="1" t="s">
        <v>134934</v>
      </c>
      <c r="E64253" s="1" t="s">
        <v>214517</v>
      </c>
      <c r="F64253" s="1" t="s">
        <v>214518</v>
      </c>
      <c r="G64253" s="1" t="s">
        <v>214519</v>
      </c>
      <c r="H64253" s="1" t="s">
        <v>214520</v>
      </c>
      <c r="I64253" s="1" t="s">
        <v>207852</v>
      </c>
      <c r="J64253" s="1" t="s">
        <v>13</v>
      </c>
    </row>
    <row r="64254" spans="1:10" x14ac:dyDescent="0.35">
      <c r="A64254" s="1" t="s">
        <v>11036</v>
      </c>
      <c r="B64254" s="1" t="s">
        <v>207847</v>
      </c>
      <c r="C64254" s="1" t="s">
        <v>15</v>
      </c>
      <c r="D64254" s="1" t="s">
        <v>111884</v>
      </c>
      <c r="E64254" s="1" t="s">
        <v>214521</v>
      </c>
      <c r="F64254" s="1" t="s">
        <v>214522</v>
      </c>
      <c r="G64254" s="1" t="s">
        <v>214519</v>
      </c>
      <c r="H64254" s="1" t="s">
        <v>214520</v>
      </c>
      <c r="I64254" s="1" t="s">
        <v>207852</v>
      </c>
      <c r="J64254" s="1" t="s">
        <v>214523</v>
      </c>
    </row>
    <row r="64255" spans="1:10" x14ac:dyDescent="0.35">
      <c r="A64255" s="1" t="s">
        <v>11036</v>
      </c>
      <c r="B64255" s="1" t="s">
        <v>207847</v>
      </c>
      <c r="C64255" s="1" t="s">
        <v>20</v>
      </c>
      <c r="D64255" s="1" t="s">
        <v>34298</v>
      </c>
      <c r="E64255" s="1" t="s">
        <v>214524</v>
      </c>
      <c r="F64255" s="1" t="s">
        <v>214525</v>
      </c>
      <c r="G64255" s="1" t="s">
        <v>214519</v>
      </c>
      <c r="H64255" s="1" t="s">
        <v>214520</v>
      </c>
      <c r="I64255" s="1" t="s">
        <v>207852</v>
      </c>
      <c r="J64255" s="1" t="s">
        <v>214526</v>
      </c>
    </row>
    <row r="64256" spans="1:10" x14ac:dyDescent="0.35">
      <c r="A64256" s="1" t="s">
        <v>11036</v>
      </c>
      <c r="B64256" s="1" t="s">
        <v>207847</v>
      </c>
      <c r="C64256" s="1" t="s">
        <v>25</v>
      </c>
      <c r="D64256" s="1" t="s">
        <v>48591</v>
      </c>
      <c r="E64256" s="1" t="s">
        <v>214527</v>
      </c>
      <c r="F64256" s="1" t="s">
        <v>214528</v>
      </c>
      <c r="G64256" s="1" t="s">
        <v>214519</v>
      </c>
      <c r="H64256" s="1" t="s">
        <v>214520</v>
      </c>
      <c r="I64256" s="1" t="s">
        <v>207852</v>
      </c>
      <c r="J64256" s="1" t="s">
        <v>214529</v>
      </c>
    </row>
    <row r="64257" spans="1:10" x14ac:dyDescent="0.35">
      <c r="A64257" s="1" t="s">
        <v>11036</v>
      </c>
      <c r="B64257" s="1" t="s">
        <v>207847</v>
      </c>
      <c r="C64257" s="1" t="s">
        <v>30</v>
      </c>
      <c r="D64257" s="1" t="s">
        <v>33929</v>
      </c>
      <c r="E64257" s="1" t="s">
        <v>214530</v>
      </c>
      <c r="F64257" s="1" t="s">
        <v>214531</v>
      </c>
      <c r="G64257" s="1" t="s">
        <v>214519</v>
      </c>
      <c r="H64257" s="1" t="s">
        <v>214520</v>
      </c>
      <c r="I64257" s="1" t="s">
        <v>207852</v>
      </c>
      <c r="J64257" s="1" t="s">
        <v>214532</v>
      </c>
    </row>
    <row r="64258" spans="1:10" x14ac:dyDescent="0.35">
      <c r="A64258" s="1" t="s">
        <v>11036</v>
      </c>
      <c r="B64258" s="1" t="s">
        <v>207847</v>
      </c>
      <c r="C64258" s="1" t="s">
        <v>35</v>
      </c>
      <c r="D64258" s="1" t="s">
        <v>7992</v>
      </c>
      <c r="E64258" s="1" t="s">
        <v>214533</v>
      </c>
      <c r="F64258" s="1" t="s">
        <v>214534</v>
      </c>
      <c r="G64258" s="1" t="s">
        <v>214519</v>
      </c>
      <c r="H64258" s="1" t="s">
        <v>214520</v>
      </c>
      <c r="I64258" s="1" t="s">
        <v>207852</v>
      </c>
      <c r="J64258" s="1" t="s">
        <v>214535</v>
      </c>
    </row>
    <row r="64259" spans="1:10" x14ac:dyDescent="0.35">
      <c r="A64259" s="1" t="s">
        <v>11036</v>
      </c>
      <c r="B64259" s="1" t="s">
        <v>207847</v>
      </c>
      <c r="C64259" s="1" t="s">
        <v>40</v>
      </c>
      <c r="D64259" s="1" t="s">
        <v>115878</v>
      </c>
      <c r="E64259" s="1" t="s">
        <v>214536</v>
      </c>
      <c r="F64259" s="1" t="s">
        <v>214537</v>
      </c>
      <c r="G64259" s="1" t="s">
        <v>214519</v>
      </c>
      <c r="H64259" s="1" t="s">
        <v>214520</v>
      </c>
      <c r="I64259" s="1" t="s">
        <v>207852</v>
      </c>
      <c r="J64259" s="1" t="s">
        <v>120019</v>
      </c>
    </row>
    <row r="64260" spans="1:10" x14ac:dyDescent="0.35">
      <c r="A64260" s="1" t="s">
        <v>11036</v>
      </c>
      <c r="B64260" s="1" t="s">
        <v>207847</v>
      </c>
      <c r="C64260" s="1" t="s">
        <v>45</v>
      </c>
      <c r="D64260" s="1" t="s">
        <v>15495</v>
      </c>
      <c r="E64260" s="1" t="s">
        <v>214538</v>
      </c>
      <c r="F64260" s="1" t="s">
        <v>214539</v>
      </c>
      <c r="G64260" s="1" t="s">
        <v>214519</v>
      </c>
      <c r="H64260" s="1" t="s">
        <v>214520</v>
      </c>
      <c r="I64260" s="1" t="s">
        <v>207852</v>
      </c>
      <c r="J64260" s="1" t="s">
        <v>214540</v>
      </c>
    </row>
    <row r="64261" spans="1:10" x14ac:dyDescent="0.35">
      <c r="A64261" s="1" t="s">
        <v>11036</v>
      </c>
      <c r="B64261" s="1" t="s">
        <v>207847</v>
      </c>
      <c r="C64261" s="1" t="s">
        <v>50</v>
      </c>
      <c r="D64261" s="1" t="s">
        <v>71763</v>
      </c>
      <c r="E64261" s="1" t="s">
        <v>214541</v>
      </c>
      <c r="F64261" s="1" t="s">
        <v>214542</v>
      </c>
      <c r="G64261" s="1" t="s">
        <v>214519</v>
      </c>
      <c r="H64261" s="1" t="s">
        <v>214520</v>
      </c>
      <c r="I64261" s="1" t="s">
        <v>207852</v>
      </c>
      <c r="J64261" s="1" t="s">
        <v>214543</v>
      </c>
    </row>
    <row r="64262" spans="1:10" x14ac:dyDescent="0.35">
      <c r="A64262" s="1" t="s">
        <v>11036</v>
      </c>
      <c r="B64262" s="1" t="s">
        <v>207847</v>
      </c>
      <c r="C64262" s="1" t="s">
        <v>55</v>
      </c>
      <c r="D64262" s="1" t="s">
        <v>73529</v>
      </c>
      <c r="E64262" s="1" t="s">
        <v>214544</v>
      </c>
      <c r="F64262" s="1" t="s">
        <v>214545</v>
      </c>
      <c r="G64262" s="1" t="s">
        <v>214519</v>
      </c>
      <c r="H64262" s="1" t="s">
        <v>214520</v>
      </c>
      <c r="I64262" s="1" t="s">
        <v>207852</v>
      </c>
      <c r="J64262" s="1" t="s">
        <v>214546</v>
      </c>
    </row>
    <row r="64263" spans="1:10" x14ac:dyDescent="0.35">
      <c r="A64263" s="1" t="s">
        <v>11036</v>
      </c>
      <c r="B64263" s="1" t="s">
        <v>207847</v>
      </c>
      <c r="C64263" s="1" t="s">
        <v>60</v>
      </c>
      <c r="D64263" s="1" t="s">
        <v>214547</v>
      </c>
      <c r="E64263" s="1" t="s">
        <v>214548</v>
      </c>
      <c r="F64263" s="1" t="s">
        <v>214549</v>
      </c>
      <c r="G64263" s="1" t="s">
        <v>214519</v>
      </c>
      <c r="H64263" s="1" t="s">
        <v>214520</v>
      </c>
      <c r="I64263" s="1" t="s">
        <v>207852</v>
      </c>
      <c r="J64263" s="1" t="s">
        <v>214550</v>
      </c>
    </row>
    <row r="64264" spans="1:10" x14ac:dyDescent="0.35">
      <c r="A64264" s="1" t="s">
        <v>11036</v>
      </c>
      <c r="B64264" s="1" t="s">
        <v>207847</v>
      </c>
      <c r="C64264" s="1" t="s">
        <v>65</v>
      </c>
      <c r="D64264" s="1" t="s">
        <v>48614</v>
      </c>
      <c r="E64264" s="1" t="s">
        <v>214551</v>
      </c>
      <c r="F64264" s="1" t="s">
        <v>214552</v>
      </c>
      <c r="G64264" s="1" t="s">
        <v>214519</v>
      </c>
      <c r="H64264" s="1" t="s">
        <v>214520</v>
      </c>
      <c r="I64264" s="1" t="s">
        <v>207852</v>
      </c>
      <c r="J64264" s="1" t="s">
        <v>214553</v>
      </c>
    </row>
    <row r="64265" spans="1:10" x14ac:dyDescent="0.35">
      <c r="A64265" s="1" t="s">
        <v>11036</v>
      </c>
      <c r="B64265" s="1" t="s">
        <v>207847</v>
      </c>
      <c r="C64265" s="1" t="s">
        <v>70</v>
      </c>
      <c r="D64265" s="1" t="s">
        <v>214554</v>
      </c>
      <c r="E64265" s="1" t="s">
        <v>214555</v>
      </c>
      <c r="F64265" s="1" t="s">
        <v>214556</v>
      </c>
      <c r="G64265" s="1" t="s">
        <v>214519</v>
      </c>
      <c r="H64265" s="1" t="s">
        <v>214520</v>
      </c>
      <c r="I64265" s="1" t="s">
        <v>207852</v>
      </c>
      <c r="J64265" s="1" t="s">
        <v>214557</v>
      </c>
    </row>
    <row r="64266" spans="1:10" x14ac:dyDescent="0.35">
      <c r="A64266" s="1" t="s">
        <v>11036</v>
      </c>
      <c r="B64266" s="1" t="s">
        <v>207847</v>
      </c>
      <c r="C64266" s="1" t="s">
        <v>75</v>
      </c>
      <c r="D64266" s="1" t="s">
        <v>33941</v>
      </c>
      <c r="E64266" s="1" t="s">
        <v>214558</v>
      </c>
      <c r="F64266" s="1" t="s">
        <v>214559</v>
      </c>
      <c r="G64266" s="1" t="s">
        <v>214519</v>
      </c>
      <c r="H64266" s="1" t="s">
        <v>214520</v>
      </c>
      <c r="I64266" s="1" t="s">
        <v>207852</v>
      </c>
      <c r="J64266" s="1" t="s">
        <v>214560</v>
      </c>
    </row>
    <row r="64267" spans="1:10" x14ac:dyDescent="0.35">
      <c r="A64267" s="1" t="s">
        <v>11036</v>
      </c>
      <c r="B64267" s="1" t="s">
        <v>207847</v>
      </c>
      <c r="C64267" s="1" t="s">
        <v>80</v>
      </c>
      <c r="D64267" s="1" t="s">
        <v>83410</v>
      </c>
      <c r="E64267" s="1" t="s">
        <v>214561</v>
      </c>
      <c r="F64267" s="1" t="s">
        <v>214562</v>
      </c>
      <c r="G64267" s="1" t="s">
        <v>214519</v>
      </c>
      <c r="H64267" s="1" t="s">
        <v>214520</v>
      </c>
      <c r="I64267" s="1" t="s">
        <v>207852</v>
      </c>
      <c r="J64267" s="1" t="s">
        <v>214563</v>
      </c>
    </row>
    <row r="64268" spans="1:10" x14ac:dyDescent="0.35">
      <c r="A64268" s="1" t="s">
        <v>11036</v>
      </c>
      <c r="B64268" s="1" t="s">
        <v>207847</v>
      </c>
      <c r="C64268" s="1" t="s">
        <v>85</v>
      </c>
      <c r="D64268" s="1" t="s">
        <v>30625</v>
      </c>
      <c r="E64268" s="1" t="s">
        <v>214564</v>
      </c>
      <c r="F64268" s="1" t="s">
        <v>214565</v>
      </c>
      <c r="G64268" s="1" t="s">
        <v>214519</v>
      </c>
      <c r="H64268" s="1" t="s">
        <v>214520</v>
      </c>
      <c r="I64268" s="1" t="s">
        <v>207852</v>
      </c>
      <c r="J64268" s="1" t="s">
        <v>214566</v>
      </c>
    </row>
    <row r="64269" spans="1:10" x14ac:dyDescent="0.35">
      <c r="A64269" s="1" t="s">
        <v>11036</v>
      </c>
      <c r="B64269" s="1" t="s">
        <v>207847</v>
      </c>
      <c r="C64269" s="1" t="s">
        <v>90</v>
      </c>
      <c r="D64269" s="1" t="s">
        <v>204203</v>
      </c>
      <c r="E64269" s="1" t="s">
        <v>214567</v>
      </c>
      <c r="F64269" s="1" t="s">
        <v>214568</v>
      </c>
      <c r="G64269" s="1" t="s">
        <v>214519</v>
      </c>
      <c r="H64269" s="1" t="s">
        <v>214520</v>
      </c>
      <c r="I64269" s="1" t="s">
        <v>207852</v>
      </c>
      <c r="J64269" s="1" t="s">
        <v>214569</v>
      </c>
    </row>
    <row r="64270" spans="1:10" x14ac:dyDescent="0.35">
      <c r="A64270" s="1" t="s">
        <v>11036</v>
      </c>
      <c r="B64270" s="1" t="s">
        <v>207847</v>
      </c>
      <c r="C64270" s="1" t="s">
        <v>95</v>
      </c>
      <c r="D64270" s="1" t="s">
        <v>214570</v>
      </c>
      <c r="E64270" s="1" t="s">
        <v>214571</v>
      </c>
      <c r="F64270" s="1" t="s">
        <v>214572</v>
      </c>
      <c r="G64270" s="1" t="s">
        <v>214519</v>
      </c>
      <c r="H64270" s="1" t="s">
        <v>214520</v>
      </c>
      <c r="I64270" s="1" t="s">
        <v>207852</v>
      </c>
      <c r="J64270" s="1" t="s">
        <v>214573</v>
      </c>
    </row>
    <row r="64271" spans="1:10" x14ac:dyDescent="0.35">
      <c r="A64271" s="1" t="s">
        <v>11036</v>
      </c>
      <c r="B64271" s="1" t="s">
        <v>207847</v>
      </c>
      <c r="C64271" s="1" t="s">
        <v>100</v>
      </c>
      <c r="D64271" s="1" t="s">
        <v>38579</v>
      </c>
      <c r="E64271" s="1" t="s">
        <v>214574</v>
      </c>
      <c r="F64271" s="1" t="s">
        <v>214575</v>
      </c>
      <c r="G64271" s="1" t="s">
        <v>214519</v>
      </c>
      <c r="H64271" s="1" t="s">
        <v>214520</v>
      </c>
      <c r="I64271" s="1" t="s">
        <v>207852</v>
      </c>
      <c r="J64271" s="1" t="s">
        <v>214576</v>
      </c>
    </row>
    <row r="64272" spans="1:10" x14ac:dyDescent="0.35">
      <c r="A64272" s="1" t="s">
        <v>11036</v>
      </c>
      <c r="B64272" s="1" t="s">
        <v>207847</v>
      </c>
      <c r="C64272" s="1" t="s">
        <v>105</v>
      </c>
      <c r="D64272" s="1" t="s">
        <v>32923</v>
      </c>
      <c r="E64272" s="1" t="s">
        <v>214577</v>
      </c>
      <c r="F64272" s="1" t="s">
        <v>214578</v>
      </c>
      <c r="G64272" s="1" t="s">
        <v>214519</v>
      </c>
      <c r="H64272" s="1" t="s">
        <v>214520</v>
      </c>
      <c r="I64272" s="1" t="s">
        <v>207852</v>
      </c>
      <c r="J64272" s="1" t="s">
        <v>214579</v>
      </c>
    </row>
    <row r="64273" spans="1:10" x14ac:dyDescent="0.35">
      <c r="A64273" s="1" t="s">
        <v>11036</v>
      </c>
      <c r="B64273" s="1" t="s">
        <v>207847</v>
      </c>
      <c r="C64273" s="1" t="s">
        <v>110</v>
      </c>
      <c r="D64273" s="1" t="s">
        <v>135851</v>
      </c>
      <c r="E64273" s="1" t="s">
        <v>214580</v>
      </c>
      <c r="F64273" s="1" t="s">
        <v>214581</v>
      </c>
      <c r="G64273" s="1" t="s">
        <v>214519</v>
      </c>
      <c r="H64273" s="1" t="s">
        <v>214520</v>
      </c>
      <c r="I64273" s="1" t="s">
        <v>207852</v>
      </c>
      <c r="J64273" s="1" t="s">
        <v>214582</v>
      </c>
    </row>
    <row r="64274" spans="1:10" x14ac:dyDescent="0.35">
      <c r="A64274" s="1" t="s">
        <v>11036</v>
      </c>
      <c r="B64274" s="1" t="s">
        <v>207847</v>
      </c>
      <c r="C64274" s="1" t="s">
        <v>115</v>
      </c>
      <c r="D64274" s="1" t="s">
        <v>126108</v>
      </c>
      <c r="E64274" s="1" t="s">
        <v>214583</v>
      </c>
      <c r="F64274" s="1" t="s">
        <v>214584</v>
      </c>
      <c r="G64274" s="1" t="s">
        <v>214519</v>
      </c>
      <c r="H64274" s="1" t="s">
        <v>214520</v>
      </c>
      <c r="I64274" s="1" t="s">
        <v>207852</v>
      </c>
      <c r="J64274" s="1" t="s">
        <v>214585</v>
      </c>
    </row>
    <row r="64275" spans="1:10" x14ac:dyDescent="0.35">
      <c r="A64275" s="1" t="s">
        <v>11036</v>
      </c>
      <c r="B64275" s="1" t="s">
        <v>207847</v>
      </c>
      <c r="C64275" s="1" t="s">
        <v>120</v>
      </c>
      <c r="D64275" s="1" t="s">
        <v>35904</v>
      </c>
      <c r="E64275" s="1" t="s">
        <v>214586</v>
      </c>
      <c r="F64275" s="1" t="s">
        <v>214587</v>
      </c>
      <c r="G64275" s="1" t="s">
        <v>214519</v>
      </c>
      <c r="H64275" s="1" t="s">
        <v>214520</v>
      </c>
      <c r="I64275" s="1" t="s">
        <v>207852</v>
      </c>
      <c r="J64275" s="1" t="s">
        <v>214588</v>
      </c>
    </row>
    <row r="64276" spans="1:10" x14ac:dyDescent="0.35">
      <c r="A64276" s="1" t="s">
        <v>11036</v>
      </c>
      <c r="B64276" s="1" t="s">
        <v>207847</v>
      </c>
      <c r="C64276" s="1" t="s">
        <v>125</v>
      </c>
      <c r="D64276" s="1" t="s">
        <v>36545</v>
      </c>
      <c r="E64276" s="1" t="s">
        <v>214589</v>
      </c>
      <c r="F64276" s="1" t="s">
        <v>214590</v>
      </c>
      <c r="G64276" s="1" t="s">
        <v>214519</v>
      </c>
      <c r="H64276" s="1" t="s">
        <v>214520</v>
      </c>
      <c r="I64276" s="1" t="s">
        <v>207852</v>
      </c>
      <c r="J64276" s="1" t="s">
        <v>214591</v>
      </c>
    </row>
    <row r="64277" spans="1:10" x14ac:dyDescent="0.35">
      <c r="A64277" s="1" t="s">
        <v>11036</v>
      </c>
      <c r="B64277" s="1" t="s">
        <v>207847</v>
      </c>
      <c r="C64277" s="1" t="s">
        <v>130</v>
      </c>
      <c r="D64277" s="1" t="s">
        <v>185680</v>
      </c>
      <c r="E64277" s="1" t="s">
        <v>214592</v>
      </c>
      <c r="F64277" s="1" t="s">
        <v>214593</v>
      </c>
      <c r="G64277" s="1" t="s">
        <v>214519</v>
      </c>
      <c r="H64277" s="1" t="s">
        <v>214520</v>
      </c>
      <c r="I64277" s="1" t="s">
        <v>207852</v>
      </c>
      <c r="J64277" s="1" t="s">
        <v>214594</v>
      </c>
    </row>
    <row r="64278" spans="1:10" x14ac:dyDescent="0.35">
      <c r="A64278" s="1" t="s">
        <v>11036</v>
      </c>
      <c r="B64278" s="1" t="s">
        <v>207847</v>
      </c>
      <c r="C64278" s="1" t="s">
        <v>135</v>
      </c>
      <c r="D64278" s="1" t="s">
        <v>14842</v>
      </c>
      <c r="E64278" s="1" t="s">
        <v>214595</v>
      </c>
      <c r="F64278" s="1" t="s">
        <v>214596</v>
      </c>
      <c r="G64278" s="1" t="s">
        <v>214519</v>
      </c>
      <c r="H64278" s="1" t="s">
        <v>214520</v>
      </c>
      <c r="I64278" s="1" t="s">
        <v>207852</v>
      </c>
      <c r="J64278" s="1" t="s">
        <v>214597</v>
      </c>
    </row>
    <row r="64279" spans="1:10" x14ac:dyDescent="0.35">
      <c r="A64279" s="1" t="s">
        <v>11036</v>
      </c>
      <c r="B64279" s="1" t="s">
        <v>207847</v>
      </c>
      <c r="C64279" s="1" t="s">
        <v>140</v>
      </c>
      <c r="D64279" s="1" t="s">
        <v>46501</v>
      </c>
      <c r="E64279" s="1" t="s">
        <v>214598</v>
      </c>
      <c r="F64279" s="1" t="s">
        <v>214599</v>
      </c>
      <c r="G64279" s="1" t="s">
        <v>214519</v>
      </c>
      <c r="H64279" s="1" t="s">
        <v>214520</v>
      </c>
      <c r="I64279" s="1" t="s">
        <v>207852</v>
      </c>
      <c r="J64279" s="1" t="s">
        <v>214600</v>
      </c>
    </row>
    <row r="64280" spans="1:10" x14ac:dyDescent="0.35">
      <c r="A64280" s="1" t="s">
        <v>11036</v>
      </c>
      <c r="B64280" s="1" t="s">
        <v>207847</v>
      </c>
      <c r="C64280" s="1" t="s">
        <v>145</v>
      </c>
      <c r="D64280" s="1" t="s">
        <v>155158</v>
      </c>
      <c r="E64280" s="1" t="s">
        <v>214601</v>
      </c>
      <c r="F64280" s="1" t="s">
        <v>214602</v>
      </c>
      <c r="G64280" s="1" t="s">
        <v>214519</v>
      </c>
      <c r="H64280" s="1" t="s">
        <v>214520</v>
      </c>
      <c r="I64280" s="1" t="s">
        <v>207852</v>
      </c>
      <c r="J64280" s="1" t="s">
        <v>214603</v>
      </c>
    </row>
    <row r="64281" spans="1:10" x14ac:dyDescent="0.35">
      <c r="A64281" s="1" t="s">
        <v>11036</v>
      </c>
      <c r="B64281" s="1" t="s">
        <v>207847</v>
      </c>
      <c r="C64281" s="1" t="s">
        <v>150</v>
      </c>
      <c r="D64281" s="1" t="s">
        <v>5457</v>
      </c>
      <c r="E64281" s="1" t="s">
        <v>214604</v>
      </c>
      <c r="F64281" s="1" t="s">
        <v>214605</v>
      </c>
      <c r="G64281" s="1" t="s">
        <v>214519</v>
      </c>
      <c r="H64281" s="1" t="s">
        <v>214520</v>
      </c>
      <c r="I64281" s="1" t="s">
        <v>207852</v>
      </c>
      <c r="J64281" s="1" t="s">
        <v>214606</v>
      </c>
    </row>
    <row r="64282" spans="1:10" x14ac:dyDescent="0.35">
      <c r="A64282" s="1" t="s">
        <v>11036</v>
      </c>
      <c r="B64282" s="1" t="s">
        <v>207847</v>
      </c>
      <c r="C64282" s="1" t="s">
        <v>155</v>
      </c>
      <c r="D64282" s="1" t="s">
        <v>214607</v>
      </c>
      <c r="E64282" s="1" t="s">
        <v>214608</v>
      </c>
      <c r="F64282" s="1" t="s">
        <v>214609</v>
      </c>
      <c r="G64282" s="1" t="s">
        <v>214519</v>
      </c>
      <c r="H64282" s="1" t="s">
        <v>214520</v>
      </c>
      <c r="I64282" s="1" t="s">
        <v>207852</v>
      </c>
      <c r="J64282" s="1" t="s">
        <v>214610</v>
      </c>
    </row>
    <row r="64283" spans="1:10" x14ac:dyDescent="0.35">
      <c r="A64283" s="1" t="s">
        <v>11036</v>
      </c>
      <c r="B64283" s="1" t="s">
        <v>207847</v>
      </c>
      <c r="C64283" s="1" t="s">
        <v>160</v>
      </c>
      <c r="D64283" s="1" t="s">
        <v>176692</v>
      </c>
      <c r="E64283" s="1" t="s">
        <v>214611</v>
      </c>
      <c r="F64283" s="1" t="s">
        <v>214612</v>
      </c>
      <c r="G64283" s="1" t="s">
        <v>214519</v>
      </c>
      <c r="H64283" s="1" t="s">
        <v>214520</v>
      </c>
      <c r="I64283" s="1" t="s">
        <v>207852</v>
      </c>
      <c r="J64283" s="1" t="s">
        <v>214613</v>
      </c>
    </row>
    <row r="64284" spans="1:10" x14ac:dyDescent="0.35">
      <c r="A64284" s="1" t="s">
        <v>11036</v>
      </c>
      <c r="B64284" s="1" t="s">
        <v>207847</v>
      </c>
      <c r="C64284" s="1" t="s">
        <v>165</v>
      </c>
      <c r="D64284" s="1" t="s">
        <v>148785</v>
      </c>
      <c r="E64284" s="1" t="s">
        <v>214614</v>
      </c>
      <c r="F64284" s="1" t="s">
        <v>214615</v>
      </c>
      <c r="G64284" s="1" t="s">
        <v>214519</v>
      </c>
      <c r="H64284" s="1" t="s">
        <v>214520</v>
      </c>
      <c r="I64284" s="1" t="s">
        <v>207852</v>
      </c>
      <c r="J64284" s="1" t="s">
        <v>214616</v>
      </c>
    </row>
    <row r="64285" spans="1:10" x14ac:dyDescent="0.35">
      <c r="A64285" s="1" t="s">
        <v>11036</v>
      </c>
      <c r="B64285" s="1" t="s">
        <v>207847</v>
      </c>
      <c r="C64285" s="1" t="s">
        <v>170</v>
      </c>
      <c r="D64285" s="1" t="s">
        <v>74898</v>
      </c>
      <c r="E64285" s="1" t="s">
        <v>214617</v>
      </c>
      <c r="F64285" s="1" t="s">
        <v>214618</v>
      </c>
      <c r="G64285" s="1" t="s">
        <v>214519</v>
      </c>
      <c r="H64285" s="1" t="s">
        <v>214520</v>
      </c>
      <c r="I64285" s="1" t="s">
        <v>207852</v>
      </c>
      <c r="J64285" s="1" t="s">
        <v>214619</v>
      </c>
    </row>
    <row r="64286" spans="1:10" x14ac:dyDescent="0.35">
      <c r="A64286" s="1" t="s">
        <v>10217</v>
      </c>
      <c r="B64286" s="1" t="s">
        <v>207847</v>
      </c>
      <c r="C64286" s="1" t="s">
        <v>8</v>
      </c>
      <c r="D64286" s="1" t="s">
        <v>72686</v>
      </c>
      <c r="E64286" s="1" t="s">
        <v>214620</v>
      </c>
      <c r="F64286" s="1" t="s">
        <v>214621</v>
      </c>
      <c r="G64286" s="1" t="s">
        <v>214622</v>
      </c>
      <c r="H64286" s="1" t="s">
        <v>214623</v>
      </c>
      <c r="I64286" s="1" t="s">
        <v>207852</v>
      </c>
      <c r="J64286" s="1" t="s">
        <v>13</v>
      </c>
    </row>
    <row r="64287" spans="1:10" x14ac:dyDescent="0.35">
      <c r="A64287" s="1" t="s">
        <v>10217</v>
      </c>
      <c r="B64287" s="1" t="s">
        <v>207847</v>
      </c>
      <c r="C64287" s="1" t="s">
        <v>15</v>
      </c>
      <c r="D64287" s="1" t="s">
        <v>4142</v>
      </c>
      <c r="E64287" s="1" t="s">
        <v>214624</v>
      </c>
      <c r="F64287" s="1" t="s">
        <v>214625</v>
      </c>
      <c r="G64287" s="1" t="s">
        <v>214622</v>
      </c>
      <c r="H64287" s="1" t="s">
        <v>214623</v>
      </c>
      <c r="I64287" s="1" t="s">
        <v>207852</v>
      </c>
      <c r="J64287" s="1" t="s">
        <v>214626</v>
      </c>
    </row>
    <row r="64288" spans="1:10" x14ac:dyDescent="0.35">
      <c r="A64288" s="1" t="s">
        <v>10217</v>
      </c>
      <c r="B64288" s="1" t="s">
        <v>207847</v>
      </c>
      <c r="C64288" s="1" t="s">
        <v>20</v>
      </c>
      <c r="D64288" s="1" t="s">
        <v>10911</v>
      </c>
      <c r="E64288" s="1" t="s">
        <v>214627</v>
      </c>
      <c r="F64288" s="1" t="s">
        <v>214628</v>
      </c>
      <c r="G64288" s="1" t="s">
        <v>214622</v>
      </c>
      <c r="H64288" s="1" t="s">
        <v>214623</v>
      </c>
      <c r="I64288" s="1" t="s">
        <v>207852</v>
      </c>
      <c r="J64288" s="1" t="s">
        <v>214629</v>
      </c>
    </row>
    <row r="64289" spans="1:10" x14ac:dyDescent="0.35">
      <c r="A64289" s="1" t="s">
        <v>10217</v>
      </c>
      <c r="B64289" s="1" t="s">
        <v>207847</v>
      </c>
      <c r="C64289" s="1" t="s">
        <v>25</v>
      </c>
      <c r="D64289" s="1" t="s">
        <v>118586</v>
      </c>
      <c r="E64289" s="1" t="s">
        <v>214630</v>
      </c>
      <c r="F64289" s="1" t="s">
        <v>214631</v>
      </c>
      <c r="G64289" s="1" t="s">
        <v>214622</v>
      </c>
      <c r="H64289" s="1" t="s">
        <v>214623</v>
      </c>
      <c r="I64289" s="1" t="s">
        <v>207852</v>
      </c>
      <c r="J64289" s="1" t="s">
        <v>214632</v>
      </c>
    </row>
    <row r="64290" spans="1:10" x14ac:dyDescent="0.35">
      <c r="A64290" s="1" t="s">
        <v>10217</v>
      </c>
      <c r="B64290" s="1" t="s">
        <v>207847</v>
      </c>
      <c r="C64290" s="1" t="s">
        <v>30</v>
      </c>
      <c r="D64290" s="1" t="s">
        <v>214633</v>
      </c>
      <c r="E64290" s="1" t="s">
        <v>214634</v>
      </c>
      <c r="F64290" s="1" t="s">
        <v>214635</v>
      </c>
      <c r="G64290" s="1" t="s">
        <v>214622</v>
      </c>
      <c r="H64290" s="1" t="s">
        <v>214623</v>
      </c>
      <c r="I64290" s="1" t="s">
        <v>207852</v>
      </c>
      <c r="J64290" s="1" t="s">
        <v>214636</v>
      </c>
    </row>
    <row r="64291" spans="1:10" x14ac:dyDescent="0.35">
      <c r="A64291" s="1" t="s">
        <v>10217</v>
      </c>
      <c r="B64291" s="1" t="s">
        <v>207847</v>
      </c>
      <c r="C64291" s="1" t="s">
        <v>35</v>
      </c>
      <c r="D64291" s="1" t="s">
        <v>168913</v>
      </c>
      <c r="E64291" s="1" t="s">
        <v>214637</v>
      </c>
      <c r="F64291" s="1" t="s">
        <v>214638</v>
      </c>
      <c r="G64291" s="1" t="s">
        <v>214622</v>
      </c>
      <c r="H64291" s="1" t="s">
        <v>214623</v>
      </c>
      <c r="I64291" s="1" t="s">
        <v>207852</v>
      </c>
      <c r="J64291" s="1" t="s">
        <v>214639</v>
      </c>
    </row>
    <row r="64292" spans="1:10" x14ac:dyDescent="0.35">
      <c r="A64292" s="1" t="s">
        <v>10217</v>
      </c>
      <c r="B64292" s="1" t="s">
        <v>207847</v>
      </c>
      <c r="C64292" s="1" t="s">
        <v>40</v>
      </c>
      <c r="D64292" s="1" t="s">
        <v>181924</v>
      </c>
      <c r="E64292" s="1" t="s">
        <v>214640</v>
      </c>
      <c r="F64292" s="1" t="s">
        <v>214641</v>
      </c>
      <c r="G64292" s="1" t="s">
        <v>214622</v>
      </c>
      <c r="H64292" s="1" t="s">
        <v>214623</v>
      </c>
      <c r="I64292" s="1" t="s">
        <v>207852</v>
      </c>
      <c r="J64292" s="1" t="s">
        <v>214642</v>
      </c>
    </row>
    <row r="64293" spans="1:10" x14ac:dyDescent="0.35">
      <c r="A64293" s="1" t="s">
        <v>10217</v>
      </c>
      <c r="B64293" s="1" t="s">
        <v>207847</v>
      </c>
      <c r="C64293" s="1" t="s">
        <v>45</v>
      </c>
      <c r="D64293" s="1" t="s">
        <v>50513</v>
      </c>
      <c r="E64293" s="1" t="s">
        <v>214643</v>
      </c>
      <c r="F64293" s="1" t="s">
        <v>99167</v>
      </c>
      <c r="G64293" s="1" t="s">
        <v>214622</v>
      </c>
      <c r="H64293" s="1" t="s">
        <v>214623</v>
      </c>
      <c r="I64293" s="1" t="s">
        <v>207852</v>
      </c>
      <c r="J64293" s="1" t="s">
        <v>214644</v>
      </c>
    </row>
    <row r="64294" spans="1:10" x14ac:dyDescent="0.35">
      <c r="A64294" s="1" t="s">
        <v>10217</v>
      </c>
      <c r="B64294" s="1" t="s">
        <v>207847</v>
      </c>
      <c r="C64294" s="1" t="s">
        <v>50</v>
      </c>
      <c r="D64294" s="1" t="s">
        <v>74445</v>
      </c>
      <c r="E64294" s="1" t="s">
        <v>214645</v>
      </c>
      <c r="F64294" s="1" t="s">
        <v>214646</v>
      </c>
      <c r="G64294" s="1" t="s">
        <v>214622</v>
      </c>
      <c r="H64294" s="1" t="s">
        <v>214623</v>
      </c>
      <c r="I64294" s="1" t="s">
        <v>207852</v>
      </c>
      <c r="J64294" s="1" t="s">
        <v>214647</v>
      </c>
    </row>
    <row r="64295" spans="1:10" x14ac:dyDescent="0.35">
      <c r="A64295" s="1" t="s">
        <v>10217</v>
      </c>
      <c r="B64295" s="1" t="s">
        <v>207847</v>
      </c>
      <c r="C64295" s="1" t="s">
        <v>55</v>
      </c>
      <c r="D64295" s="1" t="s">
        <v>71892</v>
      </c>
      <c r="E64295" s="1" t="s">
        <v>214648</v>
      </c>
      <c r="F64295" s="1" t="s">
        <v>214649</v>
      </c>
      <c r="G64295" s="1" t="s">
        <v>214622</v>
      </c>
      <c r="H64295" s="1" t="s">
        <v>214623</v>
      </c>
      <c r="I64295" s="1" t="s">
        <v>207852</v>
      </c>
      <c r="J64295" s="1" t="s">
        <v>214650</v>
      </c>
    </row>
    <row r="64296" spans="1:10" x14ac:dyDescent="0.35">
      <c r="A64296" s="1" t="s">
        <v>10217</v>
      </c>
      <c r="B64296" s="1" t="s">
        <v>207847</v>
      </c>
      <c r="C64296" s="1" t="s">
        <v>60</v>
      </c>
      <c r="D64296" s="1" t="s">
        <v>7135</v>
      </c>
      <c r="E64296" s="1" t="s">
        <v>214651</v>
      </c>
      <c r="F64296" s="1" t="s">
        <v>214652</v>
      </c>
      <c r="G64296" s="1" t="s">
        <v>214622</v>
      </c>
      <c r="H64296" s="1" t="s">
        <v>214623</v>
      </c>
      <c r="I64296" s="1" t="s">
        <v>207852</v>
      </c>
      <c r="J64296" s="1" t="s">
        <v>214653</v>
      </c>
    </row>
    <row r="64297" spans="1:10" x14ac:dyDescent="0.35">
      <c r="A64297" s="1" t="s">
        <v>10217</v>
      </c>
      <c r="B64297" s="1" t="s">
        <v>207847</v>
      </c>
      <c r="C64297" s="1" t="s">
        <v>65</v>
      </c>
      <c r="D64297" s="1" t="s">
        <v>35525</v>
      </c>
      <c r="E64297" s="1" t="s">
        <v>214654</v>
      </c>
      <c r="F64297" s="1" t="s">
        <v>214655</v>
      </c>
      <c r="G64297" s="1" t="s">
        <v>214622</v>
      </c>
      <c r="H64297" s="1" t="s">
        <v>214623</v>
      </c>
      <c r="I64297" s="1" t="s">
        <v>207852</v>
      </c>
      <c r="J64297" s="1" t="s">
        <v>214656</v>
      </c>
    </row>
    <row r="64298" spans="1:10" x14ac:dyDescent="0.35">
      <c r="A64298" s="1" t="s">
        <v>10217</v>
      </c>
      <c r="B64298" s="1" t="s">
        <v>207847</v>
      </c>
      <c r="C64298" s="1" t="s">
        <v>70</v>
      </c>
      <c r="D64298" s="1" t="s">
        <v>16356</v>
      </c>
      <c r="E64298" s="1" t="s">
        <v>214657</v>
      </c>
      <c r="F64298" s="1" t="s">
        <v>214658</v>
      </c>
      <c r="G64298" s="1" t="s">
        <v>214622</v>
      </c>
      <c r="H64298" s="1" t="s">
        <v>214623</v>
      </c>
      <c r="I64298" s="1" t="s">
        <v>207852</v>
      </c>
      <c r="J64298" s="1" t="s">
        <v>214659</v>
      </c>
    </row>
    <row r="64299" spans="1:10" x14ac:dyDescent="0.35">
      <c r="A64299" s="1" t="s">
        <v>10217</v>
      </c>
      <c r="B64299" s="1" t="s">
        <v>207847</v>
      </c>
      <c r="C64299" s="1" t="s">
        <v>75</v>
      </c>
      <c r="D64299" s="1" t="s">
        <v>188049</v>
      </c>
      <c r="E64299" s="1" t="s">
        <v>214660</v>
      </c>
      <c r="F64299" s="1" t="s">
        <v>214661</v>
      </c>
      <c r="G64299" s="1" t="s">
        <v>214622</v>
      </c>
      <c r="H64299" s="1" t="s">
        <v>214623</v>
      </c>
      <c r="I64299" s="1" t="s">
        <v>207852</v>
      </c>
      <c r="J64299" s="1" t="s">
        <v>214662</v>
      </c>
    </row>
    <row r="64300" spans="1:10" x14ac:dyDescent="0.35">
      <c r="A64300" s="1" t="s">
        <v>10217</v>
      </c>
      <c r="B64300" s="1" t="s">
        <v>207847</v>
      </c>
      <c r="C64300" s="1" t="s">
        <v>80</v>
      </c>
      <c r="D64300" s="1" t="s">
        <v>116215</v>
      </c>
      <c r="E64300" s="1" t="s">
        <v>214663</v>
      </c>
      <c r="F64300" s="1" t="s">
        <v>214664</v>
      </c>
      <c r="G64300" s="1" t="s">
        <v>214622</v>
      </c>
      <c r="H64300" s="1" t="s">
        <v>214623</v>
      </c>
      <c r="I64300" s="1" t="s">
        <v>207852</v>
      </c>
      <c r="J64300" s="1" t="s">
        <v>214665</v>
      </c>
    </row>
    <row r="64301" spans="1:10" x14ac:dyDescent="0.35">
      <c r="A64301" s="1" t="s">
        <v>10217</v>
      </c>
      <c r="B64301" s="1" t="s">
        <v>207847</v>
      </c>
      <c r="C64301" s="1" t="s">
        <v>85</v>
      </c>
      <c r="D64301" s="1" t="s">
        <v>142254</v>
      </c>
      <c r="E64301" s="1" t="s">
        <v>214666</v>
      </c>
      <c r="F64301" s="1" t="s">
        <v>214667</v>
      </c>
      <c r="G64301" s="1" t="s">
        <v>214622</v>
      </c>
      <c r="H64301" s="1" t="s">
        <v>214623</v>
      </c>
      <c r="I64301" s="1" t="s">
        <v>207852</v>
      </c>
      <c r="J64301" s="1" t="s">
        <v>214668</v>
      </c>
    </row>
    <row r="64302" spans="1:10" x14ac:dyDescent="0.35">
      <c r="A64302" s="1" t="s">
        <v>10217</v>
      </c>
      <c r="B64302" s="1" t="s">
        <v>207847</v>
      </c>
      <c r="C64302" s="1" t="s">
        <v>90</v>
      </c>
      <c r="D64302" s="1" t="s">
        <v>48081</v>
      </c>
      <c r="E64302" s="1" t="s">
        <v>214669</v>
      </c>
      <c r="F64302" s="1" t="s">
        <v>214670</v>
      </c>
      <c r="G64302" s="1" t="s">
        <v>214622</v>
      </c>
      <c r="H64302" s="1" t="s">
        <v>214623</v>
      </c>
      <c r="I64302" s="1" t="s">
        <v>207852</v>
      </c>
      <c r="J64302" s="1" t="s">
        <v>214671</v>
      </c>
    </row>
    <row r="64303" spans="1:10" x14ac:dyDescent="0.35">
      <c r="A64303" s="1" t="s">
        <v>10217</v>
      </c>
      <c r="B64303" s="1" t="s">
        <v>207847</v>
      </c>
      <c r="C64303" s="1" t="s">
        <v>95</v>
      </c>
      <c r="D64303" s="1" t="s">
        <v>5115</v>
      </c>
      <c r="E64303" s="1" t="s">
        <v>214672</v>
      </c>
      <c r="F64303" s="1" t="s">
        <v>214673</v>
      </c>
      <c r="G64303" s="1" t="s">
        <v>214622</v>
      </c>
      <c r="H64303" s="1" t="s">
        <v>214623</v>
      </c>
      <c r="I64303" s="1" t="s">
        <v>207852</v>
      </c>
      <c r="J64303" s="1" t="s">
        <v>214674</v>
      </c>
    </row>
    <row r="64304" spans="1:10" x14ac:dyDescent="0.35">
      <c r="A64304" s="1" t="s">
        <v>10217</v>
      </c>
      <c r="B64304" s="1" t="s">
        <v>207847</v>
      </c>
      <c r="C64304" s="1" t="s">
        <v>100</v>
      </c>
      <c r="D64304" s="1" t="s">
        <v>214675</v>
      </c>
      <c r="E64304" s="1" t="s">
        <v>214676</v>
      </c>
      <c r="F64304" s="1" t="s">
        <v>214677</v>
      </c>
      <c r="G64304" s="1" t="s">
        <v>214622</v>
      </c>
      <c r="H64304" s="1" t="s">
        <v>214623</v>
      </c>
      <c r="I64304" s="1" t="s">
        <v>207852</v>
      </c>
      <c r="J64304" s="1" t="s">
        <v>29286</v>
      </c>
    </row>
    <row r="64305" spans="1:10" x14ac:dyDescent="0.35">
      <c r="A64305" s="1" t="s">
        <v>10217</v>
      </c>
      <c r="B64305" s="1" t="s">
        <v>207847</v>
      </c>
      <c r="C64305" s="1" t="s">
        <v>105</v>
      </c>
      <c r="D64305" s="1" t="s">
        <v>178437</v>
      </c>
      <c r="E64305" s="1" t="s">
        <v>214678</v>
      </c>
      <c r="F64305" s="1" t="s">
        <v>214679</v>
      </c>
      <c r="G64305" s="1" t="s">
        <v>214622</v>
      </c>
      <c r="H64305" s="1" t="s">
        <v>214623</v>
      </c>
      <c r="I64305" s="1" t="s">
        <v>207852</v>
      </c>
      <c r="J64305" s="1" t="s">
        <v>214680</v>
      </c>
    </row>
    <row r="64306" spans="1:10" x14ac:dyDescent="0.35">
      <c r="A64306" s="1" t="s">
        <v>10217</v>
      </c>
      <c r="B64306" s="1" t="s">
        <v>207847</v>
      </c>
      <c r="C64306" s="1" t="s">
        <v>110</v>
      </c>
      <c r="D64306" s="1" t="s">
        <v>214681</v>
      </c>
      <c r="E64306" s="1" t="s">
        <v>214682</v>
      </c>
      <c r="F64306" s="1" t="s">
        <v>214683</v>
      </c>
      <c r="G64306" s="1" t="s">
        <v>214622</v>
      </c>
      <c r="H64306" s="1" t="s">
        <v>214623</v>
      </c>
      <c r="I64306" s="1" t="s">
        <v>207852</v>
      </c>
      <c r="J64306" s="1" t="s">
        <v>214684</v>
      </c>
    </row>
    <row r="64307" spans="1:10" x14ac:dyDescent="0.35">
      <c r="A64307" s="1" t="s">
        <v>10217</v>
      </c>
      <c r="B64307" s="1" t="s">
        <v>207847</v>
      </c>
      <c r="C64307" s="1" t="s">
        <v>115</v>
      </c>
      <c r="D64307" s="1" t="s">
        <v>42933</v>
      </c>
      <c r="E64307" s="1" t="s">
        <v>214685</v>
      </c>
      <c r="F64307" s="1" t="s">
        <v>214686</v>
      </c>
      <c r="G64307" s="1" t="s">
        <v>214622</v>
      </c>
      <c r="H64307" s="1" t="s">
        <v>214623</v>
      </c>
      <c r="I64307" s="1" t="s">
        <v>207852</v>
      </c>
      <c r="J64307" s="1" t="s">
        <v>214687</v>
      </c>
    </row>
    <row r="64308" spans="1:10" x14ac:dyDescent="0.35">
      <c r="A64308" s="1" t="s">
        <v>10217</v>
      </c>
      <c r="B64308" s="1" t="s">
        <v>207847</v>
      </c>
      <c r="C64308" s="1" t="s">
        <v>120</v>
      </c>
      <c r="D64308" s="1" t="s">
        <v>214688</v>
      </c>
      <c r="E64308" s="1" t="s">
        <v>214689</v>
      </c>
      <c r="F64308" s="1" t="s">
        <v>214690</v>
      </c>
      <c r="G64308" s="1" t="s">
        <v>214622</v>
      </c>
      <c r="H64308" s="1" t="s">
        <v>214623</v>
      </c>
      <c r="I64308" s="1" t="s">
        <v>207852</v>
      </c>
      <c r="J64308" s="1" t="s">
        <v>214691</v>
      </c>
    </row>
    <row r="64309" spans="1:10" x14ac:dyDescent="0.35">
      <c r="A64309" s="1" t="s">
        <v>10217</v>
      </c>
      <c r="B64309" s="1" t="s">
        <v>207847</v>
      </c>
      <c r="C64309" s="1" t="s">
        <v>125</v>
      </c>
      <c r="D64309" s="1" t="s">
        <v>31292</v>
      </c>
      <c r="E64309" s="1" t="s">
        <v>214692</v>
      </c>
      <c r="F64309" s="1" t="s">
        <v>214693</v>
      </c>
      <c r="G64309" s="1" t="s">
        <v>214622</v>
      </c>
      <c r="H64309" s="1" t="s">
        <v>214623</v>
      </c>
      <c r="I64309" s="1" t="s">
        <v>207852</v>
      </c>
      <c r="J64309" s="1" t="s">
        <v>214694</v>
      </c>
    </row>
    <row r="64310" spans="1:10" x14ac:dyDescent="0.35">
      <c r="A64310" s="1" t="s">
        <v>10217</v>
      </c>
      <c r="B64310" s="1" t="s">
        <v>207847</v>
      </c>
      <c r="C64310" s="1" t="s">
        <v>130</v>
      </c>
      <c r="D64310" s="1" t="s">
        <v>214695</v>
      </c>
      <c r="E64310" s="1" t="s">
        <v>214696</v>
      </c>
      <c r="F64310" s="1" t="s">
        <v>214697</v>
      </c>
      <c r="G64310" s="1" t="s">
        <v>214622</v>
      </c>
      <c r="H64310" s="1" t="s">
        <v>214623</v>
      </c>
      <c r="I64310" s="1" t="s">
        <v>207852</v>
      </c>
      <c r="J64310" s="1" t="s">
        <v>214698</v>
      </c>
    </row>
    <row r="64311" spans="1:10" x14ac:dyDescent="0.35">
      <c r="A64311" s="1" t="s">
        <v>10217</v>
      </c>
      <c r="B64311" s="1" t="s">
        <v>207847</v>
      </c>
      <c r="C64311" s="1" t="s">
        <v>135</v>
      </c>
      <c r="D64311" s="1" t="s">
        <v>31303</v>
      </c>
      <c r="E64311" s="1" t="s">
        <v>214699</v>
      </c>
      <c r="F64311" s="1" t="s">
        <v>214700</v>
      </c>
      <c r="G64311" s="1" t="s">
        <v>214622</v>
      </c>
      <c r="H64311" s="1" t="s">
        <v>214623</v>
      </c>
      <c r="I64311" s="1" t="s">
        <v>207852</v>
      </c>
      <c r="J64311" s="1" t="s">
        <v>214701</v>
      </c>
    </row>
    <row r="64312" spans="1:10" x14ac:dyDescent="0.35">
      <c r="A64312" s="1" t="s">
        <v>10217</v>
      </c>
      <c r="B64312" s="1" t="s">
        <v>207847</v>
      </c>
      <c r="C64312" s="1" t="s">
        <v>140</v>
      </c>
      <c r="D64312" s="1" t="s">
        <v>214702</v>
      </c>
      <c r="E64312" s="1" t="s">
        <v>214703</v>
      </c>
      <c r="F64312" s="1" t="s">
        <v>214704</v>
      </c>
      <c r="G64312" s="1" t="s">
        <v>214622</v>
      </c>
      <c r="H64312" s="1" t="s">
        <v>214623</v>
      </c>
      <c r="I64312" s="1" t="s">
        <v>207852</v>
      </c>
      <c r="J64312" s="1" t="s">
        <v>214705</v>
      </c>
    </row>
    <row r="64313" spans="1:10" x14ac:dyDescent="0.35">
      <c r="A64313" s="1" t="s">
        <v>10217</v>
      </c>
      <c r="B64313" s="1" t="s">
        <v>207847</v>
      </c>
      <c r="C64313" s="1" t="s">
        <v>145</v>
      </c>
      <c r="D64313" s="1" t="s">
        <v>42172</v>
      </c>
      <c r="E64313" s="1" t="s">
        <v>214706</v>
      </c>
      <c r="F64313" s="1" t="s">
        <v>214707</v>
      </c>
      <c r="G64313" s="1" t="s">
        <v>214622</v>
      </c>
      <c r="H64313" s="1" t="s">
        <v>214623</v>
      </c>
      <c r="I64313" s="1" t="s">
        <v>207852</v>
      </c>
      <c r="J64313" s="1" t="s">
        <v>214708</v>
      </c>
    </row>
    <row r="64314" spans="1:10" x14ac:dyDescent="0.35">
      <c r="A64314" s="1" t="s">
        <v>10217</v>
      </c>
      <c r="B64314" s="1" t="s">
        <v>207847</v>
      </c>
      <c r="C64314" s="1" t="s">
        <v>150</v>
      </c>
      <c r="D64314" s="1" t="s">
        <v>74064</v>
      </c>
      <c r="E64314" s="1" t="s">
        <v>214709</v>
      </c>
      <c r="F64314" s="1" t="s">
        <v>214710</v>
      </c>
      <c r="G64314" s="1" t="s">
        <v>214622</v>
      </c>
      <c r="H64314" s="1" t="s">
        <v>214623</v>
      </c>
      <c r="I64314" s="1" t="s">
        <v>207852</v>
      </c>
      <c r="J64314" s="1" t="s">
        <v>214711</v>
      </c>
    </row>
    <row r="64315" spans="1:10" x14ac:dyDescent="0.35">
      <c r="A64315" s="1" t="s">
        <v>10217</v>
      </c>
      <c r="B64315" s="1" t="s">
        <v>207847</v>
      </c>
      <c r="C64315" s="1" t="s">
        <v>155</v>
      </c>
      <c r="D64315" s="1" t="s">
        <v>214712</v>
      </c>
      <c r="E64315" s="1" t="s">
        <v>214713</v>
      </c>
      <c r="F64315" s="1" t="s">
        <v>214714</v>
      </c>
      <c r="G64315" s="1" t="s">
        <v>214622</v>
      </c>
      <c r="H64315" s="1" t="s">
        <v>214623</v>
      </c>
      <c r="I64315" s="1" t="s">
        <v>207852</v>
      </c>
      <c r="J64315" s="1" t="s">
        <v>214715</v>
      </c>
    </row>
    <row r="64316" spans="1:10" x14ac:dyDescent="0.35">
      <c r="A64316" s="1" t="s">
        <v>10217</v>
      </c>
      <c r="B64316" s="1" t="s">
        <v>207847</v>
      </c>
      <c r="C64316" s="1" t="s">
        <v>160</v>
      </c>
      <c r="D64316" s="1" t="s">
        <v>32643</v>
      </c>
      <c r="E64316" s="1" t="s">
        <v>214716</v>
      </c>
      <c r="F64316" s="1" t="s">
        <v>214717</v>
      </c>
      <c r="G64316" s="1" t="s">
        <v>214622</v>
      </c>
      <c r="H64316" s="1" t="s">
        <v>214623</v>
      </c>
      <c r="I64316" s="1" t="s">
        <v>207852</v>
      </c>
      <c r="J64316" s="1" t="s">
        <v>214718</v>
      </c>
    </row>
    <row r="64317" spans="1:10" x14ac:dyDescent="0.35">
      <c r="A64317" s="1" t="s">
        <v>10217</v>
      </c>
      <c r="B64317" s="1" t="s">
        <v>207847</v>
      </c>
      <c r="C64317" s="1" t="s">
        <v>165</v>
      </c>
      <c r="D64317" s="1" t="s">
        <v>16802</v>
      </c>
      <c r="E64317" s="1" t="s">
        <v>214719</v>
      </c>
      <c r="F64317" s="1" t="s">
        <v>214720</v>
      </c>
      <c r="G64317" s="1" t="s">
        <v>214622</v>
      </c>
      <c r="H64317" s="1" t="s">
        <v>214623</v>
      </c>
      <c r="I64317" s="1" t="s">
        <v>207852</v>
      </c>
      <c r="J64317" s="1" t="s">
        <v>214721</v>
      </c>
    </row>
    <row r="64318" spans="1:10" x14ac:dyDescent="0.35">
      <c r="A64318" s="1" t="s">
        <v>10217</v>
      </c>
      <c r="B64318" s="1" t="s">
        <v>207847</v>
      </c>
      <c r="C64318" s="1" t="s">
        <v>170</v>
      </c>
      <c r="D64318" s="1" t="s">
        <v>105684</v>
      </c>
      <c r="E64318" s="1" t="s">
        <v>214722</v>
      </c>
      <c r="F64318" s="1" t="s">
        <v>214723</v>
      </c>
      <c r="G64318" s="1" t="s">
        <v>214622</v>
      </c>
      <c r="H64318" s="1" t="s">
        <v>214623</v>
      </c>
      <c r="I64318" s="1" t="s">
        <v>207852</v>
      </c>
      <c r="J64318" s="1" t="s">
        <v>214724</v>
      </c>
    </row>
    <row r="64319" spans="1:10" x14ac:dyDescent="0.35">
      <c r="A64319" s="1" t="s">
        <v>188154</v>
      </c>
      <c r="B64319" s="1" t="s">
        <v>207847</v>
      </c>
      <c r="C64319" s="1" t="s">
        <v>8</v>
      </c>
      <c r="D64319" s="1" t="s">
        <v>70652</v>
      </c>
      <c r="E64319" s="1" t="s">
        <v>214725</v>
      </c>
      <c r="F64319" s="1" t="s">
        <v>214726</v>
      </c>
      <c r="G64319" s="1" t="s">
        <v>214727</v>
      </c>
      <c r="H64319" s="1" t="s">
        <v>214728</v>
      </c>
      <c r="I64319" s="1" t="s">
        <v>207852</v>
      </c>
      <c r="J64319" s="1" t="s">
        <v>13</v>
      </c>
    </row>
    <row r="64320" spans="1:10" x14ac:dyDescent="0.35">
      <c r="A64320" s="1" t="s">
        <v>188154</v>
      </c>
      <c r="B64320" s="1" t="s">
        <v>207847</v>
      </c>
      <c r="C64320" s="1" t="s">
        <v>15</v>
      </c>
      <c r="D64320" s="1" t="s">
        <v>141658</v>
      </c>
      <c r="E64320" s="1" t="s">
        <v>214729</v>
      </c>
      <c r="F64320" s="1" t="s">
        <v>214730</v>
      </c>
      <c r="G64320" s="1" t="s">
        <v>214727</v>
      </c>
      <c r="H64320" s="1" t="s">
        <v>214728</v>
      </c>
      <c r="I64320" s="1" t="s">
        <v>207852</v>
      </c>
      <c r="J64320" s="1" t="s">
        <v>214731</v>
      </c>
    </row>
    <row r="64321" spans="1:10" x14ac:dyDescent="0.35">
      <c r="A64321" s="1" t="s">
        <v>188154</v>
      </c>
      <c r="B64321" s="1" t="s">
        <v>207847</v>
      </c>
      <c r="C64321" s="1" t="s">
        <v>20</v>
      </c>
      <c r="D64321" s="1" t="s">
        <v>19608</v>
      </c>
      <c r="E64321" s="1" t="s">
        <v>214732</v>
      </c>
      <c r="F64321" s="1" t="s">
        <v>214733</v>
      </c>
      <c r="G64321" s="1" t="s">
        <v>214727</v>
      </c>
      <c r="H64321" s="1" t="s">
        <v>214728</v>
      </c>
      <c r="I64321" s="1" t="s">
        <v>207852</v>
      </c>
      <c r="J64321" s="1" t="s">
        <v>214734</v>
      </c>
    </row>
    <row r="64322" spans="1:10" x14ac:dyDescent="0.35">
      <c r="A64322" s="1" t="s">
        <v>188154</v>
      </c>
      <c r="B64322" s="1" t="s">
        <v>207847</v>
      </c>
      <c r="C64322" s="1" t="s">
        <v>25</v>
      </c>
      <c r="D64322" s="1" t="s">
        <v>123634</v>
      </c>
      <c r="E64322" s="1" t="s">
        <v>214735</v>
      </c>
      <c r="F64322" s="1" t="s">
        <v>214736</v>
      </c>
      <c r="G64322" s="1" t="s">
        <v>214727</v>
      </c>
      <c r="H64322" s="1" t="s">
        <v>214728</v>
      </c>
      <c r="I64322" s="1" t="s">
        <v>207852</v>
      </c>
      <c r="J64322" s="1" t="s">
        <v>214737</v>
      </c>
    </row>
    <row r="64323" spans="1:10" x14ac:dyDescent="0.35">
      <c r="A64323" s="1" t="s">
        <v>188154</v>
      </c>
      <c r="B64323" s="1" t="s">
        <v>207847</v>
      </c>
      <c r="C64323" s="1" t="s">
        <v>30</v>
      </c>
      <c r="D64323" s="1" t="s">
        <v>30764</v>
      </c>
      <c r="E64323" s="1" t="s">
        <v>214738</v>
      </c>
      <c r="F64323" s="1" t="s">
        <v>214739</v>
      </c>
      <c r="G64323" s="1" t="s">
        <v>214727</v>
      </c>
      <c r="H64323" s="1" t="s">
        <v>214728</v>
      </c>
      <c r="I64323" s="1" t="s">
        <v>207852</v>
      </c>
      <c r="J64323" s="1" t="s">
        <v>214740</v>
      </c>
    </row>
    <row r="64324" spans="1:10" x14ac:dyDescent="0.35">
      <c r="A64324" s="1" t="s">
        <v>188154</v>
      </c>
      <c r="B64324" s="1" t="s">
        <v>207847</v>
      </c>
      <c r="C64324" s="1" t="s">
        <v>35</v>
      </c>
      <c r="D64324" s="1" t="s">
        <v>170123</v>
      </c>
      <c r="E64324" s="1" t="s">
        <v>214741</v>
      </c>
      <c r="F64324" s="1" t="s">
        <v>214742</v>
      </c>
      <c r="G64324" s="1" t="s">
        <v>214727</v>
      </c>
      <c r="H64324" s="1" t="s">
        <v>214728</v>
      </c>
      <c r="I64324" s="1" t="s">
        <v>207852</v>
      </c>
      <c r="J64324" s="1" t="s">
        <v>214743</v>
      </c>
    </row>
    <row r="64325" spans="1:10" x14ac:dyDescent="0.35">
      <c r="A64325" s="1" t="s">
        <v>188154</v>
      </c>
      <c r="B64325" s="1" t="s">
        <v>207847</v>
      </c>
      <c r="C64325" s="1" t="s">
        <v>40</v>
      </c>
      <c r="D64325" s="1" t="s">
        <v>181172</v>
      </c>
      <c r="E64325" s="1" t="s">
        <v>214744</v>
      </c>
      <c r="F64325" s="1" t="s">
        <v>214745</v>
      </c>
      <c r="G64325" s="1" t="s">
        <v>214727</v>
      </c>
      <c r="H64325" s="1" t="s">
        <v>214728</v>
      </c>
      <c r="I64325" s="1" t="s">
        <v>207852</v>
      </c>
      <c r="J64325" s="1" t="s">
        <v>214746</v>
      </c>
    </row>
    <row r="64326" spans="1:10" x14ac:dyDescent="0.35">
      <c r="A64326" s="1" t="s">
        <v>188154</v>
      </c>
      <c r="B64326" s="1" t="s">
        <v>207847</v>
      </c>
      <c r="C64326" s="1" t="s">
        <v>45</v>
      </c>
      <c r="D64326" s="1" t="s">
        <v>181646</v>
      </c>
      <c r="E64326" s="1" t="s">
        <v>214747</v>
      </c>
      <c r="F64326" s="1" t="s">
        <v>214748</v>
      </c>
      <c r="G64326" s="1" t="s">
        <v>214727</v>
      </c>
      <c r="H64326" s="1" t="s">
        <v>214728</v>
      </c>
      <c r="I64326" s="1" t="s">
        <v>207852</v>
      </c>
      <c r="J64326" s="1" t="s">
        <v>214749</v>
      </c>
    </row>
    <row r="64327" spans="1:10" x14ac:dyDescent="0.35">
      <c r="A64327" s="1" t="s">
        <v>188154</v>
      </c>
      <c r="B64327" s="1" t="s">
        <v>207847</v>
      </c>
      <c r="C64327" s="1" t="s">
        <v>50</v>
      </c>
      <c r="D64327" s="1" t="s">
        <v>30889</v>
      </c>
      <c r="E64327" s="1" t="s">
        <v>214750</v>
      </c>
      <c r="F64327" s="1" t="s">
        <v>214751</v>
      </c>
      <c r="G64327" s="1" t="s">
        <v>214727</v>
      </c>
      <c r="H64327" s="1" t="s">
        <v>214728</v>
      </c>
      <c r="I64327" s="1" t="s">
        <v>207852</v>
      </c>
      <c r="J64327" s="1" t="s">
        <v>214752</v>
      </c>
    </row>
    <row r="64328" spans="1:10" x14ac:dyDescent="0.35">
      <c r="A64328" s="1" t="s">
        <v>188154</v>
      </c>
      <c r="B64328" s="1" t="s">
        <v>207847</v>
      </c>
      <c r="C64328" s="1" t="s">
        <v>55</v>
      </c>
      <c r="D64328" s="1" t="s">
        <v>214753</v>
      </c>
      <c r="E64328" s="1" t="s">
        <v>214754</v>
      </c>
      <c r="F64328" s="1" t="s">
        <v>214755</v>
      </c>
      <c r="G64328" s="1" t="s">
        <v>214727</v>
      </c>
      <c r="H64328" s="1" t="s">
        <v>214728</v>
      </c>
      <c r="I64328" s="1" t="s">
        <v>207852</v>
      </c>
      <c r="J64328" s="1" t="s">
        <v>214756</v>
      </c>
    </row>
    <row r="64329" spans="1:10" x14ac:dyDescent="0.35">
      <c r="A64329" s="1" t="s">
        <v>188154</v>
      </c>
      <c r="B64329" s="1" t="s">
        <v>207847</v>
      </c>
      <c r="C64329" s="1" t="s">
        <v>60</v>
      </c>
      <c r="D64329" s="1" t="s">
        <v>214757</v>
      </c>
      <c r="E64329" s="1" t="s">
        <v>214758</v>
      </c>
      <c r="F64329" s="1" t="s">
        <v>214759</v>
      </c>
      <c r="G64329" s="1" t="s">
        <v>214727</v>
      </c>
      <c r="H64329" s="1" t="s">
        <v>214728</v>
      </c>
      <c r="I64329" s="1" t="s">
        <v>207852</v>
      </c>
      <c r="J64329" s="1" t="s">
        <v>214760</v>
      </c>
    </row>
    <row r="64330" spans="1:10" x14ac:dyDescent="0.35">
      <c r="A64330" s="1" t="s">
        <v>188154</v>
      </c>
      <c r="B64330" s="1" t="s">
        <v>207847</v>
      </c>
      <c r="C64330" s="1" t="s">
        <v>65</v>
      </c>
      <c r="D64330" s="1" t="s">
        <v>197638</v>
      </c>
      <c r="E64330" s="1" t="s">
        <v>214761</v>
      </c>
      <c r="F64330" s="1" t="s">
        <v>214762</v>
      </c>
      <c r="G64330" s="1" t="s">
        <v>214727</v>
      </c>
      <c r="H64330" s="1" t="s">
        <v>214728</v>
      </c>
      <c r="I64330" s="1" t="s">
        <v>207852</v>
      </c>
      <c r="J64330" s="1" t="s">
        <v>214763</v>
      </c>
    </row>
    <row r="64331" spans="1:10" x14ac:dyDescent="0.35">
      <c r="A64331" s="1" t="s">
        <v>188154</v>
      </c>
      <c r="B64331" s="1" t="s">
        <v>207847</v>
      </c>
      <c r="C64331" s="1" t="s">
        <v>70</v>
      </c>
      <c r="D64331" s="1" t="s">
        <v>194143</v>
      </c>
      <c r="E64331" s="1" t="s">
        <v>214764</v>
      </c>
      <c r="F64331" s="1" t="s">
        <v>214765</v>
      </c>
      <c r="G64331" s="1" t="s">
        <v>214727</v>
      </c>
      <c r="H64331" s="1" t="s">
        <v>214728</v>
      </c>
      <c r="I64331" s="1" t="s">
        <v>207852</v>
      </c>
      <c r="J64331" s="1" t="s">
        <v>214766</v>
      </c>
    </row>
    <row r="64332" spans="1:10" x14ac:dyDescent="0.35">
      <c r="A64332" s="1" t="s">
        <v>188154</v>
      </c>
      <c r="B64332" s="1" t="s">
        <v>207847</v>
      </c>
      <c r="C64332" s="1" t="s">
        <v>75</v>
      </c>
      <c r="D64332" s="1" t="s">
        <v>214767</v>
      </c>
      <c r="E64332" s="1" t="s">
        <v>214768</v>
      </c>
      <c r="F64332" s="1" t="s">
        <v>214769</v>
      </c>
      <c r="G64332" s="1" t="s">
        <v>214727</v>
      </c>
      <c r="H64332" s="1" t="s">
        <v>214728</v>
      </c>
      <c r="I64332" s="1" t="s">
        <v>207852</v>
      </c>
      <c r="J64332" s="1" t="s">
        <v>214770</v>
      </c>
    </row>
    <row r="64333" spans="1:10" x14ac:dyDescent="0.35">
      <c r="A64333" s="1" t="s">
        <v>188154</v>
      </c>
      <c r="B64333" s="1" t="s">
        <v>207847</v>
      </c>
      <c r="C64333" s="1" t="s">
        <v>80</v>
      </c>
      <c r="D64333" s="1" t="s">
        <v>31205</v>
      </c>
      <c r="E64333" s="1" t="s">
        <v>214771</v>
      </c>
      <c r="F64333" s="1" t="s">
        <v>214772</v>
      </c>
      <c r="G64333" s="1" t="s">
        <v>214727</v>
      </c>
      <c r="H64333" s="1" t="s">
        <v>214728</v>
      </c>
      <c r="I64333" s="1" t="s">
        <v>207852</v>
      </c>
      <c r="J64333" s="1" t="s">
        <v>214773</v>
      </c>
    </row>
    <row r="64334" spans="1:10" x14ac:dyDescent="0.35">
      <c r="A64334" s="1" t="s">
        <v>188154</v>
      </c>
      <c r="B64334" s="1" t="s">
        <v>207847</v>
      </c>
      <c r="C64334" s="1" t="s">
        <v>85</v>
      </c>
      <c r="D64334" s="1" t="s">
        <v>17458</v>
      </c>
      <c r="E64334" s="1" t="s">
        <v>214774</v>
      </c>
      <c r="F64334" s="1" t="s">
        <v>214775</v>
      </c>
      <c r="G64334" s="1" t="s">
        <v>214727</v>
      </c>
      <c r="H64334" s="1" t="s">
        <v>214728</v>
      </c>
      <c r="I64334" s="1" t="s">
        <v>207852</v>
      </c>
      <c r="J64334" s="1" t="s">
        <v>214776</v>
      </c>
    </row>
    <row r="64335" spans="1:10" x14ac:dyDescent="0.35">
      <c r="A64335" s="1" t="s">
        <v>188154</v>
      </c>
      <c r="B64335" s="1" t="s">
        <v>207847</v>
      </c>
      <c r="C64335" s="1" t="s">
        <v>90</v>
      </c>
      <c r="D64335" s="1" t="s">
        <v>74574</v>
      </c>
      <c r="E64335" s="1" t="s">
        <v>214777</v>
      </c>
      <c r="F64335" s="1" t="s">
        <v>214778</v>
      </c>
      <c r="G64335" s="1" t="s">
        <v>214727</v>
      </c>
      <c r="H64335" s="1" t="s">
        <v>214728</v>
      </c>
      <c r="I64335" s="1" t="s">
        <v>207852</v>
      </c>
      <c r="J64335" s="1" t="s">
        <v>214779</v>
      </c>
    </row>
    <row r="64336" spans="1:10" x14ac:dyDescent="0.35">
      <c r="A64336" s="1" t="s">
        <v>188154</v>
      </c>
      <c r="B64336" s="1" t="s">
        <v>207847</v>
      </c>
      <c r="C64336" s="1" t="s">
        <v>95</v>
      </c>
      <c r="D64336" s="1" t="s">
        <v>33853</v>
      </c>
      <c r="E64336" s="1" t="s">
        <v>214780</v>
      </c>
      <c r="F64336" s="1" t="s">
        <v>214781</v>
      </c>
      <c r="G64336" s="1" t="s">
        <v>214727</v>
      </c>
      <c r="H64336" s="1" t="s">
        <v>214728</v>
      </c>
      <c r="I64336" s="1" t="s">
        <v>207852</v>
      </c>
      <c r="J64336" s="1" t="s">
        <v>214782</v>
      </c>
    </row>
    <row r="64337" spans="1:10" x14ac:dyDescent="0.35">
      <c r="A64337" s="1" t="s">
        <v>188154</v>
      </c>
      <c r="B64337" s="1" t="s">
        <v>207847</v>
      </c>
      <c r="C64337" s="1" t="s">
        <v>100</v>
      </c>
      <c r="D64337" s="1" t="s">
        <v>171096</v>
      </c>
      <c r="E64337" s="1" t="s">
        <v>214783</v>
      </c>
      <c r="F64337" s="1" t="s">
        <v>214784</v>
      </c>
      <c r="G64337" s="1" t="s">
        <v>214727</v>
      </c>
      <c r="H64337" s="1" t="s">
        <v>214728</v>
      </c>
      <c r="I64337" s="1" t="s">
        <v>207852</v>
      </c>
      <c r="J64337" s="1" t="s">
        <v>214785</v>
      </c>
    </row>
    <row r="64338" spans="1:10" x14ac:dyDescent="0.35">
      <c r="A64338" s="1" t="s">
        <v>188154</v>
      </c>
      <c r="B64338" s="1" t="s">
        <v>207847</v>
      </c>
      <c r="C64338" s="1" t="s">
        <v>105</v>
      </c>
      <c r="D64338" s="1" t="s">
        <v>184070</v>
      </c>
      <c r="E64338" s="1" t="s">
        <v>214786</v>
      </c>
      <c r="F64338" s="1" t="s">
        <v>214787</v>
      </c>
      <c r="G64338" s="1" t="s">
        <v>214727</v>
      </c>
      <c r="H64338" s="1" t="s">
        <v>214728</v>
      </c>
      <c r="I64338" s="1" t="s">
        <v>207852</v>
      </c>
      <c r="J64338" s="1" t="s">
        <v>214788</v>
      </c>
    </row>
    <row r="64339" spans="1:10" x14ac:dyDescent="0.35">
      <c r="A64339" s="1" t="s">
        <v>188154</v>
      </c>
      <c r="B64339" s="1" t="s">
        <v>207847</v>
      </c>
      <c r="C64339" s="1" t="s">
        <v>110</v>
      </c>
      <c r="D64339" s="1" t="s">
        <v>125232</v>
      </c>
      <c r="E64339" s="1" t="s">
        <v>214789</v>
      </c>
      <c r="F64339" s="1" t="s">
        <v>214790</v>
      </c>
      <c r="G64339" s="1" t="s">
        <v>214727</v>
      </c>
      <c r="H64339" s="1" t="s">
        <v>214728</v>
      </c>
      <c r="I64339" s="1" t="s">
        <v>207852</v>
      </c>
      <c r="J64339" s="1" t="s">
        <v>214791</v>
      </c>
    </row>
    <row r="64340" spans="1:10" x14ac:dyDescent="0.35">
      <c r="A64340" s="1" t="s">
        <v>188154</v>
      </c>
      <c r="B64340" s="1" t="s">
        <v>207847</v>
      </c>
      <c r="C64340" s="1" t="s">
        <v>115</v>
      </c>
      <c r="D64340" s="1" t="s">
        <v>214792</v>
      </c>
      <c r="E64340" s="1" t="s">
        <v>214793</v>
      </c>
      <c r="F64340" s="1" t="s">
        <v>214794</v>
      </c>
      <c r="G64340" s="1" t="s">
        <v>214727</v>
      </c>
      <c r="H64340" s="1" t="s">
        <v>214728</v>
      </c>
      <c r="I64340" s="1" t="s">
        <v>207852</v>
      </c>
      <c r="J64340" s="1" t="s">
        <v>214795</v>
      </c>
    </row>
    <row r="64341" spans="1:10" x14ac:dyDescent="0.35">
      <c r="A64341" s="1" t="s">
        <v>188154</v>
      </c>
      <c r="B64341" s="1" t="s">
        <v>207847</v>
      </c>
      <c r="C64341" s="1" t="s">
        <v>120</v>
      </c>
      <c r="D64341" s="1" t="s">
        <v>176533</v>
      </c>
      <c r="E64341" s="1" t="s">
        <v>214796</v>
      </c>
      <c r="F64341" s="1" t="s">
        <v>214797</v>
      </c>
      <c r="G64341" s="1" t="s">
        <v>214727</v>
      </c>
      <c r="H64341" s="1" t="s">
        <v>214728</v>
      </c>
      <c r="I64341" s="1" t="s">
        <v>207852</v>
      </c>
      <c r="J64341" s="1" t="s">
        <v>214798</v>
      </c>
    </row>
    <row r="64342" spans="1:10" x14ac:dyDescent="0.35">
      <c r="A64342" s="1" t="s">
        <v>188154</v>
      </c>
      <c r="B64342" s="1" t="s">
        <v>207847</v>
      </c>
      <c r="C64342" s="1" t="s">
        <v>125</v>
      </c>
      <c r="D64342" s="1" t="s">
        <v>179958</v>
      </c>
      <c r="E64342" s="1" t="s">
        <v>214799</v>
      </c>
      <c r="F64342" s="1" t="s">
        <v>214800</v>
      </c>
      <c r="G64342" s="1" t="s">
        <v>214727</v>
      </c>
      <c r="H64342" s="1" t="s">
        <v>214728</v>
      </c>
      <c r="I64342" s="1" t="s">
        <v>207852</v>
      </c>
      <c r="J64342" s="1" t="s">
        <v>214801</v>
      </c>
    </row>
    <row r="64343" spans="1:10" x14ac:dyDescent="0.35">
      <c r="A64343" s="1" t="s">
        <v>188154</v>
      </c>
      <c r="B64343" s="1" t="s">
        <v>207847</v>
      </c>
      <c r="C64343" s="1" t="s">
        <v>130</v>
      </c>
      <c r="D64343" s="1" t="s">
        <v>47002</v>
      </c>
      <c r="E64343" s="1" t="s">
        <v>214802</v>
      </c>
      <c r="F64343" s="1" t="s">
        <v>214803</v>
      </c>
      <c r="G64343" s="1" t="s">
        <v>214727</v>
      </c>
      <c r="H64343" s="1" t="s">
        <v>214728</v>
      </c>
      <c r="I64343" s="1" t="s">
        <v>207852</v>
      </c>
      <c r="J64343" s="1" t="s">
        <v>214804</v>
      </c>
    </row>
    <row r="64344" spans="1:10" x14ac:dyDescent="0.35">
      <c r="A64344" s="1" t="s">
        <v>188154</v>
      </c>
      <c r="B64344" s="1" t="s">
        <v>207847</v>
      </c>
      <c r="C64344" s="1" t="s">
        <v>135</v>
      </c>
      <c r="D64344" s="1" t="s">
        <v>214805</v>
      </c>
      <c r="E64344" s="1" t="s">
        <v>214806</v>
      </c>
      <c r="F64344" s="1" t="s">
        <v>214807</v>
      </c>
      <c r="G64344" s="1" t="s">
        <v>214727</v>
      </c>
      <c r="H64344" s="1" t="s">
        <v>214728</v>
      </c>
      <c r="I64344" s="1" t="s">
        <v>207852</v>
      </c>
      <c r="J64344" s="1" t="s">
        <v>214808</v>
      </c>
    </row>
    <row r="64345" spans="1:10" x14ac:dyDescent="0.35">
      <c r="A64345" s="1" t="s">
        <v>188154</v>
      </c>
      <c r="B64345" s="1" t="s">
        <v>207847</v>
      </c>
      <c r="C64345" s="1" t="s">
        <v>140</v>
      </c>
      <c r="D64345" s="1" t="s">
        <v>53566</v>
      </c>
      <c r="E64345" s="1" t="s">
        <v>214809</v>
      </c>
      <c r="F64345" s="1" t="s">
        <v>214810</v>
      </c>
      <c r="G64345" s="1" t="s">
        <v>214727</v>
      </c>
      <c r="H64345" s="1" t="s">
        <v>214728</v>
      </c>
      <c r="I64345" s="1" t="s">
        <v>207852</v>
      </c>
      <c r="J64345" s="1" t="s">
        <v>214811</v>
      </c>
    </row>
    <row r="64346" spans="1:10" x14ac:dyDescent="0.35">
      <c r="A64346" s="1" t="s">
        <v>188154</v>
      </c>
      <c r="B64346" s="1" t="s">
        <v>207847</v>
      </c>
      <c r="C64346" s="1" t="s">
        <v>145</v>
      </c>
      <c r="D64346" s="1" t="s">
        <v>184471</v>
      </c>
      <c r="E64346" s="1" t="s">
        <v>214812</v>
      </c>
      <c r="F64346" s="1" t="s">
        <v>214813</v>
      </c>
      <c r="G64346" s="1" t="s">
        <v>214727</v>
      </c>
      <c r="H64346" s="1" t="s">
        <v>214728</v>
      </c>
      <c r="I64346" s="1" t="s">
        <v>207852</v>
      </c>
      <c r="J64346" s="1" t="s">
        <v>214814</v>
      </c>
    </row>
    <row r="64347" spans="1:10" x14ac:dyDescent="0.35">
      <c r="A64347" s="1" t="s">
        <v>188154</v>
      </c>
      <c r="B64347" s="1" t="s">
        <v>207847</v>
      </c>
      <c r="C64347" s="1" t="s">
        <v>150</v>
      </c>
      <c r="D64347" s="1" t="s">
        <v>214815</v>
      </c>
      <c r="E64347" s="1" t="s">
        <v>214816</v>
      </c>
      <c r="F64347" s="1" t="s">
        <v>214817</v>
      </c>
      <c r="G64347" s="1" t="s">
        <v>214727</v>
      </c>
      <c r="H64347" s="1" t="s">
        <v>214728</v>
      </c>
      <c r="I64347" s="1" t="s">
        <v>207852</v>
      </c>
      <c r="J64347" s="1" t="s">
        <v>214818</v>
      </c>
    </row>
    <row r="64348" spans="1:10" x14ac:dyDescent="0.35">
      <c r="A64348" s="1" t="s">
        <v>188154</v>
      </c>
      <c r="B64348" s="1" t="s">
        <v>207847</v>
      </c>
      <c r="C64348" s="1" t="s">
        <v>155</v>
      </c>
      <c r="D64348" s="1" t="s">
        <v>106802</v>
      </c>
      <c r="E64348" s="1" t="s">
        <v>214819</v>
      </c>
      <c r="F64348" s="1" t="s">
        <v>214820</v>
      </c>
      <c r="G64348" s="1" t="s">
        <v>214727</v>
      </c>
      <c r="H64348" s="1" t="s">
        <v>214728</v>
      </c>
      <c r="I64348" s="1" t="s">
        <v>207852</v>
      </c>
      <c r="J64348" s="1" t="s">
        <v>214821</v>
      </c>
    </row>
    <row r="64349" spans="1:10" x14ac:dyDescent="0.35">
      <c r="A64349" s="1" t="s">
        <v>188154</v>
      </c>
      <c r="B64349" s="1" t="s">
        <v>207847</v>
      </c>
      <c r="C64349" s="1" t="s">
        <v>160</v>
      </c>
      <c r="D64349" s="1" t="s">
        <v>214822</v>
      </c>
      <c r="E64349" s="1" t="s">
        <v>214823</v>
      </c>
      <c r="F64349" s="1" t="s">
        <v>214824</v>
      </c>
      <c r="G64349" s="1" t="s">
        <v>214727</v>
      </c>
      <c r="H64349" s="1" t="s">
        <v>214728</v>
      </c>
      <c r="I64349" s="1" t="s">
        <v>207852</v>
      </c>
      <c r="J64349" s="1" t="s">
        <v>214825</v>
      </c>
    </row>
    <row r="64350" spans="1:10" x14ac:dyDescent="0.35">
      <c r="A64350" s="1" t="s">
        <v>188154</v>
      </c>
      <c r="B64350" s="1" t="s">
        <v>207847</v>
      </c>
      <c r="C64350" s="1" t="s">
        <v>165</v>
      </c>
      <c r="D64350" s="1" t="s">
        <v>214826</v>
      </c>
      <c r="E64350" s="1" t="s">
        <v>214827</v>
      </c>
      <c r="F64350" s="1" t="s">
        <v>214828</v>
      </c>
      <c r="G64350" s="1" t="s">
        <v>214727</v>
      </c>
      <c r="H64350" s="1" t="s">
        <v>214728</v>
      </c>
      <c r="I64350" s="1" t="s">
        <v>207852</v>
      </c>
      <c r="J64350" s="1" t="s">
        <v>214829</v>
      </c>
    </row>
    <row r="64351" spans="1:10" x14ac:dyDescent="0.35">
      <c r="A64351" s="1" t="s">
        <v>188154</v>
      </c>
      <c r="B64351" s="1" t="s">
        <v>207847</v>
      </c>
      <c r="C64351" s="1" t="s">
        <v>170</v>
      </c>
      <c r="D64351" s="1" t="s">
        <v>214830</v>
      </c>
      <c r="E64351" s="1" t="s">
        <v>214831</v>
      </c>
      <c r="F64351" s="1" t="s">
        <v>214832</v>
      </c>
      <c r="G64351" s="1" t="s">
        <v>214727</v>
      </c>
      <c r="H64351" s="1" t="s">
        <v>214728</v>
      </c>
      <c r="I64351" s="1" t="s">
        <v>207852</v>
      </c>
      <c r="J64351" s="1" t="s">
        <v>214833</v>
      </c>
    </row>
    <row r="64352" spans="1:10" x14ac:dyDescent="0.35">
      <c r="A64352" s="1" t="s">
        <v>4034</v>
      </c>
      <c r="B64352" s="1" t="s">
        <v>207847</v>
      </c>
      <c r="C64352" s="1" t="s">
        <v>8</v>
      </c>
      <c r="D64352" s="1" t="s">
        <v>38830</v>
      </c>
      <c r="E64352" s="1" t="s">
        <v>214834</v>
      </c>
      <c r="F64352" s="1" t="s">
        <v>214835</v>
      </c>
      <c r="G64352" s="1" t="s">
        <v>214836</v>
      </c>
      <c r="H64352" s="1" t="s">
        <v>214837</v>
      </c>
      <c r="I64352" s="1" t="s">
        <v>207852</v>
      </c>
      <c r="J64352" s="1" t="s">
        <v>13</v>
      </c>
    </row>
    <row r="64353" spans="1:10" x14ac:dyDescent="0.35">
      <c r="A64353" s="1" t="s">
        <v>4034</v>
      </c>
      <c r="B64353" s="1" t="s">
        <v>207847</v>
      </c>
      <c r="C64353" s="1" t="s">
        <v>15</v>
      </c>
      <c r="D64353" s="1" t="s">
        <v>214838</v>
      </c>
      <c r="E64353" s="1" t="s">
        <v>142750</v>
      </c>
      <c r="F64353" s="1" t="s">
        <v>214839</v>
      </c>
      <c r="G64353" s="1" t="s">
        <v>214836</v>
      </c>
      <c r="H64353" s="1" t="s">
        <v>214837</v>
      </c>
      <c r="I64353" s="1" t="s">
        <v>207852</v>
      </c>
      <c r="J64353" s="1" t="s">
        <v>214840</v>
      </c>
    </row>
    <row r="64354" spans="1:10" x14ac:dyDescent="0.35">
      <c r="A64354" s="1" t="s">
        <v>4034</v>
      </c>
      <c r="B64354" s="1" t="s">
        <v>207847</v>
      </c>
      <c r="C64354" s="1" t="s">
        <v>20</v>
      </c>
      <c r="D64354" s="1" t="s">
        <v>36771</v>
      </c>
      <c r="E64354" s="1" t="s">
        <v>73426</v>
      </c>
      <c r="F64354" s="1" t="s">
        <v>180463</v>
      </c>
      <c r="G64354" s="1" t="s">
        <v>214836</v>
      </c>
      <c r="H64354" s="1" t="s">
        <v>214837</v>
      </c>
      <c r="I64354" s="1" t="s">
        <v>207852</v>
      </c>
      <c r="J64354" s="1" t="s">
        <v>214841</v>
      </c>
    </row>
    <row r="64355" spans="1:10" x14ac:dyDescent="0.35">
      <c r="A64355" s="1" t="s">
        <v>4034</v>
      </c>
      <c r="B64355" s="1" t="s">
        <v>207847</v>
      </c>
      <c r="C64355" s="1" t="s">
        <v>25</v>
      </c>
      <c r="D64355" s="1" t="s">
        <v>49102</v>
      </c>
      <c r="E64355" s="1" t="s">
        <v>130023</v>
      </c>
      <c r="F64355" s="1" t="s">
        <v>68429</v>
      </c>
      <c r="G64355" s="1" t="s">
        <v>214836</v>
      </c>
      <c r="H64355" s="1" t="s">
        <v>214837</v>
      </c>
      <c r="I64355" s="1" t="s">
        <v>207852</v>
      </c>
      <c r="J64355" s="1" t="s">
        <v>214842</v>
      </c>
    </row>
    <row r="64356" spans="1:10" x14ac:dyDescent="0.35">
      <c r="A64356" s="1" t="s">
        <v>4034</v>
      </c>
      <c r="B64356" s="1" t="s">
        <v>207847</v>
      </c>
      <c r="C64356" s="1" t="s">
        <v>30</v>
      </c>
      <c r="D64356" s="1" t="s">
        <v>146858</v>
      </c>
      <c r="E64356" s="1" t="s">
        <v>214834</v>
      </c>
      <c r="F64356" s="1" t="s">
        <v>103750</v>
      </c>
      <c r="G64356" s="1" t="s">
        <v>214836</v>
      </c>
      <c r="H64356" s="1" t="s">
        <v>214837</v>
      </c>
      <c r="I64356" s="1" t="s">
        <v>207852</v>
      </c>
      <c r="J64356" s="1" t="s">
        <v>214843</v>
      </c>
    </row>
    <row r="64357" spans="1:10" x14ac:dyDescent="0.35">
      <c r="A64357" s="1" t="s">
        <v>4034</v>
      </c>
      <c r="B64357" s="1" t="s">
        <v>207847</v>
      </c>
      <c r="C64357" s="1" t="s">
        <v>35</v>
      </c>
      <c r="D64357" s="1" t="s">
        <v>29137</v>
      </c>
      <c r="E64357" s="1" t="s">
        <v>133124</v>
      </c>
      <c r="F64357" s="1" t="s">
        <v>214844</v>
      </c>
      <c r="G64357" s="1" t="s">
        <v>214836</v>
      </c>
      <c r="H64357" s="1" t="s">
        <v>214837</v>
      </c>
      <c r="I64357" s="1" t="s">
        <v>207852</v>
      </c>
      <c r="J64357" s="1" t="s">
        <v>214845</v>
      </c>
    </row>
    <row r="64358" spans="1:10" x14ac:dyDescent="0.35">
      <c r="A64358" s="1" t="s">
        <v>4034</v>
      </c>
      <c r="B64358" s="1" t="s">
        <v>207847</v>
      </c>
      <c r="C64358" s="1" t="s">
        <v>40</v>
      </c>
      <c r="D64358" s="1" t="s">
        <v>48231</v>
      </c>
      <c r="E64358" s="1" t="s">
        <v>214846</v>
      </c>
      <c r="F64358" s="1" t="s">
        <v>58690</v>
      </c>
      <c r="G64358" s="1" t="s">
        <v>214836</v>
      </c>
      <c r="H64358" s="1" t="s">
        <v>214837</v>
      </c>
      <c r="I64358" s="1" t="s">
        <v>207852</v>
      </c>
      <c r="J64358" s="1" t="s">
        <v>214847</v>
      </c>
    </row>
    <row r="64359" spans="1:10" x14ac:dyDescent="0.35">
      <c r="A64359" s="1" t="s">
        <v>4034</v>
      </c>
      <c r="B64359" s="1" t="s">
        <v>207847</v>
      </c>
      <c r="C64359" s="1" t="s">
        <v>45</v>
      </c>
      <c r="D64359" s="1" t="s">
        <v>36089</v>
      </c>
      <c r="E64359" s="1" t="s">
        <v>131775</v>
      </c>
      <c r="F64359" s="1" t="s">
        <v>214848</v>
      </c>
      <c r="G64359" s="1" t="s">
        <v>214836</v>
      </c>
      <c r="H64359" s="1" t="s">
        <v>214837</v>
      </c>
      <c r="I64359" s="1" t="s">
        <v>207852</v>
      </c>
      <c r="J64359" s="1" t="s">
        <v>214849</v>
      </c>
    </row>
    <row r="64360" spans="1:10" x14ac:dyDescent="0.35">
      <c r="A64360" s="1" t="s">
        <v>4034</v>
      </c>
      <c r="B64360" s="1" t="s">
        <v>207847</v>
      </c>
      <c r="C64360" s="1" t="s">
        <v>50</v>
      </c>
      <c r="D64360" s="1" t="s">
        <v>35636</v>
      </c>
      <c r="E64360" s="1" t="s">
        <v>142815</v>
      </c>
      <c r="F64360" s="1" t="s">
        <v>214850</v>
      </c>
      <c r="G64360" s="1" t="s">
        <v>214836</v>
      </c>
      <c r="H64360" s="1" t="s">
        <v>214837</v>
      </c>
      <c r="I64360" s="1" t="s">
        <v>207852</v>
      </c>
      <c r="J64360" s="1" t="s">
        <v>214851</v>
      </c>
    </row>
    <row r="64361" spans="1:10" x14ac:dyDescent="0.35">
      <c r="A64361" s="1" t="s">
        <v>4034</v>
      </c>
      <c r="B64361" s="1" t="s">
        <v>207847</v>
      </c>
      <c r="C64361" s="1" t="s">
        <v>55</v>
      </c>
      <c r="D64361" s="1" t="s">
        <v>35342</v>
      </c>
      <c r="E64361" s="1" t="s">
        <v>214852</v>
      </c>
      <c r="F64361" s="1" t="s">
        <v>128023</v>
      </c>
      <c r="G64361" s="1" t="s">
        <v>214836</v>
      </c>
      <c r="H64361" s="1" t="s">
        <v>214837</v>
      </c>
      <c r="I64361" s="1" t="s">
        <v>207852</v>
      </c>
      <c r="J64361" s="1" t="s">
        <v>214853</v>
      </c>
    </row>
    <row r="64362" spans="1:10" x14ac:dyDescent="0.35">
      <c r="A64362" s="1" t="s">
        <v>4034</v>
      </c>
      <c r="B64362" s="1" t="s">
        <v>207847</v>
      </c>
      <c r="C64362" s="1" t="s">
        <v>60</v>
      </c>
      <c r="D64362" s="1" t="s">
        <v>175856</v>
      </c>
      <c r="E64362" s="1" t="s">
        <v>214171</v>
      </c>
      <c r="F64362" s="1" t="s">
        <v>149058</v>
      </c>
      <c r="G64362" s="1" t="s">
        <v>214836</v>
      </c>
      <c r="H64362" s="1" t="s">
        <v>214837</v>
      </c>
      <c r="I64362" s="1" t="s">
        <v>207852</v>
      </c>
      <c r="J64362" s="1" t="s">
        <v>214854</v>
      </c>
    </row>
    <row r="64363" spans="1:10" x14ac:dyDescent="0.35">
      <c r="A64363" s="1" t="s">
        <v>4034</v>
      </c>
      <c r="B64363" s="1" t="s">
        <v>207847</v>
      </c>
      <c r="C64363" s="1" t="s">
        <v>65</v>
      </c>
      <c r="D64363" s="1" t="s">
        <v>72791</v>
      </c>
      <c r="E64363" s="1" t="s">
        <v>214855</v>
      </c>
      <c r="F64363" s="1" t="s">
        <v>55993</v>
      </c>
      <c r="G64363" s="1" t="s">
        <v>214836</v>
      </c>
      <c r="H64363" s="1" t="s">
        <v>214837</v>
      </c>
      <c r="I64363" s="1" t="s">
        <v>207852</v>
      </c>
      <c r="J64363" s="1" t="s">
        <v>214856</v>
      </c>
    </row>
    <row r="64364" spans="1:10" x14ac:dyDescent="0.35">
      <c r="A64364" s="1" t="s">
        <v>4034</v>
      </c>
      <c r="B64364" s="1" t="s">
        <v>207847</v>
      </c>
      <c r="C64364" s="1" t="s">
        <v>70</v>
      </c>
      <c r="D64364" s="1" t="s">
        <v>201647</v>
      </c>
      <c r="E64364" s="1" t="s">
        <v>133155</v>
      </c>
      <c r="F64364" s="1" t="s">
        <v>96624</v>
      </c>
      <c r="G64364" s="1" t="s">
        <v>214836</v>
      </c>
      <c r="H64364" s="1" t="s">
        <v>214837</v>
      </c>
      <c r="I64364" s="1" t="s">
        <v>207852</v>
      </c>
      <c r="J64364" s="1" t="s">
        <v>214857</v>
      </c>
    </row>
    <row r="64365" spans="1:10" x14ac:dyDescent="0.35">
      <c r="A64365" s="1" t="s">
        <v>4034</v>
      </c>
      <c r="B64365" s="1" t="s">
        <v>207847</v>
      </c>
      <c r="C64365" s="1" t="s">
        <v>75</v>
      </c>
      <c r="D64365" s="1" t="s">
        <v>214858</v>
      </c>
      <c r="E64365" s="1" t="s">
        <v>109848</v>
      </c>
      <c r="F64365" s="1" t="s">
        <v>133390</v>
      </c>
      <c r="G64365" s="1" t="s">
        <v>214836</v>
      </c>
      <c r="H64365" s="1" t="s">
        <v>214837</v>
      </c>
      <c r="I64365" s="1" t="s">
        <v>207852</v>
      </c>
      <c r="J64365" s="1" t="s">
        <v>151069</v>
      </c>
    </row>
    <row r="64366" spans="1:10" x14ac:dyDescent="0.35">
      <c r="A64366" s="1" t="s">
        <v>4034</v>
      </c>
      <c r="B64366" s="1" t="s">
        <v>207847</v>
      </c>
      <c r="C64366" s="1" t="s">
        <v>80</v>
      </c>
      <c r="D64366" s="1" t="s">
        <v>37506</v>
      </c>
      <c r="E64366" s="1" t="s">
        <v>214859</v>
      </c>
      <c r="F64366" s="1" t="s">
        <v>214860</v>
      </c>
      <c r="G64366" s="1" t="s">
        <v>214836</v>
      </c>
      <c r="H64366" s="1" t="s">
        <v>214837</v>
      </c>
      <c r="I64366" s="1" t="s">
        <v>207852</v>
      </c>
      <c r="J64366" s="1" t="s">
        <v>214861</v>
      </c>
    </row>
    <row r="64367" spans="1:10" x14ac:dyDescent="0.35">
      <c r="A64367" s="1" t="s">
        <v>4034</v>
      </c>
      <c r="B64367" s="1" t="s">
        <v>207847</v>
      </c>
      <c r="C64367" s="1" t="s">
        <v>85</v>
      </c>
      <c r="D64367" s="1" t="s">
        <v>3112</v>
      </c>
      <c r="E64367" s="1" t="s">
        <v>133149</v>
      </c>
      <c r="F64367" s="1" t="s">
        <v>106003</v>
      </c>
      <c r="G64367" s="1" t="s">
        <v>214836</v>
      </c>
      <c r="H64367" s="1" t="s">
        <v>214837</v>
      </c>
      <c r="I64367" s="1" t="s">
        <v>207852</v>
      </c>
      <c r="J64367" s="1" t="s">
        <v>214862</v>
      </c>
    </row>
    <row r="64368" spans="1:10" x14ac:dyDescent="0.35">
      <c r="A64368" s="1" t="s">
        <v>4034</v>
      </c>
      <c r="B64368" s="1" t="s">
        <v>207847</v>
      </c>
      <c r="C64368" s="1" t="s">
        <v>90</v>
      </c>
      <c r="D64368" s="1" t="s">
        <v>72311</v>
      </c>
      <c r="E64368" s="1" t="s">
        <v>214863</v>
      </c>
      <c r="F64368" s="1" t="s">
        <v>162676</v>
      </c>
      <c r="G64368" s="1" t="s">
        <v>214836</v>
      </c>
      <c r="H64368" s="1" t="s">
        <v>214837</v>
      </c>
      <c r="I64368" s="1" t="s">
        <v>207852</v>
      </c>
      <c r="J64368" s="1" t="s">
        <v>214864</v>
      </c>
    </row>
    <row r="64369" spans="1:10" x14ac:dyDescent="0.35">
      <c r="A64369" s="1" t="s">
        <v>4034</v>
      </c>
      <c r="B64369" s="1" t="s">
        <v>207847</v>
      </c>
      <c r="C64369" s="1" t="s">
        <v>95</v>
      </c>
      <c r="D64369" s="1" t="s">
        <v>148426</v>
      </c>
      <c r="E64369" s="1" t="s">
        <v>214865</v>
      </c>
      <c r="F64369" s="1" t="s">
        <v>214866</v>
      </c>
      <c r="G64369" s="1" t="s">
        <v>214836</v>
      </c>
      <c r="H64369" s="1" t="s">
        <v>214837</v>
      </c>
      <c r="I64369" s="1" t="s">
        <v>207852</v>
      </c>
      <c r="J64369" s="1" t="s">
        <v>214867</v>
      </c>
    </row>
    <row r="64370" spans="1:10" x14ac:dyDescent="0.35">
      <c r="A64370" s="1" t="s">
        <v>4034</v>
      </c>
      <c r="B64370" s="1" t="s">
        <v>207847</v>
      </c>
      <c r="C64370" s="1" t="s">
        <v>100</v>
      </c>
      <c r="D64370" s="1" t="s">
        <v>388</v>
      </c>
      <c r="E64370" s="1" t="s">
        <v>214855</v>
      </c>
      <c r="F64370" s="1" t="s">
        <v>214868</v>
      </c>
      <c r="G64370" s="1" t="s">
        <v>214836</v>
      </c>
      <c r="H64370" s="1" t="s">
        <v>214837</v>
      </c>
      <c r="I64370" s="1" t="s">
        <v>207852</v>
      </c>
      <c r="J64370" s="1" t="s">
        <v>214869</v>
      </c>
    </row>
    <row r="64371" spans="1:10" x14ac:dyDescent="0.35">
      <c r="A64371" s="1" t="s">
        <v>4034</v>
      </c>
      <c r="B64371" s="1" t="s">
        <v>207847</v>
      </c>
      <c r="C64371" s="1" t="s">
        <v>105</v>
      </c>
      <c r="D64371" s="1" t="s">
        <v>620</v>
      </c>
      <c r="E64371" s="1" t="s">
        <v>77808</v>
      </c>
      <c r="F64371" s="1" t="s">
        <v>68989</v>
      </c>
      <c r="G64371" s="1" t="s">
        <v>214836</v>
      </c>
      <c r="H64371" s="1" t="s">
        <v>214837</v>
      </c>
      <c r="I64371" s="1" t="s">
        <v>207852</v>
      </c>
      <c r="J64371" s="1" t="s">
        <v>214870</v>
      </c>
    </row>
    <row r="64372" spans="1:10" x14ac:dyDescent="0.35">
      <c r="A64372" s="1" t="s">
        <v>4034</v>
      </c>
      <c r="B64372" s="1" t="s">
        <v>207847</v>
      </c>
      <c r="C64372" s="1" t="s">
        <v>110</v>
      </c>
      <c r="D64372" s="1" t="s">
        <v>392</v>
      </c>
      <c r="E64372" s="1" t="s">
        <v>73645</v>
      </c>
      <c r="F64372" s="1" t="s">
        <v>214871</v>
      </c>
      <c r="G64372" s="1" t="s">
        <v>214836</v>
      </c>
      <c r="H64372" s="1" t="s">
        <v>214837</v>
      </c>
      <c r="I64372" s="1" t="s">
        <v>207852</v>
      </c>
      <c r="J64372" s="1" t="s">
        <v>214872</v>
      </c>
    </row>
    <row r="64373" spans="1:10" x14ac:dyDescent="0.35">
      <c r="A64373" s="1" t="s">
        <v>4034</v>
      </c>
      <c r="B64373" s="1" t="s">
        <v>207847</v>
      </c>
      <c r="C64373" s="1" t="s">
        <v>115</v>
      </c>
      <c r="D64373" s="1" t="s">
        <v>125838</v>
      </c>
      <c r="E64373" s="1" t="s">
        <v>214873</v>
      </c>
      <c r="F64373" s="1" t="s">
        <v>214874</v>
      </c>
      <c r="G64373" s="1" t="s">
        <v>214836</v>
      </c>
      <c r="H64373" s="1" t="s">
        <v>214837</v>
      </c>
      <c r="I64373" s="1" t="s">
        <v>207852</v>
      </c>
      <c r="J64373" s="1" t="s">
        <v>214875</v>
      </c>
    </row>
    <row r="64374" spans="1:10" x14ac:dyDescent="0.35">
      <c r="A64374" s="1" t="s">
        <v>4034</v>
      </c>
      <c r="B64374" s="1" t="s">
        <v>207847</v>
      </c>
      <c r="C64374" s="1" t="s">
        <v>120</v>
      </c>
      <c r="D64374" s="1" t="s">
        <v>155144</v>
      </c>
      <c r="E64374" s="1" t="s">
        <v>214852</v>
      </c>
      <c r="F64374" s="1" t="s">
        <v>162718</v>
      </c>
      <c r="G64374" s="1" t="s">
        <v>214836</v>
      </c>
      <c r="H64374" s="1" t="s">
        <v>214837</v>
      </c>
      <c r="I64374" s="1" t="s">
        <v>207852</v>
      </c>
      <c r="J64374" s="1" t="s">
        <v>214876</v>
      </c>
    </row>
    <row r="64375" spans="1:10" x14ac:dyDescent="0.35">
      <c r="A64375" s="1" t="s">
        <v>4034</v>
      </c>
      <c r="B64375" s="1" t="s">
        <v>207847</v>
      </c>
      <c r="C64375" s="1" t="s">
        <v>125</v>
      </c>
      <c r="D64375" s="1" t="s">
        <v>42821</v>
      </c>
      <c r="E64375" s="1" t="s">
        <v>144889</v>
      </c>
      <c r="F64375" s="1" t="s">
        <v>214877</v>
      </c>
      <c r="G64375" s="1" t="s">
        <v>214836</v>
      </c>
      <c r="H64375" s="1" t="s">
        <v>214837</v>
      </c>
      <c r="I64375" s="1" t="s">
        <v>207852</v>
      </c>
      <c r="J64375" s="1" t="s">
        <v>214878</v>
      </c>
    </row>
    <row r="64376" spans="1:10" x14ac:dyDescent="0.35">
      <c r="A64376" s="1" t="s">
        <v>4034</v>
      </c>
      <c r="B64376" s="1" t="s">
        <v>207847</v>
      </c>
      <c r="C64376" s="1" t="s">
        <v>130</v>
      </c>
      <c r="D64376" s="1" t="s">
        <v>214879</v>
      </c>
      <c r="E64376" s="1" t="s">
        <v>214880</v>
      </c>
      <c r="F64376" s="1" t="s">
        <v>82612</v>
      </c>
      <c r="G64376" s="1" t="s">
        <v>214836</v>
      </c>
      <c r="H64376" s="1" t="s">
        <v>214837</v>
      </c>
      <c r="I64376" s="1" t="s">
        <v>207852</v>
      </c>
      <c r="J64376" s="1" t="s">
        <v>214881</v>
      </c>
    </row>
    <row r="64377" spans="1:10" x14ac:dyDescent="0.35">
      <c r="A64377" s="1" t="s">
        <v>4034</v>
      </c>
      <c r="B64377" s="1" t="s">
        <v>207847</v>
      </c>
      <c r="C64377" s="1" t="s">
        <v>135</v>
      </c>
      <c r="D64377" s="1" t="s">
        <v>9071</v>
      </c>
      <c r="E64377" s="1" t="s">
        <v>214882</v>
      </c>
      <c r="F64377" s="1" t="s">
        <v>59819</v>
      </c>
      <c r="G64377" s="1" t="s">
        <v>214836</v>
      </c>
      <c r="H64377" s="1" t="s">
        <v>214837</v>
      </c>
      <c r="I64377" s="1" t="s">
        <v>207852</v>
      </c>
      <c r="J64377" s="1" t="s">
        <v>214883</v>
      </c>
    </row>
    <row r="64378" spans="1:10" x14ac:dyDescent="0.35">
      <c r="A64378" s="1" t="s">
        <v>4034</v>
      </c>
      <c r="B64378" s="1" t="s">
        <v>207847</v>
      </c>
      <c r="C64378" s="1" t="s">
        <v>140</v>
      </c>
      <c r="D64378" s="1" t="s">
        <v>214884</v>
      </c>
      <c r="E64378" s="1" t="s">
        <v>214885</v>
      </c>
      <c r="F64378" s="1" t="s">
        <v>214886</v>
      </c>
      <c r="G64378" s="1" t="s">
        <v>214836</v>
      </c>
      <c r="H64378" s="1" t="s">
        <v>214837</v>
      </c>
      <c r="I64378" s="1" t="s">
        <v>207852</v>
      </c>
      <c r="J64378" s="1" t="s">
        <v>214887</v>
      </c>
    </row>
    <row r="64379" spans="1:10" x14ac:dyDescent="0.35">
      <c r="A64379" s="1" t="s">
        <v>4034</v>
      </c>
      <c r="B64379" s="1" t="s">
        <v>207847</v>
      </c>
      <c r="C64379" s="1" t="s">
        <v>145</v>
      </c>
      <c r="D64379" s="1" t="s">
        <v>12687</v>
      </c>
      <c r="E64379" s="1" t="s">
        <v>135441</v>
      </c>
      <c r="F64379" s="1" t="s">
        <v>173384</v>
      </c>
      <c r="G64379" s="1" t="s">
        <v>214836</v>
      </c>
      <c r="H64379" s="1" t="s">
        <v>214837</v>
      </c>
      <c r="I64379" s="1" t="s">
        <v>207852</v>
      </c>
      <c r="J64379" s="1" t="s">
        <v>214888</v>
      </c>
    </row>
    <row r="64380" spans="1:10" x14ac:dyDescent="0.35">
      <c r="A64380" s="1" t="s">
        <v>4034</v>
      </c>
      <c r="B64380" s="1" t="s">
        <v>207847</v>
      </c>
      <c r="C64380" s="1" t="s">
        <v>150</v>
      </c>
      <c r="D64380" s="1" t="s">
        <v>125932</v>
      </c>
      <c r="E64380" s="1" t="s">
        <v>214889</v>
      </c>
      <c r="F64380" s="1" t="s">
        <v>53874</v>
      </c>
      <c r="G64380" s="1" t="s">
        <v>214836</v>
      </c>
      <c r="H64380" s="1" t="s">
        <v>214837</v>
      </c>
      <c r="I64380" s="1" t="s">
        <v>207852</v>
      </c>
      <c r="J64380" s="1" t="s">
        <v>214890</v>
      </c>
    </row>
    <row r="64381" spans="1:10" x14ac:dyDescent="0.35">
      <c r="A64381" s="1" t="s">
        <v>4034</v>
      </c>
      <c r="B64381" s="1" t="s">
        <v>207847</v>
      </c>
      <c r="C64381" s="1" t="s">
        <v>155</v>
      </c>
      <c r="D64381" s="1" t="s">
        <v>214891</v>
      </c>
      <c r="E64381" s="1" t="s">
        <v>214892</v>
      </c>
      <c r="F64381" s="1" t="s">
        <v>214893</v>
      </c>
      <c r="G64381" s="1" t="s">
        <v>214836</v>
      </c>
      <c r="H64381" s="1" t="s">
        <v>214837</v>
      </c>
      <c r="I64381" s="1" t="s">
        <v>207852</v>
      </c>
      <c r="J64381" s="1" t="s">
        <v>214894</v>
      </c>
    </row>
    <row r="64382" spans="1:10" x14ac:dyDescent="0.35">
      <c r="A64382" s="1" t="s">
        <v>4034</v>
      </c>
      <c r="B64382" s="1" t="s">
        <v>207847</v>
      </c>
      <c r="C64382" s="1" t="s">
        <v>160</v>
      </c>
      <c r="D64382" s="1" t="s">
        <v>175598</v>
      </c>
      <c r="E64382" s="1" t="s">
        <v>214895</v>
      </c>
      <c r="F64382" s="1" t="s">
        <v>214896</v>
      </c>
      <c r="G64382" s="1" t="s">
        <v>214836</v>
      </c>
      <c r="H64382" s="1" t="s">
        <v>214837</v>
      </c>
      <c r="I64382" s="1" t="s">
        <v>207852</v>
      </c>
      <c r="J64382" s="1" t="s">
        <v>214897</v>
      </c>
    </row>
    <row r="64383" spans="1:10" x14ac:dyDescent="0.35">
      <c r="A64383" s="1" t="s">
        <v>4034</v>
      </c>
      <c r="B64383" s="1" t="s">
        <v>207847</v>
      </c>
      <c r="C64383" s="1" t="s">
        <v>165</v>
      </c>
      <c r="D64383" s="1" t="s">
        <v>214898</v>
      </c>
      <c r="E64383" s="1" t="s">
        <v>134993</v>
      </c>
      <c r="F64383" s="1" t="s">
        <v>214899</v>
      </c>
      <c r="G64383" s="1" t="s">
        <v>214836</v>
      </c>
      <c r="H64383" s="1" t="s">
        <v>214837</v>
      </c>
      <c r="I64383" s="1" t="s">
        <v>207852</v>
      </c>
      <c r="J64383" s="1" t="s">
        <v>214900</v>
      </c>
    </row>
    <row r="64384" spans="1:10" x14ac:dyDescent="0.35">
      <c r="A64384" s="1" t="s">
        <v>4034</v>
      </c>
      <c r="B64384" s="1" t="s">
        <v>207847</v>
      </c>
      <c r="C64384" s="1" t="s">
        <v>170</v>
      </c>
      <c r="D64384" s="1" t="s">
        <v>141326</v>
      </c>
      <c r="E64384" s="1" t="s">
        <v>214901</v>
      </c>
      <c r="F64384" s="1" t="s">
        <v>64964</v>
      </c>
      <c r="G64384" s="1" t="s">
        <v>214836</v>
      </c>
      <c r="H64384" s="1" t="s">
        <v>214837</v>
      </c>
      <c r="I64384" s="1" t="s">
        <v>207852</v>
      </c>
      <c r="J64384" s="1" t="s">
        <v>214902</v>
      </c>
    </row>
    <row r="64385" spans="1:10" x14ac:dyDescent="0.35">
      <c r="A64385" s="1" t="s">
        <v>142377</v>
      </c>
      <c r="B64385" s="1" t="s">
        <v>207847</v>
      </c>
      <c r="C64385" s="1" t="s">
        <v>8</v>
      </c>
      <c r="D64385" s="1" t="s">
        <v>269</v>
      </c>
      <c r="E64385" s="1" t="s">
        <v>214903</v>
      </c>
      <c r="F64385" s="1" t="s">
        <v>214904</v>
      </c>
      <c r="G64385" s="1" t="s">
        <v>214905</v>
      </c>
      <c r="H64385" s="1" t="s">
        <v>214906</v>
      </c>
      <c r="I64385" s="1" t="s">
        <v>207852</v>
      </c>
      <c r="J64385" s="1" t="s">
        <v>13</v>
      </c>
    </row>
    <row r="64386" spans="1:10" x14ac:dyDescent="0.35">
      <c r="A64386" s="1" t="s">
        <v>142377</v>
      </c>
      <c r="B64386" s="1" t="s">
        <v>207847</v>
      </c>
      <c r="C64386" s="1" t="s">
        <v>15</v>
      </c>
      <c r="D64386" s="1" t="s">
        <v>18824</v>
      </c>
      <c r="E64386" s="1" t="s">
        <v>214907</v>
      </c>
      <c r="F64386" s="1" t="s">
        <v>214908</v>
      </c>
      <c r="G64386" s="1" t="s">
        <v>214905</v>
      </c>
      <c r="H64386" s="1" t="s">
        <v>214906</v>
      </c>
      <c r="I64386" s="1" t="s">
        <v>207852</v>
      </c>
      <c r="J64386" s="1" t="s">
        <v>214909</v>
      </c>
    </row>
    <row r="64387" spans="1:10" x14ac:dyDescent="0.35">
      <c r="A64387" s="1" t="s">
        <v>142377</v>
      </c>
      <c r="B64387" s="1" t="s">
        <v>207847</v>
      </c>
      <c r="C64387" s="1" t="s">
        <v>20</v>
      </c>
      <c r="D64387" s="1" t="s">
        <v>214910</v>
      </c>
      <c r="E64387" s="1" t="s">
        <v>214911</v>
      </c>
      <c r="F64387" s="1" t="s">
        <v>214912</v>
      </c>
      <c r="G64387" s="1" t="s">
        <v>214905</v>
      </c>
      <c r="H64387" s="1" t="s">
        <v>214906</v>
      </c>
      <c r="I64387" s="1" t="s">
        <v>207852</v>
      </c>
      <c r="J64387" s="1" t="s">
        <v>214913</v>
      </c>
    </row>
    <row r="64388" spans="1:10" x14ac:dyDescent="0.35">
      <c r="A64388" s="1" t="s">
        <v>142377</v>
      </c>
      <c r="B64388" s="1" t="s">
        <v>207847</v>
      </c>
      <c r="C64388" s="1" t="s">
        <v>25</v>
      </c>
      <c r="D64388" s="1" t="s">
        <v>47248</v>
      </c>
      <c r="E64388" s="1" t="s">
        <v>214914</v>
      </c>
      <c r="F64388" s="1" t="s">
        <v>214915</v>
      </c>
      <c r="G64388" s="1" t="s">
        <v>214905</v>
      </c>
      <c r="H64388" s="1" t="s">
        <v>214906</v>
      </c>
      <c r="I64388" s="1" t="s">
        <v>207852</v>
      </c>
      <c r="J64388" s="1" t="s">
        <v>214916</v>
      </c>
    </row>
    <row r="64389" spans="1:10" x14ac:dyDescent="0.35">
      <c r="A64389" s="1" t="s">
        <v>142377</v>
      </c>
      <c r="B64389" s="1" t="s">
        <v>207847</v>
      </c>
      <c r="C64389" s="1" t="s">
        <v>30</v>
      </c>
      <c r="D64389" s="1" t="s">
        <v>34185</v>
      </c>
      <c r="E64389" s="1" t="s">
        <v>214917</v>
      </c>
      <c r="F64389" s="1" t="s">
        <v>214918</v>
      </c>
      <c r="G64389" s="1" t="s">
        <v>214905</v>
      </c>
      <c r="H64389" s="1" t="s">
        <v>214906</v>
      </c>
      <c r="I64389" s="1" t="s">
        <v>207852</v>
      </c>
      <c r="J64389" s="1" t="s">
        <v>214919</v>
      </c>
    </row>
    <row r="64390" spans="1:10" x14ac:dyDescent="0.35">
      <c r="A64390" s="1" t="s">
        <v>142377</v>
      </c>
      <c r="B64390" s="1" t="s">
        <v>207847</v>
      </c>
      <c r="C64390" s="1" t="s">
        <v>35</v>
      </c>
      <c r="D64390" s="1" t="s">
        <v>104596</v>
      </c>
      <c r="E64390" s="1" t="s">
        <v>214920</v>
      </c>
      <c r="F64390" s="1" t="s">
        <v>214921</v>
      </c>
      <c r="G64390" s="1" t="s">
        <v>214905</v>
      </c>
      <c r="H64390" s="1" t="s">
        <v>214906</v>
      </c>
      <c r="I64390" s="1" t="s">
        <v>207852</v>
      </c>
      <c r="J64390" s="1" t="s">
        <v>214922</v>
      </c>
    </row>
    <row r="64391" spans="1:10" x14ac:dyDescent="0.35">
      <c r="A64391" s="1" t="s">
        <v>142377</v>
      </c>
      <c r="B64391" s="1" t="s">
        <v>207847</v>
      </c>
      <c r="C64391" s="1" t="s">
        <v>40</v>
      </c>
      <c r="D64391" s="1" t="s">
        <v>208299</v>
      </c>
      <c r="E64391" s="1" t="s">
        <v>214923</v>
      </c>
      <c r="F64391" s="1" t="s">
        <v>214924</v>
      </c>
      <c r="G64391" s="1" t="s">
        <v>214905</v>
      </c>
      <c r="H64391" s="1" t="s">
        <v>214906</v>
      </c>
      <c r="I64391" s="1" t="s">
        <v>207852</v>
      </c>
      <c r="J64391" s="1" t="s">
        <v>214925</v>
      </c>
    </row>
    <row r="64392" spans="1:10" x14ac:dyDescent="0.35">
      <c r="A64392" s="1" t="s">
        <v>142377</v>
      </c>
      <c r="B64392" s="1" t="s">
        <v>207847</v>
      </c>
      <c r="C64392" s="1" t="s">
        <v>45</v>
      </c>
      <c r="D64392" s="1" t="s">
        <v>74331</v>
      </c>
      <c r="E64392" s="1" t="s">
        <v>214926</v>
      </c>
      <c r="F64392" s="1" t="s">
        <v>214927</v>
      </c>
      <c r="G64392" s="1" t="s">
        <v>214905</v>
      </c>
      <c r="H64392" s="1" t="s">
        <v>214906</v>
      </c>
      <c r="I64392" s="1" t="s">
        <v>207852</v>
      </c>
      <c r="J64392" s="1" t="s">
        <v>214928</v>
      </c>
    </row>
    <row r="64393" spans="1:10" x14ac:dyDescent="0.35">
      <c r="A64393" s="1" t="s">
        <v>142377</v>
      </c>
      <c r="B64393" s="1" t="s">
        <v>207847</v>
      </c>
      <c r="C64393" s="1" t="s">
        <v>50</v>
      </c>
      <c r="D64393" s="1" t="s">
        <v>148870</v>
      </c>
      <c r="E64393" s="1" t="s">
        <v>214929</v>
      </c>
      <c r="F64393" s="1" t="s">
        <v>214930</v>
      </c>
      <c r="G64393" s="1" t="s">
        <v>214905</v>
      </c>
      <c r="H64393" s="1" t="s">
        <v>214906</v>
      </c>
      <c r="I64393" s="1" t="s">
        <v>207852</v>
      </c>
      <c r="J64393" s="1" t="s">
        <v>214931</v>
      </c>
    </row>
    <row r="64394" spans="1:10" x14ac:dyDescent="0.35">
      <c r="A64394" s="1" t="s">
        <v>142377</v>
      </c>
      <c r="B64394" s="1" t="s">
        <v>207847</v>
      </c>
      <c r="C64394" s="1" t="s">
        <v>55</v>
      </c>
      <c r="D64394" s="1" t="s">
        <v>17959</v>
      </c>
      <c r="E64394" s="1" t="s">
        <v>214932</v>
      </c>
      <c r="F64394" s="1" t="s">
        <v>214933</v>
      </c>
      <c r="G64394" s="1" t="s">
        <v>214905</v>
      </c>
      <c r="H64394" s="1" t="s">
        <v>214906</v>
      </c>
      <c r="I64394" s="1" t="s">
        <v>207852</v>
      </c>
      <c r="J64394" s="1" t="s">
        <v>214934</v>
      </c>
    </row>
    <row r="64395" spans="1:10" x14ac:dyDescent="0.35">
      <c r="A64395" s="1" t="s">
        <v>142377</v>
      </c>
      <c r="B64395" s="1" t="s">
        <v>207847</v>
      </c>
      <c r="C64395" s="1" t="s">
        <v>60</v>
      </c>
      <c r="D64395" s="1" t="s">
        <v>193505</v>
      </c>
      <c r="E64395" s="1" t="s">
        <v>214935</v>
      </c>
      <c r="F64395" s="1" t="s">
        <v>214936</v>
      </c>
      <c r="G64395" s="1" t="s">
        <v>214905</v>
      </c>
      <c r="H64395" s="1" t="s">
        <v>214906</v>
      </c>
      <c r="I64395" s="1" t="s">
        <v>207852</v>
      </c>
      <c r="J64395" s="1" t="s">
        <v>214937</v>
      </c>
    </row>
    <row r="64396" spans="1:10" x14ac:dyDescent="0.35">
      <c r="A64396" s="1" t="s">
        <v>142377</v>
      </c>
      <c r="B64396" s="1" t="s">
        <v>207847</v>
      </c>
      <c r="C64396" s="1" t="s">
        <v>65</v>
      </c>
      <c r="D64396" s="1" t="s">
        <v>125290</v>
      </c>
      <c r="E64396" s="1" t="s">
        <v>214938</v>
      </c>
      <c r="F64396" s="1" t="s">
        <v>214939</v>
      </c>
      <c r="G64396" s="1" t="s">
        <v>214905</v>
      </c>
      <c r="H64396" s="1" t="s">
        <v>214906</v>
      </c>
      <c r="I64396" s="1" t="s">
        <v>207852</v>
      </c>
      <c r="J64396" s="1" t="s">
        <v>214940</v>
      </c>
    </row>
    <row r="64397" spans="1:10" x14ac:dyDescent="0.35">
      <c r="A64397" s="1" t="s">
        <v>142377</v>
      </c>
      <c r="B64397" s="1" t="s">
        <v>207847</v>
      </c>
      <c r="C64397" s="1" t="s">
        <v>70</v>
      </c>
      <c r="D64397" s="1" t="s">
        <v>211102</v>
      </c>
      <c r="E64397" s="1" t="s">
        <v>214941</v>
      </c>
      <c r="F64397" s="1" t="s">
        <v>214942</v>
      </c>
      <c r="G64397" s="1" t="s">
        <v>214905</v>
      </c>
      <c r="H64397" s="1" t="s">
        <v>214906</v>
      </c>
      <c r="I64397" s="1" t="s">
        <v>207852</v>
      </c>
      <c r="J64397" s="1" t="s">
        <v>214943</v>
      </c>
    </row>
    <row r="64398" spans="1:10" x14ac:dyDescent="0.35">
      <c r="A64398" s="1" t="s">
        <v>142377</v>
      </c>
      <c r="B64398" s="1" t="s">
        <v>207847</v>
      </c>
      <c r="C64398" s="1" t="s">
        <v>75</v>
      </c>
      <c r="D64398" s="1" t="s">
        <v>214944</v>
      </c>
      <c r="E64398" s="1" t="s">
        <v>214945</v>
      </c>
      <c r="F64398" s="1" t="s">
        <v>214946</v>
      </c>
      <c r="G64398" s="1" t="s">
        <v>214905</v>
      </c>
      <c r="H64398" s="1" t="s">
        <v>214906</v>
      </c>
      <c r="I64398" s="1" t="s">
        <v>207852</v>
      </c>
      <c r="J64398" s="1" t="s">
        <v>214947</v>
      </c>
    </row>
    <row r="64399" spans="1:10" x14ac:dyDescent="0.35">
      <c r="A64399" s="1" t="s">
        <v>142377</v>
      </c>
      <c r="B64399" s="1" t="s">
        <v>207847</v>
      </c>
      <c r="C64399" s="1" t="s">
        <v>80</v>
      </c>
      <c r="D64399" s="1" t="s">
        <v>210551</v>
      </c>
      <c r="E64399" s="1" t="s">
        <v>214948</v>
      </c>
      <c r="F64399" s="1" t="s">
        <v>214949</v>
      </c>
      <c r="G64399" s="1" t="s">
        <v>214905</v>
      </c>
      <c r="H64399" s="1" t="s">
        <v>214906</v>
      </c>
      <c r="I64399" s="1" t="s">
        <v>207852</v>
      </c>
      <c r="J64399" s="1" t="s">
        <v>214950</v>
      </c>
    </row>
    <row r="64400" spans="1:10" x14ac:dyDescent="0.35">
      <c r="A64400" s="1" t="s">
        <v>142377</v>
      </c>
      <c r="B64400" s="1" t="s">
        <v>207847</v>
      </c>
      <c r="C64400" s="1" t="s">
        <v>85</v>
      </c>
      <c r="D64400" s="1" t="s">
        <v>73056</v>
      </c>
      <c r="E64400" s="1" t="s">
        <v>214951</v>
      </c>
      <c r="F64400" s="1" t="s">
        <v>214952</v>
      </c>
      <c r="G64400" s="1" t="s">
        <v>214905</v>
      </c>
      <c r="H64400" s="1" t="s">
        <v>214906</v>
      </c>
      <c r="I64400" s="1" t="s">
        <v>207852</v>
      </c>
      <c r="J64400" s="1" t="s">
        <v>214953</v>
      </c>
    </row>
    <row r="64401" spans="1:10" x14ac:dyDescent="0.35">
      <c r="A64401" s="1" t="s">
        <v>142377</v>
      </c>
      <c r="B64401" s="1" t="s">
        <v>207847</v>
      </c>
      <c r="C64401" s="1" t="s">
        <v>90</v>
      </c>
      <c r="D64401" s="1" t="s">
        <v>174630</v>
      </c>
      <c r="E64401" s="1" t="s">
        <v>214954</v>
      </c>
      <c r="F64401" s="1" t="s">
        <v>214955</v>
      </c>
      <c r="G64401" s="1" t="s">
        <v>214905</v>
      </c>
      <c r="H64401" s="1" t="s">
        <v>214906</v>
      </c>
      <c r="I64401" s="1" t="s">
        <v>207852</v>
      </c>
      <c r="J64401" s="1" t="s">
        <v>214956</v>
      </c>
    </row>
    <row r="64402" spans="1:10" x14ac:dyDescent="0.35">
      <c r="A64402" s="1" t="s">
        <v>142377</v>
      </c>
      <c r="B64402" s="1" t="s">
        <v>207847</v>
      </c>
      <c r="C64402" s="1" t="s">
        <v>95</v>
      </c>
      <c r="D64402" s="1" t="s">
        <v>18259</v>
      </c>
      <c r="E64402" s="1" t="s">
        <v>214957</v>
      </c>
      <c r="F64402" s="1" t="s">
        <v>214958</v>
      </c>
      <c r="G64402" s="1" t="s">
        <v>214905</v>
      </c>
      <c r="H64402" s="1" t="s">
        <v>214906</v>
      </c>
      <c r="I64402" s="1" t="s">
        <v>207852</v>
      </c>
      <c r="J64402" s="1" t="s">
        <v>214959</v>
      </c>
    </row>
    <row r="64403" spans="1:10" x14ac:dyDescent="0.35">
      <c r="A64403" s="1" t="s">
        <v>142377</v>
      </c>
      <c r="B64403" s="1" t="s">
        <v>207847</v>
      </c>
      <c r="C64403" s="1" t="s">
        <v>100</v>
      </c>
      <c r="D64403" s="1" t="s">
        <v>172509</v>
      </c>
      <c r="E64403" s="1" t="s">
        <v>214960</v>
      </c>
      <c r="F64403" s="1" t="s">
        <v>214961</v>
      </c>
      <c r="G64403" s="1" t="s">
        <v>214905</v>
      </c>
      <c r="H64403" s="1" t="s">
        <v>214906</v>
      </c>
      <c r="I64403" s="1" t="s">
        <v>207852</v>
      </c>
      <c r="J64403" s="1" t="s">
        <v>214962</v>
      </c>
    </row>
    <row r="64404" spans="1:10" x14ac:dyDescent="0.35">
      <c r="A64404" s="1" t="s">
        <v>142377</v>
      </c>
      <c r="B64404" s="1" t="s">
        <v>207847</v>
      </c>
      <c r="C64404" s="1" t="s">
        <v>105</v>
      </c>
      <c r="D64404" s="1" t="s">
        <v>123215</v>
      </c>
      <c r="E64404" s="1" t="s">
        <v>214963</v>
      </c>
      <c r="F64404" s="1" t="s">
        <v>214964</v>
      </c>
      <c r="G64404" s="1" t="s">
        <v>214905</v>
      </c>
      <c r="H64404" s="1" t="s">
        <v>214906</v>
      </c>
      <c r="I64404" s="1" t="s">
        <v>207852</v>
      </c>
      <c r="J64404" s="1" t="s">
        <v>214965</v>
      </c>
    </row>
    <row r="64405" spans="1:10" x14ac:dyDescent="0.35">
      <c r="A64405" s="1" t="s">
        <v>142377</v>
      </c>
      <c r="B64405" s="1" t="s">
        <v>207847</v>
      </c>
      <c r="C64405" s="1" t="s">
        <v>110</v>
      </c>
      <c r="D64405" s="1" t="s">
        <v>214966</v>
      </c>
      <c r="E64405" s="1" t="s">
        <v>214967</v>
      </c>
      <c r="F64405" s="1" t="s">
        <v>214968</v>
      </c>
      <c r="G64405" s="1" t="s">
        <v>214905</v>
      </c>
      <c r="H64405" s="1" t="s">
        <v>214906</v>
      </c>
      <c r="I64405" s="1" t="s">
        <v>207852</v>
      </c>
      <c r="J64405" s="1" t="s">
        <v>214969</v>
      </c>
    </row>
    <row r="64406" spans="1:10" x14ac:dyDescent="0.35">
      <c r="A64406" s="1" t="s">
        <v>142377</v>
      </c>
      <c r="B64406" s="1" t="s">
        <v>207847</v>
      </c>
      <c r="C64406" s="1" t="s">
        <v>115</v>
      </c>
      <c r="D64406" s="1" t="s">
        <v>33091</v>
      </c>
      <c r="E64406" s="1" t="s">
        <v>214970</v>
      </c>
      <c r="F64406" s="1" t="s">
        <v>214971</v>
      </c>
      <c r="G64406" s="1" t="s">
        <v>214905</v>
      </c>
      <c r="H64406" s="1" t="s">
        <v>214906</v>
      </c>
      <c r="I64406" s="1" t="s">
        <v>207852</v>
      </c>
      <c r="J64406" s="1" t="s">
        <v>214972</v>
      </c>
    </row>
    <row r="64407" spans="1:10" x14ac:dyDescent="0.35">
      <c r="A64407" s="1" t="s">
        <v>142377</v>
      </c>
      <c r="B64407" s="1" t="s">
        <v>207847</v>
      </c>
      <c r="C64407" s="1" t="s">
        <v>120</v>
      </c>
      <c r="D64407" s="1" t="s">
        <v>160872</v>
      </c>
      <c r="E64407" s="1" t="s">
        <v>214973</v>
      </c>
      <c r="F64407" s="1" t="s">
        <v>214974</v>
      </c>
      <c r="G64407" s="1" t="s">
        <v>214905</v>
      </c>
      <c r="H64407" s="1" t="s">
        <v>214906</v>
      </c>
      <c r="I64407" s="1" t="s">
        <v>207852</v>
      </c>
      <c r="J64407" s="1" t="s">
        <v>214975</v>
      </c>
    </row>
    <row r="64408" spans="1:10" x14ac:dyDescent="0.35">
      <c r="A64408" s="1" t="s">
        <v>142377</v>
      </c>
      <c r="B64408" s="1" t="s">
        <v>207847</v>
      </c>
      <c r="C64408" s="1" t="s">
        <v>125</v>
      </c>
      <c r="D64408" s="1" t="s">
        <v>214976</v>
      </c>
      <c r="E64408" s="1" t="s">
        <v>214977</v>
      </c>
      <c r="F64408" s="1" t="s">
        <v>214978</v>
      </c>
      <c r="G64408" s="1" t="s">
        <v>214905</v>
      </c>
      <c r="H64408" s="1" t="s">
        <v>214906</v>
      </c>
      <c r="I64408" s="1" t="s">
        <v>207852</v>
      </c>
      <c r="J64408" s="1" t="s">
        <v>214979</v>
      </c>
    </row>
    <row r="64409" spans="1:10" x14ac:dyDescent="0.35">
      <c r="A64409" s="1" t="s">
        <v>142377</v>
      </c>
      <c r="B64409" s="1" t="s">
        <v>207847</v>
      </c>
      <c r="C64409" s="1" t="s">
        <v>130</v>
      </c>
      <c r="D64409" s="1" t="s">
        <v>214980</v>
      </c>
      <c r="E64409" s="1" t="s">
        <v>214981</v>
      </c>
      <c r="F64409" s="1" t="s">
        <v>214982</v>
      </c>
      <c r="G64409" s="1" t="s">
        <v>214905</v>
      </c>
      <c r="H64409" s="1" t="s">
        <v>214906</v>
      </c>
      <c r="I64409" s="1" t="s">
        <v>207852</v>
      </c>
      <c r="J64409" s="1" t="s">
        <v>214983</v>
      </c>
    </row>
    <row r="64410" spans="1:10" x14ac:dyDescent="0.35">
      <c r="A64410" s="1" t="s">
        <v>142377</v>
      </c>
      <c r="B64410" s="1" t="s">
        <v>207847</v>
      </c>
      <c r="C64410" s="1" t="s">
        <v>135</v>
      </c>
      <c r="D64410" s="1" t="s">
        <v>214984</v>
      </c>
      <c r="E64410" s="1" t="s">
        <v>214985</v>
      </c>
      <c r="F64410" s="1" t="s">
        <v>214986</v>
      </c>
      <c r="G64410" s="1" t="s">
        <v>214905</v>
      </c>
      <c r="H64410" s="1" t="s">
        <v>214906</v>
      </c>
      <c r="I64410" s="1" t="s">
        <v>207852</v>
      </c>
      <c r="J64410" s="1" t="s">
        <v>214987</v>
      </c>
    </row>
    <row r="64411" spans="1:10" x14ac:dyDescent="0.35">
      <c r="A64411" s="1" t="s">
        <v>142377</v>
      </c>
      <c r="B64411" s="1" t="s">
        <v>207847</v>
      </c>
      <c r="C64411" s="1" t="s">
        <v>140</v>
      </c>
      <c r="D64411" s="1" t="s">
        <v>82856</v>
      </c>
      <c r="E64411" s="1" t="s">
        <v>214988</v>
      </c>
      <c r="F64411" s="1" t="s">
        <v>214989</v>
      </c>
      <c r="G64411" s="1" t="s">
        <v>214905</v>
      </c>
      <c r="H64411" s="1" t="s">
        <v>214906</v>
      </c>
      <c r="I64411" s="1" t="s">
        <v>207852</v>
      </c>
      <c r="J64411" s="1" t="s">
        <v>214990</v>
      </c>
    </row>
    <row r="64412" spans="1:10" x14ac:dyDescent="0.35">
      <c r="A64412" s="1" t="s">
        <v>142377</v>
      </c>
      <c r="B64412" s="1" t="s">
        <v>207847</v>
      </c>
      <c r="C64412" s="1" t="s">
        <v>145</v>
      </c>
      <c r="D64412" s="1" t="s">
        <v>173124</v>
      </c>
      <c r="E64412" s="1" t="s">
        <v>214991</v>
      </c>
      <c r="F64412" s="1" t="s">
        <v>214992</v>
      </c>
      <c r="G64412" s="1" t="s">
        <v>214905</v>
      </c>
      <c r="H64412" s="1" t="s">
        <v>214906</v>
      </c>
      <c r="I64412" s="1" t="s">
        <v>207852</v>
      </c>
      <c r="J64412" s="1" t="s">
        <v>214993</v>
      </c>
    </row>
    <row r="64413" spans="1:10" x14ac:dyDescent="0.35">
      <c r="A64413" s="1" t="s">
        <v>142377</v>
      </c>
      <c r="B64413" s="1" t="s">
        <v>207847</v>
      </c>
      <c r="C64413" s="1" t="s">
        <v>150</v>
      </c>
      <c r="D64413" s="1" t="s">
        <v>52437</v>
      </c>
      <c r="E64413" s="1" t="s">
        <v>214994</v>
      </c>
      <c r="F64413" s="1" t="s">
        <v>214995</v>
      </c>
      <c r="G64413" s="1" t="s">
        <v>214905</v>
      </c>
      <c r="H64413" s="1" t="s">
        <v>214906</v>
      </c>
      <c r="I64413" s="1" t="s">
        <v>207852</v>
      </c>
      <c r="J64413" s="1" t="s">
        <v>214996</v>
      </c>
    </row>
    <row r="64414" spans="1:10" x14ac:dyDescent="0.35">
      <c r="A64414" s="1" t="s">
        <v>142377</v>
      </c>
      <c r="B64414" s="1" t="s">
        <v>207847</v>
      </c>
      <c r="C64414" s="1" t="s">
        <v>155</v>
      </c>
      <c r="D64414" s="1" t="s">
        <v>12674</v>
      </c>
      <c r="E64414" s="1" t="s">
        <v>214997</v>
      </c>
      <c r="F64414" s="1" t="s">
        <v>214998</v>
      </c>
      <c r="G64414" s="1" t="s">
        <v>214905</v>
      </c>
      <c r="H64414" s="1" t="s">
        <v>214906</v>
      </c>
      <c r="I64414" s="1" t="s">
        <v>207852</v>
      </c>
      <c r="J64414" s="1" t="s">
        <v>214999</v>
      </c>
    </row>
    <row r="64415" spans="1:10" x14ac:dyDescent="0.35">
      <c r="A64415" s="1" t="s">
        <v>142377</v>
      </c>
      <c r="B64415" s="1" t="s">
        <v>207847</v>
      </c>
      <c r="C64415" s="1" t="s">
        <v>160</v>
      </c>
      <c r="D64415" s="1" t="s">
        <v>215000</v>
      </c>
      <c r="E64415" s="1" t="s">
        <v>215001</v>
      </c>
      <c r="F64415" s="1" t="s">
        <v>215002</v>
      </c>
      <c r="G64415" s="1" t="s">
        <v>214905</v>
      </c>
      <c r="H64415" s="1" t="s">
        <v>214906</v>
      </c>
      <c r="I64415" s="1" t="s">
        <v>207852</v>
      </c>
      <c r="J64415" s="1" t="s">
        <v>215003</v>
      </c>
    </row>
    <row r="64416" spans="1:10" x14ac:dyDescent="0.35">
      <c r="A64416" s="1" t="s">
        <v>142377</v>
      </c>
      <c r="B64416" s="1" t="s">
        <v>207847</v>
      </c>
      <c r="C64416" s="1" t="s">
        <v>165</v>
      </c>
      <c r="D64416" s="1" t="s">
        <v>66799</v>
      </c>
      <c r="E64416" s="1" t="s">
        <v>215004</v>
      </c>
      <c r="F64416" s="1" t="s">
        <v>215005</v>
      </c>
      <c r="G64416" s="1" t="s">
        <v>214905</v>
      </c>
      <c r="H64416" s="1" t="s">
        <v>214906</v>
      </c>
      <c r="I64416" s="1" t="s">
        <v>207852</v>
      </c>
      <c r="J64416" s="1" t="s">
        <v>215006</v>
      </c>
    </row>
    <row r="64417" spans="1:10" x14ac:dyDescent="0.35">
      <c r="A64417" s="1" t="s">
        <v>142377</v>
      </c>
      <c r="B64417" s="1" t="s">
        <v>207847</v>
      </c>
      <c r="C64417" s="1" t="s">
        <v>170</v>
      </c>
      <c r="D64417" s="1" t="s">
        <v>80384</v>
      </c>
      <c r="E64417" s="1" t="s">
        <v>215007</v>
      </c>
      <c r="F64417" s="1" t="s">
        <v>215008</v>
      </c>
      <c r="G64417" s="1" t="s">
        <v>214905</v>
      </c>
      <c r="H64417" s="1" t="s">
        <v>214906</v>
      </c>
      <c r="I64417" s="1" t="s">
        <v>207852</v>
      </c>
      <c r="J64417" s="1" t="s">
        <v>215009</v>
      </c>
    </row>
    <row r="64418" spans="1:10" x14ac:dyDescent="0.35">
      <c r="A64418" s="1" t="s">
        <v>25239</v>
      </c>
      <c r="B64418" s="1" t="s">
        <v>207847</v>
      </c>
      <c r="C64418" s="1" t="s">
        <v>8</v>
      </c>
      <c r="D64418" s="1" t="s">
        <v>107800</v>
      </c>
      <c r="E64418" s="1" t="s">
        <v>215010</v>
      </c>
      <c r="F64418" s="1" t="s">
        <v>215011</v>
      </c>
      <c r="G64418" s="1" t="s">
        <v>215012</v>
      </c>
      <c r="H64418" s="1" t="s">
        <v>215013</v>
      </c>
      <c r="I64418" s="1" t="s">
        <v>207852</v>
      </c>
      <c r="J64418" s="1" t="s">
        <v>13</v>
      </c>
    </row>
    <row r="64419" spans="1:10" x14ac:dyDescent="0.35">
      <c r="A64419" s="1" t="s">
        <v>25239</v>
      </c>
      <c r="B64419" s="1" t="s">
        <v>207847</v>
      </c>
      <c r="C64419" s="1" t="s">
        <v>15</v>
      </c>
      <c r="D64419" s="1" t="s">
        <v>215014</v>
      </c>
      <c r="E64419" s="1" t="s">
        <v>215015</v>
      </c>
      <c r="F64419" s="1" t="s">
        <v>215016</v>
      </c>
      <c r="G64419" s="1" t="s">
        <v>215012</v>
      </c>
      <c r="H64419" s="1" t="s">
        <v>215013</v>
      </c>
      <c r="I64419" s="1" t="s">
        <v>207852</v>
      </c>
      <c r="J64419" s="1" t="s">
        <v>215017</v>
      </c>
    </row>
    <row r="64420" spans="1:10" x14ac:dyDescent="0.35">
      <c r="A64420" s="1" t="s">
        <v>25239</v>
      </c>
      <c r="B64420" s="1" t="s">
        <v>207847</v>
      </c>
      <c r="C64420" s="1" t="s">
        <v>20</v>
      </c>
      <c r="D64420" s="1" t="s">
        <v>147538</v>
      </c>
      <c r="E64420" s="1" t="s">
        <v>215018</v>
      </c>
      <c r="F64420" s="1" t="s">
        <v>215019</v>
      </c>
      <c r="G64420" s="1" t="s">
        <v>215012</v>
      </c>
      <c r="H64420" s="1" t="s">
        <v>215013</v>
      </c>
      <c r="I64420" s="1" t="s">
        <v>207852</v>
      </c>
      <c r="J64420" s="1" t="s">
        <v>215020</v>
      </c>
    </row>
    <row r="64421" spans="1:10" x14ac:dyDescent="0.35">
      <c r="A64421" s="1" t="s">
        <v>25239</v>
      </c>
      <c r="B64421" s="1" t="s">
        <v>207847</v>
      </c>
      <c r="C64421" s="1" t="s">
        <v>25</v>
      </c>
      <c r="D64421" s="1" t="s">
        <v>215021</v>
      </c>
      <c r="E64421" s="1" t="s">
        <v>215022</v>
      </c>
      <c r="F64421" s="1" t="s">
        <v>215023</v>
      </c>
      <c r="G64421" s="1" t="s">
        <v>215012</v>
      </c>
      <c r="H64421" s="1" t="s">
        <v>215013</v>
      </c>
      <c r="I64421" s="1" t="s">
        <v>207852</v>
      </c>
      <c r="J64421" s="1" t="s">
        <v>215024</v>
      </c>
    </row>
    <row r="64422" spans="1:10" x14ac:dyDescent="0.35">
      <c r="A64422" s="1" t="s">
        <v>25239</v>
      </c>
      <c r="B64422" s="1" t="s">
        <v>207847</v>
      </c>
      <c r="C64422" s="1" t="s">
        <v>30</v>
      </c>
      <c r="D64422" s="1" t="s">
        <v>215025</v>
      </c>
      <c r="E64422" s="1" t="s">
        <v>215026</v>
      </c>
      <c r="F64422" s="1" t="s">
        <v>215027</v>
      </c>
      <c r="G64422" s="1" t="s">
        <v>215012</v>
      </c>
      <c r="H64422" s="1" t="s">
        <v>215013</v>
      </c>
      <c r="I64422" s="1" t="s">
        <v>207852</v>
      </c>
      <c r="J64422" s="1" t="s">
        <v>215028</v>
      </c>
    </row>
    <row r="64423" spans="1:10" x14ac:dyDescent="0.35">
      <c r="A64423" s="1" t="s">
        <v>25239</v>
      </c>
      <c r="B64423" s="1" t="s">
        <v>207847</v>
      </c>
      <c r="C64423" s="1" t="s">
        <v>35</v>
      </c>
      <c r="D64423" s="1" t="s">
        <v>215029</v>
      </c>
      <c r="E64423" s="1" t="s">
        <v>215030</v>
      </c>
      <c r="F64423" s="1" t="s">
        <v>215031</v>
      </c>
      <c r="G64423" s="1" t="s">
        <v>215012</v>
      </c>
      <c r="H64423" s="1" t="s">
        <v>215013</v>
      </c>
      <c r="I64423" s="1" t="s">
        <v>207852</v>
      </c>
      <c r="J64423" s="1" t="s">
        <v>215032</v>
      </c>
    </row>
    <row r="64424" spans="1:10" x14ac:dyDescent="0.35">
      <c r="A64424" s="1" t="s">
        <v>25239</v>
      </c>
      <c r="B64424" s="1" t="s">
        <v>207847</v>
      </c>
      <c r="C64424" s="1" t="s">
        <v>40</v>
      </c>
      <c r="D64424" s="1" t="s">
        <v>6832</v>
      </c>
      <c r="E64424" s="1" t="s">
        <v>215033</v>
      </c>
      <c r="F64424" s="1" t="s">
        <v>215034</v>
      </c>
      <c r="G64424" s="1" t="s">
        <v>215012</v>
      </c>
      <c r="H64424" s="1" t="s">
        <v>215013</v>
      </c>
      <c r="I64424" s="1" t="s">
        <v>207852</v>
      </c>
      <c r="J64424" s="1" t="s">
        <v>215035</v>
      </c>
    </row>
    <row r="64425" spans="1:10" x14ac:dyDescent="0.35">
      <c r="A64425" s="1" t="s">
        <v>25239</v>
      </c>
      <c r="B64425" s="1" t="s">
        <v>207847</v>
      </c>
      <c r="C64425" s="1" t="s">
        <v>45</v>
      </c>
      <c r="D64425" s="1" t="s">
        <v>98401</v>
      </c>
      <c r="E64425" s="1" t="s">
        <v>215036</v>
      </c>
      <c r="F64425" s="1" t="s">
        <v>215037</v>
      </c>
      <c r="G64425" s="1" t="s">
        <v>215012</v>
      </c>
      <c r="H64425" s="1" t="s">
        <v>215013</v>
      </c>
      <c r="I64425" s="1" t="s">
        <v>207852</v>
      </c>
      <c r="J64425" s="1" t="s">
        <v>215038</v>
      </c>
    </row>
    <row r="64426" spans="1:10" x14ac:dyDescent="0.35">
      <c r="A64426" s="1" t="s">
        <v>25239</v>
      </c>
      <c r="B64426" s="1" t="s">
        <v>207847</v>
      </c>
      <c r="C64426" s="1" t="s">
        <v>50</v>
      </c>
      <c r="D64426" s="1" t="s">
        <v>52594</v>
      </c>
      <c r="E64426" s="1" t="s">
        <v>215039</v>
      </c>
      <c r="F64426" s="1" t="s">
        <v>215040</v>
      </c>
      <c r="G64426" s="1" t="s">
        <v>215012</v>
      </c>
      <c r="H64426" s="1" t="s">
        <v>215013</v>
      </c>
      <c r="I64426" s="1" t="s">
        <v>207852</v>
      </c>
      <c r="J64426" s="1" t="s">
        <v>215041</v>
      </c>
    </row>
    <row r="64427" spans="1:10" x14ac:dyDescent="0.35">
      <c r="A64427" s="1" t="s">
        <v>25239</v>
      </c>
      <c r="B64427" s="1" t="s">
        <v>207847</v>
      </c>
      <c r="C64427" s="1" t="s">
        <v>55</v>
      </c>
      <c r="D64427" s="1" t="s">
        <v>38746</v>
      </c>
      <c r="E64427" s="1" t="s">
        <v>215042</v>
      </c>
      <c r="F64427" s="1" t="s">
        <v>215043</v>
      </c>
      <c r="G64427" s="1" t="s">
        <v>215012</v>
      </c>
      <c r="H64427" s="1" t="s">
        <v>215013</v>
      </c>
      <c r="I64427" s="1" t="s">
        <v>207852</v>
      </c>
      <c r="J64427" s="1" t="s">
        <v>215044</v>
      </c>
    </row>
    <row r="64428" spans="1:10" x14ac:dyDescent="0.35">
      <c r="A64428" s="1" t="s">
        <v>25239</v>
      </c>
      <c r="B64428" s="1" t="s">
        <v>207847</v>
      </c>
      <c r="C64428" s="1" t="s">
        <v>60</v>
      </c>
      <c r="D64428" s="1" t="s">
        <v>136355</v>
      </c>
      <c r="E64428" s="1" t="s">
        <v>215045</v>
      </c>
      <c r="F64428" s="1" t="s">
        <v>215046</v>
      </c>
      <c r="G64428" s="1" t="s">
        <v>215012</v>
      </c>
      <c r="H64428" s="1" t="s">
        <v>215013</v>
      </c>
      <c r="I64428" s="1" t="s">
        <v>207852</v>
      </c>
      <c r="J64428" s="1" t="s">
        <v>215047</v>
      </c>
    </row>
    <row r="64429" spans="1:10" x14ac:dyDescent="0.35">
      <c r="A64429" s="1" t="s">
        <v>25239</v>
      </c>
      <c r="B64429" s="1" t="s">
        <v>207847</v>
      </c>
      <c r="C64429" s="1" t="s">
        <v>65</v>
      </c>
      <c r="D64429" s="1" t="s">
        <v>82590</v>
      </c>
      <c r="E64429" s="1" t="s">
        <v>215048</v>
      </c>
      <c r="F64429" s="1" t="s">
        <v>215049</v>
      </c>
      <c r="G64429" s="1" t="s">
        <v>215012</v>
      </c>
      <c r="H64429" s="1" t="s">
        <v>215013</v>
      </c>
      <c r="I64429" s="1" t="s">
        <v>207852</v>
      </c>
      <c r="J64429" s="1" t="s">
        <v>215050</v>
      </c>
    </row>
    <row r="64430" spans="1:10" x14ac:dyDescent="0.35">
      <c r="A64430" s="1" t="s">
        <v>25239</v>
      </c>
      <c r="B64430" s="1" t="s">
        <v>207847</v>
      </c>
      <c r="C64430" s="1" t="s">
        <v>70</v>
      </c>
      <c r="D64430" s="1" t="s">
        <v>160099</v>
      </c>
      <c r="E64430" s="1" t="s">
        <v>215051</v>
      </c>
      <c r="F64430" s="1" t="s">
        <v>215052</v>
      </c>
      <c r="G64430" s="1" t="s">
        <v>215012</v>
      </c>
      <c r="H64430" s="1" t="s">
        <v>215013</v>
      </c>
      <c r="I64430" s="1" t="s">
        <v>207852</v>
      </c>
      <c r="J64430" s="1" t="s">
        <v>215053</v>
      </c>
    </row>
    <row r="64431" spans="1:10" x14ac:dyDescent="0.35">
      <c r="A64431" s="1" t="s">
        <v>25239</v>
      </c>
      <c r="B64431" s="1" t="s">
        <v>207847</v>
      </c>
      <c r="C64431" s="1" t="s">
        <v>75</v>
      </c>
      <c r="D64431" s="1" t="s">
        <v>178376</v>
      </c>
      <c r="E64431" s="1" t="s">
        <v>215054</v>
      </c>
      <c r="F64431" s="1" t="s">
        <v>215055</v>
      </c>
      <c r="G64431" s="1" t="s">
        <v>215012</v>
      </c>
      <c r="H64431" s="1" t="s">
        <v>215013</v>
      </c>
      <c r="I64431" s="1" t="s">
        <v>207852</v>
      </c>
      <c r="J64431" s="1" t="s">
        <v>215056</v>
      </c>
    </row>
    <row r="64432" spans="1:10" x14ac:dyDescent="0.35">
      <c r="A64432" s="1" t="s">
        <v>25239</v>
      </c>
      <c r="B64432" s="1" t="s">
        <v>207847</v>
      </c>
      <c r="C64432" s="1" t="s">
        <v>80</v>
      </c>
      <c r="D64432" s="1" t="s">
        <v>215057</v>
      </c>
      <c r="E64432" s="1" t="s">
        <v>215058</v>
      </c>
      <c r="F64432" s="1" t="s">
        <v>215059</v>
      </c>
      <c r="G64432" s="1" t="s">
        <v>215012</v>
      </c>
      <c r="H64432" s="1" t="s">
        <v>215013</v>
      </c>
      <c r="I64432" s="1" t="s">
        <v>207852</v>
      </c>
      <c r="J64432" s="1" t="s">
        <v>215060</v>
      </c>
    </row>
    <row r="64433" spans="1:10" x14ac:dyDescent="0.35">
      <c r="A64433" s="1" t="s">
        <v>25239</v>
      </c>
      <c r="B64433" s="1" t="s">
        <v>207847</v>
      </c>
      <c r="C64433" s="1" t="s">
        <v>85</v>
      </c>
      <c r="D64433" s="1" t="s">
        <v>215061</v>
      </c>
      <c r="E64433" s="1" t="s">
        <v>215062</v>
      </c>
      <c r="F64433" s="1" t="s">
        <v>215063</v>
      </c>
      <c r="G64433" s="1" t="s">
        <v>215012</v>
      </c>
      <c r="H64433" s="1" t="s">
        <v>215013</v>
      </c>
      <c r="I64433" s="1" t="s">
        <v>207852</v>
      </c>
      <c r="J64433" s="1" t="s">
        <v>215064</v>
      </c>
    </row>
    <row r="64434" spans="1:10" x14ac:dyDescent="0.35">
      <c r="A64434" s="1" t="s">
        <v>25239</v>
      </c>
      <c r="B64434" s="1" t="s">
        <v>207847</v>
      </c>
      <c r="C64434" s="1" t="s">
        <v>90</v>
      </c>
      <c r="D64434" s="1" t="s">
        <v>215065</v>
      </c>
      <c r="E64434" s="1" t="s">
        <v>215066</v>
      </c>
      <c r="F64434" s="1" t="s">
        <v>215067</v>
      </c>
      <c r="G64434" s="1" t="s">
        <v>215012</v>
      </c>
      <c r="H64434" s="1" t="s">
        <v>215013</v>
      </c>
      <c r="I64434" s="1" t="s">
        <v>207852</v>
      </c>
      <c r="J64434" s="1" t="s">
        <v>215068</v>
      </c>
    </row>
    <row r="64435" spans="1:10" x14ac:dyDescent="0.35">
      <c r="A64435" s="1" t="s">
        <v>25239</v>
      </c>
      <c r="B64435" s="1" t="s">
        <v>207847</v>
      </c>
      <c r="C64435" s="1" t="s">
        <v>95</v>
      </c>
      <c r="D64435" s="1" t="s">
        <v>215069</v>
      </c>
      <c r="E64435" s="1" t="s">
        <v>215070</v>
      </c>
      <c r="F64435" s="1" t="s">
        <v>215071</v>
      </c>
      <c r="G64435" s="1" t="s">
        <v>215012</v>
      </c>
      <c r="H64435" s="1" t="s">
        <v>215013</v>
      </c>
      <c r="I64435" s="1" t="s">
        <v>207852</v>
      </c>
      <c r="J64435" s="1" t="s">
        <v>215072</v>
      </c>
    </row>
    <row r="64436" spans="1:10" x14ac:dyDescent="0.35">
      <c r="A64436" s="1" t="s">
        <v>25239</v>
      </c>
      <c r="B64436" s="1" t="s">
        <v>207847</v>
      </c>
      <c r="C64436" s="1" t="s">
        <v>100</v>
      </c>
      <c r="D64436" s="1" t="s">
        <v>127811</v>
      </c>
      <c r="E64436" s="1" t="s">
        <v>215073</v>
      </c>
      <c r="F64436" s="1" t="s">
        <v>215074</v>
      </c>
      <c r="G64436" s="1" t="s">
        <v>215012</v>
      </c>
      <c r="H64436" s="1" t="s">
        <v>215013</v>
      </c>
      <c r="I64436" s="1" t="s">
        <v>207852</v>
      </c>
      <c r="J64436" s="1" t="s">
        <v>215075</v>
      </c>
    </row>
    <row r="64437" spans="1:10" x14ac:dyDescent="0.35">
      <c r="A64437" s="1" t="s">
        <v>25239</v>
      </c>
      <c r="B64437" s="1" t="s">
        <v>207847</v>
      </c>
      <c r="C64437" s="1" t="s">
        <v>105</v>
      </c>
      <c r="D64437" s="1" t="s">
        <v>215076</v>
      </c>
      <c r="E64437" s="1" t="s">
        <v>215077</v>
      </c>
      <c r="F64437" s="1" t="s">
        <v>215078</v>
      </c>
      <c r="G64437" s="1" t="s">
        <v>215012</v>
      </c>
      <c r="H64437" s="1" t="s">
        <v>215013</v>
      </c>
      <c r="I64437" s="1" t="s">
        <v>207852</v>
      </c>
      <c r="J64437" s="1" t="s">
        <v>215079</v>
      </c>
    </row>
    <row r="64438" spans="1:10" x14ac:dyDescent="0.35">
      <c r="A64438" s="1" t="s">
        <v>25239</v>
      </c>
      <c r="B64438" s="1" t="s">
        <v>207847</v>
      </c>
      <c r="C64438" s="1" t="s">
        <v>110</v>
      </c>
      <c r="D64438" s="1" t="s">
        <v>69628</v>
      </c>
      <c r="E64438" s="1" t="s">
        <v>215080</v>
      </c>
      <c r="F64438" s="1" t="s">
        <v>215081</v>
      </c>
      <c r="G64438" s="1" t="s">
        <v>215012</v>
      </c>
      <c r="H64438" s="1" t="s">
        <v>215013</v>
      </c>
      <c r="I64438" s="1" t="s">
        <v>207852</v>
      </c>
      <c r="J64438" s="1" t="s">
        <v>215082</v>
      </c>
    </row>
    <row r="64439" spans="1:10" x14ac:dyDescent="0.35">
      <c r="A64439" s="1" t="s">
        <v>25239</v>
      </c>
      <c r="B64439" s="1" t="s">
        <v>207847</v>
      </c>
      <c r="C64439" s="1" t="s">
        <v>115</v>
      </c>
      <c r="D64439" s="1" t="s">
        <v>86695</v>
      </c>
      <c r="E64439" s="1" t="s">
        <v>215083</v>
      </c>
      <c r="F64439" s="1" t="s">
        <v>215084</v>
      </c>
      <c r="G64439" s="1" t="s">
        <v>215012</v>
      </c>
      <c r="H64439" s="1" t="s">
        <v>215013</v>
      </c>
      <c r="I64439" s="1" t="s">
        <v>207852</v>
      </c>
      <c r="J64439" s="1" t="s">
        <v>215085</v>
      </c>
    </row>
    <row r="64440" spans="1:10" x14ac:dyDescent="0.35">
      <c r="A64440" s="1" t="s">
        <v>25239</v>
      </c>
      <c r="B64440" s="1" t="s">
        <v>207847</v>
      </c>
      <c r="C64440" s="1" t="s">
        <v>120</v>
      </c>
      <c r="D64440" s="1" t="s">
        <v>79054</v>
      </c>
      <c r="E64440" s="1" t="s">
        <v>215086</v>
      </c>
      <c r="F64440" s="1" t="s">
        <v>215087</v>
      </c>
      <c r="G64440" s="1" t="s">
        <v>215012</v>
      </c>
      <c r="H64440" s="1" t="s">
        <v>215013</v>
      </c>
      <c r="I64440" s="1" t="s">
        <v>207852</v>
      </c>
      <c r="J64440" s="1" t="s">
        <v>215088</v>
      </c>
    </row>
    <row r="64441" spans="1:10" x14ac:dyDescent="0.35">
      <c r="A64441" s="1" t="s">
        <v>25239</v>
      </c>
      <c r="B64441" s="1" t="s">
        <v>207847</v>
      </c>
      <c r="C64441" s="1" t="s">
        <v>125</v>
      </c>
      <c r="D64441" s="1" t="s">
        <v>54222</v>
      </c>
      <c r="E64441" s="1" t="s">
        <v>215089</v>
      </c>
      <c r="F64441" s="1" t="s">
        <v>215090</v>
      </c>
      <c r="G64441" s="1" t="s">
        <v>215012</v>
      </c>
      <c r="H64441" s="1" t="s">
        <v>215013</v>
      </c>
      <c r="I64441" s="1" t="s">
        <v>207852</v>
      </c>
      <c r="J64441" s="1" t="s">
        <v>215091</v>
      </c>
    </row>
    <row r="64442" spans="1:10" x14ac:dyDescent="0.35">
      <c r="A64442" s="1" t="s">
        <v>25239</v>
      </c>
      <c r="B64442" s="1" t="s">
        <v>207847</v>
      </c>
      <c r="C64442" s="1" t="s">
        <v>130</v>
      </c>
      <c r="D64442" s="1" t="s">
        <v>140013</v>
      </c>
      <c r="E64442" s="1" t="s">
        <v>215092</v>
      </c>
      <c r="F64442" s="1" t="s">
        <v>215093</v>
      </c>
      <c r="G64442" s="1" t="s">
        <v>215012</v>
      </c>
      <c r="H64442" s="1" t="s">
        <v>215013</v>
      </c>
      <c r="I64442" s="1" t="s">
        <v>207852</v>
      </c>
      <c r="J64442" s="1" t="s">
        <v>215094</v>
      </c>
    </row>
    <row r="64443" spans="1:10" x14ac:dyDescent="0.35">
      <c r="A64443" s="1" t="s">
        <v>25239</v>
      </c>
      <c r="B64443" s="1" t="s">
        <v>207847</v>
      </c>
      <c r="C64443" s="1" t="s">
        <v>135</v>
      </c>
      <c r="D64443" s="1" t="s">
        <v>59955</v>
      </c>
      <c r="E64443" s="1" t="s">
        <v>215095</v>
      </c>
      <c r="F64443" s="1" t="s">
        <v>215096</v>
      </c>
      <c r="G64443" s="1" t="s">
        <v>215012</v>
      </c>
      <c r="H64443" s="1" t="s">
        <v>215013</v>
      </c>
      <c r="I64443" s="1" t="s">
        <v>207852</v>
      </c>
      <c r="J64443" s="1" t="s">
        <v>215097</v>
      </c>
    </row>
    <row r="64444" spans="1:10" x14ac:dyDescent="0.35">
      <c r="A64444" s="1" t="s">
        <v>25239</v>
      </c>
      <c r="B64444" s="1" t="s">
        <v>207847</v>
      </c>
      <c r="C64444" s="1" t="s">
        <v>140</v>
      </c>
      <c r="D64444" s="1" t="s">
        <v>54562</v>
      </c>
      <c r="E64444" s="1" t="s">
        <v>215098</v>
      </c>
      <c r="F64444" s="1" t="s">
        <v>215099</v>
      </c>
      <c r="G64444" s="1" t="s">
        <v>215012</v>
      </c>
      <c r="H64444" s="1" t="s">
        <v>215013</v>
      </c>
      <c r="I64444" s="1" t="s">
        <v>207852</v>
      </c>
      <c r="J64444" s="1" t="s">
        <v>215100</v>
      </c>
    </row>
    <row r="64445" spans="1:10" x14ac:dyDescent="0.35">
      <c r="A64445" s="1" t="s">
        <v>25239</v>
      </c>
      <c r="B64445" s="1" t="s">
        <v>207847</v>
      </c>
      <c r="C64445" s="1" t="s">
        <v>145</v>
      </c>
      <c r="D64445" s="1" t="s">
        <v>215101</v>
      </c>
      <c r="E64445" s="1" t="s">
        <v>215102</v>
      </c>
      <c r="F64445" s="1" t="s">
        <v>215103</v>
      </c>
      <c r="G64445" s="1" t="s">
        <v>215012</v>
      </c>
      <c r="H64445" s="1" t="s">
        <v>215013</v>
      </c>
      <c r="I64445" s="1" t="s">
        <v>207852</v>
      </c>
      <c r="J64445" s="1" t="s">
        <v>215104</v>
      </c>
    </row>
    <row r="64446" spans="1:10" x14ac:dyDescent="0.35">
      <c r="A64446" s="1" t="s">
        <v>25239</v>
      </c>
      <c r="B64446" s="1" t="s">
        <v>207847</v>
      </c>
      <c r="C64446" s="1" t="s">
        <v>150</v>
      </c>
      <c r="D64446" s="1" t="s">
        <v>56861</v>
      </c>
      <c r="E64446" s="1" t="s">
        <v>215105</v>
      </c>
      <c r="F64446" s="1" t="s">
        <v>215106</v>
      </c>
      <c r="G64446" s="1" t="s">
        <v>215012</v>
      </c>
      <c r="H64446" s="1" t="s">
        <v>215013</v>
      </c>
      <c r="I64446" s="1" t="s">
        <v>207852</v>
      </c>
      <c r="J64446" s="1" t="s">
        <v>215107</v>
      </c>
    </row>
    <row r="64447" spans="1:10" x14ac:dyDescent="0.35">
      <c r="A64447" s="1" t="s">
        <v>25239</v>
      </c>
      <c r="B64447" s="1" t="s">
        <v>207847</v>
      </c>
      <c r="C64447" s="1" t="s">
        <v>155</v>
      </c>
      <c r="D64447" s="1" t="s">
        <v>55579</v>
      </c>
      <c r="E64447" s="1" t="s">
        <v>215108</v>
      </c>
      <c r="F64447" s="1" t="s">
        <v>215109</v>
      </c>
      <c r="G64447" s="1" t="s">
        <v>215012</v>
      </c>
      <c r="H64447" s="1" t="s">
        <v>215013</v>
      </c>
      <c r="I64447" s="1" t="s">
        <v>207852</v>
      </c>
      <c r="J64447" s="1" t="s">
        <v>215110</v>
      </c>
    </row>
    <row r="64448" spans="1:10" x14ac:dyDescent="0.35">
      <c r="A64448" s="1" t="s">
        <v>25239</v>
      </c>
      <c r="B64448" s="1" t="s">
        <v>207847</v>
      </c>
      <c r="C64448" s="1" t="s">
        <v>160</v>
      </c>
      <c r="D64448" s="1" t="s">
        <v>215111</v>
      </c>
      <c r="E64448" s="1" t="s">
        <v>215112</v>
      </c>
      <c r="F64448" s="1" t="s">
        <v>215113</v>
      </c>
      <c r="G64448" s="1" t="s">
        <v>215012</v>
      </c>
      <c r="H64448" s="1" t="s">
        <v>215013</v>
      </c>
      <c r="I64448" s="1" t="s">
        <v>207852</v>
      </c>
      <c r="J64448" s="1" t="s">
        <v>215114</v>
      </c>
    </row>
    <row r="64449" spans="1:10" x14ac:dyDescent="0.35">
      <c r="A64449" s="1" t="s">
        <v>25239</v>
      </c>
      <c r="B64449" s="1" t="s">
        <v>207847</v>
      </c>
      <c r="C64449" s="1" t="s">
        <v>165</v>
      </c>
      <c r="D64449" s="1" t="s">
        <v>215115</v>
      </c>
      <c r="E64449" s="1" t="s">
        <v>215116</v>
      </c>
      <c r="F64449" s="1" t="s">
        <v>215117</v>
      </c>
      <c r="G64449" s="1" t="s">
        <v>215012</v>
      </c>
      <c r="H64449" s="1" t="s">
        <v>215013</v>
      </c>
      <c r="I64449" s="1" t="s">
        <v>207852</v>
      </c>
      <c r="J64449" s="1" t="s">
        <v>215118</v>
      </c>
    </row>
    <row r="64450" spans="1:10" x14ac:dyDescent="0.35">
      <c r="A64450" s="1" t="s">
        <v>25239</v>
      </c>
      <c r="B64450" s="1" t="s">
        <v>207847</v>
      </c>
      <c r="C64450" s="1" t="s">
        <v>170</v>
      </c>
      <c r="D64450" s="1" t="s">
        <v>215119</v>
      </c>
      <c r="E64450" s="1" t="s">
        <v>215120</v>
      </c>
      <c r="F64450" s="1" t="s">
        <v>215121</v>
      </c>
      <c r="G64450" s="1" t="s">
        <v>215012</v>
      </c>
      <c r="H64450" s="1" t="s">
        <v>215013</v>
      </c>
      <c r="I64450" s="1" t="s">
        <v>207852</v>
      </c>
      <c r="J64450" s="1" t="s">
        <v>215122</v>
      </c>
    </row>
    <row r="64451" spans="1:10" x14ac:dyDescent="0.35">
      <c r="A64451" s="1" t="s">
        <v>142373</v>
      </c>
      <c r="B64451" s="1" t="s">
        <v>207847</v>
      </c>
      <c r="C64451" s="1" t="s">
        <v>8</v>
      </c>
      <c r="D64451" s="1" t="s">
        <v>73954</v>
      </c>
      <c r="E64451" s="1" t="s">
        <v>215123</v>
      </c>
      <c r="F64451" s="1" t="s">
        <v>215124</v>
      </c>
      <c r="G64451" s="1" t="s">
        <v>215125</v>
      </c>
      <c r="H64451" s="1" t="s">
        <v>215126</v>
      </c>
      <c r="I64451" s="1" t="s">
        <v>207852</v>
      </c>
      <c r="J64451" s="1" t="s">
        <v>13</v>
      </c>
    </row>
    <row r="64452" spans="1:10" x14ac:dyDescent="0.35">
      <c r="A64452" s="1" t="s">
        <v>142373</v>
      </c>
      <c r="B64452" s="1" t="s">
        <v>207847</v>
      </c>
      <c r="C64452" s="1" t="s">
        <v>15</v>
      </c>
      <c r="D64452" s="1" t="s">
        <v>37395</v>
      </c>
      <c r="E64452" s="1" t="s">
        <v>215127</v>
      </c>
      <c r="F64452" s="1" t="s">
        <v>215128</v>
      </c>
      <c r="G64452" s="1" t="s">
        <v>215125</v>
      </c>
      <c r="H64452" s="1" t="s">
        <v>215126</v>
      </c>
      <c r="I64452" s="1" t="s">
        <v>207852</v>
      </c>
      <c r="J64452" s="1" t="s">
        <v>73961</v>
      </c>
    </row>
    <row r="64453" spans="1:10" x14ac:dyDescent="0.35">
      <c r="A64453" s="1" t="s">
        <v>142373</v>
      </c>
      <c r="B64453" s="1" t="s">
        <v>207847</v>
      </c>
      <c r="C64453" s="1" t="s">
        <v>20</v>
      </c>
      <c r="D64453" s="1" t="s">
        <v>15266</v>
      </c>
      <c r="E64453" s="1" t="s">
        <v>215129</v>
      </c>
      <c r="F64453" s="1" t="s">
        <v>215130</v>
      </c>
      <c r="G64453" s="1" t="s">
        <v>215125</v>
      </c>
      <c r="H64453" s="1" t="s">
        <v>215126</v>
      </c>
      <c r="I64453" s="1" t="s">
        <v>207852</v>
      </c>
      <c r="J64453" s="1" t="s">
        <v>215131</v>
      </c>
    </row>
    <row r="64454" spans="1:10" x14ac:dyDescent="0.35">
      <c r="A64454" s="1" t="s">
        <v>142373</v>
      </c>
      <c r="B64454" s="1" t="s">
        <v>207847</v>
      </c>
      <c r="C64454" s="1" t="s">
        <v>25</v>
      </c>
      <c r="D64454" s="1" t="s">
        <v>5074</v>
      </c>
      <c r="E64454" s="1" t="s">
        <v>215132</v>
      </c>
      <c r="F64454" s="1" t="s">
        <v>215133</v>
      </c>
      <c r="G64454" s="1" t="s">
        <v>215125</v>
      </c>
      <c r="H64454" s="1" t="s">
        <v>215126</v>
      </c>
      <c r="I64454" s="1" t="s">
        <v>207852</v>
      </c>
      <c r="J64454" s="1" t="s">
        <v>215134</v>
      </c>
    </row>
    <row r="64455" spans="1:10" x14ac:dyDescent="0.35">
      <c r="A64455" s="1" t="s">
        <v>142373</v>
      </c>
      <c r="B64455" s="1" t="s">
        <v>207847</v>
      </c>
      <c r="C64455" s="1" t="s">
        <v>30</v>
      </c>
      <c r="D64455" s="1" t="s">
        <v>35746</v>
      </c>
      <c r="E64455" s="1" t="s">
        <v>215135</v>
      </c>
      <c r="F64455" s="1" t="s">
        <v>215136</v>
      </c>
      <c r="G64455" s="1" t="s">
        <v>215125</v>
      </c>
      <c r="H64455" s="1" t="s">
        <v>215126</v>
      </c>
      <c r="I64455" s="1" t="s">
        <v>207852</v>
      </c>
      <c r="J64455" s="1" t="s">
        <v>215137</v>
      </c>
    </row>
    <row r="64456" spans="1:10" x14ac:dyDescent="0.35">
      <c r="A64456" s="1" t="s">
        <v>142373</v>
      </c>
      <c r="B64456" s="1" t="s">
        <v>207847</v>
      </c>
      <c r="C64456" s="1" t="s">
        <v>35</v>
      </c>
      <c r="D64456" s="1" t="s">
        <v>207073</v>
      </c>
      <c r="E64456" s="1" t="s">
        <v>215138</v>
      </c>
      <c r="F64456" s="1" t="s">
        <v>215139</v>
      </c>
      <c r="G64456" s="1" t="s">
        <v>215125</v>
      </c>
      <c r="H64456" s="1" t="s">
        <v>215126</v>
      </c>
      <c r="I64456" s="1" t="s">
        <v>207852</v>
      </c>
      <c r="J64456" s="1" t="s">
        <v>215140</v>
      </c>
    </row>
    <row r="64457" spans="1:10" x14ac:dyDescent="0.35">
      <c r="A64457" s="1" t="s">
        <v>142373</v>
      </c>
      <c r="B64457" s="1" t="s">
        <v>207847</v>
      </c>
      <c r="C64457" s="1" t="s">
        <v>40</v>
      </c>
      <c r="D64457" s="1" t="s">
        <v>17433</v>
      </c>
      <c r="E64457" s="1" t="s">
        <v>215141</v>
      </c>
      <c r="F64457" s="1" t="s">
        <v>215142</v>
      </c>
      <c r="G64457" s="1" t="s">
        <v>215125</v>
      </c>
      <c r="H64457" s="1" t="s">
        <v>215126</v>
      </c>
      <c r="I64457" s="1" t="s">
        <v>207852</v>
      </c>
      <c r="J64457" s="1" t="s">
        <v>215143</v>
      </c>
    </row>
    <row r="64458" spans="1:10" x14ac:dyDescent="0.35">
      <c r="A64458" s="1" t="s">
        <v>142373</v>
      </c>
      <c r="B64458" s="1" t="s">
        <v>207847</v>
      </c>
      <c r="C64458" s="1" t="s">
        <v>45</v>
      </c>
      <c r="D64458" s="1" t="s">
        <v>170543</v>
      </c>
      <c r="E64458" s="1" t="s">
        <v>215144</v>
      </c>
      <c r="F64458" s="1" t="s">
        <v>215145</v>
      </c>
      <c r="G64458" s="1" t="s">
        <v>215125</v>
      </c>
      <c r="H64458" s="1" t="s">
        <v>215126</v>
      </c>
      <c r="I64458" s="1" t="s">
        <v>207852</v>
      </c>
      <c r="J64458" s="1" t="s">
        <v>215146</v>
      </c>
    </row>
    <row r="64459" spans="1:10" x14ac:dyDescent="0.35">
      <c r="A64459" s="1" t="s">
        <v>142373</v>
      </c>
      <c r="B64459" s="1" t="s">
        <v>207847</v>
      </c>
      <c r="C64459" s="1" t="s">
        <v>50</v>
      </c>
      <c r="D64459" s="1" t="s">
        <v>49799</v>
      </c>
      <c r="E64459" s="1" t="s">
        <v>215147</v>
      </c>
      <c r="F64459" s="1" t="s">
        <v>215148</v>
      </c>
      <c r="G64459" s="1" t="s">
        <v>215125</v>
      </c>
      <c r="H64459" s="1" t="s">
        <v>215126</v>
      </c>
      <c r="I64459" s="1" t="s">
        <v>207852</v>
      </c>
      <c r="J64459" s="1" t="s">
        <v>215149</v>
      </c>
    </row>
    <row r="64460" spans="1:10" x14ac:dyDescent="0.35">
      <c r="A64460" s="1" t="s">
        <v>142373</v>
      </c>
      <c r="B64460" s="1" t="s">
        <v>207847</v>
      </c>
      <c r="C64460" s="1" t="s">
        <v>55</v>
      </c>
      <c r="D64460" s="1" t="s">
        <v>31226</v>
      </c>
      <c r="E64460" s="1" t="s">
        <v>215150</v>
      </c>
      <c r="F64460" s="1" t="s">
        <v>215151</v>
      </c>
      <c r="G64460" s="1" t="s">
        <v>215125</v>
      </c>
      <c r="H64460" s="1" t="s">
        <v>215126</v>
      </c>
      <c r="I64460" s="1" t="s">
        <v>207852</v>
      </c>
      <c r="J64460" s="1" t="s">
        <v>215152</v>
      </c>
    </row>
    <row r="64461" spans="1:10" x14ac:dyDescent="0.35">
      <c r="A64461" s="1" t="s">
        <v>142373</v>
      </c>
      <c r="B64461" s="1" t="s">
        <v>207847</v>
      </c>
      <c r="C64461" s="1" t="s">
        <v>60</v>
      </c>
      <c r="D64461" s="1" t="s">
        <v>35606</v>
      </c>
      <c r="E64461" s="1" t="s">
        <v>215153</v>
      </c>
      <c r="F64461" s="1" t="s">
        <v>215154</v>
      </c>
      <c r="G64461" s="1" t="s">
        <v>215125</v>
      </c>
      <c r="H64461" s="1" t="s">
        <v>215126</v>
      </c>
      <c r="I64461" s="1" t="s">
        <v>207852</v>
      </c>
      <c r="J64461" s="1" t="s">
        <v>215155</v>
      </c>
    </row>
    <row r="64462" spans="1:10" x14ac:dyDescent="0.35">
      <c r="A64462" s="1" t="s">
        <v>142373</v>
      </c>
      <c r="B64462" s="1" t="s">
        <v>207847</v>
      </c>
      <c r="C64462" s="1" t="s">
        <v>65</v>
      </c>
      <c r="D64462" s="1" t="s">
        <v>9582</v>
      </c>
      <c r="E64462" s="1" t="s">
        <v>215156</v>
      </c>
      <c r="F64462" s="1" t="s">
        <v>215157</v>
      </c>
      <c r="G64462" s="1" t="s">
        <v>215125</v>
      </c>
      <c r="H64462" s="1" t="s">
        <v>215126</v>
      </c>
      <c r="I64462" s="1" t="s">
        <v>207852</v>
      </c>
      <c r="J64462" s="1" t="s">
        <v>215158</v>
      </c>
    </row>
    <row r="64463" spans="1:10" x14ac:dyDescent="0.35">
      <c r="A64463" s="1" t="s">
        <v>142373</v>
      </c>
      <c r="B64463" s="1" t="s">
        <v>207847</v>
      </c>
      <c r="C64463" s="1" t="s">
        <v>70</v>
      </c>
      <c r="D64463" s="1" t="s">
        <v>215159</v>
      </c>
      <c r="E64463" s="1" t="s">
        <v>215160</v>
      </c>
      <c r="F64463" s="1" t="s">
        <v>215161</v>
      </c>
      <c r="G64463" s="1" t="s">
        <v>215125</v>
      </c>
      <c r="H64463" s="1" t="s">
        <v>215126</v>
      </c>
      <c r="I64463" s="1" t="s">
        <v>207852</v>
      </c>
      <c r="J64463" s="1" t="s">
        <v>215162</v>
      </c>
    </row>
    <row r="64464" spans="1:10" x14ac:dyDescent="0.35">
      <c r="A64464" s="1" t="s">
        <v>142373</v>
      </c>
      <c r="B64464" s="1" t="s">
        <v>207847</v>
      </c>
      <c r="C64464" s="1" t="s">
        <v>75</v>
      </c>
      <c r="D64464" s="1" t="s">
        <v>185479</v>
      </c>
      <c r="E64464" s="1" t="s">
        <v>215163</v>
      </c>
      <c r="F64464" s="1" t="s">
        <v>215164</v>
      </c>
      <c r="G64464" s="1" t="s">
        <v>215125</v>
      </c>
      <c r="H64464" s="1" t="s">
        <v>215126</v>
      </c>
      <c r="I64464" s="1" t="s">
        <v>207852</v>
      </c>
      <c r="J64464" s="1" t="s">
        <v>215165</v>
      </c>
    </row>
    <row r="64465" spans="1:10" x14ac:dyDescent="0.35">
      <c r="A64465" s="1" t="s">
        <v>142373</v>
      </c>
      <c r="B64465" s="1" t="s">
        <v>207847</v>
      </c>
      <c r="C64465" s="1" t="s">
        <v>80</v>
      </c>
      <c r="D64465" s="1" t="s">
        <v>47953</v>
      </c>
      <c r="E64465" s="1" t="s">
        <v>215166</v>
      </c>
      <c r="F64465" s="1" t="s">
        <v>215167</v>
      </c>
      <c r="G64465" s="1" t="s">
        <v>215125</v>
      </c>
      <c r="H64465" s="1" t="s">
        <v>215126</v>
      </c>
      <c r="I64465" s="1" t="s">
        <v>207852</v>
      </c>
      <c r="J64465" s="1" t="s">
        <v>215168</v>
      </c>
    </row>
    <row r="64466" spans="1:10" x14ac:dyDescent="0.35">
      <c r="A64466" s="1" t="s">
        <v>142373</v>
      </c>
      <c r="B64466" s="1" t="s">
        <v>207847</v>
      </c>
      <c r="C64466" s="1" t="s">
        <v>85</v>
      </c>
      <c r="D64466" s="1" t="s">
        <v>144849</v>
      </c>
      <c r="E64466" s="1" t="s">
        <v>215169</v>
      </c>
      <c r="F64466" s="1" t="s">
        <v>215170</v>
      </c>
      <c r="G64466" s="1" t="s">
        <v>215125</v>
      </c>
      <c r="H64466" s="1" t="s">
        <v>215126</v>
      </c>
      <c r="I64466" s="1" t="s">
        <v>207852</v>
      </c>
      <c r="J64466" s="1" t="s">
        <v>215171</v>
      </c>
    </row>
    <row r="64467" spans="1:10" x14ac:dyDescent="0.35">
      <c r="A64467" s="1" t="s">
        <v>142373</v>
      </c>
      <c r="B64467" s="1" t="s">
        <v>207847</v>
      </c>
      <c r="C64467" s="1" t="s">
        <v>90</v>
      </c>
      <c r="D64467" s="1" t="s">
        <v>211954</v>
      </c>
      <c r="E64467" s="1" t="s">
        <v>215172</v>
      </c>
      <c r="F64467" s="1" t="s">
        <v>215173</v>
      </c>
      <c r="G64467" s="1" t="s">
        <v>215125</v>
      </c>
      <c r="H64467" s="1" t="s">
        <v>215126</v>
      </c>
      <c r="I64467" s="1" t="s">
        <v>207852</v>
      </c>
      <c r="J64467" s="1" t="s">
        <v>215174</v>
      </c>
    </row>
    <row r="64468" spans="1:10" x14ac:dyDescent="0.35">
      <c r="A64468" s="1" t="s">
        <v>142373</v>
      </c>
      <c r="B64468" s="1" t="s">
        <v>207847</v>
      </c>
      <c r="C64468" s="1" t="s">
        <v>95</v>
      </c>
      <c r="D64468" s="1" t="s">
        <v>115981</v>
      </c>
      <c r="E64468" s="1" t="s">
        <v>215175</v>
      </c>
      <c r="F64468" s="1" t="s">
        <v>215176</v>
      </c>
      <c r="G64468" s="1" t="s">
        <v>215125</v>
      </c>
      <c r="H64468" s="1" t="s">
        <v>215126</v>
      </c>
      <c r="I64468" s="1" t="s">
        <v>207852</v>
      </c>
      <c r="J64468" s="1" t="s">
        <v>215177</v>
      </c>
    </row>
    <row r="64469" spans="1:10" x14ac:dyDescent="0.35">
      <c r="A64469" s="1" t="s">
        <v>142373</v>
      </c>
      <c r="B64469" s="1" t="s">
        <v>207847</v>
      </c>
      <c r="C64469" s="1" t="s">
        <v>100</v>
      </c>
      <c r="D64469" s="1" t="s">
        <v>43266</v>
      </c>
      <c r="E64469" s="1" t="s">
        <v>215178</v>
      </c>
      <c r="F64469" s="1" t="s">
        <v>215179</v>
      </c>
      <c r="G64469" s="1" t="s">
        <v>215125</v>
      </c>
      <c r="H64469" s="1" t="s">
        <v>215126</v>
      </c>
      <c r="I64469" s="1" t="s">
        <v>207852</v>
      </c>
      <c r="J64469" s="1" t="s">
        <v>215180</v>
      </c>
    </row>
    <row r="64470" spans="1:10" x14ac:dyDescent="0.35">
      <c r="A64470" s="1" t="s">
        <v>142373</v>
      </c>
      <c r="B64470" s="1" t="s">
        <v>207847</v>
      </c>
      <c r="C64470" s="1" t="s">
        <v>105</v>
      </c>
      <c r="D64470" s="1" t="s">
        <v>215181</v>
      </c>
      <c r="E64470" s="1" t="s">
        <v>215182</v>
      </c>
      <c r="F64470" s="1" t="s">
        <v>215183</v>
      </c>
      <c r="G64470" s="1" t="s">
        <v>215125</v>
      </c>
      <c r="H64470" s="1" t="s">
        <v>215126</v>
      </c>
      <c r="I64470" s="1" t="s">
        <v>207852</v>
      </c>
      <c r="J64470" s="1" t="s">
        <v>215184</v>
      </c>
    </row>
    <row r="64471" spans="1:10" x14ac:dyDescent="0.35">
      <c r="A64471" s="1" t="s">
        <v>142373</v>
      </c>
      <c r="B64471" s="1" t="s">
        <v>207847</v>
      </c>
      <c r="C64471" s="1" t="s">
        <v>110</v>
      </c>
      <c r="D64471" s="1" t="s">
        <v>113188</v>
      </c>
      <c r="E64471" s="1" t="s">
        <v>215185</v>
      </c>
      <c r="F64471" s="1" t="s">
        <v>215186</v>
      </c>
      <c r="G64471" s="1" t="s">
        <v>215125</v>
      </c>
      <c r="H64471" s="1" t="s">
        <v>215126</v>
      </c>
      <c r="I64471" s="1" t="s">
        <v>207852</v>
      </c>
      <c r="J64471" s="1" t="s">
        <v>215187</v>
      </c>
    </row>
    <row r="64472" spans="1:10" x14ac:dyDescent="0.35">
      <c r="A64472" s="1" t="s">
        <v>142373</v>
      </c>
      <c r="B64472" s="1" t="s">
        <v>207847</v>
      </c>
      <c r="C64472" s="1" t="s">
        <v>115</v>
      </c>
      <c r="D64472" s="1" t="s">
        <v>176811</v>
      </c>
      <c r="E64472" s="1" t="s">
        <v>215188</v>
      </c>
      <c r="F64472" s="1" t="s">
        <v>215189</v>
      </c>
      <c r="G64472" s="1" t="s">
        <v>215125</v>
      </c>
      <c r="H64472" s="1" t="s">
        <v>215126</v>
      </c>
      <c r="I64472" s="1" t="s">
        <v>207852</v>
      </c>
      <c r="J64472" s="1" t="s">
        <v>215190</v>
      </c>
    </row>
    <row r="64473" spans="1:10" x14ac:dyDescent="0.35">
      <c r="A64473" s="1" t="s">
        <v>142373</v>
      </c>
      <c r="B64473" s="1" t="s">
        <v>207847</v>
      </c>
      <c r="C64473" s="1" t="s">
        <v>120</v>
      </c>
      <c r="D64473" s="1" t="s">
        <v>211518</v>
      </c>
      <c r="E64473" s="1" t="s">
        <v>215191</v>
      </c>
      <c r="F64473" s="1" t="s">
        <v>215192</v>
      </c>
      <c r="G64473" s="1" t="s">
        <v>215125</v>
      </c>
      <c r="H64473" s="1" t="s">
        <v>215126</v>
      </c>
      <c r="I64473" s="1" t="s">
        <v>207852</v>
      </c>
      <c r="J64473" s="1" t="s">
        <v>215193</v>
      </c>
    </row>
    <row r="64474" spans="1:10" x14ac:dyDescent="0.35">
      <c r="A64474" s="1" t="s">
        <v>142373</v>
      </c>
      <c r="B64474" s="1" t="s">
        <v>207847</v>
      </c>
      <c r="C64474" s="1" t="s">
        <v>125</v>
      </c>
      <c r="D64474" s="1" t="s">
        <v>30558</v>
      </c>
      <c r="E64474" s="1" t="s">
        <v>215194</v>
      </c>
      <c r="F64474" s="1" t="s">
        <v>215195</v>
      </c>
      <c r="G64474" s="1" t="s">
        <v>215125</v>
      </c>
      <c r="H64474" s="1" t="s">
        <v>215126</v>
      </c>
      <c r="I64474" s="1" t="s">
        <v>207852</v>
      </c>
      <c r="J64474" s="1" t="s">
        <v>215196</v>
      </c>
    </row>
    <row r="64475" spans="1:10" x14ac:dyDescent="0.35">
      <c r="A64475" s="1" t="s">
        <v>142373</v>
      </c>
      <c r="B64475" s="1" t="s">
        <v>207847</v>
      </c>
      <c r="C64475" s="1" t="s">
        <v>130</v>
      </c>
      <c r="D64475" s="1" t="s">
        <v>182457</v>
      </c>
      <c r="E64475" s="1" t="s">
        <v>215197</v>
      </c>
      <c r="F64475" s="1" t="s">
        <v>215198</v>
      </c>
      <c r="G64475" s="1" t="s">
        <v>215125</v>
      </c>
      <c r="H64475" s="1" t="s">
        <v>215126</v>
      </c>
      <c r="I64475" s="1" t="s">
        <v>207852</v>
      </c>
      <c r="J64475" s="1" t="s">
        <v>215199</v>
      </c>
    </row>
    <row r="64476" spans="1:10" x14ac:dyDescent="0.35">
      <c r="A64476" s="1" t="s">
        <v>142373</v>
      </c>
      <c r="B64476" s="1" t="s">
        <v>207847</v>
      </c>
      <c r="C64476" s="1" t="s">
        <v>135</v>
      </c>
      <c r="D64476" s="1" t="s">
        <v>125608</v>
      </c>
      <c r="E64476" s="1" t="s">
        <v>215200</v>
      </c>
      <c r="F64476" s="1" t="s">
        <v>215201</v>
      </c>
      <c r="G64476" s="1" t="s">
        <v>215125</v>
      </c>
      <c r="H64476" s="1" t="s">
        <v>215126</v>
      </c>
      <c r="I64476" s="1" t="s">
        <v>207852</v>
      </c>
      <c r="J64476" s="1" t="s">
        <v>215202</v>
      </c>
    </row>
    <row r="64477" spans="1:10" x14ac:dyDescent="0.35">
      <c r="A64477" s="1" t="s">
        <v>142373</v>
      </c>
      <c r="B64477" s="1" t="s">
        <v>207847</v>
      </c>
      <c r="C64477" s="1" t="s">
        <v>140</v>
      </c>
      <c r="D64477" s="1" t="s">
        <v>215203</v>
      </c>
      <c r="E64477" s="1" t="s">
        <v>215204</v>
      </c>
      <c r="F64477" s="1" t="s">
        <v>215205</v>
      </c>
      <c r="G64477" s="1" t="s">
        <v>215125</v>
      </c>
      <c r="H64477" s="1" t="s">
        <v>215126</v>
      </c>
      <c r="I64477" s="1" t="s">
        <v>207852</v>
      </c>
      <c r="J64477" s="1" t="s">
        <v>215206</v>
      </c>
    </row>
    <row r="64478" spans="1:10" x14ac:dyDescent="0.35">
      <c r="A64478" s="1" t="s">
        <v>142373</v>
      </c>
      <c r="B64478" s="1" t="s">
        <v>207847</v>
      </c>
      <c r="C64478" s="1" t="s">
        <v>145</v>
      </c>
      <c r="D64478" s="1" t="s">
        <v>36860</v>
      </c>
      <c r="E64478" s="1" t="s">
        <v>215207</v>
      </c>
      <c r="F64478" s="1" t="s">
        <v>215208</v>
      </c>
      <c r="G64478" s="1" t="s">
        <v>215125</v>
      </c>
      <c r="H64478" s="1" t="s">
        <v>215126</v>
      </c>
      <c r="I64478" s="1" t="s">
        <v>207852</v>
      </c>
      <c r="J64478" s="1" t="s">
        <v>215209</v>
      </c>
    </row>
    <row r="64479" spans="1:10" x14ac:dyDescent="0.35">
      <c r="A64479" s="1" t="s">
        <v>142373</v>
      </c>
      <c r="B64479" s="1" t="s">
        <v>207847</v>
      </c>
      <c r="C64479" s="1" t="s">
        <v>150</v>
      </c>
      <c r="D64479" s="1" t="s">
        <v>215210</v>
      </c>
      <c r="E64479" s="1" t="s">
        <v>215211</v>
      </c>
      <c r="F64479" s="1" t="s">
        <v>215212</v>
      </c>
      <c r="G64479" s="1" t="s">
        <v>215125</v>
      </c>
      <c r="H64479" s="1" t="s">
        <v>215126</v>
      </c>
      <c r="I64479" s="1" t="s">
        <v>207852</v>
      </c>
      <c r="J64479" s="1" t="s">
        <v>215213</v>
      </c>
    </row>
    <row r="64480" spans="1:10" x14ac:dyDescent="0.35">
      <c r="A64480" s="1" t="s">
        <v>142373</v>
      </c>
      <c r="B64480" s="1" t="s">
        <v>207847</v>
      </c>
      <c r="C64480" s="1" t="s">
        <v>155</v>
      </c>
      <c r="D64480" s="1" t="s">
        <v>215214</v>
      </c>
      <c r="E64480" s="1" t="s">
        <v>215215</v>
      </c>
      <c r="F64480" s="1" t="s">
        <v>215216</v>
      </c>
      <c r="G64480" s="1" t="s">
        <v>215125</v>
      </c>
      <c r="H64480" s="1" t="s">
        <v>215126</v>
      </c>
      <c r="I64480" s="1" t="s">
        <v>207852</v>
      </c>
      <c r="J64480" s="1" t="s">
        <v>215217</v>
      </c>
    </row>
    <row r="64481" spans="1:10" x14ac:dyDescent="0.35">
      <c r="A64481" s="1" t="s">
        <v>142373</v>
      </c>
      <c r="B64481" s="1" t="s">
        <v>207847</v>
      </c>
      <c r="C64481" s="1" t="s">
        <v>160</v>
      </c>
      <c r="D64481" s="1" t="s">
        <v>215218</v>
      </c>
      <c r="E64481" s="1" t="s">
        <v>215219</v>
      </c>
      <c r="F64481" s="1" t="s">
        <v>215220</v>
      </c>
      <c r="G64481" s="1" t="s">
        <v>215125</v>
      </c>
      <c r="H64481" s="1" t="s">
        <v>215126</v>
      </c>
      <c r="I64481" s="1" t="s">
        <v>207852</v>
      </c>
      <c r="J64481" s="1" t="s">
        <v>215221</v>
      </c>
    </row>
    <row r="64482" spans="1:10" x14ac:dyDescent="0.35">
      <c r="A64482" s="1" t="s">
        <v>142373</v>
      </c>
      <c r="B64482" s="1" t="s">
        <v>207847</v>
      </c>
      <c r="C64482" s="1" t="s">
        <v>165</v>
      </c>
      <c r="D64482" s="1" t="s">
        <v>215222</v>
      </c>
      <c r="E64482" s="1" t="s">
        <v>215223</v>
      </c>
      <c r="F64482" s="1" t="s">
        <v>215224</v>
      </c>
      <c r="G64482" s="1" t="s">
        <v>215125</v>
      </c>
      <c r="H64482" s="1" t="s">
        <v>215126</v>
      </c>
      <c r="I64482" s="1" t="s">
        <v>207852</v>
      </c>
      <c r="J64482" s="1" t="s">
        <v>215225</v>
      </c>
    </row>
    <row r="64483" spans="1:10" x14ac:dyDescent="0.35">
      <c r="A64483" s="1" t="s">
        <v>142373</v>
      </c>
      <c r="B64483" s="1" t="s">
        <v>207847</v>
      </c>
      <c r="C64483" s="1" t="s">
        <v>170</v>
      </c>
      <c r="D64483" s="1" t="s">
        <v>126455</v>
      </c>
      <c r="E64483" s="1" t="s">
        <v>215226</v>
      </c>
      <c r="F64483" s="1" t="s">
        <v>215227</v>
      </c>
      <c r="G64483" s="1" t="s">
        <v>215125</v>
      </c>
      <c r="H64483" s="1" t="s">
        <v>215126</v>
      </c>
      <c r="I64483" s="1" t="s">
        <v>207852</v>
      </c>
      <c r="J64483" s="1" t="s">
        <v>215228</v>
      </c>
    </row>
    <row r="64484" spans="1:10" x14ac:dyDescent="0.35">
      <c r="A64484" s="1" t="s">
        <v>30143</v>
      </c>
      <c r="B64484" s="1" t="s">
        <v>207847</v>
      </c>
      <c r="C64484" s="1" t="s">
        <v>8</v>
      </c>
      <c r="D64484" s="1" t="s">
        <v>5373</v>
      </c>
      <c r="E64484" s="1" t="s">
        <v>215229</v>
      </c>
      <c r="F64484" s="1" t="s">
        <v>215230</v>
      </c>
      <c r="G64484" s="1" t="s">
        <v>215231</v>
      </c>
      <c r="H64484" s="1" t="s">
        <v>215232</v>
      </c>
      <c r="I64484" s="1" t="s">
        <v>207852</v>
      </c>
      <c r="J64484" s="1" t="s">
        <v>13</v>
      </c>
    </row>
    <row r="64485" spans="1:10" x14ac:dyDescent="0.35">
      <c r="A64485" s="1" t="s">
        <v>30143</v>
      </c>
      <c r="B64485" s="1" t="s">
        <v>207847</v>
      </c>
      <c r="C64485" s="1" t="s">
        <v>15</v>
      </c>
      <c r="D64485" s="1" t="s">
        <v>73905</v>
      </c>
      <c r="E64485" s="1" t="s">
        <v>215233</v>
      </c>
      <c r="F64485" s="1" t="s">
        <v>215234</v>
      </c>
      <c r="G64485" s="1" t="s">
        <v>215231</v>
      </c>
      <c r="H64485" s="1" t="s">
        <v>215232</v>
      </c>
      <c r="I64485" s="1" t="s">
        <v>207852</v>
      </c>
      <c r="J64485" s="1" t="s">
        <v>215235</v>
      </c>
    </row>
    <row r="64486" spans="1:10" x14ac:dyDescent="0.35">
      <c r="A64486" s="1" t="s">
        <v>30143</v>
      </c>
      <c r="B64486" s="1" t="s">
        <v>207847</v>
      </c>
      <c r="C64486" s="1" t="s">
        <v>20</v>
      </c>
      <c r="D64486" s="1" t="s">
        <v>215236</v>
      </c>
      <c r="E64486" s="1" t="s">
        <v>215237</v>
      </c>
      <c r="F64486" s="1" t="s">
        <v>215238</v>
      </c>
      <c r="G64486" s="1" t="s">
        <v>215231</v>
      </c>
      <c r="H64486" s="1" t="s">
        <v>215232</v>
      </c>
      <c r="I64486" s="1" t="s">
        <v>207852</v>
      </c>
      <c r="J64486" s="1" t="s">
        <v>208234</v>
      </c>
    </row>
    <row r="64487" spans="1:10" x14ac:dyDescent="0.35">
      <c r="A64487" s="1" t="s">
        <v>30143</v>
      </c>
      <c r="B64487" s="1" t="s">
        <v>207847</v>
      </c>
      <c r="C64487" s="1" t="s">
        <v>25</v>
      </c>
      <c r="D64487" s="1" t="s">
        <v>126568</v>
      </c>
      <c r="E64487" s="1" t="s">
        <v>215239</v>
      </c>
      <c r="F64487" s="1" t="s">
        <v>215240</v>
      </c>
      <c r="G64487" s="1" t="s">
        <v>215231</v>
      </c>
      <c r="H64487" s="1" t="s">
        <v>215232</v>
      </c>
      <c r="I64487" s="1" t="s">
        <v>207852</v>
      </c>
      <c r="J64487" s="1" t="s">
        <v>215241</v>
      </c>
    </row>
    <row r="64488" spans="1:10" x14ac:dyDescent="0.35">
      <c r="A64488" s="1" t="s">
        <v>30143</v>
      </c>
      <c r="B64488" s="1" t="s">
        <v>207847</v>
      </c>
      <c r="C64488" s="1" t="s">
        <v>30</v>
      </c>
      <c r="D64488" s="1" t="s">
        <v>177839</v>
      </c>
      <c r="E64488" s="1" t="s">
        <v>215242</v>
      </c>
      <c r="F64488" s="1" t="s">
        <v>215243</v>
      </c>
      <c r="G64488" s="1" t="s">
        <v>215231</v>
      </c>
      <c r="H64488" s="1" t="s">
        <v>215232</v>
      </c>
      <c r="I64488" s="1" t="s">
        <v>207852</v>
      </c>
      <c r="J64488" s="1" t="s">
        <v>215244</v>
      </c>
    </row>
    <row r="64489" spans="1:10" x14ac:dyDescent="0.35">
      <c r="A64489" s="1" t="s">
        <v>30143</v>
      </c>
      <c r="B64489" s="1" t="s">
        <v>207847</v>
      </c>
      <c r="C64489" s="1" t="s">
        <v>35</v>
      </c>
      <c r="D64489" s="1" t="s">
        <v>73568</v>
      </c>
      <c r="E64489" s="1" t="s">
        <v>215245</v>
      </c>
      <c r="F64489" s="1" t="s">
        <v>215246</v>
      </c>
      <c r="G64489" s="1" t="s">
        <v>215231</v>
      </c>
      <c r="H64489" s="1" t="s">
        <v>215232</v>
      </c>
      <c r="I64489" s="1" t="s">
        <v>207852</v>
      </c>
      <c r="J64489" s="1" t="s">
        <v>215247</v>
      </c>
    </row>
    <row r="64490" spans="1:10" x14ac:dyDescent="0.35">
      <c r="A64490" s="1" t="s">
        <v>30143</v>
      </c>
      <c r="B64490" s="1" t="s">
        <v>207847</v>
      </c>
      <c r="C64490" s="1" t="s">
        <v>40</v>
      </c>
      <c r="D64490" s="1" t="s">
        <v>198126</v>
      </c>
      <c r="E64490" s="1" t="s">
        <v>215248</v>
      </c>
      <c r="F64490" s="1" t="s">
        <v>215249</v>
      </c>
      <c r="G64490" s="1" t="s">
        <v>215231</v>
      </c>
      <c r="H64490" s="1" t="s">
        <v>215232</v>
      </c>
      <c r="I64490" s="1" t="s">
        <v>207852</v>
      </c>
      <c r="J64490" s="1" t="s">
        <v>215250</v>
      </c>
    </row>
    <row r="64491" spans="1:10" x14ac:dyDescent="0.35">
      <c r="A64491" s="1" t="s">
        <v>30143</v>
      </c>
      <c r="B64491" s="1" t="s">
        <v>207847</v>
      </c>
      <c r="C64491" s="1" t="s">
        <v>45</v>
      </c>
      <c r="D64491" s="1" t="s">
        <v>131</v>
      </c>
      <c r="E64491" s="1" t="s">
        <v>215251</v>
      </c>
      <c r="F64491" s="1" t="s">
        <v>215252</v>
      </c>
      <c r="G64491" s="1" t="s">
        <v>215231</v>
      </c>
      <c r="H64491" s="1" t="s">
        <v>215232</v>
      </c>
      <c r="I64491" s="1" t="s">
        <v>207852</v>
      </c>
      <c r="J64491" s="1" t="s">
        <v>215253</v>
      </c>
    </row>
    <row r="64492" spans="1:10" x14ac:dyDescent="0.35">
      <c r="A64492" s="1" t="s">
        <v>30143</v>
      </c>
      <c r="B64492" s="1" t="s">
        <v>207847</v>
      </c>
      <c r="C64492" s="1" t="s">
        <v>50</v>
      </c>
      <c r="D64492" s="1" t="s">
        <v>215254</v>
      </c>
      <c r="E64492" s="1" t="s">
        <v>215255</v>
      </c>
      <c r="F64492" s="1" t="s">
        <v>215256</v>
      </c>
      <c r="G64492" s="1" t="s">
        <v>215231</v>
      </c>
      <c r="H64492" s="1" t="s">
        <v>215232</v>
      </c>
      <c r="I64492" s="1" t="s">
        <v>207852</v>
      </c>
      <c r="J64492" s="1" t="s">
        <v>215257</v>
      </c>
    </row>
    <row r="64493" spans="1:10" x14ac:dyDescent="0.35">
      <c r="A64493" s="1" t="s">
        <v>30143</v>
      </c>
      <c r="B64493" s="1" t="s">
        <v>207847</v>
      </c>
      <c r="C64493" s="1" t="s">
        <v>55</v>
      </c>
      <c r="D64493" s="1" t="s">
        <v>186389</v>
      </c>
      <c r="E64493" s="1" t="s">
        <v>215258</v>
      </c>
      <c r="F64493" s="1" t="s">
        <v>215259</v>
      </c>
      <c r="G64493" s="1" t="s">
        <v>215231</v>
      </c>
      <c r="H64493" s="1" t="s">
        <v>215232</v>
      </c>
      <c r="I64493" s="1" t="s">
        <v>207852</v>
      </c>
      <c r="J64493" s="1" t="s">
        <v>215260</v>
      </c>
    </row>
    <row r="64494" spans="1:10" x14ac:dyDescent="0.35">
      <c r="A64494" s="1" t="s">
        <v>30143</v>
      </c>
      <c r="B64494" s="1" t="s">
        <v>207847</v>
      </c>
      <c r="C64494" s="1" t="s">
        <v>60</v>
      </c>
      <c r="D64494" s="1" t="s">
        <v>177464</v>
      </c>
      <c r="E64494" s="1" t="s">
        <v>215261</v>
      </c>
      <c r="F64494" s="1" t="s">
        <v>215262</v>
      </c>
      <c r="G64494" s="1" t="s">
        <v>215231</v>
      </c>
      <c r="H64494" s="1" t="s">
        <v>215232</v>
      </c>
      <c r="I64494" s="1" t="s">
        <v>207852</v>
      </c>
      <c r="J64494" s="1" t="s">
        <v>215263</v>
      </c>
    </row>
    <row r="64495" spans="1:10" x14ac:dyDescent="0.35">
      <c r="A64495" s="1" t="s">
        <v>30143</v>
      </c>
      <c r="B64495" s="1" t="s">
        <v>207847</v>
      </c>
      <c r="C64495" s="1" t="s">
        <v>65</v>
      </c>
      <c r="D64495" s="1" t="s">
        <v>71323</v>
      </c>
      <c r="E64495" s="1" t="s">
        <v>215264</v>
      </c>
      <c r="F64495" s="1" t="s">
        <v>215265</v>
      </c>
      <c r="G64495" s="1" t="s">
        <v>215231</v>
      </c>
      <c r="H64495" s="1" t="s">
        <v>215232</v>
      </c>
      <c r="I64495" s="1" t="s">
        <v>207852</v>
      </c>
      <c r="J64495" s="1" t="s">
        <v>215266</v>
      </c>
    </row>
    <row r="64496" spans="1:10" x14ac:dyDescent="0.35">
      <c r="A64496" s="1" t="s">
        <v>30143</v>
      </c>
      <c r="B64496" s="1" t="s">
        <v>207847</v>
      </c>
      <c r="C64496" s="1" t="s">
        <v>70</v>
      </c>
      <c r="D64496" s="1" t="s">
        <v>70675</v>
      </c>
      <c r="E64496" s="1" t="s">
        <v>215267</v>
      </c>
      <c r="F64496" s="1" t="s">
        <v>215268</v>
      </c>
      <c r="G64496" s="1" t="s">
        <v>215231</v>
      </c>
      <c r="H64496" s="1" t="s">
        <v>215232</v>
      </c>
      <c r="I64496" s="1" t="s">
        <v>207852</v>
      </c>
      <c r="J64496" s="1" t="s">
        <v>215269</v>
      </c>
    </row>
    <row r="64497" spans="1:10" x14ac:dyDescent="0.35">
      <c r="A64497" s="1" t="s">
        <v>30143</v>
      </c>
      <c r="B64497" s="1" t="s">
        <v>207847</v>
      </c>
      <c r="C64497" s="1" t="s">
        <v>75</v>
      </c>
      <c r="D64497" s="1" t="s">
        <v>215270</v>
      </c>
      <c r="E64497" s="1" t="s">
        <v>215271</v>
      </c>
      <c r="F64497" s="1" t="s">
        <v>215272</v>
      </c>
      <c r="G64497" s="1" t="s">
        <v>215231</v>
      </c>
      <c r="H64497" s="1" t="s">
        <v>215232</v>
      </c>
      <c r="I64497" s="1" t="s">
        <v>207852</v>
      </c>
      <c r="J64497" s="1" t="s">
        <v>215273</v>
      </c>
    </row>
    <row r="64498" spans="1:10" x14ac:dyDescent="0.35">
      <c r="A64498" s="1" t="s">
        <v>30143</v>
      </c>
      <c r="B64498" s="1" t="s">
        <v>207847</v>
      </c>
      <c r="C64498" s="1" t="s">
        <v>80</v>
      </c>
      <c r="D64498" s="1" t="s">
        <v>135119</v>
      </c>
      <c r="E64498" s="1" t="s">
        <v>215274</v>
      </c>
      <c r="F64498" s="1" t="s">
        <v>215275</v>
      </c>
      <c r="G64498" s="1" t="s">
        <v>215231</v>
      </c>
      <c r="H64498" s="1" t="s">
        <v>215232</v>
      </c>
      <c r="I64498" s="1" t="s">
        <v>207852</v>
      </c>
      <c r="J64498" s="1" t="s">
        <v>215276</v>
      </c>
    </row>
    <row r="64499" spans="1:10" x14ac:dyDescent="0.35">
      <c r="A64499" s="1" t="s">
        <v>30143</v>
      </c>
      <c r="B64499" s="1" t="s">
        <v>207847</v>
      </c>
      <c r="C64499" s="1" t="s">
        <v>85</v>
      </c>
      <c r="D64499" s="1" t="s">
        <v>213416</v>
      </c>
      <c r="E64499" s="1" t="s">
        <v>215277</v>
      </c>
      <c r="F64499" s="1" t="s">
        <v>215278</v>
      </c>
      <c r="G64499" s="1" t="s">
        <v>215231</v>
      </c>
      <c r="H64499" s="1" t="s">
        <v>215232</v>
      </c>
      <c r="I64499" s="1" t="s">
        <v>207852</v>
      </c>
      <c r="J64499" s="1" t="s">
        <v>215279</v>
      </c>
    </row>
    <row r="64500" spans="1:10" x14ac:dyDescent="0.35">
      <c r="A64500" s="1" t="s">
        <v>30143</v>
      </c>
      <c r="B64500" s="1" t="s">
        <v>207847</v>
      </c>
      <c r="C64500" s="1" t="s">
        <v>90</v>
      </c>
      <c r="D64500" s="1" t="s">
        <v>215280</v>
      </c>
      <c r="E64500" s="1" t="s">
        <v>215281</v>
      </c>
      <c r="F64500" s="1" t="s">
        <v>215282</v>
      </c>
      <c r="G64500" s="1" t="s">
        <v>215231</v>
      </c>
      <c r="H64500" s="1" t="s">
        <v>215232</v>
      </c>
      <c r="I64500" s="1" t="s">
        <v>207852</v>
      </c>
      <c r="J64500" s="1" t="s">
        <v>215283</v>
      </c>
    </row>
    <row r="64501" spans="1:10" x14ac:dyDescent="0.35">
      <c r="A64501" s="1" t="s">
        <v>30143</v>
      </c>
      <c r="B64501" s="1" t="s">
        <v>207847</v>
      </c>
      <c r="C64501" s="1" t="s">
        <v>95</v>
      </c>
      <c r="D64501" s="1" t="s">
        <v>174430</v>
      </c>
      <c r="E64501" s="1" t="s">
        <v>215284</v>
      </c>
      <c r="F64501" s="1" t="s">
        <v>215285</v>
      </c>
      <c r="G64501" s="1" t="s">
        <v>215231</v>
      </c>
      <c r="H64501" s="1" t="s">
        <v>215232</v>
      </c>
      <c r="I64501" s="1" t="s">
        <v>207852</v>
      </c>
      <c r="J64501" s="1" t="s">
        <v>215286</v>
      </c>
    </row>
    <row r="64502" spans="1:10" x14ac:dyDescent="0.35">
      <c r="A64502" s="1" t="s">
        <v>30143</v>
      </c>
      <c r="B64502" s="1" t="s">
        <v>207847</v>
      </c>
      <c r="C64502" s="1" t="s">
        <v>100</v>
      </c>
      <c r="D64502" s="1" t="s">
        <v>215287</v>
      </c>
      <c r="E64502" s="1" t="s">
        <v>215288</v>
      </c>
      <c r="F64502" s="1" t="s">
        <v>215289</v>
      </c>
      <c r="G64502" s="1" t="s">
        <v>215231</v>
      </c>
      <c r="H64502" s="1" t="s">
        <v>215232</v>
      </c>
      <c r="I64502" s="1" t="s">
        <v>207852</v>
      </c>
      <c r="J64502" s="1" t="s">
        <v>215290</v>
      </c>
    </row>
    <row r="64503" spans="1:10" x14ac:dyDescent="0.35">
      <c r="A64503" s="1" t="s">
        <v>30143</v>
      </c>
      <c r="B64503" s="1" t="s">
        <v>207847</v>
      </c>
      <c r="C64503" s="1" t="s">
        <v>105</v>
      </c>
      <c r="D64503" s="1" t="s">
        <v>34380</v>
      </c>
      <c r="E64503" s="1" t="s">
        <v>215291</v>
      </c>
      <c r="F64503" s="1" t="s">
        <v>215292</v>
      </c>
      <c r="G64503" s="1" t="s">
        <v>215231</v>
      </c>
      <c r="H64503" s="1" t="s">
        <v>215232</v>
      </c>
      <c r="I64503" s="1" t="s">
        <v>207852</v>
      </c>
      <c r="J64503" s="1" t="s">
        <v>215293</v>
      </c>
    </row>
    <row r="64504" spans="1:10" x14ac:dyDescent="0.35">
      <c r="A64504" s="1" t="s">
        <v>30143</v>
      </c>
      <c r="B64504" s="1" t="s">
        <v>207847</v>
      </c>
      <c r="C64504" s="1" t="s">
        <v>110</v>
      </c>
      <c r="D64504" s="1" t="s">
        <v>150620</v>
      </c>
      <c r="E64504" s="1" t="s">
        <v>215294</v>
      </c>
      <c r="F64504" s="1" t="s">
        <v>215295</v>
      </c>
      <c r="G64504" s="1" t="s">
        <v>215231</v>
      </c>
      <c r="H64504" s="1" t="s">
        <v>215232</v>
      </c>
      <c r="I64504" s="1" t="s">
        <v>207852</v>
      </c>
      <c r="J64504" s="1" t="s">
        <v>215296</v>
      </c>
    </row>
    <row r="64505" spans="1:10" x14ac:dyDescent="0.35">
      <c r="A64505" s="1" t="s">
        <v>30143</v>
      </c>
      <c r="B64505" s="1" t="s">
        <v>207847</v>
      </c>
      <c r="C64505" s="1" t="s">
        <v>115</v>
      </c>
      <c r="D64505" s="1" t="s">
        <v>215297</v>
      </c>
      <c r="E64505" s="1" t="s">
        <v>215298</v>
      </c>
      <c r="F64505" s="1" t="s">
        <v>215299</v>
      </c>
      <c r="G64505" s="1" t="s">
        <v>215231</v>
      </c>
      <c r="H64505" s="1" t="s">
        <v>215232</v>
      </c>
      <c r="I64505" s="1" t="s">
        <v>207852</v>
      </c>
      <c r="J64505" s="1" t="s">
        <v>215300</v>
      </c>
    </row>
    <row r="64506" spans="1:10" x14ac:dyDescent="0.35">
      <c r="A64506" s="1" t="s">
        <v>30143</v>
      </c>
      <c r="B64506" s="1" t="s">
        <v>207847</v>
      </c>
      <c r="C64506" s="1" t="s">
        <v>120</v>
      </c>
      <c r="D64506" s="1" t="s">
        <v>117771</v>
      </c>
      <c r="E64506" s="1" t="s">
        <v>215301</v>
      </c>
      <c r="F64506" s="1" t="s">
        <v>215302</v>
      </c>
      <c r="G64506" s="1" t="s">
        <v>215231</v>
      </c>
      <c r="H64506" s="1" t="s">
        <v>215232</v>
      </c>
      <c r="I64506" s="1" t="s">
        <v>207852</v>
      </c>
      <c r="J64506" s="1" t="s">
        <v>215303</v>
      </c>
    </row>
    <row r="64507" spans="1:10" x14ac:dyDescent="0.35">
      <c r="A64507" s="1" t="s">
        <v>30143</v>
      </c>
      <c r="B64507" s="1" t="s">
        <v>207847</v>
      </c>
      <c r="C64507" s="1" t="s">
        <v>125</v>
      </c>
      <c r="D64507" s="1" t="s">
        <v>11671</v>
      </c>
      <c r="E64507" s="1" t="s">
        <v>215304</v>
      </c>
      <c r="F64507" s="1" t="s">
        <v>215305</v>
      </c>
      <c r="G64507" s="1" t="s">
        <v>215231</v>
      </c>
      <c r="H64507" s="1" t="s">
        <v>215232</v>
      </c>
      <c r="I64507" s="1" t="s">
        <v>207852</v>
      </c>
      <c r="J64507" s="1" t="s">
        <v>215306</v>
      </c>
    </row>
    <row r="64508" spans="1:10" x14ac:dyDescent="0.35">
      <c r="A64508" s="1" t="s">
        <v>30143</v>
      </c>
      <c r="B64508" s="1" t="s">
        <v>207847</v>
      </c>
      <c r="C64508" s="1" t="s">
        <v>130</v>
      </c>
      <c r="D64508" s="1" t="s">
        <v>215307</v>
      </c>
      <c r="E64508" s="1" t="s">
        <v>215308</v>
      </c>
      <c r="F64508" s="1" t="s">
        <v>215309</v>
      </c>
      <c r="G64508" s="1" t="s">
        <v>215231</v>
      </c>
      <c r="H64508" s="1" t="s">
        <v>215232</v>
      </c>
      <c r="I64508" s="1" t="s">
        <v>207852</v>
      </c>
      <c r="J64508" s="1" t="s">
        <v>215310</v>
      </c>
    </row>
    <row r="64509" spans="1:10" x14ac:dyDescent="0.35">
      <c r="A64509" s="1" t="s">
        <v>30143</v>
      </c>
      <c r="B64509" s="1" t="s">
        <v>207847</v>
      </c>
      <c r="C64509" s="1" t="s">
        <v>135</v>
      </c>
      <c r="D64509" s="1" t="s">
        <v>113288</v>
      </c>
      <c r="E64509" s="1" t="s">
        <v>215311</v>
      </c>
      <c r="F64509" s="1" t="s">
        <v>215312</v>
      </c>
      <c r="G64509" s="1" t="s">
        <v>215231</v>
      </c>
      <c r="H64509" s="1" t="s">
        <v>215232</v>
      </c>
      <c r="I64509" s="1" t="s">
        <v>207852</v>
      </c>
      <c r="J64509" s="1" t="s">
        <v>215313</v>
      </c>
    </row>
    <row r="64510" spans="1:10" x14ac:dyDescent="0.35">
      <c r="A64510" s="1" t="s">
        <v>30143</v>
      </c>
      <c r="B64510" s="1" t="s">
        <v>207847</v>
      </c>
      <c r="C64510" s="1" t="s">
        <v>140</v>
      </c>
      <c r="D64510" s="1" t="s">
        <v>75484</v>
      </c>
      <c r="E64510" s="1" t="s">
        <v>215314</v>
      </c>
      <c r="F64510" s="1" t="s">
        <v>215315</v>
      </c>
      <c r="G64510" s="1" t="s">
        <v>215231</v>
      </c>
      <c r="H64510" s="1" t="s">
        <v>215232</v>
      </c>
      <c r="I64510" s="1" t="s">
        <v>207852</v>
      </c>
      <c r="J64510" s="1" t="s">
        <v>215316</v>
      </c>
    </row>
    <row r="64511" spans="1:10" x14ac:dyDescent="0.35">
      <c r="A64511" s="1" t="s">
        <v>30143</v>
      </c>
      <c r="B64511" s="1" t="s">
        <v>207847</v>
      </c>
      <c r="C64511" s="1" t="s">
        <v>145</v>
      </c>
      <c r="D64511" s="1" t="s">
        <v>215317</v>
      </c>
      <c r="E64511" s="1" t="s">
        <v>215318</v>
      </c>
      <c r="F64511" s="1" t="s">
        <v>215319</v>
      </c>
      <c r="G64511" s="1" t="s">
        <v>215231</v>
      </c>
      <c r="H64511" s="1" t="s">
        <v>215232</v>
      </c>
      <c r="I64511" s="1" t="s">
        <v>207852</v>
      </c>
      <c r="J64511" s="1" t="s">
        <v>215320</v>
      </c>
    </row>
    <row r="64512" spans="1:10" x14ac:dyDescent="0.35">
      <c r="A64512" s="1" t="s">
        <v>30143</v>
      </c>
      <c r="B64512" s="1" t="s">
        <v>207847</v>
      </c>
      <c r="C64512" s="1" t="s">
        <v>150</v>
      </c>
      <c r="D64512" s="1" t="s">
        <v>152090</v>
      </c>
      <c r="E64512" s="1" t="s">
        <v>215321</v>
      </c>
      <c r="F64512" s="1" t="s">
        <v>215322</v>
      </c>
      <c r="G64512" s="1" t="s">
        <v>215231</v>
      </c>
      <c r="H64512" s="1" t="s">
        <v>215232</v>
      </c>
      <c r="I64512" s="1" t="s">
        <v>207852</v>
      </c>
      <c r="J64512" s="1" t="s">
        <v>215323</v>
      </c>
    </row>
    <row r="64513" spans="1:10" x14ac:dyDescent="0.35">
      <c r="A64513" s="1" t="s">
        <v>30143</v>
      </c>
      <c r="B64513" s="1" t="s">
        <v>207847</v>
      </c>
      <c r="C64513" s="1" t="s">
        <v>155</v>
      </c>
      <c r="D64513" s="1" t="s">
        <v>105249</v>
      </c>
      <c r="E64513" s="1" t="s">
        <v>215324</v>
      </c>
      <c r="F64513" s="1" t="s">
        <v>215325</v>
      </c>
      <c r="G64513" s="1" t="s">
        <v>215231</v>
      </c>
      <c r="H64513" s="1" t="s">
        <v>215232</v>
      </c>
      <c r="I64513" s="1" t="s">
        <v>207852</v>
      </c>
      <c r="J64513" s="1" t="s">
        <v>215326</v>
      </c>
    </row>
    <row r="64514" spans="1:10" x14ac:dyDescent="0.35">
      <c r="A64514" s="1" t="s">
        <v>30143</v>
      </c>
      <c r="B64514" s="1" t="s">
        <v>207847</v>
      </c>
      <c r="C64514" s="1" t="s">
        <v>160</v>
      </c>
      <c r="D64514" s="1" t="s">
        <v>114552</v>
      </c>
      <c r="E64514" s="1" t="s">
        <v>215327</v>
      </c>
      <c r="F64514" s="1" t="s">
        <v>215328</v>
      </c>
      <c r="G64514" s="1" t="s">
        <v>215231</v>
      </c>
      <c r="H64514" s="1" t="s">
        <v>215232</v>
      </c>
      <c r="I64514" s="1" t="s">
        <v>207852</v>
      </c>
      <c r="J64514" s="1" t="s">
        <v>215329</v>
      </c>
    </row>
    <row r="64515" spans="1:10" x14ac:dyDescent="0.35">
      <c r="A64515" s="1" t="s">
        <v>30143</v>
      </c>
      <c r="B64515" s="1" t="s">
        <v>207847</v>
      </c>
      <c r="C64515" s="1" t="s">
        <v>165</v>
      </c>
      <c r="D64515" s="1" t="s">
        <v>182948</v>
      </c>
      <c r="E64515" s="1" t="s">
        <v>215330</v>
      </c>
      <c r="F64515" s="1" t="s">
        <v>215331</v>
      </c>
      <c r="G64515" s="1" t="s">
        <v>215231</v>
      </c>
      <c r="H64515" s="1" t="s">
        <v>215232</v>
      </c>
      <c r="I64515" s="1" t="s">
        <v>207852</v>
      </c>
      <c r="J64515" s="1" t="s">
        <v>215332</v>
      </c>
    </row>
    <row r="64516" spans="1:10" x14ac:dyDescent="0.35">
      <c r="A64516" s="1" t="s">
        <v>30143</v>
      </c>
      <c r="B64516" s="1" t="s">
        <v>207847</v>
      </c>
      <c r="C64516" s="1" t="s">
        <v>170</v>
      </c>
      <c r="D64516" s="1" t="s">
        <v>113776</v>
      </c>
      <c r="E64516" s="1" t="s">
        <v>215333</v>
      </c>
      <c r="F64516" s="1" t="s">
        <v>215334</v>
      </c>
      <c r="G64516" s="1" t="s">
        <v>215231</v>
      </c>
      <c r="H64516" s="1" t="s">
        <v>215232</v>
      </c>
      <c r="I64516" s="1" t="s">
        <v>207852</v>
      </c>
      <c r="J64516" s="1" t="s">
        <v>215335</v>
      </c>
    </row>
    <row r="64517" spans="1:10" x14ac:dyDescent="0.35">
      <c r="A64517" s="1" t="s">
        <v>25405</v>
      </c>
      <c r="B64517" s="1" t="s">
        <v>207847</v>
      </c>
      <c r="C64517" s="1" t="s">
        <v>8</v>
      </c>
      <c r="D64517" s="1" t="s">
        <v>10413</v>
      </c>
      <c r="E64517" s="1" t="s">
        <v>215336</v>
      </c>
      <c r="F64517" s="1" t="s">
        <v>215337</v>
      </c>
      <c r="G64517" s="1" t="s">
        <v>215338</v>
      </c>
      <c r="H64517" s="1" t="s">
        <v>215339</v>
      </c>
      <c r="I64517" s="1" t="s">
        <v>207852</v>
      </c>
      <c r="J64517" s="1" t="s">
        <v>13</v>
      </c>
    </row>
    <row r="64518" spans="1:10" x14ac:dyDescent="0.35">
      <c r="A64518" s="1" t="s">
        <v>25405</v>
      </c>
      <c r="B64518" s="1" t="s">
        <v>207847</v>
      </c>
      <c r="C64518" s="1" t="s">
        <v>15</v>
      </c>
      <c r="D64518" s="1" t="s">
        <v>206221</v>
      </c>
      <c r="E64518" s="1" t="s">
        <v>215340</v>
      </c>
      <c r="F64518" s="1" t="s">
        <v>215341</v>
      </c>
      <c r="G64518" s="1" t="s">
        <v>215338</v>
      </c>
      <c r="H64518" s="1" t="s">
        <v>215339</v>
      </c>
      <c r="I64518" s="1" t="s">
        <v>207852</v>
      </c>
      <c r="J64518" s="1" t="s">
        <v>215342</v>
      </c>
    </row>
    <row r="64519" spans="1:10" x14ac:dyDescent="0.35">
      <c r="A64519" s="1" t="s">
        <v>25405</v>
      </c>
      <c r="B64519" s="1" t="s">
        <v>207847</v>
      </c>
      <c r="C64519" s="1" t="s">
        <v>20</v>
      </c>
      <c r="D64519" s="1" t="s">
        <v>148670</v>
      </c>
      <c r="E64519" s="1" t="s">
        <v>215343</v>
      </c>
      <c r="F64519" s="1" t="s">
        <v>215344</v>
      </c>
      <c r="G64519" s="1" t="s">
        <v>215338</v>
      </c>
      <c r="H64519" s="1" t="s">
        <v>215339</v>
      </c>
      <c r="I64519" s="1" t="s">
        <v>207852</v>
      </c>
      <c r="J64519" s="1" t="s">
        <v>215345</v>
      </c>
    </row>
    <row r="64520" spans="1:10" x14ac:dyDescent="0.35">
      <c r="A64520" s="1" t="s">
        <v>25405</v>
      </c>
      <c r="B64520" s="1" t="s">
        <v>207847</v>
      </c>
      <c r="C64520" s="1" t="s">
        <v>25</v>
      </c>
      <c r="D64520" s="1" t="s">
        <v>195532</v>
      </c>
      <c r="E64520" s="1" t="s">
        <v>215346</v>
      </c>
      <c r="F64520" s="1" t="s">
        <v>215347</v>
      </c>
      <c r="G64520" s="1" t="s">
        <v>215338</v>
      </c>
      <c r="H64520" s="1" t="s">
        <v>215339</v>
      </c>
      <c r="I64520" s="1" t="s">
        <v>207852</v>
      </c>
      <c r="J64520" s="1" t="s">
        <v>215348</v>
      </c>
    </row>
    <row r="64521" spans="1:10" x14ac:dyDescent="0.35">
      <c r="A64521" s="1" t="s">
        <v>25405</v>
      </c>
      <c r="B64521" s="1" t="s">
        <v>207847</v>
      </c>
      <c r="C64521" s="1" t="s">
        <v>30</v>
      </c>
      <c r="D64521" s="1" t="s">
        <v>215349</v>
      </c>
      <c r="E64521" s="1" t="s">
        <v>215350</v>
      </c>
      <c r="F64521" s="1" t="s">
        <v>215351</v>
      </c>
      <c r="G64521" s="1" t="s">
        <v>215338</v>
      </c>
      <c r="H64521" s="1" t="s">
        <v>215339</v>
      </c>
      <c r="I64521" s="1" t="s">
        <v>207852</v>
      </c>
      <c r="J64521" s="1" t="s">
        <v>215352</v>
      </c>
    </row>
    <row r="64522" spans="1:10" x14ac:dyDescent="0.35">
      <c r="A64522" s="1" t="s">
        <v>25405</v>
      </c>
      <c r="B64522" s="1" t="s">
        <v>207847</v>
      </c>
      <c r="C64522" s="1" t="s">
        <v>35</v>
      </c>
      <c r="D64522" s="1" t="s">
        <v>215353</v>
      </c>
      <c r="E64522" s="1" t="s">
        <v>215354</v>
      </c>
      <c r="F64522" s="1" t="s">
        <v>215355</v>
      </c>
      <c r="G64522" s="1" t="s">
        <v>215338</v>
      </c>
      <c r="H64522" s="1" t="s">
        <v>215339</v>
      </c>
      <c r="I64522" s="1" t="s">
        <v>207852</v>
      </c>
      <c r="J64522" s="1" t="s">
        <v>215356</v>
      </c>
    </row>
    <row r="64523" spans="1:10" x14ac:dyDescent="0.35">
      <c r="A64523" s="1" t="s">
        <v>25405</v>
      </c>
      <c r="B64523" s="1" t="s">
        <v>207847</v>
      </c>
      <c r="C64523" s="1" t="s">
        <v>40</v>
      </c>
      <c r="D64523" s="1" t="s">
        <v>170821</v>
      </c>
      <c r="E64523" s="1" t="s">
        <v>215357</v>
      </c>
      <c r="F64523" s="1" t="s">
        <v>215358</v>
      </c>
      <c r="G64523" s="1" t="s">
        <v>215338</v>
      </c>
      <c r="H64523" s="1" t="s">
        <v>215339</v>
      </c>
      <c r="I64523" s="1" t="s">
        <v>207852</v>
      </c>
      <c r="J64523" s="1" t="s">
        <v>215359</v>
      </c>
    </row>
    <row r="64524" spans="1:10" x14ac:dyDescent="0.35">
      <c r="A64524" s="1" t="s">
        <v>25405</v>
      </c>
      <c r="B64524" s="1" t="s">
        <v>207847</v>
      </c>
      <c r="C64524" s="1" t="s">
        <v>45</v>
      </c>
      <c r="D64524" s="1" t="s">
        <v>74745</v>
      </c>
      <c r="E64524" s="1" t="s">
        <v>215360</v>
      </c>
      <c r="F64524" s="1" t="s">
        <v>215361</v>
      </c>
      <c r="G64524" s="1" t="s">
        <v>215338</v>
      </c>
      <c r="H64524" s="1" t="s">
        <v>215339</v>
      </c>
      <c r="I64524" s="1" t="s">
        <v>207852</v>
      </c>
      <c r="J64524" s="1" t="s">
        <v>215362</v>
      </c>
    </row>
    <row r="64525" spans="1:10" x14ac:dyDescent="0.35">
      <c r="A64525" s="1" t="s">
        <v>25405</v>
      </c>
      <c r="B64525" s="1" t="s">
        <v>207847</v>
      </c>
      <c r="C64525" s="1" t="s">
        <v>50</v>
      </c>
      <c r="D64525" s="1" t="s">
        <v>38446</v>
      </c>
      <c r="E64525" s="1" t="s">
        <v>215363</v>
      </c>
      <c r="F64525" s="1" t="s">
        <v>215364</v>
      </c>
      <c r="G64525" s="1" t="s">
        <v>215338</v>
      </c>
      <c r="H64525" s="1" t="s">
        <v>215339</v>
      </c>
      <c r="I64525" s="1" t="s">
        <v>207852</v>
      </c>
      <c r="J64525" s="1" t="s">
        <v>215365</v>
      </c>
    </row>
    <row r="64526" spans="1:10" x14ac:dyDescent="0.35">
      <c r="A64526" s="1" t="s">
        <v>25405</v>
      </c>
      <c r="B64526" s="1" t="s">
        <v>207847</v>
      </c>
      <c r="C64526" s="1" t="s">
        <v>55</v>
      </c>
      <c r="D64526" s="1" t="s">
        <v>215366</v>
      </c>
      <c r="E64526" s="1" t="s">
        <v>215367</v>
      </c>
      <c r="F64526" s="1" t="s">
        <v>215368</v>
      </c>
      <c r="G64526" s="1" t="s">
        <v>215338</v>
      </c>
      <c r="H64526" s="1" t="s">
        <v>215339</v>
      </c>
      <c r="I64526" s="1" t="s">
        <v>207852</v>
      </c>
      <c r="J64526" s="1" t="s">
        <v>215369</v>
      </c>
    </row>
    <row r="64527" spans="1:10" x14ac:dyDescent="0.35">
      <c r="A64527" s="1" t="s">
        <v>25405</v>
      </c>
      <c r="B64527" s="1" t="s">
        <v>207847</v>
      </c>
      <c r="C64527" s="1" t="s">
        <v>60</v>
      </c>
      <c r="D64527" s="1" t="s">
        <v>124338</v>
      </c>
      <c r="E64527" s="1" t="s">
        <v>215370</v>
      </c>
      <c r="F64527" s="1" t="s">
        <v>215371</v>
      </c>
      <c r="G64527" s="1" t="s">
        <v>215338</v>
      </c>
      <c r="H64527" s="1" t="s">
        <v>215339</v>
      </c>
      <c r="I64527" s="1" t="s">
        <v>207852</v>
      </c>
      <c r="J64527" s="1" t="s">
        <v>215372</v>
      </c>
    </row>
    <row r="64528" spans="1:10" x14ac:dyDescent="0.35">
      <c r="A64528" s="1" t="s">
        <v>25405</v>
      </c>
      <c r="B64528" s="1" t="s">
        <v>207847</v>
      </c>
      <c r="C64528" s="1" t="s">
        <v>65</v>
      </c>
      <c r="D64528" s="1" t="s">
        <v>117776</v>
      </c>
      <c r="E64528" s="1" t="s">
        <v>215373</v>
      </c>
      <c r="F64528" s="1" t="s">
        <v>215374</v>
      </c>
      <c r="G64528" s="1" t="s">
        <v>215338</v>
      </c>
      <c r="H64528" s="1" t="s">
        <v>215339</v>
      </c>
      <c r="I64528" s="1" t="s">
        <v>207852</v>
      </c>
      <c r="J64528" s="1" t="s">
        <v>215375</v>
      </c>
    </row>
    <row r="64529" spans="1:10" x14ac:dyDescent="0.35">
      <c r="A64529" s="1" t="s">
        <v>25405</v>
      </c>
      <c r="B64529" s="1" t="s">
        <v>207847</v>
      </c>
      <c r="C64529" s="1" t="s">
        <v>70</v>
      </c>
      <c r="D64529" s="1" t="s">
        <v>177155</v>
      </c>
      <c r="E64529" s="1" t="s">
        <v>215376</v>
      </c>
      <c r="F64529" s="1" t="s">
        <v>215377</v>
      </c>
      <c r="G64529" s="1" t="s">
        <v>215338</v>
      </c>
      <c r="H64529" s="1" t="s">
        <v>215339</v>
      </c>
      <c r="I64529" s="1" t="s">
        <v>207852</v>
      </c>
      <c r="J64529" s="1" t="s">
        <v>215378</v>
      </c>
    </row>
    <row r="64530" spans="1:10" x14ac:dyDescent="0.35">
      <c r="A64530" s="1" t="s">
        <v>25405</v>
      </c>
      <c r="B64530" s="1" t="s">
        <v>207847</v>
      </c>
      <c r="C64530" s="1" t="s">
        <v>75</v>
      </c>
      <c r="D64530" s="1" t="s">
        <v>160531</v>
      </c>
      <c r="E64530" s="1" t="s">
        <v>215379</v>
      </c>
      <c r="F64530" s="1" t="s">
        <v>215380</v>
      </c>
      <c r="G64530" s="1" t="s">
        <v>215338</v>
      </c>
      <c r="H64530" s="1" t="s">
        <v>215339</v>
      </c>
      <c r="I64530" s="1" t="s">
        <v>207852</v>
      </c>
      <c r="J64530" s="1" t="s">
        <v>215381</v>
      </c>
    </row>
    <row r="64531" spans="1:10" x14ac:dyDescent="0.35">
      <c r="A64531" s="1" t="s">
        <v>25405</v>
      </c>
      <c r="B64531" s="1" t="s">
        <v>207847</v>
      </c>
      <c r="C64531" s="1" t="s">
        <v>80</v>
      </c>
      <c r="D64531" s="1" t="s">
        <v>34403</v>
      </c>
      <c r="E64531" s="1" t="s">
        <v>215382</v>
      </c>
      <c r="F64531" s="1" t="s">
        <v>215383</v>
      </c>
      <c r="G64531" s="1" t="s">
        <v>215338</v>
      </c>
      <c r="H64531" s="1" t="s">
        <v>215339</v>
      </c>
      <c r="I64531" s="1" t="s">
        <v>207852</v>
      </c>
      <c r="J64531" s="1" t="s">
        <v>215384</v>
      </c>
    </row>
    <row r="64532" spans="1:10" x14ac:dyDescent="0.35">
      <c r="A64532" s="1" t="s">
        <v>25405</v>
      </c>
      <c r="B64532" s="1" t="s">
        <v>207847</v>
      </c>
      <c r="C64532" s="1" t="s">
        <v>85</v>
      </c>
      <c r="D64532" s="1" t="s">
        <v>215385</v>
      </c>
      <c r="E64532" s="1" t="s">
        <v>215386</v>
      </c>
      <c r="F64532" s="1" t="s">
        <v>215387</v>
      </c>
      <c r="G64532" s="1" t="s">
        <v>215338</v>
      </c>
      <c r="H64532" s="1" t="s">
        <v>215339</v>
      </c>
      <c r="I64532" s="1" t="s">
        <v>207852</v>
      </c>
      <c r="J64532" s="1" t="s">
        <v>215388</v>
      </c>
    </row>
    <row r="64533" spans="1:10" x14ac:dyDescent="0.35">
      <c r="A64533" s="1" t="s">
        <v>25405</v>
      </c>
      <c r="B64533" s="1" t="s">
        <v>207847</v>
      </c>
      <c r="C64533" s="1" t="s">
        <v>90</v>
      </c>
      <c r="D64533" s="1" t="s">
        <v>186740</v>
      </c>
      <c r="E64533" s="1" t="s">
        <v>215389</v>
      </c>
      <c r="F64533" s="1" t="s">
        <v>215390</v>
      </c>
      <c r="G64533" s="1" t="s">
        <v>215338</v>
      </c>
      <c r="H64533" s="1" t="s">
        <v>215339</v>
      </c>
      <c r="I64533" s="1" t="s">
        <v>207852</v>
      </c>
      <c r="J64533" s="1" t="s">
        <v>215391</v>
      </c>
    </row>
    <row r="64534" spans="1:10" x14ac:dyDescent="0.35">
      <c r="A64534" s="1" t="s">
        <v>25405</v>
      </c>
      <c r="B64534" s="1" t="s">
        <v>207847</v>
      </c>
      <c r="C64534" s="1" t="s">
        <v>95</v>
      </c>
      <c r="D64534" s="1" t="s">
        <v>215392</v>
      </c>
      <c r="E64534" s="1" t="s">
        <v>215393</v>
      </c>
      <c r="F64534" s="1" t="s">
        <v>215394</v>
      </c>
      <c r="G64534" s="1" t="s">
        <v>215338</v>
      </c>
      <c r="H64534" s="1" t="s">
        <v>215339</v>
      </c>
      <c r="I64534" s="1" t="s">
        <v>207852</v>
      </c>
      <c r="J64534" s="1" t="s">
        <v>215395</v>
      </c>
    </row>
    <row r="64535" spans="1:10" x14ac:dyDescent="0.35">
      <c r="A64535" s="1" t="s">
        <v>25405</v>
      </c>
      <c r="B64535" s="1" t="s">
        <v>207847</v>
      </c>
      <c r="C64535" s="1" t="s">
        <v>100</v>
      </c>
      <c r="D64535" s="1" t="s">
        <v>19399</v>
      </c>
      <c r="E64535" s="1" t="s">
        <v>215396</v>
      </c>
      <c r="F64535" s="1" t="s">
        <v>215397</v>
      </c>
      <c r="G64535" s="1" t="s">
        <v>215338</v>
      </c>
      <c r="H64535" s="1" t="s">
        <v>215339</v>
      </c>
      <c r="I64535" s="1" t="s">
        <v>207852</v>
      </c>
      <c r="J64535" s="1" t="s">
        <v>215398</v>
      </c>
    </row>
    <row r="64536" spans="1:10" x14ac:dyDescent="0.35">
      <c r="A64536" s="1" t="s">
        <v>25405</v>
      </c>
      <c r="B64536" s="1" t="s">
        <v>207847</v>
      </c>
      <c r="C64536" s="1" t="s">
        <v>105</v>
      </c>
      <c r="D64536" s="1" t="s">
        <v>107761</v>
      </c>
      <c r="E64536" s="1" t="s">
        <v>215399</v>
      </c>
      <c r="F64536" s="1" t="s">
        <v>215400</v>
      </c>
      <c r="G64536" s="1" t="s">
        <v>215338</v>
      </c>
      <c r="H64536" s="1" t="s">
        <v>215339</v>
      </c>
      <c r="I64536" s="1" t="s">
        <v>207852</v>
      </c>
      <c r="J64536" s="1" t="s">
        <v>215401</v>
      </c>
    </row>
    <row r="64537" spans="1:10" x14ac:dyDescent="0.35">
      <c r="A64537" s="1" t="s">
        <v>25405</v>
      </c>
      <c r="B64537" s="1" t="s">
        <v>207847</v>
      </c>
      <c r="C64537" s="1" t="s">
        <v>110</v>
      </c>
      <c r="D64537" s="1" t="s">
        <v>106367</v>
      </c>
      <c r="E64537" s="1" t="s">
        <v>215402</v>
      </c>
      <c r="F64537" s="1" t="s">
        <v>215403</v>
      </c>
      <c r="G64537" s="1" t="s">
        <v>215338</v>
      </c>
      <c r="H64537" s="1" t="s">
        <v>215339</v>
      </c>
      <c r="I64537" s="1" t="s">
        <v>207852</v>
      </c>
      <c r="J64537" s="1" t="s">
        <v>215404</v>
      </c>
    </row>
    <row r="64538" spans="1:10" x14ac:dyDescent="0.35">
      <c r="A64538" s="1" t="s">
        <v>25405</v>
      </c>
      <c r="B64538" s="1" t="s">
        <v>207847</v>
      </c>
      <c r="C64538" s="1" t="s">
        <v>115</v>
      </c>
      <c r="D64538" s="1" t="s">
        <v>215405</v>
      </c>
      <c r="E64538" s="1" t="s">
        <v>215406</v>
      </c>
      <c r="F64538" s="1" t="s">
        <v>215407</v>
      </c>
      <c r="G64538" s="1" t="s">
        <v>215338</v>
      </c>
      <c r="H64538" s="1" t="s">
        <v>215339</v>
      </c>
      <c r="I64538" s="1" t="s">
        <v>207852</v>
      </c>
      <c r="J64538" s="1" t="s">
        <v>215408</v>
      </c>
    </row>
    <row r="64539" spans="1:10" x14ac:dyDescent="0.35">
      <c r="A64539" s="1" t="s">
        <v>25405</v>
      </c>
      <c r="B64539" s="1" t="s">
        <v>207847</v>
      </c>
      <c r="C64539" s="1" t="s">
        <v>120</v>
      </c>
      <c r="D64539" s="1" t="s">
        <v>215409</v>
      </c>
      <c r="E64539" s="1" t="s">
        <v>215410</v>
      </c>
      <c r="F64539" s="1" t="s">
        <v>215411</v>
      </c>
      <c r="G64539" s="1" t="s">
        <v>215338</v>
      </c>
      <c r="H64539" s="1" t="s">
        <v>215339</v>
      </c>
      <c r="I64539" s="1" t="s">
        <v>207852</v>
      </c>
      <c r="J64539" s="1" t="s">
        <v>215412</v>
      </c>
    </row>
    <row r="64540" spans="1:10" x14ac:dyDescent="0.35">
      <c r="A64540" s="1" t="s">
        <v>25405</v>
      </c>
      <c r="B64540" s="1" t="s">
        <v>207847</v>
      </c>
      <c r="C64540" s="1" t="s">
        <v>125</v>
      </c>
      <c r="D64540" s="1" t="s">
        <v>12291</v>
      </c>
      <c r="E64540" s="1" t="s">
        <v>215413</v>
      </c>
      <c r="F64540" s="1" t="s">
        <v>215414</v>
      </c>
      <c r="G64540" s="1" t="s">
        <v>215338</v>
      </c>
      <c r="H64540" s="1" t="s">
        <v>215339</v>
      </c>
      <c r="I64540" s="1" t="s">
        <v>207852</v>
      </c>
      <c r="J64540" s="1" t="s">
        <v>215415</v>
      </c>
    </row>
    <row r="64541" spans="1:10" x14ac:dyDescent="0.35">
      <c r="A64541" s="1" t="s">
        <v>25405</v>
      </c>
      <c r="B64541" s="1" t="s">
        <v>207847</v>
      </c>
      <c r="C64541" s="1" t="s">
        <v>130</v>
      </c>
      <c r="D64541" s="1" t="s">
        <v>185960</v>
      </c>
      <c r="E64541" s="1" t="s">
        <v>215416</v>
      </c>
      <c r="F64541" s="1" t="s">
        <v>215417</v>
      </c>
      <c r="G64541" s="1" t="s">
        <v>215338</v>
      </c>
      <c r="H64541" s="1" t="s">
        <v>215339</v>
      </c>
      <c r="I64541" s="1" t="s">
        <v>207852</v>
      </c>
      <c r="J64541" s="1" t="s">
        <v>215418</v>
      </c>
    </row>
    <row r="64542" spans="1:10" x14ac:dyDescent="0.35">
      <c r="A64542" s="1" t="s">
        <v>25405</v>
      </c>
      <c r="B64542" s="1" t="s">
        <v>207847</v>
      </c>
      <c r="C64542" s="1" t="s">
        <v>135</v>
      </c>
      <c r="D64542" s="1" t="s">
        <v>109171</v>
      </c>
      <c r="E64542" s="1" t="s">
        <v>215419</v>
      </c>
      <c r="F64542" s="1" t="s">
        <v>215420</v>
      </c>
      <c r="G64542" s="1" t="s">
        <v>215338</v>
      </c>
      <c r="H64542" s="1" t="s">
        <v>215339</v>
      </c>
      <c r="I64542" s="1" t="s">
        <v>207852</v>
      </c>
      <c r="J64542" s="1" t="s">
        <v>215421</v>
      </c>
    </row>
    <row r="64543" spans="1:10" x14ac:dyDescent="0.35">
      <c r="A64543" s="1" t="s">
        <v>25405</v>
      </c>
      <c r="B64543" s="1" t="s">
        <v>207847</v>
      </c>
      <c r="C64543" s="1" t="s">
        <v>140</v>
      </c>
      <c r="D64543" s="1" t="s">
        <v>59705</v>
      </c>
      <c r="E64543" s="1" t="s">
        <v>215422</v>
      </c>
      <c r="F64543" s="1" t="s">
        <v>215423</v>
      </c>
      <c r="G64543" s="1" t="s">
        <v>215338</v>
      </c>
      <c r="H64543" s="1" t="s">
        <v>215339</v>
      </c>
      <c r="I64543" s="1" t="s">
        <v>207852</v>
      </c>
      <c r="J64543" s="1" t="s">
        <v>215424</v>
      </c>
    </row>
    <row r="64544" spans="1:10" x14ac:dyDescent="0.35">
      <c r="A64544" s="1" t="s">
        <v>25405</v>
      </c>
      <c r="B64544" s="1" t="s">
        <v>207847</v>
      </c>
      <c r="C64544" s="1" t="s">
        <v>145</v>
      </c>
      <c r="D64544" s="1" t="s">
        <v>79828</v>
      </c>
      <c r="E64544" s="1" t="s">
        <v>215425</v>
      </c>
      <c r="F64544" s="1" t="s">
        <v>215426</v>
      </c>
      <c r="G64544" s="1" t="s">
        <v>215338</v>
      </c>
      <c r="H64544" s="1" t="s">
        <v>215339</v>
      </c>
      <c r="I64544" s="1" t="s">
        <v>207852</v>
      </c>
      <c r="J64544" s="1" t="s">
        <v>215427</v>
      </c>
    </row>
    <row r="64545" spans="1:10" x14ac:dyDescent="0.35">
      <c r="A64545" s="1" t="s">
        <v>25405</v>
      </c>
      <c r="B64545" s="1" t="s">
        <v>207847</v>
      </c>
      <c r="C64545" s="1" t="s">
        <v>150</v>
      </c>
      <c r="D64545" s="1" t="s">
        <v>47516</v>
      </c>
      <c r="E64545" s="1" t="s">
        <v>215428</v>
      </c>
      <c r="F64545" s="1" t="s">
        <v>215429</v>
      </c>
      <c r="G64545" s="1" t="s">
        <v>215338</v>
      </c>
      <c r="H64545" s="1" t="s">
        <v>215339</v>
      </c>
      <c r="I64545" s="1" t="s">
        <v>207852</v>
      </c>
      <c r="J64545" s="1" t="s">
        <v>215430</v>
      </c>
    </row>
    <row r="64546" spans="1:10" x14ac:dyDescent="0.35">
      <c r="A64546" s="1" t="s">
        <v>25405</v>
      </c>
      <c r="B64546" s="1" t="s">
        <v>207847</v>
      </c>
      <c r="C64546" s="1" t="s">
        <v>155</v>
      </c>
      <c r="D64546" s="1" t="s">
        <v>78520</v>
      </c>
      <c r="E64546" s="1" t="s">
        <v>215431</v>
      </c>
      <c r="F64546" s="1" t="s">
        <v>215432</v>
      </c>
      <c r="G64546" s="1" t="s">
        <v>215338</v>
      </c>
      <c r="H64546" s="1" t="s">
        <v>215339</v>
      </c>
      <c r="I64546" s="1" t="s">
        <v>207852</v>
      </c>
      <c r="J64546" s="1" t="s">
        <v>215433</v>
      </c>
    </row>
    <row r="64547" spans="1:10" x14ac:dyDescent="0.35">
      <c r="A64547" s="1" t="s">
        <v>25405</v>
      </c>
      <c r="B64547" s="1" t="s">
        <v>207847</v>
      </c>
      <c r="C64547" s="1" t="s">
        <v>160</v>
      </c>
      <c r="D64547" s="1" t="s">
        <v>89489</v>
      </c>
      <c r="E64547" s="1" t="s">
        <v>215434</v>
      </c>
      <c r="F64547" s="1" t="s">
        <v>215435</v>
      </c>
      <c r="G64547" s="1" t="s">
        <v>215338</v>
      </c>
      <c r="H64547" s="1" t="s">
        <v>215339</v>
      </c>
      <c r="I64547" s="1" t="s">
        <v>207852</v>
      </c>
      <c r="J64547" s="1" t="s">
        <v>215436</v>
      </c>
    </row>
    <row r="64548" spans="1:10" x14ac:dyDescent="0.35">
      <c r="A64548" s="1" t="s">
        <v>25405</v>
      </c>
      <c r="B64548" s="1" t="s">
        <v>207847</v>
      </c>
      <c r="C64548" s="1" t="s">
        <v>165</v>
      </c>
      <c r="D64548" s="1" t="s">
        <v>68512</v>
      </c>
      <c r="E64548" s="1" t="s">
        <v>215437</v>
      </c>
      <c r="F64548" s="1" t="s">
        <v>215438</v>
      </c>
      <c r="G64548" s="1" t="s">
        <v>215338</v>
      </c>
      <c r="H64548" s="1" t="s">
        <v>215339</v>
      </c>
      <c r="I64548" s="1" t="s">
        <v>207852</v>
      </c>
      <c r="J64548" s="1" t="s">
        <v>215439</v>
      </c>
    </row>
    <row r="64549" spans="1:10" x14ac:dyDescent="0.35">
      <c r="A64549" s="1" t="s">
        <v>25405</v>
      </c>
      <c r="B64549" s="1" t="s">
        <v>207847</v>
      </c>
      <c r="C64549" s="1" t="s">
        <v>170</v>
      </c>
      <c r="D64549" s="1" t="s">
        <v>215440</v>
      </c>
      <c r="E64549" s="1" t="s">
        <v>215441</v>
      </c>
      <c r="F64549" s="1" t="s">
        <v>215442</v>
      </c>
      <c r="G64549" s="1" t="s">
        <v>215338</v>
      </c>
      <c r="H64549" s="1" t="s">
        <v>215339</v>
      </c>
      <c r="I64549" s="1" t="s">
        <v>207852</v>
      </c>
      <c r="J64549" s="1" t="s">
        <v>215443</v>
      </c>
    </row>
    <row r="64550" spans="1:10" x14ac:dyDescent="0.35">
      <c r="A64550" s="1" t="s">
        <v>215444</v>
      </c>
      <c r="B64550" s="1" t="s">
        <v>207847</v>
      </c>
      <c r="C64550" s="1" t="s">
        <v>8</v>
      </c>
      <c r="D64550" s="1" t="s">
        <v>32129</v>
      </c>
      <c r="E64550" s="1" t="s">
        <v>215445</v>
      </c>
      <c r="F64550" s="1" t="s">
        <v>215446</v>
      </c>
      <c r="G64550" s="1" t="s">
        <v>215447</v>
      </c>
      <c r="H64550" s="1" t="s">
        <v>215448</v>
      </c>
      <c r="I64550" s="1" t="s">
        <v>207852</v>
      </c>
      <c r="J64550" s="1" t="s">
        <v>13</v>
      </c>
    </row>
    <row r="64551" spans="1:10" x14ac:dyDescent="0.35">
      <c r="A64551" s="1" t="s">
        <v>215444</v>
      </c>
      <c r="B64551" s="1" t="s">
        <v>207847</v>
      </c>
      <c r="C64551" s="1" t="s">
        <v>15</v>
      </c>
      <c r="D64551" s="1" t="s">
        <v>215449</v>
      </c>
      <c r="E64551" s="1" t="s">
        <v>215450</v>
      </c>
      <c r="F64551" s="1" t="s">
        <v>215451</v>
      </c>
      <c r="G64551" s="1" t="s">
        <v>215447</v>
      </c>
      <c r="H64551" s="1" t="s">
        <v>215448</v>
      </c>
      <c r="I64551" s="1" t="s">
        <v>207852</v>
      </c>
      <c r="J64551" s="1" t="s">
        <v>215452</v>
      </c>
    </row>
    <row r="64552" spans="1:10" x14ac:dyDescent="0.35">
      <c r="A64552" s="1" t="s">
        <v>215444</v>
      </c>
      <c r="B64552" s="1" t="s">
        <v>207847</v>
      </c>
      <c r="C64552" s="1" t="s">
        <v>20</v>
      </c>
      <c r="D64552" s="1" t="s">
        <v>114280</v>
      </c>
      <c r="E64552" s="1" t="s">
        <v>215453</v>
      </c>
      <c r="F64552" s="1" t="s">
        <v>215454</v>
      </c>
      <c r="G64552" s="1" t="s">
        <v>215447</v>
      </c>
      <c r="H64552" s="1" t="s">
        <v>215448</v>
      </c>
      <c r="I64552" s="1" t="s">
        <v>207852</v>
      </c>
      <c r="J64552" s="1" t="s">
        <v>215455</v>
      </c>
    </row>
    <row r="64553" spans="1:10" x14ac:dyDescent="0.35">
      <c r="A64553" s="1" t="s">
        <v>215444</v>
      </c>
      <c r="B64553" s="1" t="s">
        <v>207847</v>
      </c>
      <c r="C64553" s="1" t="s">
        <v>25</v>
      </c>
      <c r="D64553" s="1" t="s">
        <v>114291</v>
      </c>
      <c r="E64553" s="1" t="s">
        <v>215456</v>
      </c>
      <c r="F64553" s="1" t="s">
        <v>215457</v>
      </c>
      <c r="G64553" s="1" t="s">
        <v>215447</v>
      </c>
      <c r="H64553" s="1" t="s">
        <v>215448</v>
      </c>
      <c r="I64553" s="1" t="s">
        <v>207852</v>
      </c>
      <c r="J64553" s="1" t="s">
        <v>215458</v>
      </c>
    </row>
    <row r="64554" spans="1:10" x14ac:dyDescent="0.35">
      <c r="A64554" s="1" t="s">
        <v>215444</v>
      </c>
      <c r="B64554" s="1" t="s">
        <v>207847</v>
      </c>
      <c r="C64554" s="1" t="s">
        <v>30</v>
      </c>
      <c r="D64554" s="1" t="s">
        <v>72830</v>
      </c>
      <c r="E64554" s="1" t="s">
        <v>215459</v>
      </c>
      <c r="F64554" s="1" t="s">
        <v>215460</v>
      </c>
      <c r="G64554" s="1" t="s">
        <v>215447</v>
      </c>
      <c r="H64554" s="1" t="s">
        <v>215448</v>
      </c>
      <c r="I64554" s="1" t="s">
        <v>207852</v>
      </c>
      <c r="J64554" s="1" t="s">
        <v>215461</v>
      </c>
    </row>
    <row r="64555" spans="1:10" x14ac:dyDescent="0.35">
      <c r="A64555" s="1" t="s">
        <v>215444</v>
      </c>
      <c r="B64555" s="1" t="s">
        <v>207847</v>
      </c>
      <c r="C64555" s="1" t="s">
        <v>35</v>
      </c>
      <c r="D64555" s="1" t="s">
        <v>118981</v>
      </c>
      <c r="E64555" s="1" t="s">
        <v>215462</v>
      </c>
      <c r="F64555" s="1" t="s">
        <v>215463</v>
      </c>
      <c r="G64555" s="1" t="s">
        <v>215447</v>
      </c>
      <c r="H64555" s="1" t="s">
        <v>215448</v>
      </c>
      <c r="I64555" s="1" t="s">
        <v>207852</v>
      </c>
      <c r="J64555" s="1" t="s">
        <v>215464</v>
      </c>
    </row>
    <row r="64556" spans="1:10" x14ac:dyDescent="0.35">
      <c r="A64556" s="1" t="s">
        <v>215444</v>
      </c>
      <c r="B64556" s="1" t="s">
        <v>207847</v>
      </c>
      <c r="C64556" s="1" t="s">
        <v>40</v>
      </c>
      <c r="D64556" s="1" t="s">
        <v>4195</v>
      </c>
      <c r="E64556" s="1" t="s">
        <v>215465</v>
      </c>
      <c r="F64556" s="1" t="s">
        <v>215466</v>
      </c>
      <c r="G64556" s="1" t="s">
        <v>215447</v>
      </c>
      <c r="H64556" s="1" t="s">
        <v>215448</v>
      </c>
      <c r="I64556" s="1" t="s">
        <v>207852</v>
      </c>
      <c r="J64556" s="1" t="s">
        <v>215467</v>
      </c>
    </row>
    <row r="64557" spans="1:10" x14ac:dyDescent="0.35">
      <c r="A64557" s="1" t="s">
        <v>215444</v>
      </c>
      <c r="B64557" s="1" t="s">
        <v>207847</v>
      </c>
      <c r="C64557" s="1" t="s">
        <v>45</v>
      </c>
      <c r="D64557" s="1" t="s">
        <v>74164</v>
      </c>
      <c r="E64557" s="1" t="s">
        <v>215468</v>
      </c>
      <c r="F64557" s="1" t="s">
        <v>215469</v>
      </c>
      <c r="G64557" s="1" t="s">
        <v>215447</v>
      </c>
      <c r="H64557" s="1" t="s">
        <v>215448</v>
      </c>
      <c r="I64557" s="1" t="s">
        <v>207852</v>
      </c>
      <c r="J64557" s="1" t="s">
        <v>215470</v>
      </c>
    </row>
    <row r="64558" spans="1:10" x14ac:dyDescent="0.35">
      <c r="A64558" s="1" t="s">
        <v>215444</v>
      </c>
      <c r="B64558" s="1" t="s">
        <v>207847</v>
      </c>
      <c r="C64558" s="1" t="s">
        <v>50</v>
      </c>
      <c r="D64558" s="1" t="s">
        <v>32017</v>
      </c>
      <c r="E64558" s="1" t="s">
        <v>215471</v>
      </c>
      <c r="F64558" s="1" t="s">
        <v>215472</v>
      </c>
      <c r="G64558" s="1" t="s">
        <v>215447</v>
      </c>
      <c r="H64558" s="1" t="s">
        <v>215448</v>
      </c>
      <c r="I64558" s="1" t="s">
        <v>207852</v>
      </c>
      <c r="J64558" s="1" t="s">
        <v>215473</v>
      </c>
    </row>
    <row r="64559" spans="1:10" x14ac:dyDescent="0.35">
      <c r="A64559" s="1" t="s">
        <v>215444</v>
      </c>
      <c r="B64559" s="1" t="s">
        <v>207847</v>
      </c>
      <c r="C64559" s="1" t="s">
        <v>55</v>
      </c>
      <c r="D64559" s="1" t="s">
        <v>182081</v>
      </c>
      <c r="E64559" s="1" t="s">
        <v>215474</v>
      </c>
      <c r="F64559" s="1" t="s">
        <v>215475</v>
      </c>
      <c r="G64559" s="1" t="s">
        <v>215447</v>
      </c>
      <c r="H64559" s="1" t="s">
        <v>215448</v>
      </c>
      <c r="I64559" s="1" t="s">
        <v>207852</v>
      </c>
      <c r="J64559" s="1" t="s">
        <v>215476</v>
      </c>
    </row>
    <row r="64560" spans="1:10" x14ac:dyDescent="0.35">
      <c r="A64560" s="1" t="s">
        <v>215444</v>
      </c>
      <c r="B64560" s="1" t="s">
        <v>207847</v>
      </c>
      <c r="C64560" s="1" t="s">
        <v>60</v>
      </c>
      <c r="D64560" s="1" t="s">
        <v>215477</v>
      </c>
      <c r="E64560" s="1" t="s">
        <v>215478</v>
      </c>
      <c r="F64560" s="1" t="s">
        <v>215479</v>
      </c>
      <c r="G64560" s="1" t="s">
        <v>215447</v>
      </c>
      <c r="H64560" s="1" t="s">
        <v>215448</v>
      </c>
      <c r="I64560" s="1" t="s">
        <v>207852</v>
      </c>
      <c r="J64560" s="1" t="s">
        <v>215480</v>
      </c>
    </row>
    <row r="64561" spans="1:10" x14ac:dyDescent="0.35">
      <c r="A64561" s="1" t="s">
        <v>215444</v>
      </c>
      <c r="B64561" s="1" t="s">
        <v>207847</v>
      </c>
      <c r="C64561" s="1" t="s">
        <v>65</v>
      </c>
      <c r="D64561" s="1" t="s">
        <v>206221</v>
      </c>
      <c r="E64561" s="1" t="s">
        <v>215481</v>
      </c>
      <c r="F64561" s="1" t="s">
        <v>215482</v>
      </c>
      <c r="G64561" s="1" t="s">
        <v>215447</v>
      </c>
      <c r="H64561" s="1" t="s">
        <v>215448</v>
      </c>
      <c r="I64561" s="1" t="s">
        <v>207852</v>
      </c>
      <c r="J64561" s="1" t="s">
        <v>215483</v>
      </c>
    </row>
    <row r="64562" spans="1:10" x14ac:dyDescent="0.35">
      <c r="A64562" s="1" t="s">
        <v>215444</v>
      </c>
      <c r="B64562" s="1" t="s">
        <v>207847</v>
      </c>
      <c r="C64562" s="1" t="s">
        <v>70</v>
      </c>
      <c r="D64562" s="1" t="s">
        <v>168994</v>
      </c>
      <c r="E64562" s="1" t="s">
        <v>215484</v>
      </c>
      <c r="F64562" s="1" t="s">
        <v>215485</v>
      </c>
      <c r="G64562" s="1" t="s">
        <v>215447</v>
      </c>
      <c r="H64562" s="1" t="s">
        <v>215448</v>
      </c>
      <c r="I64562" s="1" t="s">
        <v>207852</v>
      </c>
      <c r="J64562" s="1" t="s">
        <v>215486</v>
      </c>
    </row>
    <row r="64563" spans="1:10" x14ac:dyDescent="0.35">
      <c r="A64563" s="1" t="s">
        <v>215444</v>
      </c>
      <c r="B64563" s="1" t="s">
        <v>207847</v>
      </c>
      <c r="C64563" s="1" t="s">
        <v>75</v>
      </c>
      <c r="D64563" s="1" t="s">
        <v>211829</v>
      </c>
      <c r="E64563" s="1" t="s">
        <v>215487</v>
      </c>
      <c r="F64563" s="1" t="s">
        <v>215488</v>
      </c>
      <c r="G64563" s="1" t="s">
        <v>215447</v>
      </c>
      <c r="H64563" s="1" t="s">
        <v>215448</v>
      </c>
      <c r="I64563" s="1" t="s">
        <v>207852</v>
      </c>
      <c r="J64563" s="1" t="s">
        <v>215489</v>
      </c>
    </row>
    <row r="64564" spans="1:10" x14ac:dyDescent="0.35">
      <c r="A64564" s="1" t="s">
        <v>215444</v>
      </c>
      <c r="B64564" s="1" t="s">
        <v>207847</v>
      </c>
      <c r="C64564" s="1" t="s">
        <v>80</v>
      </c>
      <c r="D64564" s="1" t="s">
        <v>43678</v>
      </c>
      <c r="E64564" s="1" t="s">
        <v>215490</v>
      </c>
      <c r="F64564" s="1" t="s">
        <v>215491</v>
      </c>
      <c r="G64564" s="1" t="s">
        <v>215447</v>
      </c>
      <c r="H64564" s="1" t="s">
        <v>215448</v>
      </c>
      <c r="I64564" s="1" t="s">
        <v>207852</v>
      </c>
      <c r="J64564" s="1" t="s">
        <v>215492</v>
      </c>
    </row>
    <row r="64565" spans="1:10" x14ac:dyDescent="0.35">
      <c r="A64565" s="1" t="s">
        <v>215444</v>
      </c>
      <c r="B64565" s="1" t="s">
        <v>207847</v>
      </c>
      <c r="C64565" s="1" t="s">
        <v>85</v>
      </c>
      <c r="D64565" s="1" t="s">
        <v>215493</v>
      </c>
      <c r="E64565" s="1" t="s">
        <v>215494</v>
      </c>
      <c r="F64565" s="1" t="s">
        <v>215495</v>
      </c>
      <c r="G64565" s="1" t="s">
        <v>215447</v>
      </c>
      <c r="H64565" s="1" t="s">
        <v>215448</v>
      </c>
      <c r="I64565" s="1" t="s">
        <v>207852</v>
      </c>
      <c r="J64565" s="1" t="s">
        <v>215496</v>
      </c>
    </row>
    <row r="64566" spans="1:10" x14ac:dyDescent="0.35">
      <c r="A64566" s="1" t="s">
        <v>215444</v>
      </c>
      <c r="B64566" s="1" t="s">
        <v>207847</v>
      </c>
      <c r="C64566" s="1" t="s">
        <v>90</v>
      </c>
      <c r="D64566" s="1" t="s">
        <v>185288</v>
      </c>
      <c r="E64566" s="1" t="s">
        <v>215497</v>
      </c>
      <c r="F64566" s="1" t="s">
        <v>215498</v>
      </c>
      <c r="G64566" s="1" t="s">
        <v>215447</v>
      </c>
      <c r="H64566" s="1" t="s">
        <v>215448</v>
      </c>
      <c r="I64566" s="1" t="s">
        <v>207852</v>
      </c>
      <c r="J64566" s="1" t="s">
        <v>215499</v>
      </c>
    </row>
    <row r="64567" spans="1:10" x14ac:dyDescent="0.35">
      <c r="A64567" s="1" t="s">
        <v>215444</v>
      </c>
      <c r="B64567" s="1" t="s">
        <v>207847</v>
      </c>
      <c r="C64567" s="1" t="s">
        <v>95</v>
      </c>
      <c r="D64567" s="1" t="s">
        <v>215500</v>
      </c>
      <c r="E64567" s="1" t="s">
        <v>215501</v>
      </c>
      <c r="F64567" s="1" t="s">
        <v>215502</v>
      </c>
      <c r="G64567" s="1" t="s">
        <v>215447</v>
      </c>
      <c r="H64567" s="1" t="s">
        <v>215448</v>
      </c>
      <c r="I64567" s="1" t="s">
        <v>207852</v>
      </c>
      <c r="J64567" s="1" t="s">
        <v>215503</v>
      </c>
    </row>
    <row r="64568" spans="1:10" x14ac:dyDescent="0.35">
      <c r="A64568" s="1" t="s">
        <v>215444</v>
      </c>
      <c r="B64568" s="1" t="s">
        <v>207847</v>
      </c>
      <c r="C64568" s="1" t="s">
        <v>100</v>
      </c>
      <c r="D64568" s="1" t="s">
        <v>215504</v>
      </c>
      <c r="E64568" s="1" t="s">
        <v>215505</v>
      </c>
      <c r="F64568" s="1" t="s">
        <v>215506</v>
      </c>
      <c r="G64568" s="1" t="s">
        <v>215447</v>
      </c>
      <c r="H64568" s="1" t="s">
        <v>215448</v>
      </c>
      <c r="I64568" s="1" t="s">
        <v>207852</v>
      </c>
      <c r="J64568" s="1" t="s">
        <v>215507</v>
      </c>
    </row>
    <row r="64569" spans="1:10" x14ac:dyDescent="0.35">
      <c r="A64569" s="1" t="s">
        <v>215444</v>
      </c>
      <c r="B64569" s="1" t="s">
        <v>207847</v>
      </c>
      <c r="C64569" s="1" t="s">
        <v>105</v>
      </c>
      <c r="D64569" s="1" t="s">
        <v>82223</v>
      </c>
      <c r="E64569" s="1" t="s">
        <v>215508</v>
      </c>
      <c r="F64569" s="1" t="s">
        <v>215509</v>
      </c>
      <c r="G64569" s="1" t="s">
        <v>215447</v>
      </c>
      <c r="H64569" s="1" t="s">
        <v>215448</v>
      </c>
      <c r="I64569" s="1" t="s">
        <v>207852</v>
      </c>
      <c r="J64569" s="1" t="s">
        <v>215510</v>
      </c>
    </row>
    <row r="64570" spans="1:10" x14ac:dyDescent="0.35">
      <c r="A64570" s="1" t="s">
        <v>215444</v>
      </c>
      <c r="B64570" s="1" t="s">
        <v>207847</v>
      </c>
      <c r="C64570" s="1" t="s">
        <v>110</v>
      </c>
      <c r="D64570" s="1" t="s">
        <v>123178</v>
      </c>
      <c r="E64570" s="1" t="s">
        <v>215511</v>
      </c>
      <c r="F64570" s="1" t="s">
        <v>215512</v>
      </c>
      <c r="G64570" s="1" t="s">
        <v>215447</v>
      </c>
      <c r="H64570" s="1" t="s">
        <v>215448</v>
      </c>
      <c r="I64570" s="1" t="s">
        <v>207852</v>
      </c>
      <c r="J64570" s="1" t="s">
        <v>215513</v>
      </c>
    </row>
    <row r="64571" spans="1:10" x14ac:dyDescent="0.35">
      <c r="A64571" s="1" t="s">
        <v>215444</v>
      </c>
      <c r="B64571" s="1" t="s">
        <v>207847</v>
      </c>
      <c r="C64571" s="1" t="s">
        <v>115</v>
      </c>
      <c r="D64571" s="1" t="s">
        <v>215514</v>
      </c>
      <c r="E64571" s="1" t="s">
        <v>209706</v>
      </c>
      <c r="F64571" s="1" t="s">
        <v>215515</v>
      </c>
      <c r="G64571" s="1" t="s">
        <v>215447</v>
      </c>
      <c r="H64571" s="1" t="s">
        <v>215448</v>
      </c>
      <c r="I64571" s="1" t="s">
        <v>207852</v>
      </c>
      <c r="J64571" s="1" t="s">
        <v>215516</v>
      </c>
    </row>
    <row r="64572" spans="1:10" x14ac:dyDescent="0.35">
      <c r="A64572" s="1" t="s">
        <v>215444</v>
      </c>
      <c r="B64572" s="1" t="s">
        <v>207847</v>
      </c>
      <c r="C64572" s="1" t="s">
        <v>120</v>
      </c>
      <c r="D64572" s="1" t="s">
        <v>192572</v>
      </c>
      <c r="E64572" s="1" t="s">
        <v>215517</v>
      </c>
      <c r="F64572" s="1" t="s">
        <v>215518</v>
      </c>
      <c r="G64572" s="1" t="s">
        <v>215447</v>
      </c>
      <c r="H64572" s="1" t="s">
        <v>215448</v>
      </c>
      <c r="I64572" s="1" t="s">
        <v>207852</v>
      </c>
      <c r="J64572" s="1" t="s">
        <v>215519</v>
      </c>
    </row>
    <row r="64573" spans="1:10" x14ac:dyDescent="0.35">
      <c r="A64573" s="1" t="s">
        <v>215444</v>
      </c>
      <c r="B64573" s="1" t="s">
        <v>207847</v>
      </c>
      <c r="C64573" s="1" t="s">
        <v>125</v>
      </c>
      <c r="D64573" s="1" t="s">
        <v>215520</v>
      </c>
      <c r="E64573" s="1" t="s">
        <v>215521</v>
      </c>
      <c r="F64573" s="1" t="s">
        <v>215522</v>
      </c>
      <c r="G64573" s="1" t="s">
        <v>215447</v>
      </c>
      <c r="H64573" s="1" t="s">
        <v>215448</v>
      </c>
      <c r="I64573" s="1" t="s">
        <v>207852</v>
      </c>
      <c r="J64573" s="1" t="s">
        <v>215523</v>
      </c>
    </row>
    <row r="64574" spans="1:10" x14ac:dyDescent="0.35">
      <c r="A64574" s="1" t="s">
        <v>215444</v>
      </c>
      <c r="B64574" s="1" t="s">
        <v>207847</v>
      </c>
      <c r="C64574" s="1" t="s">
        <v>130</v>
      </c>
      <c r="D64574" s="1" t="s">
        <v>85568</v>
      </c>
      <c r="E64574" s="1" t="s">
        <v>215524</v>
      </c>
      <c r="F64574" s="1" t="s">
        <v>215525</v>
      </c>
      <c r="G64574" s="1" t="s">
        <v>215447</v>
      </c>
      <c r="H64574" s="1" t="s">
        <v>215448</v>
      </c>
      <c r="I64574" s="1" t="s">
        <v>207852</v>
      </c>
      <c r="J64574" s="1" t="s">
        <v>215526</v>
      </c>
    </row>
    <row r="64575" spans="1:10" x14ac:dyDescent="0.35">
      <c r="A64575" s="1" t="s">
        <v>215444</v>
      </c>
      <c r="B64575" s="1" t="s">
        <v>207847</v>
      </c>
      <c r="C64575" s="1" t="s">
        <v>135</v>
      </c>
      <c r="D64575" s="1" t="s">
        <v>150282</v>
      </c>
      <c r="E64575" s="1" t="s">
        <v>215527</v>
      </c>
      <c r="F64575" s="1" t="s">
        <v>215528</v>
      </c>
      <c r="G64575" s="1" t="s">
        <v>215447</v>
      </c>
      <c r="H64575" s="1" t="s">
        <v>215448</v>
      </c>
      <c r="I64575" s="1" t="s">
        <v>207852</v>
      </c>
      <c r="J64575" s="1" t="s">
        <v>215529</v>
      </c>
    </row>
    <row r="64576" spans="1:10" x14ac:dyDescent="0.35">
      <c r="A64576" s="1" t="s">
        <v>215444</v>
      </c>
      <c r="B64576" s="1" t="s">
        <v>207847</v>
      </c>
      <c r="C64576" s="1" t="s">
        <v>140</v>
      </c>
      <c r="D64576" s="1" t="s">
        <v>105988</v>
      </c>
      <c r="E64576" s="1" t="s">
        <v>215530</v>
      </c>
      <c r="F64576" s="1" t="s">
        <v>215531</v>
      </c>
      <c r="G64576" s="1" t="s">
        <v>215447</v>
      </c>
      <c r="H64576" s="1" t="s">
        <v>215448</v>
      </c>
      <c r="I64576" s="1" t="s">
        <v>207852</v>
      </c>
      <c r="J64576" s="1" t="s">
        <v>215532</v>
      </c>
    </row>
    <row r="64577" spans="1:10" x14ac:dyDescent="0.35">
      <c r="A64577" s="1" t="s">
        <v>215444</v>
      </c>
      <c r="B64577" s="1" t="s">
        <v>207847</v>
      </c>
      <c r="C64577" s="1" t="s">
        <v>145</v>
      </c>
      <c r="D64577" s="1" t="s">
        <v>215533</v>
      </c>
      <c r="E64577" s="1" t="s">
        <v>215534</v>
      </c>
      <c r="F64577" s="1" t="s">
        <v>215535</v>
      </c>
      <c r="G64577" s="1" t="s">
        <v>215447</v>
      </c>
      <c r="H64577" s="1" t="s">
        <v>215448</v>
      </c>
      <c r="I64577" s="1" t="s">
        <v>207852</v>
      </c>
      <c r="J64577" s="1" t="s">
        <v>215536</v>
      </c>
    </row>
    <row r="64578" spans="1:10" x14ac:dyDescent="0.35">
      <c r="A64578" s="1" t="s">
        <v>215444</v>
      </c>
      <c r="B64578" s="1" t="s">
        <v>207847</v>
      </c>
      <c r="C64578" s="1" t="s">
        <v>150</v>
      </c>
      <c r="D64578" s="1" t="s">
        <v>75963</v>
      </c>
      <c r="E64578" s="1" t="s">
        <v>215537</v>
      </c>
      <c r="F64578" s="1" t="s">
        <v>215538</v>
      </c>
      <c r="G64578" s="1" t="s">
        <v>215447</v>
      </c>
      <c r="H64578" s="1" t="s">
        <v>215448</v>
      </c>
      <c r="I64578" s="1" t="s">
        <v>207852</v>
      </c>
      <c r="J64578" s="1" t="s">
        <v>215539</v>
      </c>
    </row>
    <row r="64579" spans="1:10" x14ac:dyDescent="0.35">
      <c r="A64579" s="1" t="s">
        <v>215444</v>
      </c>
      <c r="B64579" s="1" t="s">
        <v>207847</v>
      </c>
      <c r="C64579" s="1" t="s">
        <v>155</v>
      </c>
      <c r="D64579" s="1" t="s">
        <v>107339</v>
      </c>
      <c r="E64579" s="1" t="s">
        <v>215540</v>
      </c>
      <c r="F64579" s="1" t="s">
        <v>215541</v>
      </c>
      <c r="G64579" s="1" t="s">
        <v>215447</v>
      </c>
      <c r="H64579" s="1" t="s">
        <v>215448</v>
      </c>
      <c r="I64579" s="1" t="s">
        <v>207852</v>
      </c>
      <c r="J64579" s="1" t="s">
        <v>215542</v>
      </c>
    </row>
    <row r="64580" spans="1:10" x14ac:dyDescent="0.35">
      <c r="A64580" s="1" t="s">
        <v>215444</v>
      </c>
      <c r="B64580" s="1" t="s">
        <v>207847</v>
      </c>
      <c r="C64580" s="1" t="s">
        <v>160</v>
      </c>
      <c r="D64580" s="1" t="s">
        <v>215543</v>
      </c>
      <c r="E64580" s="1" t="s">
        <v>215544</v>
      </c>
      <c r="F64580" s="1" t="s">
        <v>215545</v>
      </c>
      <c r="G64580" s="1" t="s">
        <v>215447</v>
      </c>
      <c r="H64580" s="1" t="s">
        <v>215448</v>
      </c>
      <c r="I64580" s="1" t="s">
        <v>207852</v>
      </c>
      <c r="J64580" s="1" t="s">
        <v>215546</v>
      </c>
    </row>
    <row r="64581" spans="1:10" x14ac:dyDescent="0.35">
      <c r="A64581" s="1" t="s">
        <v>215444</v>
      </c>
      <c r="B64581" s="1" t="s">
        <v>207847</v>
      </c>
      <c r="C64581" s="1" t="s">
        <v>165</v>
      </c>
      <c r="D64581" s="1" t="s">
        <v>168766</v>
      </c>
      <c r="E64581" s="1" t="s">
        <v>215547</v>
      </c>
      <c r="F64581" s="1" t="s">
        <v>215548</v>
      </c>
      <c r="G64581" s="1" t="s">
        <v>215447</v>
      </c>
      <c r="H64581" s="1" t="s">
        <v>215448</v>
      </c>
      <c r="I64581" s="1" t="s">
        <v>207852</v>
      </c>
      <c r="J64581" s="1" t="s">
        <v>215549</v>
      </c>
    </row>
    <row r="64582" spans="1:10" x14ac:dyDescent="0.35">
      <c r="A64582" s="1" t="s">
        <v>215444</v>
      </c>
      <c r="B64582" s="1" t="s">
        <v>207847</v>
      </c>
      <c r="C64582" s="1" t="s">
        <v>170</v>
      </c>
      <c r="D64582" s="1" t="s">
        <v>54193</v>
      </c>
      <c r="E64582" s="1" t="s">
        <v>215550</v>
      </c>
      <c r="F64582" s="1" t="s">
        <v>215551</v>
      </c>
      <c r="G64582" s="1" t="s">
        <v>215447</v>
      </c>
      <c r="H64582" s="1" t="s">
        <v>215448</v>
      </c>
      <c r="I64582" s="1" t="s">
        <v>207852</v>
      </c>
      <c r="J64582" s="1" t="s">
        <v>215552</v>
      </c>
    </row>
    <row r="64583" spans="1:10" x14ac:dyDescent="0.35">
      <c r="A64583" s="1" t="s">
        <v>170134</v>
      </c>
      <c r="B64583" s="1" t="s">
        <v>207847</v>
      </c>
      <c r="C64583" s="1" t="s">
        <v>8</v>
      </c>
      <c r="D64583" s="1" t="s">
        <v>46360</v>
      </c>
      <c r="E64583" s="1" t="s">
        <v>215553</v>
      </c>
      <c r="F64583" s="1" t="s">
        <v>215554</v>
      </c>
      <c r="G64583" s="1" t="s">
        <v>215555</v>
      </c>
      <c r="H64583" s="1" t="s">
        <v>215556</v>
      </c>
      <c r="I64583" s="1" t="s">
        <v>207852</v>
      </c>
      <c r="J64583" s="1" t="s">
        <v>13</v>
      </c>
    </row>
    <row r="64584" spans="1:10" x14ac:dyDescent="0.35">
      <c r="A64584" s="1" t="s">
        <v>170134</v>
      </c>
      <c r="B64584" s="1" t="s">
        <v>207847</v>
      </c>
      <c r="C64584" s="1" t="s">
        <v>15</v>
      </c>
      <c r="D64584" s="1" t="s">
        <v>148720</v>
      </c>
      <c r="E64584" s="1" t="s">
        <v>215557</v>
      </c>
      <c r="F64584" s="1" t="s">
        <v>215558</v>
      </c>
      <c r="G64584" s="1" t="s">
        <v>215555</v>
      </c>
      <c r="H64584" s="1" t="s">
        <v>215556</v>
      </c>
      <c r="I64584" s="1" t="s">
        <v>207852</v>
      </c>
      <c r="J64584" s="1" t="s">
        <v>215559</v>
      </c>
    </row>
    <row r="64585" spans="1:10" x14ac:dyDescent="0.35">
      <c r="A64585" s="1" t="s">
        <v>170134</v>
      </c>
      <c r="B64585" s="1" t="s">
        <v>207847</v>
      </c>
      <c r="C64585" s="1" t="s">
        <v>20</v>
      </c>
      <c r="D64585" s="1" t="s">
        <v>29367</v>
      </c>
      <c r="E64585" s="1" t="s">
        <v>215560</v>
      </c>
      <c r="F64585" s="1" t="s">
        <v>215561</v>
      </c>
      <c r="G64585" s="1" t="s">
        <v>215555</v>
      </c>
      <c r="H64585" s="1" t="s">
        <v>215556</v>
      </c>
      <c r="I64585" s="1" t="s">
        <v>207852</v>
      </c>
      <c r="J64585" s="1" t="s">
        <v>215562</v>
      </c>
    </row>
    <row r="64586" spans="1:10" x14ac:dyDescent="0.35">
      <c r="A64586" s="1" t="s">
        <v>170134</v>
      </c>
      <c r="B64586" s="1" t="s">
        <v>207847</v>
      </c>
      <c r="C64586" s="1" t="s">
        <v>25</v>
      </c>
      <c r="D64586" s="1" t="s">
        <v>148942</v>
      </c>
      <c r="E64586" s="1" t="s">
        <v>215563</v>
      </c>
      <c r="F64586" s="1" t="s">
        <v>215564</v>
      </c>
      <c r="G64586" s="1" t="s">
        <v>215555</v>
      </c>
      <c r="H64586" s="1" t="s">
        <v>215556</v>
      </c>
      <c r="I64586" s="1" t="s">
        <v>207852</v>
      </c>
      <c r="J64586" s="1" t="s">
        <v>215565</v>
      </c>
    </row>
    <row r="64587" spans="1:10" x14ac:dyDescent="0.35">
      <c r="A64587" s="1" t="s">
        <v>170134</v>
      </c>
      <c r="B64587" s="1" t="s">
        <v>207847</v>
      </c>
      <c r="C64587" s="1" t="s">
        <v>30</v>
      </c>
      <c r="D64587" s="1" t="s">
        <v>110900</v>
      </c>
      <c r="E64587" s="1" t="s">
        <v>215566</v>
      </c>
      <c r="F64587" s="1" t="s">
        <v>215567</v>
      </c>
      <c r="G64587" s="1" t="s">
        <v>215555</v>
      </c>
      <c r="H64587" s="1" t="s">
        <v>215556</v>
      </c>
      <c r="I64587" s="1" t="s">
        <v>207852</v>
      </c>
      <c r="J64587" s="1" t="s">
        <v>215568</v>
      </c>
    </row>
    <row r="64588" spans="1:10" x14ac:dyDescent="0.35">
      <c r="A64588" s="1" t="s">
        <v>170134</v>
      </c>
      <c r="B64588" s="1" t="s">
        <v>207847</v>
      </c>
      <c r="C64588" s="1" t="s">
        <v>35</v>
      </c>
      <c r="D64588" s="1" t="s">
        <v>115367</v>
      </c>
      <c r="E64588" s="1" t="s">
        <v>215569</v>
      </c>
      <c r="F64588" s="1" t="s">
        <v>215570</v>
      </c>
      <c r="G64588" s="1" t="s">
        <v>215555</v>
      </c>
      <c r="H64588" s="1" t="s">
        <v>215556</v>
      </c>
      <c r="I64588" s="1" t="s">
        <v>207852</v>
      </c>
      <c r="J64588" s="1" t="s">
        <v>215571</v>
      </c>
    </row>
    <row r="64589" spans="1:10" x14ac:dyDescent="0.35">
      <c r="A64589" s="1" t="s">
        <v>170134</v>
      </c>
      <c r="B64589" s="1" t="s">
        <v>207847</v>
      </c>
      <c r="C64589" s="1" t="s">
        <v>40</v>
      </c>
      <c r="D64589" s="1" t="s">
        <v>45036</v>
      </c>
      <c r="E64589" s="1" t="s">
        <v>215572</v>
      </c>
      <c r="F64589" s="1" t="s">
        <v>215573</v>
      </c>
      <c r="G64589" s="1" t="s">
        <v>215555</v>
      </c>
      <c r="H64589" s="1" t="s">
        <v>215556</v>
      </c>
      <c r="I64589" s="1" t="s">
        <v>207852</v>
      </c>
      <c r="J64589" s="1" t="s">
        <v>215574</v>
      </c>
    </row>
    <row r="64590" spans="1:10" x14ac:dyDescent="0.35">
      <c r="A64590" s="1" t="s">
        <v>170134</v>
      </c>
      <c r="B64590" s="1" t="s">
        <v>207847</v>
      </c>
      <c r="C64590" s="1" t="s">
        <v>45</v>
      </c>
      <c r="D64590" s="1" t="s">
        <v>215575</v>
      </c>
      <c r="E64590" s="1" t="s">
        <v>215576</v>
      </c>
      <c r="F64590" s="1" t="s">
        <v>215577</v>
      </c>
      <c r="G64590" s="1" t="s">
        <v>215555</v>
      </c>
      <c r="H64590" s="1" t="s">
        <v>215556</v>
      </c>
      <c r="I64590" s="1" t="s">
        <v>207852</v>
      </c>
      <c r="J64590" s="1" t="s">
        <v>215578</v>
      </c>
    </row>
    <row r="64591" spans="1:10" x14ac:dyDescent="0.35">
      <c r="A64591" s="1" t="s">
        <v>170134</v>
      </c>
      <c r="B64591" s="1" t="s">
        <v>207847</v>
      </c>
      <c r="C64591" s="1" t="s">
        <v>50</v>
      </c>
      <c r="D64591" s="1" t="s">
        <v>215579</v>
      </c>
      <c r="E64591" s="1" t="s">
        <v>215580</v>
      </c>
      <c r="F64591" s="1" t="s">
        <v>215581</v>
      </c>
      <c r="G64591" s="1" t="s">
        <v>215555</v>
      </c>
      <c r="H64591" s="1" t="s">
        <v>215556</v>
      </c>
      <c r="I64591" s="1" t="s">
        <v>207852</v>
      </c>
      <c r="J64591" s="1" t="s">
        <v>215582</v>
      </c>
    </row>
    <row r="64592" spans="1:10" x14ac:dyDescent="0.35">
      <c r="A64592" s="1" t="s">
        <v>170134</v>
      </c>
      <c r="B64592" s="1" t="s">
        <v>207847</v>
      </c>
      <c r="C64592" s="1" t="s">
        <v>55</v>
      </c>
      <c r="D64592" s="1" t="s">
        <v>73328</v>
      </c>
      <c r="E64592" s="1" t="s">
        <v>215583</v>
      </c>
      <c r="F64592" s="1" t="s">
        <v>215584</v>
      </c>
      <c r="G64592" s="1" t="s">
        <v>215555</v>
      </c>
      <c r="H64592" s="1" t="s">
        <v>215556</v>
      </c>
      <c r="I64592" s="1" t="s">
        <v>207852</v>
      </c>
      <c r="J64592" s="1" t="s">
        <v>215585</v>
      </c>
    </row>
    <row r="64593" spans="1:10" x14ac:dyDescent="0.35">
      <c r="A64593" s="1" t="s">
        <v>170134</v>
      </c>
      <c r="B64593" s="1" t="s">
        <v>207847</v>
      </c>
      <c r="C64593" s="1" t="s">
        <v>60</v>
      </c>
      <c r="D64593" s="1" t="s">
        <v>45865</v>
      </c>
      <c r="E64593" s="1" t="s">
        <v>215586</v>
      </c>
      <c r="F64593" s="1" t="s">
        <v>215587</v>
      </c>
      <c r="G64593" s="1" t="s">
        <v>215555</v>
      </c>
      <c r="H64593" s="1" t="s">
        <v>215556</v>
      </c>
      <c r="I64593" s="1" t="s">
        <v>207852</v>
      </c>
      <c r="J64593" s="1" t="s">
        <v>215588</v>
      </c>
    </row>
    <row r="64594" spans="1:10" x14ac:dyDescent="0.35">
      <c r="A64594" s="1" t="s">
        <v>170134</v>
      </c>
      <c r="B64594" s="1" t="s">
        <v>207847</v>
      </c>
      <c r="C64594" s="1" t="s">
        <v>65</v>
      </c>
      <c r="D64594" s="1" t="s">
        <v>215589</v>
      </c>
      <c r="E64594" s="1" t="s">
        <v>215590</v>
      </c>
      <c r="F64594" s="1" t="s">
        <v>215591</v>
      </c>
      <c r="G64594" s="1" t="s">
        <v>215555</v>
      </c>
      <c r="H64594" s="1" t="s">
        <v>215556</v>
      </c>
      <c r="I64594" s="1" t="s">
        <v>207852</v>
      </c>
      <c r="J64594" s="1" t="s">
        <v>215592</v>
      </c>
    </row>
    <row r="64595" spans="1:10" x14ac:dyDescent="0.35">
      <c r="A64595" s="1" t="s">
        <v>170134</v>
      </c>
      <c r="B64595" s="1" t="s">
        <v>207847</v>
      </c>
      <c r="C64595" s="1" t="s">
        <v>70</v>
      </c>
      <c r="D64595" s="1" t="s">
        <v>110906</v>
      </c>
      <c r="E64595" s="1" t="s">
        <v>215593</v>
      </c>
      <c r="F64595" s="1" t="s">
        <v>215594</v>
      </c>
      <c r="G64595" s="1" t="s">
        <v>215555</v>
      </c>
      <c r="H64595" s="1" t="s">
        <v>215556</v>
      </c>
      <c r="I64595" s="1" t="s">
        <v>207852</v>
      </c>
      <c r="J64595" s="1" t="s">
        <v>215595</v>
      </c>
    </row>
    <row r="64596" spans="1:10" x14ac:dyDescent="0.35">
      <c r="A64596" s="1" t="s">
        <v>170134</v>
      </c>
      <c r="B64596" s="1" t="s">
        <v>207847</v>
      </c>
      <c r="C64596" s="1" t="s">
        <v>75</v>
      </c>
      <c r="D64596" s="1" t="s">
        <v>35251</v>
      </c>
      <c r="E64596" s="1" t="s">
        <v>215596</v>
      </c>
      <c r="F64596" s="1" t="s">
        <v>215597</v>
      </c>
      <c r="G64596" s="1" t="s">
        <v>215555</v>
      </c>
      <c r="H64596" s="1" t="s">
        <v>215556</v>
      </c>
      <c r="I64596" s="1" t="s">
        <v>207852</v>
      </c>
      <c r="J64596" s="1" t="s">
        <v>215598</v>
      </c>
    </row>
    <row r="64597" spans="1:10" x14ac:dyDescent="0.35">
      <c r="A64597" s="1" t="s">
        <v>170134</v>
      </c>
      <c r="B64597" s="1" t="s">
        <v>207847</v>
      </c>
      <c r="C64597" s="1" t="s">
        <v>80</v>
      </c>
      <c r="D64597" s="1" t="s">
        <v>10705</v>
      </c>
      <c r="E64597" s="1" t="s">
        <v>215599</v>
      </c>
      <c r="F64597" s="1" t="s">
        <v>215600</v>
      </c>
      <c r="G64597" s="1" t="s">
        <v>215555</v>
      </c>
      <c r="H64597" s="1" t="s">
        <v>215556</v>
      </c>
      <c r="I64597" s="1" t="s">
        <v>207852</v>
      </c>
      <c r="J64597" s="1" t="s">
        <v>215601</v>
      </c>
    </row>
    <row r="64598" spans="1:10" x14ac:dyDescent="0.35">
      <c r="A64598" s="1" t="s">
        <v>170134</v>
      </c>
      <c r="B64598" s="1" t="s">
        <v>207847</v>
      </c>
      <c r="C64598" s="1" t="s">
        <v>85</v>
      </c>
      <c r="D64598" s="1" t="s">
        <v>49098</v>
      </c>
      <c r="E64598" s="1" t="s">
        <v>215602</v>
      </c>
      <c r="F64598" s="1" t="s">
        <v>215603</v>
      </c>
      <c r="G64598" s="1" t="s">
        <v>215555</v>
      </c>
      <c r="H64598" s="1" t="s">
        <v>215556</v>
      </c>
      <c r="I64598" s="1" t="s">
        <v>207852</v>
      </c>
      <c r="J64598" s="1" t="s">
        <v>215604</v>
      </c>
    </row>
    <row r="64599" spans="1:10" x14ac:dyDescent="0.35">
      <c r="A64599" s="1" t="s">
        <v>170134</v>
      </c>
      <c r="B64599" s="1" t="s">
        <v>207847</v>
      </c>
      <c r="C64599" s="1" t="s">
        <v>90</v>
      </c>
      <c r="D64599" s="1" t="s">
        <v>33560</v>
      </c>
      <c r="E64599" s="1" t="s">
        <v>215605</v>
      </c>
      <c r="F64599" s="1" t="s">
        <v>215606</v>
      </c>
      <c r="G64599" s="1" t="s">
        <v>215555</v>
      </c>
      <c r="H64599" s="1" t="s">
        <v>215556</v>
      </c>
      <c r="I64599" s="1" t="s">
        <v>207852</v>
      </c>
      <c r="J64599" s="1" t="s">
        <v>215607</v>
      </c>
    </row>
    <row r="64600" spans="1:10" x14ac:dyDescent="0.35">
      <c r="A64600" s="1" t="s">
        <v>170134</v>
      </c>
      <c r="B64600" s="1" t="s">
        <v>207847</v>
      </c>
      <c r="C64600" s="1" t="s">
        <v>95</v>
      </c>
      <c r="D64600" s="1" t="s">
        <v>3092</v>
      </c>
      <c r="E64600" s="1" t="s">
        <v>215608</v>
      </c>
      <c r="F64600" s="1" t="s">
        <v>215609</v>
      </c>
      <c r="G64600" s="1" t="s">
        <v>215555</v>
      </c>
      <c r="H64600" s="1" t="s">
        <v>215556</v>
      </c>
      <c r="I64600" s="1" t="s">
        <v>207852</v>
      </c>
      <c r="J64600" s="1" t="s">
        <v>215610</v>
      </c>
    </row>
    <row r="64601" spans="1:10" x14ac:dyDescent="0.35">
      <c r="A64601" s="1" t="s">
        <v>170134</v>
      </c>
      <c r="B64601" s="1" t="s">
        <v>207847</v>
      </c>
      <c r="C64601" s="1" t="s">
        <v>100</v>
      </c>
      <c r="D64601" s="1" t="s">
        <v>3092</v>
      </c>
      <c r="E64601" s="1" t="s">
        <v>215611</v>
      </c>
      <c r="F64601" s="1" t="s">
        <v>215612</v>
      </c>
      <c r="G64601" s="1" t="s">
        <v>215555</v>
      </c>
      <c r="H64601" s="1" t="s">
        <v>215556</v>
      </c>
      <c r="I64601" s="1" t="s">
        <v>207852</v>
      </c>
      <c r="J64601" s="1" t="s">
        <v>1180</v>
      </c>
    </row>
    <row r="64602" spans="1:10" x14ac:dyDescent="0.35">
      <c r="A64602" s="1" t="s">
        <v>170134</v>
      </c>
      <c r="B64602" s="1" t="s">
        <v>207847</v>
      </c>
      <c r="C64602" s="1" t="s">
        <v>105</v>
      </c>
      <c r="D64602" s="1" t="s">
        <v>170347</v>
      </c>
      <c r="E64602" s="1" t="s">
        <v>215613</v>
      </c>
      <c r="F64602" s="1" t="s">
        <v>215614</v>
      </c>
      <c r="G64602" s="1" t="s">
        <v>215555</v>
      </c>
      <c r="H64602" s="1" t="s">
        <v>215556</v>
      </c>
      <c r="I64602" s="1" t="s">
        <v>207852</v>
      </c>
      <c r="J64602" s="1" t="s">
        <v>215615</v>
      </c>
    </row>
    <row r="64603" spans="1:10" x14ac:dyDescent="0.35">
      <c r="A64603" s="1" t="s">
        <v>170134</v>
      </c>
      <c r="B64603" s="1" t="s">
        <v>207847</v>
      </c>
      <c r="C64603" s="1" t="s">
        <v>110</v>
      </c>
      <c r="D64603" s="1" t="s">
        <v>71729</v>
      </c>
      <c r="E64603" s="1" t="s">
        <v>215616</v>
      </c>
      <c r="F64603" s="1" t="s">
        <v>215617</v>
      </c>
      <c r="G64603" s="1" t="s">
        <v>215555</v>
      </c>
      <c r="H64603" s="1" t="s">
        <v>215556</v>
      </c>
      <c r="I64603" s="1" t="s">
        <v>207852</v>
      </c>
      <c r="J64603" s="1" t="s">
        <v>215618</v>
      </c>
    </row>
    <row r="64604" spans="1:10" x14ac:dyDescent="0.35">
      <c r="A64604" s="1" t="s">
        <v>170134</v>
      </c>
      <c r="B64604" s="1" t="s">
        <v>207847</v>
      </c>
      <c r="C64604" s="1" t="s">
        <v>115</v>
      </c>
      <c r="D64604" s="1" t="s">
        <v>34336</v>
      </c>
      <c r="E64604" s="1" t="s">
        <v>215619</v>
      </c>
      <c r="F64604" s="1" t="s">
        <v>215620</v>
      </c>
      <c r="G64604" s="1" t="s">
        <v>215555</v>
      </c>
      <c r="H64604" s="1" t="s">
        <v>215556</v>
      </c>
      <c r="I64604" s="1" t="s">
        <v>207852</v>
      </c>
      <c r="J64604" s="1" t="s">
        <v>215621</v>
      </c>
    </row>
    <row r="64605" spans="1:10" x14ac:dyDescent="0.35">
      <c r="A64605" s="1" t="s">
        <v>170134</v>
      </c>
      <c r="B64605" s="1" t="s">
        <v>207847</v>
      </c>
      <c r="C64605" s="1" t="s">
        <v>120</v>
      </c>
      <c r="D64605" s="1" t="s">
        <v>36407</v>
      </c>
      <c r="E64605" s="1" t="s">
        <v>215622</v>
      </c>
      <c r="F64605" s="1" t="s">
        <v>215623</v>
      </c>
      <c r="G64605" s="1" t="s">
        <v>215555</v>
      </c>
      <c r="H64605" s="1" t="s">
        <v>215556</v>
      </c>
      <c r="I64605" s="1" t="s">
        <v>207852</v>
      </c>
      <c r="J64605" s="1" t="s">
        <v>215624</v>
      </c>
    </row>
    <row r="64606" spans="1:10" x14ac:dyDescent="0.35">
      <c r="A64606" s="1" t="s">
        <v>170134</v>
      </c>
      <c r="B64606" s="1" t="s">
        <v>207847</v>
      </c>
      <c r="C64606" s="1" t="s">
        <v>125</v>
      </c>
      <c r="D64606" s="1" t="s">
        <v>215625</v>
      </c>
      <c r="E64606" s="1" t="s">
        <v>215626</v>
      </c>
      <c r="F64606" s="1" t="s">
        <v>215627</v>
      </c>
      <c r="G64606" s="1" t="s">
        <v>215555</v>
      </c>
      <c r="H64606" s="1" t="s">
        <v>215556</v>
      </c>
      <c r="I64606" s="1" t="s">
        <v>207852</v>
      </c>
      <c r="J64606" s="1" t="s">
        <v>215628</v>
      </c>
    </row>
    <row r="64607" spans="1:10" x14ac:dyDescent="0.35">
      <c r="A64607" s="1" t="s">
        <v>170134</v>
      </c>
      <c r="B64607" s="1" t="s">
        <v>207847</v>
      </c>
      <c r="C64607" s="1" t="s">
        <v>130</v>
      </c>
      <c r="D64607" s="1" t="s">
        <v>215629</v>
      </c>
      <c r="E64607" s="1" t="s">
        <v>215630</v>
      </c>
      <c r="F64607" s="1" t="s">
        <v>215631</v>
      </c>
      <c r="G64607" s="1" t="s">
        <v>215555</v>
      </c>
      <c r="H64607" s="1" t="s">
        <v>215556</v>
      </c>
      <c r="I64607" s="1" t="s">
        <v>207852</v>
      </c>
      <c r="J64607" s="1" t="s">
        <v>215632</v>
      </c>
    </row>
    <row r="64608" spans="1:10" x14ac:dyDescent="0.35">
      <c r="A64608" s="1" t="s">
        <v>170134</v>
      </c>
      <c r="B64608" s="1" t="s">
        <v>207847</v>
      </c>
      <c r="C64608" s="1" t="s">
        <v>135</v>
      </c>
      <c r="D64608" s="1" t="s">
        <v>17133</v>
      </c>
      <c r="E64608" s="1" t="s">
        <v>215633</v>
      </c>
      <c r="F64608" s="1" t="s">
        <v>215634</v>
      </c>
      <c r="G64608" s="1" t="s">
        <v>215555</v>
      </c>
      <c r="H64608" s="1" t="s">
        <v>215556</v>
      </c>
      <c r="I64608" s="1" t="s">
        <v>207852</v>
      </c>
      <c r="J64608" s="1" t="s">
        <v>215635</v>
      </c>
    </row>
    <row r="64609" spans="1:10" x14ac:dyDescent="0.35">
      <c r="A64609" s="1" t="s">
        <v>170134</v>
      </c>
      <c r="B64609" s="1" t="s">
        <v>207847</v>
      </c>
      <c r="C64609" s="1" t="s">
        <v>140</v>
      </c>
      <c r="D64609" s="1" t="s">
        <v>149443</v>
      </c>
      <c r="E64609" s="1" t="s">
        <v>215636</v>
      </c>
      <c r="F64609" s="1" t="s">
        <v>215637</v>
      </c>
      <c r="G64609" s="1" t="s">
        <v>215555</v>
      </c>
      <c r="H64609" s="1" t="s">
        <v>215556</v>
      </c>
      <c r="I64609" s="1" t="s">
        <v>207852</v>
      </c>
      <c r="J64609" s="1" t="s">
        <v>215638</v>
      </c>
    </row>
    <row r="64610" spans="1:10" x14ac:dyDescent="0.35">
      <c r="A64610" s="1" t="s">
        <v>170134</v>
      </c>
      <c r="B64610" s="1" t="s">
        <v>207847</v>
      </c>
      <c r="C64610" s="1" t="s">
        <v>145</v>
      </c>
      <c r="D64610" s="1" t="s">
        <v>215639</v>
      </c>
      <c r="E64610" s="1" t="s">
        <v>215640</v>
      </c>
      <c r="F64610" s="1" t="s">
        <v>215641</v>
      </c>
      <c r="G64610" s="1" t="s">
        <v>215555</v>
      </c>
      <c r="H64610" s="1" t="s">
        <v>215556</v>
      </c>
      <c r="I64610" s="1" t="s">
        <v>207852</v>
      </c>
      <c r="J64610" s="1" t="s">
        <v>215642</v>
      </c>
    </row>
    <row r="64611" spans="1:10" x14ac:dyDescent="0.35">
      <c r="A64611" s="1" t="s">
        <v>170134</v>
      </c>
      <c r="B64611" s="1" t="s">
        <v>207847</v>
      </c>
      <c r="C64611" s="1" t="s">
        <v>150</v>
      </c>
      <c r="D64611" s="1" t="s">
        <v>5179</v>
      </c>
      <c r="E64611" s="1" t="s">
        <v>215643</v>
      </c>
      <c r="F64611" s="1" t="s">
        <v>215644</v>
      </c>
      <c r="G64611" s="1" t="s">
        <v>215555</v>
      </c>
      <c r="H64611" s="1" t="s">
        <v>215556</v>
      </c>
      <c r="I64611" s="1" t="s">
        <v>207852</v>
      </c>
      <c r="J64611" s="1" t="s">
        <v>215645</v>
      </c>
    </row>
    <row r="64612" spans="1:10" x14ac:dyDescent="0.35">
      <c r="A64612" s="1" t="s">
        <v>170134</v>
      </c>
      <c r="B64612" s="1" t="s">
        <v>207847</v>
      </c>
      <c r="C64612" s="1" t="s">
        <v>155</v>
      </c>
      <c r="D64612" s="1" t="s">
        <v>30855</v>
      </c>
      <c r="E64612" s="1" t="s">
        <v>215646</v>
      </c>
      <c r="F64612" s="1" t="s">
        <v>215647</v>
      </c>
      <c r="G64612" s="1" t="s">
        <v>215555</v>
      </c>
      <c r="H64612" s="1" t="s">
        <v>215556</v>
      </c>
      <c r="I64612" s="1" t="s">
        <v>207852</v>
      </c>
      <c r="J64612" s="1" t="s">
        <v>215648</v>
      </c>
    </row>
    <row r="64613" spans="1:10" x14ac:dyDescent="0.35">
      <c r="A64613" s="1" t="s">
        <v>170134</v>
      </c>
      <c r="B64613" s="1" t="s">
        <v>207847</v>
      </c>
      <c r="C64613" s="1" t="s">
        <v>160</v>
      </c>
      <c r="D64613" s="1" t="s">
        <v>71627</v>
      </c>
      <c r="E64613" s="1" t="s">
        <v>215649</v>
      </c>
      <c r="F64613" s="1" t="s">
        <v>215650</v>
      </c>
      <c r="G64613" s="1" t="s">
        <v>215555</v>
      </c>
      <c r="H64613" s="1" t="s">
        <v>215556</v>
      </c>
      <c r="I64613" s="1" t="s">
        <v>207852</v>
      </c>
      <c r="J64613" s="1" t="s">
        <v>215651</v>
      </c>
    </row>
    <row r="64614" spans="1:10" x14ac:dyDescent="0.35">
      <c r="A64614" s="1" t="s">
        <v>170134</v>
      </c>
      <c r="B64614" s="1" t="s">
        <v>207847</v>
      </c>
      <c r="C64614" s="1" t="s">
        <v>165</v>
      </c>
      <c r="D64614" s="1" t="s">
        <v>174931</v>
      </c>
      <c r="E64614" s="1" t="s">
        <v>215652</v>
      </c>
      <c r="F64614" s="1" t="s">
        <v>215653</v>
      </c>
      <c r="G64614" s="1" t="s">
        <v>215555</v>
      </c>
      <c r="H64614" s="1" t="s">
        <v>215556</v>
      </c>
      <c r="I64614" s="1" t="s">
        <v>207852</v>
      </c>
      <c r="J64614" s="1" t="s">
        <v>215654</v>
      </c>
    </row>
    <row r="64615" spans="1:10" x14ac:dyDescent="0.35">
      <c r="A64615" s="1" t="s">
        <v>170134</v>
      </c>
      <c r="B64615" s="1" t="s">
        <v>207847</v>
      </c>
      <c r="C64615" s="1" t="s">
        <v>170</v>
      </c>
      <c r="D64615" s="1" t="s">
        <v>114748</v>
      </c>
      <c r="E64615" s="1" t="s">
        <v>215655</v>
      </c>
      <c r="F64615" s="1" t="s">
        <v>215656</v>
      </c>
      <c r="G64615" s="1" t="s">
        <v>215555</v>
      </c>
      <c r="H64615" s="1" t="s">
        <v>215556</v>
      </c>
      <c r="I64615" s="1" t="s">
        <v>207852</v>
      </c>
      <c r="J64615" s="1" t="s">
        <v>215657</v>
      </c>
    </row>
    <row r="64616" spans="1:10" x14ac:dyDescent="0.35">
      <c r="A64616" s="1" t="s">
        <v>9171</v>
      </c>
      <c r="B64616" s="1" t="s">
        <v>207847</v>
      </c>
      <c r="C64616" s="1" t="s">
        <v>8</v>
      </c>
      <c r="D64616" s="1" t="s">
        <v>207378</v>
      </c>
      <c r="E64616" s="1" t="s">
        <v>215658</v>
      </c>
      <c r="F64616" s="1" t="s">
        <v>215659</v>
      </c>
      <c r="G64616" s="1" t="s">
        <v>215660</v>
      </c>
      <c r="H64616" s="1" t="s">
        <v>215661</v>
      </c>
      <c r="I64616" s="1" t="s">
        <v>207852</v>
      </c>
      <c r="J64616" s="1" t="s">
        <v>13</v>
      </c>
    </row>
    <row r="64617" spans="1:10" x14ac:dyDescent="0.35">
      <c r="A64617" s="1" t="s">
        <v>9171</v>
      </c>
      <c r="B64617" s="1" t="s">
        <v>207847</v>
      </c>
      <c r="C64617" s="1" t="s">
        <v>15</v>
      </c>
      <c r="D64617" s="1" t="s">
        <v>44707</v>
      </c>
      <c r="E64617" s="1" t="s">
        <v>215662</v>
      </c>
      <c r="F64617" s="1" t="s">
        <v>215663</v>
      </c>
      <c r="G64617" s="1" t="s">
        <v>215660</v>
      </c>
      <c r="H64617" s="1" t="s">
        <v>215661</v>
      </c>
      <c r="I64617" s="1" t="s">
        <v>207852</v>
      </c>
      <c r="J64617" s="1" t="s">
        <v>215664</v>
      </c>
    </row>
    <row r="64618" spans="1:10" x14ac:dyDescent="0.35">
      <c r="A64618" s="1" t="s">
        <v>9171</v>
      </c>
      <c r="B64618" s="1" t="s">
        <v>207847</v>
      </c>
      <c r="C64618" s="1" t="s">
        <v>20</v>
      </c>
      <c r="D64618" s="1" t="s">
        <v>9578</v>
      </c>
      <c r="E64618" s="1" t="s">
        <v>215665</v>
      </c>
      <c r="F64618" s="1" t="s">
        <v>215666</v>
      </c>
      <c r="G64618" s="1" t="s">
        <v>215660</v>
      </c>
      <c r="H64618" s="1" t="s">
        <v>215661</v>
      </c>
      <c r="I64618" s="1" t="s">
        <v>207852</v>
      </c>
      <c r="J64618" s="1" t="s">
        <v>215667</v>
      </c>
    </row>
    <row r="64619" spans="1:10" x14ac:dyDescent="0.35">
      <c r="A64619" s="1" t="s">
        <v>9171</v>
      </c>
      <c r="B64619" s="1" t="s">
        <v>207847</v>
      </c>
      <c r="C64619" s="1" t="s">
        <v>25</v>
      </c>
      <c r="D64619" s="1" t="s">
        <v>191028</v>
      </c>
      <c r="E64619" s="1" t="s">
        <v>215668</v>
      </c>
      <c r="F64619" s="1" t="s">
        <v>215669</v>
      </c>
      <c r="G64619" s="1" t="s">
        <v>215660</v>
      </c>
      <c r="H64619" s="1" t="s">
        <v>215661</v>
      </c>
      <c r="I64619" s="1" t="s">
        <v>207852</v>
      </c>
      <c r="J64619" s="1" t="s">
        <v>215670</v>
      </c>
    </row>
    <row r="64620" spans="1:10" x14ac:dyDescent="0.35">
      <c r="A64620" s="1" t="s">
        <v>9171</v>
      </c>
      <c r="B64620" s="1" t="s">
        <v>207847</v>
      </c>
      <c r="C64620" s="1" t="s">
        <v>30</v>
      </c>
      <c r="D64620" s="1" t="s">
        <v>1476</v>
      </c>
      <c r="E64620" s="1" t="s">
        <v>215671</v>
      </c>
      <c r="F64620" s="1" t="s">
        <v>215672</v>
      </c>
      <c r="G64620" s="1" t="s">
        <v>215660</v>
      </c>
      <c r="H64620" s="1" t="s">
        <v>215661</v>
      </c>
      <c r="I64620" s="1" t="s">
        <v>207852</v>
      </c>
      <c r="J64620" s="1" t="s">
        <v>215673</v>
      </c>
    </row>
    <row r="64621" spans="1:10" x14ac:dyDescent="0.35">
      <c r="A64621" s="1" t="s">
        <v>9171</v>
      </c>
      <c r="B64621" s="1" t="s">
        <v>207847</v>
      </c>
      <c r="C64621" s="1" t="s">
        <v>35</v>
      </c>
      <c r="D64621" s="1" t="s">
        <v>15402</v>
      </c>
      <c r="E64621" s="1" t="s">
        <v>215674</v>
      </c>
      <c r="F64621" s="1" t="s">
        <v>215675</v>
      </c>
      <c r="G64621" s="1" t="s">
        <v>215660</v>
      </c>
      <c r="H64621" s="1" t="s">
        <v>215661</v>
      </c>
      <c r="I64621" s="1" t="s">
        <v>207852</v>
      </c>
      <c r="J64621" s="1" t="s">
        <v>215676</v>
      </c>
    </row>
    <row r="64622" spans="1:10" x14ac:dyDescent="0.35">
      <c r="A64622" s="1" t="s">
        <v>9171</v>
      </c>
      <c r="B64622" s="1" t="s">
        <v>207847</v>
      </c>
      <c r="C64622" s="1" t="s">
        <v>40</v>
      </c>
      <c r="D64622" s="1" t="s">
        <v>35065</v>
      </c>
      <c r="E64622" s="1" t="s">
        <v>215677</v>
      </c>
      <c r="F64622" s="1" t="s">
        <v>215678</v>
      </c>
      <c r="G64622" s="1" t="s">
        <v>215660</v>
      </c>
      <c r="H64622" s="1" t="s">
        <v>215661</v>
      </c>
      <c r="I64622" s="1" t="s">
        <v>207852</v>
      </c>
      <c r="J64622" s="1" t="s">
        <v>215679</v>
      </c>
    </row>
    <row r="64623" spans="1:10" x14ac:dyDescent="0.35">
      <c r="A64623" s="1" t="s">
        <v>9171</v>
      </c>
      <c r="B64623" s="1" t="s">
        <v>207847</v>
      </c>
      <c r="C64623" s="1" t="s">
        <v>45</v>
      </c>
      <c r="D64623" s="1" t="s">
        <v>151576</v>
      </c>
      <c r="E64623" s="1" t="s">
        <v>215680</v>
      </c>
      <c r="F64623" s="1" t="s">
        <v>215681</v>
      </c>
      <c r="G64623" s="1" t="s">
        <v>215660</v>
      </c>
      <c r="H64623" s="1" t="s">
        <v>215661</v>
      </c>
      <c r="I64623" s="1" t="s">
        <v>207852</v>
      </c>
      <c r="J64623" s="1" t="s">
        <v>215682</v>
      </c>
    </row>
    <row r="64624" spans="1:10" x14ac:dyDescent="0.35">
      <c r="A64624" s="1" t="s">
        <v>9171</v>
      </c>
      <c r="B64624" s="1" t="s">
        <v>207847</v>
      </c>
      <c r="C64624" s="1" t="s">
        <v>50</v>
      </c>
      <c r="D64624" s="1" t="s">
        <v>5344</v>
      </c>
      <c r="E64624" s="1" t="s">
        <v>215683</v>
      </c>
      <c r="F64624" s="1" t="s">
        <v>215684</v>
      </c>
      <c r="G64624" s="1" t="s">
        <v>215660</v>
      </c>
      <c r="H64624" s="1" t="s">
        <v>215661</v>
      </c>
      <c r="I64624" s="1" t="s">
        <v>207852</v>
      </c>
      <c r="J64624" s="1" t="s">
        <v>215685</v>
      </c>
    </row>
    <row r="64625" spans="1:10" x14ac:dyDescent="0.35">
      <c r="A64625" s="1" t="s">
        <v>9171</v>
      </c>
      <c r="B64625" s="1" t="s">
        <v>207847</v>
      </c>
      <c r="C64625" s="1" t="s">
        <v>55</v>
      </c>
      <c r="D64625" s="1" t="s">
        <v>211935</v>
      </c>
      <c r="E64625" s="1" t="s">
        <v>215686</v>
      </c>
      <c r="F64625" s="1" t="s">
        <v>215687</v>
      </c>
      <c r="G64625" s="1" t="s">
        <v>215660</v>
      </c>
      <c r="H64625" s="1" t="s">
        <v>215661</v>
      </c>
      <c r="I64625" s="1" t="s">
        <v>207852</v>
      </c>
      <c r="J64625" s="1" t="s">
        <v>215688</v>
      </c>
    </row>
    <row r="64626" spans="1:10" x14ac:dyDescent="0.35">
      <c r="A64626" s="1" t="s">
        <v>9171</v>
      </c>
      <c r="B64626" s="1" t="s">
        <v>207847</v>
      </c>
      <c r="C64626" s="1" t="s">
        <v>60</v>
      </c>
      <c r="D64626" s="1" t="s">
        <v>47369</v>
      </c>
      <c r="E64626" s="1" t="s">
        <v>215689</v>
      </c>
      <c r="F64626" s="1" t="s">
        <v>215690</v>
      </c>
      <c r="G64626" s="1" t="s">
        <v>215660</v>
      </c>
      <c r="H64626" s="1" t="s">
        <v>215661</v>
      </c>
      <c r="I64626" s="1" t="s">
        <v>207852</v>
      </c>
      <c r="J64626" s="1" t="s">
        <v>215691</v>
      </c>
    </row>
    <row r="64627" spans="1:10" x14ac:dyDescent="0.35">
      <c r="A64627" s="1" t="s">
        <v>9171</v>
      </c>
      <c r="B64627" s="1" t="s">
        <v>207847</v>
      </c>
      <c r="C64627" s="1" t="s">
        <v>65</v>
      </c>
      <c r="D64627" s="1" t="s">
        <v>50666</v>
      </c>
      <c r="E64627" s="1" t="s">
        <v>215692</v>
      </c>
      <c r="F64627" s="1" t="s">
        <v>215693</v>
      </c>
      <c r="G64627" s="1" t="s">
        <v>215660</v>
      </c>
      <c r="H64627" s="1" t="s">
        <v>215661</v>
      </c>
      <c r="I64627" s="1" t="s">
        <v>207852</v>
      </c>
      <c r="J64627" s="1" t="s">
        <v>215694</v>
      </c>
    </row>
    <row r="64628" spans="1:10" x14ac:dyDescent="0.35">
      <c r="A64628" s="1" t="s">
        <v>9171</v>
      </c>
      <c r="B64628" s="1" t="s">
        <v>207847</v>
      </c>
      <c r="C64628" s="1" t="s">
        <v>70</v>
      </c>
      <c r="D64628" s="1" t="s">
        <v>30607</v>
      </c>
      <c r="E64628" s="1" t="s">
        <v>215695</v>
      </c>
      <c r="F64628" s="1" t="s">
        <v>215696</v>
      </c>
      <c r="G64628" s="1" t="s">
        <v>215660</v>
      </c>
      <c r="H64628" s="1" t="s">
        <v>215661</v>
      </c>
      <c r="I64628" s="1" t="s">
        <v>207852</v>
      </c>
      <c r="J64628" s="1" t="s">
        <v>215697</v>
      </c>
    </row>
    <row r="64629" spans="1:10" x14ac:dyDescent="0.35">
      <c r="A64629" s="1" t="s">
        <v>9171</v>
      </c>
      <c r="B64629" s="1" t="s">
        <v>207847</v>
      </c>
      <c r="C64629" s="1" t="s">
        <v>75</v>
      </c>
      <c r="D64629" s="1" t="s">
        <v>35610</v>
      </c>
      <c r="E64629" s="1" t="s">
        <v>215698</v>
      </c>
      <c r="F64629" s="1" t="s">
        <v>215699</v>
      </c>
      <c r="G64629" s="1" t="s">
        <v>215660</v>
      </c>
      <c r="H64629" s="1" t="s">
        <v>215661</v>
      </c>
      <c r="I64629" s="1" t="s">
        <v>207852</v>
      </c>
      <c r="J64629" s="1" t="s">
        <v>215700</v>
      </c>
    </row>
    <row r="64630" spans="1:10" x14ac:dyDescent="0.35">
      <c r="A64630" s="1" t="s">
        <v>9171</v>
      </c>
      <c r="B64630" s="1" t="s">
        <v>207847</v>
      </c>
      <c r="C64630" s="1" t="s">
        <v>80</v>
      </c>
      <c r="D64630" s="1" t="s">
        <v>144858</v>
      </c>
      <c r="E64630" s="1" t="s">
        <v>215701</v>
      </c>
      <c r="F64630" s="1" t="s">
        <v>215702</v>
      </c>
      <c r="G64630" s="1" t="s">
        <v>215660</v>
      </c>
      <c r="H64630" s="1" t="s">
        <v>215661</v>
      </c>
      <c r="I64630" s="1" t="s">
        <v>207852</v>
      </c>
      <c r="J64630" s="1" t="s">
        <v>215703</v>
      </c>
    </row>
    <row r="64631" spans="1:10" x14ac:dyDescent="0.35">
      <c r="A64631" s="1" t="s">
        <v>9171</v>
      </c>
      <c r="B64631" s="1" t="s">
        <v>207847</v>
      </c>
      <c r="C64631" s="1" t="s">
        <v>85</v>
      </c>
      <c r="D64631" s="1" t="s">
        <v>16185</v>
      </c>
      <c r="E64631" s="1" t="s">
        <v>215704</v>
      </c>
      <c r="F64631" s="1" t="s">
        <v>215705</v>
      </c>
      <c r="G64631" s="1" t="s">
        <v>215660</v>
      </c>
      <c r="H64631" s="1" t="s">
        <v>215661</v>
      </c>
      <c r="I64631" s="1" t="s">
        <v>207852</v>
      </c>
      <c r="J64631" s="1" t="s">
        <v>215706</v>
      </c>
    </row>
    <row r="64632" spans="1:10" x14ac:dyDescent="0.35">
      <c r="A64632" s="1" t="s">
        <v>9171</v>
      </c>
      <c r="B64632" s="1" t="s">
        <v>207847</v>
      </c>
      <c r="C64632" s="1" t="s">
        <v>90</v>
      </c>
      <c r="D64632" s="1" t="s">
        <v>18857</v>
      </c>
      <c r="E64632" s="1" t="s">
        <v>215707</v>
      </c>
      <c r="F64632" s="1" t="s">
        <v>215708</v>
      </c>
      <c r="G64632" s="1" t="s">
        <v>215660</v>
      </c>
      <c r="H64632" s="1" t="s">
        <v>215661</v>
      </c>
      <c r="I64632" s="1" t="s">
        <v>207852</v>
      </c>
      <c r="J64632" s="1" t="s">
        <v>215709</v>
      </c>
    </row>
    <row r="64633" spans="1:10" x14ac:dyDescent="0.35">
      <c r="A64633" s="1" t="s">
        <v>9171</v>
      </c>
      <c r="B64633" s="1" t="s">
        <v>207847</v>
      </c>
      <c r="C64633" s="1" t="s">
        <v>95</v>
      </c>
      <c r="D64633" s="1" t="s">
        <v>215710</v>
      </c>
      <c r="E64633" s="1" t="s">
        <v>215711</v>
      </c>
      <c r="F64633" s="1" t="s">
        <v>215712</v>
      </c>
      <c r="G64633" s="1" t="s">
        <v>215660</v>
      </c>
      <c r="H64633" s="1" t="s">
        <v>215661</v>
      </c>
      <c r="I64633" s="1" t="s">
        <v>207852</v>
      </c>
      <c r="J64633" s="1" t="s">
        <v>215713</v>
      </c>
    </row>
    <row r="64634" spans="1:10" x14ac:dyDescent="0.35">
      <c r="A64634" s="1" t="s">
        <v>9171</v>
      </c>
      <c r="B64634" s="1" t="s">
        <v>207847</v>
      </c>
      <c r="C64634" s="1" t="s">
        <v>100</v>
      </c>
      <c r="D64634" s="1" t="s">
        <v>38361</v>
      </c>
      <c r="E64634" s="1" t="s">
        <v>215714</v>
      </c>
      <c r="F64634" s="1" t="s">
        <v>215715</v>
      </c>
      <c r="G64634" s="1" t="s">
        <v>215660</v>
      </c>
      <c r="H64634" s="1" t="s">
        <v>215661</v>
      </c>
      <c r="I64634" s="1" t="s">
        <v>207852</v>
      </c>
      <c r="J64634" s="1" t="s">
        <v>215716</v>
      </c>
    </row>
    <row r="64635" spans="1:10" x14ac:dyDescent="0.35">
      <c r="A64635" s="1" t="s">
        <v>9171</v>
      </c>
      <c r="B64635" s="1" t="s">
        <v>207847</v>
      </c>
      <c r="C64635" s="1" t="s">
        <v>105</v>
      </c>
      <c r="D64635" s="1" t="s">
        <v>4185</v>
      </c>
      <c r="E64635" s="1" t="s">
        <v>215717</v>
      </c>
      <c r="F64635" s="1" t="s">
        <v>215718</v>
      </c>
      <c r="G64635" s="1" t="s">
        <v>215660</v>
      </c>
      <c r="H64635" s="1" t="s">
        <v>215661</v>
      </c>
      <c r="I64635" s="1" t="s">
        <v>207852</v>
      </c>
      <c r="J64635" s="1" t="s">
        <v>215719</v>
      </c>
    </row>
    <row r="64636" spans="1:10" x14ac:dyDescent="0.35">
      <c r="A64636" s="1" t="s">
        <v>9171</v>
      </c>
      <c r="B64636" s="1" t="s">
        <v>207847</v>
      </c>
      <c r="C64636" s="1" t="s">
        <v>110</v>
      </c>
      <c r="D64636" s="1" t="s">
        <v>13263</v>
      </c>
      <c r="E64636" s="1" t="s">
        <v>215720</v>
      </c>
      <c r="F64636" s="1" t="s">
        <v>215721</v>
      </c>
      <c r="G64636" s="1" t="s">
        <v>215660</v>
      </c>
      <c r="H64636" s="1" t="s">
        <v>215661</v>
      </c>
      <c r="I64636" s="1" t="s">
        <v>207852</v>
      </c>
      <c r="J64636" s="1" t="s">
        <v>215722</v>
      </c>
    </row>
    <row r="64637" spans="1:10" x14ac:dyDescent="0.35">
      <c r="A64637" s="1" t="s">
        <v>9171</v>
      </c>
      <c r="B64637" s="1" t="s">
        <v>207847</v>
      </c>
      <c r="C64637" s="1" t="s">
        <v>115</v>
      </c>
      <c r="D64637" s="1" t="s">
        <v>215723</v>
      </c>
      <c r="E64637" s="1" t="s">
        <v>215724</v>
      </c>
      <c r="F64637" s="1" t="s">
        <v>215725</v>
      </c>
      <c r="G64637" s="1" t="s">
        <v>215660</v>
      </c>
      <c r="H64637" s="1" t="s">
        <v>215661</v>
      </c>
      <c r="I64637" s="1" t="s">
        <v>207852</v>
      </c>
      <c r="J64637" s="1" t="s">
        <v>215726</v>
      </c>
    </row>
    <row r="64638" spans="1:10" x14ac:dyDescent="0.35">
      <c r="A64638" s="1" t="s">
        <v>9171</v>
      </c>
      <c r="B64638" s="1" t="s">
        <v>207847</v>
      </c>
      <c r="C64638" s="1" t="s">
        <v>120</v>
      </c>
      <c r="D64638" s="1" t="s">
        <v>186516</v>
      </c>
      <c r="E64638" s="1" t="s">
        <v>215727</v>
      </c>
      <c r="F64638" s="1" t="s">
        <v>215728</v>
      </c>
      <c r="G64638" s="1" t="s">
        <v>215660</v>
      </c>
      <c r="H64638" s="1" t="s">
        <v>215661</v>
      </c>
      <c r="I64638" s="1" t="s">
        <v>207852</v>
      </c>
      <c r="J64638" s="1" t="s">
        <v>215729</v>
      </c>
    </row>
    <row r="64639" spans="1:10" x14ac:dyDescent="0.35">
      <c r="A64639" s="1" t="s">
        <v>9171</v>
      </c>
      <c r="B64639" s="1" t="s">
        <v>207847</v>
      </c>
      <c r="C64639" s="1" t="s">
        <v>125</v>
      </c>
      <c r="D64639" s="1" t="s">
        <v>71460</v>
      </c>
      <c r="E64639" s="1" t="s">
        <v>215730</v>
      </c>
      <c r="F64639" s="1" t="s">
        <v>215731</v>
      </c>
      <c r="G64639" s="1" t="s">
        <v>215660</v>
      </c>
      <c r="H64639" s="1" t="s">
        <v>215661</v>
      </c>
      <c r="I64639" s="1" t="s">
        <v>207852</v>
      </c>
      <c r="J64639" s="1" t="s">
        <v>215732</v>
      </c>
    </row>
    <row r="64640" spans="1:10" x14ac:dyDescent="0.35">
      <c r="A64640" s="1" t="s">
        <v>9171</v>
      </c>
      <c r="B64640" s="1" t="s">
        <v>207847</v>
      </c>
      <c r="C64640" s="1" t="s">
        <v>130</v>
      </c>
      <c r="D64640" s="1" t="s">
        <v>177786</v>
      </c>
      <c r="E64640" s="1" t="s">
        <v>215733</v>
      </c>
      <c r="F64640" s="1" t="s">
        <v>215734</v>
      </c>
      <c r="G64640" s="1" t="s">
        <v>215660</v>
      </c>
      <c r="H64640" s="1" t="s">
        <v>215661</v>
      </c>
      <c r="I64640" s="1" t="s">
        <v>207852</v>
      </c>
      <c r="J64640" s="1" t="s">
        <v>215735</v>
      </c>
    </row>
    <row r="64641" spans="1:10" x14ac:dyDescent="0.35">
      <c r="A64641" s="1" t="s">
        <v>9171</v>
      </c>
      <c r="B64641" s="1" t="s">
        <v>207847</v>
      </c>
      <c r="C64641" s="1" t="s">
        <v>135</v>
      </c>
      <c r="D64641" s="1" t="s">
        <v>32232</v>
      </c>
      <c r="E64641" s="1" t="s">
        <v>63240</v>
      </c>
      <c r="F64641" s="1" t="s">
        <v>215736</v>
      </c>
      <c r="G64641" s="1" t="s">
        <v>215660</v>
      </c>
      <c r="H64641" s="1" t="s">
        <v>215661</v>
      </c>
      <c r="I64641" s="1" t="s">
        <v>207852</v>
      </c>
      <c r="J64641" s="1" t="s">
        <v>215737</v>
      </c>
    </row>
    <row r="64642" spans="1:10" x14ac:dyDescent="0.35">
      <c r="A64642" s="1" t="s">
        <v>9171</v>
      </c>
      <c r="B64642" s="1" t="s">
        <v>207847</v>
      </c>
      <c r="C64642" s="1" t="s">
        <v>140</v>
      </c>
      <c r="D64642" s="1" t="s">
        <v>215738</v>
      </c>
      <c r="E64642" s="1" t="s">
        <v>215739</v>
      </c>
      <c r="F64642" s="1" t="s">
        <v>215740</v>
      </c>
      <c r="G64642" s="1" t="s">
        <v>215660</v>
      </c>
      <c r="H64642" s="1" t="s">
        <v>215661</v>
      </c>
      <c r="I64642" s="1" t="s">
        <v>207852</v>
      </c>
      <c r="J64642" s="1" t="s">
        <v>215741</v>
      </c>
    </row>
    <row r="64643" spans="1:10" x14ac:dyDescent="0.35">
      <c r="A64643" s="1" t="s">
        <v>9171</v>
      </c>
      <c r="B64643" s="1" t="s">
        <v>207847</v>
      </c>
      <c r="C64643" s="1" t="s">
        <v>145</v>
      </c>
      <c r="D64643" s="1" t="s">
        <v>176957</v>
      </c>
      <c r="E64643" s="1" t="s">
        <v>215742</v>
      </c>
      <c r="F64643" s="1" t="s">
        <v>215743</v>
      </c>
      <c r="G64643" s="1" t="s">
        <v>215660</v>
      </c>
      <c r="H64643" s="1" t="s">
        <v>215661</v>
      </c>
      <c r="I64643" s="1" t="s">
        <v>207852</v>
      </c>
      <c r="J64643" s="1" t="s">
        <v>215744</v>
      </c>
    </row>
    <row r="64644" spans="1:10" x14ac:dyDescent="0.35">
      <c r="A64644" s="1" t="s">
        <v>9171</v>
      </c>
      <c r="B64644" s="1" t="s">
        <v>207847</v>
      </c>
      <c r="C64644" s="1" t="s">
        <v>150</v>
      </c>
      <c r="D64644" s="1" t="s">
        <v>215745</v>
      </c>
      <c r="E64644" s="1" t="s">
        <v>215746</v>
      </c>
      <c r="F64644" s="1" t="s">
        <v>215747</v>
      </c>
      <c r="G64644" s="1" t="s">
        <v>215660</v>
      </c>
      <c r="H64644" s="1" t="s">
        <v>215661</v>
      </c>
      <c r="I64644" s="1" t="s">
        <v>207852</v>
      </c>
      <c r="J64644" s="1" t="s">
        <v>215748</v>
      </c>
    </row>
    <row r="64645" spans="1:10" x14ac:dyDescent="0.35">
      <c r="A64645" s="1" t="s">
        <v>9171</v>
      </c>
      <c r="B64645" s="1" t="s">
        <v>207847</v>
      </c>
      <c r="C64645" s="1" t="s">
        <v>155</v>
      </c>
      <c r="D64645" s="1" t="s">
        <v>142086</v>
      </c>
      <c r="E64645" s="1" t="s">
        <v>215749</v>
      </c>
      <c r="F64645" s="1" t="s">
        <v>215750</v>
      </c>
      <c r="G64645" s="1" t="s">
        <v>215660</v>
      </c>
      <c r="H64645" s="1" t="s">
        <v>215661</v>
      </c>
      <c r="I64645" s="1" t="s">
        <v>207852</v>
      </c>
      <c r="J64645" s="1" t="s">
        <v>215751</v>
      </c>
    </row>
    <row r="64646" spans="1:10" x14ac:dyDescent="0.35">
      <c r="A64646" s="1" t="s">
        <v>9171</v>
      </c>
      <c r="B64646" s="1" t="s">
        <v>207847</v>
      </c>
      <c r="C64646" s="1" t="s">
        <v>160</v>
      </c>
      <c r="D64646" s="1" t="s">
        <v>213588</v>
      </c>
      <c r="E64646" s="1" t="s">
        <v>215752</v>
      </c>
      <c r="F64646" s="1" t="s">
        <v>215753</v>
      </c>
      <c r="G64646" s="1" t="s">
        <v>215660</v>
      </c>
      <c r="H64646" s="1" t="s">
        <v>215661</v>
      </c>
      <c r="I64646" s="1" t="s">
        <v>207852</v>
      </c>
      <c r="J64646" s="1" t="s">
        <v>215754</v>
      </c>
    </row>
    <row r="64647" spans="1:10" x14ac:dyDescent="0.35">
      <c r="A64647" s="1" t="s">
        <v>9171</v>
      </c>
      <c r="B64647" s="1" t="s">
        <v>207847</v>
      </c>
      <c r="C64647" s="1" t="s">
        <v>165</v>
      </c>
      <c r="D64647" s="1" t="s">
        <v>67763</v>
      </c>
      <c r="E64647" s="1" t="s">
        <v>215755</v>
      </c>
      <c r="F64647" s="1" t="s">
        <v>215756</v>
      </c>
      <c r="G64647" s="1" t="s">
        <v>215660</v>
      </c>
      <c r="H64647" s="1" t="s">
        <v>215661</v>
      </c>
      <c r="I64647" s="1" t="s">
        <v>207852</v>
      </c>
      <c r="J64647" s="1" t="s">
        <v>213594</v>
      </c>
    </row>
    <row r="64648" spans="1:10" x14ac:dyDescent="0.35">
      <c r="A64648" s="1" t="s">
        <v>9171</v>
      </c>
      <c r="B64648" s="1" t="s">
        <v>207847</v>
      </c>
      <c r="C64648" s="1" t="s">
        <v>170</v>
      </c>
      <c r="D64648" s="1" t="s">
        <v>82533</v>
      </c>
      <c r="E64648" s="1" t="s">
        <v>215757</v>
      </c>
      <c r="F64648" s="1" t="s">
        <v>215758</v>
      </c>
      <c r="G64648" s="1" t="s">
        <v>215660</v>
      </c>
      <c r="H64648" s="1" t="s">
        <v>215661</v>
      </c>
      <c r="I64648" s="1" t="s">
        <v>207852</v>
      </c>
      <c r="J64648" s="1" t="s">
        <v>213597</v>
      </c>
    </row>
    <row r="64649" spans="1:10" x14ac:dyDescent="0.35">
      <c r="A64649" s="1" t="s">
        <v>109793</v>
      </c>
      <c r="B64649" s="1" t="s">
        <v>207847</v>
      </c>
      <c r="C64649" s="1" t="s">
        <v>8</v>
      </c>
      <c r="D64649" s="1" t="s">
        <v>215759</v>
      </c>
      <c r="E64649" s="1" t="s">
        <v>30608</v>
      </c>
      <c r="F64649" s="1" t="s">
        <v>215760</v>
      </c>
      <c r="G64649" s="1" t="s">
        <v>215761</v>
      </c>
      <c r="H64649" s="1" t="s">
        <v>215762</v>
      </c>
      <c r="I64649" s="1" t="s">
        <v>207852</v>
      </c>
      <c r="J64649" s="1" t="s">
        <v>13</v>
      </c>
    </row>
    <row r="64650" spans="1:10" x14ac:dyDescent="0.35">
      <c r="A64650" s="1" t="s">
        <v>109793</v>
      </c>
      <c r="B64650" s="1" t="s">
        <v>207847</v>
      </c>
      <c r="C64650" s="1" t="s">
        <v>15</v>
      </c>
      <c r="D64650" s="1" t="s">
        <v>215763</v>
      </c>
      <c r="E64650" s="1" t="s">
        <v>57176</v>
      </c>
      <c r="F64650" s="1" t="s">
        <v>215764</v>
      </c>
      <c r="G64650" s="1" t="s">
        <v>215761</v>
      </c>
      <c r="H64650" s="1" t="s">
        <v>215762</v>
      </c>
      <c r="I64650" s="1" t="s">
        <v>207852</v>
      </c>
      <c r="J64650" s="1" t="s">
        <v>215765</v>
      </c>
    </row>
    <row r="64651" spans="1:10" x14ac:dyDescent="0.35">
      <c r="A64651" s="1" t="s">
        <v>109793</v>
      </c>
      <c r="B64651" s="1" t="s">
        <v>207847</v>
      </c>
      <c r="C64651" s="1" t="s">
        <v>20</v>
      </c>
      <c r="D64651" s="1" t="s">
        <v>17380</v>
      </c>
      <c r="E64651" s="1" t="s">
        <v>54118</v>
      </c>
      <c r="F64651" s="1" t="s">
        <v>215766</v>
      </c>
      <c r="G64651" s="1" t="s">
        <v>215761</v>
      </c>
      <c r="H64651" s="1" t="s">
        <v>215762</v>
      </c>
      <c r="I64651" s="1" t="s">
        <v>207852</v>
      </c>
      <c r="J64651" s="1" t="s">
        <v>215767</v>
      </c>
    </row>
    <row r="64652" spans="1:10" x14ac:dyDescent="0.35">
      <c r="A64652" s="1" t="s">
        <v>109793</v>
      </c>
      <c r="B64652" s="1" t="s">
        <v>207847</v>
      </c>
      <c r="C64652" s="1" t="s">
        <v>25</v>
      </c>
      <c r="D64652" s="1" t="s">
        <v>71798</v>
      </c>
      <c r="E64652" s="1" t="s">
        <v>100701</v>
      </c>
      <c r="F64652" s="1" t="s">
        <v>21903</v>
      </c>
      <c r="G64652" s="1" t="s">
        <v>215761</v>
      </c>
      <c r="H64652" s="1" t="s">
        <v>215762</v>
      </c>
      <c r="I64652" s="1" t="s">
        <v>207852</v>
      </c>
      <c r="J64652" s="1" t="s">
        <v>215768</v>
      </c>
    </row>
    <row r="64653" spans="1:10" x14ac:dyDescent="0.35">
      <c r="A64653" s="1" t="s">
        <v>109793</v>
      </c>
      <c r="B64653" s="1" t="s">
        <v>207847</v>
      </c>
      <c r="C64653" s="1" t="s">
        <v>30</v>
      </c>
      <c r="D64653" s="1" t="s">
        <v>110772</v>
      </c>
      <c r="E64653" s="1" t="s">
        <v>109165</v>
      </c>
      <c r="F64653" s="1" t="s">
        <v>215769</v>
      </c>
      <c r="G64653" s="1" t="s">
        <v>215761</v>
      </c>
      <c r="H64653" s="1" t="s">
        <v>215762</v>
      </c>
      <c r="I64653" s="1" t="s">
        <v>207852</v>
      </c>
      <c r="J64653" s="1" t="s">
        <v>215770</v>
      </c>
    </row>
    <row r="64654" spans="1:10" x14ac:dyDescent="0.35">
      <c r="A64654" s="1" t="s">
        <v>109793</v>
      </c>
      <c r="B64654" s="1" t="s">
        <v>207847</v>
      </c>
      <c r="C64654" s="1" t="s">
        <v>35</v>
      </c>
      <c r="D64654" s="1" t="s">
        <v>135351</v>
      </c>
      <c r="E64654" s="1" t="s">
        <v>129652</v>
      </c>
      <c r="F64654" s="1" t="s">
        <v>215771</v>
      </c>
      <c r="G64654" s="1" t="s">
        <v>215761</v>
      </c>
      <c r="H64654" s="1" t="s">
        <v>215762</v>
      </c>
      <c r="I64654" s="1" t="s">
        <v>207852</v>
      </c>
      <c r="J64654" s="1" t="s">
        <v>215772</v>
      </c>
    </row>
    <row r="64655" spans="1:10" x14ac:dyDescent="0.35">
      <c r="A64655" s="1" t="s">
        <v>109793</v>
      </c>
      <c r="B64655" s="1" t="s">
        <v>207847</v>
      </c>
      <c r="C64655" s="1" t="s">
        <v>40</v>
      </c>
      <c r="D64655" s="1" t="s">
        <v>215773</v>
      </c>
      <c r="E64655" s="1" t="s">
        <v>19900</v>
      </c>
      <c r="F64655" s="1" t="s">
        <v>215774</v>
      </c>
      <c r="G64655" s="1" t="s">
        <v>215761</v>
      </c>
      <c r="H64655" s="1" t="s">
        <v>215762</v>
      </c>
      <c r="I64655" s="1" t="s">
        <v>207852</v>
      </c>
      <c r="J64655" s="1" t="s">
        <v>215775</v>
      </c>
    </row>
    <row r="64656" spans="1:10" x14ac:dyDescent="0.35">
      <c r="A64656" s="1" t="s">
        <v>109793</v>
      </c>
      <c r="B64656" s="1" t="s">
        <v>207847</v>
      </c>
      <c r="C64656" s="1" t="s">
        <v>45</v>
      </c>
      <c r="D64656" s="1" t="s">
        <v>176688</v>
      </c>
      <c r="E64656" s="1" t="s">
        <v>26265</v>
      </c>
      <c r="F64656" s="1" t="s">
        <v>12771</v>
      </c>
      <c r="G64656" s="1" t="s">
        <v>215761</v>
      </c>
      <c r="H64656" s="1" t="s">
        <v>215762</v>
      </c>
      <c r="I64656" s="1" t="s">
        <v>207852</v>
      </c>
      <c r="J64656" s="1" t="s">
        <v>215776</v>
      </c>
    </row>
    <row r="64657" spans="1:10" x14ac:dyDescent="0.35">
      <c r="A64657" s="1" t="s">
        <v>109793</v>
      </c>
      <c r="B64657" s="1" t="s">
        <v>207847</v>
      </c>
      <c r="C64657" s="1" t="s">
        <v>50</v>
      </c>
      <c r="D64657" s="1" t="s">
        <v>35912</v>
      </c>
      <c r="E64657" s="1" t="s">
        <v>90256</v>
      </c>
      <c r="F64657" s="1" t="s">
        <v>215777</v>
      </c>
      <c r="G64657" s="1" t="s">
        <v>215761</v>
      </c>
      <c r="H64657" s="1" t="s">
        <v>215762</v>
      </c>
      <c r="I64657" s="1" t="s">
        <v>207852</v>
      </c>
      <c r="J64657" s="1" t="s">
        <v>215778</v>
      </c>
    </row>
    <row r="64658" spans="1:10" x14ac:dyDescent="0.35">
      <c r="A64658" s="1" t="s">
        <v>109793</v>
      </c>
      <c r="B64658" s="1" t="s">
        <v>207847</v>
      </c>
      <c r="C64658" s="1" t="s">
        <v>55</v>
      </c>
      <c r="D64658" s="1" t="s">
        <v>37856</v>
      </c>
      <c r="E64658" s="1" t="s">
        <v>215779</v>
      </c>
      <c r="F64658" s="1" t="s">
        <v>215780</v>
      </c>
      <c r="G64658" s="1" t="s">
        <v>215761</v>
      </c>
      <c r="H64658" s="1" t="s">
        <v>215762</v>
      </c>
      <c r="I64658" s="1" t="s">
        <v>207852</v>
      </c>
      <c r="J64658" s="1" t="s">
        <v>215781</v>
      </c>
    </row>
    <row r="64659" spans="1:10" x14ac:dyDescent="0.35">
      <c r="A64659" s="1" t="s">
        <v>109793</v>
      </c>
      <c r="B64659" s="1" t="s">
        <v>207847</v>
      </c>
      <c r="C64659" s="1" t="s">
        <v>60</v>
      </c>
      <c r="D64659" s="1" t="s">
        <v>185251</v>
      </c>
      <c r="E64659" s="1" t="s">
        <v>31904</v>
      </c>
      <c r="F64659" s="1" t="s">
        <v>215782</v>
      </c>
      <c r="G64659" s="1" t="s">
        <v>215761</v>
      </c>
      <c r="H64659" s="1" t="s">
        <v>215762</v>
      </c>
      <c r="I64659" s="1" t="s">
        <v>207852</v>
      </c>
      <c r="J64659" s="1" t="s">
        <v>215783</v>
      </c>
    </row>
    <row r="64660" spans="1:10" x14ac:dyDescent="0.35">
      <c r="A64660" s="1" t="s">
        <v>109793</v>
      </c>
      <c r="B64660" s="1" t="s">
        <v>207847</v>
      </c>
      <c r="C64660" s="1" t="s">
        <v>65</v>
      </c>
      <c r="D64660" s="1" t="s">
        <v>703</v>
      </c>
      <c r="E64660" s="1" t="s">
        <v>107509</v>
      </c>
      <c r="F64660" s="1" t="s">
        <v>215784</v>
      </c>
      <c r="G64660" s="1" t="s">
        <v>215761</v>
      </c>
      <c r="H64660" s="1" t="s">
        <v>215762</v>
      </c>
      <c r="I64660" s="1" t="s">
        <v>207852</v>
      </c>
      <c r="J64660" s="1" t="s">
        <v>215785</v>
      </c>
    </row>
    <row r="64661" spans="1:10" x14ac:dyDescent="0.35">
      <c r="A64661" s="1" t="s">
        <v>109793</v>
      </c>
      <c r="B64661" s="1" t="s">
        <v>207847</v>
      </c>
      <c r="C64661" s="1" t="s">
        <v>70</v>
      </c>
      <c r="D64661" s="1" t="s">
        <v>17863</v>
      </c>
      <c r="E64661" s="1" t="s">
        <v>15676</v>
      </c>
      <c r="F64661" s="1" t="s">
        <v>215786</v>
      </c>
      <c r="G64661" s="1" t="s">
        <v>215761</v>
      </c>
      <c r="H64661" s="1" t="s">
        <v>215762</v>
      </c>
      <c r="I64661" s="1" t="s">
        <v>207852</v>
      </c>
      <c r="J64661" s="1" t="s">
        <v>215787</v>
      </c>
    </row>
    <row r="64662" spans="1:10" x14ac:dyDescent="0.35">
      <c r="A64662" s="1" t="s">
        <v>109793</v>
      </c>
      <c r="B64662" s="1" t="s">
        <v>207847</v>
      </c>
      <c r="C64662" s="1" t="s">
        <v>75</v>
      </c>
      <c r="D64662" s="1" t="s">
        <v>114716</v>
      </c>
      <c r="E64662" s="1" t="s">
        <v>27160</v>
      </c>
      <c r="F64662" s="1" t="s">
        <v>215788</v>
      </c>
      <c r="G64662" s="1" t="s">
        <v>215761</v>
      </c>
      <c r="H64662" s="1" t="s">
        <v>215762</v>
      </c>
      <c r="I64662" s="1" t="s">
        <v>207852</v>
      </c>
      <c r="J64662" s="1" t="s">
        <v>215789</v>
      </c>
    </row>
    <row r="64663" spans="1:10" x14ac:dyDescent="0.35">
      <c r="A64663" s="1" t="s">
        <v>109793</v>
      </c>
      <c r="B64663" s="1" t="s">
        <v>207847</v>
      </c>
      <c r="C64663" s="1" t="s">
        <v>80</v>
      </c>
      <c r="D64663" s="1" t="s">
        <v>118775</v>
      </c>
      <c r="E64663" s="1" t="s">
        <v>70910</v>
      </c>
      <c r="F64663" s="1" t="s">
        <v>215790</v>
      </c>
      <c r="G64663" s="1" t="s">
        <v>215761</v>
      </c>
      <c r="H64663" s="1" t="s">
        <v>215762</v>
      </c>
      <c r="I64663" s="1" t="s">
        <v>207852</v>
      </c>
      <c r="J64663" s="1" t="s">
        <v>215791</v>
      </c>
    </row>
    <row r="64664" spans="1:10" x14ac:dyDescent="0.35">
      <c r="A64664" s="1" t="s">
        <v>109793</v>
      </c>
      <c r="B64664" s="1" t="s">
        <v>207847</v>
      </c>
      <c r="C64664" s="1" t="s">
        <v>85</v>
      </c>
      <c r="D64664" s="1" t="s">
        <v>155945</v>
      </c>
      <c r="E64664" s="1" t="s">
        <v>215792</v>
      </c>
      <c r="F64664" s="1" t="s">
        <v>215793</v>
      </c>
      <c r="G64664" s="1" t="s">
        <v>215761</v>
      </c>
      <c r="H64664" s="1" t="s">
        <v>215762</v>
      </c>
      <c r="I64664" s="1" t="s">
        <v>207852</v>
      </c>
      <c r="J64664" s="1" t="s">
        <v>215794</v>
      </c>
    </row>
    <row r="64665" spans="1:10" x14ac:dyDescent="0.35">
      <c r="A64665" s="1" t="s">
        <v>109793</v>
      </c>
      <c r="B64665" s="1" t="s">
        <v>207847</v>
      </c>
      <c r="C64665" s="1" t="s">
        <v>90</v>
      </c>
      <c r="D64665" s="1" t="s">
        <v>154265</v>
      </c>
      <c r="E64665" s="1" t="s">
        <v>31904</v>
      </c>
      <c r="F64665" s="1" t="s">
        <v>215795</v>
      </c>
      <c r="G64665" s="1" t="s">
        <v>215761</v>
      </c>
      <c r="H64665" s="1" t="s">
        <v>215762</v>
      </c>
      <c r="I64665" s="1" t="s">
        <v>207852</v>
      </c>
      <c r="J64665" s="1" t="s">
        <v>215796</v>
      </c>
    </row>
    <row r="64666" spans="1:10" x14ac:dyDescent="0.35">
      <c r="A64666" s="1" t="s">
        <v>109793</v>
      </c>
      <c r="B64666" s="1" t="s">
        <v>207847</v>
      </c>
      <c r="C64666" s="1" t="s">
        <v>95</v>
      </c>
      <c r="D64666" s="1" t="s">
        <v>142023</v>
      </c>
      <c r="E64666" s="1" t="s">
        <v>129760</v>
      </c>
      <c r="F64666" s="1" t="s">
        <v>215797</v>
      </c>
      <c r="G64666" s="1" t="s">
        <v>215761</v>
      </c>
      <c r="H64666" s="1" t="s">
        <v>215762</v>
      </c>
      <c r="I64666" s="1" t="s">
        <v>207852</v>
      </c>
      <c r="J64666" s="1" t="s">
        <v>215798</v>
      </c>
    </row>
    <row r="64667" spans="1:10" x14ac:dyDescent="0.35">
      <c r="A64667" s="1" t="s">
        <v>109793</v>
      </c>
      <c r="B64667" s="1" t="s">
        <v>207847</v>
      </c>
      <c r="C64667" s="1" t="s">
        <v>100</v>
      </c>
      <c r="D64667" s="1" t="s">
        <v>215799</v>
      </c>
      <c r="E64667" s="1" t="s">
        <v>19944</v>
      </c>
      <c r="F64667" s="1" t="s">
        <v>16088</v>
      </c>
      <c r="G64667" s="1" t="s">
        <v>215761</v>
      </c>
      <c r="H64667" s="1" t="s">
        <v>215762</v>
      </c>
      <c r="I64667" s="1" t="s">
        <v>207852</v>
      </c>
      <c r="J64667" s="1" t="s">
        <v>215800</v>
      </c>
    </row>
    <row r="64668" spans="1:10" x14ac:dyDescent="0.35">
      <c r="A64668" s="1" t="s">
        <v>109793</v>
      </c>
      <c r="B64668" s="1" t="s">
        <v>207847</v>
      </c>
      <c r="C64668" s="1" t="s">
        <v>105</v>
      </c>
      <c r="D64668" s="1" t="s">
        <v>172723</v>
      </c>
      <c r="E64668" s="1" t="s">
        <v>19882</v>
      </c>
      <c r="F64668" s="1" t="s">
        <v>215801</v>
      </c>
      <c r="G64668" s="1" t="s">
        <v>215761</v>
      </c>
      <c r="H64668" s="1" t="s">
        <v>215762</v>
      </c>
      <c r="I64668" s="1" t="s">
        <v>207852</v>
      </c>
      <c r="J64668" s="1" t="s">
        <v>215802</v>
      </c>
    </row>
    <row r="64669" spans="1:10" x14ac:dyDescent="0.35">
      <c r="A64669" s="1" t="s">
        <v>109793</v>
      </c>
      <c r="B64669" s="1" t="s">
        <v>207847</v>
      </c>
      <c r="C64669" s="1" t="s">
        <v>110</v>
      </c>
      <c r="D64669" s="1" t="s">
        <v>4272</v>
      </c>
      <c r="E64669" s="1" t="s">
        <v>15998</v>
      </c>
      <c r="F64669" s="1" t="s">
        <v>215803</v>
      </c>
      <c r="G64669" s="1" t="s">
        <v>215761</v>
      </c>
      <c r="H64669" s="1" t="s">
        <v>215762</v>
      </c>
      <c r="I64669" s="1" t="s">
        <v>207852</v>
      </c>
      <c r="J64669" s="1" t="s">
        <v>215804</v>
      </c>
    </row>
    <row r="64670" spans="1:10" x14ac:dyDescent="0.35">
      <c r="A64670" s="1" t="s">
        <v>109793</v>
      </c>
      <c r="B64670" s="1" t="s">
        <v>207847</v>
      </c>
      <c r="C64670" s="1" t="s">
        <v>115</v>
      </c>
      <c r="D64670" s="1" t="s">
        <v>184825</v>
      </c>
      <c r="E64670" s="1" t="s">
        <v>31941</v>
      </c>
      <c r="F64670" s="1" t="s">
        <v>11797</v>
      </c>
      <c r="G64670" s="1" t="s">
        <v>215761</v>
      </c>
      <c r="H64670" s="1" t="s">
        <v>215762</v>
      </c>
      <c r="I64670" s="1" t="s">
        <v>207852</v>
      </c>
      <c r="J64670" s="1" t="s">
        <v>215805</v>
      </c>
    </row>
    <row r="64671" spans="1:10" x14ac:dyDescent="0.35">
      <c r="A64671" s="1" t="s">
        <v>109793</v>
      </c>
      <c r="B64671" s="1" t="s">
        <v>207847</v>
      </c>
      <c r="C64671" s="1" t="s">
        <v>120</v>
      </c>
      <c r="D64671" s="1" t="s">
        <v>215806</v>
      </c>
      <c r="E64671" s="1" t="s">
        <v>90252</v>
      </c>
      <c r="F64671" s="1" t="s">
        <v>215807</v>
      </c>
      <c r="G64671" s="1" t="s">
        <v>215761</v>
      </c>
      <c r="H64671" s="1" t="s">
        <v>215762</v>
      </c>
      <c r="I64671" s="1" t="s">
        <v>207852</v>
      </c>
      <c r="J64671" s="1" t="s">
        <v>215808</v>
      </c>
    </row>
    <row r="64672" spans="1:10" x14ac:dyDescent="0.35">
      <c r="A64672" s="1" t="s">
        <v>109793</v>
      </c>
      <c r="B64672" s="1" t="s">
        <v>207847</v>
      </c>
      <c r="C64672" s="1" t="s">
        <v>125</v>
      </c>
      <c r="D64672" s="1" t="s">
        <v>10666</v>
      </c>
      <c r="E64672" s="1" t="s">
        <v>19940</v>
      </c>
      <c r="F64672" s="1" t="s">
        <v>26431</v>
      </c>
      <c r="G64672" s="1" t="s">
        <v>215761</v>
      </c>
      <c r="H64672" s="1" t="s">
        <v>215762</v>
      </c>
      <c r="I64672" s="1" t="s">
        <v>207852</v>
      </c>
      <c r="J64672" s="1" t="s">
        <v>215809</v>
      </c>
    </row>
    <row r="64673" spans="1:10" x14ac:dyDescent="0.35">
      <c r="A64673" s="1" t="s">
        <v>109793</v>
      </c>
      <c r="B64673" s="1" t="s">
        <v>207847</v>
      </c>
      <c r="C64673" s="1" t="s">
        <v>130</v>
      </c>
      <c r="D64673" s="1" t="s">
        <v>180870</v>
      </c>
      <c r="E64673" s="1" t="s">
        <v>215810</v>
      </c>
      <c r="F64673" s="1" t="s">
        <v>215811</v>
      </c>
      <c r="G64673" s="1" t="s">
        <v>215761</v>
      </c>
      <c r="H64673" s="1" t="s">
        <v>215762</v>
      </c>
      <c r="I64673" s="1" t="s">
        <v>207852</v>
      </c>
      <c r="J64673" s="1" t="s">
        <v>215812</v>
      </c>
    </row>
    <row r="64674" spans="1:10" x14ac:dyDescent="0.35">
      <c r="A64674" s="1" t="s">
        <v>109793</v>
      </c>
      <c r="B64674" s="1" t="s">
        <v>207847</v>
      </c>
      <c r="C64674" s="1" t="s">
        <v>135</v>
      </c>
      <c r="D64674" s="1" t="s">
        <v>114690</v>
      </c>
      <c r="E64674" s="1" t="s">
        <v>19900</v>
      </c>
      <c r="F64674" s="1" t="s">
        <v>215813</v>
      </c>
      <c r="G64674" s="1" t="s">
        <v>215761</v>
      </c>
      <c r="H64674" s="1" t="s">
        <v>215762</v>
      </c>
      <c r="I64674" s="1" t="s">
        <v>207852</v>
      </c>
      <c r="J64674" s="1" t="s">
        <v>215814</v>
      </c>
    </row>
    <row r="64675" spans="1:10" x14ac:dyDescent="0.35">
      <c r="A64675" s="1" t="s">
        <v>109793</v>
      </c>
      <c r="B64675" s="1" t="s">
        <v>207847</v>
      </c>
      <c r="C64675" s="1" t="s">
        <v>140</v>
      </c>
      <c r="D64675" s="1" t="s">
        <v>108451</v>
      </c>
      <c r="E64675" s="1" t="s">
        <v>134106</v>
      </c>
      <c r="F64675" s="1" t="s">
        <v>179993</v>
      </c>
      <c r="G64675" s="1" t="s">
        <v>215761</v>
      </c>
      <c r="H64675" s="1" t="s">
        <v>215762</v>
      </c>
      <c r="I64675" s="1" t="s">
        <v>207852</v>
      </c>
      <c r="J64675" s="1" t="s">
        <v>215815</v>
      </c>
    </row>
    <row r="64676" spans="1:10" x14ac:dyDescent="0.35">
      <c r="A64676" s="1" t="s">
        <v>109793</v>
      </c>
      <c r="B64676" s="1" t="s">
        <v>207847</v>
      </c>
      <c r="C64676" s="1" t="s">
        <v>145</v>
      </c>
      <c r="D64676" s="1" t="s">
        <v>215816</v>
      </c>
      <c r="E64676" s="1" t="s">
        <v>30622</v>
      </c>
      <c r="F64676" s="1" t="s">
        <v>24356</v>
      </c>
      <c r="G64676" s="1" t="s">
        <v>215761</v>
      </c>
      <c r="H64676" s="1" t="s">
        <v>215762</v>
      </c>
      <c r="I64676" s="1" t="s">
        <v>207852</v>
      </c>
      <c r="J64676" s="1" t="s">
        <v>215817</v>
      </c>
    </row>
    <row r="64677" spans="1:10" x14ac:dyDescent="0.35">
      <c r="A64677" s="1" t="s">
        <v>109793</v>
      </c>
      <c r="B64677" s="1" t="s">
        <v>207847</v>
      </c>
      <c r="C64677" s="1" t="s">
        <v>150</v>
      </c>
      <c r="D64677" s="1" t="s">
        <v>154346</v>
      </c>
      <c r="E64677" s="1" t="s">
        <v>16197</v>
      </c>
      <c r="F64677" s="1" t="s">
        <v>215818</v>
      </c>
      <c r="G64677" s="1" t="s">
        <v>215761</v>
      </c>
      <c r="H64677" s="1" t="s">
        <v>215762</v>
      </c>
      <c r="I64677" s="1" t="s">
        <v>207852</v>
      </c>
      <c r="J64677" s="1" t="s">
        <v>215819</v>
      </c>
    </row>
    <row r="64678" spans="1:10" x14ac:dyDescent="0.35">
      <c r="A64678" s="1" t="s">
        <v>109793</v>
      </c>
      <c r="B64678" s="1" t="s">
        <v>207847</v>
      </c>
      <c r="C64678" s="1" t="s">
        <v>155</v>
      </c>
      <c r="D64678" s="1" t="s">
        <v>189984</v>
      </c>
      <c r="E64678" s="1" t="s">
        <v>133765</v>
      </c>
      <c r="F64678" s="1" t="s">
        <v>215820</v>
      </c>
      <c r="G64678" s="1" t="s">
        <v>215761</v>
      </c>
      <c r="H64678" s="1" t="s">
        <v>215762</v>
      </c>
      <c r="I64678" s="1" t="s">
        <v>207852</v>
      </c>
      <c r="J64678" s="1" t="s">
        <v>215821</v>
      </c>
    </row>
    <row r="64679" spans="1:10" x14ac:dyDescent="0.35">
      <c r="A64679" s="1" t="s">
        <v>109793</v>
      </c>
      <c r="B64679" s="1" t="s">
        <v>207847</v>
      </c>
      <c r="C64679" s="1" t="s">
        <v>160</v>
      </c>
      <c r="D64679" s="1" t="s">
        <v>215822</v>
      </c>
      <c r="E64679" s="1" t="s">
        <v>76405</v>
      </c>
      <c r="F64679" s="1" t="s">
        <v>215823</v>
      </c>
      <c r="G64679" s="1" t="s">
        <v>215761</v>
      </c>
      <c r="H64679" s="1" t="s">
        <v>215762</v>
      </c>
      <c r="I64679" s="1" t="s">
        <v>207852</v>
      </c>
      <c r="J64679" s="1" t="s">
        <v>215824</v>
      </c>
    </row>
    <row r="64680" spans="1:10" x14ac:dyDescent="0.35">
      <c r="A64680" s="1" t="s">
        <v>109793</v>
      </c>
      <c r="B64680" s="1" t="s">
        <v>207847</v>
      </c>
      <c r="C64680" s="1" t="s">
        <v>165</v>
      </c>
      <c r="D64680" s="1" t="s">
        <v>215825</v>
      </c>
      <c r="E64680" s="1" t="s">
        <v>70884</v>
      </c>
      <c r="F64680" s="1" t="s">
        <v>215826</v>
      </c>
      <c r="G64680" s="1" t="s">
        <v>215761</v>
      </c>
      <c r="H64680" s="1" t="s">
        <v>215762</v>
      </c>
      <c r="I64680" s="1" t="s">
        <v>207852</v>
      </c>
      <c r="J64680" s="1" t="s">
        <v>215827</v>
      </c>
    </row>
    <row r="64681" spans="1:10" x14ac:dyDescent="0.35">
      <c r="A64681" s="1" t="s">
        <v>109793</v>
      </c>
      <c r="B64681" s="1" t="s">
        <v>207847</v>
      </c>
      <c r="C64681" s="1" t="s">
        <v>170</v>
      </c>
      <c r="D64681" s="1" t="s">
        <v>198505</v>
      </c>
      <c r="E64681" s="1" t="s">
        <v>129333</v>
      </c>
      <c r="F64681" s="1" t="s">
        <v>99379</v>
      </c>
      <c r="G64681" s="1" t="s">
        <v>215761</v>
      </c>
      <c r="H64681" s="1" t="s">
        <v>215762</v>
      </c>
      <c r="I64681" s="1" t="s">
        <v>207852</v>
      </c>
      <c r="J64681" s="1" t="s">
        <v>215828</v>
      </c>
    </row>
    <row r="64682" spans="1:10" x14ac:dyDescent="0.35">
      <c r="A64682" s="1" t="s">
        <v>165592</v>
      </c>
      <c r="B64682" s="1" t="s">
        <v>207847</v>
      </c>
      <c r="C64682" s="1" t="s">
        <v>8</v>
      </c>
      <c r="D64682" s="1" t="s">
        <v>147185</v>
      </c>
      <c r="E64682" s="1" t="s">
        <v>215829</v>
      </c>
      <c r="F64682" s="1" t="s">
        <v>215830</v>
      </c>
      <c r="G64682" s="1" t="s">
        <v>215831</v>
      </c>
      <c r="H64682" s="1" t="s">
        <v>215832</v>
      </c>
      <c r="I64682" s="1" t="s">
        <v>207852</v>
      </c>
      <c r="J64682" s="1" t="s">
        <v>13</v>
      </c>
    </row>
    <row r="64683" spans="1:10" x14ac:dyDescent="0.35">
      <c r="A64683" s="1" t="s">
        <v>165592</v>
      </c>
      <c r="B64683" s="1" t="s">
        <v>207847</v>
      </c>
      <c r="C64683" s="1" t="s">
        <v>15</v>
      </c>
      <c r="D64683" s="1" t="s">
        <v>73613</v>
      </c>
      <c r="E64683" s="1" t="s">
        <v>215833</v>
      </c>
      <c r="F64683" s="1" t="s">
        <v>215834</v>
      </c>
      <c r="G64683" s="1" t="s">
        <v>215831</v>
      </c>
      <c r="H64683" s="1" t="s">
        <v>215832</v>
      </c>
      <c r="I64683" s="1" t="s">
        <v>207852</v>
      </c>
      <c r="J64683" s="1" t="s">
        <v>215835</v>
      </c>
    </row>
    <row r="64684" spans="1:10" x14ac:dyDescent="0.35">
      <c r="A64684" s="1" t="s">
        <v>165592</v>
      </c>
      <c r="B64684" s="1" t="s">
        <v>207847</v>
      </c>
      <c r="C64684" s="1" t="s">
        <v>20</v>
      </c>
      <c r="D64684" s="1" t="s">
        <v>2469</v>
      </c>
      <c r="E64684" s="1" t="s">
        <v>215836</v>
      </c>
      <c r="F64684" s="1" t="s">
        <v>215837</v>
      </c>
      <c r="G64684" s="1" t="s">
        <v>215831</v>
      </c>
      <c r="H64684" s="1" t="s">
        <v>215832</v>
      </c>
      <c r="I64684" s="1" t="s">
        <v>207852</v>
      </c>
      <c r="J64684" s="1" t="s">
        <v>215838</v>
      </c>
    </row>
    <row r="64685" spans="1:10" x14ac:dyDescent="0.35">
      <c r="A64685" s="1" t="s">
        <v>165592</v>
      </c>
      <c r="B64685" s="1" t="s">
        <v>207847</v>
      </c>
      <c r="C64685" s="1" t="s">
        <v>25</v>
      </c>
      <c r="D64685" s="1" t="s">
        <v>46907</v>
      </c>
      <c r="E64685" s="1" t="s">
        <v>215839</v>
      </c>
      <c r="F64685" s="1" t="s">
        <v>215840</v>
      </c>
      <c r="G64685" s="1" t="s">
        <v>215831</v>
      </c>
      <c r="H64685" s="1" t="s">
        <v>215832</v>
      </c>
      <c r="I64685" s="1" t="s">
        <v>207852</v>
      </c>
      <c r="J64685" s="1" t="s">
        <v>215841</v>
      </c>
    </row>
    <row r="64686" spans="1:10" x14ac:dyDescent="0.35">
      <c r="A64686" s="1" t="s">
        <v>165592</v>
      </c>
      <c r="B64686" s="1" t="s">
        <v>207847</v>
      </c>
      <c r="C64686" s="1" t="s">
        <v>30</v>
      </c>
      <c r="D64686" s="1" t="s">
        <v>171723</v>
      </c>
      <c r="E64686" s="1" t="s">
        <v>215842</v>
      </c>
      <c r="F64686" s="1" t="s">
        <v>215843</v>
      </c>
      <c r="G64686" s="1" t="s">
        <v>215831</v>
      </c>
      <c r="H64686" s="1" t="s">
        <v>215832</v>
      </c>
      <c r="I64686" s="1" t="s">
        <v>207852</v>
      </c>
      <c r="J64686" s="1" t="s">
        <v>215844</v>
      </c>
    </row>
    <row r="64687" spans="1:10" x14ac:dyDescent="0.35">
      <c r="A64687" s="1" t="s">
        <v>165592</v>
      </c>
      <c r="B64687" s="1" t="s">
        <v>207847</v>
      </c>
      <c r="C64687" s="1" t="s">
        <v>35</v>
      </c>
      <c r="D64687" s="1" t="s">
        <v>215845</v>
      </c>
      <c r="E64687" s="1" t="s">
        <v>215846</v>
      </c>
      <c r="F64687" s="1" t="s">
        <v>215847</v>
      </c>
      <c r="G64687" s="1" t="s">
        <v>215831</v>
      </c>
      <c r="H64687" s="1" t="s">
        <v>215832</v>
      </c>
      <c r="I64687" s="1" t="s">
        <v>207852</v>
      </c>
      <c r="J64687" s="1" t="s">
        <v>215848</v>
      </c>
    </row>
    <row r="64688" spans="1:10" x14ac:dyDescent="0.35">
      <c r="A64688" s="1" t="s">
        <v>165592</v>
      </c>
      <c r="B64688" s="1" t="s">
        <v>207847</v>
      </c>
      <c r="C64688" s="1" t="s">
        <v>40</v>
      </c>
      <c r="D64688" s="1" t="s">
        <v>185412</v>
      </c>
      <c r="E64688" s="1" t="s">
        <v>215849</v>
      </c>
      <c r="F64688" s="1" t="s">
        <v>215850</v>
      </c>
      <c r="G64688" s="1" t="s">
        <v>215831</v>
      </c>
      <c r="H64688" s="1" t="s">
        <v>215832</v>
      </c>
      <c r="I64688" s="1" t="s">
        <v>207852</v>
      </c>
      <c r="J64688" s="1" t="s">
        <v>206972</v>
      </c>
    </row>
    <row r="64689" spans="1:10" x14ac:dyDescent="0.35">
      <c r="A64689" s="1" t="s">
        <v>165592</v>
      </c>
      <c r="B64689" s="1" t="s">
        <v>207847</v>
      </c>
      <c r="C64689" s="1" t="s">
        <v>45</v>
      </c>
      <c r="D64689" s="1" t="s">
        <v>186188</v>
      </c>
      <c r="E64689" s="1" t="s">
        <v>215851</v>
      </c>
      <c r="F64689" s="1" t="s">
        <v>215852</v>
      </c>
      <c r="G64689" s="1" t="s">
        <v>215831</v>
      </c>
      <c r="H64689" s="1" t="s">
        <v>215832</v>
      </c>
      <c r="I64689" s="1" t="s">
        <v>207852</v>
      </c>
      <c r="J64689" s="1" t="s">
        <v>215853</v>
      </c>
    </row>
    <row r="64690" spans="1:10" x14ac:dyDescent="0.35">
      <c r="A64690" s="1" t="s">
        <v>165592</v>
      </c>
      <c r="B64690" s="1" t="s">
        <v>207847</v>
      </c>
      <c r="C64690" s="1" t="s">
        <v>50</v>
      </c>
      <c r="D64690" s="1" t="s">
        <v>188286</v>
      </c>
      <c r="E64690" s="1" t="s">
        <v>215854</v>
      </c>
      <c r="F64690" s="1" t="s">
        <v>215855</v>
      </c>
      <c r="G64690" s="1" t="s">
        <v>215831</v>
      </c>
      <c r="H64690" s="1" t="s">
        <v>215832</v>
      </c>
      <c r="I64690" s="1" t="s">
        <v>207852</v>
      </c>
      <c r="J64690" s="1" t="s">
        <v>215856</v>
      </c>
    </row>
    <row r="64691" spans="1:10" x14ac:dyDescent="0.35">
      <c r="A64691" s="1" t="s">
        <v>165592</v>
      </c>
      <c r="B64691" s="1" t="s">
        <v>207847</v>
      </c>
      <c r="C64691" s="1" t="s">
        <v>55</v>
      </c>
      <c r="D64691" s="1" t="s">
        <v>183642</v>
      </c>
      <c r="E64691" s="1" t="s">
        <v>215857</v>
      </c>
      <c r="F64691" s="1" t="s">
        <v>215858</v>
      </c>
      <c r="G64691" s="1" t="s">
        <v>215831</v>
      </c>
      <c r="H64691" s="1" t="s">
        <v>215832</v>
      </c>
      <c r="I64691" s="1" t="s">
        <v>207852</v>
      </c>
      <c r="J64691" s="1" t="s">
        <v>215859</v>
      </c>
    </row>
    <row r="64692" spans="1:10" x14ac:dyDescent="0.35">
      <c r="A64692" s="1" t="s">
        <v>165592</v>
      </c>
      <c r="B64692" s="1" t="s">
        <v>207847</v>
      </c>
      <c r="C64692" s="1" t="s">
        <v>60</v>
      </c>
      <c r="D64692" s="1" t="s">
        <v>24859</v>
      </c>
      <c r="E64692" s="1" t="s">
        <v>215860</v>
      </c>
      <c r="F64692" s="1" t="s">
        <v>215861</v>
      </c>
      <c r="G64692" s="1" t="s">
        <v>215831</v>
      </c>
      <c r="H64692" s="1" t="s">
        <v>215832</v>
      </c>
      <c r="I64692" s="1" t="s">
        <v>207852</v>
      </c>
      <c r="J64692" s="1" t="s">
        <v>215862</v>
      </c>
    </row>
    <row r="64693" spans="1:10" x14ac:dyDescent="0.35">
      <c r="A64693" s="1" t="s">
        <v>165592</v>
      </c>
      <c r="B64693" s="1" t="s">
        <v>207847</v>
      </c>
      <c r="C64693" s="1" t="s">
        <v>65</v>
      </c>
      <c r="D64693" s="1" t="s">
        <v>212415</v>
      </c>
      <c r="E64693" s="1" t="s">
        <v>215863</v>
      </c>
      <c r="F64693" s="1" t="s">
        <v>215864</v>
      </c>
      <c r="G64693" s="1" t="s">
        <v>215831</v>
      </c>
      <c r="H64693" s="1" t="s">
        <v>215832</v>
      </c>
      <c r="I64693" s="1" t="s">
        <v>207852</v>
      </c>
      <c r="J64693" s="1" t="s">
        <v>215865</v>
      </c>
    </row>
    <row r="64694" spans="1:10" x14ac:dyDescent="0.35">
      <c r="A64694" s="1" t="s">
        <v>165592</v>
      </c>
      <c r="B64694" s="1" t="s">
        <v>207847</v>
      </c>
      <c r="C64694" s="1" t="s">
        <v>70</v>
      </c>
      <c r="D64694" s="1" t="s">
        <v>187502</v>
      </c>
      <c r="E64694" s="1" t="s">
        <v>215866</v>
      </c>
      <c r="F64694" s="1" t="s">
        <v>215867</v>
      </c>
      <c r="G64694" s="1" t="s">
        <v>215831</v>
      </c>
      <c r="H64694" s="1" t="s">
        <v>215832</v>
      </c>
      <c r="I64694" s="1" t="s">
        <v>207852</v>
      </c>
      <c r="J64694" s="1" t="s">
        <v>215868</v>
      </c>
    </row>
    <row r="64695" spans="1:10" x14ac:dyDescent="0.35">
      <c r="A64695" s="1" t="s">
        <v>165592</v>
      </c>
      <c r="B64695" s="1" t="s">
        <v>207847</v>
      </c>
      <c r="C64695" s="1" t="s">
        <v>75</v>
      </c>
      <c r="D64695" s="1" t="s">
        <v>215869</v>
      </c>
      <c r="E64695" s="1" t="s">
        <v>215870</v>
      </c>
      <c r="F64695" s="1" t="s">
        <v>215871</v>
      </c>
      <c r="G64695" s="1" t="s">
        <v>215831</v>
      </c>
      <c r="H64695" s="1" t="s">
        <v>215832</v>
      </c>
      <c r="I64695" s="1" t="s">
        <v>207852</v>
      </c>
      <c r="J64695" s="1" t="s">
        <v>215700</v>
      </c>
    </row>
    <row r="64696" spans="1:10" x14ac:dyDescent="0.35">
      <c r="A64696" s="1" t="s">
        <v>165592</v>
      </c>
      <c r="B64696" s="1" t="s">
        <v>207847</v>
      </c>
      <c r="C64696" s="1" t="s">
        <v>80</v>
      </c>
      <c r="D64696" s="1" t="s">
        <v>19039</v>
      </c>
      <c r="E64696" s="1" t="s">
        <v>215872</v>
      </c>
      <c r="F64696" s="1" t="s">
        <v>215873</v>
      </c>
      <c r="G64696" s="1" t="s">
        <v>215831</v>
      </c>
      <c r="H64696" s="1" t="s">
        <v>215832</v>
      </c>
      <c r="I64696" s="1" t="s">
        <v>207852</v>
      </c>
      <c r="J64696" s="1" t="s">
        <v>215874</v>
      </c>
    </row>
    <row r="64697" spans="1:10" x14ac:dyDescent="0.35">
      <c r="A64697" s="1" t="s">
        <v>165592</v>
      </c>
      <c r="B64697" s="1" t="s">
        <v>207847</v>
      </c>
      <c r="C64697" s="1" t="s">
        <v>85</v>
      </c>
      <c r="D64697" s="1" t="s">
        <v>147307</v>
      </c>
      <c r="E64697" s="1" t="s">
        <v>215875</v>
      </c>
      <c r="F64697" s="1" t="s">
        <v>215876</v>
      </c>
      <c r="G64697" s="1" t="s">
        <v>215831</v>
      </c>
      <c r="H64697" s="1" t="s">
        <v>215832</v>
      </c>
      <c r="I64697" s="1" t="s">
        <v>207852</v>
      </c>
      <c r="J64697" s="1" t="s">
        <v>215877</v>
      </c>
    </row>
    <row r="64698" spans="1:10" x14ac:dyDescent="0.35">
      <c r="A64698" s="1" t="s">
        <v>165592</v>
      </c>
      <c r="B64698" s="1" t="s">
        <v>207847</v>
      </c>
      <c r="C64698" s="1" t="s">
        <v>90</v>
      </c>
      <c r="D64698" s="1" t="s">
        <v>108836</v>
      </c>
      <c r="E64698" s="1" t="s">
        <v>215878</v>
      </c>
      <c r="F64698" s="1" t="s">
        <v>215879</v>
      </c>
      <c r="G64698" s="1" t="s">
        <v>215831</v>
      </c>
      <c r="H64698" s="1" t="s">
        <v>215832</v>
      </c>
      <c r="I64698" s="1" t="s">
        <v>207852</v>
      </c>
      <c r="J64698" s="1" t="s">
        <v>215880</v>
      </c>
    </row>
    <row r="64699" spans="1:10" x14ac:dyDescent="0.35">
      <c r="A64699" s="1" t="s">
        <v>165592</v>
      </c>
      <c r="B64699" s="1" t="s">
        <v>207847</v>
      </c>
      <c r="C64699" s="1" t="s">
        <v>95</v>
      </c>
      <c r="D64699" s="1" t="s">
        <v>215881</v>
      </c>
      <c r="E64699" s="1" t="s">
        <v>215882</v>
      </c>
      <c r="F64699" s="1" t="s">
        <v>215883</v>
      </c>
      <c r="G64699" s="1" t="s">
        <v>215831</v>
      </c>
      <c r="H64699" s="1" t="s">
        <v>215832</v>
      </c>
      <c r="I64699" s="1" t="s">
        <v>207852</v>
      </c>
      <c r="J64699" s="1" t="s">
        <v>215884</v>
      </c>
    </row>
    <row r="64700" spans="1:10" x14ac:dyDescent="0.35">
      <c r="A64700" s="1" t="s">
        <v>165592</v>
      </c>
      <c r="B64700" s="1" t="s">
        <v>207847</v>
      </c>
      <c r="C64700" s="1" t="s">
        <v>100</v>
      </c>
      <c r="D64700" s="1" t="s">
        <v>60276</v>
      </c>
      <c r="E64700" s="1" t="s">
        <v>215885</v>
      </c>
      <c r="F64700" s="1" t="s">
        <v>215886</v>
      </c>
      <c r="G64700" s="1" t="s">
        <v>215831</v>
      </c>
      <c r="H64700" s="1" t="s">
        <v>215832</v>
      </c>
      <c r="I64700" s="1" t="s">
        <v>207852</v>
      </c>
      <c r="J64700" s="1" t="s">
        <v>215887</v>
      </c>
    </row>
    <row r="64701" spans="1:10" x14ac:dyDescent="0.35">
      <c r="A64701" s="1" t="s">
        <v>165592</v>
      </c>
      <c r="B64701" s="1" t="s">
        <v>207847</v>
      </c>
      <c r="C64701" s="1" t="s">
        <v>105</v>
      </c>
      <c r="D64701" s="1" t="s">
        <v>114234</v>
      </c>
      <c r="E64701" s="1" t="s">
        <v>215888</v>
      </c>
      <c r="F64701" s="1" t="s">
        <v>215889</v>
      </c>
      <c r="G64701" s="1" t="s">
        <v>215831</v>
      </c>
      <c r="H64701" s="1" t="s">
        <v>215832</v>
      </c>
      <c r="I64701" s="1" t="s">
        <v>207852</v>
      </c>
      <c r="J64701" s="1" t="s">
        <v>215890</v>
      </c>
    </row>
    <row r="64702" spans="1:10" x14ac:dyDescent="0.35">
      <c r="A64702" s="1" t="s">
        <v>165592</v>
      </c>
      <c r="B64702" s="1" t="s">
        <v>207847</v>
      </c>
      <c r="C64702" s="1" t="s">
        <v>110</v>
      </c>
      <c r="D64702" s="1" t="s">
        <v>215891</v>
      </c>
      <c r="E64702" s="1" t="s">
        <v>215892</v>
      </c>
      <c r="F64702" s="1" t="s">
        <v>215893</v>
      </c>
      <c r="G64702" s="1" t="s">
        <v>215831</v>
      </c>
      <c r="H64702" s="1" t="s">
        <v>215832</v>
      </c>
      <c r="I64702" s="1" t="s">
        <v>207852</v>
      </c>
      <c r="J64702" s="1" t="s">
        <v>215894</v>
      </c>
    </row>
    <row r="64703" spans="1:10" x14ac:dyDescent="0.35">
      <c r="A64703" s="1" t="s">
        <v>165592</v>
      </c>
      <c r="B64703" s="1" t="s">
        <v>207847</v>
      </c>
      <c r="C64703" s="1" t="s">
        <v>115</v>
      </c>
      <c r="D64703" s="1" t="s">
        <v>59365</v>
      </c>
      <c r="E64703" s="1" t="s">
        <v>215895</v>
      </c>
      <c r="F64703" s="1" t="s">
        <v>215896</v>
      </c>
      <c r="G64703" s="1" t="s">
        <v>215831</v>
      </c>
      <c r="H64703" s="1" t="s">
        <v>215832</v>
      </c>
      <c r="I64703" s="1" t="s">
        <v>207852</v>
      </c>
      <c r="J64703" s="1" t="s">
        <v>215897</v>
      </c>
    </row>
    <row r="64704" spans="1:10" x14ac:dyDescent="0.35">
      <c r="A64704" s="1" t="s">
        <v>165592</v>
      </c>
      <c r="B64704" s="1" t="s">
        <v>207847</v>
      </c>
      <c r="C64704" s="1" t="s">
        <v>120</v>
      </c>
      <c r="D64704" s="1" t="s">
        <v>215898</v>
      </c>
      <c r="E64704" s="1" t="s">
        <v>215899</v>
      </c>
      <c r="F64704" s="1" t="s">
        <v>215900</v>
      </c>
      <c r="G64704" s="1" t="s">
        <v>215831</v>
      </c>
      <c r="H64704" s="1" t="s">
        <v>215832</v>
      </c>
      <c r="I64704" s="1" t="s">
        <v>207852</v>
      </c>
      <c r="J64704" s="1" t="s">
        <v>215901</v>
      </c>
    </row>
    <row r="64705" spans="1:10" x14ac:dyDescent="0.35">
      <c r="A64705" s="1" t="s">
        <v>165592</v>
      </c>
      <c r="B64705" s="1" t="s">
        <v>207847</v>
      </c>
      <c r="C64705" s="1" t="s">
        <v>125</v>
      </c>
      <c r="D64705" s="1" t="s">
        <v>215902</v>
      </c>
      <c r="E64705" s="1" t="s">
        <v>215903</v>
      </c>
      <c r="F64705" s="1" t="s">
        <v>215904</v>
      </c>
      <c r="G64705" s="1" t="s">
        <v>215831</v>
      </c>
      <c r="H64705" s="1" t="s">
        <v>215832</v>
      </c>
      <c r="I64705" s="1" t="s">
        <v>207852</v>
      </c>
      <c r="J64705" s="1" t="s">
        <v>215905</v>
      </c>
    </row>
    <row r="64706" spans="1:10" x14ac:dyDescent="0.35">
      <c r="A64706" s="1" t="s">
        <v>165592</v>
      </c>
      <c r="B64706" s="1" t="s">
        <v>207847</v>
      </c>
      <c r="C64706" s="1" t="s">
        <v>130</v>
      </c>
      <c r="D64706" s="1" t="s">
        <v>215906</v>
      </c>
      <c r="E64706" s="1" t="s">
        <v>215907</v>
      </c>
      <c r="F64706" s="1" t="s">
        <v>215908</v>
      </c>
      <c r="G64706" s="1" t="s">
        <v>215831</v>
      </c>
      <c r="H64706" s="1" t="s">
        <v>215832</v>
      </c>
      <c r="I64706" s="1" t="s">
        <v>207852</v>
      </c>
      <c r="J64706" s="1" t="s">
        <v>215909</v>
      </c>
    </row>
    <row r="64707" spans="1:10" x14ac:dyDescent="0.35">
      <c r="A64707" s="1" t="s">
        <v>165592</v>
      </c>
      <c r="B64707" s="1" t="s">
        <v>207847</v>
      </c>
      <c r="C64707" s="1" t="s">
        <v>135</v>
      </c>
      <c r="D64707" s="1" t="s">
        <v>124711</v>
      </c>
      <c r="E64707" s="1" t="s">
        <v>215910</v>
      </c>
      <c r="F64707" s="1" t="s">
        <v>215911</v>
      </c>
      <c r="G64707" s="1" t="s">
        <v>215831</v>
      </c>
      <c r="H64707" s="1" t="s">
        <v>215832</v>
      </c>
      <c r="I64707" s="1" t="s">
        <v>207852</v>
      </c>
      <c r="J64707" s="1" t="s">
        <v>215912</v>
      </c>
    </row>
    <row r="64708" spans="1:10" x14ac:dyDescent="0.35">
      <c r="A64708" s="1" t="s">
        <v>165592</v>
      </c>
      <c r="B64708" s="1" t="s">
        <v>207847</v>
      </c>
      <c r="C64708" s="1" t="s">
        <v>140</v>
      </c>
      <c r="D64708" s="1" t="s">
        <v>215913</v>
      </c>
      <c r="E64708" s="1" t="s">
        <v>215914</v>
      </c>
      <c r="F64708" s="1" t="s">
        <v>215915</v>
      </c>
      <c r="G64708" s="1" t="s">
        <v>215831</v>
      </c>
      <c r="H64708" s="1" t="s">
        <v>215832</v>
      </c>
      <c r="I64708" s="1" t="s">
        <v>207852</v>
      </c>
      <c r="J64708" s="1" t="s">
        <v>215916</v>
      </c>
    </row>
    <row r="64709" spans="1:10" x14ac:dyDescent="0.35">
      <c r="A64709" s="1" t="s">
        <v>165592</v>
      </c>
      <c r="B64709" s="1" t="s">
        <v>207847</v>
      </c>
      <c r="C64709" s="1" t="s">
        <v>145</v>
      </c>
      <c r="D64709" s="1" t="s">
        <v>67101</v>
      </c>
      <c r="E64709" s="1" t="s">
        <v>215917</v>
      </c>
      <c r="F64709" s="1" t="s">
        <v>215918</v>
      </c>
      <c r="G64709" s="1" t="s">
        <v>215831</v>
      </c>
      <c r="H64709" s="1" t="s">
        <v>215832</v>
      </c>
      <c r="I64709" s="1" t="s">
        <v>207852</v>
      </c>
      <c r="J64709" s="1" t="s">
        <v>215919</v>
      </c>
    </row>
    <row r="64710" spans="1:10" x14ac:dyDescent="0.35">
      <c r="A64710" s="1" t="s">
        <v>165592</v>
      </c>
      <c r="B64710" s="1" t="s">
        <v>207847</v>
      </c>
      <c r="C64710" s="1" t="s">
        <v>150</v>
      </c>
      <c r="D64710" s="1" t="s">
        <v>77864</v>
      </c>
      <c r="E64710" s="1" t="s">
        <v>215920</v>
      </c>
      <c r="F64710" s="1" t="s">
        <v>215921</v>
      </c>
      <c r="G64710" s="1" t="s">
        <v>215831</v>
      </c>
      <c r="H64710" s="1" t="s">
        <v>215832</v>
      </c>
      <c r="I64710" s="1" t="s">
        <v>207852</v>
      </c>
      <c r="J64710" s="1" t="s">
        <v>215922</v>
      </c>
    </row>
    <row r="64711" spans="1:10" x14ac:dyDescent="0.35">
      <c r="A64711" s="1" t="s">
        <v>165592</v>
      </c>
      <c r="B64711" s="1" t="s">
        <v>207847</v>
      </c>
      <c r="C64711" s="1" t="s">
        <v>155</v>
      </c>
      <c r="D64711" s="1" t="s">
        <v>132646</v>
      </c>
      <c r="E64711" s="1" t="s">
        <v>215923</v>
      </c>
      <c r="F64711" s="1" t="s">
        <v>215924</v>
      </c>
      <c r="G64711" s="1" t="s">
        <v>215831</v>
      </c>
      <c r="H64711" s="1" t="s">
        <v>215832</v>
      </c>
      <c r="I64711" s="1" t="s">
        <v>207852</v>
      </c>
      <c r="J64711" s="1" t="s">
        <v>215925</v>
      </c>
    </row>
    <row r="64712" spans="1:10" x14ac:dyDescent="0.35">
      <c r="A64712" s="1" t="s">
        <v>165592</v>
      </c>
      <c r="B64712" s="1" t="s">
        <v>207847</v>
      </c>
      <c r="C64712" s="1" t="s">
        <v>160</v>
      </c>
      <c r="D64712" s="1" t="s">
        <v>136898</v>
      </c>
      <c r="E64712" s="1" t="s">
        <v>215926</v>
      </c>
      <c r="F64712" s="1" t="s">
        <v>215927</v>
      </c>
      <c r="G64712" s="1" t="s">
        <v>215831</v>
      </c>
      <c r="H64712" s="1" t="s">
        <v>215832</v>
      </c>
      <c r="I64712" s="1" t="s">
        <v>207852</v>
      </c>
      <c r="J64712" s="1" t="s">
        <v>215928</v>
      </c>
    </row>
    <row r="64713" spans="1:10" x14ac:dyDescent="0.35">
      <c r="A64713" s="1" t="s">
        <v>165592</v>
      </c>
      <c r="B64713" s="1" t="s">
        <v>207847</v>
      </c>
      <c r="C64713" s="1" t="s">
        <v>165</v>
      </c>
      <c r="D64713" s="1" t="s">
        <v>129884</v>
      </c>
      <c r="E64713" s="1" t="s">
        <v>215929</v>
      </c>
      <c r="F64713" s="1" t="s">
        <v>215930</v>
      </c>
      <c r="G64713" s="1" t="s">
        <v>215831</v>
      </c>
      <c r="H64713" s="1" t="s">
        <v>215832</v>
      </c>
      <c r="I64713" s="1" t="s">
        <v>207852</v>
      </c>
      <c r="J64713" s="1" t="s">
        <v>215931</v>
      </c>
    </row>
    <row r="64714" spans="1:10" x14ac:dyDescent="0.35">
      <c r="A64714" s="1" t="s">
        <v>165592</v>
      </c>
      <c r="B64714" s="1" t="s">
        <v>207847</v>
      </c>
      <c r="C64714" s="1" t="s">
        <v>170</v>
      </c>
      <c r="D64714" s="1" t="s">
        <v>215932</v>
      </c>
      <c r="E64714" s="1" t="s">
        <v>215933</v>
      </c>
      <c r="F64714" s="1" t="s">
        <v>215934</v>
      </c>
      <c r="G64714" s="1" t="s">
        <v>215831</v>
      </c>
      <c r="H64714" s="1" t="s">
        <v>215832</v>
      </c>
      <c r="I64714" s="1" t="s">
        <v>207852</v>
      </c>
      <c r="J64714" s="1" t="s">
        <v>215935</v>
      </c>
    </row>
    <row r="64715" spans="1:10" x14ac:dyDescent="0.35">
      <c r="A64715" s="1" t="s">
        <v>27403</v>
      </c>
      <c r="B64715" s="1" t="s">
        <v>207847</v>
      </c>
      <c r="C64715" s="1" t="s">
        <v>8</v>
      </c>
      <c r="D64715" s="1" t="s">
        <v>155202</v>
      </c>
      <c r="E64715" s="1" t="s">
        <v>215936</v>
      </c>
      <c r="F64715" s="1" t="s">
        <v>215937</v>
      </c>
      <c r="G64715" s="1" t="s">
        <v>215938</v>
      </c>
      <c r="H64715" s="1" t="s">
        <v>215939</v>
      </c>
      <c r="I64715" s="1" t="s">
        <v>207852</v>
      </c>
      <c r="J64715" s="1" t="s">
        <v>13</v>
      </c>
    </row>
    <row r="64716" spans="1:10" x14ac:dyDescent="0.35">
      <c r="A64716" s="1" t="s">
        <v>27403</v>
      </c>
      <c r="B64716" s="1" t="s">
        <v>207847</v>
      </c>
      <c r="C64716" s="1" t="s">
        <v>15</v>
      </c>
      <c r="D64716" s="1" t="s">
        <v>215940</v>
      </c>
      <c r="E64716" s="1" t="s">
        <v>215941</v>
      </c>
      <c r="F64716" s="1" t="s">
        <v>215942</v>
      </c>
      <c r="G64716" s="1" t="s">
        <v>215938</v>
      </c>
      <c r="H64716" s="1" t="s">
        <v>215939</v>
      </c>
      <c r="I64716" s="1" t="s">
        <v>207852</v>
      </c>
      <c r="J64716" s="1" t="s">
        <v>215943</v>
      </c>
    </row>
    <row r="64717" spans="1:10" x14ac:dyDescent="0.35">
      <c r="A64717" s="1" t="s">
        <v>27403</v>
      </c>
      <c r="B64717" s="1" t="s">
        <v>207847</v>
      </c>
      <c r="C64717" s="1" t="s">
        <v>20</v>
      </c>
      <c r="D64717" s="1" t="s">
        <v>36403</v>
      </c>
      <c r="E64717" s="1" t="s">
        <v>215944</v>
      </c>
      <c r="F64717" s="1" t="s">
        <v>215945</v>
      </c>
      <c r="G64717" s="1" t="s">
        <v>215938</v>
      </c>
      <c r="H64717" s="1" t="s">
        <v>215939</v>
      </c>
      <c r="I64717" s="1" t="s">
        <v>207852</v>
      </c>
      <c r="J64717" s="1" t="s">
        <v>74821</v>
      </c>
    </row>
    <row r="64718" spans="1:10" x14ac:dyDescent="0.35">
      <c r="A64718" s="1" t="s">
        <v>27403</v>
      </c>
      <c r="B64718" s="1" t="s">
        <v>207847</v>
      </c>
      <c r="C64718" s="1" t="s">
        <v>25</v>
      </c>
      <c r="D64718" s="1" t="s">
        <v>72543</v>
      </c>
      <c r="E64718" s="1" t="s">
        <v>215946</v>
      </c>
      <c r="F64718" s="1" t="s">
        <v>215947</v>
      </c>
      <c r="G64718" s="1" t="s">
        <v>215938</v>
      </c>
      <c r="H64718" s="1" t="s">
        <v>215939</v>
      </c>
      <c r="I64718" s="1" t="s">
        <v>207852</v>
      </c>
      <c r="J64718" s="1" t="s">
        <v>215948</v>
      </c>
    </row>
    <row r="64719" spans="1:10" x14ac:dyDescent="0.35">
      <c r="A64719" s="1" t="s">
        <v>27403</v>
      </c>
      <c r="B64719" s="1" t="s">
        <v>207847</v>
      </c>
      <c r="C64719" s="1" t="s">
        <v>30</v>
      </c>
      <c r="D64719" s="1" t="s">
        <v>125712</v>
      </c>
      <c r="E64719" s="1" t="s">
        <v>215949</v>
      </c>
      <c r="F64719" s="1" t="s">
        <v>215950</v>
      </c>
      <c r="G64719" s="1" t="s">
        <v>215938</v>
      </c>
      <c r="H64719" s="1" t="s">
        <v>215939</v>
      </c>
      <c r="I64719" s="1" t="s">
        <v>207852</v>
      </c>
      <c r="J64719" s="1" t="s">
        <v>215951</v>
      </c>
    </row>
    <row r="64720" spans="1:10" x14ac:dyDescent="0.35">
      <c r="A64720" s="1" t="s">
        <v>27403</v>
      </c>
      <c r="B64720" s="1" t="s">
        <v>207847</v>
      </c>
      <c r="C64720" s="1" t="s">
        <v>35</v>
      </c>
      <c r="D64720" s="1" t="s">
        <v>30464</v>
      </c>
      <c r="E64720" s="1" t="s">
        <v>215952</v>
      </c>
      <c r="F64720" s="1" t="s">
        <v>215953</v>
      </c>
      <c r="G64720" s="1" t="s">
        <v>215938</v>
      </c>
      <c r="H64720" s="1" t="s">
        <v>215939</v>
      </c>
      <c r="I64720" s="1" t="s">
        <v>207852</v>
      </c>
      <c r="J64720" s="1" t="s">
        <v>215954</v>
      </c>
    </row>
    <row r="64721" spans="1:10" x14ac:dyDescent="0.35">
      <c r="A64721" s="1" t="s">
        <v>27403</v>
      </c>
      <c r="B64721" s="1" t="s">
        <v>207847</v>
      </c>
      <c r="C64721" s="1" t="s">
        <v>40</v>
      </c>
      <c r="D64721" s="1" t="s">
        <v>215955</v>
      </c>
      <c r="E64721" s="1" t="s">
        <v>215956</v>
      </c>
      <c r="F64721" s="1" t="s">
        <v>215957</v>
      </c>
      <c r="G64721" s="1" t="s">
        <v>215938</v>
      </c>
      <c r="H64721" s="1" t="s">
        <v>215939</v>
      </c>
      <c r="I64721" s="1" t="s">
        <v>207852</v>
      </c>
      <c r="J64721" s="1" t="s">
        <v>215958</v>
      </c>
    </row>
    <row r="64722" spans="1:10" x14ac:dyDescent="0.35">
      <c r="A64722" s="1" t="s">
        <v>27403</v>
      </c>
      <c r="B64722" s="1" t="s">
        <v>207847</v>
      </c>
      <c r="C64722" s="1" t="s">
        <v>45</v>
      </c>
      <c r="D64722" s="1" t="s">
        <v>37188</v>
      </c>
      <c r="E64722" s="1" t="s">
        <v>215959</v>
      </c>
      <c r="F64722" s="1" t="s">
        <v>215960</v>
      </c>
      <c r="G64722" s="1" t="s">
        <v>215938</v>
      </c>
      <c r="H64722" s="1" t="s">
        <v>215939</v>
      </c>
      <c r="I64722" s="1" t="s">
        <v>207852</v>
      </c>
      <c r="J64722" s="1" t="s">
        <v>215961</v>
      </c>
    </row>
    <row r="64723" spans="1:10" x14ac:dyDescent="0.35">
      <c r="A64723" s="1" t="s">
        <v>27403</v>
      </c>
      <c r="B64723" s="1" t="s">
        <v>207847</v>
      </c>
      <c r="C64723" s="1" t="s">
        <v>50</v>
      </c>
      <c r="D64723" s="1" t="s">
        <v>134996</v>
      </c>
      <c r="E64723" s="1" t="s">
        <v>215962</v>
      </c>
      <c r="F64723" s="1" t="s">
        <v>215963</v>
      </c>
      <c r="G64723" s="1" t="s">
        <v>215938</v>
      </c>
      <c r="H64723" s="1" t="s">
        <v>215939</v>
      </c>
      <c r="I64723" s="1" t="s">
        <v>207852</v>
      </c>
      <c r="J64723" s="1" t="s">
        <v>215964</v>
      </c>
    </row>
    <row r="64724" spans="1:10" x14ac:dyDescent="0.35">
      <c r="A64724" s="1" t="s">
        <v>27403</v>
      </c>
      <c r="B64724" s="1" t="s">
        <v>207847</v>
      </c>
      <c r="C64724" s="1" t="s">
        <v>55</v>
      </c>
      <c r="D64724" s="1" t="s">
        <v>215965</v>
      </c>
      <c r="E64724" s="1" t="s">
        <v>215966</v>
      </c>
      <c r="F64724" s="1" t="s">
        <v>215967</v>
      </c>
      <c r="G64724" s="1" t="s">
        <v>215938</v>
      </c>
      <c r="H64724" s="1" t="s">
        <v>215939</v>
      </c>
      <c r="I64724" s="1" t="s">
        <v>207852</v>
      </c>
      <c r="J64724" s="1" t="s">
        <v>215968</v>
      </c>
    </row>
    <row r="64725" spans="1:10" x14ac:dyDescent="0.35">
      <c r="A64725" s="1" t="s">
        <v>27403</v>
      </c>
      <c r="B64725" s="1" t="s">
        <v>207847</v>
      </c>
      <c r="C64725" s="1" t="s">
        <v>60</v>
      </c>
      <c r="D64725" s="1" t="s">
        <v>169588</v>
      </c>
      <c r="E64725" s="1" t="s">
        <v>215969</v>
      </c>
      <c r="F64725" s="1" t="s">
        <v>215970</v>
      </c>
      <c r="G64725" s="1" t="s">
        <v>215938</v>
      </c>
      <c r="H64725" s="1" t="s">
        <v>215939</v>
      </c>
      <c r="I64725" s="1" t="s">
        <v>207852</v>
      </c>
      <c r="J64725" s="1" t="s">
        <v>215971</v>
      </c>
    </row>
    <row r="64726" spans="1:10" x14ac:dyDescent="0.35">
      <c r="A64726" s="1" t="s">
        <v>27403</v>
      </c>
      <c r="B64726" s="1" t="s">
        <v>207847</v>
      </c>
      <c r="C64726" s="1" t="s">
        <v>65</v>
      </c>
      <c r="D64726" s="1" t="s">
        <v>215972</v>
      </c>
      <c r="E64726" s="1" t="s">
        <v>215973</v>
      </c>
      <c r="F64726" s="1" t="s">
        <v>215974</v>
      </c>
      <c r="G64726" s="1" t="s">
        <v>215938</v>
      </c>
      <c r="H64726" s="1" t="s">
        <v>215939</v>
      </c>
      <c r="I64726" s="1" t="s">
        <v>207852</v>
      </c>
      <c r="J64726" s="1" t="s">
        <v>215975</v>
      </c>
    </row>
    <row r="64727" spans="1:10" x14ac:dyDescent="0.35">
      <c r="A64727" s="1" t="s">
        <v>27403</v>
      </c>
      <c r="B64727" s="1" t="s">
        <v>207847</v>
      </c>
      <c r="C64727" s="1" t="s">
        <v>70</v>
      </c>
      <c r="D64727" s="1" t="s">
        <v>197879</v>
      </c>
      <c r="E64727" s="1" t="s">
        <v>215976</v>
      </c>
      <c r="F64727" s="1" t="s">
        <v>215977</v>
      </c>
      <c r="G64727" s="1" t="s">
        <v>215938</v>
      </c>
      <c r="H64727" s="1" t="s">
        <v>215939</v>
      </c>
      <c r="I64727" s="1" t="s">
        <v>207852</v>
      </c>
      <c r="J64727" s="1" t="s">
        <v>215978</v>
      </c>
    </row>
    <row r="64728" spans="1:10" x14ac:dyDescent="0.35">
      <c r="A64728" s="1" t="s">
        <v>27403</v>
      </c>
      <c r="B64728" s="1" t="s">
        <v>207847</v>
      </c>
      <c r="C64728" s="1" t="s">
        <v>75</v>
      </c>
      <c r="D64728" s="1" t="s">
        <v>50406</v>
      </c>
      <c r="E64728" s="1" t="s">
        <v>215979</v>
      </c>
      <c r="F64728" s="1" t="s">
        <v>215980</v>
      </c>
      <c r="G64728" s="1" t="s">
        <v>215938</v>
      </c>
      <c r="H64728" s="1" t="s">
        <v>215939</v>
      </c>
      <c r="I64728" s="1" t="s">
        <v>207852</v>
      </c>
      <c r="J64728" s="1" t="s">
        <v>215981</v>
      </c>
    </row>
    <row r="64729" spans="1:10" x14ac:dyDescent="0.35">
      <c r="A64729" s="1" t="s">
        <v>27403</v>
      </c>
      <c r="B64729" s="1" t="s">
        <v>207847</v>
      </c>
      <c r="C64729" s="1" t="s">
        <v>80</v>
      </c>
      <c r="D64729" s="1" t="s">
        <v>215982</v>
      </c>
      <c r="E64729" s="1" t="s">
        <v>215983</v>
      </c>
      <c r="F64729" s="1" t="s">
        <v>215984</v>
      </c>
      <c r="G64729" s="1" t="s">
        <v>215938</v>
      </c>
      <c r="H64729" s="1" t="s">
        <v>215939</v>
      </c>
      <c r="I64729" s="1" t="s">
        <v>207852</v>
      </c>
      <c r="J64729" s="1" t="s">
        <v>215985</v>
      </c>
    </row>
    <row r="64730" spans="1:10" x14ac:dyDescent="0.35">
      <c r="A64730" s="1" t="s">
        <v>27403</v>
      </c>
      <c r="B64730" s="1" t="s">
        <v>207847</v>
      </c>
      <c r="C64730" s="1" t="s">
        <v>85</v>
      </c>
      <c r="D64730" s="1" t="s">
        <v>46180</v>
      </c>
      <c r="E64730" s="1" t="s">
        <v>215986</v>
      </c>
      <c r="F64730" s="1" t="s">
        <v>215987</v>
      </c>
      <c r="G64730" s="1" t="s">
        <v>215938</v>
      </c>
      <c r="H64730" s="1" t="s">
        <v>215939</v>
      </c>
      <c r="I64730" s="1" t="s">
        <v>207852</v>
      </c>
      <c r="J64730" s="1" t="s">
        <v>215988</v>
      </c>
    </row>
    <row r="64731" spans="1:10" x14ac:dyDescent="0.35">
      <c r="A64731" s="1" t="s">
        <v>27403</v>
      </c>
      <c r="B64731" s="1" t="s">
        <v>207847</v>
      </c>
      <c r="C64731" s="1" t="s">
        <v>90</v>
      </c>
      <c r="D64731" s="1" t="s">
        <v>215989</v>
      </c>
      <c r="E64731" s="1" t="s">
        <v>215990</v>
      </c>
      <c r="F64731" s="1" t="s">
        <v>215991</v>
      </c>
      <c r="G64731" s="1" t="s">
        <v>215938</v>
      </c>
      <c r="H64731" s="1" t="s">
        <v>215939</v>
      </c>
      <c r="I64731" s="1" t="s">
        <v>207852</v>
      </c>
      <c r="J64731" s="1" t="s">
        <v>215992</v>
      </c>
    </row>
    <row r="64732" spans="1:10" x14ac:dyDescent="0.35">
      <c r="A64732" s="1" t="s">
        <v>27403</v>
      </c>
      <c r="B64732" s="1" t="s">
        <v>207847</v>
      </c>
      <c r="C64732" s="1" t="s">
        <v>95</v>
      </c>
      <c r="D64732" s="1" t="s">
        <v>31882</v>
      </c>
      <c r="E64732" s="1" t="s">
        <v>215993</v>
      </c>
      <c r="F64732" s="1" t="s">
        <v>215994</v>
      </c>
      <c r="G64732" s="1" t="s">
        <v>215938</v>
      </c>
      <c r="H64732" s="1" t="s">
        <v>215939</v>
      </c>
      <c r="I64732" s="1" t="s">
        <v>207852</v>
      </c>
      <c r="J64732" s="1" t="s">
        <v>215995</v>
      </c>
    </row>
    <row r="64733" spans="1:10" x14ac:dyDescent="0.35">
      <c r="A64733" s="1" t="s">
        <v>27403</v>
      </c>
      <c r="B64733" s="1" t="s">
        <v>207847</v>
      </c>
      <c r="C64733" s="1" t="s">
        <v>100</v>
      </c>
      <c r="D64733" s="1" t="s">
        <v>210070</v>
      </c>
      <c r="E64733" s="1" t="s">
        <v>215996</v>
      </c>
      <c r="F64733" s="1" t="s">
        <v>215997</v>
      </c>
      <c r="G64733" s="1" t="s">
        <v>215938</v>
      </c>
      <c r="H64733" s="1" t="s">
        <v>215939</v>
      </c>
      <c r="I64733" s="1" t="s">
        <v>207852</v>
      </c>
      <c r="J64733" s="1" t="s">
        <v>215998</v>
      </c>
    </row>
    <row r="64734" spans="1:10" x14ac:dyDescent="0.35">
      <c r="A64734" s="1" t="s">
        <v>27403</v>
      </c>
      <c r="B64734" s="1" t="s">
        <v>207847</v>
      </c>
      <c r="C64734" s="1" t="s">
        <v>105</v>
      </c>
      <c r="D64734" s="1" t="s">
        <v>215999</v>
      </c>
      <c r="E64734" s="1" t="s">
        <v>216000</v>
      </c>
      <c r="F64734" s="1" t="s">
        <v>216001</v>
      </c>
      <c r="G64734" s="1" t="s">
        <v>215938</v>
      </c>
      <c r="H64734" s="1" t="s">
        <v>215939</v>
      </c>
      <c r="I64734" s="1" t="s">
        <v>207852</v>
      </c>
      <c r="J64734" s="1" t="s">
        <v>216002</v>
      </c>
    </row>
    <row r="64735" spans="1:10" x14ac:dyDescent="0.35">
      <c r="A64735" s="1" t="s">
        <v>27403</v>
      </c>
      <c r="B64735" s="1" t="s">
        <v>207847</v>
      </c>
      <c r="C64735" s="1" t="s">
        <v>110</v>
      </c>
      <c r="D64735" s="1" t="s">
        <v>49693</v>
      </c>
      <c r="E64735" s="1" t="s">
        <v>216003</v>
      </c>
      <c r="F64735" s="1" t="s">
        <v>216004</v>
      </c>
      <c r="G64735" s="1" t="s">
        <v>215938</v>
      </c>
      <c r="H64735" s="1" t="s">
        <v>215939</v>
      </c>
      <c r="I64735" s="1" t="s">
        <v>207852</v>
      </c>
      <c r="J64735" s="1" t="s">
        <v>216005</v>
      </c>
    </row>
    <row r="64736" spans="1:10" x14ac:dyDescent="0.35">
      <c r="A64736" s="1" t="s">
        <v>27403</v>
      </c>
      <c r="B64736" s="1" t="s">
        <v>207847</v>
      </c>
      <c r="C64736" s="1" t="s">
        <v>115</v>
      </c>
      <c r="D64736" s="1" t="s">
        <v>81959</v>
      </c>
      <c r="E64736" s="1" t="s">
        <v>216006</v>
      </c>
      <c r="F64736" s="1" t="s">
        <v>216007</v>
      </c>
      <c r="G64736" s="1" t="s">
        <v>215938</v>
      </c>
      <c r="H64736" s="1" t="s">
        <v>215939</v>
      </c>
      <c r="I64736" s="1" t="s">
        <v>207852</v>
      </c>
      <c r="J64736" s="1" t="s">
        <v>216008</v>
      </c>
    </row>
    <row r="64737" spans="1:10" x14ac:dyDescent="0.35">
      <c r="A64737" s="1" t="s">
        <v>27403</v>
      </c>
      <c r="B64737" s="1" t="s">
        <v>207847</v>
      </c>
      <c r="C64737" s="1" t="s">
        <v>120</v>
      </c>
      <c r="D64737" s="1" t="s">
        <v>216009</v>
      </c>
      <c r="E64737" s="1" t="s">
        <v>216010</v>
      </c>
      <c r="F64737" s="1" t="s">
        <v>216011</v>
      </c>
      <c r="G64737" s="1" t="s">
        <v>215938</v>
      </c>
      <c r="H64737" s="1" t="s">
        <v>215939</v>
      </c>
      <c r="I64737" s="1" t="s">
        <v>207852</v>
      </c>
      <c r="J64737" s="1" t="s">
        <v>216012</v>
      </c>
    </row>
    <row r="64738" spans="1:10" x14ac:dyDescent="0.35">
      <c r="A64738" s="1" t="s">
        <v>27403</v>
      </c>
      <c r="B64738" s="1" t="s">
        <v>207847</v>
      </c>
      <c r="C64738" s="1" t="s">
        <v>125</v>
      </c>
      <c r="D64738" s="1" t="s">
        <v>216013</v>
      </c>
      <c r="E64738" s="1" t="s">
        <v>216014</v>
      </c>
      <c r="F64738" s="1" t="s">
        <v>216015</v>
      </c>
      <c r="G64738" s="1" t="s">
        <v>215938</v>
      </c>
      <c r="H64738" s="1" t="s">
        <v>215939</v>
      </c>
      <c r="I64738" s="1" t="s">
        <v>207852</v>
      </c>
      <c r="J64738" s="1" t="s">
        <v>216016</v>
      </c>
    </row>
    <row r="64739" spans="1:10" x14ac:dyDescent="0.35">
      <c r="A64739" s="1" t="s">
        <v>27403</v>
      </c>
      <c r="B64739" s="1" t="s">
        <v>207847</v>
      </c>
      <c r="C64739" s="1" t="s">
        <v>130</v>
      </c>
      <c r="D64739" s="1" t="s">
        <v>83190</v>
      </c>
      <c r="E64739" s="1" t="s">
        <v>216017</v>
      </c>
      <c r="F64739" s="1" t="s">
        <v>216018</v>
      </c>
      <c r="G64739" s="1" t="s">
        <v>215938</v>
      </c>
      <c r="H64739" s="1" t="s">
        <v>215939</v>
      </c>
      <c r="I64739" s="1" t="s">
        <v>207852</v>
      </c>
      <c r="J64739" s="1" t="s">
        <v>216019</v>
      </c>
    </row>
    <row r="64740" spans="1:10" x14ac:dyDescent="0.35">
      <c r="A64740" s="1" t="s">
        <v>27403</v>
      </c>
      <c r="B64740" s="1" t="s">
        <v>207847</v>
      </c>
      <c r="C64740" s="1" t="s">
        <v>135</v>
      </c>
      <c r="D64740" s="1" t="s">
        <v>52188</v>
      </c>
      <c r="E64740" s="1" t="s">
        <v>216020</v>
      </c>
      <c r="F64740" s="1" t="s">
        <v>216021</v>
      </c>
      <c r="G64740" s="1" t="s">
        <v>215938</v>
      </c>
      <c r="H64740" s="1" t="s">
        <v>215939</v>
      </c>
      <c r="I64740" s="1" t="s">
        <v>207852</v>
      </c>
      <c r="J64740" s="1" t="s">
        <v>216022</v>
      </c>
    </row>
    <row r="64741" spans="1:10" x14ac:dyDescent="0.35">
      <c r="A64741" s="1" t="s">
        <v>27403</v>
      </c>
      <c r="B64741" s="1" t="s">
        <v>207847</v>
      </c>
      <c r="C64741" s="1" t="s">
        <v>140</v>
      </c>
      <c r="D64741" s="1" t="s">
        <v>82868</v>
      </c>
      <c r="E64741" s="1" t="s">
        <v>216023</v>
      </c>
      <c r="F64741" s="1" t="s">
        <v>216024</v>
      </c>
      <c r="G64741" s="1" t="s">
        <v>215938</v>
      </c>
      <c r="H64741" s="1" t="s">
        <v>215939</v>
      </c>
      <c r="I64741" s="1" t="s">
        <v>207852</v>
      </c>
      <c r="J64741" s="1" t="s">
        <v>216025</v>
      </c>
    </row>
    <row r="64742" spans="1:10" x14ac:dyDescent="0.35">
      <c r="A64742" s="1" t="s">
        <v>27403</v>
      </c>
      <c r="B64742" s="1" t="s">
        <v>207847</v>
      </c>
      <c r="C64742" s="1" t="s">
        <v>145</v>
      </c>
      <c r="D64742" s="1" t="s">
        <v>126687</v>
      </c>
      <c r="E64742" s="1" t="s">
        <v>216026</v>
      </c>
      <c r="F64742" s="1" t="s">
        <v>216027</v>
      </c>
      <c r="G64742" s="1" t="s">
        <v>215938</v>
      </c>
      <c r="H64742" s="1" t="s">
        <v>215939</v>
      </c>
      <c r="I64742" s="1" t="s">
        <v>207852</v>
      </c>
      <c r="J64742" s="1" t="s">
        <v>216028</v>
      </c>
    </row>
    <row r="64743" spans="1:10" x14ac:dyDescent="0.35">
      <c r="A64743" s="1" t="s">
        <v>27403</v>
      </c>
      <c r="B64743" s="1" t="s">
        <v>207847</v>
      </c>
      <c r="C64743" s="1" t="s">
        <v>150</v>
      </c>
      <c r="D64743" s="1" t="s">
        <v>114978</v>
      </c>
      <c r="E64743" s="1" t="s">
        <v>216029</v>
      </c>
      <c r="F64743" s="1" t="s">
        <v>216030</v>
      </c>
      <c r="G64743" s="1" t="s">
        <v>215938</v>
      </c>
      <c r="H64743" s="1" t="s">
        <v>215939</v>
      </c>
      <c r="I64743" s="1" t="s">
        <v>207852</v>
      </c>
      <c r="J64743" s="1" t="s">
        <v>216031</v>
      </c>
    </row>
    <row r="64744" spans="1:10" x14ac:dyDescent="0.35">
      <c r="A64744" s="1" t="s">
        <v>27403</v>
      </c>
      <c r="B64744" s="1" t="s">
        <v>207847</v>
      </c>
      <c r="C64744" s="1" t="s">
        <v>155</v>
      </c>
      <c r="D64744" s="1" t="s">
        <v>152024</v>
      </c>
      <c r="E64744" s="1" t="s">
        <v>216032</v>
      </c>
      <c r="F64744" s="1" t="s">
        <v>216033</v>
      </c>
      <c r="G64744" s="1" t="s">
        <v>215938</v>
      </c>
      <c r="H64744" s="1" t="s">
        <v>215939</v>
      </c>
      <c r="I64744" s="1" t="s">
        <v>207852</v>
      </c>
      <c r="J64744" s="1" t="s">
        <v>216034</v>
      </c>
    </row>
    <row r="64745" spans="1:10" x14ac:dyDescent="0.35">
      <c r="A64745" s="1" t="s">
        <v>27403</v>
      </c>
      <c r="B64745" s="1" t="s">
        <v>207847</v>
      </c>
      <c r="C64745" s="1" t="s">
        <v>160</v>
      </c>
      <c r="D64745" s="1" t="s">
        <v>53123</v>
      </c>
      <c r="E64745" s="1" t="s">
        <v>216035</v>
      </c>
      <c r="F64745" s="1" t="s">
        <v>216036</v>
      </c>
      <c r="G64745" s="1" t="s">
        <v>215938</v>
      </c>
      <c r="H64745" s="1" t="s">
        <v>215939</v>
      </c>
      <c r="I64745" s="1" t="s">
        <v>207852</v>
      </c>
      <c r="J64745" s="1" t="s">
        <v>216037</v>
      </c>
    </row>
    <row r="64746" spans="1:10" x14ac:dyDescent="0.35">
      <c r="A64746" s="1" t="s">
        <v>27403</v>
      </c>
      <c r="B64746" s="1" t="s">
        <v>207847</v>
      </c>
      <c r="C64746" s="1" t="s">
        <v>165</v>
      </c>
      <c r="D64746" s="1" t="s">
        <v>216038</v>
      </c>
      <c r="E64746" s="1" t="s">
        <v>216039</v>
      </c>
      <c r="F64746" s="1" t="s">
        <v>216040</v>
      </c>
      <c r="G64746" s="1" t="s">
        <v>215938</v>
      </c>
      <c r="H64746" s="1" t="s">
        <v>215939</v>
      </c>
      <c r="I64746" s="1" t="s">
        <v>207852</v>
      </c>
      <c r="J64746" s="1" t="s">
        <v>216041</v>
      </c>
    </row>
    <row r="64747" spans="1:10" x14ac:dyDescent="0.35">
      <c r="A64747" s="1" t="s">
        <v>27403</v>
      </c>
      <c r="B64747" s="1" t="s">
        <v>207847</v>
      </c>
      <c r="C64747" s="1" t="s">
        <v>170</v>
      </c>
      <c r="D64747" s="1" t="s">
        <v>131748</v>
      </c>
      <c r="E64747" s="1" t="s">
        <v>216042</v>
      </c>
      <c r="F64747" s="1" t="s">
        <v>216043</v>
      </c>
      <c r="G64747" s="1" t="s">
        <v>215938</v>
      </c>
      <c r="H64747" s="1" t="s">
        <v>215939</v>
      </c>
      <c r="I64747" s="1" t="s">
        <v>207852</v>
      </c>
      <c r="J64747" s="1" t="s">
        <v>216044</v>
      </c>
    </row>
    <row r="64748" spans="1:10" x14ac:dyDescent="0.35">
      <c r="A64748" s="1" t="s">
        <v>10106</v>
      </c>
      <c r="B64748" s="1" t="s">
        <v>207847</v>
      </c>
      <c r="C64748" s="1" t="s">
        <v>8</v>
      </c>
      <c r="D64748" s="1" t="s">
        <v>71798</v>
      </c>
      <c r="E64748" s="1" t="s">
        <v>216045</v>
      </c>
      <c r="F64748" s="1" t="s">
        <v>216046</v>
      </c>
      <c r="G64748" s="1" t="s">
        <v>216047</v>
      </c>
      <c r="H64748" s="1" t="s">
        <v>216048</v>
      </c>
      <c r="I64748" s="1" t="s">
        <v>207852</v>
      </c>
      <c r="J64748" s="1" t="s">
        <v>13</v>
      </c>
    </row>
    <row r="64749" spans="1:10" x14ac:dyDescent="0.35">
      <c r="A64749" s="1" t="s">
        <v>10106</v>
      </c>
      <c r="B64749" s="1" t="s">
        <v>207847</v>
      </c>
      <c r="C64749" s="1" t="s">
        <v>15</v>
      </c>
      <c r="D64749" s="1" t="s">
        <v>135531</v>
      </c>
      <c r="E64749" s="1" t="s">
        <v>216049</v>
      </c>
      <c r="F64749" s="1" t="s">
        <v>216050</v>
      </c>
      <c r="G64749" s="1" t="s">
        <v>216047</v>
      </c>
      <c r="H64749" s="1" t="s">
        <v>216048</v>
      </c>
      <c r="I64749" s="1" t="s">
        <v>207852</v>
      </c>
      <c r="J64749" s="1" t="s">
        <v>216051</v>
      </c>
    </row>
    <row r="64750" spans="1:10" x14ac:dyDescent="0.35">
      <c r="A64750" s="1" t="s">
        <v>10106</v>
      </c>
      <c r="B64750" s="1" t="s">
        <v>207847</v>
      </c>
      <c r="C64750" s="1" t="s">
        <v>20</v>
      </c>
      <c r="D64750" s="1" t="s">
        <v>216052</v>
      </c>
      <c r="E64750" s="1" t="s">
        <v>216053</v>
      </c>
      <c r="F64750" s="1" t="s">
        <v>216054</v>
      </c>
      <c r="G64750" s="1" t="s">
        <v>216047</v>
      </c>
      <c r="H64750" s="1" t="s">
        <v>216048</v>
      </c>
      <c r="I64750" s="1" t="s">
        <v>207852</v>
      </c>
      <c r="J64750" s="1" t="s">
        <v>216055</v>
      </c>
    </row>
    <row r="64751" spans="1:10" x14ac:dyDescent="0.35">
      <c r="A64751" s="1" t="s">
        <v>10106</v>
      </c>
      <c r="B64751" s="1" t="s">
        <v>207847</v>
      </c>
      <c r="C64751" s="1" t="s">
        <v>25</v>
      </c>
      <c r="D64751" s="1" t="s">
        <v>17959</v>
      </c>
      <c r="E64751" s="1" t="s">
        <v>216056</v>
      </c>
      <c r="F64751" s="1" t="s">
        <v>216057</v>
      </c>
      <c r="G64751" s="1" t="s">
        <v>216047</v>
      </c>
      <c r="H64751" s="1" t="s">
        <v>216048</v>
      </c>
      <c r="I64751" s="1" t="s">
        <v>207852</v>
      </c>
      <c r="J64751" s="1" t="s">
        <v>216058</v>
      </c>
    </row>
    <row r="64752" spans="1:10" x14ac:dyDescent="0.35">
      <c r="A64752" s="1" t="s">
        <v>10106</v>
      </c>
      <c r="B64752" s="1" t="s">
        <v>207847</v>
      </c>
      <c r="C64752" s="1" t="s">
        <v>30</v>
      </c>
      <c r="D64752" s="1" t="s">
        <v>46380</v>
      </c>
      <c r="E64752" s="1" t="s">
        <v>216059</v>
      </c>
      <c r="F64752" s="1" t="s">
        <v>216060</v>
      </c>
      <c r="G64752" s="1" t="s">
        <v>216047</v>
      </c>
      <c r="H64752" s="1" t="s">
        <v>216048</v>
      </c>
      <c r="I64752" s="1" t="s">
        <v>207852</v>
      </c>
      <c r="J64752" s="1" t="s">
        <v>216061</v>
      </c>
    </row>
    <row r="64753" spans="1:10" x14ac:dyDescent="0.35">
      <c r="A64753" s="1" t="s">
        <v>10106</v>
      </c>
      <c r="B64753" s="1" t="s">
        <v>207847</v>
      </c>
      <c r="C64753" s="1" t="s">
        <v>35</v>
      </c>
      <c r="D64753" s="1" t="s">
        <v>31373</v>
      </c>
      <c r="E64753" s="1" t="s">
        <v>216062</v>
      </c>
      <c r="F64753" s="1" t="s">
        <v>216063</v>
      </c>
      <c r="G64753" s="1" t="s">
        <v>216047</v>
      </c>
      <c r="H64753" s="1" t="s">
        <v>216048</v>
      </c>
      <c r="I64753" s="1" t="s">
        <v>207852</v>
      </c>
      <c r="J64753" s="1" t="s">
        <v>216064</v>
      </c>
    </row>
    <row r="64754" spans="1:10" x14ac:dyDescent="0.35">
      <c r="A64754" s="1" t="s">
        <v>10106</v>
      </c>
      <c r="B64754" s="1" t="s">
        <v>207847</v>
      </c>
      <c r="C64754" s="1" t="s">
        <v>40</v>
      </c>
      <c r="D64754" s="1" t="s">
        <v>209188</v>
      </c>
      <c r="E64754" s="1" t="s">
        <v>216065</v>
      </c>
      <c r="F64754" s="1" t="s">
        <v>216066</v>
      </c>
      <c r="G64754" s="1" t="s">
        <v>216047</v>
      </c>
      <c r="H64754" s="1" t="s">
        <v>216048</v>
      </c>
      <c r="I64754" s="1" t="s">
        <v>207852</v>
      </c>
      <c r="J64754" s="1" t="s">
        <v>216067</v>
      </c>
    </row>
    <row r="64755" spans="1:10" x14ac:dyDescent="0.35">
      <c r="A64755" s="1" t="s">
        <v>10106</v>
      </c>
      <c r="B64755" s="1" t="s">
        <v>207847</v>
      </c>
      <c r="C64755" s="1" t="s">
        <v>45</v>
      </c>
      <c r="D64755" s="1" t="s">
        <v>17921</v>
      </c>
      <c r="E64755" s="1" t="s">
        <v>216068</v>
      </c>
      <c r="F64755" s="1" t="s">
        <v>216069</v>
      </c>
      <c r="G64755" s="1" t="s">
        <v>216047</v>
      </c>
      <c r="H64755" s="1" t="s">
        <v>216048</v>
      </c>
      <c r="I64755" s="1" t="s">
        <v>207852</v>
      </c>
      <c r="J64755" s="1" t="s">
        <v>214219</v>
      </c>
    </row>
    <row r="64756" spans="1:10" x14ac:dyDescent="0.35">
      <c r="A64756" s="1" t="s">
        <v>10106</v>
      </c>
      <c r="B64756" s="1" t="s">
        <v>207847</v>
      </c>
      <c r="C64756" s="1" t="s">
        <v>50</v>
      </c>
      <c r="D64756" s="1" t="s">
        <v>30987</v>
      </c>
      <c r="E64756" s="1" t="s">
        <v>216070</v>
      </c>
      <c r="F64756" s="1" t="s">
        <v>216071</v>
      </c>
      <c r="G64756" s="1" t="s">
        <v>216047</v>
      </c>
      <c r="H64756" s="1" t="s">
        <v>216048</v>
      </c>
      <c r="I64756" s="1" t="s">
        <v>207852</v>
      </c>
      <c r="J64756" s="1" t="s">
        <v>216072</v>
      </c>
    </row>
    <row r="64757" spans="1:10" x14ac:dyDescent="0.35">
      <c r="A64757" s="1" t="s">
        <v>10106</v>
      </c>
      <c r="B64757" s="1" t="s">
        <v>207847</v>
      </c>
      <c r="C64757" s="1" t="s">
        <v>55</v>
      </c>
      <c r="D64757" s="1" t="s">
        <v>154179</v>
      </c>
      <c r="E64757" s="1" t="s">
        <v>216073</v>
      </c>
      <c r="F64757" s="1" t="s">
        <v>216074</v>
      </c>
      <c r="G64757" s="1" t="s">
        <v>216047</v>
      </c>
      <c r="H64757" s="1" t="s">
        <v>216048</v>
      </c>
      <c r="I64757" s="1" t="s">
        <v>207852</v>
      </c>
      <c r="J64757" s="1" t="s">
        <v>216075</v>
      </c>
    </row>
    <row r="64758" spans="1:10" x14ac:dyDescent="0.35">
      <c r="A64758" s="1" t="s">
        <v>10106</v>
      </c>
      <c r="B64758" s="1" t="s">
        <v>207847</v>
      </c>
      <c r="C64758" s="1" t="s">
        <v>60</v>
      </c>
      <c r="D64758" s="1" t="s">
        <v>125826</v>
      </c>
      <c r="E64758" s="1" t="s">
        <v>216076</v>
      </c>
      <c r="F64758" s="1" t="s">
        <v>216077</v>
      </c>
      <c r="G64758" s="1" t="s">
        <v>216047</v>
      </c>
      <c r="H64758" s="1" t="s">
        <v>216048</v>
      </c>
      <c r="I64758" s="1" t="s">
        <v>207852</v>
      </c>
      <c r="J64758" s="1" t="s">
        <v>216078</v>
      </c>
    </row>
    <row r="64759" spans="1:10" x14ac:dyDescent="0.35">
      <c r="A64759" s="1" t="s">
        <v>10106</v>
      </c>
      <c r="B64759" s="1" t="s">
        <v>207847</v>
      </c>
      <c r="C64759" s="1" t="s">
        <v>65</v>
      </c>
      <c r="D64759" s="1" t="s">
        <v>124677</v>
      </c>
      <c r="E64759" s="1" t="s">
        <v>216079</v>
      </c>
      <c r="F64759" s="1" t="s">
        <v>216080</v>
      </c>
      <c r="G64759" s="1" t="s">
        <v>216047</v>
      </c>
      <c r="H64759" s="1" t="s">
        <v>216048</v>
      </c>
      <c r="I64759" s="1" t="s">
        <v>207852</v>
      </c>
      <c r="J64759" s="1" t="s">
        <v>216081</v>
      </c>
    </row>
    <row r="64760" spans="1:10" x14ac:dyDescent="0.35">
      <c r="A64760" s="1" t="s">
        <v>10106</v>
      </c>
      <c r="B64760" s="1" t="s">
        <v>207847</v>
      </c>
      <c r="C64760" s="1" t="s">
        <v>70</v>
      </c>
      <c r="D64760" s="1" t="s">
        <v>153248</v>
      </c>
      <c r="E64760" s="1" t="s">
        <v>216082</v>
      </c>
      <c r="F64760" s="1" t="s">
        <v>216083</v>
      </c>
      <c r="G64760" s="1" t="s">
        <v>216047</v>
      </c>
      <c r="H64760" s="1" t="s">
        <v>216048</v>
      </c>
      <c r="I64760" s="1" t="s">
        <v>207852</v>
      </c>
      <c r="J64760" s="1" t="s">
        <v>216084</v>
      </c>
    </row>
    <row r="64761" spans="1:10" x14ac:dyDescent="0.35">
      <c r="A64761" s="1" t="s">
        <v>10106</v>
      </c>
      <c r="B64761" s="1" t="s">
        <v>207847</v>
      </c>
      <c r="C64761" s="1" t="s">
        <v>75</v>
      </c>
      <c r="D64761" s="1" t="s">
        <v>135460</v>
      </c>
      <c r="E64761" s="1" t="s">
        <v>216085</v>
      </c>
      <c r="F64761" s="1" t="s">
        <v>216086</v>
      </c>
      <c r="G64761" s="1" t="s">
        <v>216047</v>
      </c>
      <c r="H64761" s="1" t="s">
        <v>216048</v>
      </c>
      <c r="I64761" s="1" t="s">
        <v>207852</v>
      </c>
      <c r="J64761" s="1" t="s">
        <v>214238</v>
      </c>
    </row>
    <row r="64762" spans="1:10" x14ac:dyDescent="0.35">
      <c r="A64762" s="1" t="s">
        <v>10106</v>
      </c>
      <c r="B64762" s="1" t="s">
        <v>207847</v>
      </c>
      <c r="C64762" s="1" t="s">
        <v>80</v>
      </c>
      <c r="D64762" s="1" t="s">
        <v>30859</v>
      </c>
      <c r="E64762" s="1" t="s">
        <v>216087</v>
      </c>
      <c r="F64762" s="1" t="s">
        <v>216088</v>
      </c>
      <c r="G64762" s="1" t="s">
        <v>216047</v>
      </c>
      <c r="H64762" s="1" t="s">
        <v>216048</v>
      </c>
      <c r="I64762" s="1" t="s">
        <v>207852</v>
      </c>
      <c r="J64762" s="1" t="s">
        <v>216089</v>
      </c>
    </row>
    <row r="64763" spans="1:10" x14ac:dyDescent="0.35">
      <c r="A64763" s="1" t="s">
        <v>10106</v>
      </c>
      <c r="B64763" s="1" t="s">
        <v>207847</v>
      </c>
      <c r="C64763" s="1" t="s">
        <v>85</v>
      </c>
      <c r="D64763" s="1" t="s">
        <v>216090</v>
      </c>
      <c r="E64763" s="1" t="s">
        <v>216091</v>
      </c>
      <c r="F64763" s="1" t="s">
        <v>216092</v>
      </c>
      <c r="G64763" s="1" t="s">
        <v>216047</v>
      </c>
      <c r="H64763" s="1" t="s">
        <v>216048</v>
      </c>
      <c r="I64763" s="1" t="s">
        <v>207852</v>
      </c>
      <c r="J64763" s="1" t="s">
        <v>216093</v>
      </c>
    </row>
    <row r="64764" spans="1:10" x14ac:dyDescent="0.35">
      <c r="A64764" s="1" t="s">
        <v>10106</v>
      </c>
      <c r="B64764" s="1" t="s">
        <v>207847</v>
      </c>
      <c r="C64764" s="1" t="s">
        <v>90</v>
      </c>
      <c r="D64764" s="1" t="s">
        <v>176807</v>
      </c>
      <c r="E64764" s="1" t="s">
        <v>216094</v>
      </c>
      <c r="F64764" s="1" t="s">
        <v>216095</v>
      </c>
      <c r="G64764" s="1" t="s">
        <v>216047</v>
      </c>
      <c r="H64764" s="1" t="s">
        <v>216048</v>
      </c>
      <c r="I64764" s="1" t="s">
        <v>207852</v>
      </c>
      <c r="J64764" s="1" t="s">
        <v>216096</v>
      </c>
    </row>
    <row r="64765" spans="1:10" x14ac:dyDescent="0.35">
      <c r="A64765" s="1" t="s">
        <v>10106</v>
      </c>
      <c r="B64765" s="1" t="s">
        <v>207847</v>
      </c>
      <c r="C64765" s="1" t="s">
        <v>95</v>
      </c>
      <c r="D64765" s="1" t="s">
        <v>210243</v>
      </c>
      <c r="E64765" s="1" t="s">
        <v>216097</v>
      </c>
      <c r="F64765" s="1" t="s">
        <v>216098</v>
      </c>
      <c r="G64765" s="1" t="s">
        <v>216047</v>
      </c>
      <c r="H64765" s="1" t="s">
        <v>216048</v>
      </c>
      <c r="I64765" s="1" t="s">
        <v>207852</v>
      </c>
      <c r="J64765" s="1" t="s">
        <v>216099</v>
      </c>
    </row>
    <row r="64766" spans="1:10" x14ac:dyDescent="0.35">
      <c r="A64766" s="1" t="s">
        <v>10106</v>
      </c>
      <c r="B64766" s="1" t="s">
        <v>207847</v>
      </c>
      <c r="C64766" s="1" t="s">
        <v>100</v>
      </c>
      <c r="D64766" s="1" t="s">
        <v>216100</v>
      </c>
      <c r="E64766" s="1" t="s">
        <v>216101</v>
      </c>
      <c r="F64766" s="1" t="s">
        <v>216102</v>
      </c>
      <c r="G64766" s="1" t="s">
        <v>216047</v>
      </c>
      <c r="H64766" s="1" t="s">
        <v>216048</v>
      </c>
      <c r="I64766" s="1" t="s">
        <v>207852</v>
      </c>
      <c r="J64766" s="1" t="s">
        <v>216103</v>
      </c>
    </row>
    <row r="64767" spans="1:10" x14ac:dyDescent="0.35">
      <c r="A64767" s="1" t="s">
        <v>10106</v>
      </c>
      <c r="B64767" s="1" t="s">
        <v>207847</v>
      </c>
      <c r="C64767" s="1" t="s">
        <v>105</v>
      </c>
      <c r="D64767" s="1" t="s">
        <v>70724</v>
      </c>
      <c r="E64767" s="1" t="s">
        <v>216104</v>
      </c>
      <c r="F64767" s="1" t="s">
        <v>216105</v>
      </c>
      <c r="G64767" s="1" t="s">
        <v>216047</v>
      </c>
      <c r="H64767" s="1" t="s">
        <v>216048</v>
      </c>
      <c r="I64767" s="1" t="s">
        <v>207852</v>
      </c>
      <c r="J64767" s="1" t="s">
        <v>216106</v>
      </c>
    </row>
    <row r="64768" spans="1:10" x14ac:dyDescent="0.35">
      <c r="A64768" s="1" t="s">
        <v>10106</v>
      </c>
      <c r="B64768" s="1" t="s">
        <v>207847</v>
      </c>
      <c r="C64768" s="1" t="s">
        <v>110</v>
      </c>
      <c r="D64768" s="1" t="s">
        <v>216107</v>
      </c>
      <c r="E64768" s="1" t="s">
        <v>216108</v>
      </c>
      <c r="F64768" s="1" t="s">
        <v>216109</v>
      </c>
      <c r="G64768" s="1" t="s">
        <v>216047</v>
      </c>
      <c r="H64768" s="1" t="s">
        <v>216048</v>
      </c>
      <c r="I64768" s="1" t="s">
        <v>207852</v>
      </c>
      <c r="J64768" s="1" t="s">
        <v>216110</v>
      </c>
    </row>
    <row r="64769" spans="1:10" x14ac:dyDescent="0.35">
      <c r="A64769" s="1" t="s">
        <v>10106</v>
      </c>
      <c r="B64769" s="1" t="s">
        <v>207847</v>
      </c>
      <c r="C64769" s="1" t="s">
        <v>115</v>
      </c>
      <c r="D64769" s="1" t="s">
        <v>216111</v>
      </c>
      <c r="E64769" s="1" t="s">
        <v>216112</v>
      </c>
      <c r="F64769" s="1" t="s">
        <v>216113</v>
      </c>
      <c r="G64769" s="1" t="s">
        <v>216047</v>
      </c>
      <c r="H64769" s="1" t="s">
        <v>216048</v>
      </c>
      <c r="I64769" s="1" t="s">
        <v>207852</v>
      </c>
      <c r="J64769" s="1" t="s">
        <v>216114</v>
      </c>
    </row>
    <row r="64770" spans="1:10" x14ac:dyDescent="0.35">
      <c r="A64770" s="1" t="s">
        <v>10106</v>
      </c>
      <c r="B64770" s="1" t="s">
        <v>207847</v>
      </c>
      <c r="C64770" s="1" t="s">
        <v>120</v>
      </c>
      <c r="D64770" s="1" t="s">
        <v>216115</v>
      </c>
      <c r="E64770" s="1" t="s">
        <v>216116</v>
      </c>
      <c r="F64770" s="1" t="s">
        <v>216117</v>
      </c>
      <c r="G64770" s="1" t="s">
        <v>216047</v>
      </c>
      <c r="H64770" s="1" t="s">
        <v>216048</v>
      </c>
      <c r="I64770" s="1" t="s">
        <v>207852</v>
      </c>
      <c r="J64770" s="1" t="s">
        <v>216118</v>
      </c>
    </row>
    <row r="64771" spans="1:10" x14ac:dyDescent="0.35">
      <c r="A64771" s="1" t="s">
        <v>10106</v>
      </c>
      <c r="B64771" s="1" t="s">
        <v>207847</v>
      </c>
      <c r="C64771" s="1" t="s">
        <v>125</v>
      </c>
      <c r="D64771" s="1" t="s">
        <v>216119</v>
      </c>
      <c r="E64771" s="1" t="s">
        <v>216120</v>
      </c>
      <c r="F64771" s="1" t="s">
        <v>216121</v>
      </c>
      <c r="G64771" s="1" t="s">
        <v>216047</v>
      </c>
      <c r="H64771" s="1" t="s">
        <v>216048</v>
      </c>
      <c r="I64771" s="1" t="s">
        <v>207852</v>
      </c>
      <c r="J64771" s="1" t="s">
        <v>216122</v>
      </c>
    </row>
    <row r="64772" spans="1:10" x14ac:dyDescent="0.35">
      <c r="A64772" s="1" t="s">
        <v>10106</v>
      </c>
      <c r="B64772" s="1" t="s">
        <v>207847</v>
      </c>
      <c r="C64772" s="1" t="s">
        <v>130</v>
      </c>
      <c r="D64772" s="1" t="s">
        <v>216123</v>
      </c>
      <c r="E64772" s="1" t="s">
        <v>216124</v>
      </c>
      <c r="F64772" s="1" t="s">
        <v>216125</v>
      </c>
      <c r="G64772" s="1" t="s">
        <v>216047</v>
      </c>
      <c r="H64772" s="1" t="s">
        <v>216048</v>
      </c>
      <c r="I64772" s="1" t="s">
        <v>207852</v>
      </c>
      <c r="J64772" s="1" t="s">
        <v>216126</v>
      </c>
    </row>
    <row r="64773" spans="1:10" x14ac:dyDescent="0.35">
      <c r="A64773" s="1" t="s">
        <v>10106</v>
      </c>
      <c r="B64773" s="1" t="s">
        <v>207847</v>
      </c>
      <c r="C64773" s="1" t="s">
        <v>135</v>
      </c>
      <c r="D64773" s="1" t="s">
        <v>216127</v>
      </c>
      <c r="E64773" s="1" t="s">
        <v>216128</v>
      </c>
      <c r="F64773" s="1" t="s">
        <v>216129</v>
      </c>
      <c r="G64773" s="1" t="s">
        <v>216047</v>
      </c>
      <c r="H64773" s="1" t="s">
        <v>216048</v>
      </c>
      <c r="I64773" s="1" t="s">
        <v>207852</v>
      </c>
      <c r="J64773" s="1" t="s">
        <v>216130</v>
      </c>
    </row>
    <row r="64774" spans="1:10" x14ac:dyDescent="0.35">
      <c r="A64774" s="1" t="s">
        <v>10106</v>
      </c>
      <c r="B64774" s="1" t="s">
        <v>207847</v>
      </c>
      <c r="C64774" s="1" t="s">
        <v>140</v>
      </c>
      <c r="D64774" s="1" t="s">
        <v>216131</v>
      </c>
      <c r="E64774" s="1" t="s">
        <v>216132</v>
      </c>
      <c r="F64774" s="1" t="s">
        <v>216133</v>
      </c>
      <c r="G64774" s="1" t="s">
        <v>216047</v>
      </c>
      <c r="H64774" s="1" t="s">
        <v>216048</v>
      </c>
      <c r="I64774" s="1" t="s">
        <v>207852</v>
      </c>
      <c r="J64774" s="1" t="s">
        <v>216134</v>
      </c>
    </row>
    <row r="64775" spans="1:10" x14ac:dyDescent="0.35">
      <c r="A64775" s="1" t="s">
        <v>10106</v>
      </c>
      <c r="B64775" s="1" t="s">
        <v>207847</v>
      </c>
      <c r="C64775" s="1" t="s">
        <v>145</v>
      </c>
      <c r="D64775" s="1" t="s">
        <v>109021</v>
      </c>
      <c r="E64775" s="1" t="s">
        <v>216135</v>
      </c>
      <c r="F64775" s="1" t="s">
        <v>216136</v>
      </c>
      <c r="G64775" s="1" t="s">
        <v>216047</v>
      </c>
      <c r="H64775" s="1" t="s">
        <v>216048</v>
      </c>
      <c r="I64775" s="1" t="s">
        <v>207852</v>
      </c>
      <c r="J64775" s="1" t="s">
        <v>216137</v>
      </c>
    </row>
    <row r="64776" spans="1:10" x14ac:dyDescent="0.35">
      <c r="A64776" s="1" t="s">
        <v>10106</v>
      </c>
      <c r="B64776" s="1" t="s">
        <v>207847</v>
      </c>
      <c r="C64776" s="1" t="s">
        <v>150</v>
      </c>
      <c r="D64776" s="1" t="s">
        <v>216138</v>
      </c>
      <c r="E64776" s="1" t="s">
        <v>216139</v>
      </c>
      <c r="F64776" s="1" t="s">
        <v>216140</v>
      </c>
      <c r="G64776" s="1" t="s">
        <v>216047</v>
      </c>
      <c r="H64776" s="1" t="s">
        <v>216048</v>
      </c>
      <c r="I64776" s="1" t="s">
        <v>207852</v>
      </c>
      <c r="J64776" s="1" t="s">
        <v>216141</v>
      </c>
    </row>
    <row r="64777" spans="1:10" x14ac:dyDescent="0.35">
      <c r="A64777" s="1" t="s">
        <v>10106</v>
      </c>
      <c r="B64777" s="1" t="s">
        <v>207847</v>
      </c>
      <c r="C64777" s="1" t="s">
        <v>155</v>
      </c>
      <c r="D64777" s="1" t="s">
        <v>216142</v>
      </c>
      <c r="E64777" s="1" t="s">
        <v>216143</v>
      </c>
      <c r="F64777" s="1" t="s">
        <v>216144</v>
      </c>
      <c r="G64777" s="1" t="s">
        <v>216047</v>
      </c>
      <c r="H64777" s="1" t="s">
        <v>216048</v>
      </c>
      <c r="I64777" s="1" t="s">
        <v>207852</v>
      </c>
      <c r="J64777" s="1" t="s">
        <v>216145</v>
      </c>
    </row>
    <row r="64778" spans="1:10" x14ac:dyDescent="0.35">
      <c r="A64778" s="1" t="s">
        <v>10106</v>
      </c>
      <c r="B64778" s="1" t="s">
        <v>207847</v>
      </c>
      <c r="C64778" s="1" t="s">
        <v>160</v>
      </c>
      <c r="D64778" s="1" t="s">
        <v>160206</v>
      </c>
      <c r="E64778" s="1" t="s">
        <v>216146</v>
      </c>
      <c r="F64778" s="1" t="s">
        <v>216147</v>
      </c>
      <c r="G64778" s="1" t="s">
        <v>216047</v>
      </c>
      <c r="H64778" s="1" t="s">
        <v>216048</v>
      </c>
      <c r="I64778" s="1" t="s">
        <v>207852</v>
      </c>
      <c r="J64778" s="1" t="s">
        <v>216148</v>
      </c>
    </row>
    <row r="64779" spans="1:10" x14ac:dyDescent="0.35">
      <c r="A64779" s="1" t="s">
        <v>10106</v>
      </c>
      <c r="B64779" s="1" t="s">
        <v>207847</v>
      </c>
      <c r="C64779" s="1" t="s">
        <v>165</v>
      </c>
      <c r="D64779" s="1" t="s">
        <v>16921</v>
      </c>
      <c r="E64779" s="1" t="s">
        <v>216149</v>
      </c>
      <c r="F64779" s="1" t="s">
        <v>216150</v>
      </c>
      <c r="G64779" s="1" t="s">
        <v>216047</v>
      </c>
      <c r="H64779" s="1" t="s">
        <v>216048</v>
      </c>
      <c r="I64779" s="1" t="s">
        <v>207852</v>
      </c>
      <c r="J64779" s="1" t="s">
        <v>216151</v>
      </c>
    </row>
    <row r="64780" spans="1:10" x14ac:dyDescent="0.35">
      <c r="A64780" s="1" t="s">
        <v>10106</v>
      </c>
      <c r="B64780" s="1" t="s">
        <v>207847</v>
      </c>
      <c r="C64780" s="1" t="s">
        <v>170</v>
      </c>
      <c r="D64780" s="1" t="s">
        <v>216152</v>
      </c>
      <c r="E64780" s="1" t="s">
        <v>216153</v>
      </c>
      <c r="F64780" s="1" t="s">
        <v>216154</v>
      </c>
      <c r="G64780" s="1" t="s">
        <v>216047</v>
      </c>
      <c r="H64780" s="1" t="s">
        <v>216048</v>
      </c>
      <c r="I64780" s="1" t="s">
        <v>207852</v>
      </c>
      <c r="J64780" s="1" t="s">
        <v>216155</v>
      </c>
    </row>
    <row r="64781" spans="1:10" x14ac:dyDescent="0.35">
      <c r="A64781" s="1" t="s">
        <v>8748</v>
      </c>
      <c r="B64781" s="1" t="s">
        <v>216156</v>
      </c>
      <c r="C64781" s="1" t="s">
        <v>8</v>
      </c>
      <c r="D64781" s="1" t="s">
        <v>27731</v>
      </c>
      <c r="E64781" s="1" t="s">
        <v>216157</v>
      </c>
      <c r="F64781" s="1" t="s">
        <v>216158</v>
      </c>
      <c r="G64781" s="1" t="s">
        <v>216159</v>
      </c>
      <c r="H64781" s="1" t="s">
        <v>216160</v>
      </c>
      <c r="I64781" s="1" t="s">
        <v>216161</v>
      </c>
      <c r="J64781" s="1" t="s">
        <v>13</v>
      </c>
    </row>
    <row r="64782" spans="1:10" x14ac:dyDescent="0.35">
      <c r="A64782" s="1" t="s">
        <v>8748</v>
      </c>
      <c r="B64782" s="1" t="s">
        <v>216156</v>
      </c>
      <c r="C64782" s="1" t="s">
        <v>15</v>
      </c>
      <c r="D64782" s="1" t="s">
        <v>70</v>
      </c>
      <c r="E64782" s="1" t="s">
        <v>216162</v>
      </c>
      <c r="F64782" s="1" t="s">
        <v>216163</v>
      </c>
      <c r="G64782" s="1" t="s">
        <v>216159</v>
      </c>
      <c r="H64782" s="1" t="s">
        <v>216160</v>
      </c>
      <c r="I64782" s="1" t="s">
        <v>216161</v>
      </c>
      <c r="J64782" s="1" t="s">
        <v>216164</v>
      </c>
    </row>
    <row r="64783" spans="1:10" x14ac:dyDescent="0.35">
      <c r="A64783" s="1" t="s">
        <v>8748</v>
      </c>
      <c r="B64783" s="1" t="s">
        <v>216156</v>
      </c>
      <c r="C64783" s="1" t="s">
        <v>20</v>
      </c>
      <c r="D64783" s="1" t="s">
        <v>5497</v>
      </c>
      <c r="E64783" s="1" t="s">
        <v>216165</v>
      </c>
      <c r="F64783" s="1" t="s">
        <v>216166</v>
      </c>
      <c r="G64783" s="1" t="s">
        <v>216159</v>
      </c>
      <c r="H64783" s="1" t="s">
        <v>216160</v>
      </c>
      <c r="I64783" s="1" t="s">
        <v>216161</v>
      </c>
      <c r="J64783" s="1" t="s">
        <v>216167</v>
      </c>
    </row>
    <row r="64784" spans="1:10" x14ac:dyDescent="0.35">
      <c r="A64784" s="1" t="s">
        <v>8748</v>
      </c>
      <c r="B64784" s="1" t="s">
        <v>216156</v>
      </c>
      <c r="C64784" s="1" t="s">
        <v>25</v>
      </c>
      <c r="D64784" s="1" t="s">
        <v>143182</v>
      </c>
      <c r="E64784" s="1" t="s">
        <v>216168</v>
      </c>
      <c r="F64784" s="1" t="s">
        <v>216169</v>
      </c>
      <c r="G64784" s="1" t="s">
        <v>216159</v>
      </c>
      <c r="H64784" s="1" t="s">
        <v>216160</v>
      </c>
      <c r="I64784" s="1" t="s">
        <v>216161</v>
      </c>
      <c r="J64784" s="1" t="s">
        <v>216170</v>
      </c>
    </row>
    <row r="64785" spans="1:10" x14ac:dyDescent="0.35">
      <c r="A64785" s="1" t="s">
        <v>8748</v>
      </c>
      <c r="B64785" s="1" t="s">
        <v>216156</v>
      </c>
      <c r="C64785" s="1" t="s">
        <v>30</v>
      </c>
      <c r="D64785" s="1" t="s">
        <v>1989</v>
      </c>
      <c r="E64785" s="1" t="s">
        <v>216171</v>
      </c>
      <c r="F64785" s="1" t="s">
        <v>216172</v>
      </c>
      <c r="G64785" s="1" t="s">
        <v>216159</v>
      </c>
      <c r="H64785" s="1" t="s">
        <v>216160</v>
      </c>
      <c r="I64785" s="1" t="s">
        <v>216161</v>
      </c>
      <c r="J64785" s="1" t="s">
        <v>216173</v>
      </c>
    </row>
    <row r="64786" spans="1:10" x14ac:dyDescent="0.35">
      <c r="A64786" s="1" t="s">
        <v>8748</v>
      </c>
      <c r="B64786" s="1" t="s">
        <v>216156</v>
      </c>
      <c r="C64786" s="1" t="s">
        <v>35</v>
      </c>
      <c r="D64786" s="1" t="s">
        <v>9371</v>
      </c>
      <c r="E64786" s="1" t="s">
        <v>216174</v>
      </c>
      <c r="F64786" s="1" t="s">
        <v>216175</v>
      </c>
      <c r="G64786" s="1" t="s">
        <v>216159</v>
      </c>
      <c r="H64786" s="1" t="s">
        <v>216160</v>
      </c>
      <c r="I64786" s="1" t="s">
        <v>216161</v>
      </c>
      <c r="J64786" s="1" t="s">
        <v>216176</v>
      </c>
    </row>
    <row r="64787" spans="1:10" x14ac:dyDescent="0.35">
      <c r="A64787" s="1" t="s">
        <v>8748</v>
      </c>
      <c r="B64787" s="1" t="s">
        <v>216156</v>
      </c>
      <c r="C64787" s="1" t="s">
        <v>40</v>
      </c>
      <c r="D64787" s="1" t="s">
        <v>25710</v>
      </c>
      <c r="E64787" s="1" t="s">
        <v>216177</v>
      </c>
      <c r="F64787" s="1" t="s">
        <v>216178</v>
      </c>
      <c r="G64787" s="1" t="s">
        <v>216159</v>
      </c>
      <c r="H64787" s="1" t="s">
        <v>216160</v>
      </c>
      <c r="I64787" s="1" t="s">
        <v>216161</v>
      </c>
      <c r="J64787" s="1" t="s">
        <v>203705</v>
      </c>
    </row>
    <row r="64788" spans="1:10" x14ac:dyDescent="0.35">
      <c r="A64788" s="1" t="s">
        <v>8748</v>
      </c>
      <c r="B64788" s="1" t="s">
        <v>216156</v>
      </c>
      <c r="C64788" s="1" t="s">
        <v>45</v>
      </c>
      <c r="D64788" s="1" t="s">
        <v>144720</v>
      </c>
      <c r="E64788" s="1" t="s">
        <v>216179</v>
      </c>
      <c r="F64788" s="1" t="s">
        <v>216180</v>
      </c>
      <c r="G64788" s="1" t="s">
        <v>216159</v>
      </c>
      <c r="H64788" s="1" t="s">
        <v>216160</v>
      </c>
      <c r="I64788" s="1" t="s">
        <v>216161</v>
      </c>
      <c r="J64788" s="1" t="s">
        <v>216181</v>
      </c>
    </row>
    <row r="64789" spans="1:10" x14ac:dyDescent="0.35">
      <c r="A64789" s="1" t="s">
        <v>8748</v>
      </c>
      <c r="B64789" s="1" t="s">
        <v>216156</v>
      </c>
      <c r="C64789" s="1" t="s">
        <v>50</v>
      </c>
      <c r="D64789" s="1" t="s">
        <v>141073</v>
      </c>
      <c r="E64789" s="1" t="s">
        <v>216182</v>
      </c>
      <c r="F64789" s="1" t="s">
        <v>216183</v>
      </c>
      <c r="G64789" s="1" t="s">
        <v>216159</v>
      </c>
      <c r="H64789" s="1" t="s">
        <v>216160</v>
      </c>
      <c r="I64789" s="1" t="s">
        <v>216161</v>
      </c>
      <c r="J64789" s="1" t="s">
        <v>216184</v>
      </c>
    </row>
    <row r="64790" spans="1:10" x14ac:dyDescent="0.35">
      <c r="A64790" s="1" t="s">
        <v>8748</v>
      </c>
      <c r="B64790" s="1" t="s">
        <v>216156</v>
      </c>
      <c r="C64790" s="1" t="s">
        <v>55</v>
      </c>
      <c r="D64790" s="1" t="s">
        <v>138725</v>
      </c>
      <c r="E64790" s="1" t="s">
        <v>216185</v>
      </c>
      <c r="F64790" s="1" t="s">
        <v>216186</v>
      </c>
      <c r="G64790" s="1" t="s">
        <v>216159</v>
      </c>
      <c r="H64790" s="1" t="s">
        <v>216160</v>
      </c>
      <c r="I64790" s="1" t="s">
        <v>216161</v>
      </c>
      <c r="J64790" s="1" t="s">
        <v>216187</v>
      </c>
    </row>
    <row r="64791" spans="1:10" x14ac:dyDescent="0.35">
      <c r="A64791" s="1" t="s">
        <v>8748</v>
      </c>
      <c r="B64791" s="1" t="s">
        <v>216156</v>
      </c>
      <c r="C64791" s="1" t="s">
        <v>60</v>
      </c>
      <c r="D64791" s="1" t="s">
        <v>216188</v>
      </c>
      <c r="E64791" s="1" t="s">
        <v>216189</v>
      </c>
      <c r="F64791" s="1" t="s">
        <v>216190</v>
      </c>
      <c r="G64791" s="1" t="s">
        <v>216159</v>
      </c>
      <c r="H64791" s="1" t="s">
        <v>216160</v>
      </c>
      <c r="I64791" s="1" t="s">
        <v>216161</v>
      </c>
      <c r="J64791" s="1" t="s">
        <v>216191</v>
      </c>
    </row>
    <row r="64792" spans="1:10" x14ac:dyDescent="0.35">
      <c r="A64792" s="1" t="s">
        <v>8748</v>
      </c>
      <c r="B64792" s="1" t="s">
        <v>216156</v>
      </c>
      <c r="C64792" s="1" t="s">
        <v>65</v>
      </c>
      <c r="D64792" s="1" t="s">
        <v>25583</v>
      </c>
      <c r="E64792" s="1" t="s">
        <v>216192</v>
      </c>
      <c r="F64792" s="1" t="s">
        <v>216193</v>
      </c>
      <c r="G64792" s="1" t="s">
        <v>216159</v>
      </c>
      <c r="H64792" s="1" t="s">
        <v>216160</v>
      </c>
      <c r="I64792" s="1" t="s">
        <v>216161</v>
      </c>
      <c r="J64792" s="1" t="s">
        <v>216194</v>
      </c>
    </row>
    <row r="64793" spans="1:10" x14ac:dyDescent="0.35">
      <c r="A64793" s="1" t="s">
        <v>8748</v>
      </c>
      <c r="B64793" s="1" t="s">
        <v>216156</v>
      </c>
      <c r="C64793" s="1" t="s">
        <v>70</v>
      </c>
      <c r="D64793" s="1" t="s">
        <v>4325</v>
      </c>
      <c r="E64793" s="1" t="s">
        <v>216195</v>
      </c>
      <c r="F64793" s="1" t="s">
        <v>216196</v>
      </c>
      <c r="G64793" s="1" t="s">
        <v>216159</v>
      </c>
      <c r="H64793" s="1" t="s">
        <v>216160</v>
      </c>
      <c r="I64793" s="1" t="s">
        <v>216161</v>
      </c>
      <c r="J64793" s="1" t="s">
        <v>216197</v>
      </c>
    </row>
    <row r="64794" spans="1:10" x14ac:dyDescent="0.35">
      <c r="A64794" s="1" t="s">
        <v>8748</v>
      </c>
      <c r="B64794" s="1" t="s">
        <v>216156</v>
      </c>
      <c r="C64794" s="1" t="s">
        <v>75</v>
      </c>
      <c r="D64794" s="1" t="s">
        <v>46083</v>
      </c>
      <c r="E64794" s="1" t="s">
        <v>216198</v>
      </c>
      <c r="F64794" s="1" t="s">
        <v>216199</v>
      </c>
      <c r="G64794" s="1" t="s">
        <v>216159</v>
      </c>
      <c r="H64794" s="1" t="s">
        <v>216160</v>
      </c>
      <c r="I64794" s="1" t="s">
        <v>216161</v>
      </c>
      <c r="J64794" s="1" t="s">
        <v>216200</v>
      </c>
    </row>
    <row r="64795" spans="1:10" x14ac:dyDescent="0.35">
      <c r="A64795" s="1" t="s">
        <v>8748</v>
      </c>
      <c r="B64795" s="1" t="s">
        <v>216156</v>
      </c>
      <c r="C64795" s="1" t="s">
        <v>80</v>
      </c>
      <c r="D64795" s="1" t="s">
        <v>27540</v>
      </c>
      <c r="E64795" s="1" t="s">
        <v>216201</v>
      </c>
      <c r="F64795" s="1" t="s">
        <v>216202</v>
      </c>
      <c r="G64795" s="1" t="s">
        <v>216159</v>
      </c>
      <c r="H64795" s="1" t="s">
        <v>216160</v>
      </c>
      <c r="I64795" s="1" t="s">
        <v>216161</v>
      </c>
      <c r="J64795" s="1" t="s">
        <v>216203</v>
      </c>
    </row>
    <row r="64796" spans="1:10" x14ac:dyDescent="0.35">
      <c r="A64796" s="1" t="s">
        <v>8748</v>
      </c>
      <c r="B64796" s="1" t="s">
        <v>216156</v>
      </c>
      <c r="C64796" s="1" t="s">
        <v>85</v>
      </c>
      <c r="D64796" s="1" t="s">
        <v>155</v>
      </c>
      <c r="E64796" s="1" t="s">
        <v>216204</v>
      </c>
      <c r="F64796" s="1" t="s">
        <v>216205</v>
      </c>
      <c r="G64796" s="1" t="s">
        <v>216159</v>
      </c>
      <c r="H64796" s="1" t="s">
        <v>216160</v>
      </c>
      <c r="I64796" s="1" t="s">
        <v>216161</v>
      </c>
      <c r="J64796" s="1" t="s">
        <v>216206</v>
      </c>
    </row>
    <row r="64797" spans="1:10" x14ac:dyDescent="0.35">
      <c r="A64797" s="1" t="s">
        <v>8748</v>
      </c>
      <c r="B64797" s="1" t="s">
        <v>216156</v>
      </c>
      <c r="C64797" s="1" t="s">
        <v>90</v>
      </c>
      <c r="D64797" s="1" t="s">
        <v>27676</v>
      </c>
      <c r="E64797" s="1" t="s">
        <v>216207</v>
      </c>
      <c r="F64797" s="1" t="s">
        <v>216208</v>
      </c>
      <c r="G64797" s="1" t="s">
        <v>216159</v>
      </c>
      <c r="H64797" s="1" t="s">
        <v>216160</v>
      </c>
      <c r="I64797" s="1" t="s">
        <v>216161</v>
      </c>
      <c r="J64797" s="1" t="s">
        <v>216209</v>
      </c>
    </row>
    <row r="64798" spans="1:10" x14ac:dyDescent="0.35">
      <c r="A64798" s="1" t="s">
        <v>8748</v>
      </c>
      <c r="B64798" s="1" t="s">
        <v>216156</v>
      </c>
      <c r="C64798" s="1" t="s">
        <v>95</v>
      </c>
      <c r="D64798" s="1" t="s">
        <v>12084</v>
      </c>
      <c r="E64798" s="1" t="s">
        <v>216210</v>
      </c>
      <c r="F64798" s="1" t="s">
        <v>216211</v>
      </c>
      <c r="G64798" s="1" t="s">
        <v>216159</v>
      </c>
      <c r="H64798" s="1" t="s">
        <v>216160</v>
      </c>
      <c r="I64798" s="1" t="s">
        <v>216161</v>
      </c>
      <c r="J64798" s="1" t="s">
        <v>216212</v>
      </c>
    </row>
    <row r="64799" spans="1:10" x14ac:dyDescent="0.35">
      <c r="A64799" s="1" t="s">
        <v>8748</v>
      </c>
      <c r="B64799" s="1" t="s">
        <v>216156</v>
      </c>
      <c r="C64799" s="1" t="s">
        <v>100</v>
      </c>
      <c r="D64799" s="1" t="s">
        <v>29437</v>
      </c>
      <c r="E64799" s="1" t="s">
        <v>216213</v>
      </c>
      <c r="F64799" s="1" t="s">
        <v>216214</v>
      </c>
      <c r="G64799" s="1" t="s">
        <v>216159</v>
      </c>
      <c r="H64799" s="1" t="s">
        <v>216160</v>
      </c>
      <c r="I64799" s="1" t="s">
        <v>216161</v>
      </c>
      <c r="J64799" s="1" t="s">
        <v>216215</v>
      </c>
    </row>
    <row r="64800" spans="1:10" x14ac:dyDescent="0.35">
      <c r="A64800" s="1" t="s">
        <v>8748</v>
      </c>
      <c r="B64800" s="1" t="s">
        <v>216156</v>
      </c>
      <c r="C64800" s="1" t="s">
        <v>105</v>
      </c>
      <c r="D64800" s="1" t="s">
        <v>146288</v>
      </c>
      <c r="E64800" s="1" t="s">
        <v>216216</v>
      </c>
      <c r="F64800" s="1" t="s">
        <v>216217</v>
      </c>
      <c r="G64800" s="1" t="s">
        <v>216159</v>
      </c>
      <c r="H64800" s="1" t="s">
        <v>216160</v>
      </c>
      <c r="I64800" s="1" t="s">
        <v>216161</v>
      </c>
      <c r="J64800" s="1" t="s">
        <v>216218</v>
      </c>
    </row>
    <row r="64801" spans="1:10" x14ac:dyDescent="0.35">
      <c r="A64801" s="1" t="s">
        <v>8748</v>
      </c>
      <c r="B64801" s="1" t="s">
        <v>216156</v>
      </c>
      <c r="C64801" s="1" t="s">
        <v>110</v>
      </c>
      <c r="D64801" s="1" t="s">
        <v>27802</v>
      </c>
      <c r="E64801" s="1" t="s">
        <v>216219</v>
      </c>
      <c r="F64801" s="1" t="s">
        <v>216220</v>
      </c>
      <c r="G64801" s="1" t="s">
        <v>216159</v>
      </c>
      <c r="H64801" s="1" t="s">
        <v>216160</v>
      </c>
      <c r="I64801" s="1" t="s">
        <v>216161</v>
      </c>
      <c r="J64801" s="1" t="s">
        <v>216221</v>
      </c>
    </row>
    <row r="64802" spans="1:10" x14ac:dyDescent="0.35">
      <c r="A64802" s="1" t="s">
        <v>8748</v>
      </c>
      <c r="B64802" s="1" t="s">
        <v>216156</v>
      </c>
      <c r="C64802" s="1" t="s">
        <v>115</v>
      </c>
      <c r="D64802" s="1" t="s">
        <v>27573</v>
      </c>
      <c r="E64802" s="1" t="s">
        <v>216222</v>
      </c>
      <c r="F64802" s="1" t="s">
        <v>216223</v>
      </c>
      <c r="G64802" s="1" t="s">
        <v>216159</v>
      </c>
      <c r="H64802" s="1" t="s">
        <v>216160</v>
      </c>
      <c r="I64802" s="1" t="s">
        <v>216161</v>
      </c>
      <c r="J64802" s="1" t="s">
        <v>216224</v>
      </c>
    </row>
    <row r="64803" spans="1:10" x14ac:dyDescent="0.35">
      <c r="A64803" s="1" t="s">
        <v>8748</v>
      </c>
      <c r="B64803" s="1" t="s">
        <v>216156</v>
      </c>
      <c r="C64803" s="1" t="s">
        <v>120</v>
      </c>
      <c r="D64803" s="1" t="s">
        <v>111020</v>
      </c>
      <c r="E64803" s="1" t="s">
        <v>216225</v>
      </c>
      <c r="F64803" s="1" t="s">
        <v>216226</v>
      </c>
      <c r="G64803" s="1" t="s">
        <v>216159</v>
      </c>
      <c r="H64803" s="1" t="s">
        <v>216160</v>
      </c>
      <c r="I64803" s="1" t="s">
        <v>216161</v>
      </c>
      <c r="J64803" s="1" t="s">
        <v>216227</v>
      </c>
    </row>
    <row r="64804" spans="1:10" x14ac:dyDescent="0.35">
      <c r="A64804" s="1" t="s">
        <v>8748</v>
      </c>
      <c r="B64804" s="1" t="s">
        <v>216156</v>
      </c>
      <c r="C64804" s="1" t="s">
        <v>125</v>
      </c>
      <c r="D64804" s="1" t="s">
        <v>2039</v>
      </c>
      <c r="E64804" s="1" t="s">
        <v>216228</v>
      </c>
      <c r="F64804" s="1" t="s">
        <v>216229</v>
      </c>
      <c r="G64804" s="1" t="s">
        <v>216159</v>
      </c>
      <c r="H64804" s="1" t="s">
        <v>216160</v>
      </c>
      <c r="I64804" s="1" t="s">
        <v>216161</v>
      </c>
      <c r="J64804" s="1" t="s">
        <v>216230</v>
      </c>
    </row>
    <row r="64805" spans="1:10" x14ac:dyDescent="0.35">
      <c r="A64805" s="1" t="s">
        <v>8748</v>
      </c>
      <c r="B64805" s="1" t="s">
        <v>216156</v>
      </c>
      <c r="C64805" s="1" t="s">
        <v>130</v>
      </c>
      <c r="D64805" s="1" t="s">
        <v>27847</v>
      </c>
      <c r="E64805" s="1" t="s">
        <v>216231</v>
      </c>
      <c r="F64805" s="1" t="s">
        <v>216232</v>
      </c>
      <c r="G64805" s="1" t="s">
        <v>216159</v>
      </c>
      <c r="H64805" s="1" t="s">
        <v>216160</v>
      </c>
      <c r="I64805" s="1" t="s">
        <v>216161</v>
      </c>
      <c r="J64805" s="1" t="s">
        <v>216233</v>
      </c>
    </row>
    <row r="64806" spans="1:10" x14ac:dyDescent="0.35">
      <c r="A64806" s="1" t="s">
        <v>8748</v>
      </c>
      <c r="B64806" s="1" t="s">
        <v>216156</v>
      </c>
      <c r="C64806" s="1" t="s">
        <v>135</v>
      </c>
      <c r="D64806" s="1" t="s">
        <v>27847</v>
      </c>
      <c r="E64806" s="1" t="s">
        <v>216234</v>
      </c>
      <c r="F64806" s="1" t="s">
        <v>216235</v>
      </c>
      <c r="G64806" s="1" t="s">
        <v>216159</v>
      </c>
      <c r="H64806" s="1" t="s">
        <v>216160</v>
      </c>
      <c r="I64806" s="1" t="s">
        <v>216161</v>
      </c>
      <c r="J64806" s="1" t="s">
        <v>1180</v>
      </c>
    </row>
    <row r="64807" spans="1:10" x14ac:dyDescent="0.35">
      <c r="A64807" s="1" t="s">
        <v>8748</v>
      </c>
      <c r="B64807" s="1" t="s">
        <v>216156</v>
      </c>
      <c r="C64807" s="1" t="s">
        <v>140</v>
      </c>
      <c r="D64807" s="1" t="s">
        <v>28259</v>
      </c>
      <c r="E64807" s="1" t="s">
        <v>216236</v>
      </c>
      <c r="F64807" s="1" t="s">
        <v>216237</v>
      </c>
      <c r="G64807" s="1" t="s">
        <v>216159</v>
      </c>
      <c r="H64807" s="1" t="s">
        <v>216160</v>
      </c>
      <c r="I64807" s="1" t="s">
        <v>216161</v>
      </c>
      <c r="J64807" s="1" t="s">
        <v>216238</v>
      </c>
    </row>
    <row r="64808" spans="1:10" x14ac:dyDescent="0.35">
      <c r="A64808" s="1" t="s">
        <v>8748</v>
      </c>
      <c r="B64808" s="1" t="s">
        <v>216156</v>
      </c>
      <c r="C64808" s="1" t="s">
        <v>145</v>
      </c>
      <c r="D64808" s="1" t="s">
        <v>4725</v>
      </c>
      <c r="E64808" s="1" t="s">
        <v>216239</v>
      </c>
      <c r="F64808" s="1" t="s">
        <v>216240</v>
      </c>
      <c r="G64808" s="1" t="s">
        <v>216159</v>
      </c>
      <c r="H64808" s="1" t="s">
        <v>216160</v>
      </c>
      <c r="I64808" s="1" t="s">
        <v>216161</v>
      </c>
      <c r="J64808" s="1" t="s">
        <v>216241</v>
      </c>
    </row>
    <row r="64809" spans="1:10" x14ac:dyDescent="0.35">
      <c r="A64809" s="1" t="s">
        <v>8748</v>
      </c>
      <c r="B64809" s="1" t="s">
        <v>216156</v>
      </c>
      <c r="C64809" s="1" t="s">
        <v>150</v>
      </c>
      <c r="D64809" s="1" t="s">
        <v>28912</v>
      </c>
      <c r="E64809" s="1" t="s">
        <v>216242</v>
      </c>
      <c r="F64809" s="1" t="s">
        <v>216243</v>
      </c>
      <c r="G64809" s="1" t="s">
        <v>216159</v>
      </c>
      <c r="H64809" s="1" t="s">
        <v>216160</v>
      </c>
      <c r="I64809" s="1" t="s">
        <v>216161</v>
      </c>
      <c r="J64809" s="1" t="s">
        <v>216244</v>
      </c>
    </row>
    <row r="64810" spans="1:10" x14ac:dyDescent="0.35">
      <c r="A64810" s="1" t="s">
        <v>8748</v>
      </c>
      <c r="B64810" s="1" t="s">
        <v>216156</v>
      </c>
      <c r="C64810" s="1" t="s">
        <v>155</v>
      </c>
      <c r="D64810" s="1" t="s">
        <v>28443</v>
      </c>
      <c r="E64810" s="1" t="s">
        <v>216245</v>
      </c>
      <c r="F64810" s="1" t="s">
        <v>216246</v>
      </c>
      <c r="G64810" s="1" t="s">
        <v>216159</v>
      </c>
      <c r="H64810" s="1" t="s">
        <v>216160</v>
      </c>
      <c r="I64810" s="1" t="s">
        <v>216161</v>
      </c>
      <c r="J64810" s="1" t="s">
        <v>216247</v>
      </c>
    </row>
    <row r="64811" spans="1:10" x14ac:dyDescent="0.35">
      <c r="A64811" s="1" t="s">
        <v>8748</v>
      </c>
      <c r="B64811" s="1" t="s">
        <v>216156</v>
      </c>
      <c r="C64811" s="1" t="s">
        <v>160</v>
      </c>
      <c r="D64811" s="1" t="s">
        <v>119916</v>
      </c>
      <c r="E64811" s="1" t="s">
        <v>216248</v>
      </c>
      <c r="F64811" s="1" t="s">
        <v>216249</v>
      </c>
      <c r="G64811" s="1" t="s">
        <v>216159</v>
      </c>
      <c r="H64811" s="1" t="s">
        <v>216160</v>
      </c>
      <c r="I64811" s="1" t="s">
        <v>216161</v>
      </c>
      <c r="J64811" s="1" t="s">
        <v>216250</v>
      </c>
    </row>
    <row r="64812" spans="1:10" x14ac:dyDescent="0.35">
      <c r="A64812" s="1" t="s">
        <v>8748</v>
      </c>
      <c r="B64812" s="1" t="s">
        <v>216156</v>
      </c>
      <c r="C64812" s="1" t="s">
        <v>165</v>
      </c>
      <c r="D64812" s="1" t="s">
        <v>6496</v>
      </c>
      <c r="E64812" s="1" t="s">
        <v>216251</v>
      </c>
      <c r="F64812" s="1" t="s">
        <v>216252</v>
      </c>
      <c r="G64812" s="1" t="s">
        <v>216159</v>
      </c>
      <c r="H64812" s="1" t="s">
        <v>216160</v>
      </c>
      <c r="I64812" s="1" t="s">
        <v>216161</v>
      </c>
      <c r="J64812" s="1" t="s">
        <v>216253</v>
      </c>
    </row>
    <row r="64813" spans="1:10" x14ac:dyDescent="0.35">
      <c r="A64813" s="1" t="s">
        <v>8748</v>
      </c>
      <c r="B64813" s="1" t="s">
        <v>216156</v>
      </c>
      <c r="C64813" s="1" t="s">
        <v>170</v>
      </c>
      <c r="D64813" s="1" t="s">
        <v>15852</v>
      </c>
      <c r="E64813" s="1" t="s">
        <v>216254</v>
      </c>
      <c r="F64813" s="1" t="s">
        <v>216255</v>
      </c>
      <c r="G64813" s="1" t="s">
        <v>216159</v>
      </c>
      <c r="H64813" s="1" t="s">
        <v>216160</v>
      </c>
      <c r="I64813" s="1" t="s">
        <v>216161</v>
      </c>
      <c r="J64813" s="1" t="s">
        <v>216256</v>
      </c>
    </row>
    <row r="64814" spans="1:10" x14ac:dyDescent="0.35">
      <c r="A64814" s="1" t="s">
        <v>27693</v>
      </c>
      <c r="B64814" s="1" t="s">
        <v>216156</v>
      </c>
      <c r="C64814" s="1" t="s">
        <v>8</v>
      </c>
      <c r="D64814" s="1" t="s">
        <v>50963</v>
      </c>
      <c r="E64814" s="1" t="s">
        <v>168981</v>
      </c>
      <c r="F64814" s="1" t="s">
        <v>216257</v>
      </c>
      <c r="G64814" s="1" t="s">
        <v>216258</v>
      </c>
      <c r="H64814" s="1" t="s">
        <v>216259</v>
      </c>
      <c r="I64814" s="1" t="s">
        <v>216161</v>
      </c>
      <c r="J64814" s="1" t="s">
        <v>13</v>
      </c>
    </row>
    <row r="64815" spans="1:10" x14ac:dyDescent="0.35">
      <c r="A64815" s="1" t="s">
        <v>27693</v>
      </c>
      <c r="B64815" s="1" t="s">
        <v>216156</v>
      </c>
      <c r="C64815" s="1" t="s">
        <v>15</v>
      </c>
      <c r="D64815" s="1" t="s">
        <v>181391</v>
      </c>
      <c r="E64815" s="1" t="s">
        <v>168981</v>
      </c>
      <c r="F64815" s="1" t="s">
        <v>216260</v>
      </c>
      <c r="G64815" s="1" t="s">
        <v>216258</v>
      </c>
      <c r="H64815" s="1" t="s">
        <v>216259</v>
      </c>
      <c r="I64815" s="1" t="s">
        <v>216161</v>
      </c>
      <c r="J64815" s="1" t="s">
        <v>216261</v>
      </c>
    </row>
    <row r="64816" spans="1:10" x14ac:dyDescent="0.35">
      <c r="A64816" s="1" t="s">
        <v>27693</v>
      </c>
      <c r="B64816" s="1" t="s">
        <v>216156</v>
      </c>
      <c r="C64816" s="1" t="s">
        <v>20</v>
      </c>
      <c r="D64816" s="1" t="s">
        <v>71048</v>
      </c>
      <c r="E64816" s="1" t="s">
        <v>29075</v>
      </c>
      <c r="F64816" s="1" t="s">
        <v>216262</v>
      </c>
      <c r="G64816" s="1" t="s">
        <v>216258</v>
      </c>
      <c r="H64816" s="1" t="s">
        <v>216259</v>
      </c>
      <c r="I64816" s="1" t="s">
        <v>216161</v>
      </c>
      <c r="J64816" s="1" t="s">
        <v>216263</v>
      </c>
    </row>
    <row r="64817" spans="1:10" x14ac:dyDescent="0.35">
      <c r="A64817" s="1" t="s">
        <v>27693</v>
      </c>
      <c r="B64817" s="1" t="s">
        <v>216156</v>
      </c>
      <c r="C64817" s="1" t="s">
        <v>25</v>
      </c>
      <c r="D64817" s="1" t="s">
        <v>142972</v>
      </c>
      <c r="E64817" s="1" t="s">
        <v>196864</v>
      </c>
      <c r="F64817" s="1" t="s">
        <v>129642</v>
      </c>
      <c r="G64817" s="1" t="s">
        <v>216258</v>
      </c>
      <c r="H64817" s="1" t="s">
        <v>216259</v>
      </c>
      <c r="I64817" s="1" t="s">
        <v>216161</v>
      </c>
      <c r="J64817" s="1" t="s">
        <v>216264</v>
      </c>
    </row>
    <row r="64818" spans="1:10" x14ac:dyDescent="0.35">
      <c r="A64818" s="1" t="s">
        <v>27693</v>
      </c>
      <c r="B64818" s="1" t="s">
        <v>216156</v>
      </c>
      <c r="C64818" s="1" t="s">
        <v>30</v>
      </c>
      <c r="D64818" s="1" t="s">
        <v>28805</v>
      </c>
      <c r="E64818" s="1" t="s">
        <v>4257</v>
      </c>
      <c r="F64818" s="1" t="s">
        <v>216265</v>
      </c>
      <c r="G64818" s="1" t="s">
        <v>216258</v>
      </c>
      <c r="H64818" s="1" t="s">
        <v>216259</v>
      </c>
      <c r="I64818" s="1" t="s">
        <v>216161</v>
      </c>
      <c r="J64818" s="1" t="s">
        <v>216266</v>
      </c>
    </row>
    <row r="64819" spans="1:10" x14ac:dyDescent="0.35">
      <c r="A64819" s="1" t="s">
        <v>27693</v>
      </c>
      <c r="B64819" s="1" t="s">
        <v>216156</v>
      </c>
      <c r="C64819" s="1" t="s">
        <v>35</v>
      </c>
      <c r="D64819" s="1" t="s">
        <v>2564</v>
      </c>
      <c r="E64819" s="1" t="s">
        <v>29117</v>
      </c>
      <c r="F64819" s="1" t="s">
        <v>216267</v>
      </c>
      <c r="G64819" s="1" t="s">
        <v>216258</v>
      </c>
      <c r="H64819" s="1" t="s">
        <v>216259</v>
      </c>
      <c r="I64819" s="1" t="s">
        <v>216161</v>
      </c>
      <c r="J64819" s="1" t="s">
        <v>216268</v>
      </c>
    </row>
    <row r="64820" spans="1:10" x14ac:dyDescent="0.35">
      <c r="A64820" s="1" t="s">
        <v>27693</v>
      </c>
      <c r="B64820" s="1" t="s">
        <v>216156</v>
      </c>
      <c r="C64820" s="1" t="s">
        <v>40</v>
      </c>
      <c r="D64820" s="1" t="s">
        <v>49359</v>
      </c>
      <c r="E64820" s="1" t="s">
        <v>28172</v>
      </c>
      <c r="F64820" s="1" t="s">
        <v>216269</v>
      </c>
      <c r="G64820" s="1" t="s">
        <v>216258</v>
      </c>
      <c r="H64820" s="1" t="s">
        <v>216259</v>
      </c>
      <c r="I64820" s="1" t="s">
        <v>216161</v>
      </c>
      <c r="J64820" s="1" t="s">
        <v>216270</v>
      </c>
    </row>
    <row r="64821" spans="1:10" x14ac:dyDescent="0.35">
      <c r="A64821" s="1" t="s">
        <v>27693</v>
      </c>
      <c r="B64821" s="1" t="s">
        <v>216156</v>
      </c>
      <c r="C64821" s="1" t="s">
        <v>45</v>
      </c>
      <c r="D64821" s="1" t="s">
        <v>216271</v>
      </c>
      <c r="E64821" s="1" t="s">
        <v>112665</v>
      </c>
      <c r="F64821" s="1" t="s">
        <v>216272</v>
      </c>
      <c r="G64821" s="1" t="s">
        <v>216258</v>
      </c>
      <c r="H64821" s="1" t="s">
        <v>216259</v>
      </c>
      <c r="I64821" s="1" t="s">
        <v>216161</v>
      </c>
      <c r="J64821" s="1" t="s">
        <v>216273</v>
      </c>
    </row>
    <row r="64822" spans="1:10" x14ac:dyDescent="0.35">
      <c r="A64822" s="1" t="s">
        <v>27693</v>
      </c>
      <c r="B64822" s="1" t="s">
        <v>216156</v>
      </c>
      <c r="C64822" s="1" t="s">
        <v>50</v>
      </c>
      <c r="D64822" s="1" t="s">
        <v>156243</v>
      </c>
      <c r="E64822" s="1" t="s">
        <v>206123</v>
      </c>
      <c r="F64822" s="1" t="s">
        <v>216274</v>
      </c>
      <c r="G64822" s="1" t="s">
        <v>216258</v>
      </c>
      <c r="H64822" s="1" t="s">
        <v>216259</v>
      </c>
      <c r="I64822" s="1" t="s">
        <v>216161</v>
      </c>
      <c r="J64822" s="1" t="s">
        <v>216275</v>
      </c>
    </row>
    <row r="64823" spans="1:10" x14ac:dyDescent="0.35">
      <c r="A64823" s="1" t="s">
        <v>27693</v>
      </c>
      <c r="B64823" s="1" t="s">
        <v>216156</v>
      </c>
      <c r="C64823" s="1" t="s">
        <v>55</v>
      </c>
      <c r="D64823" s="1" t="s">
        <v>125946</v>
      </c>
      <c r="E64823" s="1" t="s">
        <v>112665</v>
      </c>
      <c r="F64823" s="1" t="s">
        <v>216276</v>
      </c>
      <c r="G64823" s="1" t="s">
        <v>216258</v>
      </c>
      <c r="H64823" s="1" t="s">
        <v>216259</v>
      </c>
      <c r="I64823" s="1" t="s">
        <v>216161</v>
      </c>
      <c r="J64823" s="1" t="s">
        <v>216277</v>
      </c>
    </row>
    <row r="64824" spans="1:10" x14ac:dyDescent="0.35">
      <c r="A64824" s="1" t="s">
        <v>27693</v>
      </c>
      <c r="B64824" s="1" t="s">
        <v>216156</v>
      </c>
      <c r="C64824" s="1" t="s">
        <v>60</v>
      </c>
      <c r="D64824" s="1" t="s">
        <v>112370</v>
      </c>
      <c r="E64824" s="1" t="s">
        <v>8802</v>
      </c>
      <c r="F64824" s="1" t="s">
        <v>216278</v>
      </c>
      <c r="G64824" s="1" t="s">
        <v>216258</v>
      </c>
      <c r="H64824" s="1" t="s">
        <v>216259</v>
      </c>
      <c r="I64824" s="1" t="s">
        <v>216161</v>
      </c>
      <c r="J64824" s="1" t="s">
        <v>216279</v>
      </c>
    </row>
    <row r="64825" spans="1:10" x14ac:dyDescent="0.35">
      <c r="A64825" s="1" t="s">
        <v>27693</v>
      </c>
      <c r="B64825" s="1" t="s">
        <v>216156</v>
      </c>
      <c r="C64825" s="1" t="s">
        <v>65</v>
      </c>
      <c r="D64825" s="1" t="s">
        <v>112370</v>
      </c>
      <c r="E64825" s="1" t="s">
        <v>216280</v>
      </c>
      <c r="F64825" s="1" t="s">
        <v>216281</v>
      </c>
      <c r="G64825" s="1" t="s">
        <v>216258</v>
      </c>
      <c r="H64825" s="1" t="s">
        <v>216259</v>
      </c>
      <c r="I64825" s="1" t="s">
        <v>216161</v>
      </c>
      <c r="J64825" s="1" t="s">
        <v>1180</v>
      </c>
    </row>
    <row r="64826" spans="1:10" x14ac:dyDescent="0.35">
      <c r="A64826" s="1" t="s">
        <v>27693</v>
      </c>
      <c r="B64826" s="1" t="s">
        <v>216156</v>
      </c>
      <c r="C64826" s="1" t="s">
        <v>70</v>
      </c>
      <c r="D64826" s="1" t="s">
        <v>7503</v>
      </c>
      <c r="E64826" s="1" t="s">
        <v>8828</v>
      </c>
      <c r="F64826" s="1" t="s">
        <v>216282</v>
      </c>
      <c r="G64826" s="1" t="s">
        <v>216258</v>
      </c>
      <c r="H64826" s="1" t="s">
        <v>216259</v>
      </c>
      <c r="I64826" s="1" t="s">
        <v>216161</v>
      </c>
      <c r="J64826" s="1" t="s">
        <v>216283</v>
      </c>
    </row>
    <row r="64827" spans="1:10" x14ac:dyDescent="0.35">
      <c r="A64827" s="1" t="s">
        <v>27693</v>
      </c>
      <c r="B64827" s="1" t="s">
        <v>216156</v>
      </c>
      <c r="C64827" s="1" t="s">
        <v>75</v>
      </c>
      <c r="D64827" s="1" t="s">
        <v>29004</v>
      </c>
      <c r="E64827" s="1" t="s">
        <v>118878</v>
      </c>
      <c r="F64827" s="1" t="s">
        <v>82912</v>
      </c>
      <c r="G64827" s="1" t="s">
        <v>216258</v>
      </c>
      <c r="H64827" s="1" t="s">
        <v>216259</v>
      </c>
      <c r="I64827" s="1" t="s">
        <v>216161</v>
      </c>
      <c r="J64827" s="1" t="s">
        <v>216284</v>
      </c>
    </row>
    <row r="64828" spans="1:10" x14ac:dyDescent="0.35">
      <c r="A64828" s="1" t="s">
        <v>27693</v>
      </c>
      <c r="B64828" s="1" t="s">
        <v>216156</v>
      </c>
      <c r="C64828" s="1" t="s">
        <v>80</v>
      </c>
      <c r="D64828" s="1" t="s">
        <v>50810</v>
      </c>
      <c r="E64828" s="1" t="s">
        <v>28087</v>
      </c>
      <c r="F64828" s="1" t="s">
        <v>216285</v>
      </c>
      <c r="G64828" s="1" t="s">
        <v>216258</v>
      </c>
      <c r="H64828" s="1" t="s">
        <v>216259</v>
      </c>
      <c r="I64828" s="1" t="s">
        <v>216161</v>
      </c>
      <c r="J64828" s="1" t="s">
        <v>216286</v>
      </c>
    </row>
    <row r="64829" spans="1:10" x14ac:dyDescent="0.35">
      <c r="A64829" s="1" t="s">
        <v>27693</v>
      </c>
      <c r="B64829" s="1" t="s">
        <v>216156</v>
      </c>
      <c r="C64829" s="1" t="s">
        <v>85</v>
      </c>
      <c r="D64829" s="1" t="s">
        <v>4082</v>
      </c>
      <c r="E64829" s="1" t="s">
        <v>4219</v>
      </c>
      <c r="F64829" s="1" t="s">
        <v>216287</v>
      </c>
      <c r="G64829" s="1" t="s">
        <v>216258</v>
      </c>
      <c r="H64829" s="1" t="s">
        <v>216259</v>
      </c>
      <c r="I64829" s="1" t="s">
        <v>216161</v>
      </c>
      <c r="J64829" s="1" t="s">
        <v>216288</v>
      </c>
    </row>
    <row r="64830" spans="1:10" x14ac:dyDescent="0.35">
      <c r="A64830" s="1" t="s">
        <v>27693</v>
      </c>
      <c r="B64830" s="1" t="s">
        <v>216156</v>
      </c>
      <c r="C64830" s="1" t="s">
        <v>90</v>
      </c>
      <c r="D64830" s="1" t="s">
        <v>148693</v>
      </c>
      <c r="E64830" s="1" t="s">
        <v>8802</v>
      </c>
      <c r="F64830" s="1" t="s">
        <v>216289</v>
      </c>
      <c r="G64830" s="1" t="s">
        <v>216258</v>
      </c>
      <c r="H64830" s="1" t="s">
        <v>216259</v>
      </c>
      <c r="I64830" s="1" t="s">
        <v>216161</v>
      </c>
      <c r="J64830" s="1" t="s">
        <v>216290</v>
      </c>
    </row>
    <row r="64831" spans="1:10" x14ac:dyDescent="0.35">
      <c r="A64831" s="1" t="s">
        <v>27693</v>
      </c>
      <c r="B64831" s="1" t="s">
        <v>216156</v>
      </c>
      <c r="C64831" s="1" t="s">
        <v>95</v>
      </c>
      <c r="D64831" s="1" t="s">
        <v>216291</v>
      </c>
      <c r="E64831" s="1" t="s">
        <v>6882</v>
      </c>
      <c r="F64831" s="1" t="s">
        <v>216292</v>
      </c>
      <c r="G64831" s="1" t="s">
        <v>216258</v>
      </c>
      <c r="H64831" s="1" t="s">
        <v>216259</v>
      </c>
      <c r="I64831" s="1" t="s">
        <v>216161</v>
      </c>
      <c r="J64831" s="1" t="s">
        <v>216293</v>
      </c>
    </row>
    <row r="64832" spans="1:10" x14ac:dyDescent="0.35">
      <c r="A64832" s="1" t="s">
        <v>27693</v>
      </c>
      <c r="B64832" s="1" t="s">
        <v>216156</v>
      </c>
      <c r="C64832" s="1" t="s">
        <v>100</v>
      </c>
      <c r="D64832" s="1" t="s">
        <v>216294</v>
      </c>
      <c r="E64832" s="1" t="s">
        <v>169248</v>
      </c>
      <c r="F64832" s="1" t="s">
        <v>21808</v>
      </c>
      <c r="G64832" s="1" t="s">
        <v>216258</v>
      </c>
      <c r="H64832" s="1" t="s">
        <v>216259</v>
      </c>
      <c r="I64832" s="1" t="s">
        <v>216161</v>
      </c>
      <c r="J64832" s="1" t="s">
        <v>216295</v>
      </c>
    </row>
    <row r="64833" spans="1:10" x14ac:dyDescent="0.35">
      <c r="A64833" s="1" t="s">
        <v>27693</v>
      </c>
      <c r="B64833" s="1" t="s">
        <v>216156</v>
      </c>
      <c r="C64833" s="1" t="s">
        <v>105</v>
      </c>
      <c r="D64833" s="1" t="s">
        <v>112786</v>
      </c>
      <c r="E64833" s="1" t="s">
        <v>216296</v>
      </c>
      <c r="F64833" s="1" t="s">
        <v>68890</v>
      </c>
      <c r="G64833" s="1" t="s">
        <v>216258</v>
      </c>
      <c r="H64833" s="1" t="s">
        <v>216259</v>
      </c>
      <c r="I64833" s="1" t="s">
        <v>216161</v>
      </c>
      <c r="J64833" s="1" t="s">
        <v>216297</v>
      </c>
    </row>
    <row r="64834" spans="1:10" x14ac:dyDescent="0.35">
      <c r="A64834" s="1" t="s">
        <v>27693</v>
      </c>
      <c r="B64834" s="1" t="s">
        <v>216156</v>
      </c>
      <c r="C64834" s="1" t="s">
        <v>110</v>
      </c>
      <c r="D64834" s="1" t="s">
        <v>48282</v>
      </c>
      <c r="E64834" s="1" t="s">
        <v>216298</v>
      </c>
      <c r="F64834" s="1" t="s">
        <v>57900</v>
      </c>
      <c r="G64834" s="1" t="s">
        <v>216258</v>
      </c>
      <c r="H64834" s="1" t="s">
        <v>216259</v>
      </c>
      <c r="I64834" s="1" t="s">
        <v>216161</v>
      </c>
      <c r="J64834" s="1" t="s">
        <v>216299</v>
      </c>
    </row>
    <row r="64835" spans="1:10" x14ac:dyDescent="0.35">
      <c r="A64835" s="1" t="s">
        <v>27693</v>
      </c>
      <c r="B64835" s="1" t="s">
        <v>216156</v>
      </c>
      <c r="C64835" s="1" t="s">
        <v>115</v>
      </c>
      <c r="D64835" s="1" t="s">
        <v>216300</v>
      </c>
      <c r="E64835" s="1" t="s">
        <v>169006</v>
      </c>
      <c r="F64835" s="1" t="s">
        <v>216301</v>
      </c>
      <c r="G64835" s="1" t="s">
        <v>216258</v>
      </c>
      <c r="H64835" s="1" t="s">
        <v>216259</v>
      </c>
      <c r="I64835" s="1" t="s">
        <v>216161</v>
      </c>
      <c r="J64835" s="1" t="s">
        <v>216302</v>
      </c>
    </row>
    <row r="64836" spans="1:10" x14ac:dyDescent="0.35">
      <c r="A64836" s="1" t="s">
        <v>27693</v>
      </c>
      <c r="B64836" s="1" t="s">
        <v>216156</v>
      </c>
      <c r="C64836" s="1" t="s">
        <v>120</v>
      </c>
      <c r="D64836" s="1" t="s">
        <v>111031</v>
      </c>
      <c r="E64836" s="1" t="s">
        <v>169242</v>
      </c>
      <c r="F64836" s="1" t="s">
        <v>216303</v>
      </c>
      <c r="G64836" s="1" t="s">
        <v>216258</v>
      </c>
      <c r="H64836" s="1" t="s">
        <v>216259</v>
      </c>
      <c r="I64836" s="1" t="s">
        <v>216161</v>
      </c>
      <c r="J64836" s="1" t="s">
        <v>216304</v>
      </c>
    </row>
    <row r="64837" spans="1:10" x14ac:dyDescent="0.35">
      <c r="A64837" s="1" t="s">
        <v>27693</v>
      </c>
      <c r="B64837" s="1" t="s">
        <v>216156</v>
      </c>
      <c r="C64837" s="1" t="s">
        <v>125</v>
      </c>
      <c r="D64837" s="1" t="s">
        <v>2833</v>
      </c>
      <c r="E64837" s="1" t="s">
        <v>168948</v>
      </c>
      <c r="F64837" s="1" t="s">
        <v>54125</v>
      </c>
      <c r="G64837" s="1" t="s">
        <v>216258</v>
      </c>
      <c r="H64837" s="1" t="s">
        <v>216259</v>
      </c>
      <c r="I64837" s="1" t="s">
        <v>216161</v>
      </c>
      <c r="J64837" s="1" t="s">
        <v>216305</v>
      </c>
    </row>
    <row r="64838" spans="1:10" x14ac:dyDescent="0.35">
      <c r="A64838" s="1" t="s">
        <v>27693</v>
      </c>
      <c r="B64838" s="1" t="s">
        <v>216156</v>
      </c>
      <c r="C64838" s="1" t="s">
        <v>130</v>
      </c>
      <c r="D64838" s="1" t="s">
        <v>45266</v>
      </c>
      <c r="E64838" s="1" t="s">
        <v>168948</v>
      </c>
      <c r="F64838" s="1" t="s">
        <v>216306</v>
      </c>
      <c r="G64838" s="1" t="s">
        <v>216258</v>
      </c>
      <c r="H64838" s="1" t="s">
        <v>216259</v>
      </c>
      <c r="I64838" s="1" t="s">
        <v>216161</v>
      </c>
      <c r="J64838" s="1" t="s">
        <v>216307</v>
      </c>
    </row>
    <row r="64839" spans="1:10" x14ac:dyDescent="0.35">
      <c r="A64839" s="1" t="s">
        <v>27693</v>
      </c>
      <c r="B64839" s="1" t="s">
        <v>216156</v>
      </c>
      <c r="C64839" s="1" t="s">
        <v>135</v>
      </c>
      <c r="D64839" s="1" t="s">
        <v>48532</v>
      </c>
      <c r="E64839" s="1" t="s">
        <v>206113</v>
      </c>
      <c r="F64839" s="1" t="s">
        <v>216308</v>
      </c>
      <c r="G64839" s="1" t="s">
        <v>216258</v>
      </c>
      <c r="H64839" s="1" t="s">
        <v>216259</v>
      </c>
      <c r="I64839" s="1" t="s">
        <v>216161</v>
      </c>
      <c r="J64839" s="1" t="s">
        <v>216309</v>
      </c>
    </row>
    <row r="64840" spans="1:10" x14ac:dyDescent="0.35">
      <c r="A64840" s="1" t="s">
        <v>27693</v>
      </c>
      <c r="B64840" s="1" t="s">
        <v>216156</v>
      </c>
      <c r="C64840" s="1" t="s">
        <v>140</v>
      </c>
      <c r="D64840" s="1" t="s">
        <v>15583</v>
      </c>
      <c r="E64840" s="1" t="s">
        <v>4196</v>
      </c>
      <c r="F64840" s="1" t="s">
        <v>216310</v>
      </c>
      <c r="G64840" s="1" t="s">
        <v>216258</v>
      </c>
      <c r="H64840" s="1" t="s">
        <v>216259</v>
      </c>
      <c r="I64840" s="1" t="s">
        <v>216161</v>
      </c>
      <c r="J64840" s="1" t="s">
        <v>216311</v>
      </c>
    </row>
    <row r="64841" spans="1:10" x14ac:dyDescent="0.35">
      <c r="A64841" s="1" t="s">
        <v>27693</v>
      </c>
      <c r="B64841" s="1" t="s">
        <v>216156</v>
      </c>
      <c r="C64841" s="1" t="s">
        <v>145</v>
      </c>
      <c r="D64841" s="1" t="s">
        <v>120838</v>
      </c>
      <c r="E64841" s="1" t="s">
        <v>216312</v>
      </c>
      <c r="F64841" s="1" t="s">
        <v>216313</v>
      </c>
      <c r="G64841" s="1" t="s">
        <v>216258</v>
      </c>
      <c r="H64841" s="1" t="s">
        <v>216259</v>
      </c>
      <c r="I64841" s="1" t="s">
        <v>216161</v>
      </c>
      <c r="J64841" s="1" t="s">
        <v>216314</v>
      </c>
    </row>
    <row r="64842" spans="1:10" x14ac:dyDescent="0.35">
      <c r="A64842" s="1" t="s">
        <v>27693</v>
      </c>
      <c r="B64842" s="1" t="s">
        <v>216156</v>
      </c>
      <c r="C64842" s="1" t="s">
        <v>150</v>
      </c>
      <c r="D64842" s="1" t="s">
        <v>110100</v>
      </c>
      <c r="E64842" s="1" t="s">
        <v>4203</v>
      </c>
      <c r="F64842" s="1" t="s">
        <v>63010</v>
      </c>
      <c r="G64842" s="1" t="s">
        <v>216258</v>
      </c>
      <c r="H64842" s="1" t="s">
        <v>216259</v>
      </c>
      <c r="I64842" s="1" t="s">
        <v>216161</v>
      </c>
      <c r="J64842" s="1" t="s">
        <v>216315</v>
      </c>
    </row>
    <row r="64843" spans="1:10" x14ac:dyDescent="0.35">
      <c r="A64843" s="1" t="s">
        <v>27693</v>
      </c>
      <c r="B64843" s="1" t="s">
        <v>216156</v>
      </c>
      <c r="C64843" s="1" t="s">
        <v>155</v>
      </c>
      <c r="D64843" s="1" t="s">
        <v>29025</v>
      </c>
      <c r="E64843" s="1" t="s">
        <v>216316</v>
      </c>
      <c r="F64843" s="1" t="s">
        <v>216317</v>
      </c>
      <c r="G64843" s="1" t="s">
        <v>216258</v>
      </c>
      <c r="H64843" s="1" t="s">
        <v>216259</v>
      </c>
      <c r="I64843" s="1" t="s">
        <v>216161</v>
      </c>
      <c r="J64843" s="1" t="s">
        <v>142372</v>
      </c>
    </row>
    <row r="64844" spans="1:10" x14ac:dyDescent="0.35">
      <c r="A64844" s="1" t="s">
        <v>27693</v>
      </c>
      <c r="B64844" s="1" t="s">
        <v>216156</v>
      </c>
      <c r="C64844" s="1" t="s">
        <v>160</v>
      </c>
      <c r="D64844" s="1" t="s">
        <v>46730</v>
      </c>
      <c r="E64844" s="1" t="s">
        <v>169072</v>
      </c>
      <c r="F64844" s="1" t="s">
        <v>216318</v>
      </c>
      <c r="G64844" s="1" t="s">
        <v>216258</v>
      </c>
      <c r="H64844" s="1" t="s">
        <v>216259</v>
      </c>
      <c r="I64844" s="1" t="s">
        <v>216161</v>
      </c>
      <c r="J64844" s="1" t="s">
        <v>216319</v>
      </c>
    </row>
    <row r="64845" spans="1:10" x14ac:dyDescent="0.35">
      <c r="A64845" s="1" t="s">
        <v>27693</v>
      </c>
      <c r="B64845" s="1" t="s">
        <v>216156</v>
      </c>
      <c r="C64845" s="1" t="s">
        <v>165</v>
      </c>
      <c r="D64845" s="1" t="s">
        <v>142841</v>
      </c>
      <c r="E64845" s="1" t="s">
        <v>4261</v>
      </c>
      <c r="F64845" s="1" t="s">
        <v>216320</v>
      </c>
      <c r="G64845" s="1" t="s">
        <v>216258</v>
      </c>
      <c r="H64845" s="1" t="s">
        <v>216259</v>
      </c>
      <c r="I64845" s="1" t="s">
        <v>216161</v>
      </c>
      <c r="J64845" s="1" t="s">
        <v>216321</v>
      </c>
    </row>
    <row r="64846" spans="1:10" x14ac:dyDescent="0.35">
      <c r="A64846" s="1" t="s">
        <v>27693</v>
      </c>
      <c r="B64846" s="1" t="s">
        <v>216156</v>
      </c>
      <c r="C64846" s="1" t="s">
        <v>170</v>
      </c>
      <c r="D64846" s="1" t="s">
        <v>162051</v>
      </c>
      <c r="E64846" s="1" t="s">
        <v>216322</v>
      </c>
      <c r="F64846" s="1" t="s">
        <v>216323</v>
      </c>
      <c r="G64846" s="1" t="s">
        <v>216258</v>
      </c>
      <c r="H64846" s="1" t="s">
        <v>216259</v>
      </c>
      <c r="I64846" s="1" t="s">
        <v>216161</v>
      </c>
      <c r="J64846" s="1" t="s">
        <v>216324</v>
      </c>
    </row>
    <row r="64847" spans="1:10" x14ac:dyDescent="0.35">
      <c r="A64847" s="1" t="s">
        <v>8745</v>
      </c>
      <c r="B64847" s="1" t="s">
        <v>216156</v>
      </c>
      <c r="C64847" s="1" t="s">
        <v>8</v>
      </c>
      <c r="D64847" s="1" t="s">
        <v>6228</v>
      </c>
      <c r="E64847" s="1" t="s">
        <v>216325</v>
      </c>
      <c r="F64847" s="1" t="s">
        <v>216326</v>
      </c>
      <c r="G64847" s="1" t="s">
        <v>216327</v>
      </c>
      <c r="H64847" s="1" t="s">
        <v>216328</v>
      </c>
      <c r="I64847" s="1" t="s">
        <v>216161</v>
      </c>
      <c r="J64847" s="1" t="s">
        <v>13</v>
      </c>
    </row>
    <row r="64848" spans="1:10" x14ac:dyDescent="0.35">
      <c r="A64848" s="1" t="s">
        <v>8745</v>
      </c>
      <c r="B64848" s="1" t="s">
        <v>216156</v>
      </c>
      <c r="C64848" s="1" t="s">
        <v>15</v>
      </c>
      <c r="D64848" s="1" t="s">
        <v>1264</v>
      </c>
      <c r="E64848" s="1" t="s">
        <v>216329</v>
      </c>
      <c r="F64848" s="1" t="s">
        <v>216330</v>
      </c>
      <c r="G64848" s="1" t="s">
        <v>216327</v>
      </c>
      <c r="H64848" s="1" t="s">
        <v>216328</v>
      </c>
      <c r="I64848" s="1" t="s">
        <v>216161</v>
      </c>
      <c r="J64848" s="1" t="s">
        <v>216331</v>
      </c>
    </row>
    <row r="64849" spans="1:10" x14ac:dyDescent="0.35">
      <c r="A64849" s="1" t="s">
        <v>8745</v>
      </c>
      <c r="B64849" s="1" t="s">
        <v>216156</v>
      </c>
      <c r="C64849" s="1" t="s">
        <v>20</v>
      </c>
      <c r="D64849" s="1" t="s">
        <v>1284</v>
      </c>
      <c r="E64849" s="1" t="s">
        <v>216332</v>
      </c>
      <c r="F64849" s="1" t="s">
        <v>216333</v>
      </c>
      <c r="G64849" s="1" t="s">
        <v>216327</v>
      </c>
      <c r="H64849" s="1" t="s">
        <v>216328</v>
      </c>
      <c r="I64849" s="1" t="s">
        <v>216161</v>
      </c>
      <c r="J64849" s="1" t="s">
        <v>216334</v>
      </c>
    </row>
    <row r="64850" spans="1:10" x14ac:dyDescent="0.35">
      <c r="A64850" s="1" t="s">
        <v>8745</v>
      </c>
      <c r="B64850" s="1" t="s">
        <v>216156</v>
      </c>
      <c r="C64850" s="1" t="s">
        <v>25</v>
      </c>
      <c r="D64850" s="1" t="s">
        <v>67244</v>
      </c>
      <c r="E64850" s="1" t="s">
        <v>216335</v>
      </c>
      <c r="F64850" s="1" t="s">
        <v>216336</v>
      </c>
      <c r="G64850" s="1" t="s">
        <v>216327</v>
      </c>
      <c r="H64850" s="1" t="s">
        <v>216328</v>
      </c>
      <c r="I64850" s="1" t="s">
        <v>216161</v>
      </c>
      <c r="J64850" s="1" t="s">
        <v>216337</v>
      </c>
    </row>
    <row r="64851" spans="1:10" x14ac:dyDescent="0.35">
      <c r="A64851" s="1" t="s">
        <v>8745</v>
      </c>
      <c r="B64851" s="1" t="s">
        <v>216156</v>
      </c>
      <c r="C64851" s="1" t="s">
        <v>30</v>
      </c>
      <c r="D64851" s="1" t="s">
        <v>66593</v>
      </c>
      <c r="E64851" s="1" t="s">
        <v>216338</v>
      </c>
      <c r="F64851" s="1" t="s">
        <v>216339</v>
      </c>
      <c r="G64851" s="1" t="s">
        <v>216327</v>
      </c>
      <c r="H64851" s="1" t="s">
        <v>216328</v>
      </c>
      <c r="I64851" s="1" t="s">
        <v>216161</v>
      </c>
      <c r="J64851" s="1" t="s">
        <v>216340</v>
      </c>
    </row>
    <row r="64852" spans="1:10" x14ac:dyDescent="0.35">
      <c r="A64852" s="1" t="s">
        <v>8745</v>
      </c>
      <c r="B64852" s="1" t="s">
        <v>216156</v>
      </c>
      <c r="C64852" s="1" t="s">
        <v>35</v>
      </c>
      <c r="D64852" s="1" t="s">
        <v>2230</v>
      </c>
      <c r="E64852" s="1" t="s">
        <v>216341</v>
      </c>
      <c r="F64852" s="1" t="s">
        <v>216342</v>
      </c>
      <c r="G64852" s="1" t="s">
        <v>216327</v>
      </c>
      <c r="H64852" s="1" t="s">
        <v>216328</v>
      </c>
      <c r="I64852" s="1" t="s">
        <v>216161</v>
      </c>
      <c r="J64852" s="1" t="s">
        <v>216343</v>
      </c>
    </row>
    <row r="64853" spans="1:10" x14ac:dyDescent="0.35">
      <c r="A64853" s="1" t="s">
        <v>8745</v>
      </c>
      <c r="B64853" s="1" t="s">
        <v>216156</v>
      </c>
      <c r="C64853" s="1" t="s">
        <v>40</v>
      </c>
      <c r="D64853" s="1" t="s">
        <v>216344</v>
      </c>
      <c r="E64853" s="1" t="s">
        <v>216345</v>
      </c>
      <c r="F64853" s="1" t="s">
        <v>216346</v>
      </c>
      <c r="G64853" s="1" t="s">
        <v>216327</v>
      </c>
      <c r="H64853" s="1" t="s">
        <v>216328</v>
      </c>
      <c r="I64853" s="1" t="s">
        <v>216161</v>
      </c>
      <c r="J64853" s="1" t="s">
        <v>216347</v>
      </c>
    </row>
    <row r="64854" spans="1:10" x14ac:dyDescent="0.35">
      <c r="A64854" s="1" t="s">
        <v>8745</v>
      </c>
      <c r="B64854" s="1" t="s">
        <v>216156</v>
      </c>
      <c r="C64854" s="1" t="s">
        <v>45</v>
      </c>
      <c r="D64854" s="1" t="s">
        <v>68212</v>
      </c>
      <c r="E64854" s="1" t="s">
        <v>216348</v>
      </c>
      <c r="F64854" s="1" t="s">
        <v>216349</v>
      </c>
      <c r="G64854" s="1" t="s">
        <v>216327</v>
      </c>
      <c r="H64854" s="1" t="s">
        <v>216328</v>
      </c>
      <c r="I64854" s="1" t="s">
        <v>216161</v>
      </c>
      <c r="J64854" s="1" t="s">
        <v>216350</v>
      </c>
    </row>
    <row r="64855" spans="1:10" x14ac:dyDescent="0.35">
      <c r="A64855" s="1" t="s">
        <v>8745</v>
      </c>
      <c r="B64855" s="1" t="s">
        <v>216156</v>
      </c>
      <c r="C64855" s="1" t="s">
        <v>50</v>
      </c>
      <c r="D64855" s="1" t="s">
        <v>25454</v>
      </c>
      <c r="E64855" s="1" t="s">
        <v>216351</v>
      </c>
      <c r="F64855" s="1" t="s">
        <v>216352</v>
      </c>
      <c r="G64855" s="1" t="s">
        <v>216327</v>
      </c>
      <c r="H64855" s="1" t="s">
        <v>216328</v>
      </c>
      <c r="I64855" s="1" t="s">
        <v>216161</v>
      </c>
      <c r="J64855" s="1" t="s">
        <v>51958</v>
      </c>
    </row>
    <row r="64856" spans="1:10" x14ac:dyDescent="0.35">
      <c r="A64856" s="1" t="s">
        <v>8745</v>
      </c>
      <c r="B64856" s="1" t="s">
        <v>216156</v>
      </c>
      <c r="C64856" s="1" t="s">
        <v>55</v>
      </c>
      <c r="D64856" s="1" t="s">
        <v>69607</v>
      </c>
      <c r="E64856" s="1" t="s">
        <v>216353</v>
      </c>
      <c r="F64856" s="1" t="s">
        <v>216354</v>
      </c>
      <c r="G64856" s="1" t="s">
        <v>216327</v>
      </c>
      <c r="H64856" s="1" t="s">
        <v>216328</v>
      </c>
      <c r="I64856" s="1" t="s">
        <v>216161</v>
      </c>
      <c r="J64856" s="1" t="s">
        <v>216355</v>
      </c>
    </row>
    <row r="64857" spans="1:10" x14ac:dyDescent="0.35">
      <c r="A64857" s="1" t="s">
        <v>8745</v>
      </c>
      <c r="B64857" s="1" t="s">
        <v>216156</v>
      </c>
      <c r="C64857" s="1" t="s">
        <v>60</v>
      </c>
      <c r="D64857" s="1" t="s">
        <v>71357</v>
      </c>
      <c r="E64857" s="1" t="s">
        <v>216356</v>
      </c>
      <c r="F64857" s="1" t="s">
        <v>216357</v>
      </c>
      <c r="G64857" s="1" t="s">
        <v>216327</v>
      </c>
      <c r="H64857" s="1" t="s">
        <v>216328</v>
      </c>
      <c r="I64857" s="1" t="s">
        <v>216161</v>
      </c>
      <c r="J64857" s="1" t="s">
        <v>216358</v>
      </c>
    </row>
    <row r="64858" spans="1:10" x14ac:dyDescent="0.35">
      <c r="A64858" s="1" t="s">
        <v>8745</v>
      </c>
      <c r="B64858" s="1" t="s">
        <v>216156</v>
      </c>
      <c r="C64858" s="1" t="s">
        <v>65</v>
      </c>
      <c r="D64858" s="1" t="s">
        <v>1256</v>
      </c>
      <c r="E64858" s="1" t="s">
        <v>216359</v>
      </c>
      <c r="F64858" s="1" t="s">
        <v>216360</v>
      </c>
      <c r="G64858" s="1" t="s">
        <v>216327</v>
      </c>
      <c r="H64858" s="1" t="s">
        <v>216328</v>
      </c>
      <c r="I64858" s="1" t="s">
        <v>216161</v>
      </c>
      <c r="J64858" s="1" t="s">
        <v>216361</v>
      </c>
    </row>
    <row r="64859" spans="1:10" x14ac:dyDescent="0.35">
      <c r="A64859" s="1" t="s">
        <v>8745</v>
      </c>
      <c r="B64859" s="1" t="s">
        <v>216156</v>
      </c>
      <c r="C64859" s="1" t="s">
        <v>70</v>
      </c>
      <c r="D64859" s="1" t="s">
        <v>1891</v>
      </c>
      <c r="E64859" s="1" t="s">
        <v>216362</v>
      </c>
      <c r="F64859" s="1" t="s">
        <v>216363</v>
      </c>
      <c r="G64859" s="1" t="s">
        <v>216327</v>
      </c>
      <c r="H64859" s="1" t="s">
        <v>216328</v>
      </c>
      <c r="I64859" s="1" t="s">
        <v>216161</v>
      </c>
      <c r="J64859" s="1" t="s">
        <v>216364</v>
      </c>
    </row>
    <row r="64860" spans="1:10" x14ac:dyDescent="0.35">
      <c r="A64860" s="1" t="s">
        <v>8745</v>
      </c>
      <c r="B64860" s="1" t="s">
        <v>216156</v>
      </c>
      <c r="C64860" s="1" t="s">
        <v>75</v>
      </c>
      <c r="D64860" s="1" t="s">
        <v>1110</v>
      </c>
      <c r="E64860" s="1" t="s">
        <v>216365</v>
      </c>
      <c r="F64860" s="1" t="s">
        <v>216366</v>
      </c>
      <c r="G64860" s="1" t="s">
        <v>216327</v>
      </c>
      <c r="H64860" s="1" t="s">
        <v>216328</v>
      </c>
      <c r="I64860" s="1" t="s">
        <v>216161</v>
      </c>
      <c r="J64860" s="1" t="s">
        <v>216367</v>
      </c>
    </row>
    <row r="64861" spans="1:10" x14ac:dyDescent="0.35">
      <c r="A64861" s="1" t="s">
        <v>8745</v>
      </c>
      <c r="B64861" s="1" t="s">
        <v>216156</v>
      </c>
      <c r="C64861" s="1" t="s">
        <v>80</v>
      </c>
      <c r="D64861" s="1" t="s">
        <v>81704</v>
      </c>
      <c r="E64861" s="1" t="s">
        <v>216368</v>
      </c>
      <c r="F64861" s="1" t="s">
        <v>216369</v>
      </c>
      <c r="G64861" s="1" t="s">
        <v>216327</v>
      </c>
      <c r="H64861" s="1" t="s">
        <v>216328</v>
      </c>
      <c r="I64861" s="1" t="s">
        <v>216161</v>
      </c>
      <c r="J64861" s="1" t="s">
        <v>216370</v>
      </c>
    </row>
    <row r="64862" spans="1:10" x14ac:dyDescent="0.35">
      <c r="A64862" s="1" t="s">
        <v>8745</v>
      </c>
      <c r="B64862" s="1" t="s">
        <v>216156</v>
      </c>
      <c r="C64862" s="1" t="s">
        <v>85</v>
      </c>
      <c r="D64862" s="1" t="s">
        <v>83398</v>
      </c>
      <c r="E64862" s="1" t="s">
        <v>216371</v>
      </c>
      <c r="F64862" s="1" t="s">
        <v>216372</v>
      </c>
      <c r="G64862" s="1" t="s">
        <v>216327</v>
      </c>
      <c r="H64862" s="1" t="s">
        <v>216328</v>
      </c>
      <c r="I64862" s="1" t="s">
        <v>216161</v>
      </c>
      <c r="J64862" s="1" t="s">
        <v>216373</v>
      </c>
    </row>
    <row r="64863" spans="1:10" x14ac:dyDescent="0.35">
      <c r="A64863" s="1" t="s">
        <v>8745</v>
      </c>
      <c r="B64863" s="1" t="s">
        <v>216156</v>
      </c>
      <c r="C64863" s="1" t="s">
        <v>90</v>
      </c>
      <c r="D64863" s="1" t="s">
        <v>47160</v>
      </c>
      <c r="E64863" s="1" t="s">
        <v>216374</v>
      </c>
      <c r="F64863" s="1" t="s">
        <v>216375</v>
      </c>
      <c r="G64863" s="1" t="s">
        <v>216327</v>
      </c>
      <c r="H64863" s="1" t="s">
        <v>216328</v>
      </c>
      <c r="I64863" s="1" t="s">
        <v>216161</v>
      </c>
      <c r="J64863" s="1" t="s">
        <v>216376</v>
      </c>
    </row>
    <row r="64864" spans="1:10" x14ac:dyDescent="0.35">
      <c r="A64864" s="1" t="s">
        <v>8745</v>
      </c>
      <c r="B64864" s="1" t="s">
        <v>216156</v>
      </c>
      <c r="C64864" s="1" t="s">
        <v>95</v>
      </c>
      <c r="D64864" s="1" t="s">
        <v>13934</v>
      </c>
      <c r="E64864" s="1" t="s">
        <v>216377</v>
      </c>
      <c r="F64864" s="1" t="s">
        <v>216378</v>
      </c>
      <c r="G64864" s="1" t="s">
        <v>216327</v>
      </c>
      <c r="H64864" s="1" t="s">
        <v>216328</v>
      </c>
      <c r="I64864" s="1" t="s">
        <v>216161</v>
      </c>
      <c r="J64864" s="1" t="s">
        <v>216379</v>
      </c>
    </row>
    <row r="64865" spans="1:10" x14ac:dyDescent="0.35">
      <c r="A64865" s="1" t="s">
        <v>8745</v>
      </c>
      <c r="B64865" s="1" t="s">
        <v>216156</v>
      </c>
      <c r="C64865" s="1" t="s">
        <v>100</v>
      </c>
      <c r="D64865" s="1" t="s">
        <v>93125</v>
      </c>
      <c r="E64865" s="1" t="s">
        <v>216380</v>
      </c>
      <c r="F64865" s="1" t="s">
        <v>216381</v>
      </c>
      <c r="G64865" s="1" t="s">
        <v>216327</v>
      </c>
      <c r="H64865" s="1" t="s">
        <v>216328</v>
      </c>
      <c r="I64865" s="1" t="s">
        <v>216161</v>
      </c>
      <c r="J64865" s="1" t="s">
        <v>216382</v>
      </c>
    </row>
    <row r="64866" spans="1:10" x14ac:dyDescent="0.35">
      <c r="A64866" s="1" t="s">
        <v>8745</v>
      </c>
      <c r="B64866" s="1" t="s">
        <v>216156</v>
      </c>
      <c r="C64866" s="1" t="s">
        <v>105</v>
      </c>
      <c r="D64866" s="1" t="s">
        <v>95243</v>
      </c>
      <c r="E64866" s="1" t="s">
        <v>216383</v>
      </c>
      <c r="F64866" s="1" t="s">
        <v>216384</v>
      </c>
      <c r="G64866" s="1" t="s">
        <v>216327</v>
      </c>
      <c r="H64866" s="1" t="s">
        <v>216328</v>
      </c>
      <c r="I64866" s="1" t="s">
        <v>216161</v>
      </c>
      <c r="J64866" s="1" t="s">
        <v>216385</v>
      </c>
    </row>
    <row r="64867" spans="1:10" x14ac:dyDescent="0.35">
      <c r="A64867" s="1" t="s">
        <v>8745</v>
      </c>
      <c r="B64867" s="1" t="s">
        <v>216156</v>
      </c>
      <c r="C64867" s="1" t="s">
        <v>110</v>
      </c>
      <c r="D64867" s="1" t="s">
        <v>51173</v>
      </c>
      <c r="E64867" s="1" t="s">
        <v>216386</v>
      </c>
      <c r="F64867" s="1" t="s">
        <v>216387</v>
      </c>
      <c r="G64867" s="1" t="s">
        <v>216327</v>
      </c>
      <c r="H64867" s="1" t="s">
        <v>216328</v>
      </c>
      <c r="I64867" s="1" t="s">
        <v>216161</v>
      </c>
      <c r="J64867" s="1" t="s">
        <v>216388</v>
      </c>
    </row>
    <row r="64868" spans="1:10" x14ac:dyDescent="0.35">
      <c r="A64868" s="1" t="s">
        <v>8745</v>
      </c>
      <c r="B64868" s="1" t="s">
        <v>216156</v>
      </c>
      <c r="C64868" s="1" t="s">
        <v>115</v>
      </c>
      <c r="D64868" s="1" t="s">
        <v>1524</v>
      </c>
      <c r="E64868" s="1" t="s">
        <v>216389</v>
      </c>
      <c r="F64868" s="1" t="s">
        <v>216390</v>
      </c>
      <c r="G64868" s="1" t="s">
        <v>216327</v>
      </c>
      <c r="H64868" s="1" t="s">
        <v>216328</v>
      </c>
      <c r="I64868" s="1" t="s">
        <v>216161</v>
      </c>
      <c r="J64868" s="1" t="s">
        <v>216391</v>
      </c>
    </row>
    <row r="64869" spans="1:10" x14ac:dyDescent="0.35">
      <c r="A64869" s="1" t="s">
        <v>8745</v>
      </c>
      <c r="B64869" s="1" t="s">
        <v>216156</v>
      </c>
      <c r="C64869" s="1" t="s">
        <v>120</v>
      </c>
      <c r="D64869" s="1" t="s">
        <v>12060</v>
      </c>
      <c r="E64869" s="1" t="s">
        <v>216392</v>
      </c>
      <c r="F64869" s="1" t="s">
        <v>216393</v>
      </c>
      <c r="G64869" s="1" t="s">
        <v>216327</v>
      </c>
      <c r="H64869" s="1" t="s">
        <v>216328</v>
      </c>
      <c r="I64869" s="1" t="s">
        <v>216161</v>
      </c>
      <c r="J64869" s="1" t="s">
        <v>216394</v>
      </c>
    </row>
    <row r="64870" spans="1:10" x14ac:dyDescent="0.35">
      <c r="A64870" s="1" t="s">
        <v>8745</v>
      </c>
      <c r="B64870" s="1" t="s">
        <v>216156</v>
      </c>
      <c r="C64870" s="1" t="s">
        <v>125</v>
      </c>
      <c r="D64870" s="1" t="s">
        <v>3233</v>
      </c>
      <c r="E64870" s="1" t="s">
        <v>216395</v>
      </c>
      <c r="F64870" s="1" t="s">
        <v>216396</v>
      </c>
      <c r="G64870" s="1" t="s">
        <v>216327</v>
      </c>
      <c r="H64870" s="1" t="s">
        <v>216328</v>
      </c>
      <c r="I64870" s="1" t="s">
        <v>216161</v>
      </c>
      <c r="J64870" s="1" t="s">
        <v>216397</v>
      </c>
    </row>
    <row r="64871" spans="1:10" x14ac:dyDescent="0.35">
      <c r="A64871" s="1" t="s">
        <v>8745</v>
      </c>
      <c r="B64871" s="1" t="s">
        <v>216156</v>
      </c>
      <c r="C64871" s="1" t="s">
        <v>130</v>
      </c>
      <c r="D64871" s="1" t="s">
        <v>13225</v>
      </c>
      <c r="E64871" s="1" t="s">
        <v>216398</v>
      </c>
      <c r="F64871" s="1" t="s">
        <v>216399</v>
      </c>
      <c r="G64871" s="1" t="s">
        <v>216327</v>
      </c>
      <c r="H64871" s="1" t="s">
        <v>216328</v>
      </c>
      <c r="I64871" s="1" t="s">
        <v>216161</v>
      </c>
      <c r="J64871" s="1" t="s">
        <v>216400</v>
      </c>
    </row>
    <row r="64872" spans="1:10" x14ac:dyDescent="0.35">
      <c r="A64872" s="1" t="s">
        <v>8745</v>
      </c>
      <c r="B64872" s="1" t="s">
        <v>216156</v>
      </c>
      <c r="C64872" s="1" t="s">
        <v>135</v>
      </c>
      <c r="D64872" s="1" t="s">
        <v>112606</v>
      </c>
      <c r="E64872" s="1" t="s">
        <v>216401</v>
      </c>
      <c r="F64872" s="1" t="s">
        <v>216402</v>
      </c>
      <c r="G64872" s="1" t="s">
        <v>216327</v>
      </c>
      <c r="H64872" s="1" t="s">
        <v>216328</v>
      </c>
      <c r="I64872" s="1" t="s">
        <v>216161</v>
      </c>
      <c r="J64872" s="1" t="s">
        <v>216403</v>
      </c>
    </row>
    <row r="64873" spans="1:10" x14ac:dyDescent="0.35">
      <c r="A64873" s="1" t="s">
        <v>8745</v>
      </c>
      <c r="B64873" s="1" t="s">
        <v>216156</v>
      </c>
      <c r="C64873" s="1" t="s">
        <v>140</v>
      </c>
      <c r="D64873" s="1" t="s">
        <v>13830</v>
      </c>
      <c r="E64873" s="1" t="s">
        <v>216404</v>
      </c>
      <c r="F64873" s="1" t="s">
        <v>216405</v>
      </c>
      <c r="G64873" s="1" t="s">
        <v>216327</v>
      </c>
      <c r="H64873" s="1" t="s">
        <v>216328</v>
      </c>
      <c r="I64873" s="1" t="s">
        <v>216161</v>
      </c>
      <c r="J64873" s="1" t="s">
        <v>216406</v>
      </c>
    </row>
    <row r="64874" spans="1:10" x14ac:dyDescent="0.35">
      <c r="A64874" s="1" t="s">
        <v>8745</v>
      </c>
      <c r="B64874" s="1" t="s">
        <v>216156</v>
      </c>
      <c r="C64874" s="1" t="s">
        <v>145</v>
      </c>
      <c r="D64874" s="1" t="s">
        <v>44027</v>
      </c>
      <c r="E64874" s="1" t="s">
        <v>216407</v>
      </c>
      <c r="F64874" s="1" t="s">
        <v>216408</v>
      </c>
      <c r="G64874" s="1" t="s">
        <v>216327</v>
      </c>
      <c r="H64874" s="1" t="s">
        <v>216328</v>
      </c>
      <c r="I64874" s="1" t="s">
        <v>216161</v>
      </c>
      <c r="J64874" s="1" t="s">
        <v>216409</v>
      </c>
    </row>
    <row r="64875" spans="1:10" x14ac:dyDescent="0.35">
      <c r="A64875" s="1" t="s">
        <v>8745</v>
      </c>
      <c r="B64875" s="1" t="s">
        <v>216156</v>
      </c>
      <c r="C64875" s="1" t="s">
        <v>150</v>
      </c>
      <c r="D64875" s="1" t="s">
        <v>3573</v>
      </c>
      <c r="E64875" s="1" t="s">
        <v>216410</v>
      </c>
      <c r="F64875" s="1" t="s">
        <v>216411</v>
      </c>
      <c r="G64875" s="1" t="s">
        <v>216327</v>
      </c>
      <c r="H64875" s="1" t="s">
        <v>216328</v>
      </c>
      <c r="I64875" s="1" t="s">
        <v>216161</v>
      </c>
      <c r="J64875" s="1" t="s">
        <v>216412</v>
      </c>
    </row>
    <row r="64876" spans="1:10" x14ac:dyDescent="0.35">
      <c r="A64876" s="1" t="s">
        <v>8745</v>
      </c>
      <c r="B64876" s="1" t="s">
        <v>216156</v>
      </c>
      <c r="C64876" s="1" t="s">
        <v>155</v>
      </c>
      <c r="D64876" s="1" t="s">
        <v>30096</v>
      </c>
      <c r="E64876" s="1" t="s">
        <v>216413</v>
      </c>
      <c r="F64876" s="1" t="s">
        <v>216414</v>
      </c>
      <c r="G64876" s="1" t="s">
        <v>216327</v>
      </c>
      <c r="H64876" s="1" t="s">
        <v>216328</v>
      </c>
      <c r="I64876" s="1" t="s">
        <v>216161</v>
      </c>
      <c r="J64876" s="1" t="s">
        <v>216415</v>
      </c>
    </row>
    <row r="64877" spans="1:10" x14ac:dyDescent="0.35">
      <c r="A64877" s="1" t="s">
        <v>8745</v>
      </c>
      <c r="B64877" s="1" t="s">
        <v>216156</v>
      </c>
      <c r="C64877" s="1" t="s">
        <v>160</v>
      </c>
      <c r="D64877" s="1" t="s">
        <v>4305</v>
      </c>
      <c r="E64877" s="1" t="s">
        <v>216416</v>
      </c>
      <c r="F64877" s="1" t="s">
        <v>216417</v>
      </c>
      <c r="G64877" s="1" t="s">
        <v>216327</v>
      </c>
      <c r="H64877" s="1" t="s">
        <v>216328</v>
      </c>
      <c r="I64877" s="1" t="s">
        <v>216161</v>
      </c>
      <c r="J64877" s="1" t="s">
        <v>216418</v>
      </c>
    </row>
    <row r="64878" spans="1:10" x14ac:dyDescent="0.35">
      <c r="A64878" s="1" t="s">
        <v>8745</v>
      </c>
      <c r="B64878" s="1" t="s">
        <v>216156</v>
      </c>
      <c r="C64878" s="1" t="s">
        <v>165</v>
      </c>
      <c r="D64878" s="1" t="s">
        <v>30096</v>
      </c>
      <c r="E64878" s="1" t="s">
        <v>216419</v>
      </c>
      <c r="F64878" s="1" t="s">
        <v>216420</v>
      </c>
      <c r="G64878" s="1" t="s">
        <v>216327</v>
      </c>
      <c r="H64878" s="1" t="s">
        <v>216328</v>
      </c>
      <c r="I64878" s="1" t="s">
        <v>216161</v>
      </c>
      <c r="J64878" s="1" t="s">
        <v>216421</v>
      </c>
    </row>
    <row r="64879" spans="1:10" x14ac:dyDescent="0.35">
      <c r="A64879" s="1" t="s">
        <v>8745</v>
      </c>
      <c r="B64879" s="1" t="s">
        <v>216156</v>
      </c>
      <c r="C64879" s="1" t="s">
        <v>170</v>
      </c>
      <c r="D64879" s="1" t="s">
        <v>45963</v>
      </c>
      <c r="E64879" s="1" t="s">
        <v>216422</v>
      </c>
      <c r="F64879" s="1" t="s">
        <v>216423</v>
      </c>
      <c r="G64879" s="1" t="s">
        <v>216327</v>
      </c>
      <c r="H64879" s="1" t="s">
        <v>216328</v>
      </c>
      <c r="I64879" s="1" t="s">
        <v>216161</v>
      </c>
      <c r="J64879" s="1" t="s">
        <v>109714</v>
      </c>
    </row>
    <row r="64880" spans="1:10" x14ac:dyDescent="0.35">
      <c r="A64880" s="1" t="s">
        <v>110329</v>
      </c>
      <c r="B64880" s="1" t="s">
        <v>216156</v>
      </c>
      <c r="C64880" s="1" t="s">
        <v>8</v>
      </c>
      <c r="D64880" s="1" t="s">
        <v>13229</v>
      </c>
      <c r="E64880" s="1" t="s">
        <v>216424</v>
      </c>
      <c r="F64880" s="1" t="s">
        <v>216425</v>
      </c>
      <c r="G64880" s="1" t="s">
        <v>216426</v>
      </c>
      <c r="H64880" s="1" t="s">
        <v>216427</v>
      </c>
      <c r="I64880" s="1" t="s">
        <v>216161</v>
      </c>
      <c r="J64880" s="1" t="s">
        <v>13</v>
      </c>
    </row>
    <row r="64881" spans="1:10" x14ac:dyDescent="0.35">
      <c r="A64881" s="1" t="s">
        <v>110329</v>
      </c>
      <c r="B64881" s="1" t="s">
        <v>216156</v>
      </c>
      <c r="C64881" s="1" t="s">
        <v>15</v>
      </c>
      <c r="D64881" s="1" t="s">
        <v>110274</v>
      </c>
      <c r="E64881" s="1" t="s">
        <v>216428</v>
      </c>
      <c r="F64881" s="1" t="s">
        <v>216429</v>
      </c>
      <c r="G64881" s="1" t="s">
        <v>216426</v>
      </c>
      <c r="H64881" s="1" t="s">
        <v>216427</v>
      </c>
      <c r="I64881" s="1" t="s">
        <v>216161</v>
      </c>
      <c r="J64881" s="1" t="s">
        <v>2206</v>
      </c>
    </row>
    <row r="64882" spans="1:10" x14ac:dyDescent="0.35">
      <c r="A64882" s="1" t="s">
        <v>110329</v>
      </c>
      <c r="B64882" s="1" t="s">
        <v>216156</v>
      </c>
      <c r="C64882" s="1" t="s">
        <v>20</v>
      </c>
      <c r="D64882" s="1" t="s">
        <v>108676</v>
      </c>
      <c r="E64882" s="1" t="s">
        <v>216430</v>
      </c>
      <c r="F64882" s="1" t="s">
        <v>216431</v>
      </c>
      <c r="G64882" s="1" t="s">
        <v>216426</v>
      </c>
      <c r="H64882" s="1" t="s">
        <v>216427</v>
      </c>
      <c r="I64882" s="1" t="s">
        <v>216161</v>
      </c>
      <c r="J64882" s="1" t="s">
        <v>216432</v>
      </c>
    </row>
    <row r="64883" spans="1:10" x14ac:dyDescent="0.35">
      <c r="A64883" s="1" t="s">
        <v>110329</v>
      </c>
      <c r="B64883" s="1" t="s">
        <v>216156</v>
      </c>
      <c r="C64883" s="1" t="s">
        <v>25</v>
      </c>
      <c r="D64883" s="1" t="s">
        <v>106797</v>
      </c>
      <c r="E64883" s="1" t="s">
        <v>216433</v>
      </c>
      <c r="F64883" s="1" t="s">
        <v>216434</v>
      </c>
      <c r="G64883" s="1" t="s">
        <v>216426</v>
      </c>
      <c r="H64883" s="1" t="s">
        <v>216427</v>
      </c>
      <c r="I64883" s="1" t="s">
        <v>216161</v>
      </c>
      <c r="J64883" s="1" t="s">
        <v>216435</v>
      </c>
    </row>
    <row r="64884" spans="1:10" x14ac:dyDescent="0.35">
      <c r="A64884" s="1" t="s">
        <v>110329</v>
      </c>
      <c r="B64884" s="1" t="s">
        <v>216156</v>
      </c>
      <c r="C64884" s="1" t="s">
        <v>30</v>
      </c>
      <c r="D64884" s="1" t="s">
        <v>9201</v>
      </c>
      <c r="E64884" s="1" t="s">
        <v>216436</v>
      </c>
      <c r="F64884" s="1" t="s">
        <v>216437</v>
      </c>
      <c r="G64884" s="1" t="s">
        <v>216426</v>
      </c>
      <c r="H64884" s="1" t="s">
        <v>216427</v>
      </c>
      <c r="I64884" s="1" t="s">
        <v>216161</v>
      </c>
      <c r="J64884" s="1" t="s">
        <v>216438</v>
      </c>
    </row>
    <row r="64885" spans="1:10" x14ac:dyDescent="0.35">
      <c r="A64885" s="1" t="s">
        <v>110329</v>
      </c>
      <c r="B64885" s="1" t="s">
        <v>216156</v>
      </c>
      <c r="C64885" s="1" t="s">
        <v>35</v>
      </c>
      <c r="D64885" s="1" t="s">
        <v>10496</v>
      </c>
      <c r="E64885" s="1" t="s">
        <v>216439</v>
      </c>
      <c r="F64885" s="1" t="s">
        <v>216440</v>
      </c>
      <c r="G64885" s="1" t="s">
        <v>216426</v>
      </c>
      <c r="H64885" s="1" t="s">
        <v>216427</v>
      </c>
      <c r="I64885" s="1" t="s">
        <v>216161</v>
      </c>
      <c r="J64885" s="1" t="s">
        <v>216441</v>
      </c>
    </row>
    <row r="64886" spans="1:10" x14ac:dyDescent="0.35">
      <c r="A64886" s="1" t="s">
        <v>110329</v>
      </c>
      <c r="B64886" s="1" t="s">
        <v>216156</v>
      </c>
      <c r="C64886" s="1" t="s">
        <v>40</v>
      </c>
      <c r="D64886" s="1" t="s">
        <v>13186</v>
      </c>
      <c r="E64886" s="1" t="s">
        <v>216442</v>
      </c>
      <c r="F64886" s="1" t="s">
        <v>216443</v>
      </c>
      <c r="G64886" s="1" t="s">
        <v>216426</v>
      </c>
      <c r="H64886" s="1" t="s">
        <v>216427</v>
      </c>
      <c r="I64886" s="1" t="s">
        <v>216161</v>
      </c>
      <c r="J64886" s="1" t="s">
        <v>216444</v>
      </c>
    </row>
    <row r="64887" spans="1:10" x14ac:dyDescent="0.35">
      <c r="A64887" s="1" t="s">
        <v>110329</v>
      </c>
      <c r="B64887" s="1" t="s">
        <v>216156</v>
      </c>
      <c r="C64887" s="1" t="s">
        <v>45</v>
      </c>
      <c r="D64887" s="1" t="s">
        <v>12060</v>
      </c>
      <c r="E64887" s="1" t="s">
        <v>216445</v>
      </c>
      <c r="F64887" s="1" t="s">
        <v>216446</v>
      </c>
      <c r="G64887" s="1" t="s">
        <v>216426</v>
      </c>
      <c r="H64887" s="1" t="s">
        <v>216427</v>
      </c>
      <c r="I64887" s="1" t="s">
        <v>216161</v>
      </c>
      <c r="J64887" s="1" t="s">
        <v>216447</v>
      </c>
    </row>
    <row r="64888" spans="1:10" x14ac:dyDescent="0.35">
      <c r="A64888" s="1" t="s">
        <v>110329</v>
      </c>
      <c r="B64888" s="1" t="s">
        <v>216156</v>
      </c>
      <c r="C64888" s="1" t="s">
        <v>50</v>
      </c>
      <c r="D64888" s="1" t="s">
        <v>46076</v>
      </c>
      <c r="E64888" s="1" t="s">
        <v>216448</v>
      </c>
      <c r="F64888" s="1" t="s">
        <v>216449</v>
      </c>
      <c r="G64888" s="1" t="s">
        <v>216426</v>
      </c>
      <c r="H64888" s="1" t="s">
        <v>216427</v>
      </c>
      <c r="I64888" s="1" t="s">
        <v>216161</v>
      </c>
      <c r="J64888" s="1" t="s">
        <v>216450</v>
      </c>
    </row>
    <row r="64889" spans="1:10" x14ac:dyDescent="0.35">
      <c r="A64889" s="1" t="s">
        <v>110329</v>
      </c>
      <c r="B64889" s="1" t="s">
        <v>216156</v>
      </c>
      <c r="C64889" s="1" t="s">
        <v>55</v>
      </c>
      <c r="D64889" s="1" t="s">
        <v>25218</v>
      </c>
      <c r="E64889" s="1" t="s">
        <v>216451</v>
      </c>
      <c r="F64889" s="1" t="s">
        <v>216452</v>
      </c>
      <c r="G64889" s="1" t="s">
        <v>216426</v>
      </c>
      <c r="H64889" s="1" t="s">
        <v>216427</v>
      </c>
      <c r="I64889" s="1" t="s">
        <v>216161</v>
      </c>
      <c r="J64889" s="1" t="s">
        <v>216453</v>
      </c>
    </row>
    <row r="64890" spans="1:10" x14ac:dyDescent="0.35">
      <c r="A64890" s="1" t="s">
        <v>110329</v>
      </c>
      <c r="B64890" s="1" t="s">
        <v>216156</v>
      </c>
      <c r="C64890" s="1" t="s">
        <v>60</v>
      </c>
      <c r="D64890" s="1" t="s">
        <v>33524</v>
      </c>
      <c r="E64890" s="1" t="s">
        <v>216454</v>
      </c>
      <c r="F64890" s="1" t="s">
        <v>216455</v>
      </c>
      <c r="G64890" s="1" t="s">
        <v>216426</v>
      </c>
      <c r="H64890" s="1" t="s">
        <v>216427</v>
      </c>
      <c r="I64890" s="1" t="s">
        <v>216161</v>
      </c>
      <c r="J64890" s="1" t="s">
        <v>216456</v>
      </c>
    </row>
    <row r="64891" spans="1:10" x14ac:dyDescent="0.35">
      <c r="A64891" s="1" t="s">
        <v>110329</v>
      </c>
      <c r="B64891" s="1" t="s">
        <v>216156</v>
      </c>
      <c r="C64891" s="1" t="s">
        <v>65</v>
      </c>
      <c r="D64891" s="1" t="s">
        <v>124464</v>
      </c>
      <c r="E64891" s="1" t="s">
        <v>216457</v>
      </c>
      <c r="F64891" s="1" t="s">
        <v>216458</v>
      </c>
      <c r="G64891" s="1" t="s">
        <v>216426</v>
      </c>
      <c r="H64891" s="1" t="s">
        <v>216427</v>
      </c>
      <c r="I64891" s="1" t="s">
        <v>216161</v>
      </c>
      <c r="J64891" s="1" t="s">
        <v>216459</v>
      </c>
    </row>
    <row r="64892" spans="1:10" x14ac:dyDescent="0.35">
      <c r="A64892" s="1" t="s">
        <v>110329</v>
      </c>
      <c r="B64892" s="1" t="s">
        <v>216156</v>
      </c>
      <c r="C64892" s="1" t="s">
        <v>70</v>
      </c>
      <c r="D64892" s="1" t="s">
        <v>120676</v>
      </c>
      <c r="E64892" s="1" t="s">
        <v>216460</v>
      </c>
      <c r="F64892" s="1" t="s">
        <v>216461</v>
      </c>
      <c r="G64892" s="1" t="s">
        <v>216426</v>
      </c>
      <c r="H64892" s="1" t="s">
        <v>216427</v>
      </c>
      <c r="I64892" s="1" t="s">
        <v>216161</v>
      </c>
      <c r="J64892" s="1" t="s">
        <v>216462</v>
      </c>
    </row>
    <row r="64893" spans="1:10" x14ac:dyDescent="0.35">
      <c r="A64893" s="1" t="s">
        <v>110329</v>
      </c>
      <c r="B64893" s="1" t="s">
        <v>216156</v>
      </c>
      <c r="C64893" s="1" t="s">
        <v>75</v>
      </c>
      <c r="D64893" s="1" t="s">
        <v>3904</v>
      </c>
      <c r="E64893" s="1" t="s">
        <v>216463</v>
      </c>
      <c r="F64893" s="1" t="s">
        <v>216464</v>
      </c>
      <c r="G64893" s="1" t="s">
        <v>216426</v>
      </c>
      <c r="H64893" s="1" t="s">
        <v>216427</v>
      </c>
      <c r="I64893" s="1" t="s">
        <v>216161</v>
      </c>
      <c r="J64893" s="1" t="s">
        <v>216465</v>
      </c>
    </row>
    <row r="64894" spans="1:10" x14ac:dyDescent="0.35">
      <c r="A64894" s="1" t="s">
        <v>110329</v>
      </c>
      <c r="B64894" s="1" t="s">
        <v>216156</v>
      </c>
      <c r="C64894" s="1" t="s">
        <v>80</v>
      </c>
      <c r="D64894" s="1" t="s">
        <v>46701</v>
      </c>
      <c r="E64894" s="1" t="s">
        <v>216466</v>
      </c>
      <c r="F64894" s="1" t="s">
        <v>216467</v>
      </c>
      <c r="G64894" s="1" t="s">
        <v>216426</v>
      </c>
      <c r="H64894" s="1" t="s">
        <v>216427</v>
      </c>
      <c r="I64894" s="1" t="s">
        <v>216161</v>
      </c>
      <c r="J64894" s="1" t="s">
        <v>216468</v>
      </c>
    </row>
    <row r="64895" spans="1:10" x14ac:dyDescent="0.35">
      <c r="A64895" s="1" t="s">
        <v>110329</v>
      </c>
      <c r="B64895" s="1" t="s">
        <v>216156</v>
      </c>
      <c r="C64895" s="1" t="s">
        <v>85</v>
      </c>
      <c r="D64895" s="1" t="s">
        <v>176328</v>
      </c>
      <c r="E64895" s="1" t="s">
        <v>216469</v>
      </c>
      <c r="F64895" s="1" t="s">
        <v>216470</v>
      </c>
      <c r="G64895" s="1" t="s">
        <v>216426</v>
      </c>
      <c r="H64895" s="1" t="s">
        <v>216427</v>
      </c>
      <c r="I64895" s="1" t="s">
        <v>216161</v>
      </c>
      <c r="J64895" s="1" t="s">
        <v>216471</v>
      </c>
    </row>
    <row r="64896" spans="1:10" x14ac:dyDescent="0.35">
      <c r="A64896" s="1" t="s">
        <v>110329</v>
      </c>
      <c r="B64896" s="1" t="s">
        <v>216156</v>
      </c>
      <c r="C64896" s="1" t="s">
        <v>90</v>
      </c>
      <c r="D64896" s="1" t="s">
        <v>121735</v>
      </c>
      <c r="E64896" s="1" t="s">
        <v>216472</v>
      </c>
      <c r="F64896" s="1" t="s">
        <v>216473</v>
      </c>
      <c r="G64896" s="1" t="s">
        <v>216426</v>
      </c>
      <c r="H64896" s="1" t="s">
        <v>216427</v>
      </c>
      <c r="I64896" s="1" t="s">
        <v>216161</v>
      </c>
      <c r="J64896" s="1" t="s">
        <v>216474</v>
      </c>
    </row>
    <row r="64897" spans="1:10" x14ac:dyDescent="0.35">
      <c r="A64897" s="1" t="s">
        <v>110329</v>
      </c>
      <c r="B64897" s="1" t="s">
        <v>216156</v>
      </c>
      <c r="C64897" s="1" t="s">
        <v>95</v>
      </c>
      <c r="D64897" s="1" t="s">
        <v>45240</v>
      </c>
      <c r="E64897" s="1" t="s">
        <v>216475</v>
      </c>
      <c r="F64897" s="1" t="s">
        <v>216476</v>
      </c>
      <c r="G64897" s="1" t="s">
        <v>216426</v>
      </c>
      <c r="H64897" s="1" t="s">
        <v>216427</v>
      </c>
      <c r="I64897" s="1" t="s">
        <v>216161</v>
      </c>
      <c r="J64897" s="1" t="s">
        <v>216477</v>
      </c>
    </row>
    <row r="64898" spans="1:10" x14ac:dyDescent="0.35">
      <c r="A64898" s="1" t="s">
        <v>110329</v>
      </c>
      <c r="B64898" s="1" t="s">
        <v>216156</v>
      </c>
      <c r="C64898" s="1" t="s">
        <v>100</v>
      </c>
      <c r="D64898" s="1" t="s">
        <v>171982</v>
      </c>
      <c r="E64898" s="1" t="s">
        <v>216478</v>
      </c>
      <c r="F64898" s="1" t="s">
        <v>216479</v>
      </c>
      <c r="G64898" s="1" t="s">
        <v>216426</v>
      </c>
      <c r="H64898" s="1" t="s">
        <v>216427</v>
      </c>
      <c r="I64898" s="1" t="s">
        <v>216161</v>
      </c>
      <c r="J64898" s="1" t="s">
        <v>216480</v>
      </c>
    </row>
    <row r="64899" spans="1:10" x14ac:dyDescent="0.35">
      <c r="A64899" s="1" t="s">
        <v>110329</v>
      </c>
      <c r="B64899" s="1" t="s">
        <v>216156</v>
      </c>
      <c r="C64899" s="1" t="s">
        <v>105</v>
      </c>
      <c r="D64899" s="1" t="s">
        <v>143065</v>
      </c>
      <c r="E64899" s="1" t="s">
        <v>216481</v>
      </c>
      <c r="F64899" s="1" t="s">
        <v>216482</v>
      </c>
      <c r="G64899" s="1" t="s">
        <v>216426</v>
      </c>
      <c r="H64899" s="1" t="s">
        <v>216427</v>
      </c>
      <c r="I64899" s="1" t="s">
        <v>216161</v>
      </c>
      <c r="J64899" s="1" t="s">
        <v>216483</v>
      </c>
    </row>
    <row r="64900" spans="1:10" x14ac:dyDescent="0.35">
      <c r="A64900" s="1" t="s">
        <v>110329</v>
      </c>
      <c r="B64900" s="1" t="s">
        <v>216156</v>
      </c>
      <c r="C64900" s="1" t="s">
        <v>110</v>
      </c>
      <c r="D64900" s="1" t="s">
        <v>109978</v>
      </c>
      <c r="E64900" s="1" t="s">
        <v>216484</v>
      </c>
      <c r="F64900" s="1" t="s">
        <v>216485</v>
      </c>
      <c r="G64900" s="1" t="s">
        <v>216426</v>
      </c>
      <c r="H64900" s="1" t="s">
        <v>216427</v>
      </c>
      <c r="I64900" s="1" t="s">
        <v>216161</v>
      </c>
      <c r="J64900" s="1" t="s">
        <v>216486</v>
      </c>
    </row>
    <row r="64901" spans="1:10" x14ac:dyDescent="0.35">
      <c r="A64901" s="1" t="s">
        <v>110329</v>
      </c>
      <c r="B64901" s="1" t="s">
        <v>216156</v>
      </c>
      <c r="C64901" s="1" t="s">
        <v>115</v>
      </c>
      <c r="D64901" s="1" t="s">
        <v>9979</v>
      </c>
      <c r="E64901" s="1" t="s">
        <v>216487</v>
      </c>
      <c r="F64901" s="1" t="s">
        <v>216488</v>
      </c>
      <c r="G64901" s="1" t="s">
        <v>216426</v>
      </c>
      <c r="H64901" s="1" t="s">
        <v>216427</v>
      </c>
      <c r="I64901" s="1" t="s">
        <v>216161</v>
      </c>
      <c r="J64901" s="1" t="s">
        <v>216489</v>
      </c>
    </row>
    <row r="64902" spans="1:10" x14ac:dyDescent="0.35">
      <c r="A64902" s="1" t="s">
        <v>110329</v>
      </c>
      <c r="B64902" s="1" t="s">
        <v>216156</v>
      </c>
      <c r="C64902" s="1" t="s">
        <v>120</v>
      </c>
      <c r="D64902" s="1" t="s">
        <v>50912</v>
      </c>
      <c r="E64902" s="1" t="s">
        <v>216490</v>
      </c>
      <c r="F64902" s="1" t="s">
        <v>216491</v>
      </c>
      <c r="G64902" s="1" t="s">
        <v>216426</v>
      </c>
      <c r="H64902" s="1" t="s">
        <v>216427</v>
      </c>
      <c r="I64902" s="1" t="s">
        <v>216161</v>
      </c>
      <c r="J64902" s="1" t="s">
        <v>216492</v>
      </c>
    </row>
    <row r="64903" spans="1:10" x14ac:dyDescent="0.35">
      <c r="A64903" s="1" t="s">
        <v>110329</v>
      </c>
      <c r="B64903" s="1" t="s">
        <v>216156</v>
      </c>
      <c r="C64903" s="1" t="s">
        <v>125</v>
      </c>
      <c r="D64903" s="1" t="s">
        <v>143353</v>
      </c>
      <c r="E64903" s="1" t="s">
        <v>216493</v>
      </c>
      <c r="F64903" s="1" t="s">
        <v>216494</v>
      </c>
      <c r="G64903" s="1" t="s">
        <v>216426</v>
      </c>
      <c r="H64903" s="1" t="s">
        <v>216427</v>
      </c>
      <c r="I64903" s="1" t="s">
        <v>216161</v>
      </c>
      <c r="J64903" s="1" t="s">
        <v>216495</v>
      </c>
    </row>
    <row r="64904" spans="1:10" x14ac:dyDescent="0.35">
      <c r="A64904" s="1" t="s">
        <v>110329</v>
      </c>
      <c r="B64904" s="1" t="s">
        <v>216156</v>
      </c>
      <c r="C64904" s="1" t="s">
        <v>130</v>
      </c>
      <c r="D64904" s="1" t="s">
        <v>116347</v>
      </c>
      <c r="E64904" s="1" t="s">
        <v>216496</v>
      </c>
      <c r="F64904" s="1" t="s">
        <v>216497</v>
      </c>
      <c r="G64904" s="1" t="s">
        <v>216426</v>
      </c>
      <c r="H64904" s="1" t="s">
        <v>216427</v>
      </c>
      <c r="I64904" s="1" t="s">
        <v>216161</v>
      </c>
      <c r="J64904" s="1" t="s">
        <v>216498</v>
      </c>
    </row>
    <row r="64905" spans="1:10" x14ac:dyDescent="0.35">
      <c r="A64905" s="1" t="s">
        <v>110329</v>
      </c>
      <c r="B64905" s="1" t="s">
        <v>216156</v>
      </c>
      <c r="C64905" s="1" t="s">
        <v>135</v>
      </c>
      <c r="D64905" s="1" t="s">
        <v>6936</v>
      </c>
      <c r="E64905" s="1" t="s">
        <v>216499</v>
      </c>
      <c r="F64905" s="1" t="s">
        <v>216500</v>
      </c>
      <c r="G64905" s="1" t="s">
        <v>216426</v>
      </c>
      <c r="H64905" s="1" t="s">
        <v>216427</v>
      </c>
      <c r="I64905" s="1" t="s">
        <v>216161</v>
      </c>
      <c r="J64905" s="1" t="s">
        <v>216501</v>
      </c>
    </row>
    <row r="64906" spans="1:10" x14ac:dyDescent="0.35">
      <c r="A64906" s="1" t="s">
        <v>110329</v>
      </c>
      <c r="B64906" s="1" t="s">
        <v>216156</v>
      </c>
      <c r="C64906" s="1" t="s">
        <v>140</v>
      </c>
      <c r="D64906" s="1" t="s">
        <v>1707</v>
      </c>
      <c r="E64906" s="1" t="s">
        <v>216502</v>
      </c>
      <c r="F64906" s="1" t="s">
        <v>216503</v>
      </c>
      <c r="G64906" s="1" t="s">
        <v>216426</v>
      </c>
      <c r="H64906" s="1" t="s">
        <v>216427</v>
      </c>
      <c r="I64906" s="1" t="s">
        <v>216161</v>
      </c>
      <c r="J64906" s="1" t="s">
        <v>216504</v>
      </c>
    </row>
    <row r="64907" spans="1:10" x14ac:dyDescent="0.35">
      <c r="A64907" s="1" t="s">
        <v>110329</v>
      </c>
      <c r="B64907" s="1" t="s">
        <v>216156</v>
      </c>
      <c r="C64907" s="1" t="s">
        <v>145</v>
      </c>
      <c r="D64907" s="1" t="s">
        <v>216505</v>
      </c>
      <c r="E64907" s="1" t="s">
        <v>216506</v>
      </c>
      <c r="F64907" s="1" t="s">
        <v>216507</v>
      </c>
      <c r="G64907" s="1" t="s">
        <v>216426</v>
      </c>
      <c r="H64907" s="1" t="s">
        <v>216427</v>
      </c>
      <c r="I64907" s="1" t="s">
        <v>216161</v>
      </c>
      <c r="J64907" s="1" t="s">
        <v>216508</v>
      </c>
    </row>
    <row r="64908" spans="1:10" x14ac:dyDescent="0.35">
      <c r="A64908" s="1" t="s">
        <v>110329</v>
      </c>
      <c r="B64908" s="1" t="s">
        <v>216156</v>
      </c>
      <c r="C64908" s="1" t="s">
        <v>150</v>
      </c>
      <c r="D64908" s="1" t="s">
        <v>121227</v>
      </c>
      <c r="E64908" s="1" t="s">
        <v>216509</v>
      </c>
      <c r="F64908" s="1" t="s">
        <v>216510</v>
      </c>
      <c r="G64908" s="1" t="s">
        <v>216426</v>
      </c>
      <c r="H64908" s="1" t="s">
        <v>216427</v>
      </c>
      <c r="I64908" s="1" t="s">
        <v>216161</v>
      </c>
      <c r="J64908" s="1" t="s">
        <v>216511</v>
      </c>
    </row>
    <row r="64909" spans="1:10" x14ac:dyDescent="0.35">
      <c r="A64909" s="1" t="s">
        <v>110329</v>
      </c>
      <c r="B64909" s="1" t="s">
        <v>216156</v>
      </c>
      <c r="C64909" s="1" t="s">
        <v>155</v>
      </c>
      <c r="D64909" s="1" t="s">
        <v>28457</v>
      </c>
      <c r="E64909" s="1" t="s">
        <v>216512</v>
      </c>
      <c r="F64909" s="1" t="s">
        <v>216513</v>
      </c>
      <c r="G64909" s="1" t="s">
        <v>216426</v>
      </c>
      <c r="H64909" s="1" t="s">
        <v>216427</v>
      </c>
      <c r="I64909" s="1" t="s">
        <v>216161</v>
      </c>
      <c r="J64909" s="1" t="s">
        <v>216514</v>
      </c>
    </row>
    <row r="64910" spans="1:10" x14ac:dyDescent="0.35">
      <c r="A64910" s="1" t="s">
        <v>110329</v>
      </c>
      <c r="B64910" s="1" t="s">
        <v>216156</v>
      </c>
      <c r="C64910" s="1" t="s">
        <v>160</v>
      </c>
      <c r="D64910" s="1" t="s">
        <v>14491</v>
      </c>
      <c r="E64910" s="1" t="s">
        <v>216515</v>
      </c>
      <c r="F64910" s="1" t="s">
        <v>216516</v>
      </c>
      <c r="G64910" s="1" t="s">
        <v>216426</v>
      </c>
      <c r="H64910" s="1" t="s">
        <v>216427</v>
      </c>
      <c r="I64910" s="1" t="s">
        <v>216161</v>
      </c>
      <c r="J64910" s="1" t="s">
        <v>216517</v>
      </c>
    </row>
    <row r="64911" spans="1:10" x14ac:dyDescent="0.35">
      <c r="A64911" s="1" t="s">
        <v>110329</v>
      </c>
      <c r="B64911" s="1" t="s">
        <v>216156</v>
      </c>
      <c r="C64911" s="1" t="s">
        <v>165</v>
      </c>
      <c r="D64911" s="1" t="s">
        <v>15724</v>
      </c>
      <c r="E64911" s="1" t="s">
        <v>216518</v>
      </c>
      <c r="F64911" s="1" t="s">
        <v>216519</v>
      </c>
      <c r="G64911" s="1" t="s">
        <v>216426</v>
      </c>
      <c r="H64911" s="1" t="s">
        <v>216427</v>
      </c>
      <c r="I64911" s="1" t="s">
        <v>216161</v>
      </c>
      <c r="J64911" s="1" t="s">
        <v>216520</v>
      </c>
    </row>
    <row r="64912" spans="1:10" x14ac:dyDescent="0.35">
      <c r="A64912" s="1" t="s">
        <v>110329</v>
      </c>
      <c r="B64912" s="1" t="s">
        <v>216156</v>
      </c>
      <c r="C64912" s="1" t="s">
        <v>170</v>
      </c>
      <c r="D64912" s="1" t="s">
        <v>172068</v>
      </c>
      <c r="E64912" s="1" t="s">
        <v>216521</v>
      </c>
      <c r="F64912" s="1" t="s">
        <v>216522</v>
      </c>
      <c r="G64912" s="1" t="s">
        <v>216426</v>
      </c>
      <c r="H64912" s="1" t="s">
        <v>216427</v>
      </c>
      <c r="I64912" s="1" t="s">
        <v>216161</v>
      </c>
      <c r="J64912" s="1" t="s">
        <v>216523</v>
      </c>
    </row>
    <row r="64913" spans="1:10" x14ac:dyDescent="0.35">
      <c r="A64913" s="1" t="s">
        <v>3240</v>
      </c>
      <c r="B64913" s="1" t="s">
        <v>216156</v>
      </c>
      <c r="C64913" s="1" t="s">
        <v>8</v>
      </c>
      <c r="D64913" s="1" t="s">
        <v>1833</v>
      </c>
      <c r="E64913" s="1" t="s">
        <v>216524</v>
      </c>
      <c r="F64913" s="1" t="s">
        <v>216525</v>
      </c>
      <c r="G64913" s="1" t="s">
        <v>216526</v>
      </c>
      <c r="H64913" s="1" t="s">
        <v>216527</v>
      </c>
      <c r="I64913" s="1" t="s">
        <v>216161</v>
      </c>
      <c r="J64913" s="1" t="s">
        <v>13</v>
      </c>
    </row>
    <row r="64914" spans="1:10" x14ac:dyDescent="0.35">
      <c r="A64914" s="1" t="s">
        <v>3240</v>
      </c>
      <c r="B64914" s="1" t="s">
        <v>216156</v>
      </c>
      <c r="C64914" s="1" t="s">
        <v>15</v>
      </c>
      <c r="D64914" s="1" t="s">
        <v>8449</v>
      </c>
      <c r="E64914" s="1" t="s">
        <v>216528</v>
      </c>
      <c r="F64914" s="1" t="s">
        <v>216529</v>
      </c>
      <c r="G64914" s="1" t="s">
        <v>216526</v>
      </c>
      <c r="H64914" s="1" t="s">
        <v>216527</v>
      </c>
      <c r="I64914" s="1" t="s">
        <v>216161</v>
      </c>
      <c r="J64914" s="1" t="s">
        <v>216530</v>
      </c>
    </row>
    <row r="64915" spans="1:10" x14ac:dyDescent="0.35">
      <c r="A64915" s="1" t="s">
        <v>3240</v>
      </c>
      <c r="B64915" s="1" t="s">
        <v>216156</v>
      </c>
      <c r="C64915" s="1" t="s">
        <v>20</v>
      </c>
      <c r="D64915" s="1" t="s">
        <v>1833</v>
      </c>
      <c r="E64915" s="1" t="s">
        <v>216531</v>
      </c>
      <c r="F64915" s="1" t="s">
        <v>216532</v>
      </c>
      <c r="G64915" s="1" t="s">
        <v>216526</v>
      </c>
      <c r="H64915" s="1" t="s">
        <v>216527</v>
      </c>
      <c r="I64915" s="1" t="s">
        <v>216161</v>
      </c>
      <c r="J64915" s="1" t="s">
        <v>216533</v>
      </c>
    </row>
    <row r="64916" spans="1:10" x14ac:dyDescent="0.35">
      <c r="A64916" s="1" t="s">
        <v>3240</v>
      </c>
      <c r="B64916" s="1" t="s">
        <v>216156</v>
      </c>
      <c r="C64916" s="1" t="s">
        <v>25</v>
      </c>
      <c r="D64916" s="1" t="s">
        <v>1114</v>
      </c>
      <c r="E64916" s="1" t="s">
        <v>216534</v>
      </c>
      <c r="F64916" s="1" t="s">
        <v>216535</v>
      </c>
      <c r="G64916" s="1" t="s">
        <v>216526</v>
      </c>
      <c r="H64916" s="1" t="s">
        <v>216527</v>
      </c>
      <c r="I64916" s="1" t="s">
        <v>216161</v>
      </c>
      <c r="J64916" s="1" t="s">
        <v>216536</v>
      </c>
    </row>
    <row r="64917" spans="1:10" x14ac:dyDescent="0.35">
      <c r="A64917" s="1" t="s">
        <v>3240</v>
      </c>
      <c r="B64917" s="1" t="s">
        <v>216156</v>
      </c>
      <c r="C64917" s="1" t="s">
        <v>30</v>
      </c>
      <c r="D64917" s="1" t="s">
        <v>83726</v>
      </c>
      <c r="E64917" s="1" t="s">
        <v>216537</v>
      </c>
      <c r="F64917" s="1" t="s">
        <v>216538</v>
      </c>
      <c r="G64917" s="1" t="s">
        <v>216526</v>
      </c>
      <c r="H64917" s="1" t="s">
        <v>216527</v>
      </c>
      <c r="I64917" s="1" t="s">
        <v>216161</v>
      </c>
      <c r="J64917" s="1" t="s">
        <v>216539</v>
      </c>
    </row>
    <row r="64918" spans="1:10" x14ac:dyDescent="0.35">
      <c r="A64918" s="1" t="s">
        <v>3240</v>
      </c>
      <c r="B64918" s="1" t="s">
        <v>216156</v>
      </c>
      <c r="C64918" s="1" t="s">
        <v>35</v>
      </c>
      <c r="D64918" s="1" t="s">
        <v>80734</v>
      </c>
      <c r="E64918" s="1" t="s">
        <v>216540</v>
      </c>
      <c r="F64918" s="1" t="s">
        <v>216541</v>
      </c>
      <c r="G64918" s="1" t="s">
        <v>216526</v>
      </c>
      <c r="H64918" s="1" t="s">
        <v>216527</v>
      </c>
      <c r="I64918" s="1" t="s">
        <v>216161</v>
      </c>
      <c r="J64918" s="1" t="s">
        <v>216542</v>
      </c>
    </row>
    <row r="64919" spans="1:10" x14ac:dyDescent="0.35">
      <c r="A64919" s="1" t="s">
        <v>3240</v>
      </c>
      <c r="B64919" s="1" t="s">
        <v>216156</v>
      </c>
      <c r="C64919" s="1" t="s">
        <v>40</v>
      </c>
      <c r="D64919" s="1" t="s">
        <v>6217</v>
      </c>
      <c r="E64919" s="1" t="s">
        <v>216543</v>
      </c>
      <c r="F64919" s="1" t="s">
        <v>216544</v>
      </c>
      <c r="G64919" s="1" t="s">
        <v>216526</v>
      </c>
      <c r="H64919" s="1" t="s">
        <v>216527</v>
      </c>
      <c r="I64919" s="1" t="s">
        <v>216161</v>
      </c>
      <c r="J64919" s="1" t="s">
        <v>216545</v>
      </c>
    </row>
    <row r="64920" spans="1:10" x14ac:dyDescent="0.35">
      <c r="A64920" s="1" t="s">
        <v>3240</v>
      </c>
      <c r="B64920" s="1" t="s">
        <v>216156</v>
      </c>
      <c r="C64920" s="1" t="s">
        <v>45</v>
      </c>
      <c r="D64920" s="1" t="s">
        <v>46799</v>
      </c>
      <c r="E64920" s="1" t="s">
        <v>216546</v>
      </c>
      <c r="F64920" s="1" t="s">
        <v>216547</v>
      </c>
      <c r="G64920" s="1" t="s">
        <v>216526</v>
      </c>
      <c r="H64920" s="1" t="s">
        <v>216527</v>
      </c>
      <c r="I64920" s="1" t="s">
        <v>216161</v>
      </c>
      <c r="J64920" s="1" t="s">
        <v>216548</v>
      </c>
    </row>
    <row r="64921" spans="1:10" x14ac:dyDescent="0.35">
      <c r="A64921" s="1" t="s">
        <v>3240</v>
      </c>
      <c r="B64921" s="1" t="s">
        <v>216156</v>
      </c>
      <c r="C64921" s="1" t="s">
        <v>50</v>
      </c>
      <c r="D64921" s="1" t="s">
        <v>7267</v>
      </c>
      <c r="E64921" s="1" t="s">
        <v>216549</v>
      </c>
      <c r="F64921" s="1" t="s">
        <v>216550</v>
      </c>
      <c r="G64921" s="1" t="s">
        <v>216526</v>
      </c>
      <c r="H64921" s="1" t="s">
        <v>216527</v>
      </c>
      <c r="I64921" s="1" t="s">
        <v>216161</v>
      </c>
      <c r="J64921" s="1" t="s">
        <v>216551</v>
      </c>
    </row>
    <row r="64922" spans="1:10" x14ac:dyDescent="0.35">
      <c r="A64922" s="1" t="s">
        <v>3240</v>
      </c>
      <c r="B64922" s="1" t="s">
        <v>216156</v>
      </c>
      <c r="C64922" s="1" t="s">
        <v>55</v>
      </c>
      <c r="D64922" s="1" t="s">
        <v>74862</v>
      </c>
      <c r="E64922" s="1" t="s">
        <v>216552</v>
      </c>
      <c r="F64922" s="1" t="s">
        <v>216553</v>
      </c>
      <c r="G64922" s="1" t="s">
        <v>216526</v>
      </c>
      <c r="H64922" s="1" t="s">
        <v>216527</v>
      </c>
      <c r="I64922" s="1" t="s">
        <v>216161</v>
      </c>
      <c r="J64922" s="1" t="s">
        <v>216554</v>
      </c>
    </row>
    <row r="64923" spans="1:10" x14ac:dyDescent="0.35">
      <c r="A64923" s="1" t="s">
        <v>3240</v>
      </c>
      <c r="B64923" s="1" t="s">
        <v>216156</v>
      </c>
      <c r="C64923" s="1" t="s">
        <v>60</v>
      </c>
      <c r="D64923" s="1" t="s">
        <v>73391</v>
      </c>
      <c r="E64923" s="1" t="s">
        <v>216555</v>
      </c>
      <c r="F64923" s="1" t="s">
        <v>216556</v>
      </c>
      <c r="G64923" s="1" t="s">
        <v>216526</v>
      </c>
      <c r="H64923" s="1" t="s">
        <v>216527</v>
      </c>
      <c r="I64923" s="1" t="s">
        <v>216161</v>
      </c>
      <c r="J64923" s="1" t="s">
        <v>216557</v>
      </c>
    </row>
    <row r="64924" spans="1:10" x14ac:dyDescent="0.35">
      <c r="A64924" s="1" t="s">
        <v>3240</v>
      </c>
      <c r="B64924" s="1" t="s">
        <v>216156</v>
      </c>
      <c r="C64924" s="1" t="s">
        <v>65</v>
      </c>
      <c r="D64924" s="1" t="s">
        <v>73391</v>
      </c>
      <c r="E64924" s="1" t="s">
        <v>216558</v>
      </c>
      <c r="F64924" s="1" t="s">
        <v>216559</v>
      </c>
      <c r="G64924" s="1" t="s">
        <v>216526</v>
      </c>
      <c r="H64924" s="1" t="s">
        <v>216527</v>
      </c>
      <c r="I64924" s="1" t="s">
        <v>216161</v>
      </c>
      <c r="J64924" s="1" t="s">
        <v>1180</v>
      </c>
    </row>
    <row r="64925" spans="1:10" x14ac:dyDescent="0.35">
      <c r="A64925" s="1" t="s">
        <v>3240</v>
      </c>
      <c r="B64925" s="1" t="s">
        <v>216156</v>
      </c>
      <c r="C64925" s="1" t="s">
        <v>70</v>
      </c>
      <c r="D64925" s="1" t="s">
        <v>73391</v>
      </c>
      <c r="E64925" s="1" t="s">
        <v>216560</v>
      </c>
      <c r="F64925" s="1" t="s">
        <v>216561</v>
      </c>
      <c r="G64925" s="1" t="s">
        <v>216526</v>
      </c>
      <c r="H64925" s="1" t="s">
        <v>216527</v>
      </c>
      <c r="I64925" s="1" t="s">
        <v>216161</v>
      </c>
      <c r="J64925" s="1" t="s">
        <v>1180</v>
      </c>
    </row>
    <row r="64926" spans="1:10" x14ac:dyDescent="0.35">
      <c r="A64926" s="1" t="s">
        <v>3240</v>
      </c>
      <c r="B64926" s="1" t="s">
        <v>216156</v>
      </c>
      <c r="C64926" s="1" t="s">
        <v>75</v>
      </c>
      <c r="D64926" s="1" t="s">
        <v>99759</v>
      </c>
      <c r="E64926" s="1" t="s">
        <v>216562</v>
      </c>
      <c r="F64926" s="1" t="s">
        <v>216563</v>
      </c>
      <c r="G64926" s="1" t="s">
        <v>216526</v>
      </c>
      <c r="H64926" s="1" t="s">
        <v>216527</v>
      </c>
      <c r="I64926" s="1" t="s">
        <v>216161</v>
      </c>
      <c r="J64926" s="1" t="s">
        <v>216564</v>
      </c>
    </row>
    <row r="64927" spans="1:10" x14ac:dyDescent="0.35">
      <c r="A64927" s="1" t="s">
        <v>3240</v>
      </c>
      <c r="B64927" s="1" t="s">
        <v>216156</v>
      </c>
      <c r="C64927" s="1" t="s">
        <v>80</v>
      </c>
      <c r="D64927" s="1" t="s">
        <v>51067</v>
      </c>
      <c r="E64927" s="1" t="s">
        <v>216565</v>
      </c>
      <c r="F64927" s="1" t="s">
        <v>216566</v>
      </c>
      <c r="G64927" s="1" t="s">
        <v>216526</v>
      </c>
      <c r="H64927" s="1" t="s">
        <v>216527</v>
      </c>
      <c r="I64927" s="1" t="s">
        <v>216161</v>
      </c>
      <c r="J64927" s="1" t="s">
        <v>216567</v>
      </c>
    </row>
    <row r="64928" spans="1:10" x14ac:dyDescent="0.35">
      <c r="A64928" s="1" t="s">
        <v>3240</v>
      </c>
      <c r="B64928" s="1" t="s">
        <v>216156</v>
      </c>
      <c r="C64928" s="1" t="s">
        <v>85</v>
      </c>
      <c r="D64928" s="1" t="s">
        <v>8457</v>
      </c>
      <c r="E64928" s="1" t="s">
        <v>216568</v>
      </c>
      <c r="F64928" s="1" t="s">
        <v>216569</v>
      </c>
      <c r="G64928" s="1" t="s">
        <v>216526</v>
      </c>
      <c r="H64928" s="1" t="s">
        <v>216527</v>
      </c>
      <c r="I64928" s="1" t="s">
        <v>216161</v>
      </c>
      <c r="J64928" s="1" t="s">
        <v>216570</v>
      </c>
    </row>
    <row r="64929" spans="1:10" x14ac:dyDescent="0.35">
      <c r="A64929" s="1" t="s">
        <v>3240</v>
      </c>
      <c r="B64929" s="1" t="s">
        <v>216156</v>
      </c>
      <c r="C64929" s="1" t="s">
        <v>90</v>
      </c>
      <c r="D64929" s="1" t="s">
        <v>8422</v>
      </c>
      <c r="E64929" s="1" t="s">
        <v>216571</v>
      </c>
      <c r="F64929" s="1" t="s">
        <v>216572</v>
      </c>
      <c r="G64929" s="1" t="s">
        <v>216526</v>
      </c>
      <c r="H64929" s="1" t="s">
        <v>216527</v>
      </c>
      <c r="I64929" s="1" t="s">
        <v>216161</v>
      </c>
      <c r="J64929" s="1" t="s">
        <v>216573</v>
      </c>
    </row>
    <row r="64930" spans="1:10" x14ac:dyDescent="0.35">
      <c r="A64930" s="1" t="s">
        <v>3240</v>
      </c>
      <c r="B64930" s="1" t="s">
        <v>216156</v>
      </c>
      <c r="C64930" s="1" t="s">
        <v>95</v>
      </c>
      <c r="D64930" s="1" t="s">
        <v>10436</v>
      </c>
      <c r="E64930" s="1" t="s">
        <v>216574</v>
      </c>
      <c r="F64930" s="1" t="s">
        <v>216575</v>
      </c>
      <c r="G64930" s="1" t="s">
        <v>216526</v>
      </c>
      <c r="H64930" s="1" t="s">
        <v>216527</v>
      </c>
      <c r="I64930" s="1" t="s">
        <v>216161</v>
      </c>
      <c r="J64930" s="1" t="s">
        <v>216576</v>
      </c>
    </row>
    <row r="64931" spans="1:10" x14ac:dyDescent="0.35">
      <c r="A64931" s="1" t="s">
        <v>3240</v>
      </c>
      <c r="B64931" s="1" t="s">
        <v>216156</v>
      </c>
      <c r="C64931" s="1" t="s">
        <v>100</v>
      </c>
      <c r="D64931" s="1" t="s">
        <v>1134</v>
      </c>
      <c r="E64931" s="1" t="s">
        <v>216577</v>
      </c>
      <c r="F64931" s="1" t="s">
        <v>216578</v>
      </c>
      <c r="G64931" s="1" t="s">
        <v>216526</v>
      </c>
      <c r="H64931" s="1" t="s">
        <v>216527</v>
      </c>
      <c r="I64931" s="1" t="s">
        <v>216161</v>
      </c>
      <c r="J64931" s="1" t="s">
        <v>216579</v>
      </c>
    </row>
    <row r="64932" spans="1:10" x14ac:dyDescent="0.35">
      <c r="A64932" s="1" t="s">
        <v>3240</v>
      </c>
      <c r="B64932" s="1" t="s">
        <v>216156</v>
      </c>
      <c r="C64932" s="1" t="s">
        <v>105</v>
      </c>
      <c r="D64932" s="1" t="s">
        <v>100286</v>
      </c>
      <c r="E64932" s="1" t="s">
        <v>216580</v>
      </c>
      <c r="F64932" s="1" t="s">
        <v>216581</v>
      </c>
      <c r="G64932" s="1" t="s">
        <v>216526</v>
      </c>
      <c r="H64932" s="1" t="s">
        <v>216527</v>
      </c>
      <c r="I64932" s="1" t="s">
        <v>216161</v>
      </c>
      <c r="J64932" s="1" t="s">
        <v>216582</v>
      </c>
    </row>
    <row r="64933" spans="1:10" x14ac:dyDescent="0.35">
      <c r="A64933" s="1" t="s">
        <v>3240</v>
      </c>
      <c r="B64933" s="1" t="s">
        <v>216156</v>
      </c>
      <c r="C64933" s="1" t="s">
        <v>110</v>
      </c>
      <c r="D64933" s="1" t="s">
        <v>216583</v>
      </c>
      <c r="E64933" s="1" t="s">
        <v>216584</v>
      </c>
      <c r="F64933" s="1" t="s">
        <v>216585</v>
      </c>
      <c r="G64933" s="1" t="s">
        <v>216526</v>
      </c>
      <c r="H64933" s="1" t="s">
        <v>216527</v>
      </c>
      <c r="I64933" s="1" t="s">
        <v>216161</v>
      </c>
      <c r="J64933" s="1" t="s">
        <v>216586</v>
      </c>
    </row>
    <row r="64934" spans="1:10" x14ac:dyDescent="0.35">
      <c r="A64934" s="1" t="s">
        <v>3240</v>
      </c>
      <c r="B64934" s="1" t="s">
        <v>216156</v>
      </c>
      <c r="C64934" s="1" t="s">
        <v>115</v>
      </c>
      <c r="D64934" s="1" t="s">
        <v>103660</v>
      </c>
      <c r="E64934" s="1" t="s">
        <v>216587</v>
      </c>
      <c r="F64934" s="1" t="s">
        <v>181810</v>
      </c>
      <c r="G64934" s="1" t="s">
        <v>216526</v>
      </c>
      <c r="H64934" s="1" t="s">
        <v>216527</v>
      </c>
      <c r="I64934" s="1" t="s">
        <v>216161</v>
      </c>
      <c r="J64934" s="1" t="s">
        <v>216588</v>
      </c>
    </row>
    <row r="64935" spans="1:10" x14ac:dyDescent="0.35">
      <c r="A64935" s="1" t="s">
        <v>3240</v>
      </c>
      <c r="B64935" s="1" t="s">
        <v>216156</v>
      </c>
      <c r="C64935" s="1" t="s">
        <v>120</v>
      </c>
      <c r="D64935" s="1" t="s">
        <v>1138</v>
      </c>
      <c r="E64935" s="1" t="s">
        <v>216589</v>
      </c>
      <c r="F64935" s="1" t="s">
        <v>216590</v>
      </c>
      <c r="G64935" s="1" t="s">
        <v>216526</v>
      </c>
      <c r="H64935" s="1" t="s">
        <v>216527</v>
      </c>
      <c r="I64935" s="1" t="s">
        <v>216161</v>
      </c>
      <c r="J64935" s="1" t="s">
        <v>216591</v>
      </c>
    </row>
    <row r="64936" spans="1:10" x14ac:dyDescent="0.35">
      <c r="A64936" s="1" t="s">
        <v>3240</v>
      </c>
      <c r="B64936" s="1" t="s">
        <v>216156</v>
      </c>
      <c r="C64936" s="1" t="s">
        <v>125</v>
      </c>
      <c r="D64936" s="1" t="s">
        <v>7017</v>
      </c>
      <c r="E64936" s="1" t="s">
        <v>216592</v>
      </c>
      <c r="F64936" s="1" t="s">
        <v>216593</v>
      </c>
      <c r="G64936" s="1" t="s">
        <v>216526</v>
      </c>
      <c r="H64936" s="1" t="s">
        <v>216527</v>
      </c>
      <c r="I64936" s="1" t="s">
        <v>216161</v>
      </c>
      <c r="J64936" s="1" t="s">
        <v>216594</v>
      </c>
    </row>
    <row r="64937" spans="1:10" x14ac:dyDescent="0.35">
      <c r="A64937" s="1" t="s">
        <v>3240</v>
      </c>
      <c r="B64937" s="1" t="s">
        <v>216156</v>
      </c>
      <c r="C64937" s="1" t="s">
        <v>130</v>
      </c>
      <c r="D64937" s="1" t="s">
        <v>25838</v>
      </c>
      <c r="E64937" s="1" t="s">
        <v>216595</v>
      </c>
      <c r="F64937" s="1" t="s">
        <v>216596</v>
      </c>
      <c r="G64937" s="1" t="s">
        <v>216526</v>
      </c>
      <c r="H64937" s="1" t="s">
        <v>216527</v>
      </c>
      <c r="I64937" s="1" t="s">
        <v>216161</v>
      </c>
      <c r="J64937" s="1" t="s">
        <v>216597</v>
      </c>
    </row>
    <row r="64938" spans="1:10" x14ac:dyDescent="0.35">
      <c r="A64938" s="1" t="s">
        <v>3240</v>
      </c>
      <c r="B64938" s="1" t="s">
        <v>216156</v>
      </c>
      <c r="C64938" s="1" t="s">
        <v>135</v>
      </c>
      <c r="D64938" s="1" t="s">
        <v>103007</v>
      </c>
      <c r="E64938" s="1" t="s">
        <v>216598</v>
      </c>
      <c r="F64938" s="1" t="s">
        <v>216599</v>
      </c>
      <c r="G64938" s="1" t="s">
        <v>216526</v>
      </c>
      <c r="H64938" s="1" t="s">
        <v>216527</v>
      </c>
      <c r="I64938" s="1" t="s">
        <v>216161</v>
      </c>
      <c r="J64938" s="1" t="s">
        <v>216600</v>
      </c>
    </row>
    <row r="64939" spans="1:10" x14ac:dyDescent="0.35">
      <c r="A64939" s="1" t="s">
        <v>3240</v>
      </c>
      <c r="B64939" s="1" t="s">
        <v>216156</v>
      </c>
      <c r="C64939" s="1" t="s">
        <v>140</v>
      </c>
      <c r="D64939" s="1" t="s">
        <v>13826</v>
      </c>
      <c r="E64939" s="1" t="s">
        <v>216601</v>
      </c>
      <c r="F64939" s="1" t="s">
        <v>216602</v>
      </c>
      <c r="G64939" s="1" t="s">
        <v>216526</v>
      </c>
      <c r="H64939" s="1" t="s">
        <v>216527</v>
      </c>
      <c r="I64939" s="1" t="s">
        <v>216161</v>
      </c>
      <c r="J64939" s="1" t="s">
        <v>216603</v>
      </c>
    </row>
    <row r="64940" spans="1:10" x14ac:dyDescent="0.35">
      <c r="A64940" s="1" t="s">
        <v>3240</v>
      </c>
      <c r="B64940" s="1" t="s">
        <v>216156</v>
      </c>
      <c r="C64940" s="1" t="s">
        <v>145</v>
      </c>
      <c r="D64940" s="1" t="s">
        <v>1158</v>
      </c>
      <c r="E64940" s="1" t="s">
        <v>216604</v>
      </c>
      <c r="F64940" s="1" t="s">
        <v>216605</v>
      </c>
      <c r="G64940" s="1" t="s">
        <v>216526</v>
      </c>
      <c r="H64940" s="1" t="s">
        <v>216527</v>
      </c>
      <c r="I64940" s="1" t="s">
        <v>216161</v>
      </c>
      <c r="J64940" s="1" t="s">
        <v>216606</v>
      </c>
    </row>
    <row r="64941" spans="1:10" x14ac:dyDescent="0.35">
      <c r="A64941" s="1" t="s">
        <v>3240</v>
      </c>
      <c r="B64941" s="1" t="s">
        <v>216156</v>
      </c>
      <c r="C64941" s="1" t="s">
        <v>150</v>
      </c>
      <c r="D64941" s="1" t="s">
        <v>8483</v>
      </c>
      <c r="E64941" s="1" t="s">
        <v>216607</v>
      </c>
      <c r="F64941" s="1" t="s">
        <v>216608</v>
      </c>
      <c r="G64941" s="1" t="s">
        <v>216526</v>
      </c>
      <c r="H64941" s="1" t="s">
        <v>216527</v>
      </c>
      <c r="I64941" s="1" t="s">
        <v>216161</v>
      </c>
      <c r="J64941" s="1" t="s">
        <v>216609</v>
      </c>
    </row>
    <row r="64942" spans="1:10" x14ac:dyDescent="0.35">
      <c r="A64942" s="1" t="s">
        <v>3240</v>
      </c>
      <c r="B64942" s="1" t="s">
        <v>216156</v>
      </c>
      <c r="C64942" s="1" t="s">
        <v>155</v>
      </c>
      <c r="D64942" s="1" t="s">
        <v>95243</v>
      </c>
      <c r="E64942" s="1" t="s">
        <v>216610</v>
      </c>
      <c r="F64942" s="1" t="s">
        <v>216611</v>
      </c>
      <c r="G64942" s="1" t="s">
        <v>216526</v>
      </c>
      <c r="H64942" s="1" t="s">
        <v>216527</v>
      </c>
      <c r="I64942" s="1" t="s">
        <v>216161</v>
      </c>
      <c r="J64942" s="1" t="s">
        <v>216612</v>
      </c>
    </row>
    <row r="64943" spans="1:10" x14ac:dyDescent="0.35">
      <c r="A64943" s="1" t="s">
        <v>3240</v>
      </c>
      <c r="B64943" s="1" t="s">
        <v>216156</v>
      </c>
      <c r="C64943" s="1" t="s">
        <v>160</v>
      </c>
      <c r="D64943" s="1" t="s">
        <v>93852</v>
      </c>
      <c r="E64943" s="1" t="s">
        <v>216613</v>
      </c>
      <c r="F64943" s="1" t="s">
        <v>216614</v>
      </c>
      <c r="G64943" s="1" t="s">
        <v>216526</v>
      </c>
      <c r="H64943" s="1" t="s">
        <v>216527</v>
      </c>
      <c r="I64943" s="1" t="s">
        <v>216161</v>
      </c>
      <c r="J64943" s="1" t="s">
        <v>216615</v>
      </c>
    </row>
    <row r="64944" spans="1:10" x14ac:dyDescent="0.35">
      <c r="A64944" s="1" t="s">
        <v>3240</v>
      </c>
      <c r="B64944" s="1" t="s">
        <v>216156</v>
      </c>
      <c r="C64944" s="1" t="s">
        <v>165</v>
      </c>
      <c r="D64944" s="1" t="s">
        <v>7323</v>
      </c>
      <c r="E64944" s="1" t="s">
        <v>4828</v>
      </c>
      <c r="F64944" s="1" t="s">
        <v>216616</v>
      </c>
      <c r="G64944" s="1" t="s">
        <v>216526</v>
      </c>
      <c r="H64944" s="1" t="s">
        <v>216527</v>
      </c>
      <c r="I64944" s="1" t="s">
        <v>216161</v>
      </c>
      <c r="J64944" s="1" t="s">
        <v>216617</v>
      </c>
    </row>
    <row r="64945" spans="1:10" x14ac:dyDescent="0.35">
      <c r="A64945" s="1" t="s">
        <v>3240</v>
      </c>
      <c r="B64945" s="1" t="s">
        <v>216156</v>
      </c>
      <c r="C64945" s="1" t="s">
        <v>170</v>
      </c>
      <c r="D64945" s="1" t="s">
        <v>1126</v>
      </c>
      <c r="E64945" s="1" t="s">
        <v>216618</v>
      </c>
      <c r="F64945" s="1" t="s">
        <v>216619</v>
      </c>
      <c r="G64945" s="1" t="s">
        <v>216526</v>
      </c>
      <c r="H64945" s="1" t="s">
        <v>216527</v>
      </c>
      <c r="I64945" s="1" t="s">
        <v>216161</v>
      </c>
      <c r="J64945" s="1" t="s">
        <v>216620</v>
      </c>
    </row>
    <row r="64946" spans="1:10" x14ac:dyDescent="0.35">
      <c r="A64946" s="1" t="s">
        <v>44759</v>
      </c>
      <c r="B64946" s="1" t="s">
        <v>216156</v>
      </c>
      <c r="C64946" s="1" t="s">
        <v>8</v>
      </c>
      <c r="D64946" s="1" t="s">
        <v>59661</v>
      </c>
      <c r="E64946" s="1" t="s">
        <v>216621</v>
      </c>
      <c r="F64946" s="1" t="s">
        <v>216622</v>
      </c>
      <c r="G64946" s="1" t="s">
        <v>216623</v>
      </c>
      <c r="H64946" s="1" t="s">
        <v>216624</v>
      </c>
      <c r="I64946" s="1" t="s">
        <v>216161</v>
      </c>
      <c r="J64946" s="1" t="s">
        <v>13</v>
      </c>
    </row>
    <row r="64947" spans="1:10" x14ac:dyDescent="0.35">
      <c r="A64947" s="1" t="s">
        <v>44759</v>
      </c>
      <c r="B64947" s="1" t="s">
        <v>216156</v>
      </c>
      <c r="C64947" s="1" t="s">
        <v>15</v>
      </c>
      <c r="D64947" s="1" t="s">
        <v>119334</v>
      </c>
      <c r="E64947" s="1" t="s">
        <v>216625</v>
      </c>
      <c r="F64947" s="1" t="s">
        <v>216626</v>
      </c>
      <c r="G64947" s="1" t="s">
        <v>216623</v>
      </c>
      <c r="H64947" s="1" t="s">
        <v>216624</v>
      </c>
      <c r="I64947" s="1" t="s">
        <v>216161</v>
      </c>
      <c r="J64947" s="1" t="s">
        <v>216627</v>
      </c>
    </row>
    <row r="64948" spans="1:10" x14ac:dyDescent="0.35">
      <c r="A64948" s="1" t="s">
        <v>44759</v>
      </c>
      <c r="B64948" s="1" t="s">
        <v>216156</v>
      </c>
      <c r="C64948" s="1" t="s">
        <v>20</v>
      </c>
      <c r="D64948" s="1" t="s">
        <v>159311</v>
      </c>
      <c r="E64948" s="1" t="s">
        <v>216628</v>
      </c>
      <c r="F64948" s="1" t="s">
        <v>216629</v>
      </c>
      <c r="G64948" s="1" t="s">
        <v>216623</v>
      </c>
      <c r="H64948" s="1" t="s">
        <v>216624</v>
      </c>
      <c r="I64948" s="1" t="s">
        <v>216161</v>
      </c>
      <c r="J64948" s="1" t="s">
        <v>216630</v>
      </c>
    </row>
    <row r="64949" spans="1:10" x14ac:dyDescent="0.35">
      <c r="A64949" s="1" t="s">
        <v>44759</v>
      </c>
      <c r="B64949" s="1" t="s">
        <v>216156</v>
      </c>
      <c r="C64949" s="1" t="s">
        <v>25</v>
      </c>
      <c r="D64949" s="1" t="s">
        <v>51949</v>
      </c>
      <c r="E64949" s="1" t="s">
        <v>216631</v>
      </c>
      <c r="F64949" s="1" t="s">
        <v>216632</v>
      </c>
      <c r="G64949" s="1" t="s">
        <v>216623</v>
      </c>
      <c r="H64949" s="1" t="s">
        <v>216624</v>
      </c>
      <c r="I64949" s="1" t="s">
        <v>216161</v>
      </c>
      <c r="J64949" s="1" t="s">
        <v>216633</v>
      </c>
    </row>
    <row r="64950" spans="1:10" x14ac:dyDescent="0.35">
      <c r="A64950" s="1" t="s">
        <v>44759</v>
      </c>
      <c r="B64950" s="1" t="s">
        <v>216156</v>
      </c>
      <c r="C64950" s="1" t="s">
        <v>30</v>
      </c>
      <c r="D64950" s="1" t="s">
        <v>216634</v>
      </c>
      <c r="E64950" s="1" t="s">
        <v>216635</v>
      </c>
      <c r="F64950" s="1" t="s">
        <v>216636</v>
      </c>
      <c r="G64950" s="1" t="s">
        <v>216623</v>
      </c>
      <c r="H64950" s="1" t="s">
        <v>216624</v>
      </c>
      <c r="I64950" s="1" t="s">
        <v>216161</v>
      </c>
      <c r="J64950" s="1" t="s">
        <v>216637</v>
      </c>
    </row>
    <row r="64951" spans="1:10" x14ac:dyDescent="0.35">
      <c r="A64951" s="1" t="s">
        <v>44759</v>
      </c>
      <c r="B64951" s="1" t="s">
        <v>216156</v>
      </c>
      <c r="C64951" s="1" t="s">
        <v>35</v>
      </c>
      <c r="D64951" s="1" t="s">
        <v>25336</v>
      </c>
      <c r="E64951" s="1" t="s">
        <v>216638</v>
      </c>
      <c r="F64951" s="1" t="s">
        <v>216639</v>
      </c>
      <c r="G64951" s="1" t="s">
        <v>216623</v>
      </c>
      <c r="H64951" s="1" t="s">
        <v>216624</v>
      </c>
      <c r="I64951" s="1" t="s">
        <v>216161</v>
      </c>
      <c r="J64951" s="1" t="s">
        <v>216640</v>
      </c>
    </row>
    <row r="64952" spans="1:10" x14ac:dyDescent="0.35">
      <c r="A64952" s="1" t="s">
        <v>44759</v>
      </c>
      <c r="B64952" s="1" t="s">
        <v>216156</v>
      </c>
      <c r="C64952" s="1" t="s">
        <v>40</v>
      </c>
      <c r="D64952" s="1" t="s">
        <v>3518</v>
      </c>
      <c r="E64952" s="1" t="s">
        <v>216641</v>
      </c>
      <c r="F64952" s="1" t="s">
        <v>216642</v>
      </c>
      <c r="G64952" s="1" t="s">
        <v>216623</v>
      </c>
      <c r="H64952" s="1" t="s">
        <v>216624</v>
      </c>
      <c r="I64952" s="1" t="s">
        <v>216161</v>
      </c>
      <c r="J64952" s="1" t="s">
        <v>158654</v>
      </c>
    </row>
    <row r="64953" spans="1:10" x14ac:dyDescent="0.35">
      <c r="A64953" s="1" t="s">
        <v>44759</v>
      </c>
      <c r="B64953" s="1" t="s">
        <v>216156</v>
      </c>
      <c r="C64953" s="1" t="s">
        <v>45</v>
      </c>
      <c r="D64953" s="1" t="s">
        <v>216643</v>
      </c>
      <c r="E64953" s="1" t="s">
        <v>216644</v>
      </c>
      <c r="F64953" s="1" t="s">
        <v>216645</v>
      </c>
      <c r="G64953" s="1" t="s">
        <v>216623</v>
      </c>
      <c r="H64953" s="1" t="s">
        <v>216624</v>
      </c>
      <c r="I64953" s="1" t="s">
        <v>216161</v>
      </c>
      <c r="J64953" s="1" t="s">
        <v>216646</v>
      </c>
    </row>
    <row r="64954" spans="1:10" x14ac:dyDescent="0.35">
      <c r="A64954" s="1" t="s">
        <v>44759</v>
      </c>
      <c r="B64954" s="1" t="s">
        <v>216156</v>
      </c>
      <c r="C64954" s="1" t="s">
        <v>50</v>
      </c>
      <c r="D64954" s="1" t="s">
        <v>65708</v>
      </c>
      <c r="E64954" s="1" t="s">
        <v>216647</v>
      </c>
      <c r="F64954" s="1" t="s">
        <v>216648</v>
      </c>
      <c r="G64954" s="1" t="s">
        <v>216623</v>
      </c>
      <c r="H64954" s="1" t="s">
        <v>216624</v>
      </c>
      <c r="I64954" s="1" t="s">
        <v>216161</v>
      </c>
      <c r="J64954" s="1" t="s">
        <v>216649</v>
      </c>
    </row>
    <row r="64955" spans="1:10" x14ac:dyDescent="0.35">
      <c r="A64955" s="1" t="s">
        <v>44759</v>
      </c>
      <c r="B64955" s="1" t="s">
        <v>216156</v>
      </c>
      <c r="C64955" s="1" t="s">
        <v>55</v>
      </c>
      <c r="D64955" s="1" t="s">
        <v>1881</v>
      </c>
      <c r="E64955" s="1" t="s">
        <v>216650</v>
      </c>
      <c r="F64955" s="1" t="s">
        <v>216651</v>
      </c>
      <c r="G64955" s="1" t="s">
        <v>216623</v>
      </c>
      <c r="H64955" s="1" t="s">
        <v>216624</v>
      </c>
      <c r="I64955" s="1" t="s">
        <v>216161</v>
      </c>
      <c r="J64955" s="1" t="s">
        <v>216652</v>
      </c>
    </row>
    <row r="64956" spans="1:10" x14ac:dyDescent="0.35">
      <c r="A64956" s="1" t="s">
        <v>44759</v>
      </c>
      <c r="B64956" s="1" t="s">
        <v>216156</v>
      </c>
      <c r="C64956" s="1" t="s">
        <v>60</v>
      </c>
      <c r="D64956" s="1" t="s">
        <v>52081</v>
      </c>
      <c r="E64956" s="1" t="s">
        <v>216653</v>
      </c>
      <c r="F64956" s="1" t="s">
        <v>216654</v>
      </c>
      <c r="G64956" s="1" t="s">
        <v>216623</v>
      </c>
      <c r="H64956" s="1" t="s">
        <v>216624</v>
      </c>
      <c r="I64956" s="1" t="s">
        <v>216161</v>
      </c>
      <c r="J64956" s="1" t="s">
        <v>216655</v>
      </c>
    </row>
    <row r="64957" spans="1:10" x14ac:dyDescent="0.35">
      <c r="A64957" s="1" t="s">
        <v>44759</v>
      </c>
      <c r="B64957" s="1" t="s">
        <v>216156</v>
      </c>
      <c r="C64957" s="1" t="s">
        <v>65</v>
      </c>
      <c r="D64957" s="1" t="s">
        <v>51714</v>
      </c>
      <c r="E64957" s="1" t="s">
        <v>216656</v>
      </c>
      <c r="F64957" s="1" t="s">
        <v>216657</v>
      </c>
      <c r="G64957" s="1" t="s">
        <v>216623</v>
      </c>
      <c r="H64957" s="1" t="s">
        <v>216624</v>
      </c>
      <c r="I64957" s="1" t="s">
        <v>216161</v>
      </c>
      <c r="J64957" s="1" t="s">
        <v>216658</v>
      </c>
    </row>
    <row r="64958" spans="1:10" x14ac:dyDescent="0.35">
      <c r="A64958" s="1" t="s">
        <v>44759</v>
      </c>
      <c r="B64958" s="1" t="s">
        <v>216156</v>
      </c>
      <c r="C64958" s="1" t="s">
        <v>70</v>
      </c>
      <c r="D64958" s="1" t="s">
        <v>2195</v>
      </c>
      <c r="E64958" s="1" t="s">
        <v>216659</v>
      </c>
      <c r="F64958" s="1" t="s">
        <v>216660</v>
      </c>
      <c r="G64958" s="1" t="s">
        <v>216623</v>
      </c>
      <c r="H64958" s="1" t="s">
        <v>216624</v>
      </c>
      <c r="I64958" s="1" t="s">
        <v>216161</v>
      </c>
      <c r="J64958" s="1" t="s">
        <v>216661</v>
      </c>
    </row>
    <row r="64959" spans="1:10" x14ac:dyDescent="0.35">
      <c r="A64959" s="1" t="s">
        <v>44759</v>
      </c>
      <c r="B64959" s="1" t="s">
        <v>216156</v>
      </c>
      <c r="C64959" s="1" t="s">
        <v>75</v>
      </c>
      <c r="D64959" s="1" t="s">
        <v>8457</v>
      </c>
      <c r="E64959" s="1" t="s">
        <v>216662</v>
      </c>
      <c r="F64959" s="1" t="s">
        <v>216663</v>
      </c>
      <c r="G64959" s="1" t="s">
        <v>216623</v>
      </c>
      <c r="H64959" s="1" t="s">
        <v>216624</v>
      </c>
      <c r="I64959" s="1" t="s">
        <v>216161</v>
      </c>
      <c r="J64959" s="1" t="s">
        <v>216664</v>
      </c>
    </row>
    <row r="64960" spans="1:10" x14ac:dyDescent="0.35">
      <c r="A64960" s="1" t="s">
        <v>44759</v>
      </c>
      <c r="B64960" s="1" t="s">
        <v>216156</v>
      </c>
      <c r="C64960" s="1" t="s">
        <v>80</v>
      </c>
      <c r="D64960" s="1" t="s">
        <v>2252</v>
      </c>
      <c r="E64960" s="1" t="s">
        <v>216665</v>
      </c>
      <c r="F64960" s="1" t="s">
        <v>216666</v>
      </c>
      <c r="G64960" s="1" t="s">
        <v>216623</v>
      </c>
      <c r="H64960" s="1" t="s">
        <v>216624</v>
      </c>
      <c r="I64960" s="1" t="s">
        <v>216161</v>
      </c>
      <c r="J64960" s="1" t="s">
        <v>216667</v>
      </c>
    </row>
    <row r="64961" spans="1:10" x14ac:dyDescent="0.35">
      <c r="A64961" s="1" t="s">
        <v>44759</v>
      </c>
      <c r="B64961" s="1" t="s">
        <v>216156</v>
      </c>
      <c r="C64961" s="1" t="s">
        <v>85</v>
      </c>
      <c r="D64961" s="1" t="s">
        <v>1773</v>
      </c>
      <c r="E64961" s="1" t="s">
        <v>216668</v>
      </c>
      <c r="F64961" s="1" t="s">
        <v>216669</v>
      </c>
      <c r="G64961" s="1" t="s">
        <v>216623</v>
      </c>
      <c r="H64961" s="1" t="s">
        <v>216624</v>
      </c>
      <c r="I64961" s="1" t="s">
        <v>216161</v>
      </c>
      <c r="J64961" s="1" t="s">
        <v>216670</v>
      </c>
    </row>
    <row r="64962" spans="1:10" x14ac:dyDescent="0.35">
      <c r="A64962" s="1" t="s">
        <v>44759</v>
      </c>
      <c r="B64962" s="1" t="s">
        <v>216156</v>
      </c>
      <c r="C64962" s="1" t="s">
        <v>90</v>
      </c>
      <c r="D64962" s="1" t="s">
        <v>1122</v>
      </c>
      <c r="E64962" s="1" t="s">
        <v>216671</v>
      </c>
      <c r="F64962" s="1" t="s">
        <v>216672</v>
      </c>
      <c r="G64962" s="1" t="s">
        <v>216623</v>
      </c>
      <c r="H64962" s="1" t="s">
        <v>216624</v>
      </c>
      <c r="I64962" s="1" t="s">
        <v>216161</v>
      </c>
      <c r="J64962" s="1" t="s">
        <v>216673</v>
      </c>
    </row>
    <row r="64963" spans="1:10" x14ac:dyDescent="0.35">
      <c r="A64963" s="1" t="s">
        <v>44759</v>
      </c>
      <c r="B64963" s="1" t="s">
        <v>216156</v>
      </c>
      <c r="C64963" s="1" t="s">
        <v>95</v>
      </c>
      <c r="D64963" s="1" t="s">
        <v>103397</v>
      </c>
      <c r="E64963" s="1" t="s">
        <v>216674</v>
      </c>
      <c r="F64963" s="1" t="s">
        <v>216675</v>
      </c>
      <c r="G64963" s="1" t="s">
        <v>216623</v>
      </c>
      <c r="H64963" s="1" t="s">
        <v>216624</v>
      </c>
      <c r="I64963" s="1" t="s">
        <v>216161</v>
      </c>
      <c r="J64963" s="1" t="s">
        <v>216676</v>
      </c>
    </row>
    <row r="64964" spans="1:10" x14ac:dyDescent="0.35">
      <c r="A64964" s="1" t="s">
        <v>44759</v>
      </c>
      <c r="B64964" s="1" t="s">
        <v>216156</v>
      </c>
      <c r="C64964" s="1" t="s">
        <v>100</v>
      </c>
      <c r="D64964" s="1" t="s">
        <v>46685</v>
      </c>
      <c r="E64964" s="1" t="s">
        <v>216677</v>
      </c>
      <c r="F64964" s="1" t="s">
        <v>216678</v>
      </c>
      <c r="G64964" s="1" t="s">
        <v>216623</v>
      </c>
      <c r="H64964" s="1" t="s">
        <v>216624</v>
      </c>
      <c r="I64964" s="1" t="s">
        <v>216161</v>
      </c>
      <c r="J64964" s="1" t="s">
        <v>216679</v>
      </c>
    </row>
    <row r="64965" spans="1:10" x14ac:dyDescent="0.35">
      <c r="A64965" s="1" t="s">
        <v>44759</v>
      </c>
      <c r="B64965" s="1" t="s">
        <v>216156</v>
      </c>
      <c r="C64965" s="1" t="s">
        <v>105</v>
      </c>
      <c r="D64965" s="1" t="s">
        <v>6282</v>
      </c>
      <c r="E64965" s="1" t="s">
        <v>216680</v>
      </c>
      <c r="F64965" s="1" t="s">
        <v>216681</v>
      </c>
      <c r="G64965" s="1" t="s">
        <v>216623</v>
      </c>
      <c r="H64965" s="1" t="s">
        <v>216624</v>
      </c>
      <c r="I64965" s="1" t="s">
        <v>216161</v>
      </c>
      <c r="J64965" s="1" t="s">
        <v>116157</v>
      </c>
    </row>
    <row r="64966" spans="1:10" x14ac:dyDescent="0.35">
      <c r="A64966" s="1" t="s">
        <v>44759</v>
      </c>
      <c r="B64966" s="1" t="s">
        <v>216156</v>
      </c>
      <c r="C64966" s="1" t="s">
        <v>110</v>
      </c>
      <c r="D64966" s="1" t="s">
        <v>45952</v>
      </c>
      <c r="E64966" s="1" t="s">
        <v>216682</v>
      </c>
      <c r="F64966" s="1" t="s">
        <v>216683</v>
      </c>
      <c r="G64966" s="1" t="s">
        <v>216623</v>
      </c>
      <c r="H64966" s="1" t="s">
        <v>216624</v>
      </c>
      <c r="I64966" s="1" t="s">
        <v>216161</v>
      </c>
      <c r="J64966" s="1" t="s">
        <v>216684</v>
      </c>
    </row>
    <row r="64967" spans="1:10" x14ac:dyDescent="0.35">
      <c r="A64967" s="1" t="s">
        <v>44759</v>
      </c>
      <c r="B64967" s="1" t="s">
        <v>216156</v>
      </c>
      <c r="C64967" s="1" t="s">
        <v>115</v>
      </c>
      <c r="D64967" s="1" t="s">
        <v>8483</v>
      </c>
      <c r="E64967" s="1" t="s">
        <v>216685</v>
      </c>
      <c r="F64967" s="1" t="s">
        <v>216686</v>
      </c>
      <c r="G64967" s="1" t="s">
        <v>216623</v>
      </c>
      <c r="H64967" s="1" t="s">
        <v>216624</v>
      </c>
      <c r="I64967" s="1" t="s">
        <v>216161</v>
      </c>
      <c r="J64967" s="1" t="s">
        <v>216687</v>
      </c>
    </row>
    <row r="64968" spans="1:10" x14ac:dyDescent="0.35">
      <c r="A64968" s="1" t="s">
        <v>44759</v>
      </c>
      <c r="B64968" s="1" t="s">
        <v>216156</v>
      </c>
      <c r="C64968" s="1" t="s">
        <v>120</v>
      </c>
      <c r="D64968" s="1" t="s">
        <v>101706</v>
      </c>
      <c r="E64968" s="1" t="s">
        <v>216688</v>
      </c>
      <c r="F64968" s="1" t="s">
        <v>216689</v>
      </c>
      <c r="G64968" s="1" t="s">
        <v>216623</v>
      </c>
      <c r="H64968" s="1" t="s">
        <v>216624</v>
      </c>
      <c r="I64968" s="1" t="s">
        <v>216161</v>
      </c>
      <c r="J64968" s="1" t="s">
        <v>216690</v>
      </c>
    </row>
    <row r="64969" spans="1:10" x14ac:dyDescent="0.35">
      <c r="A64969" s="1" t="s">
        <v>44759</v>
      </c>
      <c r="B64969" s="1" t="s">
        <v>216156</v>
      </c>
      <c r="C64969" s="1" t="s">
        <v>125</v>
      </c>
      <c r="D64969" s="1" t="s">
        <v>27947</v>
      </c>
      <c r="E64969" s="1" t="s">
        <v>216691</v>
      </c>
      <c r="F64969" s="1" t="s">
        <v>216692</v>
      </c>
      <c r="G64969" s="1" t="s">
        <v>216623</v>
      </c>
      <c r="H64969" s="1" t="s">
        <v>216624</v>
      </c>
      <c r="I64969" s="1" t="s">
        <v>216161</v>
      </c>
      <c r="J64969" s="1" t="s">
        <v>216693</v>
      </c>
    </row>
    <row r="64970" spans="1:10" x14ac:dyDescent="0.35">
      <c r="A64970" s="1" t="s">
        <v>44759</v>
      </c>
      <c r="B64970" s="1" t="s">
        <v>216156</v>
      </c>
      <c r="C64970" s="1" t="s">
        <v>130</v>
      </c>
      <c r="D64970" s="1" t="s">
        <v>25968</v>
      </c>
      <c r="E64970" s="1" t="s">
        <v>216694</v>
      </c>
      <c r="F64970" s="1" t="s">
        <v>216695</v>
      </c>
      <c r="G64970" s="1" t="s">
        <v>216623</v>
      </c>
      <c r="H64970" s="1" t="s">
        <v>216624</v>
      </c>
      <c r="I64970" s="1" t="s">
        <v>216161</v>
      </c>
      <c r="J64970" s="1" t="s">
        <v>216696</v>
      </c>
    </row>
    <row r="64971" spans="1:10" x14ac:dyDescent="0.35">
      <c r="A64971" s="1" t="s">
        <v>44759</v>
      </c>
      <c r="B64971" s="1" t="s">
        <v>216156</v>
      </c>
      <c r="C64971" s="1" t="s">
        <v>135</v>
      </c>
      <c r="D64971" s="1" t="s">
        <v>25369</v>
      </c>
      <c r="E64971" s="1" t="s">
        <v>216697</v>
      </c>
      <c r="F64971" s="1" t="s">
        <v>216698</v>
      </c>
      <c r="G64971" s="1" t="s">
        <v>216623</v>
      </c>
      <c r="H64971" s="1" t="s">
        <v>216624</v>
      </c>
      <c r="I64971" s="1" t="s">
        <v>216161</v>
      </c>
      <c r="J64971" s="1" t="s">
        <v>216699</v>
      </c>
    </row>
    <row r="64972" spans="1:10" x14ac:dyDescent="0.35">
      <c r="A64972" s="1" t="s">
        <v>44759</v>
      </c>
      <c r="B64972" s="1" t="s">
        <v>216156</v>
      </c>
      <c r="C64972" s="1" t="s">
        <v>140</v>
      </c>
      <c r="D64972" s="1" t="s">
        <v>113421</v>
      </c>
      <c r="E64972" s="1" t="s">
        <v>216700</v>
      </c>
      <c r="F64972" s="1" t="s">
        <v>216701</v>
      </c>
      <c r="G64972" s="1" t="s">
        <v>216623</v>
      </c>
      <c r="H64972" s="1" t="s">
        <v>216624</v>
      </c>
      <c r="I64972" s="1" t="s">
        <v>216161</v>
      </c>
      <c r="J64972" s="1" t="s">
        <v>216702</v>
      </c>
    </row>
    <row r="64973" spans="1:10" x14ac:dyDescent="0.35">
      <c r="A64973" s="1" t="s">
        <v>44759</v>
      </c>
      <c r="B64973" s="1" t="s">
        <v>216156</v>
      </c>
      <c r="C64973" s="1" t="s">
        <v>145</v>
      </c>
      <c r="D64973" s="1" t="s">
        <v>108676</v>
      </c>
      <c r="E64973" s="1" t="s">
        <v>216703</v>
      </c>
      <c r="F64973" s="1" t="s">
        <v>216704</v>
      </c>
      <c r="G64973" s="1" t="s">
        <v>216623</v>
      </c>
      <c r="H64973" s="1" t="s">
        <v>216624</v>
      </c>
      <c r="I64973" s="1" t="s">
        <v>216161</v>
      </c>
      <c r="J64973" s="1" t="s">
        <v>216705</v>
      </c>
    </row>
    <row r="64974" spans="1:10" x14ac:dyDescent="0.35">
      <c r="A64974" s="1" t="s">
        <v>44759</v>
      </c>
      <c r="B64974" s="1" t="s">
        <v>216156</v>
      </c>
      <c r="C64974" s="1" t="s">
        <v>150</v>
      </c>
      <c r="D64974" s="1" t="s">
        <v>110274</v>
      </c>
      <c r="E64974" s="1" t="s">
        <v>216706</v>
      </c>
      <c r="F64974" s="1" t="s">
        <v>216707</v>
      </c>
      <c r="G64974" s="1" t="s">
        <v>216623</v>
      </c>
      <c r="H64974" s="1" t="s">
        <v>216624</v>
      </c>
      <c r="I64974" s="1" t="s">
        <v>216161</v>
      </c>
      <c r="J64974" s="1" t="s">
        <v>216708</v>
      </c>
    </row>
    <row r="64975" spans="1:10" x14ac:dyDescent="0.35">
      <c r="A64975" s="1" t="s">
        <v>44759</v>
      </c>
      <c r="B64975" s="1" t="s">
        <v>216156</v>
      </c>
      <c r="C64975" s="1" t="s">
        <v>155</v>
      </c>
      <c r="D64975" s="1" t="s">
        <v>113051</v>
      </c>
      <c r="E64975" s="1" t="s">
        <v>216709</v>
      </c>
      <c r="F64975" s="1" t="s">
        <v>216710</v>
      </c>
      <c r="G64975" s="1" t="s">
        <v>216623</v>
      </c>
      <c r="H64975" s="1" t="s">
        <v>216624</v>
      </c>
      <c r="I64975" s="1" t="s">
        <v>216161</v>
      </c>
      <c r="J64975" s="1" t="s">
        <v>216711</v>
      </c>
    </row>
    <row r="64976" spans="1:10" x14ac:dyDescent="0.35">
      <c r="A64976" s="1" t="s">
        <v>44759</v>
      </c>
      <c r="B64976" s="1" t="s">
        <v>216156</v>
      </c>
      <c r="C64976" s="1" t="s">
        <v>160</v>
      </c>
      <c r="D64976" s="1" t="s">
        <v>8487</v>
      </c>
      <c r="E64976" s="1" t="s">
        <v>216712</v>
      </c>
      <c r="F64976" s="1" t="s">
        <v>216713</v>
      </c>
      <c r="G64976" s="1" t="s">
        <v>216623</v>
      </c>
      <c r="H64976" s="1" t="s">
        <v>216624</v>
      </c>
      <c r="I64976" s="1" t="s">
        <v>216161</v>
      </c>
      <c r="J64976" s="1" t="s">
        <v>216714</v>
      </c>
    </row>
    <row r="64977" spans="1:10" x14ac:dyDescent="0.35">
      <c r="A64977" s="1" t="s">
        <v>44759</v>
      </c>
      <c r="B64977" s="1" t="s">
        <v>216156</v>
      </c>
      <c r="C64977" s="1" t="s">
        <v>165</v>
      </c>
      <c r="D64977" s="1" t="s">
        <v>112925</v>
      </c>
      <c r="E64977" s="1" t="s">
        <v>216715</v>
      </c>
      <c r="F64977" s="1" t="s">
        <v>216716</v>
      </c>
      <c r="G64977" s="1" t="s">
        <v>216623</v>
      </c>
      <c r="H64977" s="1" t="s">
        <v>216624</v>
      </c>
      <c r="I64977" s="1" t="s">
        <v>216161</v>
      </c>
      <c r="J64977" s="1" t="s">
        <v>216717</v>
      </c>
    </row>
    <row r="64978" spans="1:10" x14ac:dyDescent="0.35">
      <c r="A64978" s="1" t="s">
        <v>44759</v>
      </c>
      <c r="B64978" s="1" t="s">
        <v>216156</v>
      </c>
      <c r="C64978" s="1" t="s">
        <v>170</v>
      </c>
      <c r="D64978" s="1" t="s">
        <v>6198</v>
      </c>
      <c r="E64978" s="1" t="s">
        <v>216718</v>
      </c>
      <c r="F64978" s="1" t="s">
        <v>216719</v>
      </c>
      <c r="G64978" s="1" t="s">
        <v>216623</v>
      </c>
      <c r="H64978" s="1" t="s">
        <v>216624</v>
      </c>
      <c r="I64978" s="1" t="s">
        <v>216161</v>
      </c>
      <c r="J64978" s="1" t="s">
        <v>216720</v>
      </c>
    </row>
    <row r="64979" spans="1:10" x14ac:dyDescent="0.35">
      <c r="A64979" s="1" t="s">
        <v>27767</v>
      </c>
      <c r="B64979" s="1" t="s">
        <v>216156</v>
      </c>
      <c r="C64979" s="1" t="s">
        <v>8</v>
      </c>
      <c r="D64979" s="1" t="s">
        <v>51849</v>
      </c>
      <c r="E64979" s="1" t="s">
        <v>216721</v>
      </c>
      <c r="F64979" s="1" t="s">
        <v>216722</v>
      </c>
      <c r="G64979" s="1" t="s">
        <v>216723</v>
      </c>
      <c r="H64979" s="1" t="s">
        <v>216724</v>
      </c>
      <c r="I64979" s="1" t="s">
        <v>216161</v>
      </c>
      <c r="J64979" s="1" t="s">
        <v>13</v>
      </c>
    </row>
    <row r="64980" spans="1:10" x14ac:dyDescent="0.35">
      <c r="A64980" s="1" t="s">
        <v>27767</v>
      </c>
      <c r="B64980" s="1" t="s">
        <v>216156</v>
      </c>
      <c r="C64980" s="1" t="s">
        <v>15</v>
      </c>
      <c r="D64980" s="1" t="s">
        <v>51173</v>
      </c>
      <c r="E64980" s="1" t="s">
        <v>216725</v>
      </c>
      <c r="F64980" s="1" t="s">
        <v>216726</v>
      </c>
      <c r="G64980" s="1" t="s">
        <v>216723</v>
      </c>
      <c r="H64980" s="1" t="s">
        <v>216724</v>
      </c>
      <c r="I64980" s="1" t="s">
        <v>216161</v>
      </c>
      <c r="J64980" s="1" t="s">
        <v>216727</v>
      </c>
    </row>
    <row r="64981" spans="1:10" x14ac:dyDescent="0.35">
      <c r="A64981" s="1" t="s">
        <v>27767</v>
      </c>
      <c r="B64981" s="1" t="s">
        <v>216156</v>
      </c>
      <c r="C64981" s="1" t="s">
        <v>20</v>
      </c>
      <c r="D64981" s="1" t="s">
        <v>9194</v>
      </c>
      <c r="E64981" s="1" t="s">
        <v>216728</v>
      </c>
      <c r="F64981" s="1" t="s">
        <v>216729</v>
      </c>
      <c r="G64981" s="1" t="s">
        <v>216723</v>
      </c>
      <c r="H64981" s="1" t="s">
        <v>216724</v>
      </c>
      <c r="I64981" s="1" t="s">
        <v>216161</v>
      </c>
      <c r="J64981" s="1" t="s">
        <v>216730</v>
      </c>
    </row>
    <row r="64982" spans="1:10" x14ac:dyDescent="0.35">
      <c r="A64982" s="1" t="s">
        <v>27767</v>
      </c>
      <c r="B64982" s="1" t="s">
        <v>216156</v>
      </c>
      <c r="C64982" s="1" t="s">
        <v>25</v>
      </c>
      <c r="D64982" s="1" t="s">
        <v>149379</v>
      </c>
      <c r="E64982" s="1" t="s">
        <v>216731</v>
      </c>
      <c r="F64982" s="1" t="s">
        <v>216732</v>
      </c>
      <c r="G64982" s="1" t="s">
        <v>216723</v>
      </c>
      <c r="H64982" s="1" t="s">
        <v>216724</v>
      </c>
      <c r="I64982" s="1" t="s">
        <v>216161</v>
      </c>
      <c r="J64982" s="1" t="s">
        <v>216733</v>
      </c>
    </row>
    <row r="64983" spans="1:10" x14ac:dyDescent="0.35">
      <c r="A64983" s="1" t="s">
        <v>27767</v>
      </c>
      <c r="B64983" s="1" t="s">
        <v>216156</v>
      </c>
      <c r="C64983" s="1" t="s">
        <v>30</v>
      </c>
      <c r="D64983" s="1" t="s">
        <v>9186</v>
      </c>
      <c r="E64983" s="1" t="s">
        <v>216734</v>
      </c>
      <c r="F64983" s="1" t="s">
        <v>216735</v>
      </c>
      <c r="G64983" s="1" t="s">
        <v>216723</v>
      </c>
      <c r="H64983" s="1" t="s">
        <v>216724</v>
      </c>
      <c r="I64983" s="1" t="s">
        <v>216161</v>
      </c>
      <c r="J64983" s="1" t="s">
        <v>216736</v>
      </c>
    </row>
    <row r="64984" spans="1:10" x14ac:dyDescent="0.35">
      <c r="A64984" s="1" t="s">
        <v>27767</v>
      </c>
      <c r="B64984" s="1" t="s">
        <v>216156</v>
      </c>
      <c r="C64984" s="1" t="s">
        <v>35</v>
      </c>
      <c r="D64984" s="1" t="s">
        <v>51413</v>
      </c>
      <c r="E64984" s="1" t="s">
        <v>216737</v>
      </c>
      <c r="F64984" s="1" t="s">
        <v>216738</v>
      </c>
      <c r="G64984" s="1" t="s">
        <v>216723</v>
      </c>
      <c r="H64984" s="1" t="s">
        <v>216724</v>
      </c>
      <c r="I64984" s="1" t="s">
        <v>216161</v>
      </c>
      <c r="J64984" s="1" t="s">
        <v>216739</v>
      </c>
    </row>
    <row r="64985" spans="1:10" x14ac:dyDescent="0.35">
      <c r="A64985" s="1" t="s">
        <v>27767</v>
      </c>
      <c r="B64985" s="1" t="s">
        <v>216156</v>
      </c>
      <c r="C64985" s="1" t="s">
        <v>40</v>
      </c>
      <c r="D64985" s="1" t="s">
        <v>89148</v>
      </c>
      <c r="E64985" s="1" t="s">
        <v>216740</v>
      </c>
      <c r="F64985" s="1" t="s">
        <v>216741</v>
      </c>
      <c r="G64985" s="1" t="s">
        <v>216723</v>
      </c>
      <c r="H64985" s="1" t="s">
        <v>216724</v>
      </c>
      <c r="I64985" s="1" t="s">
        <v>216161</v>
      </c>
      <c r="J64985" s="1" t="s">
        <v>216742</v>
      </c>
    </row>
    <row r="64986" spans="1:10" x14ac:dyDescent="0.35">
      <c r="A64986" s="1" t="s">
        <v>27767</v>
      </c>
      <c r="B64986" s="1" t="s">
        <v>216156</v>
      </c>
      <c r="C64986" s="1" t="s">
        <v>45</v>
      </c>
      <c r="D64986" s="1" t="s">
        <v>1805</v>
      </c>
      <c r="E64986" s="1" t="s">
        <v>216743</v>
      </c>
      <c r="F64986" s="1" t="s">
        <v>216744</v>
      </c>
      <c r="G64986" s="1" t="s">
        <v>216723</v>
      </c>
      <c r="H64986" s="1" t="s">
        <v>216724</v>
      </c>
      <c r="I64986" s="1" t="s">
        <v>216161</v>
      </c>
      <c r="J64986" s="1" t="s">
        <v>216745</v>
      </c>
    </row>
    <row r="64987" spans="1:10" x14ac:dyDescent="0.35">
      <c r="A64987" s="1" t="s">
        <v>27767</v>
      </c>
      <c r="B64987" s="1" t="s">
        <v>216156</v>
      </c>
      <c r="C64987" s="1" t="s">
        <v>50</v>
      </c>
      <c r="D64987" s="1" t="s">
        <v>1908</v>
      </c>
      <c r="E64987" s="1" t="s">
        <v>216746</v>
      </c>
      <c r="F64987" s="1" t="s">
        <v>216747</v>
      </c>
      <c r="G64987" s="1" t="s">
        <v>216723</v>
      </c>
      <c r="H64987" s="1" t="s">
        <v>216724</v>
      </c>
      <c r="I64987" s="1" t="s">
        <v>216161</v>
      </c>
      <c r="J64987" s="1" t="s">
        <v>216748</v>
      </c>
    </row>
    <row r="64988" spans="1:10" x14ac:dyDescent="0.35">
      <c r="A64988" s="1" t="s">
        <v>27767</v>
      </c>
      <c r="B64988" s="1" t="s">
        <v>216156</v>
      </c>
      <c r="C64988" s="1" t="s">
        <v>55</v>
      </c>
      <c r="D64988" s="1" t="s">
        <v>1256</v>
      </c>
      <c r="E64988" s="1" t="s">
        <v>216749</v>
      </c>
      <c r="F64988" s="1" t="s">
        <v>216750</v>
      </c>
      <c r="G64988" s="1" t="s">
        <v>216723</v>
      </c>
      <c r="H64988" s="1" t="s">
        <v>216724</v>
      </c>
      <c r="I64988" s="1" t="s">
        <v>216161</v>
      </c>
      <c r="J64988" s="1" t="s">
        <v>216751</v>
      </c>
    </row>
    <row r="64989" spans="1:10" x14ac:dyDescent="0.35">
      <c r="A64989" s="1" t="s">
        <v>27767</v>
      </c>
      <c r="B64989" s="1" t="s">
        <v>216156</v>
      </c>
      <c r="C64989" s="1" t="s">
        <v>60</v>
      </c>
      <c r="D64989" s="1" t="s">
        <v>72852</v>
      </c>
      <c r="E64989" s="1" t="s">
        <v>216752</v>
      </c>
      <c r="F64989" s="1" t="s">
        <v>216753</v>
      </c>
      <c r="G64989" s="1" t="s">
        <v>216723</v>
      </c>
      <c r="H64989" s="1" t="s">
        <v>216724</v>
      </c>
      <c r="I64989" s="1" t="s">
        <v>216161</v>
      </c>
      <c r="J64989" s="1" t="s">
        <v>216754</v>
      </c>
    </row>
    <row r="64990" spans="1:10" x14ac:dyDescent="0.35">
      <c r="A64990" s="1" t="s">
        <v>27767</v>
      </c>
      <c r="B64990" s="1" t="s">
        <v>216156</v>
      </c>
      <c r="C64990" s="1" t="s">
        <v>65</v>
      </c>
      <c r="D64990" s="1" t="s">
        <v>216755</v>
      </c>
      <c r="E64990" s="1" t="s">
        <v>216756</v>
      </c>
      <c r="F64990" s="1" t="s">
        <v>216757</v>
      </c>
      <c r="G64990" s="1" t="s">
        <v>216723</v>
      </c>
      <c r="H64990" s="1" t="s">
        <v>216724</v>
      </c>
      <c r="I64990" s="1" t="s">
        <v>216161</v>
      </c>
      <c r="J64990" s="1" t="s">
        <v>216758</v>
      </c>
    </row>
    <row r="64991" spans="1:10" x14ac:dyDescent="0.35">
      <c r="A64991" s="1" t="s">
        <v>27767</v>
      </c>
      <c r="B64991" s="1" t="s">
        <v>216156</v>
      </c>
      <c r="C64991" s="1" t="s">
        <v>70</v>
      </c>
      <c r="D64991" s="1" t="s">
        <v>118122</v>
      </c>
      <c r="E64991" s="1" t="s">
        <v>216759</v>
      </c>
      <c r="F64991" s="1" t="s">
        <v>216760</v>
      </c>
      <c r="G64991" s="1" t="s">
        <v>216723</v>
      </c>
      <c r="H64991" s="1" t="s">
        <v>216724</v>
      </c>
      <c r="I64991" s="1" t="s">
        <v>216161</v>
      </c>
      <c r="J64991" s="1" t="s">
        <v>216761</v>
      </c>
    </row>
    <row r="64992" spans="1:10" x14ac:dyDescent="0.35">
      <c r="A64992" s="1" t="s">
        <v>27767</v>
      </c>
      <c r="B64992" s="1" t="s">
        <v>216156</v>
      </c>
      <c r="C64992" s="1" t="s">
        <v>75</v>
      </c>
      <c r="D64992" s="1" t="s">
        <v>47185</v>
      </c>
      <c r="E64992" s="1" t="s">
        <v>216762</v>
      </c>
      <c r="F64992" s="1" t="s">
        <v>216763</v>
      </c>
      <c r="G64992" s="1" t="s">
        <v>216723</v>
      </c>
      <c r="H64992" s="1" t="s">
        <v>216724</v>
      </c>
      <c r="I64992" s="1" t="s">
        <v>216161</v>
      </c>
      <c r="J64992" s="1" t="s">
        <v>216764</v>
      </c>
    </row>
    <row r="64993" spans="1:10" x14ac:dyDescent="0.35">
      <c r="A64993" s="1" t="s">
        <v>27767</v>
      </c>
      <c r="B64993" s="1" t="s">
        <v>216156</v>
      </c>
      <c r="C64993" s="1" t="s">
        <v>80</v>
      </c>
      <c r="D64993" s="1" t="s">
        <v>12966</v>
      </c>
      <c r="E64993" s="1" t="s">
        <v>216765</v>
      </c>
      <c r="F64993" s="1" t="s">
        <v>216766</v>
      </c>
      <c r="G64993" s="1" t="s">
        <v>216723</v>
      </c>
      <c r="H64993" s="1" t="s">
        <v>216724</v>
      </c>
      <c r="I64993" s="1" t="s">
        <v>216161</v>
      </c>
      <c r="J64993" s="1" t="s">
        <v>47191</v>
      </c>
    </row>
    <row r="64994" spans="1:10" x14ac:dyDescent="0.35">
      <c r="A64994" s="1" t="s">
        <v>27767</v>
      </c>
      <c r="B64994" s="1" t="s">
        <v>216156</v>
      </c>
      <c r="C64994" s="1" t="s">
        <v>85</v>
      </c>
      <c r="D64994" s="1" t="s">
        <v>3888</v>
      </c>
      <c r="E64994" s="1" t="s">
        <v>216767</v>
      </c>
      <c r="F64994" s="1" t="s">
        <v>216768</v>
      </c>
      <c r="G64994" s="1" t="s">
        <v>216723</v>
      </c>
      <c r="H64994" s="1" t="s">
        <v>216724</v>
      </c>
      <c r="I64994" s="1" t="s">
        <v>216161</v>
      </c>
      <c r="J64994" s="1" t="s">
        <v>216769</v>
      </c>
    </row>
    <row r="64995" spans="1:10" x14ac:dyDescent="0.35">
      <c r="A64995" s="1" t="s">
        <v>27767</v>
      </c>
      <c r="B64995" s="1" t="s">
        <v>216156</v>
      </c>
      <c r="C64995" s="1" t="s">
        <v>90</v>
      </c>
      <c r="D64995" s="1" t="s">
        <v>5508</v>
      </c>
      <c r="E64995" s="1" t="s">
        <v>216770</v>
      </c>
      <c r="F64995" s="1" t="s">
        <v>216771</v>
      </c>
      <c r="G64995" s="1" t="s">
        <v>216723</v>
      </c>
      <c r="H64995" s="1" t="s">
        <v>216724</v>
      </c>
      <c r="I64995" s="1" t="s">
        <v>216161</v>
      </c>
      <c r="J64995" s="1" t="s">
        <v>216772</v>
      </c>
    </row>
    <row r="64996" spans="1:10" x14ac:dyDescent="0.35">
      <c r="A64996" s="1" t="s">
        <v>27767</v>
      </c>
      <c r="B64996" s="1" t="s">
        <v>216156</v>
      </c>
      <c r="C64996" s="1" t="s">
        <v>95</v>
      </c>
      <c r="D64996" s="1" t="s">
        <v>174490</v>
      </c>
      <c r="E64996" s="1" t="s">
        <v>216773</v>
      </c>
      <c r="F64996" s="1" t="s">
        <v>216774</v>
      </c>
      <c r="G64996" s="1" t="s">
        <v>216723</v>
      </c>
      <c r="H64996" s="1" t="s">
        <v>216724</v>
      </c>
      <c r="I64996" s="1" t="s">
        <v>216161</v>
      </c>
      <c r="J64996" s="1" t="s">
        <v>216775</v>
      </c>
    </row>
    <row r="64997" spans="1:10" x14ac:dyDescent="0.35">
      <c r="A64997" s="1" t="s">
        <v>27767</v>
      </c>
      <c r="B64997" s="1" t="s">
        <v>216156</v>
      </c>
      <c r="C64997" s="1" t="s">
        <v>100</v>
      </c>
      <c r="D64997" s="1" t="s">
        <v>144572</v>
      </c>
      <c r="E64997" s="1" t="s">
        <v>216776</v>
      </c>
      <c r="F64997" s="1" t="s">
        <v>216777</v>
      </c>
      <c r="G64997" s="1" t="s">
        <v>216723</v>
      </c>
      <c r="H64997" s="1" t="s">
        <v>216724</v>
      </c>
      <c r="I64997" s="1" t="s">
        <v>216161</v>
      </c>
      <c r="J64997" s="1" t="s">
        <v>216778</v>
      </c>
    </row>
    <row r="64998" spans="1:10" x14ac:dyDescent="0.35">
      <c r="A64998" s="1" t="s">
        <v>27767</v>
      </c>
      <c r="B64998" s="1" t="s">
        <v>216156</v>
      </c>
      <c r="C64998" s="1" t="s">
        <v>105</v>
      </c>
      <c r="D64998" s="1" t="s">
        <v>109578</v>
      </c>
      <c r="E64998" s="1" t="s">
        <v>216779</v>
      </c>
      <c r="F64998" s="1" t="s">
        <v>216780</v>
      </c>
      <c r="G64998" s="1" t="s">
        <v>216723</v>
      </c>
      <c r="H64998" s="1" t="s">
        <v>216724</v>
      </c>
      <c r="I64998" s="1" t="s">
        <v>216161</v>
      </c>
      <c r="J64998" s="1" t="s">
        <v>216781</v>
      </c>
    </row>
    <row r="64999" spans="1:10" x14ac:dyDescent="0.35">
      <c r="A64999" s="1" t="s">
        <v>27767</v>
      </c>
      <c r="B64999" s="1" t="s">
        <v>216156</v>
      </c>
      <c r="C64999" s="1" t="s">
        <v>110</v>
      </c>
      <c r="D64999" s="1" t="s">
        <v>10292</v>
      </c>
      <c r="E64999" s="1" t="s">
        <v>216782</v>
      </c>
      <c r="F64999" s="1" t="s">
        <v>216783</v>
      </c>
      <c r="G64999" s="1" t="s">
        <v>216723</v>
      </c>
      <c r="H64999" s="1" t="s">
        <v>216724</v>
      </c>
      <c r="I64999" s="1" t="s">
        <v>216161</v>
      </c>
      <c r="J64999" s="1" t="s">
        <v>216784</v>
      </c>
    </row>
    <row r="65000" spans="1:10" x14ac:dyDescent="0.35">
      <c r="A65000" s="1" t="s">
        <v>27767</v>
      </c>
      <c r="B65000" s="1" t="s">
        <v>216156</v>
      </c>
      <c r="C65000" s="1" t="s">
        <v>115</v>
      </c>
      <c r="D65000" s="1" t="s">
        <v>30024</v>
      </c>
      <c r="E65000" s="1" t="s">
        <v>216785</v>
      </c>
      <c r="F65000" s="1" t="s">
        <v>216786</v>
      </c>
      <c r="G65000" s="1" t="s">
        <v>216723</v>
      </c>
      <c r="H65000" s="1" t="s">
        <v>216724</v>
      </c>
      <c r="I65000" s="1" t="s">
        <v>216161</v>
      </c>
      <c r="J65000" s="1" t="s">
        <v>216787</v>
      </c>
    </row>
    <row r="65001" spans="1:10" x14ac:dyDescent="0.35">
      <c r="A65001" s="1" t="s">
        <v>27767</v>
      </c>
      <c r="B65001" s="1" t="s">
        <v>216156</v>
      </c>
      <c r="C65001" s="1" t="s">
        <v>120</v>
      </c>
      <c r="D65001" s="1" t="s">
        <v>8702</v>
      </c>
      <c r="E65001" s="1" t="s">
        <v>216788</v>
      </c>
      <c r="F65001" s="1" t="s">
        <v>216789</v>
      </c>
      <c r="G65001" s="1" t="s">
        <v>216723</v>
      </c>
      <c r="H65001" s="1" t="s">
        <v>216724</v>
      </c>
      <c r="I65001" s="1" t="s">
        <v>216161</v>
      </c>
      <c r="J65001" s="1" t="s">
        <v>216790</v>
      </c>
    </row>
    <row r="65002" spans="1:10" x14ac:dyDescent="0.35">
      <c r="A65002" s="1" t="s">
        <v>27767</v>
      </c>
      <c r="B65002" s="1" t="s">
        <v>216156</v>
      </c>
      <c r="C65002" s="1" t="s">
        <v>125</v>
      </c>
      <c r="D65002" s="1" t="s">
        <v>2051</v>
      </c>
      <c r="E65002" s="1" t="s">
        <v>216791</v>
      </c>
      <c r="F65002" s="1" t="s">
        <v>216792</v>
      </c>
      <c r="G65002" s="1" t="s">
        <v>216723</v>
      </c>
      <c r="H65002" s="1" t="s">
        <v>216724</v>
      </c>
      <c r="I65002" s="1" t="s">
        <v>216161</v>
      </c>
      <c r="J65002" s="1" t="s">
        <v>216793</v>
      </c>
    </row>
    <row r="65003" spans="1:10" x14ac:dyDescent="0.35">
      <c r="A65003" s="1" t="s">
        <v>27767</v>
      </c>
      <c r="B65003" s="1" t="s">
        <v>216156</v>
      </c>
      <c r="C65003" s="1" t="s">
        <v>130</v>
      </c>
      <c r="D65003" s="1" t="s">
        <v>111461</v>
      </c>
      <c r="E65003" s="1" t="s">
        <v>216794</v>
      </c>
      <c r="F65003" s="1" t="s">
        <v>216795</v>
      </c>
      <c r="G65003" s="1" t="s">
        <v>216723</v>
      </c>
      <c r="H65003" s="1" t="s">
        <v>216724</v>
      </c>
      <c r="I65003" s="1" t="s">
        <v>216161</v>
      </c>
      <c r="J65003" s="1" t="s">
        <v>216796</v>
      </c>
    </row>
    <row r="65004" spans="1:10" x14ac:dyDescent="0.35">
      <c r="A65004" s="1" t="s">
        <v>27767</v>
      </c>
      <c r="B65004" s="1" t="s">
        <v>216156</v>
      </c>
      <c r="C65004" s="1" t="s">
        <v>135</v>
      </c>
      <c r="D65004" s="1" t="s">
        <v>10302</v>
      </c>
      <c r="E65004" s="1" t="s">
        <v>216797</v>
      </c>
      <c r="F65004" s="1" t="s">
        <v>216798</v>
      </c>
      <c r="G65004" s="1" t="s">
        <v>216723</v>
      </c>
      <c r="H65004" s="1" t="s">
        <v>216724</v>
      </c>
      <c r="I65004" s="1" t="s">
        <v>216161</v>
      </c>
      <c r="J65004" s="1" t="s">
        <v>216799</v>
      </c>
    </row>
    <row r="65005" spans="1:10" x14ac:dyDescent="0.35">
      <c r="A65005" s="1" t="s">
        <v>27767</v>
      </c>
      <c r="B65005" s="1" t="s">
        <v>216156</v>
      </c>
      <c r="C65005" s="1" t="s">
        <v>140</v>
      </c>
      <c r="D65005" s="1" t="s">
        <v>157921</v>
      </c>
      <c r="E65005" s="1" t="s">
        <v>216800</v>
      </c>
      <c r="F65005" s="1" t="s">
        <v>216801</v>
      </c>
      <c r="G65005" s="1" t="s">
        <v>216723</v>
      </c>
      <c r="H65005" s="1" t="s">
        <v>216724</v>
      </c>
      <c r="I65005" s="1" t="s">
        <v>216161</v>
      </c>
      <c r="J65005" s="1" t="s">
        <v>216802</v>
      </c>
    </row>
    <row r="65006" spans="1:10" x14ac:dyDescent="0.35">
      <c r="A65006" s="1" t="s">
        <v>27767</v>
      </c>
      <c r="B65006" s="1" t="s">
        <v>216156</v>
      </c>
      <c r="C65006" s="1" t="s">
        <v>145</v>
      </c>
      <c r="D65006" s="1" t="s">
        <v>4701</v>
      </c>
      <c r="E65006" s="1" t="s">
        <v>216803</v>
      </c>
      <c r="F65006" s="1" t="s">
        <v>216804</v>
      </c>
      <c r="G65006" s="1" t="s">
        <v>216723</v>
      </c>
      <c r="H65006" s="1" t="s">
        <v>216724</v>
      </c>
      <c r="I65006" s="1" t="s">
        <v>216161</v>
      </c>
      <c r="J65006" s="1" t="s">
        <v>216805</v>
      </c>
    </row>
    <row r="65007" spans="1:10" x14ac:dyDescent="0.35">
      <c r="A65007" s="1" t="s">
        <v>27767</v>
      </c>
      <c r="B65007" s="1" t="s">
        <v>216156</v>
      </c>
      <c r="C65007" s="1" t="s">
        <v>150</v>
      </c>
      <c r="D65007" s="1" t="s">
        <v>7560</v>
      </c>
      <c r="E65007" s="1" t="s">
        <v>216806</v>
      </c>
      <c r="F65007" s="1" t="s">
        <v>216807</v>
      </c>
      <c r="G65007" s="1" t="s">
        <v>216723</v>
      </c>
      <c r="H65007" s="1" t="s">
        <v>216724</v>
      </c>
      <c r="I65007" s="1" t="s">
        <v>216161</v>
      </c>
      <c r="J65007" s="1" t="s">
        <v>216808</v>
      </c>
    </row>
    <row r="65008" spans="1:10" x14ac:dyDescent="0.35">
      <c r="A65008" s="1" t="s">
        <v>27767</v>
      </c>
      <c r="B65008" s="1" t="s">
        <v>216156</v>
      </c>
      <c r="C65008" s="1" t="s">
        <v>155</v>
      </c>
      <c r="D65008" s="1" t="s">
        <v>118025</v>
      </c>
      <c r="E65008" s="1" t="s">
        <v>216809</v>
      </c>
      <c r="F65008" s="1" t="s">
        <v>216810</v>
      </c>
      <c r="G65008" s="1" t="s">
        <v>216723</v>
      </c>
      <c r="H65008" s="1" t="s">
        <v>216724</v>
      </c>
      <c r="I65008" s="1" t="s">
        <v>216161</v>
      </c>
      <c r="J65008" s="1" t="s">
        <v>216811</v>
      </c>
    </row>
    <row r="65009" spans="1:10" x14ac:dyDescent="0.35">
      <c r="A65009" s="1" t="s">
        <v>27767</v>
      </c>
      <c r="B65009" s="1" t="s">
        <v>216156</v>
      </c>
      <c r="C65009" s="1" t="s">
        <v>160</v>
      </c>
      <c r="D65009" s="1" t="s">
        <v>29344</v>
      </c>
      <c r="E65009" s="1" t="s">
        <v>216812</v>
      </c>
      <c r="F65009" s="1" t="s">
        <v>216813</v>
      </c>
      <c r="G65009" s="1" t="s">
        <v>216723</v>
      </c>
      <c r="H65009" s="1" t="s">
        <v>216724</v>
      </c>
      <c r="I65009" s="1" t="s">
        <v>216161</v>
      </c>
      <c r="J65009" s="1" t="s">
        <v>216814</v>
      </c>
    </row>
    <row r="65010" spans="1:10" x14ac:dyDescent="0.35">
      <c r="A65010" s="1" t="s">
        <v>27767</v>
      </c>
      <c r="B65010" s="1" t="s">
        <v>216156</v>
      </c>
      <c r="C65010" s="1" t="s">
        <v>165</v>
      </c>
      <c r="D65010" s="1" t="s">
        <v>10952</v>
      </c>
      <c r="E65010" s="1" t="s">
        <v>216815</v>
      </c>
      <c r="F65010" s="1" t="s">
        <v>216816</v>
      </c>
      <c r="G65010" s="1" t="s">
        <v>216723</v>
      </c>
      <c r="H65010" s="1" t="s">
        <v>216724</v>
      </c>
      <c r="I65010" s="1" t="s">
        <v>216161</v>
      </c>
      <c r="J65010" s="1" t="s">
        <v>216817</v>
      </c>
    </row>
    <row r="65011" spans="1:10" x14ac:dyDescent="0.35">
      <c r="A65011" s="1" t="s">
        <v>27767</v>
      </c>
      <c r="B65011" s="1" t="s">
        <v>216156</v>
      </c>
      <c r="C65011" s="1" t="s">
        <v>170</v>
      </c>
      <c r="D65011" s="1" t="s">
        <v>10130</v>
      </c>
      <c r="E65011" s="1" t="s">
        <v>216818</v>
      </c>
      <c r="F65011" s="1" t="s">
        <v>216819</v>
      </c>
      <c r="G65011" s="1" t="s">
        <v>216723</v>
      </c>
      <c r="H65011" s="1" t="s">
        <v>216724</v>
      </c>
      <c r="I65011" s="1" t="s">
        <v>216161</v>
      </c>
      <c r="J65011" s="1" t="s">
        <v>216820</v>
      </c>
    </row>
    <row r="65012" spans="1:10" x14ac:dyDescent="0.35">
      <c r="A65012" s="1" t="s">
        <v>206525</v>
      </c>
      <c r="B65012" s="1" t="s">
        <v>216156</v>
      </c>
      <c r="C65012" s="1" t="s">
        <v>8</v>
      </c>
      <c r="D65012" s="1" t="s">
        <v>1316</v>
      </c>
      <c r="E65012" s="1" t="s">
        <v>216821</v>
      </c>
      <c r="F65012" s="1" t="s">
        <v>216822</v>
      </c>
      <c r="G65012" s="1" t="s">
        <v>216823</v>
      </c>
      <c r="H65012" s="1" t="s">
        <v>216824</v>
      </c>
      <c r="I65012" s="1" t="s">
        <v>216161</v>
      </c>
      <c r="J65012" s="1" t="s">
        <v>13</v>
      </c>
    </row>
    <row r="65013" spans="1:10" x14ac:dyDescent="0.35">
      <c r="A65013" s="1" t="s">
        <v>206525</v>
      </c>
      <c r="B65013" s="1" t="s">
        <v>216156</v>
      </c>
      <c r="C65013" s="1" t="s">
        <v>15</v>
      </c>
      <c r="D65013" s="1" t="s">
        <v>1304</v>
      </c>
      <c r="E65013" s="1" t="s">
        <v>216825</v>
      </c>
      <c r="F65013" s="1" t="s">
        <v>216826</v>
      </c>
      <c r="G65013" s="1" t="s">
        <v>216823</v>
      </c>
      <c r="H65013" s="1" t="s">
        <v>216824</v>
      </c>
      <c r="I65013" s="1" t="s">
        <v>216161</v>
      </c>
      <c r="J65013" s="1" t="s">
        <v>216827</v>
      </c>
    </row>
    <row r="65014" spans="1:10" x14ac:dyDescent="0.35">
      <c r="A65014" s="1" t="s">
        <v>206525</v>
      </c>
      <c r="B65014" s="1" t="s">
        <v>216156</v>
      </c>
      <c r="C65014" s="1" t="s">
        <v>20</v>
      </c>
      <c r="D65014" s="1" t="s">
        <v>66159</v>
      </c>
      <c r="E65014" s="1" t="s">
        <v>216828</v>
      </c>
      <c r="F65014" s="1" t="s">
        <v>216829</v>
      </c>
      <c r="G65014" s="1" t="s">
        <v>216823</v>
      </c>
      <c r="H65014" s="1" t="s">
        <v>216824</v>
      </c>
      <c r="I65014" s="1" t="s">
        <v>216161</v>
      </c>
      <c r="J65014" s="1" t="s">
        <v>6096</v>
      </c>
    </row>
    <row r="65015" spans="1:10" x14ac:dyDescent="0.35">
      <c r="A65015" s="1" t="s">
        <v>206525</v>
      </c>
      <c r="B65015" s="1" t="s">
        <v>216156</v>
      </c>
      <c r="C65015" s="1" t="s">
        <v>25</v>
      </c>
      <c r="D65015" s="1" t="s">
        <v>25943</v>
      </c>
      <c r="E65015" s="1" t="s">
        <v>216830</v>
      </c>
      <c r="F65015" s="1" t="s">
        <v>216831</v>
      </c>
      <c r="G65015" s="1" t="s">
        <v>216823</v>
      </c>
      <c r="H65015" s="1" t="s">
        <v>216824</v>
      </c>
      <c r="I65015" s="1" t="s">
        <v>216161</v>
      </c>
      <c r="J65015" s="1" t="s">
        <v>216832</v>
      </c>
    </row>
    <row r="65016" spans="1:10" x14ac:dyDescent="0.35">
      <c r="A65016" s="1" t="s">
        <v>206525</v>
      </c>
      <c r="B65016" s="1" t="s">
        <v>216156</v>
      </c>
      <c r="C65016" s="1" t="s">
        <v>30</v>
      </c>
      <c r="D65016" s="1" t="s">
        <v>13782</v>
      </c>
      <c r="E65016" s="1" t="s">
        <v>216833</v>
      </c>
      <c r="F65016" s="1" t="s">
        <v>216834</v>
      </c>
      <c r="G65016" s="1" t="s">
        <v>216823</v>
      </c>
      <c r="H65016" s="1" t="s">
        <v>216824</v>
      </c>
      <c r="I65016" s="1" t="s">
        <v>216161</v>
      </c>
      <c r="J65016" s="1" t="s">
        <v>216835</v>
      </c>
    </row>
    <row r="65017" spans="1:10" x14ac:dyDescent="0.35">
      <c r="A65017" s="1" t="s">
        <v>206525</v>
      </c>
      <c r="B65017" s="1" t="s">
        <v>216156</v>
      </c>
      <c r="C65017" s="1" t="s">
        <v>35</v>
      </c>
      <c r="D65017" s="1" t="s">
        <v>216836</v>
      </c>
      <c r="E65017" s="1" t="s">
        <v>216837</v>
      </c>
      <c r="F65017" s="1" t="s">
        <v>216838</v>
      </c>
      <c r="G65017" s="1" t="s">
        <v>216823</v>
      </c>
      <c r="H65017" s="1" t="s">
        <v>216824</v>
      </c>
      <c r="I65017" s="1" t="s">
        <v>216161</v>
      </c>
      <c r="J65017" s="1" t="s">
        <v>216839</v>
      </c>
    </row>
    <row r="65018" spans="1:10" x14ac:dyDescent="0.35">
      <c r="A65018" s="1" t="s">
        <v>206525</v>
      </c>
      <c r="B65018" s="1" t="s">
        <v>216156</v>
      </c>
      <c r="C65018" s="1" t="s">
        <v>40</v>
      </c>
      <c r="D65018" s="1" t="s">
        <v>3222</v>
      </c>
      <c r="E65018" s="1" t="s">
        <v>216840</v>
      </c>
      <c r="F65018" s="1" t="s">
        <v>216841</v>
      </c>
      <c r="G65018" s="1" t="s">
        <v>216823</v>
      </c>
      <c r="H65018" s="1" t="s">
        <v>216824</v>
      </c>
      <c r="I65018" s="1" t="s">
        <v>216161</v>
      </c>
      <c r="J65018" s="1" t="s">
        <v>216842</v>
      </c>
    </row>
    <row r="65019" spans="1:10" x14ac:dyDescent="0.35">
      <c r="A65019" s="1" t="s">
        <v>206525</v>
      </c>
      <c r="B65019" s="1" t="s">
        <v>216156</v>
      </c>
      <c r="C65019" s="1" t="s">
        <v>45</v>
      </c>
      <c r="D65019" s="1" t="s">
        <v>76076</v>
      </c>
      <c r="E65019" s="1" t="s">
        <v>216843</v>
      </c>
      <c r="F65019" s="1" t="s">
        <v>216844</v>
      </c>
      <c r="G65019" s="1" t="s">
        <v>216823</v>
      </c>
      <c r="H65019" s="1" t="s">
        <v>216824</v>
      </c>
      <c r="I65019" s="1" t="s">
        <v>216161</v>
      </c>
      <c r="J65019" s="1" t="s">
        <v>216845</v>
      </c>
    </row>
    <row r="65020" spans="1:10" x14ac:dyDescent="0.35">
      <c r="A65020" s="1" t="s">
        <v>206525</v>
      </c>
      <c r="B65020" s="1" t="s">
        <v>216156</v>
      </c>
      <c r="C65020" s="1" t="s">
        <v>50</v>
      </c>
      <c r="D65020" s="1" t="s">
        <v>1801</v>
      </c>
      <c r="E65020" s="1" t="s">
        <v>216846</v>
      </c>
      <c r="F65020" s="1" t="s">
        <v>216847</v>
      </c>
      <c r="G65020" s="1" t="s">
        <v>216823</v>
      </c>
      <c r="H65020" s="1" t="s">
        <v>216824</v>
      </c>
      <c r="I65020" s="1" t="s">
        <v>216161</v>
      </c>
      <c r="J65020" s="1" t="s">
        <v>216848</v>
      </c>
    </row>
    <row r="65021" spans="1:10" x14ac:dyDescent="0.35">
      <c r="A65021" s="1" t="s">
        <v>206525</v>
      </c>
      <c r="B65021" s="1" t="s">
        <v>216156</v>
      </c>
      <c r="C65021" s="1" t="s">
        <v>55</v>
      </c>
      <c r="D65021" s="1" t="s">
        <v>9826</v>
      </c>
      <c r="E65021" s="1" t="s">
        <v>216849</v>
      </c>
      <c r="F65021" s="1" t="s">
        <v>216850</v>
      </c>
      <c r="G65021" s="1" t="s">
        <v>216823</v>
      </c>
      <c r="H65021" s="1" t="s">
        <v>216824</v>
      </c>
      <c r="I65021" s="1" t="s">
        <v>216161</v>
      </c>
      <c r="J65021" s="1" t="s">
        <v>216851</v>
      </c>
    </row>
    <row r="65022" spans="1:10" x14ac:dyDescent="0.35">
      <c r="A65022" s="1" t="s">
        <v>206525</v>
      </c>
      <c r="B65022" s="1" t="s">
        <v>216156</v>
      </c>
      <c r="C65022" s="1" t="s">
        <v>60</v>
      </c>
      <c r="D65022" s="1" t="s">
        <v>9830</v>
      </c>
      <c r="E65022" s="1" t="s">
        <v>216852</v>
      </c>
      <c r="F65022" s="1" t="s">
        <v>216853</v>
      </c>
      <c r="G65022" s="1" t="s">
        <v>216823</v>
      </c>
      <c r="H65022" s="1" t="s">
        <v>216824</v>
      </c>
      <c r="I65022" s="1" t="s">
        <v>216161</v>
      </c>
      <c r="J65022" s="1" t="s">
        <v>9833</v>
      </c>
    </row>
    <row r="65023" spans="1:10" x14ac:dyDescent="0.35">
      <c r="A65023" s="1" t="s">
        <v>206525</v>
      </c>
      <c r="B65023" s="1" t="s">
        <v>216156</v>
      </c>
      <c r="C65023" s="1" t="s">
        <v>65</v>
      </c>
      <c r="D65023" s="1" t="s">
        <v>9190</v>
      </c>
      <c r="E65023" s="1" t="s">
        <v>216854</v>
      </c>
      <c r="F65023" s="1" t="s">
        <v>216855</v>
      </c>
      <c r="G65023" s="1" t="s">
        <v>216823</v>
      </c>
      <c r="H65023" s="1" t="s">
        <v>216824</v>
      </c>
      <c r="I65023" s="1" t="s">
        <v>216161</v>
      </c>
      <c r="J65023" s="1" t="s">
        <v>216856</v>
      </c>
    </row>
    <row r="65024" spans="1:10" x14ac:dyDescent="0.35">
      <c r="A65024" s="1" t="s">
        <v>206525</v>
      </c>
      <c r="B65024" s="1" t="s">
        <v>216156</v>
      </c>
      <c r="C65024" s="1" t="s">
        <v>70</v>
      </c>
      <c r="D65024" s="1" t="s">
        <v>216857</v>
      </c>
      <c r="E65024" s="1" t="s">
        <v>216858</v>
      </c>
      <c r="F65024" s="1" t="s">
        <v>216859</v>
      </c>
      <c r="G65024" s="1" t="s">
        <v>216823</v>
      </c>
      <c r="H65024" s="1" t="s">
        <v>216824</v>
      </c>
      <c r="I65024" s="1" t="s">
        <v>216161</v>
      </c>
      <c r="J65024" s="1" t="s">
        <v>216860</v>
      </c>
    </row>
    <row r="65025" spans="1:10" x14ac:dyDescent="0.35">
      <c r="A65025" s="1" t="s">
        <v>206525</v>
      </c>
      <c r="B65025" s="1" t="s">
        <v>216156</v>
      </c>
      <c r="C65025" s="1" t="s">
        <v>75</v>
      </c>
      <c r="D65025" s="1" t="s">
        <v>6097</v>
      </c>
      <c r="E65025" s="1" t="s">
        <v>216861</v>
      </c>
      <c r="F65025" s="1" t="s">
        <v>216862</v>
      </c>
      <c r="G65025" s="1" t="s">
        <v>216823</v>
      </c>
      <c r="H65025" s="1" t="s">
        <v>216824</v>
      </c>
      <c r="I65025" s="1" t="s">
        <v>216161</v>
      </c>
      <c r="J65025" s="1" t="s">
        <v>216863</v>
      </c>
    </row>
    <row r="65026" spans="1:10" x14ac:dyDescent="0.35">
      <c r="A65026" s="1" t="s">
        <v>206525</v>
      </c>
      <c r="B65026" s="1" t="s">
        <v>216156</v>
      </c>
      <c r="C65026" s="1" t="s">
        <v>80</v>
      </c>
      <c r="D65026" s="1" t="s">
        <v>47291</v>
      </c>
      <c r="E65026" s="1" t="s">
        <v>216864</v>
      </c>
      <c r="F65026" s="1" t="s">
        <v>216865</v>
      </c>
      <c r="G65026" s="1" t="s">
        <v>216823</v>
      </c>
      <c r="H65026" s="1" t="s">
        <v>216824</v>
      </c>
      <c r="I65026" s="1" t="s">
        <v>216161</v>
      </c>
      <c r="J65026" s="1" t="s">
        <v>216866</v>
      </c>
    </row>
    <row r="65027" spans="1:10" x14ac:dyDescent="0.35">
      <c r="A65027" s="1" t="s">
        <v>206525</v>
      </c>
      <c r="B65027" s="1" t="s">
        <v>216156</v>
      </c>
      <c r="C65027" s="1" t="s">
        <v>85</v>
      </c>
      <c r="D65027" s="1" t="s">
        <v>13848</v>
      </c>
      <c r="E65027" s="1" t="s">
        <v>216867</v>
      </c>
      <c r="F65027" s="1" t="s">
        <v>216868</v>
      </c>
      <c r="G65027" s="1" t="s">
        <v>216823</v>
      </c>
      <c r="H65027" s="1" t="s">
        <v>216824</v>
      </c>
      <c r="I65027" s="1" t="s">
        <v>216161</v>
      </c>
      <c r="J65027" s="1" t="s">
        <v>120002</v>
      </c>
    </row>
    <row r="65028" spans="1:10" x14ac:dyDescent="0.35">
      <c r="A65028" s="1" t="s">
        <v>206525</v>
      </c>
      <c r="B65028" s="1" t="s">
        <v>216156</v>
      </c>
      <c r="C65028" s="1" t="s">
        <v>90</v>
      </c>
      <c r="D65028" s="1" t="s">
        <v>6163</v>
      </c>
      <c r="E65028" s="1" t="s">
        <v>216869</v>
      </c>
      <c r="F65028" s="1" t="s">
        <v>216870</v>
      </c>
      <c r="G65028" s="1" t="s">
        <v>216823</v>
      </c>
      <c r="H65028" s="1" t="s">
        <v>216824</v>
      </c>
      <c r="I65028" s="1" t="s">
        <v>216161</v>
      </c>
      <c r="J65028" s="1" t="s">
        <v>216871</v>
      </c>
    </row>
    <row r="65029" spans="1:10" x14ac:dyDescent="0.35">
      <c r="A65029" s="1" t="s">
        <v>206525</v>
      </c>
      <c r="B65029" s="1" t="s">
        <v>216156</v>
      </c>
      <c r="C65029" s="1" t="s">
        <v>95</v>
      </c>
      <c r="D65029" s="1" t="s">
        <v>6139</v>
      </c>
      <c r="E65029" s="1" t="s">
        <v>216872</v>
      </c>
      <c r="F65029" s="1" t="s">
        <v>216873</v>
      </c>
      <c r="G65029" s="1" t="s">
        <v>216823</v>
      </c>
      <c r="H65029" s="1" t="s">
        <v>216824</v>
      </c>
      <c r="I65029" s="1" t="s">
        <v>216161</v>
      </c>
      <c r="J65029" s="1" t="s">
        <v>216874</v>
      </c>
    </row>
    <row r="65030" spans="1:10" x14ac:dyDescent="0.35">
      <c r="A65030" s="1" t="s">
        <v>206525</v>
      </c>
      <c r="B65030" s="1" t="s">
        <v>216156</v>
      </c>
      <c r="C65030" s="1" t="s">
        <v>100</v>
      </c>
      <c r="D65030" s="1" t="s">
        <v>216875</v>
      </c>
      <c r="E65030" s="1" t="s">
        <v>216876</v>
      </c>
      <c r="F65030" s="1" t="s">
        <v>216877</v>
      </c>
      <c r="G65030" s="1" t="s">
        <v>216823</v>
      </c>
      <c r="H65030" s="1" t="s">
        <v>216824</v>
      </c>
      <c r="I65030" s="1" t="s">
        <v>216161</v>
      </c>
      <c r="J65030" s="1" t="s">
        <v>216878</v>
      </c>
    </row>
    <row r="65031" spans="1:10" x14ac:dyDescent="0.35">
      <c r="A65031" s="1" t="s">
        <v>206525</v>
      </c>
      <c r="B65031" s="1" t="s">
        <v>216156</v>
      </c>
      <c r="C65031" s="1" t="s">
        <v>105</v>
      </c>
      <c r="D65031" s="1" t="s">
        <v>2160</v>
      </c>
      <c r="E65031" s="1" t="s">
        <v>216879</v>
      </c>
      <c r="F65031" s="1" t="s">
        <v>216880</v>
      </c>
      <c r="G65031" s="1" t="s">
        <v>216823</v>
      </c>
      <c r="H65031" s="1" t="s">
        <v>216824</v>
      </c>
      <c r="I65031" s="1" t="s">
        <v>216161</v>
      </c>
      <c r="J65031" s="1" t="s">
        <v>216881</v>
      </c>
    </row>
    <row r="65032" spans="1:10" x14ac:dyDescent="0.35">
      <c r="A65032" s="1" t="s">
        <v>206525</v>
      </c>
      <c r="B65032" s="1" t="s">
        <v>216156</v>
      </c>
      <c r="C65032" s="1" t="s">
        <v>110</v>
      </c>
      <c r="D65032" s="1" t="s">
        <v>4500</v>
      </c>
      <c r="E65032" s="1" t="s">
        <v>216882</v>
      </c>
      <c r="F65032" s="1" t="s">
        <v>216883</v>
      </c>
      <c r="G65032" s="1" t="s">
        <v>216823</v>
      </c>
      <c r="H65032" s="1" t="s">
        <v>216824</v>
      </c>
      <c r="I65032" s="1" t="s">
        <v>216161</v>
      </c>
      <c r="J65032" s="1" t="s">
        <v>216884</v>
      </c>
    </row>
    <row r="65033" spans="1:10" x14ac:dyDescent="0.35">
      <c r="A65033" s="1" t="s">
        <v>206525</v>
      </c>
      <c r="B65033" s="1" t="s">
        <v>216156</v>
      </c>
      <c r="C65033" s="1" t="s">
        <v>115</v>
      </c>
      <c r="D65033" s="1" t="s">
        <v>144632</v>
      </c>
      <c r="E65033" s="1" t="s">
        <v>216885</v>
      </c>
      <c r="F65033" s="1" t="s">
        <v>216886</v>
      </c>
      <c r="G65033" s="1" t="s">
        <v>216823</v>
      </c>
      <c r="H65033" s="1" t="s">
        <v>216824</v>
      </c>
      <c r="I65033" s="1" t="s">
        <v>216161</v>
      </c>
      <c r="J65033" s="1" t="s">
        <v>216887</v>
      </c>
    </row>
    <row r="65034" spans="1:10" x14ac:dyDescent="0.35">
      <c r="A65034" s="1" t="s">
        <v>206525</v>
      </c>
      <c r="B65034" s="1" t="s">
        <v>216156</v>
      </c>
      <c r="C65034" s="1" t="s">
        <v>120</v>
      </c>
      <c r="D65034" s="1" t="s">
        <v>90</v>
      </c>
      <c r="E65034" s="1" t="s">
        <v>216888</v>
      </c>
      <c r="F65034" s="1" t="s">
        <v>216889</v>
      </c>
      <c r="G65034" s="1" t="s">
        <v>216823</v>
      </c>
      <c r="H65034" s="1" t="s">
        <v>216824</v>
      </c>
      <c r="I65034" s="1" t="s">
        <v>216161</v>
      </c>
      <c r="J65034" s="1" t="s">
        <v>216890</v>
      </c>
    </row>
    <row r="65035" spans="1:10" x14ac:dyDescent="0.35">
      <c r="A65035" s="1" t="s">
        <v>206525</v>
      </c>
      <c r="B65035" s="1" t="s">
        <v>216156</v>
      </c>
      <c r="C65035" s="1" t="s">
        <v>125</v>
      </c>
      <c r="D65035" s="1" t="s">
        <v>10080</v>
      </c>
      <c r="E65035" s="1" t="s">
        <v>216891</v>
      </c>
      <c r="F65035" s="1" t="s">
        <v>216892</v>
      </c>
      <c r="G65035" s="1" t="s">
        <v>216823</v>
      </c>
      <c r="H65035" s="1" t="s">
        <v>216824</v>
      </c>
      <c r="I65035" s="1" t="s">
        <v>216161</v>
      </c>
      <c r="J65035" s="1" t="s">
        <v>8119</v>
      </c>
    </row>
    <row r="65036" spans="1:10" x14ac:dyDescent="0.35">
      <c r="A65036" s="1" t="s">
        <v>206525</v>
      </c>
      <c r="B65036" s="1" t="s">
        <v>216156</v>
      </c>
      <c r="C65036" s="1" t="s">
        <v>130</v>
      </c>
      <c r="D65036" s="1" t="s">
        <v>146061</v>
      </c>
      <c r="E65036" s="1" t="s">
        <v>216893</v>
      </c>
      <c r="F65036" s="1" t="s">
        <v>216894</v>
      </c>
      <c r="G65036" s="1" t="s">
        <v>216823</v>
      </c>
      <c r="H65036" s="1" t="s">
        <v>216824</v>
      </c>
      <c r="I65036" s="1" t="s">
        <v>216161</v>
      </c>
      <c r="J65036" s="1" t="s">
        <v>12282</v>
      </c>
    </row>
    <row r="65037" spans="1:10" x14ac:dyDescent="0.35">
      <c r="A65037" s="1" t="s">
        <v>206525</v>
      </c>
      <c r="B65037" s="1" t="s">
        <v>216156</v>
      </c>
      <c r="C65037" s="1" t="s">
        <v>135</v>
      </c>
      <c r="D65037" s="1" t="s">
        <v>29557</v>
      </c>
      <c r="E65037" s="1" t="s">
        <v>216895</v>
      </c>
      <c r="F65037" s="1" t="s">
        <v>216896</v>
      </c>
      <c r="G65037" s="1" t="s">
        <v>216823</v>
      </c>
      <c r="H65037" s="1" t="s">
        <v>216824</v>
      </c>
      <c r="I65037" s="1" t="s">
        <v>216161</v>
      </c>
      <c r="J65037" s="1" t="s">
        <v>216897</v>
      </c>
    </row>
    <row r="65038" spans="1:10" x14ac:dyDescent="0.35">
      <c r="A65038" s="1" t="s">
        <v>206525</v>
      </c>
      <c r="B65038" s="1" t="s">
        <v>216156</v>
      </c>
      <c r="C65038" s="1" t="s">
        <v>140</v>
      </c>
      <c r="D65038" s="1" t="s">
        <v>1560</v>
      </c>
      <c r="E65038" s="1" t="s">
        <v>216898</v>
      </c>
      <c r="F65038" s="1" t="s">
        <v>216899</v>
      </c>
      <c r="G65038" s="1" t="s">
        <v>216823</v>
      </c>
      <c r="H65038" s="1" t="s">
        <v>216824</v>
      </c>
      <c r="I65038" s="1" t="s">
        <v>216161</v>
      </c>
      <c r="J65038" s="1" t="s">
        <v>216900</v>
      </c>
    </row>
    <row r="65039" spans="1:10" x14ac:dyDescent="0.35">
      <c r="A65039" s="1" t="s">
        <v>206525</v>
      </c>
      <c r="B65039" s="1" t="s">
        <v>216156</v>
      </c>
      <c r="C65039" s="1" t="s">
        <v>145</v>
      </c>
      <c r="D65039" s="1" t="s">
        <v>10106</v>
      </c>
      <c r="E65039" s="1" t="s">
        <v>216901</v>
      </c>
      <c r="F65039" s="1" t="s">
        <v>216902</v>
      </c>
      <c r="G65039" s="1" t="s">
        <v>216823</v>
      </c>
      <c r="H65039" s="1" t="s">
        <v>216824</v>
      </c>
      <c r="I65039" s="1" t="s">
        <v>216161</v>
      </c>
      <c r="J65039" s="1" t="s">
        <v>216903</v>
      </c>
    </row>
    <row r="65040" spans="1:10" x14ac:dyDescent="0.35">
      <c r="A65040" s="1" t="s">
        <v>206525</v>
      </c>
      <c r="B65040" s="1" t="s">
        <v>216156</v>
      </c>
      <c r="C65040" s="1" t="s">
        <v>150</v>
      </c>
      <c r="D65040" s="1" t="s">
        <v>216904</v>
      </c>
      <c r="E65040" s="1" t="s">
        <v>216905</v>
      </c>
      <c r="F65040" s="1" t="s">
        <v>216906</v>
      </c>
      <c r="G65040" s="1" t="s">
        <v>216823</v>
      </c>
      <c r="H65040" s="1" t="s">
        <v>216824</v>
      </c>
      <c r="I65040" s="1" t="s">
        <v>216161</v>
      </c>
      <c r="J65040" s="1" t="s">
        <v>216907</v>
      </c>
    </row>
    <row r="65041" spans="1:10" x14ac:dyDescent="0.35">
      <c r="A65041" s="1" t="s">
        <v>206525</v>
      </c>
      <c r="B65041" s="1" t="s">
        <v>216156</v>
      </c>
      <c r="C65041" s="1" t="s">
        <v>155</v>
      </c>
      <c r="D65041" s="1" t="s">
        <v>4404</v>
      </c>
      <c r="E65041" s="1" t="s">
        <v>216908</v>
      </c>
      <c r="F65041" s="1" t="s">
        <v>216909</v>
      </c>
      <c r="G65041" s="1" t="s">
        <v>216823</v>
      </c>
      <c r="H65041" s="1" t="s">
        <v>216824</v>
      </c>
      <c r="I65041" s="1" t="s">
        <v>216161</v>
      </c>
      <c r="J65041" s="1" t="s">
        <v>216910</v>
      </c>
    </row>
    <row r="65042" spans="1:10" x14ac:dyDescent="0.35">
      <c r="A65042" s="1" t="s">
        <v>206525</v>
      </c>
      <c r="B65042" s="1" t="s">
        <v>216156</v>
      </c>
      <c r="C65042" s="1" t="s">
        <v>160</v>
      </c>
      <c r="D65042" s="1" t="s">
        <v>8321</v>
      </c>
      <c r="E65042" s="1" t="s">
        <v>216911</v>
      </c>
      <c r="F65042" s="1" t="s">
        <v>216912</v>
      </c>
      <c r="G65042" s="1" t="s">
        <v>216823</v>
      </c>
      <c r="H65042" s="1" t="s">
        <v>216824</v>
      </c>
      <c r="I65042" s="1" t="s">
        <v>216161</v>
      </c>
      <c r="J65042" s="1" t="s">
        <v>216913</v>
      </c>
    </row>
    <row r="65043" spans="1:10" x14ac:dyDescent="0.35">
      <c r="A65043" s="1" t="s">
        <v>206525</v>
      </c>
      <c r="B65043" s="1" t="s">
        <v>216156</v>
      </c>
      <c r="C65043" s="1" t="s">
        <v>165</v>
      </c>
      <c r="D65043" s="1" t="s">
        <v>28432</v>
      </c>
      <c r="E65043" s="1" t="s">
        <v>216914</v>
      </c>
      <c r="F65043" s="1" t="s">
        <v>216915</v>
      </c>
      <c r="G65043" s="1" t="s">
        <v>216823</v>
      </c>
      <c r="H65043" s="1" t="s">
        <v>216824</v>
      </c>
      <c r="I65043" s="1" t="s">
        <v>216161</v>
      </c>
      <c r="J65043" s="1" t="s">
        <v>216916</v>
      </c>
    </row>
    <row r="65044" spans="1:10" x14ac:dyDescent="0.35">
      <c r="A65044" s="1" t="s">
        <v>206525</v>
      </c>
      <c r="B65044" s="1" t="s">
        <v>216156</v>
      </c>
      <c r="C65044" s="1" t="s">
        <v>170</v>
      </c>
      <c r="D65044" s="1" t="s">
        <v>1639</v>
      </c>
      <c r="E65044" s="1" t="s">
        <v>216917</v>
      </c>
      <c r="F65044" s="1" t="s">
        <v>216918</v>
      </c>
      <c r="G65044" s="1" t="s">
        <v>216823</v>
      </c>
      <c r="H65044" s="1" t="s">
        <v>216824</v>
      </c>
      <c r="I65044" s="1" t="s">
        <v>216161</v>
      </c>
      <c r="J65044" s="1" t="s">
        <v>51958</v>
      </c>
    </row>
    <row r="65045" spans="1:10" x14ac:dyDescent="0.35">
      <c r="A65045" s="1" t="s">
        <v>171444</v>
      </c>
      <c r="B65045" s="1" t="s">
        <v>216156</v>
      </c>
      <c r="C65045" s="1" t="s">
        <v>8</v>
      </c>
      <c r="D65045" s="1" t="s">
        <v>1821</v>
      </c>
      <c r="E65045" s="1" t="s">
        <v>216919</v>
      </c>
      <c r="F65045" s="1" t="s">
        <v>216920</v>
      </c>
      <c r="G65045" s="1" t="s">
        <v>216921</v>
      </c>
      <c r="H65045" s="1" t="s">
        <v>216922</v>
      </c>
      <c r="I65045" s="1" t="s">
        <v>216161</v>
      </c>
      <c r="J65045" s="1" t="s">
        <v>13</v>
      </c>
    </row>
    <row r="65046" spans="1:10" x14ac:dyDescent="0.35">
      <c r="A65046" s="1" t="s">
        <v>171444</v>
      </c>
      <c r="B65046" s="1" t="s">
        <v>216156</v>
      </c>
      <c r="C65046" s="1" t="s">
        <v>15</v>
      </c>
      <c r="D65046" s="1" t="s">
        <v>46799</v>
      </c>
      <c r="E65046" s="1" t="s">
        <v>216923</v>
      </c>
      <c r="F65046" s="1" t="s">
        <v>216924</v>
      </c>
      <c r="G65046" s="1" t="s">
        <v>216921</v>
      </c>
      <c r="H65046" s="1" t="s">
        <v>216922</v>
      </c>
      <c r="I65046" s="1" t="s">
        <v>216161</v>
      </c>
      <c r="J65046" s="1" t="s">
        <v>216925</v>
      </c>
    </row>
    <row r="65047" spans="1:10" x14ac:dyDescent="0.35">
      <c r="A65047" s="1" t="s">
        <v>171444</v>
      </c>
      <c r="B65047" s="1" t="s">
        <v>216156</v>
      </c>
      <c r="C65047" s="1" t="s">
        <v>20</v>
      </c>
      <c r="D65047" s="1" t="s">
        <v>2245</v>
      </c>
      <c r="E65047" s="1" t="s">
        <v>216926</v>
      </c>
      <c r="F65047" s="1" t="s">
        <v>216927</v>
      </c>
      <c r="G65047" s="1" t="s">
        <v>216921</v>
      </c>
      <c r="H65047" s="1" t="s">
        <v>216922</v>
      </c>
      <c r="I65047" s="1" t="s">
        <v>216161</v>
      </c>
      <c r="J65047" s="1" t="s">
        <v>216928</v>
      </c>
    </row>
    <row r="65048" spans="1:10" x14ac:dyDescent="0.35">
      <c r="A65048" s="1" t="s">
        <v>171444</v>
      </c>
      <c r="B65048" s="1" t="s">
        <v>216156</v>
      </c>
      <c r="C65048" s="1" t="s">
        <v>25</v>
      </c>
      <c r="D65048" s="1" t="s">
        <v>72852</v>
      </c>
      <c r="E65048" s="1" t="s">
        <v>216929</v>
      </c>
      <c r="F65048" s="1" t="s">
        <v>216930</v>
      </c>
      <c r="G65048" s="1" t="s">
        <v>216921</v>
      </c>
      <c r="H65048" s="1" t="s">
        <v>216922</v>
      </c>
      <c r="I65048" s="1" t="s">
        <v>216161</v>
      </c>
      <c r="J65048" s="1" t="s">
        <v>216931</v>
      </c>
    </row>
    <row r="65049" spans="1:10" x14ac:dyDescent="0.35">
      <c r="A65049" s="1" t="s">
        <v>171444</v>
      </c>
      <c r="B65049" s="1" t="s">
        <v>216156</v>
      </c>
      <c r="C65049" s="1" t="s">
        <v>30</v>
      </c>
      <c r="D65049" s="1" t="s">
        <v>6221</v>
      </c>
      <c r="E65049" s="1" t="s">
        <v>216932</v>
      </c>
      <c r="F65049" s="1" t="s">
        <v>216933</v>
      </c>
      <c r="G65049" s="1" t="s">
        <v>216921</v>
      </c>
      <c r="H65049" s="1" t="s">
        <v>216922</v>
      </c>
      <c r="I65049" s="1" t="s">
        <v>216161</v>
      </c>
      <c r="J65049" s="1" t="s">
        <v>216934</v>
      </c>
    </row>
    <row r="65050" spans="1:10" x14ac:dyDescent="0.35">
      <c r="A65050" s="1" t="s">
        <v>171444</v>
      </c>
      <c r="B65050" s="1" t="s">
        <v>216156</v>
      </c>
      <c r="C65050" s="1" t="s">
        <v>35</v>
      </c>
      <c r="D65050" s="1" t="s">
        <v>7260</v>
      </c>
      <c r="E65050" s="1" t="s">
        <v>216935</v>
      </c>
      <c r="F65050" s="1" t="s">
        <v>216936</v>
      </c>
      <c r="G65050" s="1" t="s">
        <v>216921</v>
      </c>
      <c r="H65050" s="1" t="s">
        <v>216922</v>
      </c>
      <c r="I65050" s="1" t="s">
        <v>216161</v>
      </c>
      <c r="J65050" s="1" t="s">
        <v>216937</v>
      </c>
    </row>
    <row r="65051" spans="1:10" x14ac:dyDescent="0.35">
      <c r="A65051" s="1" t="s">
        <v>171444</v>
      </c>
      <c r="B65051" s="1" t="s">
        <v>216156</v>
      </c>
      <c r="C65051" s="1" t="s">
        <v>40</v>
      </c>
      <c r="D65051" s="1" t="s">
        <v>6217</v>
      </c>
      <c r="E65051" s="1" t="s">
        <v>216938</v>
      </c>
      <c r="F65051" s="1" t="s">
        <v>216939</v>
      </c>
      <c r="G65051" s="1" t="s">
        <v>216921</v>
      </c>
      <c r="H65051" s="1" t="s">
        <v>216922</v>
      </c>
      <c r="I65051" s="1" t="s">
        <v>216161</v>
      </c>
      <c r="J65051" s="1" t="s">
        <v>216940</v>
      </c>
    </row>
    <row r="65052" spans="1:10" x14ac:dyDescent="0.35">
      <c r="A65052" s="1" t="s">
        <v>171444</v>
      </c>
      <c r="B65052" s="1" t="s">
        <v>216156</v>
      </c>
      <c r="C65052" s="1" t="s">
        <v>45</v>
      </c>
      <c r="D65052" s="1" t="s">
        <v>7237</v>
      </c>
      <c r="E65052" s="1" t="s">
        <v>216941</v>
      </c>
      <c r="F65052" s="1" t="s">
        <v>216942</v>
      </c>
      <c r="G65052" s="1" t="s">
        <v>216921</v>
      </c>
      <c r="H65052" s="1" t="s">
        <v>216922</v>
      </c>
      <c r="I65052" s="1" t="s">
        <v>216161</v>
      </c>
      <c r="J65052" s="1" t="s">
        <v>216943</v>
      </c>
    </row>
    <row r="65053" spans="1:10" x14ac:dyDescent="0.35">
      <c r="A65053" s="1" t="s">
        <v>171444</v>
      </c>
      <c r="B65053" s="1" t="s">
        <v>216156</v>
      </c>
      <c r="C65053" s="1" t="s">
        <v>50</v>
      </c>
      <c r="D65053" s="1" t="s">
        <v>6263</v>
      </c>
      <c r="E65053" s="1" t="s">
        <v>216944</v>
      </c>
      <c r="F65053" s="1" t="s">
        <v>216945</v>
      </c>
      <c r="G65053" s="1" t="s">
        <v>216921</v>
      </c>
      <c r="H65053" s="1" t="s">
        <v>216922</v>
      </c>
      <c r="I65053" s="1" t="s">
        <v>216161</v>
      </c>
      <c r="J65053" s="1" t="s">
        <v>216946</v>
      </c>
    </row>
    <row r="65054" spans="1:10" x14ac:dyDescent="0.35">
      <c r="A65054" s="1" t="s">
        <v>171444</v>
      </c>
      <c r="B65054" s="1" t="s">
        <v>216156</v>
      </c>
      <c r="C65054" s="1" t="s">
        <v>55</v>
      </c>
      <c r="D65054" s="1" t="s">
        <v>96949</v>
      </c>
      <c r="E65054" s="1" t="s">
        <v>216947</v>
      </c>
      <c r="F65054" s="1" t="s">
        <v>216948</v>
      </c>
      <c r="G65054" s="1" t="s">
        <v>216921</v>
      </c>
      <c r="H65054" s="1" t="s">
        <v>216922</v>
      </c>
      <c r="I65054" s="1" t="s">
        <v>216161</v>
      </c>
      <c r="J65054" s="1" t="s">
        <v>216949</v>
      </c>
    </row>
    <row r="65055" spans="1:10" x14ac:dyDescent="0.35">
      <c r="A65055" s="1" t="s">
        <v>171444</v>
      </c>
      <c r="B65055" s="1" t="s">
        <v>216156</v>
      </c>
      <c r="C65055" s="1" t="s">
        <v>60</v>
      </c>
      <c r="D65055" s="1" t="s">
        <v>1240</v>
      </c>
      <c r="E65055" s="1" t="s">
        <v>216950</v>
      </c>
      <c r="F65055" s="1" t="s">
        <v>216951</v>
      </c>
      <c r="G65055" s="1" t="s">
        <v>216921</v>
      </c>
      <c r="H65055" s="1" t="s">
        <v>216922</v>
      </c>
      <c r="I65055" s="1" t="s">
        <v>216161</v>
      </c>
      <c r="J65055" s="1" t="s">
        <v>216952</v>
      </c>
    </row>
    <row r="65056" spans="1:10" x14ac:dyDescent="0.35">
      <c r="A65056" s="1" t="s">
        <v>171444</v>
      </c>
      <c r="B65056" s="1" t="s">
        <v>216156</v>
      </c>
      <c r="C65056" s="1" t="s">
        <v>65</v>
      </c>
      <c r="D65056" s="1" t="s">
        <v>45343</v>
      </c>
      <c r="E65056" s="1" t="s">
        <v>216953</v>
      </c>
      <c r="F65056" s="1" t="s">
        <v>216954</v>
      </c>
      <c r="G65056" s="1" t="s">
        <v>216921</v>
      </c>
      <c r="H65056" s="1" t="s">
        <v>216922</v>
      </c>
      <c r="I65056" s="1" t="s">
        <v>216161</v>
      </c>
      <c r="J65056" s="1" t="s">
        <v>216955</v>
      </c>
    </row>
    <row r="65057" spans="1:10" x14ac:dyDescent="0.35">
      <c r="A65057" s="1" t="s">
        <v>171444</v>
      </c>
      <c r="B65057" s="1" t="s">
        <v>216156</v>
      </c>
      <c r="C65057" s="1" t="s">
        <v>70</v>
      </c>
      <c r="D65057" s="1" t="s">
        <v>8422</v>
      </c>
      <c r="E65057" s="1" t="s">
        <v>216956</v>
      </c>
      <c r="F65057" s="1" t="s">
        <v>216957</v>
      </c>
      <c r="G65057" s="1" t="s">
        <v>216921</v>
      </c>
      <c r="H65057" s="1" t="s">
        <v>216922</v>
      </c>
      <c r="I65057" s="1" t="s">
        <v>216161</v>
      </c>
      <c r="J65057" s="1" t="s">
        <v>216958</v>
      </c>
    </row>
    <row r="65058" spans="1:10" x14ac:dyDescent="0.35">
      <c r="A65058" s="1" t="s">
        <v>171444</v>
      </c>
      <c r="B65058" s="1" t="s">
        <v>216156</v>
      </c>
      <c r="C65058" s="1" t="s">
        <v>75</v>
      </c>
      <c r="D65058" s="1" t="s">
        <v>4492</v>
      </c>
      <c r="E65058" s="1" t="s">
        <v>216959</v>
      </c>
      <c r="F65058" s="1" t="s">
        <v>216960</v>
      </c>
      <c r="G65058" s="1" t="s">
        <v>216921</v>
      </c>
      <c r="H65058" s="1" t="s">
        <v>216922</v>
      </c>
      <c r="I65058" s="1" t="s">
        <v>216161</v>
      </c>
      <c r="J65058" s="1" t="s">
        <v>216961</v>
      </c>
    </row>
    <row r="65059" spans="1:10" x14ac:dyDescent="0.35">
      <c r="A65059" s="1" t="s">
        <v>171444</v>
      </c>
      <c r="B65059" s="1" t="s">
        <v>216156</v>
      </c>
      <c r="C65059" s="1" t="s">
        <v>80</v>
      </c>
      <c r="D65059" s="1" t="s">
        <v>28498</v>
      </c>
      <c r="E65059" s="1" t="s">
        <v>216962</v>
      </c>
      <c r="F65059" s="1" t="s">
        <v>216963</v>
      </c>
      <c r="G65059" s="1" t="s">
        <v>216921</v>
      </c>
      <c r="H65059" s="1" t="s">
        <v>216922</v>
      </c>
      <c r="I65059" s="1" t="s">
        <v>216161</v>
      </c>
      <c r="J65059" s="1" t="s">
        <v>216964</v>
      </c>
    </row>
    <row r="65060" spans="1:10" x14ac:dyDescent="0.35">
      <c r="A65060" s="1" t="s">
        <v>171444</v>
      </c>
      <c r="B65060" s="1" t="s">
        <v>216156</v>
      </c>
      <c r="C65060" s="1" t="s">
        <v>85</v>
      </c>
      <c r="D65060" s="1" t="s">
        <v>1181</v>
      </c>
      <c r="E65060" s="1" t="s">
        <v>216965</v>
      </c>
      <c r="F65060" s="1" t="s">
        <v>216966</v>
      </c>
      <c r="G65060" s="1" t="s">
        <v>216921</v>
      </c>
      <c r="H65060" s="1" t="s">
        <v>216922</v>
      </c>
      <c r="I65060" s="1" t="s">
        <v>216161</v>
      </c>
      <c r="J65060" s="1" t="s">
        <v>216967</v>
      </c>
    </row>
    <row r="65061" spans="1:10" x14ac:dyDescent="0.35">
      <c r="A65061" s="1" t="s">
        <v>171444</v>
      </c>
      <c r="B65061" s="1" t="s">
        <v>216156</v>
      </c>
      <c r="C65061" s="1" t="s">
        <v>90</v>
      </c>
      <c r="D65061" s="1" t="s">
        <v>216188</v>
      </c>
      <c r="E65061" s="1" t="s">
        <v>216968</v>
      </c>
      <c r="F65061" s="1" t="s">
        <v>216969</v>
      </c>
      <c r="G65061" s="1" t="s">
        <v>216921</v>
      </c>
      <c r="H65061" s="1" t="s">
        <v>216922</v>
      </c>
      <c r="I65061" s="1" t="s">
        <v>216161</v>
      </c>
      <c r="J65061" s="1" t="s">
        <v>216970</v>
      </c>
    </row>
    <row r="65062" spans="1:10" x14ac:dyDescent="0.35">
      <c r="A65062" s="1" t="s">
        <v>171444</v>
      </c>
      <c r="B65062" s="1" t="s">
        <v>216156</v>
      </c>
      <c r="C65062" s="1" t="s">
        <v>95</v>
      </c>
      <c r="D65062" s="1" t="s">
        <v>6089</v>
      </c>
      <c r="E65062" s="1" t="s">
        <v>216971</v>
      </c>
      <c r="F65062" s="1" t="s">
        <v>216972</v>
      </c>
      <c r="G65062" s="1" t="s">
        <v>216921</v>
      </c>
      <c r="H65062" s="1" t="s">
        <v>216922</v>
      </c>
      <c r="I65062" s="1" t="s">
        <v>216161</v>
      </c>
      <c r="J65062" s="1" t="s">
        <v>216973</v>
      </c>
    </row>
    <row r="65063" spans="1:10" x14ac:dyDescent="0.35">
      <c r="A65063" s="1" t="s">
        <v>171444</v>
      </c>
      <c r="B65063" s="1" t="s">
        <v>216156</v>
      </c>
      <c r="C65063" s="1" t="s">
        <v>100</v>
      </c>
      <c r="D65063" s="1" t="s">
        <v>6151</v>
      </c>
      <c r="E65063" s="1" t="s">
        <v>216974</v>
      </c>
      <c r="F65063" s="1" t="s">
        <v>216975</v>
      </c>
      <c r="G65063" s="1" t="s">
        <v>216921</v>
      </c>
      <c r="H65063" s="1" t="s">
        <v>216922</v>
      </c>
      <c r="I65063" s="1" t="s">
        <v>216161</v>
      </c>
      <c r="J65063" s="1" t="s">
        <v>216976</v>
      </c>
    </row>
    <row r="65064" spans="1:10" x14ac:dyDescent="0.35">
      <c r="A65064" s="1" t="s">
        <v>171444</v>
      </c>
      <c r="B65064" s="1" t="s">
        <v>216156</v>
      </c>
      <c r="C65064" s="1" t="s">
        <v>105</v>
      </c>
      <c r="D65064" s="1" t="s">
        <v>12982</v>
      </c>
      <c r="E65064" s="1" t="s">
        <v>216977</v>
      </c>
      <c r="F65064" s="1" t="s">
        <v>216978</v>
      </c>
      <c r="G65064" s="1" t="s">
        <v>216921</v>
      </c>
      <c r="H65064" s="1" t="s">
        <v>216922</v>
      </c>
      <c r="I65064" s="1" t="s">
        <v>216161</v>
      </c>
      <c r="J65064" s="1" t="s">
        <v>216979</v>
      </c>
    </row>
    <row r="65065" spans="1:10" x14ac:dyDescent="0.35">
      <c r="A65065" s="1" t="s">
        <v>171444</v>
      </c>
      <c r="B65065" s="1" t="s">
        <v>216156</v>
      </c>
      <c r="C65065" s="1" t="s">
        <v>110</v>
      </c>
      <c r="D65065" s="1" t="s">
        <v>131452</v>
      </c>
      <c r="E65065" s="1" t="s">
        <v>216980</v>
      </c>
      <c r="F65065" s="1" t="s">
        <v>216981</v>
      </c>
      <c r="G65065" s="1" t="s">
        <v>216921</v>
      </c>
      <c r="H65065" s="1" t="s">
        <v>216922</v>
      </c>
      <c r="I65065" s="1" t="s">
        <v>216161</v>
      </c>
      <c r="J65065" s="1" t="s">
        <v>216982</v>
      </c>
    </row>
    <row r="65066" spans="1:10" x14ac:dyDescent="0.35">
      <c r="A65066" s="1" t="s">
        <v>171444</v>
      </c>
      <c r="B65066" s="1" t="s">
        <v>216156</v>
      </c>
      <c r="C65066" s="1" t="s">
        <v>115</v>
      </c>
      <c r="D65066" s="1" t="s">
        <v>9338</v>
      </c>
      <c r="E65066" s="1" t="s">
        <v>216983</v>
      </c>
      <c r="F65066" s="1" t="s">
        <v>216984</v>
      </c>
      <c r="G65066" s="1" t="s">
        <v>216921</v>
      </c>
      <c r="H65066" s="1" t="s">
        <v>216922</v>
      </c>
      <c r="I65066" s="1" t="s">
        <v>216161</v>
      </c>
      <c r="J65066" s="1" t="s">
        <v>216985</v>
      </c>
    </row>
    <row r="65067" spans="1:10" x14ac:dyDescent="0.35">
      <c r="A65067" s="1" t="s">
        <v>171444</v>
      </c>
      <c r="B65067" s="1" t="s">
        <v>216156</v>
      </c>
      <c r="C65067" s="1" t="s">
        <v>120</v>
      </c>
      <c r="D65067" s="1" t="s">
        <v>121201</v>
      </c>
      <c r="E65067" s="1" t="s">
        <v>216986</v>
      </c>
      <c r="F65067" s="1" t="s">
        <v>216987</v>
      </c>
      <c r="G65067" s="1" t="s">
        <v>216921</v>
      </c>
      <c r="H65067" s="1" t="s">
        <v>216922</v>
      </c>
      <c r="I65067" s="1" t="s">
        <v>216161</v>
      </c>
      <c r="J65067" s="1" t="s">
        <v>216988</v>
      </c>
    </row>
    <row r="65068" spans="1:10" x14ac:dyDescent="0.35">
      <c r="A65068" s="1" t="s">
        <v>171444</v>
      </c>
      <c r="B65068" s="1" t="s">
        <v>216156</v>
      </c>
      <c r="C65068" s="1" t="s">
        <v>125</v>
      </c>
      <c r="D65068" s="1" t="s">
        <v>140</v>
      </c>
      <c r="E65068" s="1" t="s">
        <v>216989</v>
      </c>
      <c r="F65068" s="1" t="s">
        <v>216990</v>
      </c>
      <c r="G65068" s="1" t="s">
        <v>216921</v>
      </c>
      <c r="H65068" s="1" t="s">
        <v>216922</v>
      </c>
      <c r="I65068" s="1" t="s">
        <v>216161</v>
      </c>
      <c r="J65068" s="1" t="s">
        <v>114083</v>
      </c>
    </row>
    <row r="65069" spans="1:10" x14ac:dyDescent="0.35">
      <c r="A65069" s="1" t="s">
        <v>171444</v>
      </c>
      <c r="B65069" s="1" t="s">
        <v>216156</v>
      </c>
      <c r="C65069" s="1" t="s">
        <v>130</v>
      </c>
      <c r="D65069" s="1" t="s">
        <v>121399</v>
      </c>
      <c r="E65069" s="1" t="s">
        <v>216991</v>
      </c>
      <c r="F65069" s="1" t="s">
        <v>216992</v>
      </c>
      <c r="G65069" s="1" t="s">
        <v>216921</v>
      </c>
      <c r="H65069" s="1" t="s">
        <v>216922</v>
      </c>
      <c r="I65069" s="1" t="s">
        <v>216161</v>
      </c>
      <c r="J65069" s="1" t="s">
        <v>216993</v>
      </c>
    </row>
    <row r="65070" spans="1:10" x14ac:dyDescent="0.35">
      <c r="A65070" s="1" t="s">
        <v>171444</v>
      </c>
      <c r="B65070" s="1" t="s">
        <v>216156</v>
      </c>
      <c r="C65070" s="1" t="s">
        <v>135</v>
      </c>
      <c r="D65070" s="1" t="s">
        <v>6431</v>
      </c>
      <c r="E65070" s="1" t="s">
        <v>216994</v>
      </c>
      <c r="F65070" s="1" t="s">
        <v>216995</v>
      </c>
      <c r="G65070" s="1" t="s">
        <v>216921</v>
      </c>
      <c r="H65070" s="1" t="s">
        <v>216922</v>
      </c>
      <c r="I65070" s="1" t="s">
        <v>216161</v>
      </c>
      <c r="J65070" s="1" t="s">
        <v>216996</v>
      </c>
    </row>
    <row r="65071" spans="1:10" x14ac:dyDescent="0.35">
      <c r="A65071" s="1" t="s">
        <v>171444</v>
      </c>
      <c r="B65071" s="1" t="s">
        <v>216156</v>
      </c>
      <c r="C65071" s="1" t="s">
        <v>140</v>
      </c>
      <c r="D65071" s="1" t="s">
        <v>27745</v>
      </c>
      <c r="E65071" s="1" t="s">
        <v>216997</v>
      </c>
      <c r="F65071" s="1" t="s">
        <v>216998</v>
      </c>
      <c r="G65071" s="1" t="s">
        <v>216921</v>
      </c>
      <c r="H65071" s="1" t="s">
        <v>216922</v>
      </c>
      <c r="I65071" s="1" t="s">
        <v>216161</v>
      </c>
      <c r="J65071" s="1" t="s">
        <v>216999</v>
      </c>
    </row>
    <row r="65072" spans="1:10" x14ac:dyDescent="0.35">
      <c r="A65072" s="1" t="s">
        <v>171444</v>
      </c>
      <c r="B65072" s="1" t="s">
        <v>216156</v>
      </c>
      <c r="C65072" s="1" t="s">
        <v>145</v>
      </c>
      <c r="D65072" s="1" t="s">
        <v>6431</v>
      </c>
      <c r="E65072" s="1" t="s">
        <v>217000</v>
      </c>
      <c r="F65072" s="1" t="s">
        <v>217001</v>
      </c>
      <c r="G65072" s="1" t="s">
        <v>216921</v>
      </c>
      <c r="H65072" s="1" t="s">
        <v>216922</v>
      </c>
      <c r="I65072" s="1" t="s">
        <v>216161</v>
      </c>
      <c r="J65072" s="1" t="s">
        <v>217002</v>
      </c>
    </row>
    <row r="65073" spans="1:10" x14ac:dyDescent="0.35">
      <c r="A65073" s="1" t="s">
        <v>171444</v>
      </c>
      <c r="B65073" s="1" t="s">
        <v>216156</v>
      </c>
      <c r="C65073" s="1" t="s">
        <v>150</v>
      </c>
      <c r="D65073" s="1" t="s">
        <v>119428</v>
      </c>
      <c r="E65073" s="1" t="s">
        <v>217003</v>
      </c>
      <c r="F65073" s="1" t="s">
        <v>217004</v>
      </c>
      <c r="G65073" s="1" t="s">
        <v>216921</v>
      </c>
      <c r="H65073" s="1" t="s">
        <v>216922</v>
      </c>
      <c r="I65073" s="1" t="s">
        <v>216161</v>
      </c>
      <c r="J65073" s="1" t="s">
        <v>217005</v>
      </c>
    </row>
    <row r="65074" spans="1:10" x14ac:dyDescent="0.35">
      <c r="A65074" s="1" t="s">
        <v>171444</v>
      </c>
      <c r="B65074" s="1" t="s">
        <v>216156</v>
      </c>
      <c r="C65074" s="1" t="s">
        <v>155</v>
      </c>
      <c r="D65074" s="1" t="s">
        <v>44538</v>
      </c>
      <c r="E65074" s="1" t="s">
        <v>217006</v>
      </c>
      <c r="F65074" s="1" t="s">
        <v>217007</v>
      </c>
      <c r="G65074" s="1" t="s">
        <v>216921</v>
      </c>
      <c r="H65074" s="1" t="s">
        <v>216922</v>
      </c>
      <c r="I65074" s="1" t="s">
        <v>216161</v>
      </c>
      <c r="J65074" s="1" t="s">
        <v>217008</v>
      </c>
    </row>
    <row r="65075" spans="1:10" x14ac:dyDescent="0.35">
      <c r="A65075" s="1" t="s">
        <v>171444</v>
      </c>
      <c r="B65075" s="1" t="s">
        <v>216156</v>
      </c>
      <c r="C65075" s="1" t="s">
        <v>160</v>
      </c>
      <c r="D65075" s="1" t="s">
        <v>179765</v>
      </c>
      <c r="E65075" s="1" t="s">
        <v>217009</v>
      </c>
      <c r="F65075" s="1" t="s">
        <v>217010</v>
      </c>
      <c r="G65075" s="1" t="s">
        <v>216921</v>
      </c>
      <c r="H65075" s="1" t="s">
        <v>216922</v>
      </c>
      <c r="I65075" s="1" t="s">
        <v>216161</v>
      </c>
      <c r="J65075" s="1" t="s">
        <v>217011</v>
      </c>
    </row>
    <row r="65076" spans="1:10" x14ac:dyDescent="0.35">
      <c r="A65076" s="1" t="s">
        <v>171444</v>
      </c>
      <c r="B65076" s="1" t="s">
        <v>216156</v>
      </c>
      <c r="C65076" s="1" t="s">
        <v>165</v>
      </c>
      <c r="D65076" s="1" t="s">
        <v>110501</v>
      </c>
      <c r="E65076" s="1" t="s">
        <v>217012</v>
      </c>
      <c r="F65076" s="1" t="s">
        <v>217013</v>
      </c>
      <c r="G65076" s="1" t="s">
        <v>216921</v>
      </c>
      <c r="H65076" s="1" t="s">
        <v>216922</v>
      </c>
      <c r="I65076" s="1" t="s">
        <v>216161</v>
      </c>
      <c r="J65076" s="1" t="s">
        <v>217014</v>
      </c>
    </row>
    <row r="65077" spans="1:10" x14ac:dyDescent="0.35">
      <c r="A65077" s="1" t="s">
        <v>171444</v>
      </c>
      <c r="B65077" s="1" t="s">
        <v>216156</v>
      </c>
      <c r="C65077" s="1" t="s">
        <v>170</v>
      </c>
      <c r="D65077" s="1" t="s">
        <v>144572</v>
      </c>
      <c r="E65077" s="1" t="s">
        <v>217015</v>
      </c>
      <c r="F65077" s="1" t="s">
        <v>217016</v>
      </c>
      <c r="G65077" s="1" t="s">
        <v>216921</v>
      </c>
      <c r="H65077" s="1" t="s">
        <v>216922</v>
      </c>
      <c r="I65077" s="1" t="s">
        <v>216161</v>
      </c>
      <c r="J65077" s="1" t="s">
        <v>217017</v>
      </c>
    </row>
    <row r="65078" spans="1:10" x14ac:dyDescent="0.35">
      <c r="A65078" s="1" t="s">
        <v>8755</v>
      </c>
      <c r="B65078" s="1" t="s">
        <v>216156</v>
      </c>
      <c r="C65078" s="1" t="s">
        <v>8</v>
      </c>
      <c r="D65078" s="1" t="s">
        <v>47160</v>
      </c>
      <c r="E65078" s="1" t="s">
        <v>217018</v>
      </c>
      <c r="F65078" s="1" t="s">
        <v>217019</v>
      </c>
      <c r="G65078" s="1" t="s">
        <v>217020</v>
      </c>
      <c r="H65078" s="1" t="s">
        <v>217021</v>
      </c>
      <c r="I65078" s="1" t="s">
        <v>216161</v>
      </c>
      <c r="J65078" s="1" t="s">
        <v>13</v>
      </c>
    </row>
    <row r="65079" spans="1:10" x14ac:dyDescent="0.35">
      <c r="A65079" s="1" t="s">
        <v>8755</v>
      </c>
      <c r="B65079" s="1" t="s">
        <v>216156</v>
      </c>
      <c r="C65079" s="1" t="s">
        <v>15</v>
      </c>
      <c r="D65079" s="1" t="s">
        <v>47160</v>
      </c>
      <c r="E65079" s="1" t="s">
        <v>217022</v>
      </c>
      <c r="F65079" s="1" t="s">
        <v>217023</v>
      </c>
      <c r="G65079" s="1" t="s">
        <v>217020</v>
      </c>
      <c r="H65079" s="1" t="s">
        <v>217021</v>
      </c>
      <c r="I65079" s="1" t="s">
        <v>216161</v>
      </c>
      <c r="J65079" s="1" t="s">
        <v>1180</v>
      </c>
    </row>
    <row r="65080" spans="1:10" x14ac:dyDescent="0.35">
      <c r="A65080" s="1" t="s">
        <v>8755</v>
      </c>
      <c r="B65080" s="1" t="s">
        <v>216156</v>
      </c>
      <c r="C65080" s="1" t="s">
        <v>20</v>
      </c>
      <c r="D65080" s="1" t="s">
        <v>44642</v>
      </c>
      <c r="E65080" s="1" t="s">
        <v>217024</v>
      </c>
      <c r="F65080" s="1" t="s">
        <v>192427</v>
      </c>
      <c r="G65080" s="1" t="s">
        <v>217020</v>
      </c>
      <c r="H65080" s="1" t="s">
        <v>217021</v>
      </c>
      <c r="I65080" s="1" t="s">
        <v>216161</v>
      </c>
      <c r="J65080" s="1" t="s">
        <v>217025</v>
      </c>
    </row>
    <row r="65081" spans="1:10" x14ac:dyDescent="0.35">
      <c r="A65081" s="1" t="s">
        <v>8755</v>
      </c>
      <c r="B65081" s="1" t="s">
        <v>216156</v>
      </c>
      <c r="C65081" s="1" t="s">
        <v>25</v>
      </c>
      <c r="D65081" s="1" t="s">
        <v>82537</v>
      </c>
      <c r="E65081" s="1" t="s">
        <v>217026</v>
      </c>
      <c r="F65081" s="1" t="s">
        <v>217027</v>
      </c>
      <c r="G65081" s="1" t="s">
        <v>217020</v>
      </c>
      <c r="H65081" s="1" t="s">
        <v>217021</v>
      </c>
      <c r="I65081" s="1" t="s">
        <v>216161</v>
      </c>
      <c r="J65081" s="1" t="s">
        <v>217028</v>
      </c>
    </row>
    <row r="65082" spans="1:10" x14ac:dyDescent="0.35">
      <c r="A65082" s="1" t="s">
        <v>8755</v>
      </c>
      <c r="B65082" s="1" t="s">
        <v>216156</v>
      </c>
      <c r="C65082" s="1" t="s">
        <v>30</v>
      </c>
      <c r="D65082" s="1" t="s">
        <v>3549</v>
      </c>
      <c r="E65082" s="1" t="s">
        <v>217029</v>
      </c>
      <c r="F65082" s="1" t="s">
        <v>217030</v>
      </c>
      <c r="G65082" s="1" t="s">
        <v>217020</v>
      </c>
      <c r="H65082" s="1" t="s">
        <v>217021</v>
      </c>
      <c r="I65082" s="1" t="s">
        <v>216161</v>
      </c>
      <c r="J65082" s="1" t="s">
        <v>217031</v>
      </c>
    </row>
    <row r="65083" spans="1:10" x14ac:dyDescent="0.35">
      <c r="A65083" s="1" t="s">
        <v>8755</v>
      </c>
      <c r="B65083" s="1" t="s">
        <v>216156</v>
      </c>
      <c r="C65083" s="1" t="s">
        <v>35</v>
      </c>
      <c r="D65083" s="1" t="s">
        <v>1801</v>
      </c>
      <c r="E65083" s="1" t="s">
        <v>217032</v>
      </c>
      <c r="F65083" s="1" t="s">
        <v>217033</v>
      </c>
      <c r="G65083" s="1" t="s">
        <v>217020</v>
      </c>
      <c r="H65083" s="1" t="s">
        <v>217021</v>
      </c>
      <c r="I65083" s="1" t="s">
        <v>216161</v>
      </c>
      <c r="J65083" s="1" t="s">
        <v>217034</v>
      </c>
    </row>
    <row r="65084" spans="1:10" x14ac:dyDescent="0.35">
      <c r="A65084" s="1" t="s">
        <v>8755</v>
      </c>
      <c r="B65084" s="1" t="s">
        <v>216156</v>
      </c>
      <c r="C65084" s="1" t="s">
        <v>40</v>
      </c>
      <c r="D65084" s="1" t="s">
        <v>8449</v>
      </c>
      <c r="E65084" s="1" t="s">
        <v>217035</v>
      </c>
      <c r="F65084" s="1" t="s">
        <v>217036</v>
      </c>
      <c r="G65084" s="1" t="s">
        <v>217020</v>
      </c>
      <c r="H65084" s="1" t="s">
        <v>217021</v>
      </c>
      <c r="I65084" s="1" t="s">
        <v>216161</v>
      </c>
      <c r="J65084" s="1" t="s">
        <v>217037</v>
      </c>
    </row>
    <row r="65085" spans="1:10" x14ac:dyDescent="0.35">
      <c r="A65085" s="1" t="s">
        <v>8755</v>
      </c>
      <c r="B65085" s="1" t="s">
        <v>216156</v>
      </c>
      <c r="C65085" s="1" t="s">
        <v>45</v>
      </c>
      <c r="D65085" s="1" t="s">
        <v>89838</v>
      </c>
      <c r="E65085" s="1" t="s">
        <v>217038</v>
      </c>
      <c r="F65085" s="1" t="s">
        <v>217039</v>
      </c>
      <c r="G65085" s="1" t="s">
        <v>217020</v>
      </c>
      <c r="H65085" s="1" t="s">
        <v>217021</v>
      </c>
      <c r="I65085" s="1" t="s">
        <v>216161</v>
      </c>
      <c r="J65085" s="1" t="s">
        <v>217040</v>
      </c>
    </row>
    <row r="65086" spans="1:10" x14ac:dyDescent="0.35">
      <c r="A65086" s="1" t="s">
        <v>8755</v>
      </c>
      <c r="B65086" s="1" t="s">
        <v>216156</v>
      </c>
      <c r="C65086" s="1" t="s">
        <v>50</v>
      </c>
      <c r="D65086" s="1" t="s">
        <v>92528</v>
      </c>
      <c r="E65086" s="1" t="s">
        <v>143358</v>
      </c>
      <c r="F65086" s="1" t="s">
        <v>217041</v>
      </c>
      <c r="G65086" s="1" t="s">
        <v>217020</v>
      </c>
      <c r="H65086" s="1" t="s">
        <v>217021</v>
      </c>
      <c r="I65086" s="1" t="s">
        <v>216161</v>
      </c>
      <c r="J65086" s="1" t="s">
        <v>171900</v>
      </c>
    </row>
    <row r="65087" spans="1:10" x14ac:dyDescent="0.35">
      <c r="A65087" s="1" t="s">
        <v>8755</v>
      </c>
      <c r="B65087" s="1" t="s">
        <v>216156</v>
      </c>
      <c r="C65087" s="1" t="s">
        <v>55</v>
      </c>
      <c r="D65087" s="1" t="s">
        <v>1942</v>
      </c>
      <c r="E65087" s="1" t="s">
        <v>217042</v>
      </c>
      <c r="F65087" s="1" t="s">
        <v>217043</v>
      </c>
      <c r="G65087" s="1" t="s">
        <v>217020</v>
      </c>
      <c r="H65087" s="1" t="s">
        <v>217021</v>
      </c>
      <c r="I65087" s="1" t="s">
        <v>216161</v>
      </c>
      <c r="J65087" s="1" t="s">
        <v>217044</v>
      </c>
    </row>
    <row r="65088" spans="1:10" x14ac:dyDescent="0.35">
      <c r="A65088" s="1" t="s">
        <v>8755</v>
      </c>
      <c r="B65088" s="1" t="s">
        <v>216156</v>
      </c>
      <c r="C65088" s="1" t="s">
        <v>60</v>
      </c>
      <c r="D65088" s="1" t="s">
        <v>47164</v>
      </c>
      <c r="E65088" s="1" t="s">
        <v>217045</v>
      </c>
      <c r="F65088" s="1" t="s">
        <v>217046</v>
      </c>
      <c r="G65088" s="1" t="s">
        <v>217020</v>
      </c>
      <c r="H65088" s="1" t="s">
        <v>217021</v>
      </c>
      <c r="I65088" s="1" t="s">
        <v>216161</v>
      </c>
      <c r="J65088" s="1" t="s">
        <v>217047</v>
      </c>
    </row>
    <row r="65089" spans="1:10" x14ac:dyDescent="0.35">
      <c r="A65089" s="1" t="s">
        <v>8755</v>
      </c>
      <c r="B65089" s="1" t="s">
        <v>216156</v>
      </c>
      <c r="C65089" s="1" t="s">
        <v>65</v>
      </c>
      <c r="D65089" s="1" t="s">
        <v>1524</v>
      </c>
      <c r="E65089" s="1" t="s">
        <v>217048</v>
      </c>
      <c r="F65089" s="1" t="s">
        <v>217049</v>
      </c>
      <c r="G65089" s="1" t="s">
        <v>217020</v>
      </c>
      <c r="H65089" s="1" t="s">
        <v>217021</v>
      </c>
      <c r="I65089" s="1" t="s">
        <v>216161</v>
      </c>
      <c r="J65089" s="1" t="s">
        <v>217050</v>
      </c>
    </row>
    <row r="65090" spans="1:10" x14ac:dyDescent="0.35">
      <c r="A65090" s="1" t="s">
        <v>8755</v>
      </c>
      <c r="B65090" s="1" t="s">
        <v>216156</v>
      </c>
      <c r="C65090" s="1" t="s">
        <v>70</v>
      </c>
      <c r="D65090" s="1" t="s">
        <v>44281</v>
      </c>
      <c r="E65090" s="1" t="s">
        <v>217051</v>
      </c>
      <c r="F65090" s="1" t="s">
        <v>217052</v>
      </c>
      <c r="G65090" s="1" t="s">
        <v>217020</v>
      </c>
      <c r="H65090" s="1" t="s">
        <v>217021</v>
      </c>
      <c r="I65090" s="1" t="s">
        <v>216161</v>
      </c>
      <c r="J65090" s="1" t="s">
        <v>217053</v>
      </c>
    </row>
    <row r="65091" spans="1:10" x14ac:dyDescent="0.35">
      <c r="A65091" s="1" t="s">
        <v>8755</v>
      </c>
      <c r="B65091" s="1" t="s">
        <v>216156</v>
      </c>
      <c r="C65091" s="1" t="s">
        <v>75</v>
      </c>
      <c r="D65091" s="1" t="s">
        <v>1532</v>
      </c>
      <c r="E65091" s="1" t="s">
        <v>217054</v>
      </c>
      <c r="F65091" s="1" t="s">
        <v>217055</v>
      </c>
      <c r="G65091" s="1" t="s">
        <v>217020</v>
      </c>
      <c r="H65091" s="1" t="s">
        <v>217021</v>
      </c>
      <c r="I65091" s="1" t="s">
        <v>216161</v>
      </c>
      <c r="J65091" s="1" t="s">
        <v>217056</v>
      </c>
    </row>
    <row r="65092" spans="1:10" x14ac:dyDescent="0.35">
      <c r="A65092" s="1" t="s">
        <v>8755</v>
      </c>
      <c r="B65092" s="1" t="s">
        <v>216156</v>
      </c>
      <c r="C65092" s="1" t="s">
        <v>80</v>
      </c>
      <c r="D65092" s="1" t="s">
        <v>4341</v>
      </c>
      <c r="E65092" s="1" t="s">
        <v>217057</v>
      </c>
      <c r="F65092" s="1" t="s">
        <v>217058</v>
      </c>
      <c r="G65092" s="1" t="s">
        <v>217020</v>
      </c>
      <c r="H65092" s="1" t="s">
        <v>217021</v>
      </c>
      <c r="I65092" s="1" t="s">
        <v>216161</v>
      </c>
      <c r="J65092" s="1" t="s">
        <v>217059</v>
      </c>
    </row>
    <row r="65093" spans="1:10" x14ac:dyDescent="0.35">
      <c r="A65093" s="1" t="s">
        <v>8755</v>
      </c>
      <c r="B65093" s="1" t="s">
        <v>216156</v>
      </c>
      <c r="C65093" s="1" t="s">
        <v>85</v>
      </c>
      <c r="D65093" s="1" t="s">
        <v>5494</v>
      </c>
      <c r="E65093" s="1" t="s">
        <v>217060</v>
      </c>
      <c r="F65093" s="1" t="s">
        <v>217061</v>
      </c>
      <c r="G65093" s="1" t="s">
        <v>217020</v>
      </c>
      <c r="H65093" s="1" t="s">
        <v>217021</v>
      </c>
      <c r="I65093" s="1" t="s">
        <v>216161</v>
      </c>
      <c r="J65093" s="1" t="s">
        <v>217062</v>
      </c>
    </row>
    <row r="65094" spans="1:10" x14ac:dyDescent="0.35">
      <c r="A65094" s="1" t="s">
        <v>8755</v>
      </c>
      <c r="B65094" s="1" t="s">
        <v>216156</v>
      </c>
      <c r="C65094" s="1" t="s">
        <v>90</v>
      </c>
      <c r="D65094" s="1" t="s">
        <v>3988</v>
      </c>
      <c r="E65094" s="1" t="s">
        <v>217063</v>
      </c>
      <c r="F65094" s="1" t="s">
        <v>104119</v>
      </c>
      <c r="G65094" s="1" t="s">
        <v>217020</v>
      </c>
      <c r="H65094" s="1" t="s">
        <v>217021</v>
      </c>
      <c r="I65094" s="1" t="s">
        <v>216161</v>
      </c>
      <c r="J65094" s="1" t="s">
        <v>217064</v>
      </c>
    </row>
    <row r="65095" spans="1:10" x14ac:dyDescent="0.35">
      <c r="A65095" s="1" t="s">
        <v>8755</v>
      </c>
      <c r="B65095" s="1" t="s">
        <v>216156</v>
      </c>
      <c r="C65095" s="1" t="s">
        <v>95</v>
      </c>
      <c r="D65095" s="1" t="s">
        <v>145</v>
      </c>
      <c r="E65095" s="1" t="s">
        <v>217065</v>
      </c>
      <c r="F65095" s="1" t="s">
        <v>217066</v>
      </c>
      <c r="G65095" s="1" t="s">
        <v>217020</v>
      </c>
      <c r="H65095" s="1" t="s">
        <v>217021</v>
      </c>
      <c r="I65095" s="1" t="s">
        <v>216161</v>
      </c>
      <c r="J65095" s="1" t="s">
        <v>217067</v>
      </c>
    </row>
    <row r="65096" spans="1:10" x14ac:dyDescent="0.35">
      <c r="A65096" s="1" t="s">
        <v>8755</v>
      </c>
      <c r="B65096" s="1" t="s">
        <v>216156</v>
      </c>
      <c r="C65096" s="1" t="s">
        <v>100</v>
      </c>
      <c r="D65096" s="1" t="s">
        <v>121731</v>
      </c>
      <c r="E65096" s="1" t="s">
        <v>217068</v>
      </c>
      <c r="F65096" s="1" t="s">
        <v>217069</v>
      </c>
      <c r="G65096" s="1" t="s">
        <v>217020</v>
      </c>
      <c r="H65096" s="1" t="s">
        <v>217021</v>
      </c>
      <c r="I65096" s="1" t="s">
        <v>216161</v>
      </c>
      <c r="J65096" s="1" t="s">
        <v>217070</v>
      </c>
    </row>
    <row r="65097" spans="1:10" x14ac:dyDescent="0.35">
      <c r="A65097" s="1" t="s">
        <v>8755</v>
      </c>
      <c r="B65097" s="1" t="s">
        <v>216156</v>
      </c>
      <c r="C65097" s="1" t="s">
        <v>105</v>
      </c>
      <c r="D65097" s="1" t="s">
        <v>105047</v>
      </c>
      <c r="E65097" s="1" t="s">
        <v>217071</v>
      </c>
      <c r="F65097" s="1" t="s">
        <v>217072</v>
      </c>
      <c r="G65097" s="1" t="s">
        <v>217020</v>
      </c>
      <c r="H65097" s="1" t="s">
        <v>217021</v>
      </c>
      <c r="I65097" s="1" t="s">
        <v>216161</v>
      </c>
      <c r="J65097" s="1" t="s">
        <v>217073</v>
      </c>
    </row>
    <row r="65098" spans="1:10" x14ac:dyDescent="0.35">
      <c r="A65098" s="1" t="s">
        <v>8755</v>
      </c>
      <c r="B65098" s="1" t="s">
        <v>216156</v>
      </c>
      <c r="C65098" s="1" t="s">
        <v>110</v>
      </c>
      <c r="D65098" s="1" t="s">
        <v>45725</v>
      </c>
      <c r="E65098" s="1" t="s">
        <v>217074</v>
      </c>
      <c r="F65098" s="1" t="s">
        <v>217075</v>
      </c>
      <c r="G65098" s="1" t="s">
        <v>217020</v>
      </c>
      <c r="H65098" s="1" t="s">
        <v>217021</v>
      </c>
      <c r="I65098" s="1" t="s">
        <v>216161</v>
      </c>
      <c r="J65098" s="1" t="s">
        <v>217076</v>
      </c>
    </row>
    <row r="65099" spans="1:10" x14ac:dyDescent="0.35">
      <c r="A65099" s="1" t="s">
        <v>8755</v>
      </c>
      <c r="B65099" s="1" t="s">
        <v>216156</v>
      </c>
      <c r="C65099" s="1" t="s">
        <v>115</v>
      </c>
      <c r="D65099" s="1" t="s">
        <v>3604</v>
      </c>
      <c r="E65099" s="1" t="s">
        <v>217077</v>
      </c>
      <c r="F65099" s="1" t="s">
        <v>217078</v>
      </c>
      <c r="G65099" s="1" t="s">
        <v>217020</v>
      </c>
      <c r="H65099" s="1" t="s">
        <v>217021</v>
      </c>
      <c r="I65099" s="1" t="s">
        <v>216161</v>
      </c>
      <c r="J65099" s="1" t="s">
        <v>217079</v>
      </c>
    </row>
    <row r="65100" spans="1:10" x14ac:dyDescent="0.35">
      <c r="A65100" s="1" t="s">
        <v>8755</v>
      </c>
      <c r="B65100" s="1" t="s">
        <v>216156</v>
      </c>
      <c r="C65100" s="1" t="s">
        <v>120</v>
      </c>
      <c r="D65100" s="1" t="s">
        <v>8310</v>
      </c>
      <c r="E65100" s="1" t="s">
        <v>217080</v>
      </c>
      <c r="F65100" s="1" t="s">
        <v>217081</v>
      </c>
      <c r="G65100" s="1" t="s">
        <v>217020</v>
      </c>
      <c r="H65100" s="1" t="s">
        <v>217021</v>
      </c>
      <c r="I65100" s="1" t="s">
        <v>216161</v>
      </c>
      <c r="J65100" s="1" t="s">
        <v>217082</v>
      </c>
    </row>
    <row r="65101" spans="1:10" x14ac:dyDescent="0.35">
      <c r="A65101" s="1" t="s">
        <v>8755</v>
      </c>
      <c r="B65101" s="1" t="s">
        <v>216156</v>
      </c>
      <c r="C65101" s="1" t="s">
        <v>125</v>
      </c>
      <c r="D65101" s="1" t="s">
        <v>4042</v>
      </c>
      <c r="E65101" s="1" t="s">
        <v>217083</v>
      </c>
      <c r="F65101" s="1" t="s">
        <v>217084</v>
      </c>
      <c r="G65101" s="1" t="s">
        <v>217020</v>
      </c>
      <c r="H65101" s="1" t="s">
        <v>217021</v>
      </c>
      <c r="I65101" s="1" t="s">
        <v>216161</v>
      </c>
      <c r="J65101" s="1" t="s">
        <v>217085</v>
      </c>
    </row>
    <row r="65102" spans="1:10" x14ac:dyDescent="0.35">
      <c r="A65102" s="1" t="s">
        <v>8755</v>
      </c>
      <c r="B65102" s="1" t="s">
        <v>216156</v>
      </c>
      <c r="C65102" s="1" t="s">
        <v>130</v>
      </c>
      <c r="D65102" s="1" t="s">
        <v>1572</v>
      </c>
      <c r="E65102" s="1" t="s">
        <v>217086</v>
      </c>
      <c r="F65102" s="1" t="s">
        <v>217087</v>
      </c>
      <c r="G65102" s="1" t="s">
        <v>217020</v>
      </c>
      <c r="H65102" s="1" t="s">
        <v>217021</v>
      </c>
      <c r="I65102" s="1" t="s">
        <v>216161</v>
      </c>
      <c r="J65102" s="1" t="s">
        <v>217088</v>
      </c>
    </row>
    <row r="65103" spans="1:10" x14ac:dyDescent="0.35">
      <c r="A65103" s="1" t="s">
        <v>8755</v>
      </c>
      <c r="B65103" s="1" t="s">
        <v>216156</v>
      </c>
      <c r="C65103" s="1" t="s">
        <v>135</v>
      </c>
      <c r="D65103" s="1" t="s">
        <v>161248</v>
      </c>
      <c r="E65103" s="1" t="s">
        <v>217089</v>
      </c>
      <c r="F65103" s="1" t="s">
        <v>217090</v>
      </c>
      <c r="G65103" s="1" t="s">
        <v>217020</v>
      </c>
      <c r="H65103" s="1" t="s">
        <v>217021</v>
      </c>
      <c r="I65103" s="1" t="s">
        <v>216161</v>
      </c>
      <c r="J65103" s="1" t="s">
        <v>217091</v>
      </c>
    </row>
    <row r="65104" spans="1:10" x14ac:dyDescent="0.35">
      <c r="A65104" s="1" t="s">
        <v>8755</v>
      </c>
      <c r="B65104" s="1" t="s">
        <v>216156</v>
      </c>
      <c r="C65104" s="1" t="s">
        <v>140</v>
      </c>
      <c r="D65104" s="1" t="s">
        <v>10153</v>
      </c>
      <c r="E65104" s="1" t="s">
        <v>217092</v>
      </c>
      <c r="F65104" s="1" t="s">
        <v>217093</v>
      </c>
      <c r="G65104" s="1" t="s">
        <v>217020</v>
      </c>
      <c r="H65104" s="1" t="s">
        <v>217021</v>
      </c>
      <c r="I65104" s="1" t="s">
        <v>216161</v>
      </c>
      <c r="J65104" s="1" t="s">
        <v>217094</v>
      </c>
    </row>
    <row r="65105" spans="1:10" x14ac:dyDescent="0.35">
      <c r="A65105" s="1" t="s">
        <v>8755</v>
      </c>
      <c r="B65105" s="1" t="s">
        <v>216156</v>
      </c>
      <c r="C65105" s="1" t="s">
        <v>145</v>
      </c>
      <c r="D65105" s="1" t="s">
        <v>104931</v>
      </c>
      <c r="E65105" s="1" t="s">
        <v>217095</v>
      </c>
      <c r="F65105" s="1" t="s">
        <v>217096</v>
      </c>
      <c r="G65105" s="1" t="s">
        <v>217020</v>
      </c>
      <c r="H65105" s="1" t="s">
        <v>217021</v>
      </c>
      <c r="I65105" s="1" t="s">
        <v>216161</v>
      </c>
      <c r="J65105" s="1" t="s">
        <v>146151</v>
      </c>
    </row>
    <row r="65106" spans="1:10" x14ac:dyDescent="0.35">
      <c r="A65106" s="1" t="s">
        <v>8755</v>
      </c>
      <c r="B65106" s="1" t="s">
        <v>216156</v>
      </c>
      <c r="C65106" s="1" t="s">
        <v>150</v>
      </c>
      <c r="D65106" s="1" t="s">
        <v>35197</v>
      </c>
      <c r="E65106" s="1" t="s">
        <v>217097</v>
      </c>
      <c r="F65106" s="1" t="s">
        <v>217098</v>
      </c>
      <c r="G65106" s="1" t="s">
        <v>217020</v>
      </c>
      <c r="H65106" s="1" t="s">
        <v>217021</v>
      </c>
      <c r="I65106" s="1" t="s">
        <v>216161</v>
      </c>
      <c r="J65106" s="1" t="s">
        <v>196928</v>
      </c>
    </row>
    <row r="65107" spans="1:10" x14ac:dyDescent="0.35">
      <c r="A65107" s="1" t="s">
        <v>8755</v>
      </c>
      <c r="B65107" s="1" t="s">
        <v>216156</v>
      </c>
      <c r="C65107" s="1" t="s">
        <v>155</v>
      </c>
      <c r="D65107" s="1" t="s">
        <v>48532</v>
      </c>
      <c r="E65107" s="1" t="s">
        <v>217099</v>
      </c>
      <c r="F65107" s="1" t="s">
        <v>217100</v>
      </c>
      <c r="G65107" s="1" t="s">
        <v>217020</v>
      </c>
      <c r="H65107" s="1" t="s">
        <v>217021</v>
      </c>
      <c r="I65107" s="1" t="s">
        <v>216161</v>
      </c>
      <c r="J65107" s="1" t="s">
        <v>217101</v>
      </c>
    </row>
    <row r="65108" spans="1:10" x14ac:dyDescent="0.35">
      <c r="A65108" s="1" t="s">
        <v>8755</v>
      </c>
      <c r="B65108" s="1" t="s">
        <v>216156</v>
      </c>
      <c r="C65108" s="1" t="s">
        <v>160</v>
      </c>
      <c r="D65108" s="1" t="s">
        <v>121287</v>
      </c>
      <c r="E65108" s="1" t="s">
        <v>217102</v>
      </c>
      <c r="F65108" s="1" t="s">
        <v>217103</v>
      </c>
      <c r="G65108" s="1" t="s">
        <v>217020</v>
      </c>
      <c r="H65108" s="1" t="s">
        <v>217021</v>
      </c>
      <c r="I65108" s="1" t="s">
        <v>216161</v>
      </c>
      <c r="J65108" s="1" t="s">
        <v>217104</v>
      </c>
    </row>
    <row r="65109" spans="1:10" x14ac:dyDescent="0.35">
      <c r="A65109" s="1" t="s">
        <v>8755</v>
      </c>
      <c r="B65109" s="1" t="s">
        <v>216156</v>
      </c>
      <c r="C65109" s="1" t="s">
        <v>165</v>
      </c>
      <c r="D65109" s="1" t="s">
        <v>35201</v>
      </c>
      <c r="E65109" s="1" t="s">
        <v>217105</v>
      </c>
      <c r="F65109" s="1" t="s">
        <v>217106</v>
      </c>
      <c r="G65109" s="1" t="s">
        <v>217020</v>
      </c>
      <c r="H65109" s="1" t="s">
        <v>217021</v>
      </c>
      <c r="I65109" s="1" t="s">
        <v>216161</v>
      </c>
      <c r="J65109" s="1" t="s">
        <v>217107</v>
      </c>
    </row>
    <row r="65110" spans="1:10" x14ac:dyDescent="0.35">
      <c r="A65110" s="1" t="s">
        <v>8755</v>
      </c>
      <c r="B65110" s="1" t="s">
        <v>216156</v>
      </c>
      <c r="C65110" s="1" t="s">
        <v>170</v>
      </c>
      <c r="D65110" s="1" t="s">
        <v>122207</v>
      </c>
      <c r="E65110" s="1" t="s">
        <v>217108</v>
      </c>
      <c r="F65110" s="1" t="s">
        <v>217109</v>
      </c>
      <c r="G65110" s="1" t="s">
        <v>217020</v>
      </c>
      <c r="H65110" s="1" t="s">
        <v>217021</v>
      </c>
      <c r="I65110" s="1" t="s">
        <v>216161</v>
      </c>
      <c r="J65110" s="1" t="s">
        <v>217110</v>
      </c>
    </row>
    <row r="65111" spans="1:10" x14ac:dyDescent="0.35">
      <c r="A65111" s="1" t="s">
        <v>142363</v>
      </c>
      <c r="B65111" s="1" t="s">
        <v>216156</v>
      </c>
      <c r="C65111" s="1" t="s">
        <v>8</v>
      </c>
      <c r="D65111" s="1" t="s">
        <v>217111</v>
      </c>
      <c r="E65111" s="1" t="s">
        <v>217112</v>
      </c>
      <c r="F65111" s="1" t="s">
        <v>217113</v>
      </c>
      <c r="G65111" s="1" t="s">
        <v>217114</v>
      </c>
      <c r="H65111" s="1" t="s">
        <v>217115</v>
      </c>
      <c r="I65111" s="1" t="s">
        <v>216161</v>
      </c>
      <c r="J65111" s="1" t="s">
        <v>13</v>
      </c>
    </row>
    <row r="65112" spans="1:10" x14ac:dyDescent="0.35">
      <c r="A65112" s="1" t="s">
        <v>142363</v>
      </c>
      <c r="B65112" s="1" t="s">
        <v>216156</v>
      </c>
      <c r="C65112" s="1" t="s">
        <v>15</v>
      </c>
      <c r="D65112" s="1" t="s">
        <v>12024</v>
      </c>
      <c r="E65112" s="1" t="s">
        <v>217116</v>
      </c>
      <c r="F65112" s="1" t="s">
        <v>217117</v>
      </c>
      <c r="G65112" s="1" t="s">
        <v>217114</v>
      </c>
      <c r="H65112" s="1" t="s">
        <v>217115</v>
      </c>
      <c r="I65112" s="1" t="s">
        <v>216161</v>
      </c>
      <c r="J65112" s="1" t="s">
        <v>217118</v>
      </c>
    </row>
    <row r="65113" spans="1:10" x14ac:dyDescent="0.35">
      <c r="A65113" s="1" t="s">
        <v>142363</v>
      </c>
      <c r="B65113" s="1" t="s">
        <v>216156</v>
      </c>
      <c r="C65113" s="1" t="s">
        <v>20</v>
      </c>
      <c r="D65113" s="1" t="s">
        <v>158626</v>
      </c>
      <c r="E65113" s="1" t="s">
        <v>217119</v>
      </c>
      <c r="F65113" s="1" t="s">
        <v>217120</v>
      </c>
      <c r="G65113" s="1" t="s">
        <v>217114</v>
      </c>
      <c r="H65113" s="1" t="s">
        <v>217115</v>
      </c>
      <c r="I65113" s="1" t="s">
        <v>216161</v>
      </c>
      <c r="J65113" s="1" t="s">
        <v>217121</v>
      </c>
    </row>
    <row r="65114" spans="1:10" x14ac:dyDescent="0.35">
      <c r="A65114" s="1" t="s">
        <v>142363</v>
      </c>
      <c r="B65114" s="1" t="s">
        <v>216156</v>
      </c>
      <c r="C65114" s="1" t="s">
        <v>25</v>
      </c>
      <c r="D65114" s="1" t="s">
        <v>1524</v>
      </c>
      <c r="E65114" s="1" t="s">
        <v>217122</v>
      </c>
      <c r="F65114" s="1" t="s">
        <v>217123</v>
      </c>
      <c r="G65114" s="1" t="s">
        <v>217114</v>
      </c>
      <c r="H65114" s="1" t="s">
        <v>217115</v>
      </c>
      <c r="I65114" s="1" t="s">
        <v>216161</v>
      </c>
      <c r="J65114" s="1" t="s">
        <v>217124</v>
      </c>
    </row>
    <row r="65115" spans="1:10" x14ac:dyDescent="0.35">
      <c r="A65115" s="1" t="s">
        <v>142363</v>
      </c>
      <c r="B65115" s="1" t="s">
        <v>216156</v>
      </c>
      <c r="C65115" s="1" t="s">
        <v>30</v>
      </c>
      <c r="D65115" s="1" t="s">
        <v>13166</v>
      </c>
      <c r="E65115" s="1" t="s">
        <v>217125</v>
      </c>
      <c r="F65115" s="1" t="s">
        <v>217126</v>
      </c>
      <c r="G65115" s="1" t="s">
        <v>217114</v>
      </c>
      <c r="H65115" s="1" t="s">
        <v>217115</v>
      </c>
      <c r="I65115" s="1" t="s">
        <v>216161</v>
      </c>
      <c r="J65115" s="1" t="s">
        <v>217127</v>
      </c>
    </row>
    <row r="65116" spans="1:10" x14ac:dyDescent="0.35">
      <c r="A65116" s="1" t="s">
        <v>142363</v>
      </c>
      <c r="B65116" s="1" t="s">
        <v>216156</v>
      </c>
      <c r="C65116" s="1" t="s">
        <v>35</v>
      </c>
      <c r="D65116" s="1" t="s">
        <v>12004</v>
      </c>
      <c r="E65116" s="1" t="s">
        <v>217128</v>
      </c>
      <c r="F65116" s="1" t="s">
        <v>217129</v>
      </c>
      <c r="G65116" s="1" t="s">
        <v>217114</v>
      </c>
      <c r="H65116" s="1" t="s">
        <v>217115</v>
      </c>
      <c r="I65116" s="1" t="s">
        <v>216161</v>
      </c>
      <c r="J65116" s="1" t="s">
        <v>217130</v>
      </c>
    </row>
    <row r="65117" spans="1:10" x14ac:dyDescent="0.35">
      <c r="A65117" s="1" t="s">
        <v>142363</v>
      </c>
      <c r="B65117" s="1" t="s">
        <v>216156</v>
      </c>
      <c r="C65117" s="1" t="s">
        <v>40</v>
      </c>
      <c r="D65117" s="1" t="s">
        <v>7350</v>
      </c>
      <c r="E65117" s="1" t="s">
        <v>217131</v>
      </c>
      <c r="F65117" s="1" t="s">
        <v>217132</v>
      </c>
      <c r="G65117" s="1" t="s">
        <v>217114</v>
      </c>
      <c r="H65117" s="1" t="s">
        <v>217115</v>
      </c>
      <c r="I65117" s="1" t="s">
        <v>216161</v>
      </c>
      <c r="J65117" s="1" t="s">
        <v>217133</v>
      </c>
    </row>
    <row r="65118" spans="1:10" x14ac:dyDescent="0.35">
      <c r="A65118" s="1" t="s">
        <v>142363</v>
      </c>
      <c r="B65118" s="1" t="s">
        <v>216156</v>
      </c>
      <c r="C65118" s="1" t="s">
        <v>45</v>
      </c>
      <c r="D65118" s="1" t="s">
        <v>1235</v>
      </c>
      <c r="E65118" s="1" t="s">
        <v>217134</v>
      </c>
      <c r="F65118" s="1" t="s">
        <v>217135</v>
      </c>
      <c r="G65118" s="1" t="s">
        <v>217114</v>
      </c>
      <c r="H65118" s="1" t="s">
        <v>217115</v>
      </c>
      <c r="I65118" s="1" t="s">
        <v>216161</v>
      </c>
      <c r="J65118" s="1" t="s">
        <v>217136</v>
      </c>
    </row>
    <row r="65119" spans="1:10" x14ac:dyDescent="0.35">
      <c r="A65119" s="1" t="s">
        <v>142363</v>
      </c>
      <c r="B65119" s="1" t="s">
        <v>216156</v>
      </c>
      <c r="C65119" s="1" t="s">
        <v>50</v>
      </c>
      <c r="D65119" s="1" t="s">
        <v>97289</v>
      </c>
      <c r="E65119" s="1" t="s">
        <v>217137</v>
      </c>
      <c r="F65119" s="1" t="s">
        <v>217138</v>
      </c>
      <c r="G65119" s="1" t="s">
        <v>217114</v>
      </c>
      <c r="H65119" s="1" t="s">
        <v>217115</v>
      </c>
      <c r="I65119" s="1" t="s">
        <v>216161</v>
      </c>
      <c r="J65119" s="1" t="s">
        <v>217139</v>
      </c>
    </row>
    <row r="65120" spans="1:10" x14ac:dyDescent="0.35">
      <c r="A65120" s="1" t="s">
        <v>142363</v>
      </c>
      <c r="B65120" s="1" t="s">
        <v>216156</v>
      </c>
      <c r="C65120" s="1" t="s">
        <v>55</v>
      </c>
      <c r="D65120" s="1" t="s">
        <v>25206</v>
      </c>
      <c r="E65120" s="1" t="s">
        <v>217140</v>
      </c>
      <c r="F65120" s="1" t="s">
        <v>217141</v>
      </c>
      <c r="G65120" s="1" t="s">
        <v>217114</v>
      </c>
      <c r="H65120" s="1" t="s">
        <v>217115</v>
      </c>
      <c r="I65120" s="1" t="s">
        <v>216161</v>
      </c>
      <c r="J65120" s="1" t="s">
        <v>217142</v>
      </c>
    </row>
    <row r="65121" spans="1:10" x14ac:dyDescent="0.35">
      <c r="A65121" s="1" t="s">
        <v>142363</v>
      </c>
      <c r="B65121" s="1" t="s">
        <v>216156</v>
      </c>
      <c r="C65121" s="1" t="s">
        <v>60</v>
      </c>
      <c r="D65121" s="1" t="s">
        <v>144459</v>
      </c>
      <c r="E65121" s="1" t="s">
        <v>217143</v>
      </c>
      <c r="F65121" s="1" t="s">
        <v>217144</v>
      </c>
      <c r="G65121" s="1" t="s">
        <v>217114</v>
      </c>
      <c r="H65121" s="1" t="s">
        <v>217115</v>
      </c>
      <c r="I65121" s="1" t="s">
        <v>216161</v>
      </c>
      <c r="J65121" s="1" t="s">
        <v>217145</v>
      </c>
    </row>
    <row r="65122" spans="1:10" x14ac:dyDescent="0.35">
      <c r="A65122" s="1" t="s">
        <v>142363</v>
      </c>
      <c r="B65122" s="1" t="s">
        <v>216156</v>
      </c>
      <c r="C65122" s="1" t="s">
        <v>65</v>
      </c>
      <c r="D65122" s="1" t="s">
        <v>217146</v>
      </c>
      <c r="E65122" s="1" t="s">
        <v>217147</v>
      </c>
      <c r="F65122" s="1" t="s">
        <v>217148</v>
      </c>
      <c r="G65122" s="1" t="s">
        <v>217114</v>
      </c>
      <c r="H65122" s="1" t="s">
        <v>217115</v>
      </c>
      <c r="I65122" s="1" t="s">
        <v>216161</v>
      </c>
      <c r="J65122" s="1" t="s">
        <v>217149</v>
      </c>
    </row>
    <row r="65123" spans="1:10" x14ac:dyDescent="0.35">
      <c r="A65123" s="1" t="s">
        <v>142363</v>
      </c>
      <c r="B65123" s="1" t="s">
        <v>216156</v>
      </c>
      <c r="C65123" s="1" t="s">
        <v>70</v>
      </c>
      <c r="D65123" s="1" t="s">
        <v>8483</v>
      </c>
      <c r="E65123" s="1" t="s">
        <v>217150</v>
      </c>
      <c r="F65123" s="1" t="s">
        <v>217151</v>
      </c>
      <c r="G65123" s="1" t="s">
        <v>217114</v>
      </c>
      <c r="H65123" s="1" t="s">
        <v>217115</v>
      </c>
      <c r="I65123" s="1" t="s">
        <v>216161</v>
      </c>
      <c r="J65123" s="1" t="s">
        <v>217152</v>
      </c>
    </row>
    <row r="65124" spans="1:10" x14ac:dyDescent="0.35">
      <c r="A65124" s="1" t="s">
        <v>142363</v>
      </c>
      <c r="B65124" s="1" t="s">
        <v>216156</v>
      </c>
      <c r="C65124" s="1" t="s">
        <v>75</v>
      </c>
      <c r="D65124" s="1" t="s">
        <v>104908</v>
      </c>
      <c r="E65124" s="1" t="s">
        <v>217153</v>
      </c>
      <c r="F65124" s="1" t="s">
        <v>217154</v>
      </c>
      <c r="G65124" s="1" t="s">
        <v>217114</v>
      </c>
      <c r="H65124" s="1" t="s">
        <v>217115</v>
      </c>
      <c r="I65124" s="1" t="s">
        <v>216161</v>
      </c>
      <c r="J65124" s="1" t="s">
        <v>217155</v>
      </c>
    </row>
    <row r="65125" spans="1:10" x14ac:dyDescent="0.35">
      <c r="A65125" s="1" t="s">
        <v>142363</v>
      </c>
      <c r="B65125" s="1" t="s">
        <v>216156</v>
      </c>
      <c r="C65125" s="1" t="s">
        <v>80</v>
      </c>
      <c r="D65125" s="1" t="s">
        <v>9364</v>
      </c>
      <c r="E65125" s="1" t="s">
        <v>217156</v>
      </c>
      <c r="F65125" s="1" t="s">
        <v>217157</v>
      </c>
      <c r="G65125" s="1" t="s">
        <v>217114</v>
      </c>
      <c r="H65125" s="1" t="s">
        <v>217115</v>
      </c>
      <c r="I65125" s="1" t="s">
        <v>216161</v>
      </c>
      <c r="J65125" s="1" t="s">
        <v>217158</v>
      </c>
    </row>
    <row r="65126" spans="1:10" x14ac:dyDescent="0.35">
      <c r="A65126" s="1" t="s">
        <v>142363</v>
      </c>
      <c r="B65126" s="1" t="s">
        <v>216156</v>
      </c>
      <c r="C65126" s="1" t="s">
        <v>85</v>
      </c>
      <c r="D65126" s="1" t="s">
        <v>9290</v>
      </c>
      <c r="E65126" s="1" t="s">
        <v>217159</v>
      </c>
      <c r="F65126" s="1" t="s">
        <v>217160</v>
      </c>
      <c r="G65126" s="1" t="s">
        <v>217114</v>
      </c>
      <c r="H65126" s="1" t="s">
        <v>217115</v>
      </c>
      <c r="I65126" s="1" t="s">
        <v>216161</v>
      </c>
      <c r="J65126" s="1" t="s">
        <v>217161</v>
      </c>
    </row>
    <row r="65127" spans="1:10" x14ac:dyDescent="0.35">
      <c r="A65127" s="1" t="s">
        <v>142363</v>
      </c>
      <c r="B65127" s="1" t="s">
        <v>216156</v>
      </c>
      <c r="C65127" s="1" t="s">
        <v>90</v>
      </c>
      <c r="D65127" s="1" t="s">
        <v>1375</v>
      </c>
      <c r="E65127" s="1" t="s">
        <v>217162</v>
      </c>
      <c r="F65127" s="1" t="s">
        <v>217163</v>
      </c>
      <c r="G65127" s="1" t="s">
        <v>217114</v>
      </c>
      <c r="H65127" s="1" t="s">
        <v>217115</v>
      </c>
      <c r="I65127" s="1" t="s">
        <v>216161</v>
      </c>
      <c r="J65127" s="1" t="s">
        <v>217164</v>
      </c>
    </row>
    <row r="65128" spans="1:10" x14ac:dyDescent="0.35">
      <c r="A65128" s="1" t="s">
        <v>142363</v>
      </c>
      <c r="B65128" s="1" t="s">
        <v>216156</v>
      </c>
      <c r="C65128" s="1" t="s">
        <v>95</v>
      </c>
      <c r="D65128" s="1" t="s">
        <v>119412</v>
      </c>
      <c r="E65128" s="1" t="s">
        <v>217165</v>
      </c>
      <c r="F65128" s="1" t="s">
        <v>217166</v>
      </c>
      <c r="G65128" s="1" t="s">
        <v>217114</v>
      </c>
      <c r="H65128" s="1" t="s">
        <v>217115</v>
      </c>
      <c r="I65128" s="1" t="s">
        <v>216161</v>
      </c>
      <c r="J65128" s="1" t="s">
        <v>217167</v>
      </c>
    </row>
    <row r="65129" spans="1:10" x14ac:dyDescent="0.35">
      <c r="A65129" s="1" t="s">
        <v>142363</v>
      </c>
      <c r="B65129" s="1" t="s">
        <v>216156</v>
      </c>
      <c r="C65129" s="1" t="s">
        <v>100</v>
      </c>
      <c r="D65129" s="1" t="s">
        <v>29410</v>
      </c>
      <c r="E65129" s="1" t="s">
        <v>217168</v>
      </c>
      <c r="F65129" s="1" t="s">
        <v>217169</v>
      </c>
      <c r="G65129" s="1" t="s">
        <v>217114</v>
      </c>
      <c r="H65129" s="1" t="s">
        <v>217115</v>
      </c>
      <c r="I65129" s="1" t="s">
        <v>216161</v>
      </c>
      <c r="J65129" s="1" t="s">
        <v>217170</v>
      </c>
    </row>
    <row r="65130" spans="1:10" x14ac:dyDescent="0.35">
      <c r="A65130" s="1" t="s">
        <v>142363</v>
      </c>
      <c r="B65130" s="1" t="s">
        <v>216156</v>
      </c>
      <c r="C65130" s="1" t="s">
        <v>105</v>
      </c>
      <c r="D65130" s="1" t="s">
        <v>120016</v>
      </c>
      <c r="E65130" s="1" t="s">
        <v>217171</v>
      </c>
      <c r="F65130" s="1" t="s">
        <v>217172</v>
      </c>
      <c r="G65130" s="1" t="s">
        <v>217114</v>
      </c>
      <c r="H65130" s="1" t="s">
        <v>217115</v>
      </c>
      <c r="I65130" s="1" t="s">
        <v>216161</v>
      </c>
      <c r="J65130" s="1" t="s">
        <v>217173</v>
      </c>
    </row>
    <row r="65131" spans="1:10" x14ac:dyDescent="0.35">
      <c r="A65131" s="1" t="s">
        <v>142363</v>
      </c>
      <c r="B65131" s="1" t="s">
        <v>216156</v>
      </c>
      <c r="C65131" s="1" t="s">
        <v>110</v>
      </c>
      <c r="D65131" s="1" t="s">
        <v>28395</v>
      </c>
      <c r="E65131" s="1" t="s">
        <v>217174</v>
      </c>
      <c r="F65131" s="1" t="s">
        <v>217175</v>
      </c>
      <c r="G65131" s="1" t="s">
        <v>217114</v>
      </c>
      <c r="H65131" s="1" t="s">
        <v>217115</v>
      </c>
      <c r="I65131" s="1" t="s">
        <v>216161</v>
      </c>
      <c r="J65131" s="1" t="s">
        <v>217176</v>
      </c>
    </row>
    <row r="65132" spans="1:10" x14ac:dyDescent="0.35">
      <c r="A65132" s="1" t="s">
        <v>142363</v>
      </c>
      <c r="B65132" s="1" t="s">
        <v>216156</v>
      </c>
      <c r="C65132" s="1" t="s">
        <v>115</v>
      </c>
      <c r="D65132" s="1" t="s">
        <v>27313</v>
      </c>
      <c r="E65132" s="1" t="s">
        <v>217177</v>
      </c>
      <c r="F65132" s="1" t="s">
        <v>217178</v>
      </c>
      <c r="G65132" s="1" t="s">
        <v>217114</v>
      </c>
      <c r="H65132" s="1" t="s">
        <v>217115</v>
      </c>
      <c r="I65132" s="1" t="s">
        <v>216161</v>
      </c>
      <c r="J65132" s="1" t="s">
        <v>217179</v>
      </c>
    </row>
    <row r="65133" spans="1:10" x14ac:dyDescent="0.35">
      <c r="A65133" s="1" t="s">
        <v>142363</v>
      </c>
      <c r="B65133" s="1" t="s">
        <v>216156</v>
      </c>
      <c r="C65133" s="1" t="s">
        <v>120</v>
      </c>
      <c r="D65133" s="1" t="s">
        <v>27731</v>
      </c>
      <c r="E65133" s="1" t="s">
        <v>217180</v>
      </c>
      <c r="F65133" s="1" t="s">
        <v>217181</v>
      </c>
      <c r="G65133" s="1" t="s">
        <v>217114</v>
      </c>
      <c r="H65133" s="1" t="s">
        <v>217115</v>
      </c>
      <c r="I65133" s="1" t="s">
        <v>216161</v>
      </c>
      <c r="J65133" s="1" t="s">
        <v>217182</v>
      </c>
    </row>
    <row r="65134" spans="1:10" x14ac:dyDescent="0.35">
      <c r="A65134" s="1" t="s">
        <v>142363</v>
      </c>
      <c r="B65134" s="1" t="s">
        <v>216156</v>
      </c>
      <c r="C65134" s="1" t="s">
        <v>125</v>
      </c>
      <c r="D65134" s="1" t="s">
        <v>9175</v>
      </c>
      <c r="E65134" s="1" t="s">
        <v>217183</v>
      </c>
      <c r="F65134" s="1" t="s">
        <v>217184</v>
      </c>
      <c r="G65134" s="1" t="s">
        <v>217114</v>
      </c>
      <c r="H65134" s="1" t="s">
        <v>217115</v>
      </c>
      <c r="I65134" s="1" t="s">
        <v>216161</v>
      </c>
      <c r="J65134" s="1" t="s">
        <v>217185</v>
      </c>
    </row>
    <row r="65135" spans="1:10" x14ac:dyDescent="0.35">
      <c r="A65135" s="1" t="s">
        <v>142363</v>
      </c>
      <c r="B65135" s="1" t="s">
        <v>216156</v>
      </c>
      <c r="C65135" s="1" t="s">
        <v>130</v>
      </c>
      <c r="D65135" s="1" t="s">
        <v>28759</v>
      </c>
      <c r="E65135" s="1" t="s">
        <v>217186</v>
      </c>
      <c r="F65135" s="1" t="s">
        <v>217187</v>
      </c>
      <c r="G65135" s="1" t="s">
        <v>217114</v>
      </c>
      <c r="H65135" s="1" t="s">
        <v>217115</v>
      </c>
      <c r="I65135" s="1" t="s">
        <v>216161</v>
      </c>
      <c r="J65135" s="1" t="s">
        <v>217188</v>
      </c>
    </row>
    <row r="65136" spans="1:10" x14ac:dyDescent="0.35">
      <c r="A65136" s="1" t="s">
        <v>142363</v>
      </c>
      <c r="B65136" s="1" t="s">
        <v>216156</v>
      </c>
      <c r="C65136" s="1" t="s">
        <v>135</v>
      </c>
      <c r="D65136" s="1" t="s">
        <v>27977</v>
      </c>
      <c r="E65136" s="1" t="s">
        <v>217189</v>
      </c>
      <c r="F65136" s="1" t="s">
        <v>217190</v>
      </c>
      <c r="G65136" s="1" t="s">
        <v>217114</v>
      </c>
      <c r="H65136" s="1" t="s">
        <v>217115</v>
      </c>
      <c r="I65136" s="1" t="s">
        <v>216161</v>
      </c>
      <c r="J65136" s="1" t="s">
        <v>217191</v>
      </c>
    </row>
    <row r="65137" spans="1:10" x14ac:dyDescent="0.35">
      <c r="A65137" s="1" t="s">
        <v>142363</v>
      </c>
      <c r="B65137" s="1" t="s">
        <v>216156</v>
      </c>
      <c r="C65137" s="1" t="s">
        <v>140</v>
      </c>
      <c r="D65137" s="1" t="s">
        <v>29557</v>
      </c>
      <c r="E65137" s="1" t="s">
        <v>217192</v>
      </c>
      <c r="F65137" s="1" t="s">
        <v>217193</v>
      </c>
      <c r="G65137" s="1" t="s">
        <v>217114</v>
      </c>
      <c r="H65137" s="1" t="s">
        <v>217115</v>
      </c>
      <c r="I65137" s="1" t="s">
        <v>216161</v>
      </c>
      <c r="J65137" s="1" t="s">
        <v>217194</v>
      </c>
    </row>
    <row r="65138" spans="1:10" x14ac:dyDescent="0.35">
      <c r="A65138" s="1" t="s">
        <v>142363</v>
      </c>
      <c r="B65138" s="1" t="s">
        <v>216156</v>
      </c>
      <c r="C65138" s="1" t="s">
        <v>145</v>
      </c>
      <c r="D65138" s="1" t="s">
        <v>8295</v>
      </c>
      <c r="E65138" s="1" t="s">
        <v>217195</v>
      </c>
      <c r="F65138" s="1" t="s">
        <v>217196</v>
      </c>
      <c r="G65138" s="1" t="s">
        <v>217114</v>
      </c>
      <c r="H65138" s="1" t="s">
        <v>217115</v>
      </c>
      <c r="I65138" s="1" t="s">
        <v>216161</v>
      </c>
      <c r="J65138" s="1" t="s">
        <v>217197</v>
      </c>
    </row>
    <row r="65139" spans="1:10" x14ac:dyDescent="0.35">
      <c r="A65139" s="1" t="s">
        <v>142363</v>
      </c>
      <c r="B65139" s="1" t="s">
        <v>216156</v>
      </c>
      <c r="C65139" s="1" t="s">
        <v>150</v>
      </c>
      <c r="D65139" s="1" t="s">
        <v>143761</v>
      </c>
      <c r="E65139" s="1" t="s">
        <v>217198</v>
      </c>
      <c r="F65139" s="1" t="s">
        <v>217199</v>
      </c>
      <c r="G65139" s="1" t="s">
        <v>217114</v>
      </c>
      <c r="H65139" s="1" t="s">
        <v>217115</v>
      </c>
      <c r="I65139" s="1" t="s">
        <v>216161</v>
      </c>
      <c r="J65139" s="1" t="s">
        <v>217200</v>
      </c>
    </row>
    <row r="65140" spans="1:10" x14ac:dyDescent="0.35">
      <c r="A65140" s="1" t="s">
        <v>142363</v>
      </c>
      <c r="B65140" s="1" t="s">
        <v>216156</v>
      </c>
      <c r="C65140" s="1" t="s">
        <v>155</v>
      </c>
      <c r="D65140" s="1" t="s">
        <v>4030</v>
      </c>
      <c r="E65140" s="1" t="s">
        <v>217201</v>
      </c>
      <c r="F65140" s="1" t="s">
        <v>217202</v>
      </c>
      <c r="G65140" s="1" t="s">
        <v>217114</v>
      </c>
      <c r="H65140" s="1" t="s">
        <v>217115</v>
      </c>
      <c r="I65140" s="1" t="s">
        <v>216161</v>
      </c>
      <c r="J65140" s="1" t="s">
        <v>217203</v>
      </c>
    </row>
    <row r="65141" spans="1:10" x14ac:dyDescent="0.35">
      <c r="A65141" s="1" t="s">
        <v>142363</v>
      </c>
      <c r="B65141" s="1" t="s">
        <v>216156</v>
      </c>
      <c r="C65141" s="1" t="s">
        <v>160</v>
      </c>
      <c r="D65141" s="1" t="s">
        <v>45375</v>
      </c>
      <c r="E65141" s="1" t="s">
        <v>217204</v>
      </c>
      <c r="F65141" s="1" t="s">
        <v>217205</v>
      </c>
      <c r="G65141" s="1" t="s">
        <v>217114</v>
      </c>
      <c r="H65141" s="1" t="s">
        <v>217115</v>
      </c>
      <c r="I65141" s="1" t="s">
        <v>216161</v>
      </c>
      <c r="J65141" s="1" t="s">
        <v>217206</v>
      </c>
    </row>
    <row r="65142" spans="1:10" x14ac:dyDescent="0.35">
      <c r="A65142" s="1" t="s">
        <v>142363</v>
      </c>
      <c r="B65142" s="1" t="s">
        <v>216156</v>
      </c>
      <c r="C65142" s="1" t="s">
        <v>165</v>
      </c>
      <c r="D65142" s="1" t="s">
        <v>8675</v>
      </c>
      <c r="E65142" s="1" t="s">
        <v>217207</v>
      </c>
      <c r="F65142" s="1" t="s">
        <v>217208</v>
      </c>
      <c r="G65142" s="1" t="s">
        <v>217114</v>
      </c>
      <c r="H65142" s="1" t="s">
        <v>217115</v>
      </c>
      <c r="I65142" s="1" t="s">
        <v>216161</v>
      </c>
      <c r="J65142" s="1" t="s">
        <v>217209</v>
      </c>
    </row>
    <row r="65143" spans="1:10" x14ac:dyDescent="0.35">
      <c r="A65143" s="1" t="s">
        <v>142363</v>
      </c>
      <c r="B65143" s="1" t="s">
        <v>216156</v>
      </c>
      <c r="C65143" s="1" t="s">
        <v>170</v>
      </c>
      <c r="D65143" s="1" t="s">
        <v>11763</v>
      </c>
      <c r="E65143" s="1" t="s">
        <v>217210</v>
      </c>
      <c r="F65143" s="1" t="s">
        <v>217211</v>
      </c>
      <c r="G65143" s="1" t="s">
        <v>217114</v>
      </c>
      <c r="H65143" s="1" t="s">
        <v>217115</v>
      </c>
      <c r="I65143" s="1" t="s">
        <v>216161</v>
      </c>
      <c r="J65143" s="1" t="s">
        <v>217212</v>
      </c>
    </row>
    <row r="65144" spans="1:10" x14ac:dyDescent="0.35">
      <c r="A65144" s="1" t="s">
        <v>217213</v>
      </c>
      <c r="B65144" s="1" t="s">
        <v>216156</v>
      </c>
      <c r="C65144" s="1" t="s">
        <v>8</v>
      </c>
      <c r="D65144" s="1" t="s">
        <v>99598</v>
      </c>
      <c r="E65144" s="1" t="s">
        <v>217214</v>
      </c>
      <c r="F65144" s="1" t="s">
        <v>217215</v>
      </c>
      <c r="G65144" s="1" t="s">
        <v>217216</v>
      </c>
      <c r="H65144" s="1" t="s">
        <v>217217</v>
      </c>
      <c r="I65144" s="1" t="s">
        <v>216161</v>
      </c>
      <c r="J65144" s="1" t="s">
        <v>13</v>
      </c>
    </row>
    <row r="65145" spans="1:10" x14ac:dyDescent="0.35">
      <c r="A65145" s="1" t="s">
        <v>217213</v>
      </c>
      <c r="B65145" s="1" t="s">
        <v>216156</v>
      </c>
      <c r="C65145" s="1" t="s">
        <v>15</v>
      </c>
      <c r="D65145" s="1" t="s">
        <v>12040</v>
      </c>
      <c r="E65145" s="1" t="s">
        <v>217218</v>
      </c>
      <c r="F65145" s="1" t="s">
        <v>217219</v>
      </c>
      <c r="G65145" s="1" t="s">
        <v>217216</v>
      </c>
      <c r="H65145" s="1" t="s">
        <v>217217</v>
      </c>
      <c r="I65145" s="1" t="s">
        <v>216161</v>
      </c>
      <c r="J65145" s="1" t="s">
        <v>217220</v>
      </c>
    </row>
    <row r="65146" spans="1:10" x14ac:dyDescent="0.35">
      <c r="A65146" s="1" t="s">
        <v>217213</v>
      </c>
      <c r="B65146" s="1" t="s">
        <v>216156</v>
      </c>
      <c r="C65146" s="1" t="s">
        <v>20</v>
      </c>
      <c r="D65146" s="1" t="s">
        <v>217221</v>
      </c>
      <c r="E65146" s="1" t="s">
        <v>217222</v>
      </c>
      <c r="F65146" s="1" t="s">
        <v>217223</v>
      </c>
      <c r="G65146" s="1" t="s">
        <v>217216</v>
      </c>
      <c r="H65146" s="1" t="s">
        <v>217217</v>
      </c>
      <c r="I65146" s="1" t="s">
        <v>216161</v>
      </c>
      <c r="J65146" s="1" t="s">
        <v>217224</v>
      </c>
    </row>
    <row r="65147" spans="1:10" x14ac:dyDescent="0.35">
      <c r="A65147" s="1" t="s">
        <v>217213</v>
      </c>
      <c r="B65147" s="1" t="s">
        <v>216156</v>
      </c>
      <c r="C65147" s="1" t="s">
        <v>25</v>
      </c>
      <c r="D65147" s="1" t="s">
        <v>51173</v>
      </c>
      <c r="E65147" s="1" t="s">
        <v>217225</v>
      </c>
      <c r="F65147" s="1" t="s">
        <v>217226</v>
      </c>
      <c r="G65147" s="1" t="s">
        <v>217216</v>
      </c>
      <c r="H65147" s="1" t="s">
        <v>217217</v>
      </c>
      <c r="I65147" s="1" t="s">
        <v>216161</v>
      </c>
      <c r="J65147" s="1" t="s">
        <v>217227</v>
      </c>
    </row>
    <row r="65148" spans="1:10" x14ac:dyDescent="0.35">
      <c r="A65148" s="1" t="s">
        <v>217213</v>
      </c>
      <c r="B65148" s="1" t="s">
        <v>216156</v>
      </c>
      <c r="C65148" s="1" t="s">
        <v>30</v>
      </c>
      <c r="D65148" s="1" t="s">
        <v>149277</v>
      </c>
      <c r="E65148" s="1" t="s">
        <v>217228</v>
      </c>
      <c r="F65148" s="1" t="s">
        <v>217229</v>
      </c>
      <c r="G65148" s="1" t="s">
        <v>217216</v>
      </c>
      <c r="H65148" s="1" t="s">
        <v>217217</v>
      </c>
      <c r="I65148" s="1" t="s">
        <v>216161</v>
      </c>
      <c r="J65148" s="1" t="s">
        <v>217230</v>
      </c>
    </row>
    <row r="65149" spans="1:10" x14ac:dyDescent="0.35">
      <c r="A65149" s="1" t="s">
        <v>217213</v>
      </c>
      <c r="B65149" s="1" t="s">
        <v>216156</v>
      </c>
      <c r="C65149" s="1" t="s">
        <v>35</v>
      </c>
      <c r="D65149" s="1" t="s">
        <v>101706</v>
      </c>
      <c r="E65149" s="1" t="s">
        <v>217231</v>
      </c>
      <c r="F65149" s="1" t="s">
        <v>217232</v>
      </c>
      <c r="G65149" s="1" t="s">
        <v>217216</v>
      </c>
      <c r="H65149" s="1" t="s">
        <v>217217</v>
      </c>
      <c r="I65149" s="1" t="s">
        <v>216161</v>
      </c>
      <c r="J65149" s="1" t="s">
        <v>217233</v>
      </c>
    </row>
    <row r="65150" spans="1:10" x14ac:dyDescent="0.35">
      <c r="A65150" s="1" t="s">
        <v>217213</v>
      </c>
      <c r="B65150" s="1" t="s">
        <v>216156</v>
      </c>
      <c r="C65150" s="1" t="s">
        <v>40</v>
      </c>
      <c r="D65150" s="1" t="s">
        <v>10496</v>
      </c>
      <c r="E65150" s="1" t="s">
        <v>217234</v>
      </c>
      <c r="F65150" s="1" t="s">
        <v>217235</v>
      </c>
      <c r="G65150" s="1" t="s">
        <v>217216</v>
      </c>
      <c r="H65150" s="1" t="s">
        <v>217217</v>
      </c>
      <c r="I65150" s="1" t="s">
        <v>216161</v>
      </c>
      <c r="J65150" s="1" t="s">
        <v>217236</v>
      </c>
    </row>
    <row r="65151" spans="1:10" x14ac:dyDescent="0.35">
      <c r="A65151" s="1" t="s">
        <v>217213</v>
      </c>
      <c r="B65151" s="1" t="s">
        <v>216156</v>
      </c>
      <c r="C65151" s="1" t="s">
        <v>45</v>
      </c>
      <c r="D65151" s="1" t="s">
        <v>217237</v>
      </c>
      <c r="E65151" s="1" t="s">
        <v>217238</v>
      </c>
      <c r="F65151" s="1" t="s">
        <v>217239</v>
      </c>
      <c r="G65151" s="1" t="s">
        <v>217216</v>
      </c>
      <c r="H65151" s="1" t="s">
        <v>217217</v>
      </c>
      <c r="I65151" s="1" t="s">
        <v>216161</v>
      </c>
      <c r="J65151" s="1" t="s">
        <v>217240</v>
      </c>
    </row>
    <row r="65152" spans="1:10" x14ac:dyDescent="0.35">
      <c r="A65152" s="1" t="s">
        <v>217213</v>
      </c>
      <c r="B65152" s="1" t="s">
        <v>216156</v>
      </c>
      <c r="C65152" s="1" t="s">
        <v>50</v>
      </c>
      <c r="D65152" s="1" t="s">
        <v>113421</v>
      </c>
      <c r="E65152" s="1" t="s">
        <v>217241</v>
      </c>
      <c r="F65152" s="1" t="s">
        <v>217242</v>
      </c>
      <c r="G65152" s="1" t="s">
        <v>217216</v>
      </c>
      <c r="H65152" s="1" t="s">
        <v>217217</v>
      </c>
      <c r="I65152" s="1" t="s">
        <v>216161</v>
      </c>
      <c r="J65152" s="1" t="s">
        <v>217243</v>
      </c>
    </row>
    <row r="65153" spans="1:10" x14ac:dyDescent="0.35">
      <c r="A65153" s="1" t="s">
        <v>217213</v>
      </c>
      <c r="B65153" s="1" t="s">
        <v>216156</v>
      </c>
      <c r="C65153" s="1" t="s">
        <v>55</v>
      </c>
      <c r="D65153" s="1" t="s">
        <v>2008</v>
      </c>
      <c r="E65153" s="1" t="s">
        <v>217244</v>
      </c>
      <c r="F65153" s="1" t="s">
        <v>217245</v>
      </c>
      <c r="G65153" s="1" t="s">
        <v>217216</v>
      </c>
      <c r="H65153" s="1" t="s">
        <v>217217</v>
      </c>
      <c r="I65153" s="1" t="s">
        <v>216161</v>
      </c>
      <c r="J65153" s="1" t="s">
        <v>217246</v>
      </c>
    </row>
    <row r="65154" spans="1:10" x14ac:dyDescent="0.35">
      <c r="A65154" s="1" t="s">
        <v>217213</v>
      </c>
      <c r="B65154" s="1" t="s">
        <v>216156</v>
      </c>
      <c r="C65154" s="1" t="s">
        <v>60</v>
      </c>
      <c r="D65154" s="1" t="s">
        <v>2160</v>
      </c>
      <c r="E65154" s="1" t="s">
        <v>217247</v>
      </c>
      <c r="F65154" s="1" t="s">
        <v>217248</v>
      </c>
      <c r="G65154" s="1" t="s">
        <v>217216</v>
      </c>
      <c r="H65154" s="1" t="s">
        <v>217217</v>
      </c>
      <c r="I65154" s="1" t="s">
        <v>216161</v>
      </c>
      <c r="J65154" s="1" t="s">
        <v>217249</v>
      </c>
    </row>
    <row r="65155" spans="1:10" x14ac:dyDescent="0.35">
      <c r="A65155" s="1" t="s">
        <v>217213</v>
      </c>
      <c r="B65155" s="1" t="s">
        <v>216156</v>
      </c>
      <c r="C65155" s="1" t="s">
        <v>65</v>
      </c>
      <c r="D65155" s="1" t="s">
        <v>25845</v>
      </c>
      <c r="E65155" s="1" t="s">
        <v>217250</v>
      </c>
      <c r="F65155" s="1" t="s">
        <v>217251</v>
      </c>
      <c r="G65155" s="1" t="s">
        <v>217216</v>
      </c>
      <c r="H65155" s="1" t="s">
        <v>217217</v>
      </c>
      <c r="I65155" s="1" t="s">
        <v>216161</v>
      </c>
      <c r="J65155" s="1" t="s">
        <v>217252</v>
      </c>
    </row>
    <row r="65156" spans="1:10" x14ac:dyDescent="0.35">
      <c r="A65156" s="1" t="s">
        <v>217213</v>
      </c>
      <c r="B65156" s="1" t="s">
        <v>216156</v>
      </c>
      <c r="C65156" s="1" t="s">
        <v>70</v>
      </c>
      <c r="D65156" s="1" t="s">
        <v>139279</v>
      </c>
      <c r="E65156" s="1" t="s">
        <v>217253</v>
      </c>
      <c r="F65156" s="1" t="s">
        <v>217254</v>
      </c>
      <c r="G65156" s="1" t="s">
        <v>217216</v>
      </c>
      <c r="H65156" s="1" t="s">
        <v>217217</v>
      </c>
      <c r="I65156" s="1" t="s">
        <v>216161</v>
      </c>
      <c r="J65156" s="1" t="s">
        <v>217255</v>
      </c>
    </row>
    <row r="65157" spans="1:10" x14ac:dyDescent="0.35">
      <c r="A65157" s="1" t="s">
        <v>217213</v>
      </c>
      <c r="B65157" s="1" t="s">
        <v>216156</v>
      </c>
      <c r="C65157" s="1" t="s">
        <v>75</v>
      </c>
      <c r="D65157" s="1" t="s">
        <v>109866</v>
      </c>
      <c r="E65157" s="1" t="s">
        <v>217256</v>
      </c>
      <c r="F65157" s="1" t="s">
        <v>217257</v>
      </c>
      <c r="G65157" s="1" t="s">
        <v>217216</v>
      </c>
      <c r="H65157" s="1" t="s">
        <v>217217</v>
      </c>
      <c r="I65157" s="1" t="s">
        <v>216161</v>
      </c>
      <c r="J65157" s="1" t="s">
        <v>217258</v>
      </c>
    </row>
    <row r="65158" spans="1:10" x14ac:dyDescent="0.35">
      <c r="A65158" s="1" t="s">
        <v>217213</v>
      </c>
      <c r="B65158" s="1" t="s">
        <v>216156</v>
      </c>
      <c r="C65158" s="1" t="s">
        <v>80</v>
      </c>
      <c r="D65158" s="1" t="s">
        <v>44023</v>
      </c>
      <c r="E65158" s="1" t="s">
        <v>217259</v>
      </c>
      <c r="F65158" s="1" t="s">
        <v>217260</v>
      </c>
      <c r="G65158" s="1" t="s">
        <v>217216</v>
      </c>
      <c r="H65158" s="1" t="s">
        <v>217217</v>
      </c>
      <c r="I65158" s="1" t="s">
        <v>216161</v>
      </c>
      <c r="J65158" s="1" t="s">
        <v>217261</v>
      </c>
    </row>
    <row r="65159" spans="1:10" x14ac:dyDescent="0.35">
      <c r="A65159" s="1" t="s">
        <v>217213</v>
      </c>
      <c r="B65159" s="1" t="s">
        <v>216156</v>
      </c>
      <c r="C65159" s="1" t="s">
        <v>85</v>
      </c>
      <c r="D65159" s="1" t="s">
        <v>196698</v>
      </c>
      <c r="E65159" s="1" t="s">
        <v>217262</v>
      </c>
      <c r="F65159" s="1" t="s">
        <v>217263</v>
      </c>
      <c r="G65159" s="1" t="s">
        <v>217216</v>
      </c>
      <c r="H65159" s="1" t="s">
        <v>217217</v>
      </c>
      <c r="I65159" s="1" t="s">
        <v>216161</v>
      </c>
      <c r="J65159" s="1" t="s">
        <v>217264</v>
      </c>
    </row>
    <row r="65160" spans="1:10" x14ac:dyDescent="0.35">
      <c r="A65160" s="1" t="s">
        <v>217213</v>
      </c>
      <c r="B65160" s="1" t="s">
        <v>216156</v>
      </c>
      <c r="C65160" s="1" t="s">
        <v>90</v>
      </c>
      <c r="D65160" s="1" t="s">
        <v>25692</v>
      </c>
      <c r="E65160" s="1" t="s">
        <v>217265</v>
      </c>
      <c r="F65160" s="1" t="s">
        <v>217266</v>
      </c>
      <c r="G65160" s="1" t="s">
        <v>217216</v>
      </c>
      <c r="H65160" s="1" t="s">
        <v>217217</v>
      </c>
      <c r="I65160" s="1" t="s">
        <v>216161</v>
      </c>
      <c r="J65160" s="1" t="s">
        <v>217267</v>
      </c>
    </row>
    <row r="65161" spans="1:10" x14ac:dyDescent="0.35">
      <c r="A65161" s="1" t="s">
        <v>217213</v>
      </c>
      <c r="B65161" s="1" t="s">
        <v>216156</v>
      </c>
      <c r="C65161" s="1" t="s">
        <v>95</v>
      </c>
      <c r="D65161" s="1" t="s">
        <v>217268</v>
      </c>
      <c r="E65161" s="1" t="s">
        <v>217269</v>
      </c>
      <c r="F65161" s="1" t="s">
        <v>217270</v>
      </c>
      <c r="G65161" s="1" t="s">
        <v>217216</v>
      </c>
      <c r="H65161" s="1" t="s">
        <v>217217</v>
      </c>
      <c r="I65161" s="1" t="s">
        <v>216161</v>
      </c>
      <c r="J65161" s="1" t="s">
        <v>217271</v>
      </c>
    </row>
    <row r="65162" spans="1:10" x14ac:dyDescent="0.35">
      <c r="A65162" s="1" t="s">
        <v>217213</v>
      </c>
      <c r="B65162" s="1" t="s">
        <v>216156</v>
      </c>
      <c r="C65162" s="1" t="s">
        <v>100</v>
      </c>
      <c r="D65162" s="1" t="s">
        <v>111460</v>
      </c>
      <c r="E65162" s="1" t="s">
        <v>217272</v>
      </c>
      <c r="F65162" s="1" t="s">
        <v>217273</v>
      </c>
      <c r="G65162" s="1" t="s">
        <v>217216</v>
      </c>
      <c r="H65162" s="1" t="s">
        <v>217217</v>
      </c>
      <c r="I65162" s="1" t="s">
        <v>216161</v>
      </c>
      <c r="J65162" s="1" t="s">
        <v>217274</v>
      </c>
    </row>
    <row r="65163" spans="1:10" x14ac:dyDescent="0.35">
      <c r="A65163" s="1" t="s">
        <v>217213</v>
      </c>
      <c r="B65163" s="1" t="s">
        <v>216156</v>
      </c>
      <c r="C65163" s="1" t="s">
        <v>105</v>
      </c>
      <c r="D65163" s="1" t="s">
        <v>6344</v>
      </c>
      <c r="E65163" s="1" t="s">
        <v>217275</v>
      </c>
      <c r="F65163" s="1" t="s">
        <v>217276</v>
      </c>
      <c r="G65163" s="1" t="s">
        <v>217216</v>
      </c>
      <c r="H65163" s="1" t="s">
        <v>217217</v>
      </c>
      <c r="I65163" s="1" t="s">
        <v>216161</v>
      </c>
      <c r="J65163" s="1" t="s">
        <v>217277</v>
      </c>
    </row>
    <row r="65164" spans="1:10" x14ac:dyDescent="0.35">
      <c r="A65164" s="1" t="s">
        <v>217213</v>
      </c>
      <c r="B65164" s="1" t="s">
        <v>216156</v>
      </c>
      <c r="C65164" s="1" t="s">
        <v>110</v>
      </c>
      <c r="D65164" s="1" t="s">
        <v>144915</v>
      </c>
      <c r="E65164" s="1" t="s">
        <v>217278</v>
      </c>
      <c r="F65164" s="1" t="s">
        <v>217279</v>
      </c>
      <c r="G65164" s="1" t="s">
        <v>217216</v>
      </c>
      <c r="H65164" s="1" t="s">
        <v>217217</v>
      </c>
      <c r="I65164" s="1" t="s">
        <v>216161</v>
      </c>
      <c r="J65164" s="1" t="s">
        <v>217280</v>
      </c>
    </row>
    <row r="65165" spans="1:10" x14ac:dyDescent="0.35">
      <c r="A65165" s="1" t="s">
        <v>217213</v>
      </c>
      <c r="B65165" s="1" t="s">
        <v>216156</v>
      </c>
      <c r="C65165" s="1" t="s">
        <v>115</v>
      </c>
      <c r="D65165" s="1" t="s">
        <v>28478</v>
      </c>
      <c r="E65165" s="1" t="s">
        <v>217281</v>
      </c>
      <c r="F65165" s="1" t="s">
        <v>217282</v>
      </c>
      <c r="G65165" s="1" t="s">
        <v>217216</v>
      </c>
      <c r="H65165" s="1" t="s">
        <v>217217</v>
      </c>
      <c r="I65165" s="1" t="s">
        <v>216161</v>
      </c>
      <c r="J65165" s="1" t="s">
        <v>217283</v>
      </c>
    </row>
    <row r="65166" spans="1:10" x14ac:dyDescent="0.35">
      <c r="A65166" s="1" t="s">
        <v>217213</v>
      </c>
      <c r="B65166" s="1" t="s">
        <v>216156</v>
      </c>
      <c r="C65166" s="1" t="s">
        <v>120</v>
      </c>
      <c r="D65166" s="1" t="s">
        <v>159470</v>
      </c>
      <c r="E65166" s="1" t="s">
        <v>217284</v>
      </c>
      <c r="F65166" s="1" t="s">
        <v>217285</v>
      </c>
      <c r="G65166" s="1" t="s">
        <v>217216</v>
      </c>
      <c r="H65166" s="1" t="s">
        <v>217217</v>
      </c>
      <c r="I65166" s="1" t="s">
        <v>216161</v>
      </c>
      <c r="J65166" s="1" t="s">
        <v>217286</v>
      </c>
    </row>
    <row r="65167" spans="1:10" x14ac:dyDescent="0.35">
      <c r="A65167" s="1" t="s">
        <v>217213</v>
      </c>
      <c r="B65167" s="1" t="s">
        <v>216156</v>
      </c>
      <c r="C65167" s="1" t="s">
        <v>125</v>
      </c>
      <c r="D65167" s="1" t="s">
        <v>1205</v>
      </c>
      <c r="E65167" s="1" t="s">
        <v>217287</v>
      </c>
      <c r="F65167" s="1" t="s">
        <v>217288</v>
      </c>
      <c r="G65167" s="1" t="s">
        <v>217216</v>
      </c>
      <c r="H65167" s="1" t="s">
        <v>217217</v>
      </c>
      <c r="I65167" s="1" t="s">
        <v>216161</v>
      </c>
      <c r="J65167" s="1" t="s">
        <v>217289</v>
      </c>
    </row>
    <row r="65168" spans="1:10" x14ac:dyDescent="0.35">
      <c r="A65168" s="1" t="s">
        <v>217213</v>
      </c>
      <c r="B65168" s="1" t="s">
        <v>216156</v>
      </c>
      <c r="C65168" s="1" t="s">
        <v>130</v>
      </c>
      <c r="D65168" s="1" t="s">
        <v>165</v>
      </c>
      <c r="E65168" s="1" t="s">
        <v>217290</v>
      </c>
      <c r="F65168" s="1" t="s">
        <v>217291</v>
      </c>
      <c r="G65168" s="1" t="s">
        <v>217216</v>
      </c>
      <c r="H65168" s="1" t="s">
        <v>217217</v>
      </c>
      <c r="I65168" s="1" t="s">
        <v>216161</v>
      </c>
      <c r="J65168" s="1" t="s">
        <v>217292</v>
      </c>
    </row>
    <row r="65169" spans="1:10" x14ac:dyDescent="0.35">
      <c r="A65169" s="1" t="s">
        <v>217213</v>
      </c>
      <c r="B65169" s="1" t="s">
        <v>216156</v>
      </c>
      <c r="C65169" s="1" t="s">
        <v>135</v>
      </c>
      <c r="D65169" s="1" t="s">
        <v>143661</v>
      </c>
      <c r="E65169" s="1" t="s">
        <v>217293</v>
      </c>
      <c r="F65169" s="1" t="s">
        <v>217294</v>
      </c>
      <c r="G65169" s="1" t="s">
        <v>217216</v>
      </c>
      <c r="H65169" s="1" t="s">
        <v>217217</v>
      </c>
      <c r="I65169" s="1" t="s">
        <v>216161</v>
      </c>
      <c r="J65169" s="1" t="s">
        <v>217295</v>
      </c>
    </row>
    <row r="65170" spans="1:10" x14ac:dyDescent="0.35">
      <c r="A65170" s="1" t="s">
        <v>217213</v>
      </c>
      <c r="B65170" s="1" t="s">
        <v>216156</v>
      </c>
      <c r="C65170" s="1" t="s">
        <v>140</v>
      </c>
      <c r="D65170" s="1" t="s">
        <v>143065</v>
      </c>
      <c r="E65170" s="1" t="s">
        <v>217296</v>
      </c>
      <c r="F65170" s="1" t="s">
        <v>217297</v>
      </c>
      <c r="G65170" s="1" t="s">
        <v>217216</v>
      </c>
      <c r="H65170" s="1" t="s">
        <v>217217</v>
      </c>
      <c r="I65170" s="1" t="s">
        <v>216161</v>
      </c>
      <c r="J65170" s="1" t="s">
        <v>217298</v>
      </c>
    </row>
    <row r="65171" spans="1:10" x14ac:dyDescent="0.35">
      <c r="A65171" s="1" t="s">
        <v>217213</v>
      </c>
      <c r="B65171" s="1" t="s">
        <v>216156</v>
      </c>
      <c r="C65171" s="1" t="s">
        <v>145</v>
      </c>
      <c r="D65171" s="1" t="s">
        <v>203330</v>
      </c>
      <c r="E65171" s="1" t="s">
        <v>217299</v>
      </c>
      <c r="F65171" s="1" t="s">
        <v>217300</v>
      </c>
      <c r="G65171" s="1" t="s">
        <v>217216</v>
      </c>
      <c r="H65171" s="1" t="s">
        <v>217217</v>
      </c>
      <c r="I65171" s="1" t="s">
        <v>216161</v>
      </c>
      <c r="J65171" s="1" t="s">
        <v>217301</v>
      </c>
    </row>
    <row r="65172" spans="1:10" x14ac:dyDescent="0.35">
      <c r="A65172" s="1" t="s">
        <v>217213</v>
      </c>
      <c r="B65172" s="1" t="s">
        <v>216156</v>
      </c>
      <c r="C65172" s="1" t="s">
        <v>150</v>
      </c>
      <c r="D65172" s="1" t="s">
        <v>143882</v>
      </c>
      <c r="E65172" s="1" t="s">
        <v>217302</v>
      </c>
      <c r="F65172" s="1" t="s">
        <v>217303</v>
      </c>
      <c r="G65172" s="1" t="s">
        <v>217216</v>
      </c>
      <c r="H65172" s="1" t="s">
        <v>217217</v>
      </c>
      <c r="I65172" s="1" t="s">
        <v>216161</v>
      </c>
      <c r="J65172" s="1" t="s">
        <v>217304</v>
      </c>
    </row>
    <row r="65173" spans="1:10" x14ac:dyDescent="0.35">
      <c r="A65173" s="1" t="s">
        <v>217213</v>
      </c>
      <c r="B65173" s="1" t="s">
        <v>216156</v>
      </c>
      <c r="C65173" s="1" t="s">
        <v>155</v>
      </c>
      <c r="D65173" s="1" t="s">
        <v>29327</v>
      </c>
      <c r="E65173" s="1" t="s">
        <v>217305</v>
      </c>
      <c r="F65173" s="1" t="s">
        <v>217306</v>
      </c>
      <c r="G65173" s="1" t="s">
        <v>217216</v>
      </c>
      <c r="H65173" s="1" t="s">
        <v>217217</v>
      </c>
      <c r="I65173" s="1" t="s">
        <v>216161</v>
      </c>
      <c r="J65173" s="1" t="s">
        <v>217307</v>
      </c>
    </row>
    <row r="65174" spans="1:10" x14ac:dyDescent="0.35">
      <c r="A65174" s="1" t="s">
        <v>217213</v>
      </c>
      <c r="B65174" s="1" t="s">
        <v>216156</v>
      </c>
      <c r="C65174" s="1" t="s">
        <v>160</v>
      </c>
      <c r="D65174" s="1" t="s">
        <v>110353</v>
      </c>
      <c r="E65174" s="1" t="s">
        <v>217308</v>
      </c>
      <c r="F65174" s="1" t="s">
        <v>217309</v>
      </c>
      <c r="G65174" s="1" t="s">
        <v>217216</v>
      </c>
      <c r="H65174" s="1" t="s">
        <v>217217</v>
      </c>
      <c r="I65174" s="1" t="s">
        <v>216161</v>
      </c>
      <c r="J65174" s="1" t="s">
        <v>217310</v>
      </c>
    </row>
    <row r="65175" spans="1:10" x14ac:dyDescent="0.35">
      <c r="A65175" s="1" t="s">
        <v>217213</v>
      </c>
      <c r="B65175" s="1" t="s">
        <v>216156</v>
      </c>
      <c r="C65175" s="1" t="s">
        <v>165</v>
      </c>
      <c r="D65175" s="1" t="s">
        <v>111195</v>
      </c>
      <c r="E65175" s="1" t="s">
        <v>217311</v>
      </c>
      <c r="F65175" s="1" t="s">
        <v>217312</v>
      </c>
      <c r="G65175" s="1" t="s">
        <v>217216</v>
      </c>
      <c r="H65175" s="1" t="s">
        <v>217217</v>
      </c>
      <c r="I65175" s="1" t="s">
        <v>216161</v>
      </c>
      <c r="J65175" s="1" t="s">
        <v>217313</v>
      </c>
    </row>
    <row r="65176" spans="1:10" x14ac:dyDescent="0.35">
      <c r="A65176" s="1" t="s">
        <v>217213</v>
      </c>
      <c r="B65176" s="1" t="s">
        <v>216156</v>
      </c>
      <c r="C65176" s="1" t="s">
        <v>170</v>
      </c>
      <c r="D65176" s="1" t="s">
        <v>46442</v>
      </c>
      <c r="E65176" s="1" t="s">
        <v>217314</v>
      </c>
      <c r="F65176" s="1" t="s">
        <v>217315</v>
      </c>
      <c r="G65176" s="1" t="s">
        <v>217216</v>
      </c>
      <c r="H65176" s="1" t="s">
        <v>217217</v>
      </c>
      <c r="I65176" s="1" t="s">
        <v>216161</v>
      </c>
      <c r="J65176" s="1" t="s">
        <v>217316</v>
      </c>
    </row>
    <row r="65177" spans="1:10" x14ac:dyDescent="0.35">
      <c r="A65177" s="1" t="s">
        <v>110353</v>
      </c>
      <c r="B65177" s="1" t="s">
        <v>216156</v>
      </c>
      <c r="C65177" s="1" t="s">
        <v>8</v>
      </c>
      <c r="D65177" s="1" t="s">
        <v>1797</v>
      </c>
      <c r="E65177" s="1" t="s">
        <v>217317</v>
      </c>
      <c r="F65177" s="1" t="s">
        <v>217318</v>
      </c>
      <c r="G65177" s="1" t="s">
        <v>217319</v>
      </c>
      <c r="H65177" s="1" t="s">
        <v>217320</v>
      </c>
      <c r="I65177" s="1" t="s">
        <v>216161</v>
      </c>
      <c r="J65177" s="1" t="s">
        <v>13</v>
      </c>
    </row>
    <row r="65178" spans="1:10" x14ac:dyDescent="0.35">
      <c r="A65178" s="1" t="s">
        <v>110353</v>
      </c>
      <c r="B65178" s="1" t="s">
        <v>216156</v>
      </c>
      <c r="C65178" s="1" t="s">
        <v>15</v>
      </c>
      <c r="D65178" s="1" t="s">
        <v>13934</v>
      </c>
      <c r="E65178" s="1" t="s">
        <v>217321</v>
      </c>
      <c r="F65178" s="1" t="s">
        <v>217322</v>
      </c>
      <c r="G65178" s="1" t="s">
        <v>217319</v>
      </c>
      <c r="H65178" s="1" t="s">
        <v>217320</v>
      </c>
      <c r="I65178" s="1" t="s">
        <v>216161</v>
      </c>
      <c r="J65178" s="1" t="s">
        <v>217323</v>
      </c>
    </row>
    <row r="65179" spans="1:10" x14ac:dyDescent="0.35">
      <c r="A65179" s="1" t="s">
        <v>110353</v>
      </c>
      <c r="B65179" s="1" t="s">
        <v>216156</v>
      </c>
      <c r="C65179" s="1" t="s">
        <v>20</v>
      </c>
      <c r="D65179" s="1" t="s">
        <v>1777</v>
      </c>
      <c r="E65179" s="1" t="s">
        <v>217324</v>
      </c>
      <c r="F65179" s="1" t="s">
        <v>217325</v>
      </c>
      <c r="G65179" s="1" t="s">
        <v>217319</v>
      </c>
      <c r="H65179" s="1" t="s">
        <v>217320</v>
      </c>
      <c r="I65179" s="1" t="s">
        <v>216161</v>
      </c>
      <c r="J65179" s="1" t="s">
        <v>217326</v>
      </c>
    </row>
    <row r="65180" spans="1:10" x14ac:dyDescent="0.35">
      <c r="A65180" s="1" t="s">
        <v>110353</v>
      </c>
      <c r="B65180" s="1" t="s">
        <v>216156</v>
      </c>
      <c r="C65180" s="1" t="s">
        <v>25</v>
      </c>
      <c r="D65180" s="1" t="s">
        <v>25088</v>
      </c>
      <c r="E65180" s="1" t="s">
        <v>217327</v>
      </c>
      <c r="F65180" s="1" t="s">
        <v>217328</v>
      </c>
      <c r="G65180" s="1" t="s">
        <v>217319</v>
      </c>
      <c r="H65180" s="1" t="s">
        <v>217320</v>
      </c>
      <c r="I65180" s="1" t="s">
        <v>216161</v>
      </c>
      <c r="J65180" s="1" t="s">
        <v>217329</v>
      </c>
    </row>
    <row r="65181" spans="1:10" x14ac:dyDescent="0.35">
      <c r="A65181" s="1" t="s">
        <v>110353</v>
      </c>
      <c r="B65181" s="1" t="s">
        <v>216156</v>
      </c>
      <c r="C65181" s="1" t="s">
        <v>30</v>
      </c>
      <c r="D65181" s="1" t="s">
        <v>80607</v>
      </c>
      <c r="E65181" s="1" t="s">
        <v>217330</v>
      </c>
      <c r="F65181" s="1" t="s">
        <v>217331</v>
      </c>
      <c r="G65181" s="1" t="s">
        <v>217319</v>
      </c>
      <c r="H65181" s="1" t="s">
        <v>217320</v>
      </c>
      <c r="I65181" s="1" t="s">
        <v>216161</v>
      </c>
      <c r="J65181" s="1" t="s">
        <v>217332</v>
      </c>
    </row>
    <row r="65182" spans="1:10" x14ac:dyDescent="0.35">
      <c r="A65182" s="1" t="s">
        <v>110353</v>
      </c>
      <c r="B65182" s="1" t="s">
        <v>216156</v>
      </c>
      <c r="C65182" s="1" t="s">
        <v>35</v>
      </c>
      <c r="D65182" s="1" t="s">
        <v>88205</v>
      </c>
      <c r="E65182" s="1" t="s">
        <v>217333</v>
      </c>
      <c r="F65182" s="1" t="s">
        <v>217334</v>
      </c>
      <c r="G65182" s="1" t="s">
        <v>217319</v>
      </c>
      <c r="H65182" s="1" t="s">
        <v>217320</v>
      </c>
      <c r="I65182" s="1" t="s">
        <v>216161</v>
      </c>
      <c r="J65182" s="1" t="s">
        <v>217335</v>
      </c>
    </row>
    <row r="65183" spans="1:10" x14ac:dyDescent="0.35">
      <c r="A65183" s="1" t="s">
        <v>110353</v>
      </c>
      <c r="B65183" s="1" t="s">
        <v>216156</v>
      </c>
      <c r="C65183" s="1" t="s">
        <v>40</v>
      </c>
      <c r="D65183" s="1" t="s">
        <v>144459</v>
      </c>
      <c r="E65183" s="1" t="s">
        <v>217336</v>
      </c>
      <c r="F65183" s="1" t="s">
        <v>217337</v>
      </c>
      <c r="G65183" s="1" t="s">
        <v>217319</v>
      </c>
      <c r="H65183" s="1" t="s">
        <v>217320</v>
      </c>
      <c r="I65183" s="1" t="s">
        <v>216161</v>
      </c>
      <c r="J65183" s="1" t="s">
        <v>217338</v>
      </c>
    </row>
    <row r="65184" spans="1:10" x14ac:dyDescent="0.35">
      <c r="A65184" s="1" t="s">
        <v>110353</v>
      </c>
      <c r="B65184" s="1" t="s">
        <v>216156</v>
      </c>
      <c r="C65184" s="1" t="s">
        <v>45</v>
      </c>
      <c r="D65184" s="1" t="s">
        <v>100286</v>
      </c>
      <c r="E65184" s="1" t="s">
        <v>217339</v>
      </c>
      <c r="F65184" s="1" t="s">
        <v>217340</v>
      </c>
      <c r="G65184" s="1" t="s">
        <v>217319</v>
      </c>
      <c r="H65184" s="1" t="s">
        <v>217320</v>
      </c>
      <c r="I65184" s="1" t="s">
        <v>216161</v>
      </c>
      <c r="J65184" s="1" t="s">
        <v>217341</v>
      </c>
    </row>
    <row r="65185" spans="1:10" x14ac:dyDescent="0.35">
      <c r="A65185" s="1" t="s">
        <v>110353</v>
      </c>
      <c r="B65185" s="1" t="s">
        <v>216156</v>
      </c>
      <c r="C65185" s="1" t="s">
        <v>50</v>
      </c>
      <c r="D65185" s="1" t="s">
        <v>103660</v>
      </c>
      <c r="E65185" s="1" t="s">
        <v>217342</v>
      </c>
      <c r="F65185" s="1" t="s">
        <v>217343</v>
      </c>
      <c r="G65185" s="1" t="s">
        <v>217319</v>
      </c>
      <c r="H65185" s="1" t="s">
        <v>217320</v>
      </c>
      <c r="I65185" s="1" t="s">
        <v>216161</v>
      </c>
      <c r="J65185" s="1" t="s">
        <v>217344</v>
      </c>
    </row>
    <row r="65186" spans="1:10" x14ac:dyDescent="0.35">
      <c r="A65186" s="1" t="s">
        <v>110353</v>
      </c>
      <c r="B65186" s="1" t="s">
        <v>216156</v>
      </c>
      <c r="C65186" s="1" t="s">
        <v>55</v>
      </c>
      <c r="D65186" s="1" t="s">
        <v>44281</v>
      </c>
      <c r="E65186" s="1" t="s">
        <v>217345</v>
      </c>
      <c r="F65186" s="1" t="s">
        <v>217346</v>
      </c>
      <c r="G65186" s="1" t="s">
        <v>217319</v>
      </c>
      <c r="H65186" s="1" t="s">
        <v>217320</v>
      </c>
      <c r="I65186" s="1" t="s">
        <v>216161</v>
      </c>
      <c r="J65186" s="1" t="s">
        <v>217347</v>
      </c>
    </row>
    <row r="65187" spans="1:10" x14ac:dyDescent="0.35">
      <c r="A65187" s="1" t="s">
        <v>110353</v>
      </c>
      <c r="B65187" s="1" t="s">
        <v>216156</v>
      </c>
      <c r="C65187" s="1" t="s">
        <v>60</v>
      </c>
      <c r="D65187" s="1" t="s">
        <v>119545</v>
      </c>
      <c r="E65187" s="1" t="s">
        <v>217348</v>
      </c>
      <c r="F65187" s="1" t="s">
        <v>217349</v>
      </c>
      <c r="G65187" s="1" t="s">
        <v>217319</v>
      </c>
      <c r="H65187" s="1" t="s">
        <v>217320</v>
      </c>
      <c r="I65187" s="1" t="s">
        <v>216161</v>
      </c>
      <c r="J65187" s="1" t="s">
        <v>217350</v>
      </c>
    </row>
    <row r="65188" spans="1:10" x14ac:dyDescent="0.35">
      <c r="A65188" s="1" t="s">
        <v>110353</v>
      </c>
      <c r="B65188" s="1" t="s">
        <v>216156</v>
      </c>
      <c r="C65188" s="1" t="s">
        <v>65</v>
      </c>
      <c r="D65188" s="1" t="s">
        <v>139997</v>
      </c>
      <c r="E65188" s="1" t="s">
        <v>217351</v>
      </c>
      <c r="F65188" s="1" t="s">
        <v>217352</v>
      </c>
      <c r="G65188" s="1" t="s">
        <v>217319</v>
      </c>
      <c r="H65188" s="1" t="s">
        <v>217320</v>
      </c>
      <c r="I65188" s="1" t="s">
        <v>216161</v>
      </c>
      <c r="J65188" s="1" t="s">
        <v>217353</v>
      </c>
    </row>
    <row r="65189" spans="1:10" x14ac:dyDescent="0.35">
      <c r="A65189" s="1" t="s">
        <v>110353</v>
      </c>
      <c r="B65189" s="1" t="s">
        <v>216156</v>
      </c>
      <c r="C65189" s="1" t="s">
        <v>70</v>
      </c>
      <c r="D65189" s="1" t="s">
        <v>117134</v>
      </c>
      <c r="E65189" s="1" t="s">
        <v>217354</v>
      </c>
      <c r="F65189" s="1" t="s">
        <v>217355</v>
      </c>
      <c r="G65189" s="1" t="s">
        <v>217319</v>
      </c>
      <c r="H65189" s="1" t="s">
        <v>217320</v>
      </c>
      <c r="I65189" s="1" t="s">
        <v>216161</v>
      </c>
      <c r="J65189" s="1" t="s">
        <v>217356</v>
      </c>
    </row>
    <row r="65190" spans="1:10" x14ac:dyDescent="0.35">
      <c r="A65190" s="1" t="s">
        <v>110353</v>
      </c>
      <c r="B65190" s="1" t="s">
        <v>216156</v>
      </c>
      <c r="C65190" s="1" t="s">
        <v>75</v>
      </c>
      <c r="D65190" s="1" t="s">
        <v>6163</v>
      </c>
      <c r="E65190" s="1" t="s">
        <v>217357</v>
      </c>
      <c r="F65190" s="1" t="s">
        <v>217358</v>
      </c>
      <c r="G65190" s="1" t="s">
        <v>217319</v>
      </c>
      <c r="H65190" s="1" t="s">
        <v>217320</v>
      </c>
      <c r="I65190" s="1" t="s">
        <v>216161</v>
      </c>
      <c r="J65190" s="1" t="s">
        <v>217359</v>
      </c>
    </row>
    <row r="65191" spans="1:10" x14ac:dyDescent="0.35">
      <c r="A65191" s="1" t="s">
        <v>110353</v>
      </c>
      <c r="B65191" s="1" t="s">
        <v>216156</v>
      </c>
      <c r="C65191" s="1" t="s">
        <v>80</v>
      </c>
      <c r="D65191" s="1" t="s">
        <v>29627</v>
      </c>
      <c r="E65191" s="1" t="s">
        <v>217360</v>
      </c>
      <c r="F65191" s="1" t="s">
        <v>217361</v>
      </c>
      <c r="G65191" s="1" t="s">
        <v>217319</v>
      </c>
      <c r="H65191" s="1" t="s">
        <v>217320</v>
      </c>
      <c r="I65191" s="1" t="s">
        <v>216161</v>
      </c>
      <c r="J65191" s="1" t="s">
        <v>217362</v>
      </c>
    </row>
    <row r="65192" spans="1:10" x14ac:dyDescent="0.35">
      <c r="A65192" s="1" t="s">
        <v>110353</v>
      </c>
      <c r="B65192" s="1" t="s">
        <v>216156</v>
      </c>
      <c r="C65192" s="1" t="s">
        <v>85</v>
      </c>
      <c r="D65192" s="1" t="s">
        <v>44669</v>
      </c>
      <c r="E65192" s="1" t="s">
        <v>217363</v>
      </c>
      <c r="F65192" s="1" t="s">
        <v>217364</v>
      </c>
      <c r="G65192" s="1" t="s">
        <v>217319</v>
      </c>
      <c r="H65192" s="1" t="s">
        <v>217320</v>
      </c>
      <c r="I65192" s="1" t="s">
        <v>216161</v>
      </c>
      <c r="J65192" s="1" t="s">
        <v>217365</v>
      </c>
    </row>
    <row r="65193" spans="1:10" x14ac:dyDescent="0.35">
      <c r="A65193" s="1" t="s">
        <v>110353</v>
      </c>
      <c r="B65193" s="1" t="s">
        <v>216156</v>
      </c>
      <c r="C65193" s="1" t="s">
        <v>90</v>
      </c>
      <c r="D65193" s="1" t="s">
        <v>28721</v>
      </c>
      <c r="E65193" s="1" t="s">
        <v>217366</v>
      </c>
      <c r="F65193" s="1" t="s">
        <v>217367</v>
      </c>
      <c r="G65193" s="1" t="s">
        <v>217319</v>
      </c>
      <c r="H65193" s="1" t="s">
        <v>217320</v>
      </c>
      <c r="I65193" s="1" t="s">
        <v>216161</v>
      </c>
      <c r="J65193" s="1" t="s">
        <v>217368</v>
      </c>
    </row>
    <row r="65194" spans="1:10" x14ac:dyDescent="0.35">
      <c r="A65194" s="1" t="s">
        <v>110353</v>
      </c>
      <c r="B65194" s="1" t="s">
        <v>216156</v>
      </c>
      <c r="C65194" s="1" t="s">
        <v>95</v>
      </c>
      <c r="D65194" s="1" t="s">
        <v>27535</v>
      </c>
      <c r="E65194" s="1" t="s">
        <v>217369</v>
      </c>
      <c r="F65194" s="1" t="s">
        <v>217370</v>
      </c>
      <c r="G65194" s="1" t="s">
        <v>217319</v>
      </c>
      <c r="H65194" s="1" t="s">
        <v>217320</v>
      </c>
      <c r="I65194" s="1" t="s">
        <v>216161</v>
      </c>
      <c r="J65194" s="1" t="s">
        <v>217371</v>
      </c>
    </row>
    <row r="65195" spans="1:10" x14ac:dyDescent="0.35">
      <c r="A65195" s="1" t="s">
        <v>110353</v>
      </c>
      <c r="B65195" s="1" t="s">
        <v>216156</v>
      </c>
      <c r="C65195" s="1" t="s">
        <v>100</v>
      </c>
      <c r="D65195" s="1" t="s">
        <v>45233</v>
      </c>
      <c r="E65195" s="1" t="s">
        <v>217372</v>
      </c>
      <c r="F65195" s="1" t="s">
        <v>217373</v>
      </c>
      <c r="G65195" s="1" t="s">
        <v>217319</v>
      </c>
      <c r="H65195" s="1" t="s">
        <v>217320</v>
      </c>
      <c r="I65195" s="1" t="s">
        <v>216161</v>
      </c>
      <c r="J65195" s="1" t="s">
        <v>159016</v>
      </c>
    </row>
    <row r="65196" spans="1:10" x14ac:dyDescent="0.35">
      <c r="A65196" s="1" t="s">
        <v>110353</v>
      </c>
      <c r="B65196" s="1" t="s">
        <v>216156</v>
      </c>
      <c r="C65196" s="1" t="s">
        <v>105</v>
      </c>
      <c r="D65196" s="1" t="s">
        <v>170</v>
      </c>
      <c r="E65196" s="1" t="s">
        <v>217374</v>
      </c>
      <c r="F65196" s="1" t="s">
        <v>217375</v>
      </c>
      <c r="G65196" s="1" t="s">
        <v>217319</v>
      </c>
      <c r="H65196" s="1" t="s">
        <v>217320</v>
      </c>
      <c r="I65196" s="1" t="s">
        <v>216161</v>
      </c>
      <c r="J65196" s="1" t="s">
        <v>217376</v>
      </c>
    </row>
    <row r="65197" spans="1:10" x14ac:dyDescent="0.35">
      <c r="A65197" s="1" t="s">
        <v>110353</v>
      </c>
      <c r="B65197" s="1" t="s">
        <v>216156</v>
      </c>
      <c r="C65197" s="1" t="s">
        <v>110</v>
      </c>
      <c r="D65197" s="1" t="s">
        <v>3995</v>
      </c>
      <c r="E65197" s="1" t="s">
        <v>217377</v>
      </c>
      <c r="F65197" s="1" t="s">
        <v>217378</v>
      </c>
      <c r="G65197" s="1" t="s">
        <v>217319</v>
      </c>
      <c r="H65197" s="1" t="s">
        <v>217320</v>
      </c>
      <c r="I65197" s="1" t="s">
        <v>216161</v>
      </c>
      <c r="J65197" s="1" t="s">
        <v>217379</v>
      </c>
    </row>
    <row r="65198" spans="1:10" x14ac:dyDescent="0.35">
      <c r="A65198" s="1" t="s">
        <v>110353</v>
      </c>
      <c r="B65198" s="1" t="s">
        <v>216156</v>
      </c>
      <c r="C65198" s="1" t="s">
        <v>115</v>
      </c>
      <c r="D65198" s="1" t="s">
        <v>25235</v>
      </c>
      <c r="E65198" s="1" t="s">
        <v>217380</v>
      </c>
      <c r="F65198" s="1" t="s">
        <v>217381</v>
      </c>
      <c r="G65198" s="1" t="s">
        <v>217319</v>
      </c>
      <c r="H65198" s="1" t="s">
        <v>217320</v>
      </c>
      <c r="I65198" s="1" t="s">
        <v>216161</v>
      </c>
      <c r="J65198" s="1" t="s">
        <v>217382</v>
      </c>
    </row>
    <row r="65199" spans="1:10" x14ac:dyDescent="0.35">
      <c r="A65199" s="1" t="s">
        <v>110353</v>
      </c>
      <c r="B65199" s="1" t="s">
        <v>216156</v>
      </c>
      <c r="C65199" s="1" t="s">
        <v>120</v>
      </c>
      <c r="D65199" s="1" t="s">
        <v>9901</v>
      </c>
      <c r="E65199" s="1" t="s">
        <v>217383</v>
      </c>
      <c r="F65199" s="1" t="s">
        <v>217384</v>
      </c>
      <c r="G65199" s="1" t="s">
        <v>217319</v>
      </c>
      <c r="H65199" s="1" t="s">
        <v>217320</v>
      </c>
      <c r="I65199" s="1" t="s">
        <v>216161</v>
      </c>
      <c r="J65199" s="1" t="s">
        <v>217385</v>
      </c>
    </row>
    <row r="65200" spans="1:10" x14ac:dyDescent="0.35">
      <c r="A65200" s="1" t="s">
        <v>110353</v>
      </c>
      <c r="B65200" s="1" t="s">
        <v>216156</v>
      </c>
      <c r="C65200" s="1" t="s">
        <v>125</v>
      </c>
      <c r="D65200" s="1" t="s">
        <v>29167</v>
      </c>
      <c r="E65200" s="1" t="s">
        <v>217386</v>
      </c>
      <c r="F65200" s="1" t="s">
        <v>217387</v>
      </c>
      <c r="G65200" s="1" t="s">
        <v>217319</v>
      </c>
      <c r="H65200" s="1" t="s">
        <v>217320</v>
      </c>
      <c r="I65200" s="1" t="s">
        <v>216161</v>
      </c>
      <c r="J65200" s="1" t="s">
        <v>217388</v>
      </c>
    </row>
    <row r="65201" spans="1:10" x14ac:dyDescent="0.35">
      <c r="A65201" s="1" t="s">
        <v>110353</v>
      </c>
      <c r="B65201" s="1" t="s">
        <v>216156</v>
      </c>
      <c r="C65201" s="1" t="s">
        <v>130</v>
      </c>
      <c r="D65201" s="1" t="s">
        <v>28420</v>
      </c>
      <c r="E65201" s="1" t="s">
        <v>217389</v>
      </c>
      <c r="F65201" s="1" t="s">
        <v>217390</v>
      </c>
      <c r="G65201" s="1" t="s">
        <v>217319</v>
      </c>
      <c r="H65201" s="1" t="s">
        <v>217320</v>
      </c>
      <c r="I65201" s="1" t="s">
        <v>216161</v>
      </c>
      <c r="J65201" s="1" t="s">
        <v>217391</v>
      </c>
    </row>
    <row r="65202" spans="1:10" x14ac:dyDescent="0.35">
      <c r="A65202" s="1" t="s">
        <v>110353</v>
      </c>
      <c r="B65202" s="1" t="s">
        <v>216156</v>
      </c>
      <c r="C65202" s="1" t="s">
        <v>135</v>
      </c>
      <c r="D65202" s="1" t="s">
        <v>51749</v>
      </c>
      <c r="E65202" s="1" t="s">
        <v>217392</v>
      </c>
      <c r="F65202" s="1" t="s">
        <v>217393</v>
      </c>
      <c r="G65202" s="1" t="s">
        <v>217319</v>
      </c>
      <c r="H65202" s="1" t="s">
        <v>217320</v>
      </c>
      <c r="I65202" s="1" t="s">
        <v>216161</v>
      </c>
      <c r="J65202" s="1" t="s">
        <v>217394</v>
      </c>
    </row>
    <row r="65203" spans="1:10" x14ac:dyDescent="0.35">
      <c r="A65203" s="1" t="s">
        <v>110353</v>
      </c>
      <c r="B65203" s="1" t="s">
        <v>216156</v>
      </c>
      <c r="C65203" s="1" t="s">
        <v>140</v>
      </c>
      <c r="D65203" s="1" t="s">
        <v>8702</v>
      </c>
      <c r="E65203" s="1" t="s">
        <v>217395</v>
      </c>
      <c r="F65203" s="1" t="s">
        <v>217396</v>
      </c>
      <c r="G65203" s="1" t="s">
        <v>217319</v>
      </c>
      <c r="H65203" s="1" t="s">
        <v>217320</v>
      </c>
      <c r="I65203" s="1" t="s">
        <v>216161</v>
      </c>
      <c r="J65203" s="1" t="s">
        <v>217397</v>
      </c>
    </row>
    <row r="65204" spans="1:10" x14ac:dyDescent="0.35">
      <c r="A65204" s="1" t="s">
        <v>110353</v>
      </c>
      <c r="B65204" s="1" t="s">
        <v>216156</v>
      </c>
      <c r="C65204" s="1" t="s">
        <v>145</v>
      </c>
      <c r="D65204" s="1" t="s">
        <v>25985</v>
      </c>
      <c r="E65204" s="1" t="s">
        <v>217398</v>
      </c>
      <c r="F65204" s="1" t="s">
        <v>217399</v>
      </c>
      <c r="G65204" s="1" t="s">
        <v>217319</v>
      </c>
      <c r="H65204" s="1" t="s">
        <v>217320</v>
      </c>
      <c r="I65204" s="1" t="s">
        <v>216161</v>
      </c>
      <c r="J65204" s="1" t="s">
        <v>217400</v>
      </c>
    </row>
    <row r="65205" spans="1:10" x14ac:dyDescent="0.35">
      <c r="A65205" s="1" t="s">
        <v>110353</v>
      </c>
      <c r="B65205" s="1" t="s">
        <v>216156</v>
      </c>
      <c r="C65205" s="1" t="s">
        <v>150</v>
      </c>
      <c r="D65205" s="1" t="s">
        <v>28083</v>
      </c>
      <c r="E65205" s="1" t="s">
        <v>217401</v>
      </c>
      <c r="F65205" s="1" t="s">
        <v>217402</v>
      </c>
      <c r="G65205" s="1" t="s">
        <v>217319</v>
      </c>
      <c r="H65205" s="1" t="s">
        <v>217320</v>
      </c>
      <c r="I65205" s="1" t="s">
        <v>216161</v>
      </c>
      <c r="J65205" s="1" t="s">
        <v>217403</v>
      </c>
    </row>
    <row r="65206" spans="1:10" x14ac:dyDescent="0.35">
      <c r="A65206" s="1" t="s">
        <v>110353</v>
      </c>
      <c r="B65206" s="1" t="s">
        <v>216156</v>
      </c>
      <c r="C65206" s="1" t="s">
        <v>155</v>
      </c>
      <c r="D65206" s="1" t="s">
        <v>44878</v>
      </c>
      <c r="E65206" s="1" t="s">
        <v>217404</v>
      </c>
      <c r="F65206" s="1" t="s">
        <v>217405</v>
      </c>
      <c r="G65206" s="1" t="s">
        <v>217319</v>
      </c>
      <c r="H65206" s="1" t="s">
        <v>217320</v>
      </c>
      <c r="I65206" s="1" t="s">
        <v>216161</v>
      </c>
      <c r="J65206" s="1" t="s">
        <v>217406</v>
      </c>
    </row>
    <row r="65207" spans="1:10" x14ac:dyDescent="0.35">
      <c r="A65207" s="1" t="s">
        <v>110353</v>
      </c>
      <c r="B65207" s="1" t="s">
        <v>216156</v>
      </c>
      <c r="C65207" s="1" t="s">
        <v>160</v>
      </c>
      <c r="D65207" s="1" t="s">
        <v>27403</v>
      </c>
      <c r="E65207" s="1" t="s">
        <v>217407</v>
      </c>
      <c r="F65207" s="1" t="s">
        <v>217408</v>
      </c>
      <c r="G65207" s="1" t="s">
        <v>217319</v>
      </c>
      <c r="H65207" s="1" t="s">
        <v>217320</v>
      </c>
      <c r="I65207" s="1" t="s">
        <v>216161</v>
      </c>
      <c r="J65207" s="1" t="s">
        <v>217409</v>
      </c>
    </row>
    <row r="65208" spans="1:10" x14ac:dyDescent="0.35">
      <c r="A65208" s="1" t="s">
        <v>110353</v>
      </c>
      <c r="B65208" s="1" t="s">
        <v>216156</v>
      </c>
      <c r="C65208" s="1" t="s">
        <v>165</v>
      </c>
      <c r="D65208" s="1" t="s">
        <v>112515</v>
      </c>
      <c r="E65208" s="1" t="s">
        <v>217410</v>
      </c>
      <c r="F65208" s="1" t="s">
        <v>217411</v>
      </c>
      <c r="G65208" s="1" t="s">
        <v>217319</v>
      </c>
      <c r="H65208" s="1" t="s">
        <v>217320</v>
      </c>
      <c r="I65208" s="1" t="s">
        <v>216161</v>
      </c>
      <c r="J65208" s="1" t="s">
        <v>217412</v>
      </c>
    </row>
    <row r="65209" spans="1:10" x14ac:dyDescent="0.35">
      <c r="A65209" s="1" t="s">
        <v>110353</v>
      </c>
      <c r="B65209" s="1" t="s">
        <v>216156</v>
      </c>
      <c r="C65209" s="1" t="s">
        <v>170</v>
      </c>
      <c r="D65209" s="1" t="s">
        <v>7040</v>
      </c>
      <c r="E65209" s="1" t="s">
        <v>217413</v>
      </c>
      <c r="F65209" s="1" t="s">
        <v>217414</v>
      </c>
      <c r="G65209" s="1" t="s">
        <v>217319</v>
      </c>
      <c r="H65209" s="1" t="s">
        <v>217320</v>
      </c>
      <c r="I65209" s="1" t="s">
        <v>216161</v>
      </c>
      <c r="J65209" s="1" t="s">
        <v>217415</v>
      </c>
    </row>
    <row r="65210" spans="1:10" x14ac:dyDescent="0.35">
      <c r="A65210" s="1" t="s">
        <v>109985</v>
      </c>
      <c r="B65210" s="1" t="s">
        <v>216156</v>
      </c>
      <c r="C65210" s="1" t="s">
        <v>8</v>
      </c>
      <c r="D65210" s="1" t="s">
        <v>108458</v>
      </c>
      <c r="E65210" s="1" t="s">
        <v>217416</v>
      </c>
      <c r="F65210" s="1" t="s">
        <v>217417</v>
      </c>
      <c r="G65210" s="1" t="s">
        <v>217418</v>
      </c>
      <c r="H65210" s="1" t="s">
        <v>217419</v>
      </c>
      <c r="I65210" s="1" t="s">
        <v>216161</v>
      </c>
      <c r="J65210" s="1" t="s">
        <v>13</v>
      </c>
    </row>
    <row r="65211" spans="1:10" x14ac:dyDescent="0.35">
      <c r="A65211" s="1" t="s">
        <v>109985</v>
      </c>
      <c r="B65211" s="1" t="s">
        <v>216156</v>
      </c>
      <c r="C65211" s="1" t="s">
        <v>15</v>
      </c>
      <c r="D65211" s="1" t="s">
        <v>6336</v>
      </c>
      <c r="E65211" s="1" t="s">
        <v>217420</v>
      </c>
      <c r="F65211" s="1" t="s">
        <v>217421</v>
      </c>
      <c r="G65211" s="1" t="s">
        <v>217418</v>
      </c>
      <c r="H65211" s="1" t="s">
        <v>217419</v>
      </c>
      <c r="I65211" s="1" t="s">
        <v>216161</v>
      </c>
      <c r="J65211" s="1" t="s">
        <v>217422</v>
      </c>
    </row>
    <row r="65212" spans="1:10" x14ac:dyDescent="0.35">
      <c r="A65212" s="1" t="s">
        <v>109985</v>
      </c>
      <c r="B65212" s="1" t="s">
        <v>216156</v>
      </c>
      <c r="C65212" s="1" t="s">
        <v>20</v>
      </c>
      <c r="D65212" s="1" t="s">
        <v>103660</v>
      </c>
      <c r="E65212" s="1" t="s">
        <v>217423</v>
      </c>
      <c r="F65212" s="1" t="s">
        <v>217424</v>
      </c>
      <c r="G65212" s="1" t="s">
        <v>217418</v>
      </c>
      <c r="H65212" s="1" t="s">
        <v>217419</v>
      </c>
      <c r="I65212" s="1" t="s">
        <v>216161</v>
      </c>
      <c r="J65212" s="1" t="s">
        <v>217425</v>
      </c>
    </row>
    <row r="65213" spans="1:10" x14ac:dyDescent="0.35">
      <c r="A65213" s="1" t="s">
        <v>109985</v>
      </c>
      <c r="B65213" s="1" t="s">
        <v>216156</v>
      </c>
      <c r="C65213" s="1" t="s">
        <v>25</v>
      </c>
      <c r="D65213" s="1" t="s">
        <v>102285</v>
      </c>
      <c r="E65213" s="1" t="s">
        <v>217426</v>
      </c>
      <c r="F65213" s="1" t="s">
        <v>217427</v>
      </c>
      <c r="G65213" s="1" t="s">
        <v>217418</v>
      </c>
      <c r="H65213" s="1" t="s">
        <v>217419</v>
      </c>
      <c r="I65213" s="1" t="s">
        <v>216161</v>
      </c>
      <c r="J65213" s="1" t="s">
        <v>217428</v>
      </c>
    </row>
    <row r="65214" spans="1:10" x14ac:dyDescent="0.35">
      <c r="A65214" s="1" t="s">
        <v>109985</v>
      </c>
      <c r="B65214" s="1" t="s">
        <v>216156</v>
      </c>
      <c r="C65214" s="1" t="s">
        <v>30</v>
      </c>
      <c r="D65214" s="1" t="s">
        <v>100286</v>
      </c>
      <c r="E65214" s="1" t="s">
        <v>217429</v>
      </c>
      <c r="F65214" s="1" t="s">
        <v>217430</v>
      </c>
      <c r="G65214" s="1" t="s">
        <v>217418</v>
      </c>
      <c r="H65214" s="1" t="s">
        <v>217419</v>
      </c>
      <c r="I65214" s="1" t="s">
        <v>216161</v>
      </c>
      <c r="J65214" s="1" t="s">
        <v>217431</v>
      </c>
    </row>
    <row r="65215" spans="1:10" x14ac:dyDescent="0.35">
      <c r="A65215" s="1" t="s">
        <v>109985</v>
      </c>
      <c r="B65215" s="1" t="s">
        <v>216156</v>
      </c>
      <c r="C65215" s="1" t="s">
        <v>35</v>
      </c>
      <c r="D65215" s="1" t="s">
        <v>1244</v>
      </c>
      <c r="E65215" s="1" t="s">
        <v>217432</v>
      </c>
      <c r="F65215" s="1" t="s">
        <v>217433</v>
      </c>
      <c r="G65215" s="1" t="s">
        <v>217418</v>
      </c>
      <c r="H65215" s="1" t="s">
        <v>217419</v>
      </c>
      <c r="I65215" s="1" t="s">
        <v>216161</v>
      </c>
      <c r="J65215" s="1" t="s">
        <v>217434</v>
      </c>
    </row>
    <row r="65216" spans="1:10" x14ac:dyDescent="0.35">
      <c r="A65216" s="1" t="s">
        <v>109985</v>
      </c>
      <c r="B65216" s="1" t="s">
        <v>216156</v>
      </c>
      <c r="C65216" s="1" t="s">
        <v>40</v>
      </c>
      <c r="D65216" s="1" t="s">
        <v>25096</v>
      </c>
      <c r="E65216" s="1" t="s">
        <v>217435</v>
      </c>
      <c r="F65216" s="1" t="s">
        <v>217436</v>
      </c>
      <c r="G65216" s="1" t="s">
        <v>217418</v>
      </c>
      <c r="H65216" s="1" t="s">
        <v>217419</v>
      </c>
      <c r="I65216" s="1" t="s">
        <v>216161</v>
      </c>
      <c r="J65216" s="1" t="s">
        <v>217437</v>
      </c>
    </row>
    <row r="65217" spans="1:10" x14ac:dyDescent="0.35">
      <c r="A65217" s="1" t="s">
        <v>109985</v>
      </c>
      <c r="B65217" s="1" t="s">
        <v>216156</v>
      </c>
      <c r="C65217" s="1" t="s">
        <v>45</v>
      </c>
      <c r="D65217" s="1" t="s">
        <v>97202</v>
      </c>
      <c r="E65217" s="1" t="s">
        <v>217438</v>
      </c>
      <c r="F65217" s="1" t="s">
        <v>217439</v>
      </c>
      <c r="G65217" s="1" t="s">
        <v>217418</v>
      </c>
      <c r="H65217" s="1" t="s">
        <v>217419</v>
      </c>
      <c r="I65217" s="1" t="s">
        <v>216161</v>
      </c>
      <c r="J65217" s="1" t="s">
        <v>217440</v>
      </c>
    </row>
    <row r="65218" spans="1:10" x14ac:dyDescent="0.35">
      <c r="A65218" s="1" t="s">
        <v>109985</v>
      </c>
      <c r="B65218" s="1" t="s">
        <v>216156</v>
      </c>
      <c r="C65218" s="1" t="s">
        <v>50</v>
      </c>
      <c r="D65218" s="1" t="s">
        <v>1840</v>
      </c>
      <c r="E65218" s="1" t="s">
        <v>217441</v>
      </c>
      <c r="F65218" s="1" t="s">
        <v>217442</v>
      </c>
      <c r="G65218" s="1" t="s">
        <v>217418</v>
      </c>
      <c r="H65218" s="1" t="s">
        <v>217419</v>
      </c>
      <c r="I65218" s="1" t="s">
        <v>216161</v>
      </c>
      <c r="J65218" s="1" t="s">
        <v>217443</v>
      </c>
    </row>
    <row r="65219" spans="1:10" x14ac:dyDescent="0.35">
      <c r="A65219" s="1" t="s">
        <v>109985</v>
      </c>
      <c r="B65219" s="1" t="s">
        <v>216156</v>
      </c>
      <c r="C65219" s="1" t="s">
        <v>55</v>
      </c>
      <c r="D65219" s="1" t="s">
        <v>47168</v>
      </c>
      <c r="E65219" s="1" t="s">
        <v>217444</v>
      </c>
      <c r="F65219" s="1" t="s">
        <v>217445</v>
      </c>
      <c r="G65219" s="1" t="s">
        <v>217418</v>
      </c>
      <c r="H65219" s="1" t="s">
        <v>217419</v>
      </c>
      <c r="I65219" s="1" t="s">
        <v>216161</v>
      </c>
      <c r="J65219" s="1" t="s">
        <v>217446</v>
      </c>
    </row>
    <row r="65220" spans="1:10" x14ac:dyDescent="0.35">
      <c r="A65220" s="1" t="s">
        <v>109985</v>
      </c>
      <c r="B65220" s="1" t="s">
        <v>216156</v>
      </c>
      <c r="C65220" s="1" t="s">
        <v>60</v>
      </c>
      <c r="D65220" s="1" t="s">
        <v>6267</v>
      </c>
      <c r="E65220" s="1" t="s">
        <v>217447</v>
      </c>
      <c r="F65220" s="1" t="s">
        <v>217448</v>
      </c>
      <c r="G65220" s="1" t="s">
        <v>217418</v>
      </c>
      <c r="H65220" s="1" t="s">
        <v>217419</v>
      </c>
      <c r="I65220" s="1" t="s">
        <v>216161</v>
      </c>
      <c r="J65220" s="1" t="s">
        <v>217449</v>
      </c>
    </row>
    <row r="65221" spans="1:10" x14ac:dyDescent="0.35">
      <c r="A65221" s="1" t="s">
        <v>109985</v>
      </c>
      <c r="B65221" s="1" t="s">
        <v>216156</v>
      </c>
      <c r="C65221" s="1" t="s">
        <v>65</v>
      </c>
      <c r="D65221" s="1" t="s">
        <v>98456</v>
      </c>
      <c r="E65221" s="1" t="s">
        <v>217450</v>
      </c>
      <c r="F65221" s="1" t="s">
        <v>217451</v>
      </c>
      <c r="G65221" s="1" t="s">
        <v>217418</v>
      </c>
      <c r="H65221" s="1" t="s">
        <v>217419</v>
      </c>
      <c r="I65221" s="1" t="s">
        <v>216161</v>
      </c>
      <c r="J65221" s="1" t="s">
        <v>217452</v>
      </c>
    </row>
    <row r="65222" spans="1:10" x14ac:dyDescent="0.35">
      <c r="A65222" s="1" t="s">
        <v>109985</v>
      </c>
      <c r="B65222" s="1" t="s">
        <v>216156</v>
      </c>
      <c r="C65222" s="1" t="s">
        <v>70</v>
      </c>
      <c r="D65222" s="1" t="s">
        <v>6336</v>
      </c>
      <c r="E65222" s="1" t="s">
        <v>217453</v>
      </c>
      <c r="F65222" s="1" t="s">
        <v>217454</v>
      </c>
      <c r="G65222" s="1" t="s">
        <v>217418</v>
      </c>
      <c r="H65222" s="1" t="s">
        <v>217419</v>
      </c>
      <c r="I65222" s="1" t="s">
        <v>216161</v>
      </c>
      <c r="J65222" s="1" t="s">
        <v>217455</v>
      </c>
    </row>
    <row r="65223" spans="1:10" x14ac:dyDescent="0.35">
      <c r="A65223" s="1" t="s">
        <v>109985</v>
      </c>
      <c r="B65223" s="1" t="s">
        <v>216156</v>
      </c>
      <c r="C65223" s="1" t="s">
        <v>75</v>
      </c>
      <c r="D65223" s="1" t="s">
        <v>108458</v>
      </c>
      <c r="E65223" s="1" t="s">
        <v>217456</v>
      </c>
      <c r="F65223" s="1" t="s">
        <v>217457</v>
      </c>
      <c r="G65223" s="1" t="s">
        <v>217418</v>
      </c>
      <c r="H65223" s="1" t="s">
        <v>217419</v>
      </c>
      <c r="I65223" s="1" t="s">
        <v>216161</v>
      </c>
      <c r="J65223" s="1" t="s">
        <v>217458</v>
      </c>
    </row>
    <row r="65224" spans="1:10" x14ac:dyDescent="0.35">
      <c r="A65224" s="1" t="s">
        <v>109985</v>
      </c>
      <c r="B65224" s="1" t="s">
        <v>216156</v>
      </c>
      <c r="C65224" s="1" t="s">
        <v>80</v>
      </c>
      <c r="D65224" s="1" t="s">
        <v>146613</v>
      </c>
      <c r="E65224" s="1" t="s">
        <v>217459</v>
      </c>
      <c r="F65224" s="1" t="s">
        <v>217460</v>
      </c>
      <c r="G65224" s="1" t="s">
        <v>217418</v>
      </c>
      <c r="H65224" s="1" t="s">
        <v>217419</v>
      </c>
      <c r="I65224" s="1" t="s">
        <v>216161</v>
      </c>
      <c r="J65224" s="1" t="s">
        <v>217461</v>
      </c>
    </row>
    <row r="65225" spans="1:10" x14ac:dyDescent="0.35">
      <c r="A65225" s="1" t="s">
        <v>109985</v>
      </c>
      <c r="B65225" s="1" t="s">
        <v>216156</v>
      </c>
      <c r="C65225" s="1" t="s">
        <v>85</v>
      </c>
      <c r="D65225" s="1" t="s">
        <v>10250</v>
      </c>
      <c r="E65225" s="1" t="s">
        <v>217462</v>
      </c>
      <c r="F65225" s="1" t="s">
        <v>217463</v>
      </c>
      <c r="G65225" s="1" t="s">
        <v>217418</v>
      </c>
      <c r="H65225" s="1" t="s">
        <v>217419</v>
      </c>
      <c r="I65225" s="1" t="s">
        <v>216161</v>
      </c>
      <c r="J65225" s="1" t="s">
        <v>217464</v>
      </c>
    </row>
    <row r="65226" spans="1:10" x14ac:dyDescent="0.35">
      <c r="A65226" s="1" t="s">
        <v>109985</v>
      </c>
      <c r="B65226" s="1" t="s">
        <v>216156</v>
      </c>
      <c r="C65226" s="1" t="s">
        <v>90</v>
      </c>
      <c r="D65226" s="1" t="s">
        <v>3953</v>
      </c>
      <c r="E65226" s="1" t="s">
        <v>217465</v>
      </c>
      <c r="F65226" s="1" t="s">
        <v>217466</v>
      </c>
      <c r="G65226" s="1" t="s">
        <v>217418</v>
      </c>
      <c r="H65226" s="1" t="s">
        <v>217419</v>
      </c>
      <c r="I65226" s="1" t="s">
        <v>216161</v>
      </c>
      <c r="J65226" s="1" t="s">
        <v>217467</v>
      </c>
    </row>
    <row r="65227" spans="1:10" x14ac:dyDescent="0.35">
      <c r="A65227" s="1" t="s">
        <v>109985</v>
      </c>
      <c r="B65227" s="1" t="s">
        <v>216156</v>
      </c>
      <c r="C65227" s="1" t="s">
        <v>95</v>
      </c>
      <c r="D65227" s="1" t="s">
        <v>27345</v>
      </c>
      <c r="E65227" s="1" t="s">
        <v>217468</v>
      </c>
      <c r="F65227" s="1" t="s">
        <v>217469</v>
      </c>
      <c r="G65227" s="1" t="s">
        <v>217418</v>
      </c>
      <c r="H65227" s="1" t="s">
        <v>217419</v>
      </c>
      <c r="I65227" s="1" t="s">
        <v>216161</v>
      </c>
      <c r="J65227" s="1" t="s">
        <v>217470</v>
      </c>
    </row>
    <row r="65228" spans="1:10" x14ac:dyDescent="0.35">
      <c r="A65228" s="1" t="s">
        <v>109985</v>
      </c>
      <c r="B65228" s="1" t="s">
        <v>216156</v>
      </c>
      <c r="C65228" s="1" t="s">
        <v>100</v>
      </c>
      <c r="D65228" s="1" t="s">
        <v>30086</v>
      </c>
      <c r="E65228" s="1" t="s">
        <v>217471</v>
      </c>
      <c r="F65228" s="1" t="s">
        <v>217472</v>
      </c>
      <c r="G65228" s="1" t="s">
        <v>217418</v>
      </c>
      <c r="H65228" s="1" t="s">
        <v>217419</v>
      </c>
      <c r="I65228" s="1" t="s">
        <v>216161</v>
      </c>
      <c r="J65228" s="1" t="s">
        <v>217473</v>
      </c>
    </row>
    <row r="65229" spans="1:10" x14ac:dyDescent="0.35">
      <c r="A65229" s="1" t="s">
        <v>109985</v>
      </c>
      <c r="B65229" s="1" t="s">
        <v>216156</v>
      </c>
      <c r="C65229" s="1" t="s">
        <v>105</v>
      </c>
      <c r="D65229" s="1" t="s">
        <v>119412</v>
      </c>
      <c r="E65229" s="1" t="s">
        <v>217474</v>
      </c>
      <c r="F65229" s="1" t="s">
        <v>217475</v>
      </c>
      <c r="G65229" s="1" t="s">
        <v>217418</v>
      </c>
      <c r="H65229" s="1" t="s">
        <v>217419</v>
      </c>
      <c r="I65229" s="1" t="s">
        <v>216161</v>
      </c>
      <c r="J65229" s="1" t="s">
        <v>217476</v>
      </c>
    </row>
    <row r="65230" spans="1:10" x14ac:dyDescent="0.35">
      <c r="A65230" s="1" t="s">
        <v>109985</v>
      </c>
      <c r="B65230" s="1" t="s">
        <v>216156</v>
      </c>
      <c r="C65230" s="1" t="s">
        <v>110</v>
      </c>
      <c r="D65230" s="1" t="s">
        <v>145339</v>
      </c>
      <c r="E65230" s="1" t="s">
        <v>217477</v>
      </c>
      <c r="F65230" s="1" t="s">
        <v>217478</v>
      </c>
      <c r="G65230" s="1" t="s">
        <v>217418</v>
      </c>
      <c r="H65230" s="1" t="s">
        <v>217419</v>
      </c>
      <c r="I65230" s="1" t="s">
        <v>216161</v>
      </c>
      <c r="J65230" s="1" t="s">
        <v>217479</v>
      </c>
    </row>
    <row r="65231" spans="1:10" x14ac:dyDescent="0.35">
      <c r="A65231" s="1" t="s">
        <v>109985</v>
      </c>
      <c r="B65231" s="1" t="s">
        <v>216156</v>
      </c>
      <c r="C65231" s="1" t="s">
        <v>115</v>
      </c>
      <c r="D65231" s="1" t="s">
        <v>9395</v>
      </c>
      <c r="E65231" s="1" t="s">
        <v>217480</v>
      </c>
      <c r="F65231" s="1" t="s">
        <v>217481</v>
      </c>
      <c r="G65231" s="1" t="s">
        <v>217418</v>
      </c>
      <c r="H65231" s="1" t="s">
        <v>217419</v>
      </c>
      <c r="I65231" s="1" t="s">
        <v>216161</v>
      </c>
      <c r="J65231" s="1" t="s">
        <v>217482</v>
      </c>
    </row>
    <row r="65232" spans="1:10" x14ac:dyDescent="0.35">
      <c r="A65232" s="1" t="s">
        <v>109985</v>
      </c>
      <c r="B65232" s="1" t="s">
        <v>216156</v>
      </c>
      <c r="C65232" s="1" t="s">
        <v>120</v>
      </c>
      <c r="D65232" s="1" t="s">
        <v>9897</v>
      </c>
      <c r="E65232" s="1" t="s">
        <v>217483</v>
      </c>
      <c r="F65232" s="1" t="s">
        <v>217484</v>
      </c>
      <c r="G65232" s="1" t="s">
        <v>217418</v>
      </c>
      <c r="H65232" s="1" t="s">
        <v>217419</v>
      </c>
      <c r="I65232" s="1" t="s">
        <v>216161</v>
      </c>
      <c r="J65232" s="1" t="s">
        <v>217485</v>
      </c>
    </row>
    <row r="65233" spans="1:10" x14ac:dyDescent="0.35">
      <c r="A65233" s="1" t="s">
        <v>109985</v>
      </c>
      <c r="B65233" s="1" t="s">
        <v>216156</v>
      </c>
      <c r="C65233" s="1" t="s">
        <v>125</v>
      </c>
      <c r="D65233" s="1" t="s">
        <v>143046</v>
      </c>
      <c r="E65233" s="1" t="s">
        <v>217486</v>
      </c>
      <c r="F65233" s="1" t="s">
        <v>217487</v>
      </c>
      <c r="G65233" s="1" t="s">
        <v>217418</v>
      </c>
      <c r="H65233" s="1" t="s">
        <v>217419</v>
      </c>
      <c r="I65233" s="1" t="s">
        <v>216161</v>
      </c>
      <c r="J65233" s="1" t="s">
        <v>217488</v>
      </c>
    </row>
    <row r="65234" spans="1:10" x14ac:dyDescent="0.35">
      <c r="A65234" s="1" t="s">
        <v>109985</v>
      </c>
      <c r="B65234" s="1" t="s">
        <v>216156</v>
      </c>
      <c r="C65234" s="1" t="s">
        <v>130</v>
      </c>
      <c r="D65234" s="1" t="s">
        <v>47401</v>
      </c>
      <c r="E65234" s="1" t="s">
        <v>217489</v>
      </c>
      <c r="F65234" s="1" t="s">
        <v>217490</v>
      </c>
      <c r="G65234" s="1" t="s">
        <v>217418</v>
      </c>
      <c r="H65234" s="1" t="s">
        <v>217419</v>
      </c>
      <c r="I65234" s="1" t="s">
        <v>216161</v>
      </c>
      <c r="J65234" s="1" t="s">
        <v>217491</v>
      </c>
    </row>
    <row r="65235" spans="1:10" x14ac:dyDescent="0.35">
      <c r="A65235" s="1" t="s">
        <v>109985</v>
      </c>
      <c r="B65235" s="1" t="s">
        <v>216156</v>
      </c>
      <c r="C65235" s="1" t="s">
        <v>135</v>
      </c>
      <c r="D65235" s="1" t="s">
        <v>117943</v>
      </c>
      <c r="E65235" s="1" t="s">
        <v>217492</v>
      </c>
      <c r="F65235" s="1" t="s">
        <v>217493</v>
      </c>
      <c r="G65235" s="1" t="s">
        <v>217418</v>
      </c>
      <c r="H65235" s="1" t="s">
        <v>217419</v>
      </c>
      <c r="I65235" s="1" t="s">
        <v>216161</v>
      </c>
      <c r="J65235" s="1" t="s">
        <v>217494</v>
      </c>
    </row>
    <row r="65236" spans="1:10" x14ac:dyDescent="0.35">
      <c r="A65236" s="1" t="s">
        <v>109985</v>
      </c>
      <c r="B65236" s="1" t="s">
        <v>216156</v>
      </c>
      <c r="C65236" s="1" t="s">
        <v>140</v>
      </c>
      <c r="D65236" s="1" t="s">
        <v>8769</v>
      </c>
      <c r="E65236" s="1" t="s">
        <v>217495</v>
      </c>
      <c r="F65236" s="1" t="s">
        <v>217496</v>
      </c>
      <c r="G65236" s="1" t="s">
        <v>217418</v>
      </c>
      <c r="H65236" s="1" t="s">
        <v>217419</v>
      </c>
      <c r="I65236" s="1" t="s">
        <v>216161</v>
      </c>
      <c r="J65236" s="1" t="s">
        <v>217497</v>
      </c>
    </row>
    <row r="65237" spans="1:10" x14ac:dyDescent="0.35">
      <c r="A65237" s="1" t="s">
        <v>109985</v>
      </c>
      <c r="B65237" s="1" t="s">
        <v>216156</v>
      </c>
      <c r="C65237" s="1" t="s">
        <v>145</v>
      </c>
      <c r="D65237" s="1" t="s">
        <v>25405</v>
      </c>
      <c r="E65237" s="1" t="s">
        <v>217498</v>
      </c>
      <c r="F65237" s="1" t="s">
        <v>217499</v>
      </c>
      <c r="G65237" s="1" t="s">
        <v>217418</v>
      </c>
      <c r="H65237" s="1" t="s">
        <v>217419</v>
      </c>
      <c r="I65237" s="1" t="s">
        <v>216161</v>
      </c>
      <c r="J65237" s="1" t="s">
        <v>217500</v>
      </c>
    </row>
    <row r="65238" spans="1:10" x14ac:dyDescent="0.35">
      <c r="A65238" s="1" t="s">
        <v>109985</v>
      </c>
      <c r="B65238" s="1" t="s">
        <v>216156</v>
      </c>
      <c r="C65238" s="1" t="s">
        <v>150</v>
      </c>
      <c r="D65238" s="1" t="s">
        <v>110094</v>
      </c>
      <c r="E65238" s="1" t="s">
        <v>217501</v>
      </c>
      <c r="F65238" s="1" t="s">
        <v>217502</v>
      </c>
      <c r="G65238" s="1" t="s">
        <v>217418</v>
      </c>
      <c r="H65238" s="1" t="s">
        <v>217419</v>
      </c>
      <c r="I65238" s="1" t="s">
        <v>216161</v>
      </c>
      <c r="J65238" s="1" t="s">
        <v>217503</v>
      </c>
    </row>
    <row r="65239" spans="1:10" x14ac:dyDescent="0.35">
      <c r="A65239" s="1" t="s">
        <v>109985</v>
      </c>
      <c r="B65239" s="1" t="s">
        <v>216156</v>
      </c>
      <c r="C65239" s="1" t="s">
        <v>155</v>
      </c>
      <c r="D65239" s="1" t="s">
        <v>45635</v>
      </c>
      <c r="E65239" s="1" t="s">
        <v>217504</v>
      </c>
      <c r="F65239" s="1" t="s">
        <v>217505</v>
      </c>
      <c r="G65239" s="1" t="s">
        <v>217418</v>
      </c>
      <c r="H65239" s="1" t="s">
        <v>217419</v>
      </c>
      <c r="I65239" s="1" t="s">
        <v>216161</v>
      </c>
      <c r="J65239" s="1" t="s">
        <v>217506</v>
      </c>
    </row>
    <row r="65240" spans="1:10" x14ac:dyDescent="0.35">
      <c r="A65240" s="1" t="s">
        <v>109985</v>
      </c>
      <c r="B65240" s="1" t="s">
        <v>216156</v>
      </c>
      <c r="C65240" s="1" t="s">
        <v>160</v>
      </c>
      <c r="D65240" s="1" t="s">
        <v>5079</v>
      </c>
      <c r="E65240" s="1" t="s">
        <v>217507</v>
      </c>
      <c r="F65240" s="1" t="s">
        <v>217508</v>
      </c>
      <c r="G65240" s="1" t="s">
        <v>217418</v>
      </c>
      <c r="H65240" s="1" t="s">
        <v>217419</v>
      </c>
      <c r="I65240" s="1" t="s">
        <v>216161</v>
      </c>
      <c r="J65240" s="1" t="s">
        <v>217509</v>
      </c>
    </row>
    <row r="65241" spans="1:10" x14ac:dyDescent="0.35">
      <c r="A65241" s="1" t="s">
        <v>109985</v>
      </c>
      <c r="B65241" s="1" t="s">
        <v>216156</v>
      </c>
      <c r="C65241" s="1" t="s">
        <v>165</v>
      </c>
      <c r="D65241" s="1" t="s">
        <v>1391</v>
      </c>
      <c r="E65241" s="1" t="s">
        <v>217510</v>
      </c>
      <c r="F65241" s="1" t="s">
        <v>217511</v>
      </c>
      <c r="G65241" s="1" t="s">
        <v>217418</v>
      </c>
      <c r="H65241" s="1" t="s">
        <v>217419</v>
      </c>
      <c r="I65241" s="1" t="s">
        <v>216161</v>
      </c>
      <c r="J65241" s="1" t="s">
        <v>217512</v>
      </c>
    </row>
    <row r="65242" spans="1:10" x14ac:dyDescent="0.35">
      <c r="A65242" s="1" t="s">
        <v>109985</v>
      </c>
      <c r="B65242" s="1" t="s">
        <v>216156</v>
      </c>
      <c r="C65242" s="1" t="s">
        <v>170</v>
      </c>
      <c r="D65242" s="1" t="s">
        <v>27851</v>
      </c>
      <c r="E65242" s="1" t="s">
        <v>217513</v>
      </c>
      <c r="F65242" s="1" t="s">
        <v>217514</v>
      </c>
      <c r="G65242" s="1" t="s">
        <v>217418</v>
      </c>
      <c r="H65242" s="1" t="s">
        <v>217419</v>
      </c>
      <c r="I65242" s="1" t="s">
        <v>216161</v>
      </c>
      <c r="J65242" s="1" t="s">
        <v>217515</v>
      </c>
    </row>
    <row r="65243" spans="1:10" x14ac:dyDescent="0.35">
      <c r="A65243" s="1" t="s">
        <v>44044</v>
      </c>
      <c r="B65243" s="1" t="s">
        <v>216156</v>
      </c>
      <c r="C65243" s="1" t="s">
        <v>8</v>
      </c>
      <c r="D65243" s="1" t="s">
        <v>52928</v>
      </c>
      <c r="E65243" s="1" t="s">
        <v>217516</v>
      </c>
      <c r="F65243" s="1" t="s">
        <v>217517</v>
      </c>
      <c r="G65243" s="1" t="s">
        <v>217518</v>
      </c>
      <c r="H65243" s="1" t="s">
        <v>217519</v>
      </c>
      <c r="I65243" s="1" t="s">
        <v>216161</v>
      </c>
      <c r="J65243" s="1" t="s">
        <v>13</v>
      </c>
    </row>
    <row r="65244" spans="1:10" x14ac:dyDescent="0.35">
      <c r="A65244" s="1" t="s">
        <v>44044</v>
      </c>
      <c r="B65244" s="1" t="s">
        <v>216156</v>
      </c>
      <c r="C65244" s="1" t="s">
        <v>15</v>
      </c>
      <c r="D65244" s="1" t="s">
        <v>52796</v>
      </c>
      <c r="E65244" s="1" t="s">
        <v>217520</v>
      </c>
      <c r="F65244" s="1" t="s">
        <v>217521</v>
      </c>
      <c r="G65244" s="1" t="s">
        <v>217518</v>
      </c>
      <c r="H65244" s="1" t="s">
        <v>217519</v>
      </c>
      <c r="I65244" s="1" t="s">
        <v>216161</v>
      </c>
      <c r="J65244" s="1" t="s">
        <v>217522</v>
      </c>
    </row>
    <row r="65245" spans="1:10" x14ac:dyDescent="0.35">
      <c r="A65245" s="1" t="s">
        <v>44044</v>
      </c>
      <c r="B65245" s="1" t="s">
        <v>216156</v>
      </c>
      <c r="C65245" s="1" t="s">
        <v>20</v>
      </c>
      <c r="D65245" s="1" t="s">
        <v>51933</v>
      </c>
      <c r="E65245" s="1" t="s">
        <v>217523</v>
      </c>
      <c r="F65245" s="1" t="s">
        <v>217524</v>
      </c>
      <c r="G65245" s="1" t="s">
        <v>217518</v>
      </c>
      <c r="H65245" s="1" t="s">
        <v>217519</v>
      </c>
      <c r="I65245" s="1" t="s">
        <v>216161</v>
      </c>
      <c r="J65245" s="1" t="s">
        <v>217525</v>
      </c>
    </row>
    <row r="65246" spans="1:10" x14ac:dyDescent="0.35">
      <c r="A65246" s="1" t="s">
        <v>44044</v>
      </c>
      <c r="B65246" s="1" t="s">
        <v>216156</v>
      </c>
      <c r="C65246" s="1" t="s">
        <v>25</v>
      </c>
      <c r="D65246" s="1" t="s">
        <v>51133</v>
      </c>
      <c r="E65246" s="1" t="s">
        <v>217526</v>
      </c>
      <c r="F65246" s="1" t="s">
        <v>217527</v>
      </c>
      <c r="G65246" s="1" t="s">
        <v>217518</v>
      </c>
      <c r="H65246" s="1" t="s">
        <v>217519</v>
      </c>
      <c r="I65246" s="1" t="s">
        <v>216161</v>
      </c>
      <c r="J65246" s="1" t="s">
        <v>217528</v>
      </c>
    </row>
    <row r="65247" spans="1:10" x14ac:dyDescent="0.35">
      <c r="A65247" s="1" t="s">
        <v>44044</v>
      </c>
      <c r="B65247" s="1" t="s">
        <v>216156</v>
      </c>
      <c r="C65247" s="1" t="s">
        <v>30</v>
      </c>
      <c r="D65247" s="1" t="s">
        <v>50089</v>
      </c>
      <c r="E65247" s="1" t="s">
        <v>217529</v>
      </c>
      <c r="F65247" s="1" t="s">
        <v>217530</v>
      </c>
      <c r="G65247" s="1" t="s">
        <v>217518</v>
      </c>
      <c r="H65247" s="1" t="s">
        <v>217519</v>
      </c>
      <c r="I65247" s="1" t="s">
        <v>216161</v>
      </c>
      <c r="J65247" s="1" t="s">
        <v>217531</v>
      </c>
    </row>
    <row r="65248" spans="1:10" x14ac:dyDescent="0.35">
      <c r="A65248" s="1" t="s">
        <v>44044</v>
      </c>
      <c r="B65248" s="1" t="s">
        <v>216156</v>
      </c>
      <c r="C65248" s="1" t="s">
        <v>35</v>
      </c>
      <c r="D65248" s="1" t="s">
        <v>56482</v>
      </c>
      <c r="E65248" s="1" t="s">
        <v>217532</v>
      </c>
      <c r="F65248" s="1" t="s">
        <v>217533</v>
      </c>
      <c r="G65248" s="1" t="s">
        <v>217518</v>
      </c>
      <c r="H65248" s="1" t="s">
        <v>217519</v>
      </c>
      <c r="I65248" s="1" t="s">
        <v>216161</v>
      </c>
      <c r="J65248" s="1" t="s">
        <v>217534</v>
      </c>
    </row>
    <row r="65249" spans="1:10" x14ac:dyDescent="0.35">
      <c r="A65249" s="1" t="s">
        <v>44044</v>
      </c>
      <c r="B65249" s="1" t="s">
        <v>216156</v>
      </c>
      <c r="C65249" s="1" t="s">
        <v>40</v>
      </c>
      <c r="D65249" s="1" t="s">
        <v>217535</v>
      </c>
      <c r="E65249" s="1" t="s">
        <v>217536</v>
      </c>
      <c r="F65249" s="1" t="s">
        <v>217537</v>
      </c>
      <c r="G65249" s="1" t="s">
        <v>217518</v>
      </c>
      <c r="H65249" s="1" t="s">
        <v>217519</v>
      </c>
      <c r="I65249" s="1" t="s">
        <v>216161</v>
      </c>
      <c r="J65249" s="1" t="s">
        <v>217538</v>
      </c>
    </row>
    <row r="65250" spans="1:10" x14ac:dyDescent="0.35">
      <c r="A65250" s="1" t="s">
        <v>44044</v>
      </c>
      <c r="B65250" s="1" t="s">
        <v>216156</v>
      </c>
      <c r="C65250" s="1" t="s">
        <v>45</v>
      </c>
      <c r="D65250" s="1" t="s">
        <v>50723</v>
      </c>
      <c r="E65250" s="1" t="s">
        <v>217539</v>
      </c>
      <c r="F65250" s="1" t="s">
        <v>217540</v>
      </c>
      <c r="G65250" s="1" t="s">
        <v>217518</v>
      </c>
      <c r="H65250" s="1" t="s">
        <v>217519</v>
      </c>
      <c r="I65250" s="1" t="s">
        <v>216161</v>
      </c>
      <c r="J65250" s="1" t="s">
        <v>217541</v>
      </c>
    </row>
    <row r="65251" spans="1:10" x14ac:dyDescent="0.35">
      <c r="A65251" s="1" t="s">
        <v>44044</v>
      </c>
      <c r="B65251" s="1" t="s">
        <v>216156</v>
      </c>
      <c r="C65251" s="1" t="s">
        <v>50</v>
      </c>
      <c r="D65251" s="1" t="s">
        <v>158594</v>
      </c>
      <c r="E65251" s="1" t="s">
        <v>217542</v>
      </c>
      <c r="F65251" s="1" t="s">
        <v>217543</v>
      </c>
      <c r="G65251" s="1" t="s">
        <v>217518</v>
      </c>
      <c r="H65251" s="1" t="s">
        <v>217519</v>
      </c>
      <c r="I65251" s="1" t="s">
        <v>216161</v>
      </c>
      <c r="J65251" s="1" t="s">
        <v>217544</v>
      </c>
    </row>
    <row r="65252" spans="1:10" x14ac:dyDescent="0.35">
      <c r="A65252" s="1" t="s">
        <v>44044</v>
      </c>
      <c r="B65252" s="1" t="s">
        <v>216156</v>
      </c>
      <c r="C65252" s="1" t="s">
        <v>55</v>
      </c>
      <c r="D65252" s="1" t="s">
        <v>81580</v>
      </c>
      <c r="E65252" s="1" t="s">
        <v>217545</v>
      </c>
      <c r="F65252" s="1" t="s">
        <v>217546</v>
      </c>
      <c r="G65252" s="1" t="s">
        <v>217518</v>
      </c>
      <c r="H65252" s="1" t="s">
        <v>217519</v>
      </c>
      <c r="I65252" s="1" t="s">
        <v>216161</v>
      </c>
      <c r="J65252" s="1" t="s">
        <v>217547</v>
      </c>
    </row>
    <row r="65253" spans="1:10" x14ac:dyDescent="0.35">
      <c r="A65253" s="1" t="s">
        <v>44044</v>
      </c>
      <c r="B65253" s="1" t="s">
        <v>216156</v>
      </c>
      <c r="C65253" s="1" t="s">
        <v>60</v>
      </c>
      <c r="D65253" s="1" t="s">
        <v>217548</v>
      </c>
      <c r="E65253" s="1" t="s">
        <v>217549</v>
      </c>
      <c r="F65253" s="1" t="s">
        <v>217550</v>
      </c>
      <c r="G65253" s="1" t="s">
        <v>217518</v>
      </c>
      <c r="H65253" s="1" t="s">
        <v>217519</v>
      </c>
      <c r="I65253" s="1" t="s">
        <v>216161</v>
      </c>
      <c r="J65253" s="1" t="s">
        <v>217551</v>
      </c>
    </row>
    <row r="65254" spans="1:10" x14ac:dyDescent="0.35">
      <c r="A65254" s="1" t="s">
        <v>44044</v>
      </c>
      <c r="B65254" s="1" t="s">
        <v>216156</v>
      </c>
      <c r="C65254" s="1" t="s">
        <v>65</v>
      </c>
      <c r="D65254" s="1" t="s">
        <v>47168</v>
      </c>
      <c r="E65254" s="1" t="s">
        <v>217552</v>
      </c>
      <c r="F65254" s="1" t="s">
        <v>217553</v>
      </c>
      <c r="G65254" s="1" t="s">
        <v>217518</v>
      </c>
      <c r="H65254" s="1" t="s">
        <v>217519</v>
      </c>
      <c r="I65254" s="1" t="s">
        <v>216161</v>
      </c>
      <c r="J65254" s="1" t="s">
        <v>149564</v>
      </c>
    </row>
    <row r="65255" spans="1:10" x14ac:dyDescent="0.35">
      <c r="A65255" s="1" t="s">
        <v>44044</v>
      </c>
      <c r="B65255" s="1" t="s">
        <v>216156</v>
      </c>
      <c r="C65255" s="1" t="s">
        <v>70</v>
      </c>
      <c r="D65255" s="1" t="s">
        <v>7327</v>
      </c>
      <c r="E65255" s="1" t="s">
        <v>217554</v>
      </c>
      <c r="F65255" s="1" t="s">
        <v>217555</v>
      </c>
      <c r="G65255" s="1" t="s">
        <v>217518</v>
      </c>
      <c r="H65255" s="1" t="s">
        <v>217519</v>
      </c>
      <c r="I65255" s="1" t="s">
        <v>216161</v>
      </c>
      <c r="J65255" s="1" t="s">
        <v>217556</v>
      </c>
    </row>
    <row r="65256" spans="1:10" x14ac:dyDescent="0.35">
      <c r="A65256" s="1" t="s">
        <v>44044</v>
      </c>
      <c r="B65256" s="1" t="s">
        <v>216156</v>
      </c>
      <c r="C65256" s="1" t="s">
        <v>75</v>
      </c>
      <c r="D65256" s="1" t="s">
        <v>217557</v>
      </c>
      <c r="E65256" s="1" t="s">
        <v>217558</v>
      </c>
      <c r="F65256" s="1" t="s">
        <v>217559</v>
      </c>
      <c r="G65256" s="1" t="s">
        <v>217518</v>
      </c>
      <c r="H65256" s="1" t="s">
        <v>217519</v>
      </c>
      <c r="I65256" s="1" t="s">
        <v>216161</v>
      </c>
      <c r="J65256" s="1" t="s">
        <v>217560</v>
      </c>
    </row>
    <row r="65257" spans="1:10" x14ac:dyDescent="0.35">
      <c r="A65257" s="1" t="s">
        <v>44044</v>
      </c>
      <c r="B65257" s="1" t="s">
        <v>216156</v>
      </c>
      <c r="C65257" s="1" t="s">
        <v>80</v>
      </c>
      <c r="D65257" s="1" t="s">
        <v>47178</v>
      </c>
      <c r="E65257" s="1" t="s">
        <v>217561</v>
      </c>
      <c r="F65257" s="1" t="s">
        <v>217562</v>
      </c>
      <c r="G65257" s="1" t="s">
        <v>217518</v>
      </c>
      <c r="H65257" s="1" t="s">
        <v>217519</v>
      </c>
      <c r="I65257" s="1" t="s">
        <v>216161</v>
      </c>
      <c r="J65257" s="1" t="s">
        <v>217563</v>
      </c>
    </row>
    <row r="65258" spans="1:10" x14ac:dyDescent="0.35">
      <c r="A65258" s="1" t="s">
        <v>44044</v>
      </c>
      <c r="B65258" s="1" t="s">
        <v>216156</v>
      </c>
      <c r="C65258" s="1" t="s">
        <v>85</v>
      </c>
      <c r="D65258" s="1" t="s">
        <v>101392</v>
      </c>
      <c r="E65258" s="1" t="s">
        <v>217564</v>
      </c>
      <c r="F65258" s="1" t="s">
        <v>217565</v>
      </c>
      <c r="G65258" s="1" t="s">
        <v>217518</v>
      </c>
      <c r="H65258" s="1" t="s">
        <v>217519</v>
      </c>
      <c r="I65258" s="1" t="s">
        <v>216161</v>
      </c>
      <c r="J65258" s="1" t="s">
        <v>217566</v>
      </c>
    </row>
    <row r="65259" spans="1:10" x14ac:dyDescent="0.35">
      <c r="A65259" s="1" t="s">
        <v>44044</v>
      </c>
      <c r="B65259" s="1" t="s">
        <v>216156</v>
      </c>
      <c r="C65259" s="1" t="s">
        <v>90</v>
      </c>
      <c r="D65259" s="1" t="s">
        <v>110297</v>
      </c>
      <c r="E65259" s="1" t="s">
        <v>217567</v>
      </c>
      <c r="F65259" s="1" t="s">
        <v>217568</v>
      </c>
      <c r="G65259" s="1" t="s">
        <v>217518</v>
      </c>
      <c r="H65259" s="1" t="s">
        <v>217519</v>
      </c>
      <c r="I65259" s="1" t="s">
        <v>216161</v>
      </c>
      <c r="J65259" s="1" t="s">
        <v>217569</v>
      </c>
    </row>
    <row r="65260" spans="1:10" x14ac:dyDescent="0.35">
      <c r="A65260" s="1" t="s">
        <v>44044</v>
      </c>
      <c r="B65260" s="1" t="s">
        <v>216156</v>
      </c>
      <c r="C65260" s="1" t="s">
        <v>95</v>
      </c>
      <c r="D65260" s="1" t="s">
        <v>103818</v>
      </c>
      <c r="E65260" s="1" t="s">
        <v>217570</v>
      </c>
      <c r="F65260" s="1" t="s">
        <v>217571</v>
      </c>
      <c r="G65260" s="1" t="s">
        <v>217518</v>
      </c>
      <c r="H65260" s="1" t="s">
        <v>217519</v>
      </c>
      <c r="I65260" s="1" t="s">
        <v>216161</v>
      </c>
      <c r="J65260" s="1" t="s">
        <v>43327</v>
      </c>
    </row>
    <row r="65261" spans="1:10" x14ac:dyDescent="0.35">
      <c r="A65261" s="1" t="s">
        <v>44044</v>
      </c>
      <c r="B65261" s="1" t="s">
        <v>216156</v>
      </c>
      <c r="C65261" s="1" t="s">
        <v>100</v>
      </c>
      <c r="D65261" s="1" t="s">
        <v>3565</v>
      </c>
      <c r="E65261" s="1" t="s">
        <v>217572</v>
      </c>
      <c r="F65261" s="1" t="s">
        <v>217573</v>
      </c>
      <c r="G65261" s="1" t="s">
        <v>217518</v>
      </c>
      <c r="H65261" s="1" t="s">
        <v>217519</v>
      </c>
      <c r="I65261" s="1" t="s">
        <v>216161</v>
      </c>
      <c r="J65261" s="1" t="s">
        <v>217574</v>
      </c>
    </row>
    <row r="65262" spans="1:10" x14ac:dyDescent="0.35">
      <c r="A65262" s="1" t="s">
        <v>44044</v>
      </c>
      <c r="B65262" s="1" t="s">
        <v>216156</v>
      </c>
      <c r="C65262" s="1" t="s">
        <v>105</v>
      </c>
      <c r="D65262" s="1" t="s">
        <v>25692</v>
      </c>
      <c r="E65262" s="1" t="s">
        <v>217575</v>
      </c>
      <c r="F65262" s="1" t="s">
        <v>217576</v>
      </c>
      <c r="G65262" s="1" t="s">
        <v>217518</v>
      </c>
      <c r="H65262" s="1" t="s">
        <v>217519</v>
      </c>
      <c r="I65262" s="1" t="s">
        <v>216161</v>
      </c>
      <c r="J65262" s="1" t="s">
        <v>217577</v>
      </c>
    </row>
    <row r="65263" spans="1:10" x14ac:dyDescent="0.35">
      <c r="A65263" s="1" t="s">
        <v>44044</v>
      </c>
      <c r="B65263" s="1" t="s">
        <v>216156</v>
      </c>
      <c r="C65263" s="1" t="s">
        <v>110</v>
      </c>
      <c r="D65263" s="1" t="s">
        <v>6308</v>
      </c>
      <c r="E65263" s="1" t="s">
        <v>217578</v>
      </c>
      <c r="F65263" s="1" t="s">
        <v>217579</v>
      </c>
      <c r="G65263" s="1" t="s">
        <v>217518</v>
      </c>
      <c r="H65263" s="1" t="s">
        <v>217519</v>
      </c>
      <c r="I65263" s="1" t="s">
        <v>216161</v>
      </c>
      <c r="J65263" s="1" t="s">
        <v>217580</v>
      </c>
    </row>
    <row r="65264" spans="1:10" x14ac:dyDescent="0.35">
      <c r="A65264" s="1" t="s">
        <v>44044</v>
      </c>
      <c r="B65264" s="1" t="s">
        <v>216156</v>
      </c>
      <c r="C65264" s="1" t="s">
        <v>115</v>
      </c>
      <c r="D65264" s="1" t="s">
        <v>2008</v>
      </c>
      <c r="E65264" s="1" t="s">
        <v>217581</v>
      </c>
      <c r="F65264" s="1" t="s">
        <v>217582</v>
      </c>
      <c r="G65264" s="1" t="s">
        <v>217518</v>
      </c>
      <c r="H65264" s="1" t="s">
        <v>217519</v>
      </c>
      <c r="I65264" s="1" t="s">
        <v>216161</v>
      </c>
      <c r="J65264" s="1" t="s">
        <v>217583</v>
      </c>
    </row>
    <row r="65265" spans="1:10" x14ac:dyDescent="0.35">
      <c r="A65265" s="1" t="s">
        <v>44044</v>
      </c>
      <c r="B65265" s="1" t="s">
        <v>216156</v>
      </c>
      <c r="C65265" s="1" t="s">
        <v>120</v>
      </c>
      <c r="D65265" s="1" t="s">
        <v>117267</v>
      </c>
      <c r="E65265" s="1" t="s">
        <v>217584</v>
      </c>
      <c r="F65265" s="1" t="s">
        <v>217585</v>
      </c>
      <c r="G65265" s="1" t="s">
        <v>217518</v>
      </c>
      <c r="H65265" s="1" t="s">
        <v>217519</v>
      </c>
      <c r="I65265" s="1" t="s">
        <v>216161</v>
      </c>
      <c r="J65265" s="1" t="s">
        <v>217586</v>
      </c>
    </row>
    <row r="65266" spans="1:10" x14ac:dyDescent="0.35">
      <c r="A65266" s="1" t="s">
        <v>44044</v>
      </c>
      <c r="B65266" s="1" t="s">
        <v>216156</v>
      </c>
      <c r="C65266" s="1" t="s">
        <v>125</v>
      </c>
      <c r="D65266" s="1" t="s">
        <v>1536</v>
      </c>
      <c r="E65266" s="1" t="s">
        <v>217587</v>
      </c>
      <c r="F65266" s="1" t="s">
        <v>217588</v>
      </c>
      <c r="G65266" s="1" t="s">
        <v>217518</v>
      </c>
      <c r="H65266" s="1" t="s">
        <v>217519</v>
      </c>
      <c r="I65266" s="1" t="s">
        <v>216161</v>
      </c>
      <c r="J65266" s="1" t="s">
        <v>217589</v>
      </c>
    </row>
    <row r="65267" spans="1:10" x14ac:dyDescent="0.35">
      <c r="A65267" s="1" t="s">
        <v>44044</v>
      </c>
      <c r="B65267" s="1" t="s">
        <v>216156</v>
      </c>
      <c r="C65267" s="1" t="s">
        <v>130</v>
      </c>
      <c r="D65267" s="1" t="s">
        <v>4439</v>
      </c>
      <c r="E65267" s="1" t="s">
        <v>217590</v>
      </c>
      <c r="F65267" s="1" t="s">
        <v>217591</v>
      </c>
      <c r="G65267" s="1" t="s">
        <v>217518</v>
      </c>
      <c r="H65267" s="1" t="s">
        <v>217519</v>
      </c>
      <c r="I65267" s="1" t="s">
        <v>216161</v>
      </c>
      <c r="J65267" s="1" t="s">
        <v>217592</v>
      </c>
    </row>
    <row r="65268" spans="1:10" x14ac:dyDescent="0.35">
      <c r="A65268" s="1" t="s">
        <v>44044</v>
      </c>
      <c r="B65268" s="1" t="s">
        <v>216156</v>
      </c>
      <c r="C65268" s="1" t="s">
        <v>135</v>
      </c>
      <c r="D65268" s="1" t="s">
        <v>24961</v>
      </c>
      <c r="E65268" s="1" t="s">
        <v>217593</v>
      </c>
      <c r="F65268" s="1" t="s">
        <v>217594</v>
      </c>
      <c r="G65268" s="1" t="s">
        <v>217518</v>
      </c>
      <c r="H65268" s="1" t="s">
        <v>217519</v>
      </c>
      <c r="I65268" s="1" t="s">
        <v>216161</v>
      </c>
      <c r="J65268" s="1" t="s">
        <v>217595</v>
      </c>
    </row>
    <row r="65269" spans="1:10" x14ac:dyDescent="0.35">
      <c r="A65269" s="1" t="s">
        <v>44044</v>
      </c>
      <c r="B65269" s="1" t="s">
        <v>216156</v>
      </c>
      <c r="C65269" s="1" t="s">
        <v>140</v>
      </c>
      <c r="D65269" s="1" t="s">
        <v>13155</v>
      </c>
      <c r="E65269" s="1" t="s">
        <v>217596</v>
      </c>
      <c r="F65269" s="1" t="s">
        <v>217597</v>
      </c>
      <c r="G65269" s="1" t="s">
        <v>217518</v>
      </c>
      <c r="H65269" s="1" t="s">
        <v>217519</v>
      </c>
      <c r="I65269" s="1" t="s">
        <v>216161</v>
      </c>
      <c r="J65269" s="1" t="s">
        <v>217598</v>
      </c>
    </row>
    <row r="65270" spans="1:10" x14ac:dyDescent="0.35">
      <c r="A65270" s="1" t="s">
        <v>44044</v>
      </c>
      <c r="B65270" s="1" t="s">
        <v>216156</v>
      </c>
      <c r="C65270" s="1" t="s">
        <v>145</v>
      </c>
      <c r="D65270" s="1" t="s">
        <v>13857</v>
      </c>
      <c r="E65270" s="1" t="s">
        <v>217599</v>
      </c>
      <c r="F65270" s="1" t="s">
        <v>217600</v>
      </c>
      <c r="G65270" s="1" t="s">
        <v>217518</v>
      </c>
      <c r="H65270" s="1" t="s">
        <v>217519</v>
      </c>
      <c r="I65270" s="1" t="s">
        <v>216161</v>
      </c>
      <c r="J65270" s="1" t="s">
        <v>217601</v>
      </c>
    </row>
    <row r="65271" spans="1:10" x14ac:dyDescent="0.35">
      <c r="A65271" s="1" t="s">
        <v>44044</v>
      </c>
      <c r="B65271" s="1" t="s">
        <v>216156</v>
      </c>
      <c r="C65271" s="1" t="s">
        <v>150</v>
      </c>
      <c r="D65271" s="1" t="s">
        <v>27313</v>
      </c>
      <c r="E65271" s="1" t="s">
        <v>217602</v>
      </c>
      <c r="F65271" s="1" t="s">
        <v>217603</v>
      </c>
      <c r="G65271" s="1" t="s">
        <v>217518</v>
      </c>
      <c r="H65271" s="1" t="s">
        <v>217519</v>
      </c>
      <c r="I65271" s="1" t="s">
        <v>216161</v>
      </c>
      <c r="J65271" s="1" t="s">
        <v>96798</v>
      </c>
    </row>
    <row r="65272" spans="1:10" x14ac:dyDescent="0.35">
      <c r="A65272" s="1" t="s">
        <v>44044</v>
      </c>
      <c r="B65272" s="1" t="s">
        <v>216156</v>
      </c>
      <c r="C65272" s="1" t="s">
        <v>155</v>
      </c>
      <c r="D65272" s="1" t="s">
        <v>3942</v>
      </c>
      <c r="E65272" s="1" t="s">
        <v>217604</v>
      </c>
      <c r="F65272" s="1" t="s">
        <v>217605</v>
      </c>
      <c r="G65272" s="1" t="s">
        <v>217518</v>
      </c>
      <c r="H65272" s="1" t="s">
        <v>217519</v>
      </c>
      <c r="I65272" s="1" t="s">
        <v>216161</v>
      </c>
      <c r="J65272" s="1" t="s">
        <v>217606</v>
      </c>
    </row>
    <row r="65273" spans="1:10" x14ac:dyDescent="0.35">
      <c r="A65273" s="1" t="s">
        <v>44044</v>
      </c>
      <c r="B65273" s="1" t="s">
        <v>216156</v>
      </c>
      <c r="C65273" s="1" t="s">
        <v>160</v>
      </c>
      <c r="D65273" s="1" t="s">
        <v>44987</v>
      </c>
      <c r="E65273" s="1" t="s">
        <v>217607</v>
      </c>
      <c r="F65273" s="1" t="s">
        <v>217608</v>
      </c>
      <c r="G65273" s="1" t="s">
        <v>217518</v>
      </c>
      <c r="H65273" s="1" t="s">
        <v>217519</v>
      </c>
      <c r="I65273" s="1" t="s">
        <v>216161</v>
      </c>
      <c r="J65273" s="1" t="s">
        <v>217609</v>
      </c>
    </row>
    <row r="65274" spans="1:10" x14ac:dyDescent="0.35">
      <c r="A65274" s="1" t="s">
        <v>44044</v>
      </c>
      <c r="B65274" s="1" t="s">
        <v>216156</v>
      </c>
      <c r="C65274" s="1" t="s">
        <v>165</v>
      </c>
      <c r="D65274" s="1" t="s">
        <v>3942</v>
      </c>
      <c r="E65274" s="1" t="s">
        <v>217610</v>
      </c>
      <c r="F65274" s="1" t="s">
        <v>217611</v>
      </c>
      <c r="G65274" s="1" t="s">
        <v>217518</v>
      </c>
      <c r="H65274" s="1" t="s">
        <v>217519</v>
      </c>
      <c r="I65274" s="1" t="s">
        <v>216161</v>
      </c>
      <c r="J65274" s="1" t="s">
        <v>217612</v>
      </c>
    </row>
    <row r="65275" spans="1:10" x14ac:dyDescent="0.35">
      <c r="A65275" s="1" t="s">
        <v>44044</v>
      </c>
      <c r="B65275" s="1" t="s">
        <v>216156</v>
      </c>
      <c r="C65275" s="1" t="s">
        <v>170</v>
      </c>
      <c r="D65275" s="1" t="s">
        <v>28069</v>
      </c>
      <c r="E65275" s="1" t="s">
        <v>217613</v>
      </c>
      <c r="F65275" s="1" t="s">
        <v>217614</v>
      </c>
      <c r="G65275" s="1" t="s">
        <v>217518</v>
      </c>
      <c r="H65275" s="1" t="s">
        <v>217519</v>
      </c>
      <c r="I65275" s="1" t="s">
        <v>216161</v>
      </c>
      <c r="J65275" s="1" t="s">
        <v>217615</v>
      </c>
    </row>
    <row r="65276" spans="1:10" x14ac:dyDescent="0.35">
      <c r="A65276" s="1" t="s">
        <v>217616</v>
      </c>
      <c r="B65276" s="1" t="s">
        <v>216156</v>
      </c>
      <c r="C65276" s="1" t="s">
        <v>8</v>
      </c>
      <c r="D65276" s="1" t="s">
        <v>1950</v>
      </c>
      <c r="E65276" s="1" t="s">
        <v>217617</v>
      </c>
      <c r="F65276" s="1" t="s">
        <v>217618</v>
      </c>
      <c r="G65276" s="1" t="s">
        <v>217619</v>
      </c>
      <c r="H65276" s="1" t="s">
        <v>217620</v>
      </c>
      <c r="I65276" s="1" t="s">
        <v>216161</v>
      </c>
      <c r="J65276" s="1" t="s">
        <v>13</v>
      </c>
    </row>
    <row r="65277" spans="1:10" x14ac:dyDescent="0.35">
      <c r="A65277" s="1" t="s">
        <v>217616</v>
      </c>
      <c r="B65277" s="1" t="s">
        <v>216156</v>
      </c>
      <c r="C65277" s="1" t="s">
        <v>15</v>
      </c>
      <c r="D65277" s="1" t="s">
        <v>119401</v>
      </c>
      <c r="E65277" s="1" t="s">
        <v>217621</v>
      </c>
      <c r="F65277" s="1" t="s">
        <v>217622</v>
      </c>
      <c r="G65277" s="1" t="s">
        <v>217619</v>
      </c>
      <c r="H65277" s="1" t="s">
        <v>217620</v>
      </c>
      <c r="I65277" s="1" t="s">
        <v>216161</v>
      </c>
      <c r="J65277" s="1" t="s">
        <v>217623</v>
      </c>
    </row>
    <row r="65278" spans="1:10" x14ac:dyDescent="0.35">
      <c r="A65278" s="1" t="s">
        <v>217616</v>
      </c>
      <c r="B65278" s="1" t="s">
        <v>216156</v>
      </c>
      <c r="C65278" s="1" t="s">
        <v>20</v>
      </c>
      <c r="D65278" s="1" t="s">
        <v>1540</v>
      </c>
      <c r="E65278" s="1" t="s">
        <v>217624</v>
      </c>
      <c r="F65278" s="1" t="s">
        <v>217625</v>
      </c>
      <c r="G65278" s="1" t="s">
        <v>217619</v>
      </c>
      <c r="H65278" s="1" t="s">
        <v>217620</v>
      </c>
      <c r="I65278" s="1" t="s">
        <v>216161</v>
      </c>
      <c r="J65278" s="1" t="s">
        <v>217626</v>
      </c>
    </row>
    <row r="65279" spans="1:10" x14ac:dyDescent="0.35">
      <c r="A65279" s="1" t="s">
        <v>217616</v>
      </c>
      <c r="B65279" s="1" t="s">
        <v>216156</v>
      </c>
      <c r="C65279" s="1" t="s">
        <v>25</v>
      </c>
      <c r="D65279" s="1" t="s">
        <v>134255</v>
      </c>
      <c r="E65279" s="1" t="s">
        <v>217627</v>
      </c>
      <c r="F65279" s="1" t="s">
        <v>217628</v>
      </c>
      <c r="G65279" s="1" t="s">
        <v>217619</v>
      </c>
      <c r="H65279" s="1" t="s">
        <v>217620</v>
      </c>
      <c r="I65279" s="1" t="s">
        <v>216161</v>
      </c>
      <c r="J65279" s="1" t="s">
        <v>217629</v>
      </c>
    </row>
    <row r="65280" spans="1:10" x14ac:dyDescent="0.35">
      <c r="A65280" s="1" t="s">
        <v>217616</v>
      </c>
      <c r="B65280" s="1" t="s">
        <v>216156</v>
      </c>
      <c r="C65280" s="1" t="s">
        <v>30</v>
      </c>
      <c r="D65280" s="1" t="s">
        <v>30096</v>
      </c>
      <c r="E65280" s="1" t="s">
        <v>217630</v>
      </c>
      <c r="F65280" s="1" t="s">
        <v>217631</v>
      </c>
      <c r="G65280" s="1" t="s">
        <v>217619</v>
      </c>
      <c r="H65280" s="1" t="s">
        <v>217620</v>
      </c>
      <c r="I65280" s="1" t="s">
        <v>216161</v>
      </c>
      <c r="J65280" s="1" t="s">
        <v>42599</v>
      </c>
    </row>
    <row r="65281" spans="1:10" x14ac:dyDescent="0.35">
      <c r="A65281" s="1" t="s">
        <v>217616</v>
      </c>
      <c r="B65281" s="1" t="s">
        <v>216156</v>
      </c>
      <c r="C65281" s="1" t="s">
        <v>35</v>
      </c>
      <c r="D65281" s="1" t="s">
        <v>51472</v>
      </c>
      <c r="E65281" s="1" t="s">
        <v>217632</v>
      </c>
      <c r="F65281" s="1" t="s">
        <v>217633</v>
      </c>
      <c r="G65281" s="1" t="s">
        <v>217619</v>
      </c>
      <c r="H65281" s="1" t="s">
        <v>217620</v>
      </c>
      <c r="I65281" s="1" t="s">
        <v>216161</v>
      </c>
      <c r="J65281" s="1" t="s">
        <v>217634</v>
      </c>
    </row>
    <row r="65282" spans="1:10" x14ac:dyDescent="0.35">
      <c r="A65282" s="1" t="s">
        <v>217616</v>
      </c>
      <c r="B65282" s="1" t="s">
        <v>216156</v>
      </c>
      <c r="C65282" s="1" t="s">
        <v>40</v>
      </c>
      <c r="D65282" s="1" t="s">
        <v>1954</v>
      </c>
      <c r="E65282" s="1" t="s">
        <v>217635</v>
      </c>
      <c r="F65282" s="1" t="s">
        <v>217636</v>
      </c>
      <c r="G65282" s="1" t="s">
        <v>217619</v>
      </c>
      <c r="H65282" s="1" t="s">
        <v>217620</v>
      </c>
      <c r="I65282" s="1" t="s">
        <v>216161</v>
      </c>
      <c r="J65282" s="1" t="s">
        <v>217637</v>
      </c>
    </row>
    <row r="65283" spans="1:10" x14ac:dyDescent="0.35">
      <c r="A65283" s="1" t="s">
        <v>217616</v>
      </c>
      <c r="B65283" s="1" t="s">
        <v>216156</v>
      </c>
      <c r="C65283" s="1" t="s">
        <v>45</v>
      </c>
      <c r="D65283" s="1" t="s">
        <v>127037</v>
      </c>
      <c r="E65283" s="1" t="s">
        <v>217638</v>
      </c>
      <c r="F65283" s="1" t="s">
        <v>217639</v>
      </c>
      <c r="G65283" s="1" t="s">
        <v>217619</v>
      </c>
      <c r="H65283" s="1" t="s">
        <v>217620</v>
      </c>
      <c r="I65283" s="1" t="s">
        <v>216161</v>
      </c>
      <c r="J65283" s="1" t="s">
        <v>217640</v>
      </c>
    </row>
    <row r="65284" spans="1:10" x14ac:dyDescent="0.35">
      <c r="A65284" s="1" t="s">
        <v>217616</v>
      </c>
      <c r="B65284" s="1" t="s">
        <v>216156</v>
      </c>
      <c r="C65284" s="1" t="s">
        <v>50</v>
      </c>
      <c r="D65284" s="1" t="s">
        <v>123568</v>
      </c>
      <c r="E65284" s="1" t="s">
        <v>217641</v>
      </c>
      <c r="F65284" s="1" t="s">
        <v>217642</v>
      </c>
      <c r="G65284" s="1" t="s">
        <v>217619</v>
      </c>
      <c r="H65284" s="1" t="s">
        <v>217620</v>
      </c>
      <c r="I65284" s="1" t="s">
        <v>216161</v>
      </c>
      <c r="J65284" s="1" t="s">
        <v>217643</v>
      </c>
    </row>
    <row r="65285" spans="1:10" x14ac:dyDescent="0.35">
      <c r="A65285" s="1" t="s">
        <v>217616</v>
      </c>
      <c r="B65285" s="1" t="s">
        <v>216156</v>
      </c>
      <c r="C65285" s="1" t="s">
        <v>55</v>
      </c>
      <c r="D65285" s="1" t="s">
        <v>29511</v>
      </c>
      <c r="E65285" s="1" t="s">
        <v>217644</v>
      </c>
      <c r="F65285" s="1" t="s">
        <v>217645</v>
      </c>
      <c r="G65285" s="1" t="s">
        <v>217619</v>
      </c>
      <c r="H65285" s="1" t="s">
        <v>217620</v>
      </c>
      <c r="I65285" s="1" t="s">
        <v>216161</v>
      </c>
      <c r="J65285" s="1" t="s">
        <v>217646</v>
      </c>
    </row>
    <row r="65286" spans="1:10" x14ac:dyDescent="0.35">
      <c r="A65286" s="1" t="s">
        <v>217616</v>
      </c>
      <c r="B65286" s="1" t="s">
        <v>216156</v>
      </c>
      <c r="C65286" s="1" t="s">
        <v>60</v>
      </c>
      <c r="D65286" s="1" t="s">
        <v>118566</v>
      </c>
      <c r="E65286" s="1" t="s">
        <v>217647</v>
      </c>
      <c r="F65286" s="1" t="s">
        <v>217648</v>
      </c>
      <c r="G65286" s="1" t="s">
        <v>217619</v>
      </c>
      <c r="H65286" s="1" t="s">
        <v>217620</v>
      </c>
      <c r="I65286" s="1" t="s">
        <v>216161</v>
      </c>
      <c r="J65286" s="1" t="s">
        <v>217649</v>
      </c>
    </row>
    <row r="65287" spans="1:10" x14ac:dyDescent="0.35">
      <c r="A65287" s="1" t="s">
        <v>217616</v>
      </c>
      <c r="B65287" s="1" t="s">
        <v>216156</v>
      </c>
      <c r="C65287" s="1" t="s">
        <v>65</v>
      </c>
      <c r="D65287" s="1" t="s">
        <v>108850</v>
      </c>
      <c r="E65287" s="1" t="s">
        <v>217650</v>
      </c>
      <c r="F65287" s="1" t="s">
        <v>217651</v>
      </c>
      <c r="G65287" s="1" t="s">
        <v>217619</v>
      </c>
      <c r="H65287" s="1" t="s">
        <v>217620</v>
      </c>
      <c r="I65287" s="1" t="s">
        <v>216161</v>
      </c>
      <c r="J65287" s="1" t="s">
        <v>217652</v>
      </c>
    </row>
    <row r="65288" spans="1:10" x14ac:dyDescent="0.35">
      <c r="A65288" s="1" t="s">
        <v>217616</v>
      </c>
      <c r="B65288" s="1" t="s">
        <v>216156</v>
      </c>
      <c r="C65288" s="1" t="s">
        <v>70</v>
      </c>
      <c r="D65288" s="1" t="s">
        <v>2016</v>
      </c>
      <c r="E65288" s="1" t="s">
        <v>217653</v>
      </c>
      <c r="F65288" s="1" t="s">
        <v>217654</v>
      </c>
      <c r="G65288" s="1" t="s">
        <v>217619</v>
      </c>
      <c r="H65288" s="1" t="s">
        <v>217620</v>
      </c>
      <c r="I65288" s="1" t="s">
        <v>216161</v>
      </c>
      <c r="J65288" s="1" t="s">
        <v>217655</v>
      </c>
    </row>
    <row r="65289" spans="1:10" x14ac:dyDescent="0.35">
      <c r="A65289" s="1" t="s">
        <v>217616</v>
      </c>
      <c r="B65289" s="1" t="s">
        <v>216156</v>
      </c>
      <c r="C65289" s="1" t="s">
        <v>75</v>
      </c>
      <c r="D65289" s="1" t="s">
        <v>217656</v>
      </c>
      <c r="E65289" s="1" t="s">
        <v>217657</v>
      </c>
      <c r="F65289" s="1" t="s">
        <v>217658</v>
      </c>
      <c r="G65289" s="1" t="s">
        <v>217619</v>
      </c>
      <c r="H65289" s="1" t="s">
        <v>217620</v>
      </c>
      <c r="I65289" s="1" t="s">
        <v>216161</v>
      </c>
      <c r="J65289" s="1" t="s">
        <v>217659</v>
      </c>
    </row>
    <row r="65290" spans="1:10" x14ac:dyDescent="0.35">
      <c r="A65290" s="1" t="s">
        <v>217616</v>
      </c>
      <c r="B65290" s="1" t="s">
        <v>216156</v>
      </c>
      <c r="C65290" s="1" t="s">
        <v>80</v>
      </c>
      <c r="D65290" s="1" t="s">
        <v>29855</v>
      </c>
      <c r="E65290" s="1" t="s">
        <v>217660</v>
      </c>
      <c r="F65290" s="1" t="s">
        <v>217661</v>
      </c>
      <c r="G65290" s="1" t="s">
        <v>217619</v>
      </c>
      <c r="H65290" s="1" t="s">
        <v>217620</v>
      </c>
      <c r="I65290" s="1" t="s">
        <v>216161</v>
      </c>
      <c r="J65290" s="1" t="s">
        <v>217662</v>
      </c>
    </row>
    <row r="65291" spans="1:10" x14ac:dyDescent="0.35">
      <c r="A65291" s="1" t="s">
        <v>217616</v>
      </c>
      <c r="B65291" s="1" t="s">
        <v>216156</v>
      </c>
      <c r="C65291" s="1" t="s">
        <v>85</v>
      </c>
      <c r="D65291" s="1" t="s">
        <v>119401</v>
      </c>
      <c r="E65291" s="1" t="s">
        <v>217663</v>
      </c>
      <c r="F65291" s="1" t="s">
        <v>217664</v>
      </c>
      <c r="G65291" s="1" t="s">
        <v>217619</v>
      </c>
      <c r="H65291" s="1" t="s">
        <v>217620</v>
      </c>
      <c r="I65291" s="1" t="s">
        <v>216161</v>
      </c>
      <c r="J65291" s="1" t="s">
        <v>217665</v>
      </c>
    </row>
    <row r="65292" spans="1:10" x14ac:dyDescent="0.35">
      <c r="A65292" s="1" t="s">
        <v>217616</v>
      </c>
      <c r="B65292" s="1" t="s">
        <v>216156</v>
      </c>
      <c r="C65292" s="1" t="s">
        <v>90</v>
      </c>
      <c r="D65292" s="1" t="s">
        <v>28130</v>
      </c>
      <c r="E65292" s="1" t="s">
        <v>217666</v>
      </c>
      <c r="F65292" s="1" t="s">
        <v>217667</v>
      </c>
      <c r="G65292" s="1" t="s">
        <v>217619</v>
      </c>
      <c r="H65292" s="1" t="s">
        <v>217620</v>
      </c>
      <c r="I65292" s="1" t="s">
        <v>216161</v>
      </c>
      <c r="J65292" s="1" t="s">
        <v>217668</v>
      </c>
    </row>
    <row r="65293" spans="1:10" x14ac:dyDescent="0.35">
      <c r="A65293" s="1" t="s">
        <v>217616</v>
      </c>
      <c r="B65293" s="1" t="s">
        <v>216156</v>
      </c>
      <c r="C65293" s="1" t="s">
        <v>95</v>
      </c>
      <c r="D65293" s="1" t="s">
        <v>3581</v>
      </c>
      <c r="E65293" s="1" t="s">
        <v>217669</v>
      </c>
      <c r="F65293" s="1" t="s">
        <v>217670</v>
      </c>
      <c r="G65293" s="1" t="s">
        <v>217619</v>
      </c>
      <c r="H65293" s="1" t="s">
        <v>217620</v>
      </c>
      <c r="I65293" s="1" t="s">
        <v>216161</v>
      </c>
      <c r="J65293" s="1" t="s">
        <v>217671</v>
      </c>
    </row>
    <row r="65294" spans="1:10" x14ac:dyDescent="0.35">
      <c r="A65294" s="1" t="s">
        <v>217616</v>
      </c>
      <c r="B65294" s="1" t="s">
        <v>216156</v>
      </c>
      <c r="C65294" s="1" t="s">
        <v>100</v>
      </c>
      <c r="D65294" s="1" t="s">
        <v>5525</v>
      </c>
      <c r="E65294" s="1" t="s">
        <v>217672</v>
      </c>
      <c r="F65294" s="1" t="s">
        <v>217673</v>
      </c>
      <c r="G65294" s="1" t="s">
        <v>217619</v>
      </c>
      <c r="H65294" s="1" t="s">
        <v>217620</v>
      </c>
      <c r="I65294" s="1" t="s">
        <v>216161</v>
      </c>
      <c r="J65294" s="1" t="s">
        <v>217674</v>
      </c>
    </row>
    <row r="65295" spans="1:10" x14ac:dyDescent="0.35">
      <c r="A65295" s="1" t="s">
        <v>217616</v>
      </c>
      <c r="B65295" s="1" t="s">
        <v>216156</v>
      </c>
      <c r="C65295" s="1" t="s">
        <v>105</v>
      </c>
      <c r="D65295" s="1" t="s">
        <v>4353</v>
      </c>
      <c r="E65295" s="1" t="s">
        <v>217675</v>
      </c>
      <c r="F65295" s="1" t="s">
        <v>217676</v>
      </c>
      <c r="G65295" s="1" t="s">
        <v>217619</v>
      </c>
      <c r="H65295" s="1" t="s">
        <v>217620</v>
      </c>
      <c r="I65295" s="1" t="s">
        <v>216161</v>
      </c>
      <c r="J65295" s="1" t="s">
        <v>217677</v>
      </c>
    </row>
    <row r="65296" spans="1:10" x14ac:dyDescent="0.35">
      <c r="A65296" s="1" t="s">
        <v>217616</v>
      </c>
      <c r="B65296" s="1" t="s">
        <v>216156</v>
      </c>
      <c r="C65296" s="1" t="s">
        <v>110</v>
      </c>
      <c r="D65296" s="1" t="s">
        <v>117452</v>
      </c>
      <c r="E65296" s="1" t="s">
        <v>217678</v>
      </c>
      <c r="F65296" s="1" t="s">
        <v>217679</v>
      </c>
      <c r="G65296" s="1" t="s">
        <v>217619</v>
      </c>
      <c r="H65296" s="1" t="s">
        <v>217620</v>
      </c>
      <c r="I65296" s="1" t="s">
        <v>216161</v>
      </c>
      <c r="J65296" s="1" t="s">
        <v>217680</v>
      </c>
    </row>
    <row r="65297" spans="1:10" x14ac:dyDescent="0.35">
      <c r="A65297" s="1" t="s">
        <v>217616</v>
      </c>
      <c r="B65297" s="1" t="s">
        <v>216156</v>
      </c>
      <c r="C65297" s="1" t="s">
        <v>115</v>
      </c>
      <c r="D65297" s="1" t="s">
        <v>119464</v>
      </c>
      <c r="E65297" s="1" t="s">
        <v>217681</v>
      </c>
      <c r="F65297" s="1" t="s">
        <v>217682</v>
      </c>
      <c r="G65297" s="1" t="s">
        <v>217619</v>
      </c>
      <c r="H65297" s="1" t="s">
        <v>217620</v>
      </c>
      <c r="I65297" s="1" t="s">
        <v>216161</v>
      </c>
      <c r="J65297" s="1" t="s">
        <v>217683</v>
      </c>
    </row>
    <row r="65298" spans="1:10" x14ac:dyDescent="0.35">
      <c r="A65298" s="1" t="s">
        <v>217616</v>
      </c>
      <c r="B65298" s="1" t="s">
        <v>216156</v>
      </c>
      <c r="C65298" s="1" t="s">
        <v>120</v>
      </c>
      <c r="D65298" s="1" t="s">
        <v>70</v>
      </c>
      <c r="E65298" s="1" t="s">
        <v>217684</v>
      </c>
      <c r="F65298" s="1" t="s">
        <v>217685</v>
      </c>
      <c r="G65298" s="1" t="s">
        <v>217619</v>
      </c>
      <c r="H65298" s="1" t="s">
        <v>217620</v>
      </c>
      <c r="I65298" s="1" t="s">
        <v>216161</v>
      </c>
      <c r="J65298" s="1" t="s">
        <v>149334</v>
      </c>
    </row>
    <row r="65299" spans="1:10" x14ac:dyDescent="0.35">
      <c r="A65299" s="1" t="s">
        <v>217616</v>
      </c>
      <c r="B65299" s="1" t="s">
        <v>216156</v>
      </c>
      <c r="C65299" s="1" t="s">
        <v>125</v>
      </c>
      <c r="D65299" s="1" t="s">
        <v>27723</v>
      </c>
      <c r="E65299" s="1" t="s">
        <v>217686</v>
      </c>
      <c r="F65299" s="1" t="s">
        <v>217687</v>
      </c>
      <c r="G65299" s="1" t="s">
        <v>217619</v>
      </c>
      <c r="H65299" s="1" t="s">
        <v>217620</v>
      </c>
      <c r="I65299" s="1" t="s">
        <v>216161</v>
      </c>
      <c r="J65299" s="1" t="s">
        <v>217688</v>
      </c>
    </row>
    <row r="65300" spans="1:10" x14ac:dyDescent="0.35">
      <c r="A65300" s="1" t="s">
        <v>217616</v>
      </c>
      <c r="B65300" s="1" t="s">
        <v>216156</v>
      </c>
      <c r="C65300" s="1" t="s">
        <v>130</v>
      </c>
      <c r="D65300" s="1" t="s">
        <v>29650</v>
      </c>
      <c r="E65300" s="1" t="s">
        <v>217689</v>
      </c>
      <c r="F65300" s="1" t="s">
        <v>217690</v>
      </c>
      <c r="G65300" s="1" t="s">
        <v>217619</v>
      </c>
      <c r="H65300" s="1" t="s">
        <v>217620</v>
      </c>
      <c r="I65300" s="1" t="s">
        <v>216161</v>
      </c>
      <c r="J65300" s="1" t="s">
        <v>217691</v>
      </c>
    </row>
    <row r="65301" spans="1:10" x14ac:dyDescent="0.35">
      <c r="A65301" s="1" t="s">
        <v>217616</v>
      </c>
      <c r="B65301" s="1" t="s">
        <v>216156</v>
      </c>
      <c r="C65301" s="1" t="s">
        <v>135</v>
      </c>
      <c r="D65301" s="1" t="s">
        <v>14987</v>
      </c>
      <c r="E65301" s="1" t="s">
        <v>217692</v>
      </c>
      <c r="F65301" s="1" t="s">
        <v>217693</v>
      </c>
      <c r="G65301" s="1" t="s">
        <v>217619</v>
      </c>
      <c r="H65301" s="1" t="s">
        <v>217620</v>
      </c>
      <c r="I65301" s="1" t="s">
        <v>216161</v>
      </c>
      <c r="J65301" s="1" t="s">
        <v>217694</v>
      </c>
    </row>
    <row r="65302" spans="1:10" x14ac:dyDescent="0.35">
      <c r="A65302" s="1" t="s">
        <v>217616</v>
      </c>
      <c r="B65302" s="1" t="s">
        <v>216156</v>
      </c>
      <c r="C65302" s="1" t="s">
        <v>140</v>
      </c>
      <c r="D65302" s="1" t="s">
        <v>28075</v>
      </c>
      <c r="E65302" s="1" t="s">
        <v>217695</v>
      </c>
      <c r="F65302" s="1" t="s">
        <v>217696</v>
      </c>
      <c r="G65302" s="1" t="s">
        <v>217619</v>
      </c>
      <c r="H65302" s="1" t="s">
        <v>217620</v>
      </c>
      <c r="I65302" s="1" t="s">
        <v>216161</v>
      </c>
      <c r="J65302" s="1" t="s">
        <v>217697</v>
      </c>
    </row>
    <row r="65303" spans="1:10" x14ac:dyDescent="0.35">
      <c r="A65303" s="1" t="s">
        <v>217616</v>
      </c>
      <c r="B65303" s="1" t="s">
        <v>216156</v>
      </c>
      <c r="C65303" s="1" t="s">
        <v>145</v>
      </c>
      <c r="D65303" s="1" t="s">
        <v>117943</v>
      </c>
      <c r="E65303" s="1" t="s">
        <v>217698</v>
      </c>
      <c r="F65303" s="1" t="s">
        <v>217699</v>
      </c>
      <c r="G65303" s="1" t="s">
        <v>217619</v>
      </c>
      <c r="H65303" s="1" t="s">
        <v>217620</v>
      </c>
      <c r="I65303" s="1" t="s">
        <v>216161</v>
      </c>
      <c r="J65303" s="1" t="s">
        <v>217700</v>
      </c>
    </row>
    <row r="65304" spans="1:10" x14ac:dyDescent="0.35">
      <c r="A65304" s="1" t="s">
        <v>217616</v>
      </c>
      <c r="B65304" s="1" t="s">
        <v>216156</v>
      </c>
      <c r="C65304" s="1" t="s">
        <v>150</v>
      </c>
      <c r="D65304" s="1" t="s">
        <v>143729</v>
      </c>
      <c r="E65304" s="1" t="s">
        <v>217701</v>
      </c>
      <c r="F65304" s="1" t="s">
        <v>217702</v>
      </c>
      <c r="G65304" s="1" t="s">
        <v>217619</v>
      </c>
      <c r="H65304" s="1" t="s">
        <v>217620</v>
      </c>
      <c r="I65304" s="1" t="s">
        <v>216161</v>
      </c>
      <c r="J65304" s="1" t="s">
        <v>217703</v>
      </c>
    </row>
    <row r="65305" spans="1:10" x14ac:dyDescent="0.35">
      <c r="A65305" s="1" t="s">
        <v>217616</v>
      </c>
      <c r="B65305" s="1" t="s">
        <v>216156</v>
      </c>
      <c r="C65305" s="1" t="s">
        <v>155</v>
      </c>
      <c r="D65305" s="1" t="s">
        <v>158152</v>
      </c>
      <c r="E65305" s="1" t="s">
        <v>217704</v>
      </c>
      <c r="F65305" s="1" t="s">
        <v>217705</v>
      </c>
      <c r="G65305" s="1" t="s">
        <v>217619</v>
      </c>
      <c r="H65305" s="1" t="s">
        <v>217620</v>
      </c>
      <c r="I65305" s="1" t="s">
        <v>216161</v>
      </c>
      <c r="J65305" s="1" t="s">
        <v>217706</v>
      </c>
    </row>
    <row r="65306" spans="1:10" x14ac:dyDescent="0.35">
      <c r="A65306" s="1" t="s">
        <v>217616</v>
      </c>
      <c r="B65306" s="1" t="s">
        <v>216156</v>
      </c>
      <c r="C65306" s="1" t="s">
        <v>160</v>
      </c>
      <c r="D65306" s="1" t="s">
        <v>121603</v>
      </c>
      <c r="E65306" s="1" t="s">
        <v>217707</v>
      </c>
      <c r="F65306" s="1" t="s">
        <v>217708</v>
      </c>
      <c r="G65306" s="1" t="s">
        <v>217619</v>
      </c>
      <c r="H65306" s="1" t="s">
        <v>217620</v>
      </c>
      <c r="I65306" s="1" t="s">
        <v>216161</v>
      </c>
      <c r="J65306" s="1" t="s">
        <v>217709</v>
      </c>
    </row>
    <row r="65307" spans="1:10" x14ac:dyDescent="0.35">
      <c r="A65307" s="1" t="s">
        <v>217616</v>
      </c>
      <c r="B65307" s="1" t="s">
        <v>216156</v>
      </c>
      <c r="C65307" s="1" t="s">
        <v>165</v>
      </c>
      <c r="D65307" s="1" t="s">
        <v>158152</v>
      </c>
      <c r="E65307" s="1" t="s">
        <v>217710</v>
      </c>
      <c r="F65307" s="1" t="s">
        <v>217711</v>
      </c>
      <c r="G65307" s="1" t="s">
        <v>217619</v>
      </c>
      <c r="H65307" s="1" t="s">
        <v>217620</v>
      </c>
      <c r="I65307" s="1" t="s">
        <v>216161</v>
      </c>
      <c r="J65307" s="1" t="s">
        <v>217712</v>
      </c>
    </row>
    <row r="65308" spans="1:10" x14ac:dyDescent="0.35">
      <c r="A65308" s="1" t="s">
        <v>217616</v>
      </c>
      <c r="B65308" s="1" t="s">
        <v>216156</v>
      </c>
      <c r="C65308" s="1" t="s">
        <v>170</v>
      </c>
      <c r="D65308" s="1" t="s">
        <v>10102</v>
      </c>
      <c r="E65308" s="1" t="s">
        <v>217713</v>
      </c>
      <c r="F65308" s="1" t="s">
        <v>217714</v>
      </c>
      <c r="G65308" s="1" t="s">
        <v>217619</v>
      </c>
      <c r="H65308" s="1" t="s">
        <v>217620</v>
      </c>
      <c r="I65308" s="1" t="s">
        <v>216161</v>
      </c>
      <c r="J65308" s="1" t="s">
        <v>217715</v>
      </c>
    </row>
    <row r="65309" spans="1:10" x14ac:dyDescent="0.35">
      <c r="A65309" s="1" t="s">
        <v>45732</v>
      </c>
      <c r="B65309" s="1" t="s">
        <v>216156</v>
      </c>
      <c r="C65309" s="1" t="s">
        <v>8</v>
      </c>
      <c r="D65309" s="1" t="s">
        <v>1896</v>
      </c>
      <c r="E65309" s="1" t="s">
        <v>217716</v>
      </c>
      <c r="F65309" s="1" t="s">
        <v>217717</v>
      </c>
      <c r="G65309" s="1" t="s">
        <v>217718</v>
      </c>
      <c r="H65309" s="1" t="s">
        <v>217719</v>
      </c>
      <c r="I65309" s="1" t="s">
        <v>216161</v>
      </c>
      <c r="J65309" s="1" t="s">
        <v>13</v>
      </c>
    </row>
    <row r="65310" spans="1:10" x14ac:dyDescent="0.35">
      <c r="A65310" s="1" t="s">
        <v>45732</v>
      </c>
      <c r="B65310" s="1" t="s">
        <v>216156</v>
      </c>
      <c r="C65310" s="1" t="s">
        <v>15</v>
      </c>
      <c r="D65310" s="1" t="s">
        <v>91361</v>
      </c>
      <c r="E65310" s="1" t="s">
        <v>217720</v>
      </c>
      <c r="F65310" s="1" t="s">
        <v>217721</v>
      </c>
      <c r="G65310" s="1" t="s">
        <v>217718</v>
      </c>
      <c r="H65310" s="1" t="s">
        <v>217719</v>
      </c>
      <c r="I65310" s="1" t="s">
        <v>216161</v>
      </c>
      <c r="J65310" s="1" t="s">
        <v>217722</v>
      </c>
    </row>
    <row r="65311" spans="1:10" x14ac:dyDescent="0.35">
      <c r="A65311" s="1" t="s">
        <v>45732</v>
      </c>
      <c r="B65311" s="1" t="s">
        <v>216156</v>
      </c>
      <c r="C65311" s="1" t="s">
        <v>20</v>
      </c>
      <c r="D65311" s="1" t="s">
        <v>52088</v>
      </c>
      <c r="E65311" s="1" t="s">
        <v>217723</v>
      </c>
      <c r="F65311" s="1" t="s">
        <v>217724</v>
      </c>
      <c r="G65311" s="1" t="s">
        <v>217718</v>
      </c>
      <c r="H65311" s="1" t="s">
        <v>217719</v>
      </c>
      <c r="I65311" s="1" t="s">
        <v>216161</v>
      </c>
      <c r="J65311" s="1" t="s">
        <v>217725</v>
      </c>
    </row>
    <row r="65312" spans="1:10" x14ac:dyDescent="0.35">
      <c r="A65312" s="1" t="s">
        <v>45732</v>
      </c>
      <c r="B65312" s="1" t="s">
        <v>216156</v>
      </c>
      <c r="C65312" s="1" t="s">
        <v>25</v>
      </c>
      <c r="D65312" s="1" t="s">
        <v>1509</v>
      </c>
      <c r="E65312" s="1" t="s">
        <v>217726</v>
      </c>
      <c r="F65312" s="1" t="s">
        <v>217727</v>
      </c>
      <c r="G65312" s="1" t="s">
        <v>217718</v>
      </c>
      <c r="H65312" s="1" t="s">
        <v>217719</v>
      </c>
      <c r="I65312" s="1" t="s">
        <v>216161</v>
      </c>
      <c r="J65312" s="1" t="s">
        <v>156454</v>
      </c>
    </row>
    <row r="65313" spans="1:10" x14ac:dyDescent="0.35">
      <c r="A65313" s="1" t="s">
        <v>45732</v>
      </c>
      <c r="B65313" s="1" t="s">
        <v>216156</v>
      </c>
      <c r="C65313" s="1" t="s">
        <v>30</v>
      </c>
      <c r="D65313" s="1" t="s">
        <v>47276</v>
      </c>
      <c r="E65313" s="1" t="s">
        <v>217728</v>
      </c>
      <c r="F65313" s="1" t="s">
        <v>217729</v>
      </c>
      <c r="G65313" s="1" t="s">
        <v>217718</v>
      </c>
      <c r="H65313" s="1" t="s">
        <v>217719</v>
      </c>
      <c r="I65313" s="1" t="s">
        <v>216161</v>
      </c>
      <c r="J65313" s="1" t="s">
        <v>217730</v>
      </c>
    </row>
    <row r="65314" spans="1:10" x14ac:dyDescent="0.35">
      <c r="A65314" s="1" t="s">
        <v>45732</v>
      </c>
      <c r="B65314" s="1" t="s">
        <v>216156</v>
      </c>
      <c r="C65314" s="1" t="s">
        <v>35</v>
      </c>
      <c r="D65314" s="1" t="s">
        <v>25958</v>
      </c>
      <c r="E65314" s="1" t="s">
        <v>217731</v>
      </c>
      <c r="F65314" s="1" t="s">
        <v>217732</v>
      </c>
      <c r="G65314" s="1" t="s">
        <v>217718</v>
      </c>
      <c r="H65314" s="1" t="s">
        <v>217719</v>
      </c>
      <c r="I65314" s="1" t="s">
        <v>216161</v>
      </c>
      <c r="J65314" s="1" t="s">
        <v>217733</v>
      </c>
    </row>
    <row r="65315" spans="1:10" x14ac:dyDescent="0.35">
      <c r="A65315" s="1" t="s">
        <v>45732</v>
      </c>
      <c r="B65315" s="1" t="s">
        <v>216156</v>
      </c>
      <c r="C65315" s="1" t="s">
        <v>40</v>
      </c>
      <c r="D65315" s="1" t="s">
        <v>1130</v>
      </c>
      <c r="E65315" s="1" t="s">
        <v>217734</v>
      </c>
      <c r="F65315" s="1" t="s">
        <v>217735</v>
      </c>
      <c r="G65315" s="1" t="s">
        <v>217718</v>
      </c>
      <c r="H65315" s="1" t="s">
        <v>217719</v>
      </c>
      <c r="I65315" s="1" t="s">
        <v>216161</v>
      </c>
      <c r="J65315" s="1" t="s">
        <v>217736</v>
      </c>
    </row>
    <row r="65316" spans="1:10" x14ac:dyDescent="0.35">
      <c r="A65316" s="1" t="s">
        <v>45732</v>
      </c>
      <c r="B65316" s="1" t="s">
        <v>216156</v>
      </c>
      <c r="C65316" s="1" t="s">
        <v>45</v>
      </c>
      <c r="D65316" s="1" t="s">
        <v>217737</v>
      </c>
      <c r="E65316" s="1" t="s">
        <v>217738</v>
      </c>
      <c r="F65316" s="1" t="s">
        <v>217739</v>
      </c>
      <c r="G65316" s="1" t="s">
        <v>217718</v>
      </c>
      <c r="H65316" s="1" t="s">
        <v>217719</v>
      </c>
      <c r="I65316" s="1" t="s">
        <v>216161</v>
      </c>
      <c r="J65316" s="1" t="s">
        <v>217740</v>
      </c>
    </row>
    <row r="65317" spans="1:10" x14ac:dyDescent="0.35">
      <c r="A65317" s="1" t="s">
        <v>45732</v>
      </c>
      <c r="B65317" s="1" t="s">
        <v>216156</v>
      </c>
      <c r="C65317" s="1" t="s">
        <v>50</v>
      </c>
      <c r="D65317" s="1" t="s">
        <v>103209</v>
      </c>
      <c r="E65317" s="1" t="s">
        <v>217741</v>
      </c>
      <c r="F65317" s="1" t="s">
        <v>217742</v>
      </c>
      <c r="G65317" s="1" t="s">
        <v>217718</v>
      </c>
      <c r="H65317" s="1" t="s">
        <v>217719</v>
      </c>
      <c r="I65317" s="1" t="s">
        <v>216161</v>
      </c>
      <c r="J65317" s="1" t="s">
        <v>217743</v>
      </c>
    </row>
    <row r="65318" spans="1:10" x14ac:dyDescent="0.35">
      <c r="A65318" s="1" t="s">
        <v>45732</v>
      </c>
      <c r="B65318" s="1" t="s">
        <v>216156</v>
      </c>
      <c r="C65318" s="1" t="s">
        <v>55</v>
      </c>
      <c r="D65318" s="1" t="s">
        <v>8483</v>
      </c>
      <c r="E65318" s="1" t="s">
        <v>217744</v>
      </c>
      <c r="F65318" s="1" t="s">
        <v>217745</v>
      </c>
      <c r="G65318" s="1" t="s">
        <v>217718</v>
      </c>
      <c r="H65318" s="1" t="s">
        <v>217719</v>
      </c>
      <c r="I65318" s="1" t="s">
        <v>216161</v>
      </c>
      <c r="J65318" s="1" t="s">
        <v>217746</v>
      </c>
    </row>
    <row r="65319" spans="1:10" x14ac:dyDescent="0.35">
      <c r="A65319" s="1" t="s">
        <v>45732</v>
      </c>
      <c r="B65319" s="1" t="s">
        <v>216156</v>
      </c>
      <c r="C65319" s="1" t="s">
        <v>60</v>
      </c>
      <c r="D65319" s="1" t="s">
        <v>51853</v>
      </c>
      <c r="E65319" s="1" t="s">
        <v>217747</v>
      </c>
      <c r="F65319" s="1" t="s">
        <v>217748</v>
      </c>
      <c r="G65319" s="1" t="s">
        <v>217718</v>
      </c>
      <c r="H65319" s="1" t="s">
        <v>217719</v>
      </c>
      <c r="I65319" s="1" t="s">
        <v>216161</v>
      </c>
      <c r="J65319" s="1" t="s">
        <v>217749</v>
      </c>
    </row>
    <row r="65320" spans="1:10" x14ac:dyDescent="0.35">
      <c r="A65320" s="1" t="s">
        <v>45732</v>
      </c>
      <c r="B65320" s="1" t="s">
        <v>216156</v>
      </c>
      <c r="C65320" s="1" t="s">
        <v>65</v>
      </c>
      <c r="D65320" s="1" t="s">
        <v>102772</v>
      </c>
      <c r="E65320" s="1" t="s">
        <v>217750</v>
      </c>
      <c r="F65320" s="1" t="s">
        <v>217751</v>
      </c>
      <c r="G65320" s="1" t="s">
        <v>217718</v>
      </c>
      <c r="H65320" s="1" t="s">
        <v>217719</v>
      </c>
      <c r="I65320" s="1" t="s">
        <v>216161</v>
      </c>
      <c r="J65320" s="1" t="s">
        <v>217752</v>
      </c>
    </row>
    <row r="65321" spans="1:10" x14ac:dyDescent="0.35">
      <c r="A65321" s="1" t="s">
        <v>45732</v>
      </c>
      <c r="B65321" s="1" t="s">
        <v>216156</v>
      </c>
      <c r="C65321" s="1" t="s">
        <v>70</v>
      </c>
      <c r="D65321" s="1" t="s">
        <v>6355</v>
      </c>
      <c r="E65321" s="1" t="s">
        <v>217753</v>
      </c>
      <c r="F65321" s="1" t="s">
        <v>217754</v>
      </c>
      <c r="G65321" s="1" t="s">
        <v>217718</v>
      </c>
      <c r="H65321" s="1" t="s">
        <v>217719</v>
      </c>
      <c r="I65321" s="1" t="s">
        <v>216161</v>
      </c>
      <c r="J65321" s="1" t="s">
        <v>25837</v>
      </c>
    </row>
    <row r="65322" spans="1:10" x14ac:dyDescent="0.35">
      <c r="A65322" s="1" t="s">
        <v>45732</v>
      </c>
      <c r="B65322" s="1" t="s">
        <v>216156</v>
      </c>
      <c r="C65322" s="1" t="s">
        <v>75</v>
      </c>
      <c r="D65322" s="1" t="s">
        <v>146613</v>
      </c>
      <c r="E65322" s="1" t="s">
        <v>217755</v>
      </c>
      <c r="F65322" s="1" t="s">
        <v>217756</v>
      </c>
      <c r="G65322" s="1" t="s">
        <v>217718</v>
      </c>
      <c r="H65322" s="1" t="s">
        <v>217719</v>
      </c>
      <c r="I65322" s="1" t="s">
        <v>216161</v>
      </c>
      <c r="J65322" s="1" t="s">
        <v>217757</v>
      </c>
    </row>
    <row r="65323" spans="1:10" x14ac:dyDescent="0.35">
      <c r="A65323" s="1" t="s">
        <v>45732</v>
      </c>
      <c r="B65323" s="1" t="s">
        <v>216156</v>
      </c>
      <c r="C65323" s="1" t="s">
        <v>80</v>
      </c>
      <c r="D65323" s="1" t="s">
        <v>1201</v>
      </c>
      <c r="E65323" s="1" t="s">
        <v>217758</v>
      </c>
      <c r="F65323" s="1" t="s">
        <v>217759</v>
      </c>
      <c r="G65323" s="1" t="s">
        <v>217718</v>
      </c>
      <c r="H65323" s="1" t="s">
        <v>217719</v>
      </c>
      <c r="I65323" s="1" t="s">
        <v>216161</v>
      </c>
      <c r="J65323" s="1" t="s">
        <v>217760</v>
      </c>
    </row>
    <row r="65324" spans="1:10" x14ac:dyDescent="0.35">
      <c r="A65324" s="1" t="s">
        <v>45732</v>
      </c>
      <c r="B65324" s="1" t="s">
        <v>216156</v>
      </c>
      <c r="C65324" s="1" t="s">
        <v>85</v>
      </c>
      <c r="D65324" s="1" t="s">
        <v>9893</v>
      </c>
      <c r="E65324" s="1" t="s">
        <v>217761</v>
      </c>
      <c r="F65324" s="1" t="s">
        <v>217762</v>
      </c>
      <c r="G65324" s="1" t="s">
        <v>217718</v>
      </c>
      <c r="H65324" s="1" t="s">
        <v>217719</v>
      </c>
      <c r="I65324" s="1" t="s">
        <v>216161</v>
      </c>
      <c r="J65324" s="1" t="s">
        <v>217763</v>
      </c>
    </row>
    <row r="65325" spans="1:10" x14ac:dyDescent="0.35">
      <c r="A65325" s="1" t="s">
        <v>45732</v>
      </c>
      <c r="B65325" s="1" t="s">
        <v>216156</v>
      </c>
      <c r="C65325" s="1" t="s">
        <v>90</v>
      </c>
      <c r="D65325" s="1" t="s">
        <v>27727</v>
      </c>
      <c r="E65325" s="1" t="s">
        <v>217764</v>
      </c>
      <c r="F65325" s="1" t="s">
        <v>217765</v>
      </c>
      <c r="G65325" s="1" t="s">
        <v>217718</v>
      </c>
      <c r="H65325" s="1" t="s">
        <v>217719</v>
      </c>
      <c r="I65325" s="1" t="s">
        <v>216161</v>
      </c>
      <c r="J65325" s="1" t="s">
        <v>217766</v>
      </c>
    </row>
    <row r="65326" spans="1:10" x14ac:dyDescent="0.35">
      <c r="A65326" s="1" t="s">
        <v>45732</v>
      </c>
      <c r="B65326" s="1" t="s">
        <v>216156</v>
      </c>
      <c r="C65326" s="1" t="s">
        <v>95</v>
      </c>
      <c r="D65326" s="1" t="s">
        <v>25431</v>
      </c>
      <c r="E65326" s="1" t="s">
        <v>217767</v>
      </c>
      <c r="F65326" s="1" t="s">
        <v>217768</v>
      </c>
      <c r="G65326" s="1" t="s">
        <v>217718</v>
      </c>
      <c r="H65326" s="1" t="s">
        <v>217719</v>
      </c>
      <c r="I65326" s="1" t="s">
        <v>216161</v>
      </c>
      <c r="J65326" s="1" t="s">
        <v>217769</v>
      </c>
    </row>
    <row r="65327" spans="1:10" x14ac:dyDescent="0.35">
      <c r="A65327" s="1" t="s">
        <v>45732</v>
      </c>
      <c r="B65327" s="1" t="s">
        <v>216156</v>
      </c>
      <c r="C65327" s="1" t="s">
        <v>100</v>
      </c>
      <c r="D65327" s="1" t="s">
        <v>110642</v>
      </c>
      <c r="E65327" s="1" t="s">
        <v>217770</v>
      </c>
      <c r="F65327" s="1" t="s">
        <v>217771</v>
      </c>
      <c r="G65327" s="1" t="s">
        <v>217718</v>
      </c>
      <c r="H65327" s="1" t="s">
        <v>217719</v>
      </c>
      <c r="I65327" s="1" t="s">
        <v>216161</v>
      </c>
      <c r="J65327" s="1" t="s">
        <v>217772</v>
      </c>
    </row>
    <row r="65328" spans="1:10" x14ac:dyDescent="0.35">
      <c r="A65328" s="1" t="s">
        <v>45732</v>
      </c>
      <c r="B65328" s="1" t="s">
        <v>216156</v>
      </c>
      <c r="C65328" s="1" t="s">
        <v>105</v>
      </c>
      <c r="D65328" s="1" t="s">
        <v>187237</v>
      </c>
      <c r="E65328" s="1" t="s">
        <v>217773</v>
      </c>
      <c r="F65328" s="1" t="s">
        <v>217774</v>
      </c>
      <c r="G65328" s="1" t="s">
        <v>217718</v>
      </c>
      <c r="H65328" s="1" t="s">
        <v>217719</v>
      </c>
      <c r="I65328" s="1" t="s">
        <v>216161</v>
      </c>
      <c r="J65328" s="1" t="s">
        <v>217775</v>
      </c>
    </row>
    <row r="65329" spans="1:10" x14ac:dyDescent="0.35">
      <c r="A65329" s="1" t="s">
        <v>45732</v>
      </c>
      <c r="B65329" s="1" t="s">
        <v>216156</v>
      </c>
      <c r="C65329" s="1" t="s">
        <v>110</v>
      </c>
      <c r="D65329" s="1" t="s">
        <v>44538</v>
      </c>
      <c r="E65329" s="1" t="s">
        <v>217776</v>
      </c>
      <c r="F65329" s="1" t="s">
        <v>217777</v>
      </c>
      <c r="G65329" s="1" t="s">
        <v>217718</v>
      </c>
      <c r="H65329" s="1" t="s">
        <v>217719</v>
      </c>
      <c r="I65329" s="1" t="s">
        <v>216161</v>
      </c>
      <c r="J65329" s="1" t="s">
        <v>217778</v>
      </c>
    </row>
    <row r="65330" spans="1:10" x14ac:dyDescent="0.35">
      <c r="A65330" s="1" t="s">
        <v>45732</v>
      </c>
      <c r="B65330" s="1" t="s">
        <v>216156</v>
      </c>
      <c r="C65330" s="1" t="s">
        <v>115</v>
      </c>
      <c r="D65330" s="1" t="s">
        <v>203330</v>
      </c>
      <c r="E65330" s="1" t="s">
        <v>217779</v>
      </c>
      <c r="F65330" s="1" t="s">
        <v>217780</v>
      </c>
      <c r="G65330" s="1" t="s">
        <v>217718</v>
      </c>
      <c r="H65330" s="1" t="s">
        <v>217719</v>
      </c>
      <c r="I65330" s="1" t="s">
        <v>216161</v>
      </c>
      <c r="J65330" s="1" t="s">
        <v>217781</v>
      </c>
    </row>
    <row r="65331" spans="1:10" x14ac:dyDescent="0.35">
      <c r="A65331" s="1" t="s">
        <v>45732</v>
      </c>
      <c r="B65331" s="1" t="s">
        <v>216156</v>
      </c>
      <c r="C65331" s="1" t="s">
        <v>120</v>
      </c>
      <c r="D65331" s="1" t="s">
        <v>8702</v>
      </c>
      <c r="E65331" s="1" t="s">
        <v>217782</v>
      </c>
      <c r="F65331" s="1" t="s">
        <v>217783</v>
      </c>
      <c r="G65331" s="1" t="s">
        <v>217718</v>
      </c>
      <c r="H65331" s="1" t="s">
        <v>217719</v>
      </c>
      <c r="I65331" s="1" t="s">
        <v>216161</v>
      </c>
      <c r="J65331" s="1" t="s">
        <v>217784</v>
      </c>
    </row>
    <row r="65332" spans="1:10" x14ac:dyDescent="0.35">
      <c r="A65332" s="1" t="s">
        <v>45732</v>
      </c>
      <c r="B65332" s="1" t="s">
        <v>216156</v>
      </c>
      <c r="C65332" s="1" t="s">
        <v>125</v>
      </c>
      <c r="D65332" s="1" t="s">
        <v>217785</v>
      </c>
      <c r="E65332" s="1" t="s">
        <v>217786</v>
      </c>
      <c r="F65332" s="1" t="s">
        <v>217787</v>
      </c>
      <c r="G65332" s="1" t="s">
        <v>217718</v>
      </c>
      <c r="H65332" s="1" t="s">
        <v>217719</v>
      </c>
      <c r="I65332" s="1" t="s">
        <v>216161</v>
      </c>
      <c r="J65332" s="1" t="s">
        <v>217788</v>
      </c>
    </row>
    <row r="65333" spans="1:10" x14ac:dyDescent="0.35">
      <c r="A65333" s="1" t="s">
        <v>45732</v>
      </c>
      <c r="B65333" s="1" t="s">
        <v>216156</v>
      </c>
      <c r="C65333" s="1" t="s">
        <v>130</v>
      </c>
      <c r="D65333" s="1" t="s">
        <v>29187</v>
      </c>
      <c r="E65333" s="1" t="s">
        <v>217789</v>
      </c>
      <c r="F65333" s="1" t="s">
        <v>217790</v>
      </c>
      <c r="G65333" s="1" t="s">
        <v>217718</v>
      </c>
      <c r="H65333" s="1" t="s">
        <v>217719</v>
      </c>
      <c r="I65333" s="1" t="s">
        <v>216161</v>
      </c>
      <c r="J65333" s="1" t="s">
        <v>217791</v>
      </c>
    </row>
    <row r="65334" spans="1:10" x14ac:dyDescent="0.35">
      <c r="A65334" s="1" t="s">
        <v>45732</v>
      </c>
      <c r="B65334" s="1" t="s">
        <v>216156</v>
      </c>
      <c r="C65334" s="1" t="s">
        <v>135</v>
      </c>
      <c r="D65334" s="1" t="s">
        <v>2067</v>
      </c>
      <c r="E65334" s="1" t="s">
        <v>217792</v>
      </c>
      <c r="F65334" s="1" t="s">
        <v>217793</v>
      </c>
      <c r="G65334" s="1" t="s">
        <v>217718</v>
      </c>
      <c r="H65334" s="1" t="s">
        <v>217719</v>
      </c>
      <c r="I65334" s="1" t="s">
        <v>216161</v>
      </c>
      <c r="J65334" s="1" t="s">
        <v>217794</v>
      </c>
    </row>
    <row r="65335" spans="1:10" x14ac:dyDescent="0.35">
      <c r="A65335" s="1" t="s">
        <v>45732</v>
      </c>
      <c r="B65335" s="1" t="s">
        <v>216156</v>
      </c>
      <c r="C65335" s="1" t="s">
        <v>140</v>
      </c>
      <c r="D65335" s="1" t="s">
        <v>15828</v>
      </c>
      <c r="E65335" s="1" t="s">
        <v>217795</v>
      </c>
      <c r="F65335" s="1" t="s">
        <v>217796</v>
      </c>
      <c r="G65335" s="1" t="s">
        <v>217718</v>
      </c>
      <c r="H65335" s="1" t="s">
        <v>217719</v>
      </c>
      <c r="I65335" s="1" t="s">
        <v>216161</v>
      </c>
      <c r="J65335" s="1" t="s">
        <v>217797</v>
      </c>
    </row>
    <row r="65336" spans="1:10" x14ac:dyDescent="0.35">
      <c r="A65336" s="1" t="s">
        <v>45732</v>
      </c>
      <c r="B65336" s="1" t="s">
        <v>216156</v>
      </c>
      <c r="C65336" s="1" t="s">
        <v>145</v>
      </c>
      <c r="D65336" s="1" t="s">
        <v>151809</v>
      </c>
      <c r="E65336" s="1" t="s">
        <v>217798</v>
      </c>
      <c r="F65336" s="1" t="s">
        <v>217799</v>
      </c>
      <c r="G65336" s="1" t="s">
        <v>217718</v>
      </c>
      <c r="H65336" s="1" t="s">
        <v>217719</v>
      </c>
      <c r="I65336" s="1" t="s">
        <v>216161</v>
      </c>
      <c r="J65336" s="1" t="s">
        <v>217800</v>
      </c>
    </row>
    <row r="65337" spans="1:10" x14ac:dyDescent="0.35">
      <c r="A65337" s="1" t="s">
        <v>45732</v>
      </c>
      <c r="B65337" s="1" t="s">
        <v>216156</v>
      </c>
      <c r="C65337" s="1" t="s">
        <v>150</v>
      </c>
      <c r="D65337" s="1" t="s">
        <v>336</v>
      </c>
      <c r="E65337" s="1" t="s">
        <v>217801</v>
      </c>
      <c r="F65337" s="1" t="s">
        <v>217802</v>
      </c>
      <c r="G65337" s="1" t="s">
        <v>217718</v>
      </c>
      <c r="H65337" s="1" t="s">
        <v>217719</v>
      </c>
      <c r="I65337" s="1" t="s">
        <v>216161</v>
      </c>
      <c r="J65337" s="1" t="s">
        <v>217803</v>
      </c>
    </row>
    <row r="65338" spans="1:10" x14ac:dyDescent="0.35">
      <c r="A65338" s="1" t="s">
        <v>45732</v>
      </c>
      <c r="B65338" s="1" t="s">
        <v>216156</v>
      </c>
      <c r="C65338" s="1" t="s">
        <v>155</v>
      </c>
      <c r="D65338" s="1" t="s">
        <v>112401</v>
      </c>
      <c r="E65338" s="1" t="s">
        <v>217804</v>
      </c>
      <c r="F65338" s="1" t="s">
        <v>217805</v>
      </c>
      <c r="G65338" s="1" t="s">
        <v>217718</v>
      </c>
      <c r="H65338" s="1" t="s">
        <v>217719</v>
      </c>
      <c r="I65338" s="1" t="s">
        <v>216161</v>
      </c>
      <c r="J65338" s="1" t="s">
        <v>217806</v>
      </c>
    </row>
    <row r="65339" spans="1:10" x14ac:dyDescent="0.35">
      <c r="A65339" s="1" t="s">
        <v>45732</v>
      </c>
      <c r="B65339" s="1" t="s">
        <v>216156</v>
      </c>
      <c r="C65339" s="1" t="s">
        <v>160</v>
      </c>
      <c r="D65339" s="1" t="s">
        <v>47331</v>
      </c>
      <c r="E65339" s="1" t="s">
        <v>217807</v>
      </c>
      <c r="F65339" s="1" t="s">
        <v>217808</v>
      </c>
      <c r="G65339" s="1" t="s">
        <v>217718</v>
      </c>
      <c r="H65339" s="1" t="s">
        <v>217719</v>
      </c>
      <c r="I65339" s="1" t="s">
        <v>216161</v>
      </c>
      <c r="J65339" s="1" t="s">
        <v>217809</v>
      </c>
    </row>
    <row r="65340" spans="1:10" x14ac:dyDescent="0.35">
      <c r="A65340" s="1" t="s">
        <v>45732</v>
      </c>
      <c r="B65340" s="1" t="s">
        <v>216156</v>
      </c>
      <c r="C65340" s="1" t="s">
        <v>165</v>
      </c>
      <c r="D65340" s="1" t="s">
        <v>105064</v>
      </c>
      <c r="E65340" s="1" t="s">
        <v>217810</v>
      </c>
      <c r="F65340" s="1" t="s">
        <v>217811</v>
      </c>
      <c r="G65340" s="1" t="s">
        <v>217718</v>
      </c>
      <c r="H65340" s="1" t="s">
        <v>217719</v>
      </c>
      <c r="I65340" s="1" t="s">
        <v>216161</v>
      </c>
      <c r="J65340" s="1" t="s">
        <v>217812</v>
      </c>
    </row>
    <row r="65341" spans="1:10" x14ac:dyDescent="0.35">
      <c r="A65341" s="1" t="s">
        <v>45732</v>
      </c>
      <c r="B65341" s="1" t="s">
        <v>216156</v>
      </c>
      <c r="C65341" s="1" t="s">
        <v>170</v>
      </c>
      <c r="D65341" s="1" t="s">
        <v>1691</v>
      </c>
      <c r="E65341" s="1" t="s">
        <v>217813</v>
      </c>
      <c r="F65341" s="1" t="s">
        <v>217814</v>
      </c>
      <c r="G65341" s="1" t="s">
        <v>217718</v>
      </c>
      <c r="H65341" s="1" t="s">
        <v>217719</v>
      </c>
      <c r="I65341" s="1" t="s">
        <v>216161</v>
      </c>
      <c r="J65341" s="1" t="s">
        <v>217815</v>
      </c>
    </row>
    <row r="65342" spans="1:10" x14ac:dyDescent="0.35">
      <c r="A65342" s="1" t="s">
        <v>8702</v>
      </c>
      <c r="B65342" s="1" t="s">
        <v>216156</v>
      </c>
      <c r="C65342" s="1" t="s">
        <v>8</v>
      </c>
      <c r="D65342" s="1" t="s">
        <v>109764</v>
      </c>
      <c r="E65342" s="1" t="s">
        <v>217816</v>
      </c>
      <c r="F65342" s="1" t="s">
        <v>217817</v>
      </c>
      <c r="G65342" s="1" t="s">
        <v>217818</v>
      </c>
      <c r="H65342" s="1" t="s">
        <v>217819</v>
      </c>
      <c r="I65342" s="1" t="s">
        <v>216161</v>
      </c>
      <c r="J65342" s="1" t="s">
        <v>13</v>
      </c>
    </row>
    <row r="65343" spans="1:10" x14ac:dyDescent="0.35">
      <c r="A65343" s="1" t="s">
        <v>8702</v>
      </c>
      <c r="B65343" s="1" t="s">
        <v>216156</v>
      </c>
      <c r="C65343" s="1" t="s">
        <v>15</v>
      </c>
      <c r="D65343" s="1" t="s">
        <v>217820</v>
      </c>
      <c r="E65343" s="1" t="s">
        <v>217821</v>
      </c>
      <c r="F65343" s="1" t="s">
        <v>217822</v>
      </c>
      <c r="G65343" s="1" t="s">
        <v>217818</v>
      </c>
      <c r="H65343" s="1" t="s">
        <v>217819</v>
      </c>
      <c r="I65343" s="1" t="s">
        <v>216161</v>
      </c>
      <c r="J65343" s="1" t="s">
        <v>217823</v>
      </c>
    </row>
    <row r="65344" spans="1:10" x14ac:dyDescent="0.35">
      <c r="A65344" s="1" t="s">
        <v>8702</v>
      </c>
      <c r="B65344" s="1" t="s">
        <v>216156</v>
      </c>
      <c r="C65344" s="1" t="s">
        <v>20</v>
      </c>
      <c r="D65344" s="1" t="s">
        <v>7323</v>
      </c>
      <c r="E65344" s="1" t="s">
        <v>217824</v>
      </c>
      <c r="F65344" s="1" t="s">
        <v>217825</v>
      </c>
      <c r="G65344" s="1" t="s">
        <v>217818</v>
      </c>
      <c r="H65344" s="1" t="s">
        <v>217819</v>
      </c>
      <c r="I65344" s="1" t="s">
        <v>216161</v>
      </c>
      <c r="J65344" s="1" t="s">
        <v>217826</v>
      </c>
    </row>
    <row r="65345" spans="1:10" x14ac:dyDescent="0.35">
      <c r="A65345" s="1" t="s">
        <v>8702</v>
      </c>
      <c r="B65345" s="1" t="s">
        <v>216156</v>
      </c>
      <c r="C65345" s="1" t="s">
        <v>25</v>
      </c>
      <c r="D65345" s="1" t="s">
        <v>25361</v>
      </c>
      <c r="E65345" s="1" t="s">
        <v>217827</v>
      </c>
      <c r="F65345" s="1" t="s">
        <v>217828</v>
      </c>
      <c r="G65345" s="1" t="s">
        <v>217818</v>
      </c>
      <c r="H65345" s="1" t="s">
        <v>217819</v>
      </c>
      <c r="I65345" s="1" t="s">
        <v>216161</v>
      </c>
      <c r="J65345" s="1" t="s">
        <v>217829</v>
      </c>
    </row>
    <row r="65346" spans="1:10" x14ac:dyDescent="0.35">
      <c r="A65346" s="1" t="s">
        <v>8702</v>
      </c>
      <c r="B65346" s="1" t="s">
        <v>216156</v>
      </c>
      <c r="C65346" s="1" t="s">
        <v>30</v>
      </c>
      <c r="D65346" s="1" t="s">
        <v>2274</v>
      </c>
      <c r="E65346" s="1" t="s">
        <v>217830</v>
      </c>
      <c r="F65346" s="1" t="s">
        <v>217831</v>
      </c>
      <c r="G65346" s="1" t="s">
        <v>217818</v>
      </c>
      <c r="H65346" s="1" t="s">
        <v>217819</v>
      </c>
      <c r="I65346" s="1" t="s">
        <v>216161</v>
      </c>
      <c r="J65346" s="1" t="s">
        <v>217832</v>
      </c>
    </row>
    <row r="65347" spans="1:10" x14ac:dyDescent="0.35">
      <c r="A65347" s="1" t="s">
        <v>8702</v>
      </c>
      <c r="B65347" s="1" t="s">
        <v>216156</v>
      </c>
      <c r="C65347" s="1" t="s">
        <v>35</v>
      </c>
      <c r="D65347" s="1" t="s">
        <v>25958</v>
      </c>
      <c r="E65347" s="1" t="s">
        <v>217833</v>
      </c>
      <c r="F65347" s="1" t="s">
        <v>217834</v>
      </c>
      <c r="G65347" s="1" t="s">
        <v>217818</v>
      </c>
      <c r="H65347" s="1" t="s">
        <v>217819</v>
      </c>
      <c r="I65347" s="1" t="s">
        <v>216161</v>
      </c>
      <c r="J65347" s="1" t="s">
        <v>217835</v>
      </c>
    </row>
    <row r="65348" spans="1:10" x14ac:dyDescent="0.35">
      <c r="A65348" s="1" t="s">
        <v>8702</v>
      </c>
      <c r="B65348" s="1" t="s">
        <v>216156</v>
      </c>
      <c r="C65348" s="1" t="s">
        <v>40</v>
      </c>
      <c r="D65348" s="1" t="s">
        <v>97898</v>
      </c>
      <c r="E65348" s="1" t="s">
        <v>217836</v>
      </c>
      <c r="F65348" s="1" t="s">
        <v>217837</v>
      </c>
      <c r="G65348" s="1" t="s">
        <v>217818</v>
      </c>
      <c r="H65348" s="1" t="s">
        <v>217819</v>
      </c>
      <c r="I65348" s="1" t="s">
        <v>216161</v>
      </c>
      <c r="J65348" s="1" t="s">
        <v>217838</v>
      </c>
    </row>
    <row r="65349" spans="1:10" x14ac:dyDescent="0.35">
      <c r="A65349" s="1" t="s">
        <v>8702</v>
      </c>
      <c r="B65349" s="1" t="s">
        <v>216156</v>
      </c>
      <c r="C65349" s="1" t="s">
        <v>45</v>
      </c>
      <c r="D65349" s="1" t="s">
        <v>217839</v>
      </c>
      <c r="E65349" s="1" t="s">
        <v>217840</v>
      </c>
      <c r="F65349" s="1" t="s">
        <v>217841</v>
      </c>
      <c r="G65349" s="1" t="s">
        <v>217818</v>
      </c>
      <c r="H65349" s="1" t="s">
        <v>217819</v>
      </c>
      <c r="I65349" s="1" t="s">
        <v>216161</v>
      </c>
      <c r="J65349" s="1" t="s">
        <v>217842</v>
      </c>
    </row>
    <row r="65350" spans="1:10" x14ac:dyDescent="0.35">
      <c r="A65350" s="1" t="s">
        <v>8702</v>
      </c>
      <c r="B65350" s="1" t="s">
        <v>216156</v>
      </c>
      <c r="C65350" s="1" t="s">
        <v>50</v>
      </c>
      <c r="D65350" s="1" t="s">
        <v>217146</v>
      </c>
      <c r="E65350" s="1" t="s">
        <v>217843</v>
      </c>
      <c r="F65350" s="1" t="s">
        <v>217844</v>
      </c>
      <c r="G65350" s="1" t="s">
        <v>217818</v>
      </c>
      <c r="H65350" s="1" t="s">
        <v>217819</v>
      </c>
      <c r="I65350" s="1" t="s">
        <v>216161</v>
      </c>
      <c r="J65350" s="1" t="s">
        <v>217845</v>
      </c>
    </row>
    <row r="65351" spans="1:10" x14ac:dyDescent="0.35">
      <c r="A65351" s="1" t="s">
        <v>8702</v>
      </c>
      <c r="B65351" s="1" t="s">
        <v>216156</v>
      </c>
      <c r="C65351" s="1" t="s">
        <v>55</v>
      </c>
      <c r="D65351" s="1" t="s">
        <v>25696</v>
      </c>
      <c r="E65351" s="1" t="s">
        <v>217846</v>
      </c>
      <c r="F65351" s="1" t="s">
        <v>217847</v>
      </c>
      <c r="G65351" s="1" t="s">
        <v>217818</v>
      </c>
      <c r="H65351" s="1" t="s">
        <v>217819</v>
      </c>
      <c r="I65351" s="1" t="s">
        <v>216161</v>
      </c>
      <c r="J65351" s="1" t="s">
        <v>217848</v>
      </c>
    </row>
    <row r="65352" spans="1:10" x14ac:dyDescent="0.35">
      <c r="A65352" s="1" t="s">
        <v>8702</v>
      </c>
      <c r="B65352" s="1" t="s">
        <v>216156</v>
      </c>
      <c r="C65352" s="1" t="s">
        <v>60</v>
      </c>
      <c r="D65352" s="1" t="s">
        <v>110879</v>
      </c>
      <c r="E65352" s="1" t="s">
        <v>217849</v>
      </c>
      <c r="F65352" s="1" t="s">
        <v>217850</v>
      </c>
      <c r="G65352" s="1" t="s">
        <v>217818</v>
      </c>
      <c r="H65352" s="1" t="s">
        <v>217819</v>
      </c>
      <c r="I65352" s="1" t="s">
        <v>216161</v>
      </c>
      <c r="J65352" s="1" t="s">
        <v>217851</v>
      </c>
    </row>
    <row r="65353" spans="1:10" x14ac:dyDescent="0.35">
      <c r="A65353" s="1" t="s">
        <v>8702</v>
      </c>
      <c r="B65353" s="1" t="s">
        <v>216156</v>
      </c>
      <c r="C65353" s="1" t="s">
        <v>65</v>
      </c>
      <c r="D65353" s="1" t="s">
        <v>13192</v>
      </c>
      <c r="E65353" s="1" t="s">
        <v>217852</v>
      </c>
      <c r="F65353" s="1" t="s">
        <v>217853</v>
      </c>
      <c r="G65353" s="1" t="s">
        <v>217818</v>
      </c>
      <c r="H65353" s="1" t="s">
        <v>217819</v>
      </c>
      <c r="I65353" s="1" t="s">
        <v>216161</v>
      </c>
      <c r="J65353" s="1" t="s">
        <v>217854</v>
      </c>
    </row>
    <row r="65354" spans="1:10" x14ac:dyDescent="0.35">
      <c r="A65354" s="1" t="s">
        <v>8702</v>
      </c>
      <c r="B65354" s="1" t="s">
        <v>216156</v>
      </c>
      <c r="C65354" s="1" t="s">
        <v>70</v>
      </c>
      <c r="D65354" s="1" t="s">
        <v>110780</v>
      </c>
      <c r="E65354" s="1" t="s">
        <v>217855</v>
      </c>
      <c r="F65354" s="1" t="s">
        <v>217856</v>
      </c>
      <c r="G65354" s="1" t="s">
        <v>217818</v>
      </c>
      <c r="H65354" s="1" t="s">
        <v>217819</v>
      </c>
      <c r="I65354" s="1" t="s">
        <v>216161</v>
      </c>
      <c r="J65354" s="1" t="s">
        <v>217857</v>
      </c>
    </row>
    <row r="65355" spans="1:10" x14ac:dyDescent="0.35">
      <c r="A65355" s="1" t="s">
        <v>8702</v>
      </c>
      <c r="B65355" s="1" t="s">
        <v>216156</v>
      </c>
      <c r="C65355" s="1" t="s">
        <v>75</v>
      </c>
      <c r="D65355" s="1" t="s">
        <v>12020</v>
      </c>
      <c r="E65355" s="1" t="s">
        <v>217858</v>
      </c>
      <c r="F65355" s="1" t="s">
        <v>217859</v>
      </c>
      <c r="G65355" s="1" t="s">
        <v>217818</v>
      </c>
      <c r="H65355" s="1" t="s">
        <v>217819</v>
      </c>
      <c r="I65355" s="1" t="s">
        <v>216161</v>
      </c>
      <c r="J65355" s="1" t="s">
        <v>217860</v>
      </c>
    </row>
    <row r="65356" spans="1:10" x14ac:dyDescent="0.35">
      <c r="A65356" s="1" t="s">
        <v>8702</v>
      </c>
      <c r="B65356" s="1" t="s">
        <v>216156</v>
      </c>
      <c r="C65356" s="1" t="s">
        <v>80</v>
      </c>
      <c r="D65356" s="1" t="s">
        <v>97611</v>
      </c>
      <c r="E65356" s="1" t="s">
        <v>217861</v>
      </c>
      <c r="F65356" s="1" t="s">
        <v>217862</v>
      </c>
      <c r="G65356" s="1" t="s">
        <v>217818</v>
      </c>
      <c r="H65356" s="1" t="s">
        <v>217819</v>
      </c>
      <c r="I65356" s="1" t="s">
        <v>216161</v>
      </c>
      <c r="J65356" s="1" t="s">
        <v>217863</v>
      </c>
    </row>
    <row r="65357" spans="1:10" x14ac:dyDescent="0.35">
      <c r="A65357" s="1" t="s">
        <v>8702</v>
      </c>
      <c r="B65357" s="1" t="s">
        <v>216156</v>
      </c>
      <c r="C65357" s="1" t="s">
        <v>85</v>
      </c>
      <c r="D65357" s="1" t="s">
        <v>6247</v>
      </c>
      <c r="E65357" s="1" t="s">
        <v>217864</v>
      </c>
      <c r="F65357" s="1" t="s">
        <v>217865</v>
      </c>
      <c r="G65357" s="1" t="s">
        <v>217818</v>
      </c>
      <c r="H65357" s="1" t="s">
        <v>217819</v>
      </c>
      <c r="I65357" s="1" t="s">
        <v>216161</v>
      </c>
      <c r="J65357" s="1" t="s">
        <v>217866</v>
      </c>
    </row>
    <row r="65358" spans="1:10" x14ac:dyDescent="0.35">
      <c r="A65358" s="1" t="s">
        <v>8702</v>
      </c>
      <c r="B65358" s="1" t="s">
        <v>216156</v>
      </c>
      <c r="C65358" s="1" t="s">
        <v>90</v>
      </c>
      <c r="D65358" s="1" t="s">
        <v>1844</v>
      </c>
      <c r="E65358" s="1" t="s">
        <v>217867</v>
      </c>
      <c r="F65358" s="1" t="s">
        <v>217868</v>
      </c>
      <c r="G65358" s="1" t="s">
        <v>217818</v>
      </c>
      <c r="H65358" s="1" t="s">
        <v>217819</v>
      </c>
      <c r="I65358" s="1" t="s">
        <v>216161</v>
      </c>
      <c r="J65358" s="1" t="s">
        <v>217869</v>
      </c>
    </row>
    <row r="65359" spans="1:10" x14ac:dyDescent="0.35">
      <c r="A65359" s="1" t="s">
        <v>8702</v>
      </c>
      <c r="B65359" s="1" t="s">
        <v>216156</v>
      </c>
      <c r="C65359" s="1" t="s">
        <v>95</v>
      </c>
      <c r="D65359" s="1" t="s">
        <v>1761</v>
      </c>
      <c r="E65359" s="1" t="s">
        <v>217870</v>
      </c>
      <c r="F65359" s="1" t="s">
        <v>217871</v>
      </c>
      <c r="G65359" s="1" t="s">
        <v>217818</v>
      </c>
      <c r="H65359" s="1" t="s">
        <v>217819</v>
      </c>
      <c r="I65359" s="1" t="s">
        <v>216161</v>
      </c>
      <c r="J65359" s="1" t="s">
        <v>217872</v>
      </c>
    </row>
    <row r="65360" spans="1:10" x14ac:dyDescent="0.35">
      <c r="A65360" s="1" t="s">
        <v>8702</v>
      </c>
      <c r="B65360" s="1" t="s">
        <v>216156</v>
      </c>
      <c r="C65360" s="1" t="s">
        <v>100</v>
      </c>
      <c r="D65360" s="1" t="s">
        <v>3561</v>
      </c>
      <c r="E65360" s="1" t="s">
        <v>217873</v>
      </c>
      <c r="F65360" s="1" t="s">
        <v>217874</v>
      </c>
      <c r="G65360" s="1" t="s">
        <v>217818</v>
      </c>
      <c r="H65360" s="1" t="s">
        <v>217819</v>
      </c>
      <c r="I65360" s="1" t="s">
        <v>216161</v>
      </c>
      <c r="J65360" s="1" t="s">
        <v>217875</v>
      </c>
    </row>
    <row r="65361" spans="1:10" x14ac:dyDescent="0.35">
      <c r="A65361" s="1" t="s">
        <v>8702</v>
      </c>
      <c r="B65361" s="1" t="s">
        <v>216156</v>
      </c>
      <c r="C65361" s="1" t="s">
        <v>105</v>
      </c>
      <c r="D65361" s="1" t="s">
        <v>51849</v>
      </c>
      <c r="E65361" s="1" t="s">
        <v>217876</v>
      </c>
      <c r="F65361" s="1" t="s">
        <v>217877</v>
      </c>
      <c r="G65361" s="1" t="s">
        <v>217818</v>
      </c>
      <c r="H65361" s="1" t="s">
        <v>217819</v>
      </c>
      <c r="I65361" s="1" t="s">
        <v>216161</v>
      </c>
      <c r="J65361" s="1" t="s">
        <v>217878</v>
      </c>
    </row>
    <row r="65362" spans="1:10" x14ac:dyDescent="0.35">
      <c r="A65362" s="1" t="s">
        <v>8702</v>
      </c>
      <c r="B65362" s="1" t="s">
        <v>216156</v>
      </c>
      <c r="C65362" s="1" t="s">
        <v>110</v>
      </c>
      <c r="D65362" s="1" t="s">
        <v>1138</v>
      </c>
      <c r="E65362" s="1" t="s">
        <v>217879</v>
      </c>
      <c r="F65362" s="1" t="s">
        <v>217880</v>
      </c>
      <c r="G65362" s="1" t="s">
        <v>217818</v>
      </c>
      <c r="H65362" s="1" t="s">
        <v>217819</v>
      </c>
      <c r="I65362" s="1" t="s">
        <v>216161</v>
      </c>
      <c r="J65362" s="1" t="s">
        <v>217881</v>
      </c>
    </row>
    <row r="65363" spans="1:10" x14ac:dyDescent="0.35">
      <c r="A65363" s="1" t="s">
        <v>8702</v>
      </c>
      <c r="B65363" s="1" t="s">
        <v>216156</v>
      </c>
      <c r="C65363" s="1" t="s">
        <v>115</v>
      </c>
      <c r="D65363" s="1" t="s">
        <v>46685</v>
      </c>
      <c r="E65363" s="1" t="s">
        <v>217882</v>
      </c>
      <c r="F65363" s="1" t="s">
        <v>217883</v>
      </c>
      <c r="G65363" s="1" t="s">
        <v>217818</v>
      </c>
      <c r="H65363" s="1" t="s">
        <v>217819</v>
      </c>
      <c r="I65363" s="1" t="s">
        <v>216161</v>
      </c>
      <c r="J65363" s="1" t="s">
        <v>217884</v>
      </c>
    </row>
    <row r="65364" spans="1:10" x14ac:dyDescent="0.35">
      <c r="A65364" s="1" t="s">
        <v>8702</v>
      </c>
      <c r="B65364" s="1" t="s">
        <v>216156</v>
      </c>
      <c r="C65364" s="1" t="s">
        <v>120</v>
      </c>
      <c r="D65364" s="1" t="s">
        <v>10235</v>
      </c>
      <c r="E65364" s="1" t="s">
        <v>217885</v>
      </c>
      <c r="F65364" s="1" t="s">
        <v>217886</v>
      </c>
      <c r="G65364" s="1" t="s">
        <v>217818</v>
      </c>
      <c r="H65364" s="1" t="s">
        <v>217819</v>
      </c>
      <c r="I65364" s="1" t="s">
        <v>216161</v>
      </c>
      <c r="J65364" s="1" t="s">
        <v>217887</v>
      </c>
    </row>
    <row r="65365" spans="1:10" x14ac:dyDescent="0.35">
      <c r="A65365" s="1" t="s">
        <v>8702</v>
      </c>
      <c r="B65365" s="1" t="s">
        <v>216156</v>
      </c>
      <c r="C65365" s="1" t="s">
        <v>125</v>
      </c>
      <c r="D65365" s="1" t="s">
        <v>28032</v>
      </c>
      <c r="E65365" s="1" t="s">
        <v>217888</v>
      </c>
      <c r="F65365" s="1" t="s">
        <v>217889</v>
      </c>
      <c r="G65365" s="1" t="s">
        <v>217818</v>
      </c>
      <c r="H65365" s="1" t="s">
        <v>217819</v>
      </c>
      <c r="I65365" s="1" t="s">
        <v>216161</v>
      </c>
      <c r="J65365" s="1" t="s">
        <v>217890</v>
      </c>
    </row>
    <row r="65366" spans="1:10" x14ac:dyDescent="0.35">
      <c r="A65366" s="1" t="s">
        <v>8702</v>
      </c>
      <c r="B65366" s="1" t="s">
        <v>216156</v>
      </c>
      <c r="C65366" s="1" t="s">
        <v>130</v>
      </c>
      <c r="D65366" s="1" t="s">
        <v>1189</v>
      </c>
      <c r="E65366" s="1" t="s">
        <v>217891</v>
      </c>
      <c r="F65366" s="1" t="s">
        <v>217892</v>
      </c>
      <c r="G65366" s="1" t="s">
        <v>217818</v>
      </c>
      <c r="H65366" s="1" t="s">
        <v>217819</v>
      </c>
      <c r="I65366" s="1" t="s">
        <v>216161</v>
      </c>
      <c r="J65366" s="1" t="s">
        <v>217893</v>
      </c>
    </row>
    <row r="65367" spans="1:10" x14ac:dyDescent="0.35">
      <c r="A65367" s="1" t="s">
        <v>8702</v>
      </c>
      <c r="B65367" s="1" t="s">
        <v>216156</v>
      </c>
      <c r="C65367" s="1" t="s">
        <v>135</v>
      </c>
      <c r="D65367" s="1" t="s">
        <v>5540</v>
      </c>
      <c r="E65367" s="1" t="s">
        <v>217894</v>
      </c>
      <c r="F65367" s="1" t="s">
        <v>217895</v>
      </c>
      <c r="G65367" s="1" t="s">
        <v>217818</v>
      </c>
      <c r="H65367" s="1" t="s">
        <v>217819</v>
      </c>
      <c r="I65367" s="1" t="s">
        <v>216161</v>
      </c>
      <c r="J65367" s="1" t="s">
        <v>217896</v>
      </c>
    </row>
    <row r="65368" spans="1:10" x14ac:dyDescent="0.35">
      <c r="A65368" s="1" t="s">
        <v>8702</v>
      </c>
      <c r="B65368" s="1" t="s">
        <v>216156</v>
      </c>
      <c r="C65368" s="1" t="s">
        <v>140</v>
      </c>
      <c r="D65368" s="1" t="s">
        <v>115826</v>
      </c>
      <c r="E65368" s="1" t="s">
        <v>217897</v>
      </c>
      <c r="F65368" s="1" t="s">
        <v>217898</v>
      </c>
      <c r="G65368" s="1" t="s">
        <v>217818</v>
      </c>
      <c r="H65368" s="1" t="s">
        <v>217819</v>
      </c>
      <c r="I65368" s="1" t="s">
        <v>216161</v>
      </c>
      <c r="J65368" s="1" t="s">
        <v>217899</v>
      </c>
    </row>
    <row r="65369" spans="1:10" x14ac:dyDescent="0.35">
      <c r="A65369" s="1" t="s">
        <v>8702</v>
      </c>
      <c r="B65369" s="1" t="s">
        <v>216156</v>
      </c>
      <c r="C65369" s="1" t="s">
        <v>145</v>
      </c>
      <c r="D65369" s="1" t="s">
        <v>142801</v>
      </c>
      <c r="E65369" s="1" t="s">
        <v>217900</v>
      </c>
      <c r="F65369" s="1" t="s">
        <v>217901</v>
      </c>
      <c r="G65369" s="1" t="s">
        <v>217818</v>
      </c>
      <c r="H65369" s="1" t="s">
        <v>217819</v>
      </c>
      <c r="I65369" s="1" t="s">
        <v>216161</v>
      </c>
      <c r="J65369" s="1" t="s">
        <v>217902</v>
      </c>
    </row>
    <row r="65370" spans="1:10" x14ac:dyDescent="0.35">
      <c r="A65370" s="1" t="s">
        <v>8702</v>
      </c>
      <c r="B65370" s="1" t="s">
        <v>216156</v>
      </c>
      <c r="C65370" s="1" t="s">
        <v>150</v>
      </c>
      <c r="D65370" s="1" t="s">
        <v>28158</v>
      </c>
      <c r="E65370" s="1" t="s">
        <v>217903</v>
      </c>
      <c r="F65370" s="1" t="s">
        <v>217904</v>
      </c>
      <c r="G65370" s="1" t="s">
        <v>217818</v>
      </c>
      <c r="H65370" s="1" t="s">
        <v>217819</v>
      </c>
      <c r="I65370" s="1" t="s">
        <v>216161</v>
      </c>
      <c r="J65370" s="1" t="s">
        <v>217905</v>
      </c>
    </row>
    <row r="65371" spans="1:10" x14ac:dyDescent="0.35">
      <c r="A65371" s="1" t="s">
        <v>8702</v>
      </c>
      <c r="B65371" s="1" t="s">
        <v>216156</v>
      </c>
      <c r="C65371" s="1" t="s">
        <v>155</v>
      </c>
      <c r="D65371" s="1" t="s">
        <v>27898</v>
      </c>
      <c r="E65371" s="1" t="s">
        <v>217906</v>
      </c>
      <c r="F65371" s="1" t="s">
        <v>217907</v>
      </c>
      <c r="G65371" s="1" t="s">
        <v>217818</v>
      </c>
      <c r="H65371" s="1" t="s">
        <v>217819</v>
      </c>
      <c r="I65371" s="1" t="s">
        <v>216161</v>
      </c>
      <c r="J65371" s="1" t="s">
        <v>217908</v>
      </c>
    </row>
    <row r="65372" spans="1:10" x14ac:dyDescent="0.35">
      <c r="A65372" s="1" t="s">
        <v>8702</v>
      </c>
      <c r="B65372" s="1" t="s">
        <v>216156</v>
      </c>
      <c r="C65372" s="1" t="s">
        <v>160</v>
      </c>
      <c r="D65372" s="1" t="s">
        <v>120016</v>
      </c>
      <c r="E65372" s="1" t="s">
        <v>217909</v>
      </c>
      <c r="F65372" s="1" t="s">
        <v>217910</v>
      </c>
      <c r="G65372" s="1" t="s">
        <v>217818</v>
      </c>
      <c r="H65372" s="1" t="s">
        <v>217819</v>
      </c>
      <c r="I65372" s="1" t="s">
        <v>216161</v>
      </c>
      <c r="J65372" s="1" t="s">
        <v>217911</v>
      </c>
    </row>
    <row r="65373" spans="1:10" x14ac:dyDescent="0.35">
      <c r="A65373" s="1" t="s">
        <v>8702</v>
      </c>
      <c r="B65373" s="1" t="s">
        <v>216156</v>
      </c>
      <c r="C65373" s="1" t="s">
        <v>165</v>
      </c>
      <c r="D65373" s="1" t="s">
        <v>119408</v>
      </c>
      <c r="E65373" s="1" t="s">
        <v>217912</v>
      </c>
      <c r="F65373" s="1" t="s">
        <v>217913</v>
      </c>
      <c r="G65373" s="1" t="s">
        <v>217818</v>
      </c>
      <c r="H65373" s="1" t="s">
        <v>217819</v>
      </c>
      <c r="I65373" s="1" t="s">
        <v>216161</v>
      </c>
      <c r="J65373" s="1" t="s">
        <v>217914</v>
      </c>
    </row>
    <row r="65374" spans="1:10" x14ac:dyDescent="0.35">
      <c r="A65374" s="1" t="s">
        <v>8702</v>
      </c>
      <c r="B65374" s="1" t="s">
        <v>216156</v>
      </c>
      <c r="C65374" s="1" t="s">
        <v>170</v>
      </c>
      <c r="D65374" s="1" t="s">
        <v>6388</v>
      </c>
      <c r="E65374" s="1" t="s">
        <v>217915</v>
      </c>
      <c r="F65374" s="1" t="s">
        <v>217916</v>
      </c>
      <c r="G65374" s="1" t="s">
        <v>217818</v>
      </c>
      <c r="H65374" s="1" t="s">
        <v>217819</v>
      </c>
      <c r="I65374" s="1" t="s">
        <v>216161</v>
      </c>
      <c r="J65374" s="1" t="s">
        <v>217917</v>
      </c>
    </row>
    <row r="65375" spans="1:10" x14ac:dyDescent="0.35">
      <c r="A65375" s="1" t="s">
        <v>217918</v>
      </c>
      <c r="B65375" s="1" t="s">
        <v>216156</v>
      </c>
      <c r="C65375" s="1" t="s">
        <v>8</v>
      </c>
      <c r="D65375" s="1" t="s">
        <v>7342</v>
      </c>
      <c r="E65375" s="1" t="s">
        <v>217919</v>
      </c>
      <c r="F65375" s="1" t="s">
        <v>217920</v>
      </c>
      <c r="G65375" s="1" t="s">
        <v>217921</v>
      </c>
      <c r="H65375" s="1" t="s">
        <v>217922</v>
      </c>
      <c r="I65375" s="1" t="s">
        <v>216161</v>
      </c>
      <c r="J65375" s="1" t="s">
        <v>13</v>
      </c>
    </row>
    <row r="65376" spans="1:10" x14ac:dyDescent="0.35">
      <c r="A65376" s="1" t="s">
        <v>217918</v>
      </c>
      <c r="B65376" s="1" t="s">
        <v>216156</v>
      </c>
      <c r="C65376" s="1" t="s">
        <v>15</v>
      </c>
      <c r="D65376" s="1" t="s">
        <v>1240</v>
      </c>
      <c r="E65376" s="1" t="s">
        <v>217923</v>
      </c>
      <c r="F65376" s="1" t="s">
        <v>217924</v>
      </c>
      <c r="G65376" s="1" t="s">
        <v>217921</v>
      </c>
      <c r="H65376" s="1" t="s">
        <v>217922</v>
      </c>
      <c r="I65376" s="1" t="s">
        <v>216161</v>
      </c>
      <c r="J65376" s="1" t="s">
        <v>217925</v>
      </c>
    </row>
    <row r="65377" spans="1:10" x14ac:dyDescent="0.35">
      <c r="A65377" s="1" t="s">
        <v>217918</v>
      </c>
      <c r="B65377" s="1" t="s">
        <v>216156</v>
      </c>
      <c r="C65377" s="1" t="s">
        <v>20</v>
      </c>
      <c r="D65377" s="1" t="s">
        <v>8426</v>
      </c>
      <c r="E65377" s="1" t="s">
        <v>217926</v>
      </c>
      <c r="F65377" s="1" t="s">
        <v>217927</v>
      </c>
      <c r="G65377" s="1" t="s">
        <v>217921</v>
      </c>
      <c r="H65377" s="1" t="s">
        <v>217922</v>
      </c>
      <c r="I65377" s="1" t="s">
        <v>216161</v>
      </c>
      <c r="J65377" s="1" t="s">
        <v>217928</v>
      </c>
    </row>
    <row r="65378" spans="1:10" x14ac:dyDescent="0.35">
      <c r="A65378" s="1" t="s">
        <v>217918</v>
      </c>
      <c r="B65378" s="1" t="s">
        <v>216156</v>
      </c>
      <c r="C65378" s="1" t="s">
        <v>25</v>
      </c>
      <c r="D65378" s="1" t="s">
        <v>1844</v>
      </c>
      <c r="E65378" s="1" t="s">
        <v>217929</v>
      </c>
      <c r="F65378" s="1" t="s">
        <v>217930</v>
      </c>
      <c r="G65378" s="1" t="s">
        <v>217921</v>
      </c>
      <c r="H65378" s="1" t="s">
        <v>217922</v>
      </c>
      <c r="I65378" s="1" t="s">
        <v>216161</v>
      </c>
      <c r="J65378" s="1" t="s">
        <v>217931</v>
      </c>
    </row>
    <row r="65379" spans="1:10" x14ac:dyDescent="0.35">
      <c r="A65379" s="1" t="s">
        <v>217918</v>
      </c>
      <c r="B65379" s="1" t="s">
        <v>216156</v>
      </c>
      <c r="C65379" s="1" t="s">
        <v>30</v>
      </c>
      <c r="D65379" s="1" t="s">
        <v>1942</v>
      </c>
      <c r="E65379" s="1" t="s">
        <v>217932</v>
      </c>
      <c r="F65379" s="1" t="s">
        <v>217933</v>
      </c>
      <c r="G65379" s="1" t="s">
        <v>217921</v>
      </c>
      <c r="H65379" s="1" t="s">
        <v>217922</v>
      </c>
      <c r="I65379" s="1" t="s">
        <v>216161</v>
      </c>
      <c r="J65379" s="1" t="s">
        <v>217934</v>
      </c>
    </row>
    <row r="65380" spans="1:10" x14ac:dyDescent="0.35">
      <c r="A65380" s="1" t="s">
        <v>217918</v>
      </c>
      <c r="B65380" s="1" t="s">
        <v>216156</v>
      </c>
      <c r="C65380" s="1" t="s">
        <v>35</v>
      </c>
      <c r="D65380" s="1" t="s">
        <v>3557</v>
      </c>
      <c r="E65380" s="1" t="s">
        <v>217935</v>
      </c>
      <c r="F65380" s="1" t="s">
        <v>217936</v>
      </c>
      <c r="G65380" s="1" t="s">
        <v>217921</v>
      </c>
      <c r="H65380" s="1" t="s">
        <v>217922</v>
      </c>
      <c r="I65380" s="1" t="s">
        <v>216161</v>
      </c>
      <c r="J65380" s="1" t="s">
        <v>217937</v>
      </c>
    </row>
    <row r="65381" spans="1:10" x14ac:dyDescent="0.35">
      <c r="A65381" s="1" t="s">
        <v>217918</v>
      </c>
      <c r="B65381" s="1" t="s">
        <v>216156</v>
      </c>
      <c r="C65381" s="1" t="s">
        <v>40</v>
      </c>
      <c r="D65381" s="1" t="s">
        <v>45105</v>
      </c>
      <c r="E65381" s="1" t="s">
        <v>217938</v>
      </c>
      <c r="F65381" s="1" t="s">
        <v>217939</v>
      </c>
      <c r="G65381" s="1" t="s">
        <v>217921</v>
      </c>
      <c r="H65381" s="1" t="s">
        <v>217922</v>
      </c>
      <c r="I65381" s="1" t="s">
        <v>216161</v>
      </c>
      <c r="J65381" s="1" t="s">
        <v>217940</v>
      </c>
    </row>
    <row r="65382" spans="1:10" x14ac:dyDescent="0.35">
      <c r="A65382" s="1" t="s">
        <v>217918</v>
      </c>
      <c r="B65382" s="1" t="s">
        <v>216156</v>
      </c>
      <c r="C65382" s="1" t="s">
        <v>45</v>
      </c>
      <c r="D65382" s="1" t="s">
        <v>44019</v>
      </c>
      <c r="E65382" s="1" t="s">
        <v>217941</v>
      </c>
      <c r="F65382" s="1" t="s">
        <v>217942</v>
      </c>
      <c r="G65382" s="1" t="s">
        <v>217921</v>
      </c>
      <c r="H65382" s="1" t="s">
        <v>217922</v>
      </c>
      <c r="I65382" s="1" t="s">
        <v>216161</v>
      </c>
      <c r="J65382" s="1" t="s">
        <v>217943</v>
      </c>
    </row>
    <row r="65383" spans="1:10" x14ac:dyDescent="0.35">
      <c r="A65383" s="1" t="s">
        <v>217918</v>
      </c>
      <c r="B65383" s="1" t="s">
        <v>216156</v>
      </c>
      <c r="C65383" s="1" t="s">
        <v>50</v>
      </c>
      <c r="D65383" s="1" t="s">
        <v>45598</v>
      </c>
      <c r="E65383" s="1" t="s">
        <v>217944</v>
      </c>
      <c r="F65383" s="1" t="s">
        <v>217945</v>
      </c>
      <c r="G65383" s="1" t="s">
        <v>217921</v>
      </c>
      <c r="H65383" s="1" t="s">
        <v>217922</v>
      </c>
      <c r="I65383" s="1" t="s">
        <v>216161</v>
      </c>
      <c r="J65383" s="1" t="s">
        <v>217946</v>
      </c>
    </row>
    <row r="65384" spans="1:10" x14ac:dyDescent="0.35">
      <c r="A65384" s="1" t="s">
        <v>217918</v>
      </c>
      <c r="B65384" s="1" t="s">
        <v>216156</v>
      </c>
      <c r="C65384" s="1" t="s">
        <v>55</v>
      </c>
      <c r="D65384" s="1" t="s">
        <v>7350</v>
      </c>
      <c r="E65384" s="1" t="s">
        <v>217947</v>
      </c>
      <c r="F65384" s="1" t="s">
        <v>217948</v>
      </c>
      <c r="G65384" s="1" t="s">
        <v>217921</v>
      </c>
      <c r="H65384" s="1" t="s">
        <v>217922</v>
      </c>
      <c r="I65384" s="1" t="s">
        <v>216161</v>
      </c>
      <c r="J65384" s="1" t="s">
        <v>217949</v>
      </c>
    </row>
    <row r="65385" spans="1:10" x14ac:dyDescent="0.35">
      <c r="A65385" s="1" t="s">
        <v>217918</v>
      </c>
      <c r="B65385" s="1" t="s">
        <v>216156</v>
      </c>
      <c r="C65385" s="1" t="s">
        <v>60</v>
      </c>
      <c r="D65385" s="1" t="s">
        <v>10436</v>
      </c>
      <c r="E65385" s="1" t="s">
        <v>217950</v>
      </c>
      <c r="F65385" s="1" t="s">
        <v>217951</v>
      </c>
      <c r="G65385" s="1" t="s">
        <v>217921</v>
      </c>
      <c r="H65385" s="1" t="s">
        <v>217922</v>
      </c>
      <c r="I65385" s="1" t="s">
        <v>216161</v>
      </c>
      <c r="J65385" s="1" t="s">
        <v>217952</v>
      </c>
    </row>
    <row r="65386" spans="1:10" x14ac:dyDescent="0.35">
      <c r="A65386" s="1" t="s">
        <v>217918</v>
      </c>
      <c r="B65386" s="1" t="s">
        <v>216156</v>
      </c>
      <c r="C65386" s="1" t="s">
        <v>65</v>
      </c>
      <c r="D65386" s="1" t="s">
        <v>1840</v>
      </c>
      <c r="E65386" s="1" t="s">
        <v>217953</v>
      </c>
      <c r="F65386" s="1" t="s">
        <v>217954</v>
      </c>
      <c r="G65386" s="1" t="s">
        <v>217921</v>
      </c>
      <c r="H65386" s="1" t="s">
        <v>217922</v>
      </c>
      <c r="I65386" s="1" t="s">
        <v>216161</v>
      </c>
      <c r="J65386" s="1" t="s">
        <v>217955</v>
      </c>
    </row>
    <row r="65387" spans="1:10" x14ac:dyDescent="0.35">
      <c r="A65387" s="1" t="s">
        <v>217918</v>
      </c>
      <c r="B65387" s="1" t="s">
        <v>216156</v>
      </c>
      <c r="C65387" s="1" t="s">
        <v>70</v>
      </c>
      <c r="D65387" s="1" t="s">
        <v>6274</v>
      </c>
      <c r="E65387" s="1" t="s">
        <v>217956</v>
      </c>
      <c r="F65387" s="1" t="s">
        <v>217957</v>
      </c>
      <c r="G65387" s="1" t="s">
        <v>217921</v>
      </c>
      <c r="H65387" s="1" t="s">
        <v>217922</v>
      </c>
      <c r="I65387" s="1" t="s">
        <v>216161</v>
      </c>
      <c r="J65387" s="1" t="s">
        <v>217958</v>
      </c>
    </row>
    <row r="65388" spans="1:10" x14ac:dyDescent="0.35">
      <c r="A65388" s="1" t="s">
        <v>217918</v>
      </c>
      <c r="B65388" s="1" t="s">
        <v>216156</v>
      </c>
      <c r="C65388" s="1" t="s">
        <v>75</v>
      </c>
      <c r="D65388" s="1" t="s">
        <v>94095</v>
      </c>
      <c r="E65388" s="1" t="s">
        <v>217959</v>
      </c>
      <c r="F65388" s="1" t="s">
        <v>217960</v>
      </c>
      <c r="G65388" s="1" t="s">
        <v>217921</v>
      </c>
      <c r="H65388" s="1" t="s">
        <v>217922</v>
      </c>
      <c r="I65388" s="1" t="s">
        <v>216161</v>
      </c>
      <c r="J65388" s="1" t="s">
        <v>217961</v>
      </c>
    </row>
    <row r="65389" spans="1:10" x14ac:dyDescent="0.35">
      <c r="A65389" s="1" t="s">
        <v>217918</v>
      </c>
      <c r="B65389" s="1" t="s">
        <v>216156</v>
      </c>
      <c r="C65389" s="1" t="s">
        <v>80</v>
      </c>
      <c r="D65389" s="1" t="s">
        <v>86898</v>
      </c>
      <c r="E65389" s="1" t="s">
        <v>217962</v>
      </c>
      <c r="F65389" s="1" t="s">
        <v>217963</v>
      </c>
      <c r="G65389" s="1" t="s">
        <v>217921</v>
      </c>
      <c r="H65389" s="1" t="s">
        <v>217922</v>
      </c>
      <c r="I65389" s="1" t="s">
        <v>216161</v>
      </c>
      <c r="J65389" s="1" t="s">
        <v>217964</v>
      </c>
    </row>
    <row r="65390" spans="1:10" x14ac:dyDescent="0.35">
      <c r="A65390" s="1" t="s">
        <v>217918</v>
      </c>
      <c r="B65390" s="1" t="s">
        <v>216156</v>
      </c>
      <c r="C65390" s="1" t="s">
        <v>85</v>
      </c>
      <c r="D65390" s="1" t="s">
        <v>1813</v>
      </c>
      <c r="E65390" s="1" t="s">
        <v>217965</v>
      </c>
      <c r="F65390" s="1" t="s">
        <v>217966</v>
      </c>
      <c r="G65390" s="1" t="s">
        <v>217921</v>
      </c>
      <c r="H65390" s="1" t="s">
        <v>217922</v>
      </c>
      <c r="I65390" s="1" t="s">
        <v>216161</v>
      </c>
      <c r="J65390" s="1" t="s">
        <v>217967</v>
      </c>
    </row>
    <row r="65391" spans="1:10" x14ac:dyDescent="0.35">
      <c r="A65391" s="1" t="s">
        <v>217918</v>
      </c>
      <c r="B65391" s="1" t="s">
        <v>216156</v>
      </c>
      <c r="C65391" s="1" t="s">
        <v>90</v>
      </c>
      <c r="D65391" s="1" t="s">
        <v>81948</v>
      </c>
      <c r="E65391" s="1" t="s">
        <v>217968</v>
      </c>
      <c r="F65391" s="1" t="s">
        <v>217969</v>
      </c>
      <c r="G65391" s="1" t="s">
        <v>217921</v>
      </c>
      <c r="H65391" s="1" t="s">
        <v>217922</v>
      </c>
      <c r="I65391" s="1" t="s">
        <v>216161</v>
      </c>
      <c r="J65391" s="1" t="s">
        <v>217970</v>
      </c>
    </row>
    <row r="65392" spans="1:10" x14ac:dyDescent="0.35">
      <c r="A65392" s="1" t="s">
        <v>217918</v>
      </c>
      <c r="B65392" s="1" t="s">
        <v>216156</v>
      </c>
      <c r="C65392" s="1" t="s">
        <v>95</v>
      </c>
      <c r="D65392" s="1" t="s">
        <v>7301</v>
      </c>
      <c r="E65392" s="1" t="s">
        <v>217971</v>
      </c>
      <c r="F65392" s="1" t="s">
        <v>217972</v>
      </c>
      <c r="G65392" s="1" t="s">
        <v>217921</v>
      </c>
      <c r="H65392" s="1" t="s">
        <v>217922</v>
      </c>
      <c r="I65392" s="1" t="s">
        <v>216161</v>
      </c>
      <c r="J65392" s="1" t="s">
        <v>217973</v>
      </c>
    </row>
    <row r="65393" spans="1:10" x14ac:dyDescent="0.35">
      <c r="A65393" s="1" t="s">
        <v>217918</v>
      </c>
      <c r="B65393" s="1" t="s">
        <v>216156</v>
      </c>
      <c r="C65393" s="1" t="s">
        <v>100</v>
      </c>
      <c r="D65393" s="1" t="s">
        <v>8438</v>
      </c>
      <c r="E65393" s="1" t="s">
        <v>217974</v>
      </c>
      <c r="F65393" s="1" t="s">
        <v>217975</v>
      </c>
      <c r="G65393" s="1" t="s">
        <v>217921</v>
      </c>
      <c r="H65393" s="1" t="s">
        <v>217922</v>
      </c>
      <c r="I65393" s="1" t="s">
        <v>216161</v>
      </c>
      <c r="J65393" s="1" t="s">
        <v>217976</v>
      </c>
    </row>
    <row r="65394" spans="1:10" x14ac:dyDescent="0.35">
      <c r="A65394" s="1" t="s">
        <v>217918</v>
      </c>
      <c r="B65394" s="1" t="s">
        <v>216156</v>
      </c>
      <c r="C65394" s="1" t="s">
        <v>105</v>
      </c>
      <c r="D65394" s="1" t="s">
        <v>82537</v>
      </c>
      <c r="E65394" s="1" t="s">
        <v>217977</v>
      </c>
      <c r="F65394" s="1" t="s">
        <v>217978</v>
      </c>
      <c r="G65394" s="1" t="s">
        <v>217921</v>
      </c>
      <c r="H65394" s="1" t="s">
        <v>217922</v>
      </c>
      <c r="I65394" s="1" t="s">
        <v>216161</v>
      </c>
      <c r="J65394" s="1" t="s">
        <v>217979</v>
      </c>
    </row>
    <row r="65395" spans="1:10" x14ac:dyDescent="0.35">
      <c r="A65395" s="1" t="s">
        <v>217918</v>
      </c>
      <c r="B65395" s="1" t="s">
        <v>216156</v>
      </c>
      <c r="C65395" s="1" t="s">
        <v>110</v>
      </c>
      <c r="D65395" s="1" t="s">
        <v>7346</v>
      </c>
      <c r="E65395" s="1" t="s">
        <v>217980</v>
      </c>
      <c r="F65395" s="1" t="s">
        <v>217981</v>
      </c>
      <c r="G65395" s="1" t="s">
        <v>217921</v>
      </c>
      <c r="H65395" s="1" t="s">
        <v>217922</v>
      </c>
      <c r="I65395" s="1" t="s">
        <v>216161</v>
      </c>
      <c r="J65395" s="1" t="s">
        <v>217982</v>
      </c>
    </row>
    <row r="65396" spans="1:10" x14ac:dyDescent="0.35">
      <c r="A65396" s="1" t="s">
        <v>217918</v>
      </c>
      <c r="B65396" s="1" t="s">
        <v>216156</v>
      </c>
      <c r="C65396" s="1" t="s">
        <v>115</v>
      </c>
      <c r="D65396" s="1" t="s">
        <v>144455</v>
      </c>
      <c r="E65396" s="1" t="s">
        <v>217983</v>
      </c>
      <c r="F65396" s="1" t="s">
        <v>217984</v>
      </c>
      <c r="G65396" s="1" t="s">
        <v>217921</v>
      </c>
      <c r="H65396" s="1" t="s">
        <v>217922</v>
      </c>
      <c r="I65396" s="1" t="s">
        <v>216161</v>
      </c>
      <c r="J65396" s="1" t="s">
        <v>217985</v>
      </c>
    </row>
    <row r="65397" spans="1:10" x14ac:dyDescent="0.35">
      <c r="A65397" s="1" t="s">
        <v>217918</v>
      </c>
      <c r="B65397" s="1" t="s">
        <v>216156</v>
      </c>
      <c r="C65397" s="1" t="s">
        <v>120</v>
      </c>
      <c r="D65397" s="1" t="s">
        <v>196698</v>
      </c>
      <c r="E65397" s="1" t="s">
        <v>217986</v>
      </c>
      <c r="F65397" s="1" t="s">
        <v>217987</v>
      </c>
      <c r="G65397" s="1" t="s">
        <v>217921</v>
      </c>
      <c r="H65397" s="1" t="s">
        <v>217922</v>
      </c>
      <c r="I65397" s="1" t="s">
        <v>216161</v>
      </c>
      <c r="J65397" s="1" t="s">
        <v>217988</v>
      </c>
    </row>
    <row r="65398" spans="1:10" x14ac:dyDescent="0.35">
      <c r="A65398" s="1" t="s">
        <v>217918</v>
      </c>
      <c r="B65398" s="1" t="s">
        <v>216156</v>
      </c>
      <c r="C65398" s="1" t="s">
        <v>125</v>
      </c>
      <c r="D65398" s="1" t="s">
        <v>217989</v>
      </c>
      <c r="E65398" s="1" t="s">
        <v>217990</v>
      </c>
      <c r="F65398" s="1" t="s">
        <v>217991</v>
      </c>
      <c r="G65398" s="1" t="s">
        <v>217921</v>
      </c>
      <c r="H65398" s="1" t="s">
        <v>217922</v>
      </c>
      <c r="I65398" s="1" t="s">
        <v>216161</v>
      </c>
      <c r="J65398" s="1" t="s">
        <v>217992</v>
      </c>
    </row>
    <row r="65399" spans="1:10" x14ac:dyDescent="0.35">
      <c r="A65399" s="1" t="s">
        <v>217918</v>
      </c>
      <c r="B65399" s="1" t="s">
        <v>216156</v>
      </c>
      <c r="C65399" s="1" t="s">
        <v>130</v>
      </c>
      <c r="D65399" s="1" t="s">
        <v>107012</v>
      </c>
      <c r="E65399" s="1" t="s">
        <v>217993</v>
      </c>
      <c r="F65399" s="1" t="s">
        <v>217994</v>
      </c>
      <c r="G65399" s="1" t="s">
        <v>217921</v>
      </c>
      <c r="H65399" s="1" t="s">
        <v>217922</v>
      </c>
      <c r="I65399" s="1" t="s">
        <v>216161</v>
      </c>
      <c r="J65399" s="1" t="s">
        <v>217995</v>
      </c>
    </row>
    <row r="65400" spans="1:10" x14ac:dyDescent="0.35">
      <c r="A65400" s="1" t="s">
        <v>217918</v>
      </c>
      <c r="B65400" s="1" t="s">
        <v>216156</v>
      </c>
      <c r="C65400" s="1" t="s">
        <v>135</v>
      </c>
      <c r="D65400" s="1" t="s">
        <v>7017</v>
      </c>
      <c r="E65400" s="1" t="s">
        <v>217996</v>
      </c>
      <c r="F65400" s="1" t="s">
        <v>217997</v>
      </c>
      <c r="G65400" s="1" t="s">
        <v>217921</v>
      </c>
      <c r="H65400" s="1" t="s">
        <v>217922</v>
      </c>
      <c r="I65400" s="1" t="s">
        <v>216161</v>
      </c>
      <c r="J65400" s="1" t="s">
        <v>217998</v>
      </c>
    </row>
    <row r="65401" spans="1:10" x14ac:dyDescent="0.35">
      <c r="A65401" s="1" t="s">
        <v>217918</v>
      </c>
      <c r="B65401" s="1" t="s">
        <v>216156</v>
      </c>
      <c r="C65401" s="1" t="s">
        <v>140</v>
      </c>
      <c r="D65401" s="1" t="s">
        <v>112387</v>
      </c>
      <c r="E65401" s="1" t="s">
        <v>217999</v>
      </c>
      <c r="F65401" s="1" t="s">
        <v>218000</v>
      </c>
      <c r="G65401" s="1" t="s">
        <v>217921</v>
      </c>
      <c r="H65401" s="1" t="s">
        <v>217922</v>
      </c>
      <c r="I65401" s="1" t="s">
        <v>216161</v>
      </c>
      <c r="J65401" s="1" t="s">
        <v>218001</v>
      </c>
    </row>
    <row r="65402" spans="1:10" x14ac:dyDescent="0.35">
      <c r="A65402" s="1" t="s">
        <v>217918</v>
      </c>
      <c r="B65402" s="1" t="s">
        <v>216156</v>
      </c>
      <c r="C65402" s="1" t="s">
        <v>145</v>
      </c>
      <c r="D65402" s="1" t="s">
        <v>6131</v>
      </c>
      <c r="E65402" s="1" t="s">
        <v>218002</v>
      </c>
      <c r="F65402" s="1" t="s">
        <v>218003</v>
      </c>
      <c r="G65402" s="1" t="s">
        <v>217921</v>
      </c>
      <c r="H65402" s="1" t="s">
        <v>217922</v>
      </c>
      <c r="I65402" s="1" t="s">
        <v>216161</v>
      </c>
      <c r="J65402" s="1" t="s">
        <v>218004</v>
      </c>
    </row>
    <row r="65403" spans="1:10" x14ac:dyDescent="0.35">
      <c r="A65403" s="1" t="s">
        <v>217918</v>
      </c>
      <c r="B65403" s="1" t="s">
        <v>216156</v>
      </c>
      <c r="C65403" s="1" t="s">
        <v>150</v>
      </c>
      <c r="D65403" s="1" t="s">
        <v>6167</v>
      </c>
      <c r="E65403" s="1" t="s">
        <v>218005</v>
      </c>
      <c r="F65403" s="1" t="s">
        <v>218006</v>
      </c>
      <c r="G65403" s="1" t="s">
        <v>217921</v>
      </c>
      <c r="H65403" s="1" t="s">
        <v>217922</v>
      </c>
      <c r="I65403" s="1" t="s">
        <v>216161</v>
      </c>
      <c r="J65403" s="1" t="s">
        <v>218007</v>
      </c>
    </row>
    <row r="65404" spans="1:10" x14ac:dyDescent="0.35">
      <c r="A65404" s="1" t="s">
        <v>217918</v>
      </c>
      <c r="B65404" s="1" t="s">
        <v>216156</v>
      </c>
      <c r="C65404" s="1" t="s">
        <v>155</v>
      </c>
      <c r="D65404" s="1" t="s">
        <v>126387</v>
      </c>
      <c r="E65404" s="1" t="s">
        <v>218008</v>
      </c>
      <c r="F65404" s="1" t="s">
        <v>218009</v>
      </c>
      <c r="G65404" s="1" t="s">
        <v>217921</v>
      </c>
      <c r="H65404" s="1" t="s">
        <v>217922</v>
      </c>
      <c r="I65404" s="1" t="s">
        <v>216161</v>
      </c>
      <c r="J65404" s="1" t="s">
        <v>218010</v>
      </c>
    </row>
    <row r="65405" spans="1:10" x14ac:dyDescent="0.35">
      <c r="A65405" s="1" t="s">
        <v>217918</v>
      </c>
      <c r="B65405" s="1" t="s">
        <v>216156</v>
      </c>
      <c r="C65405" s="1" t="s">
        <v>160</v>
      </c>
      <c r="D65405" s="1" t="s">
        <v>124464</v>
      </c>
      <c r="E65405" s="1" t="s">
        <v>218011</v>
      </c>
      <c r="F65405" s="1" t="s">
        <v>218012</v>
      </c>
      <c r="G65405" s="1" t="s">
        <v>217921</v>
      </c>
      <c r="H65405" s="1" t="s">
        <v>217922</v>
      </c>
      <c r="I65405" s="1" t="s">
        <v>216161</v>
      </c>
      <c r="J65405" s="1" t="s">
        <v>218013</v>
      </c>
    </row>
    <row r="65406" spans="1:10" x14ac:dyDescent="0.35">
      <c r="A65406" s="1" t="s">
        <v>217918</v>
      </c>
      <c r="B65406" s="1" t="s">
        <v>216156</v>
      </c>
      <c r="C65406" s="1" t="s">
        <v>165</v>
      </c>
      <c r="D65406" s="1" t="s">
        <v>126387</v>
      </c>
      <c r="E65406" s="1" t="s">
        <v>218014</v>
      </c>
      <c r="F65406" s="1" t="s">
        <v>218015</v>
      </c>
      <c r="G65406" s="1" t="s">
        <v>217921</v>
      </c>
      <c r="H65406" s="1" t="s">
        <v>217922</v>
      </c>
      <c r="I65406" s="1" t="s">
        <v>216161</v>
      </c>
      <c r="J65406" s="1" t="s">
        <v>218016</v>
      </c>
    </row>
    <row r="65407" spans="1:10" x14ac:dyDescent="0.35">
      <c r="A65407" s="1" t="s">
        <v>217918</v>
      </c>
      <c r="B65407" s="1" t="s">
        <v>216156</v>
      </c>
      <c r="C65407" s="1" t="s">
        <v>170</v>
      </c>
      <c r="D65407" s="1" t="s">
        <v>127944</v>
      </c>
      <c r="E65407" s="1" t="s">
        <v>218017</v>
      </c>
      <c r="F65407" s="1" t="s">
        <v>218018</v>
      </c>
      <c r="G65407" s="1" t="s">
        <v>217921</v>
      </c>
      <c r="H65407" s="1" t="s">
        <v>217922</v>
      </c>
      <c r="I65407" s="1" t="s">
        <v>216161</v>
      </c>
      <c r="J65407" s="1" t="s">
        <v>74415</v>
      </c>
    </row>
    <row r="65408" spans="1:10" x14ac:dyDescent="0.35">
      <c r="A65408" s="1" t="s">
        <v>4392</v>
      </c>
      <c r="B65408" s="1" t="s">
        <v>216156</v>
      </c>
      <c r="C65408" s="1" t="s">
        <v>8</v>
      </c>
      <c r="D65408" s="1" t="s">
        <v>25446</v>
      </c>
      <c r="E65408" s="1" t="s">
        <v>218019</v>
      </c>
      <c r="F65408" s="1" t="s">
        <v>218020</v>
      </c>
      <c r="G65408" s="1" t="s">
        <v>218021</v>
      </c>
      <c r="H65408" s="1" t="s">
        <v>218022</v>
      </c>
      <c r="I65408" s="1" t="s">
        <v>216161</v>
      </c>
      <c r="J65408" s="1" t="s">
        <v>13</v>
      </c>
    </row>
    <row r="65409" spans="1:10" x14ac:dyDescent="0.35">
      <c r="A65409" s="1" t="s">
        <v>4392</v>
      </c>
      <c r="B65409" s="1" t="s">
        <v>216156</v>
      </c>
      <c r="C65409" s="1" t="s">
        <v>15</v>
      </c>
      <c r="D65409" s="1" t="s">
        <v>7252</v>
      </c>
      <c r="E65409" s="1" t="s">
        <v>218023</v>
      </c>
      <c r="F65409" s="1" t="s">
        <v>218024</v>
      </c>
      <c r="G65409" s="1" t="s">
        <v>218021</v>
      </c>
      <c r="H65409" s="1" t="s">
        <v>218022</v>
      </c>
      <c r="I65409" s="1" t="s">
        <v>216161</v>
      </c>
      <c r="J65409" s="1" t="s">
        <v>218025</v>
      </c>
    </row>
    <row r="65410" spans="1:10" x14ac:dyDescent="0.35">
      <c r="A65410" s="1" t="s">
        <v>4392</v>
      </c>
      <c r="B65410" s="1" t="s">
        <v>216156</v>
      </c>
      <c r="C65410" s="1" t="s">
        <v>20</v>
      </c>
      <c r="D65410" s="1" t="s">
        <v>1912</v>
      </c>
      <c r="E65410" s="1" t="s">
        <v>218026</v>
      </c>
      <c r="F65410" s="1" t="s">
        <v>218027</v>
      </c>
      <c r="G65410" s="1" t="s">
        <v>218021</v>
      </c>
      <c r="H65410" s="1" t="s">
        <v>218022</v>
      </c>
      <c r="I65410" s="1" t="s">
        <v>216161</v>
      </c>
      <c r="J65410" s="1" t="s">
        <v>218028</v>
      </c>
    </row>
    <row r="65411" spans="1:10" x14ac:dyDescent="0.35">
      <c r="A65411" s="1" t="s">
        <v>4392</v>
      </c>
      <c r="B65411" s="1" t="s">
        <v>216156</v>
      </c>
      <c r="C65411" s="1" t="s">
        <v>25</v>
      </c>
      <c r="D65411" s="1" t="s">
        <v>74631</v>
      </c>
      <c r="E65411" s="1" t="s">
        <v>218029</v>
      </c>
      <c r="F65411" s="1" t="s">
        <v>218030</v>
      </c>
      <c r="G65411" s="1" t="s">
        <v>218021</v>
      </c>
      <c r="H65411" s="1" t="s">
        <v>218022</v>
      </c>
      <c r="I65411" s="1" t="s">
        <v>216161</v>
      </c>
      <c r="J65411" s="1" t="s">
        <v>218031</v>
      </c>
    </row>
    <row r="65412" spans="1:10" x14ac:dyDescent="0.35">
      <c r="A65412" s="1" t="s">
        <v>4392</v>
      </c>
      <c r="B65412" s="1" t="s">
        <v>216156</v>
      </c>
      <c r="C65412" s="1" t="s">
        <v>30</v>
      </c>
      <c r="D65412" s="1" t="s">
        <v>3545</v>
      </c>
      <c r="E65412" s="1" t="s">
        <v>218032</v>
      </c>
      <c r="F65412" s="1" t="s">
        <v>218033</v>
      </c>
      <c r="G65412" s="1" t="s">
        <v>218021</v>
      </c>
      <c r="H65412" s="1" t="s">
        <v>218022</v>
      </c>
      <c r="I65412" s="1" t="s">
        <v>216161</v>
      </c>
      <c r="J65412" s="1" t="s">
        <v>218034</v>
      </c>
    </row>
    <row r="65413" spans="1:10" x14ac:dyDescent="0.35">
      <c r="A65413" s="1" t="s">
        <v>4392</v>
      </c>
      <c r="B65413" s="1" t="s">
        <v>216156</v>
      </c>
      <c r="C65413" s="1" t="s">
        <v>35</v>
      </c>
      <c r="D65413" s="1" t="s">
        <v>2245</v>
      </c>
      <c r="E65413" s="1" t="s">
        <v>218035</v>
      </c>
      <c r="F65413" s="1" t="s">
        <v>218036</v>
      </c>
      <c r="G65413" s="1" t="s">
        <v>218021</v>
      </c>
      <c r="H65413" s="1" t="s">
        <v>218022</v>
      </c>
      <c r="I65413" s="1" t="s">
        <v>216161</v>
      </c>
      <c r="J65413" s="1" t="s">
        <v>218037</v>
      </c>
    </row>
    <row r="65414" spans="1:10" x14ac:dyDescent="0.35">
      <c r="A65414" s="1" t="s">
        <v>4392</v>
      </c>
      <c r="B65414" s="1" t="s">
        <v>216156</v>
      </c>
      <c r="C65414" s="1" t="s">
        <v>40</v>
      </c>
      <c r="D65414" s="1" t="s">
        <v>80977</v>
      </c>
      <c r="E65414" s="1" t="s">
        <v>218038</v>
      </c>
      <c r="F65414" s="1" t="s">
        <v>218039</v>
      </c>
      <c r="G65414" s="1" t="s">
        <v>218021</v>
      </c>
      <c r="H65414" s="1" t="s">
        <v>218022</v>
      </c>
      <c r="I65414" s="1" t="s">
        <v>216161</v>
      </c>
      <c r="J65414" s="1" t="s">
        <v>218040</v>
      </c>
    </row>
    <row r="65415" spans="1:10" x14ac:dyDescent="0.35">
      <c r="A65415" s="1" t="s">
        <v>4392</v>
      </c>
      <c r="B65415" s="1" t="s">
        <v>216156</v>
      </c>
      <c r="C65415" s="1" t="s">
        <v>45</v>
      </c>
      <c r="D65415" s="1" t="s">
        <v>1833</v>
      </c>
      <c r="E65415" s="1" t="s">
        <v>218041</v>
      </c>
      <c r="F65415" s="1" t="s">
        <v>218042</v>
      </c>
      <c r="G65415" s="1" t="s">
        <v>218021</v>
      </c>
      <c r="H65415" s="1" t="s">
        <v>218022</v>
      </c>
      <c r="I65415" s="1" t="s">
        <v>216161</v>
      </c>
      <c r="J65415" s="1" t="s">
        <v>120459</v>
      </c>
    </row>
    <row r="65416" spans="1:10" x14ac:dyDescent="0.35">
      <c r="A65416" s="1" t="s">
        <v>4392</v>
      </c>
      <c r="B65416" s="1" t="s">
        <v>216156</v>
      </c>
      <c r="C65416" s="1" t="s">
        <v>50</v>
      </c>
      <c r="D65416" s="1" t="s">
        <v>6235</v>
      </c>
      <c r="E65416" s="1" t="s">
        <v>218043</v>
      </c>
      <c r="F65416" s="1" t="s">
        <v>218044</v>
      </c>
      <c r="G65416" s="1" t="s">
        <v>218021</v>
      </c>
      <c r="H65416" s="1" t="s">
        <v>218022</v>
      </c>
      <c r="I65416" s="1" t="s">
        <v>216161</v>
      </c>
      <c r="J65416" s="1" t="s">
        <v>218045</v>
      </c>
    </row>
    <row r="65417" spans="1:10" x14ac:dyDescent="0.35">
      <c r="A65417" s="1" t="s">
        <v>4392</v>
      </c>
      <c r="B65417" s="1" t="s">
        <v>216156</v>
      </c>
      <c r="C65417" s="1" t="s">
        <v>55</v>
      </c>
      <c r="D65417" s="1" t="s">
        <v>2168</v>
      </c>
      <c r="E65417" s="1" t="s">
        <v>218046</v>
      </c>
      <c r="F65417" s="1" t="s">
        <v>218047</v>
      </c>
      <c r="G65417" s="1" t="s">
        <v>218021</v>
      </c>
      <c r="H65417" s="1" t="s">
        <v>218022</v>
      </c>
      <c r="I65417" s="1" t="s">
        <v>216161</v>
      </c>
      <c r="J65417" s="1" t="s">
        <v>218048</v>
      </c>
    </row>
    <row r="65418" spans="1:10" x14ac:dyDescent="0.35">
      <c r="A65418" s="1" t="s">
        <v>4392</v>
      </c>
      <c r="B65418" s="1" t="s">
        <v>216156</v>
      </c>
      <c r="C65418" s="1" t="s">
        <v>60</v>
      </c>
      <c r="D65418" s="1" t="s">
        <v>44277</v>
      </c>
      <c r="E65418" s="1" t="s">
        <v>218049</v>
      </c>
      <c r="F65418" s="1" t="s">
        <v>218050</v>
      </c>
      <c r="G65418" s="1" t="s">
        <v>218021</v>
      </c>
      <c r="H65418" s="1" t="s">
        <v>218022</v>
      </c>
      <c r="I65418" s="1" t="s">
        <v>216161</v>
      </c>
      <c r="J65418" s="1" t="s">
        <v>218051</v>
      </c>
    </row>
    <row r="65419" spans="1:10" x14ac:dyDescent="0.35">
      <c r="A65419" s="1" t="s">
        <v>4392</v>
      </c>
      <c r="B65419" s="1" t="s">
        <v>216156</v>
      </c>
      <c r="C65419" s="1" t="s">
        <v>65</v>
      </c>
      <c r="D65419" s="1" t="s">
        <v>1942</v>
      </c>
      <c r="E65419" s="1" t="s">
        <v>218052</v>
      </c>
      <c r="F65419" s="1" t="s">
        <v>218053</v>
      </c>
      <c r="G65419" s="1" t="s">
        <v>218021</v>
      </c>
      <c r="H65419" s="1" t="s">
        <v>218022</v>
      </c>
      <c r="I65419" s="1" t="s">
        <v>216161</v>
      </c>
      <c r="J65419" s="1" t="s">
        <v>218054</v>
      </c>
    </row>
    <row r="65420" spans="1:10" x14ac:dyDescent="0.35">
      <c r="A65420" s="1" t="s">
        <v>4392</v>
      </c>
      <c r="B65420" s="1" t="s">
        <v>216156</v>
      </c>
      <c r="C65420" s="1" t="s">
        <v>70</v>
      </c>
      <c r="D65420" s="1" t="s">
        <v>3549</v>
      </c>
      <c r="E65420" s="1" t="s">
        <v>218055</v>
      </c>
      <c r="F65420" s="1" t="s">
        <v>218056</v>
      </c>
      <c r="G65420" s="1" t="s">
        <v>218021</v>
      </c>
      <c r="H65420" s="1" t="s">
        <v>218022</v>
      </c>
      <c r="I65420" s="1" t="s">
        <v>216161</v>
      </c>
      <c r="J65420" s="1" t="s">
        <v>218057</v>
      </c>
    </row>
    <row r="65421" spans="1:10" x14ac:dyDescent="0.35">
      <c r="A65421" s="1" t="s">
        <v>4392</v>
      </c>
      <c r="B65421" s="1" t="s">
        <v>216156</v>
      </c>
      <c r="C65421" s="1" t="s">
        <v>75</v>
      </c>
      <c r="D65421" s="1" t="s">
        <v>25092</v>
      </c>
      <c r="E65421" s="1" t="s">
        <v>218058</v>
      </c>
      <c r="F65421" s="1" t="s">
        <v>218059</v>
      </c>
      <c r="G65421" s="1" t="s">
        <v>218021</v>
      </c>
      <c r="H65421" s="1" t="s">
        <v>218022</v>
      </c>
      <c r="I65421" s="1" t="s">
        <v>216161</v>
      </c>
      <c r="J65421" s="1" t="s">
        <v>218060</v>
      </c>
    </row>
    <row r="65422" spans="1:10" x14ac:dyDescent="0.35">
      <c r="A65422" s="1" t="s">
        <v>4392</v>
      </c>
      <c r="B65422" s="1" t="s">
        <v>216156</v>
      </c>
      <c r="C65422" s="1" t="s">
        <v>80</v>
      </c>
      <c r="D65422" s="1" t="s">
        <v>217839</v>
      </c>
      <c r="E65422" s="1" t="s">
        <v>218061</v>
      </c>
      <c r="F65422" s="1" t="s">
        <v>218062</v>
      </c>
      <c r="G65422" s="1" t="s">
        <v>218021</v>
      </c>
      <c r="H65422" s="1" t="s">
        <v>218022</v>
      </c>
      <c r="I65422" s="1" t="s">
        <v>216161</v>
      </c>
      <c r="J65422" s="1" t="s">
        <v>218063</v>
      </c>
    </row>
    <row r="65423" spans="1:10" x14ac:dyDescent="0.35">
      <c r="A65423" s="1" t="s">
        <v>4392</v>
      </c>
      <c r="B65423" s="1" t="s">
        <v>216156</v>
      </c>
      <c r="C65423" s="1" t="s">
        <v>85</v>
      </c>
      <c r="D65423" s="1" t="s">
        <v>109547</v>
      </c>
      <c r="E65423" s="1" t="s">
        <v>218064</v>
      </c>
      <c r="F65423" s="1" t="s">
        <v>218065</v>
      </c>
      <c r="G65423" s="1" t="s">
        <v>218021</v>
      </c>
      <c r="H65423" s="1" t="s">
        <v>218022</v>
      </c>
      <c r="I65423" s="1" t="s">
        <v>216161</v>
      </c>
      <c r="J65423" s="1" t="s">
        <v>218066</v>
      </c>
    </row>
    <row r="65424" spans="1:10" x14ac:dyDescent="0.35">
      <c r="A65424" s="1" t="s">
        <v>4392</v>
      </c>
      <c r="B65424" s="1" t="s">
        <v>216156</v>
      </c>
      <c r="C65424" s="1" t="s">
        <v>90</v>
      </c>
      <c r="D65424" s="1" t="s">
        <v>46685</v>
      </c>
      <c r="E65424" s="1" t="s">
        <v>218067</v>
      </c>
      <c r="F65424" s="1" t="s">
        <v>218068</v>
      </c>
      <c r="G65424" s="1" t="s">
        <v>218021</v>
      </c>
      <c r="H65424" s="1" t="s">
        <v>218022</v>
      </c>
      <c r="I65424" s="1" t="s">
        <v>216161</v>
      </c>
      <c r="J65424" s="1" t="s">
        <v>218069</v>
      </c>
    </row>
    <row r="65425" spans="1:10" x14ac:dyDescent="0.35">
      <c r="A65425" s="1" t="s">
        <v>4392</v>
      </c>
      <c r="B65425" s="1" t="s">
        <v>216156</v>
      </c>
      <c r="C65425" s="1" t="s">
        <v>95</v>
      </c>
      <c r="D65425" s="1" t="s">
        <v>107450</v>
      </c>
      <c r="E65425" s="1" t="s">
        <v>218070</v>
      </c>
      <c r="F65425" s="1" t="s">
        <v>218071</v>
      </c>
      <c r="G65425" s="1" t="s">
        <v>218021</v>
      </c>
      <c r="H65425" s="1" t="s">
        <v>218022</v>
      </c>
      <c r="I65425" s="1" t="s">
        <v>216161</v>
      </c>
      <c r="J65425" s="1" t="s">
        <v>218072</v>
      </c>
    </row>
    <row r="65426" spans="1:10" x14ac:dyDescent="0.35">
      <c r="A65426" s="1" t="s">
        <v>4392</v>
      </c>
      <c r="B65426" s="1" t="s">
        <v>216156</v>
      </c>
      <c r="C65426" s="1" t="s">
        <v>100</v>
      </c>
      <c r="D65426" s="1" t="s">
        <v>13229</v>
      </c>
      <c r="E65426" s="1" t="s">
        <v>218073</v>
      </c>
      <c r="F65426" s="1" t="s">
        <v>218074</v>
      </c>
      <c r="G65426" s="1" t="s">
        <v>218021</v>
      </c>
      <c r="H65426" s="1" t="s">
        <v>218022</v>
      </c>
      <c r="I65426" s="1" t="s">
        <v>216161</v>
      </c>
      <c r="J65426" s="1" t="s">
        <v>218075</v>
      </c>
    </row>
    <row r="65427" spans="1:10" x14ac:dyDescent="0.35">
      <c r="A65427" s="1" t="s">
        <v>4392</v>
      </c>
      <c r="B65427" s="1" t="s">
        <v>216156</v>
      </c>
      <c r="C65427" s="1" t="s">
        <v>105</v>
      </c>
      <c r="D65427" s="1" t="s">
        <v>108850</v>
      </c>
      <c r="E65427" s="1" t="s">
        <v>218076</v>
      </c>
      <c r="F65427" s="1" t="s">
        <v>218077</v>
      </c>
      <c r="G65427" s="1" t="s">
        <v>218021</v>
      </c>
      <c r="H65427" s="1" t="s">
        <v>218022</v>
      </c>
      <c r="I65427" s="1" t="s">
        <v>216161</v>
      </c>
      <c r="J65427" s="1" t="s">
        <v>218078</v>
      </c>
    </row>
    <row r="65428" spans="1:10" x14ac:dyDescent="0.35">
      <c r="A65428" s="1" t="s">
        <v>4392</v>
      </c>
      <c r="B65428" s="1" t="s">
        <v>216156</v>
      </c>
      <c r="C65428" s="1" t="s">
        <v>110</v>
      </c>
      <c r="D65428" s="1" t="s">
        <v>217268</v>
      </c>
      <c r="E65428" s="1" t="s">
        <v>218079</v>
      </c>
      <c r="F65428" s="1" t="s">
        <v>218080</v>
      </c>
      <c r="G65428" s="1" t="s">
        <v>218021</v>
      </c>
      <c r="H65428" s="1" t="s">
        <v>218022</v>
      </c>
      <c r="I65428" s="1" t="s">
        <v>216161</v>
      </c>
      <c r="J65428" s="1" t="s">
        <v>218081</v>
      </c>
    </row>
    <row r="65429" spans="1:10" x14ac:dyDescent="0.35">
      <c r="A65429" s="1" t="s">
        <v>4392</v>
      </c>
      <c r="B65429" s="1" t="s">
        <v>216156</v>
      </c>
      <c r="C65429" s="1" t="s">
        <v>115</v>
      </c>
      <c r="D65429" s="1" t="s">
        <v>114267</v>
      </c>
      <c r="E65429" s="1" t="s">
        <v>218082</v>
      </c>
      <c r="F65429" s="1" t="s">
        <v>218083</v>
      </c>
      <c r="G65429" s="1" t="s">
        <v>218021</v>
      </c>
      <c r="H65429" s="1" t="s">
        <v>218022</v>
      </c>
      <c r="I65429" s="1" t="s">
        <v>216161</v>
      </c>
      <c r="J65429" s="1" t="s">
        <v>218084</v>
      </c>
    </row>
    <row r="65430" spans="1:10" x14ac:dyDescent="0.35">
      <c r="A65430" s="1" t="s">
        <v>4392</v>
      </c>
      <c r="B65430" s="1" t="s">
        <v>216156</v>
      </c>
      <c r="C65430" s="1" t="s">
        <v>120</v>
      </c>
      <c r="D65430" s="1" t="s">
        <v>1958</v>
      </c>
      <c r="E65430" s="1" t="s">
        <v>218085</v>
      </c>
      <c r="F65430" s="1" t="s">
        <v>218086</v>
      </c>
      <c r="G65430" s="1" t="s">
        <v>218021</v>
      </c>
      <c r="H65430" s="1" t="s">
        <v>218022</v>
      </c>
      <c r="I65430" s="1" t="s">
        <v>216161</v>
      </c>
      <c r="J65430" s="1" t="s">
        <v>218087</v>
      </c>
    </row>
    <row r="65431" spans="1:10" x14ac:dyDescent="0.35">
      <c r="A65431" s="1" t="s">
        <v>4392</v>
      </c>
      <c r="B65431" s="1" t="s">
        <v>216156</v>
      </c>
      <c r="C65431" s="1" t="s">
        <v>125</v>
      </c>
      <c r="D65431" s="1" t="s">
        <v>132653</v>
      </c>
      <c r="E65431" s="1" t="s">
        <v>218088</v>
      </c>
      <c r="F65431" s="1" t="s">
        <v>218089</v>
      </c>
      <c r="G65431" s="1" t="s">
        <v>218021</v>
      </c>
      <c r="H65431" s="1" t="s">
        <v>218022</v>
      </c>
      <c r="I65431" s="1" t="s">
        <v>216161</v>
      </c>
      <c r="J65431" s="1" t="s">
        <v>218090</v>
      </c>
    </row>
    <row r="65432" spans="1:10" x14ac:dyDescent="0.35">
      <c r="A65432" s="1" t="s">
        <v>4392</v>
      </c>
      <c r="B65432" s="1" t="s">
        <v>216156</v>
      </c>
      <c r="C65432" s="1" t="s">
        <v>130</v>
      </c>
      <c r="D65432" s="1" t="s">
        <v>4451</v>
      </c>
      <c r="E65432" s="1" t="s">
        <v>218091</v>
      </c>
      <c r="F65432" s="1" t="s">
        <v>218092</v>
      </c>
      <c r="G65432" s="1" t="s">
        <v>218021</v>
      </c>
      <c r="H65432" s="1" t="s">
        <v>218022</v>
      </c>
      <c r="I65432" s="1" t="s">
        <v>216161</v>
      </c>
      <c r="J65432" s="1" t="s">
        <v>218093</v>
      </c>
    </row>
    <row r="65433" spans="1:10" x14ac:dyDescent="0.35">
      <c r="A65433" s="1" t="s">
        <v>4392</v>
      </c>
      <c r="B65433" s="1" t="s">
        <v>216156</v>
      </c>
      <c r="C65433" s="1" t="s">
        <v>135</v>
      </c>
      <c r="D65433" s="1" t="s">
        <v>4439</v>
      </c>
      <c r="E65433" s="1" t="s">
        <v>218094</v>
      </c>
      <c r="F65433" s="1" t="s">
        <v>218095</v>
      </c>
      <c r="G65433" s="1" t="s">
        <v>218021</v>
      </c>
      <c r="H65433" s="1" t="s">
        <v>218022</v>
      </c>
      <c r="I65433" s="1" t="s">
        <v>216161</v>
      </c>
      <c r="J65433" s="1" t="s">
        <v>218096</v>
      </c>
    </row>
    <row r="65434" spans="1:10" x14ac:dyDescent="0.35">
      <c r="A65434" s="1" t="s">
        <v>4392</v>
      </c>
      <c r="B65434" s="1" t="s">
        <v>216156</v>
      </c>
      <c r="C65434" s="1" t="s">
        <v>140</v>
      </c>
      <c r="D65434" s="1" t="s">
        <v>138495</v>
      </c>
      <c r="E65434" s="1" t="s">
        <v>218097</v>
      </c>
      <c r="F65434" s="1" t="s">
        <v>218098</v>
      </c>
      <c r="G65434" s="1" t="s">
        <v>218021</v>
      </c>
      <c r="H65434" s="1" t="s">
        <v>218022</v>
      </c>
      <c r="I65434" s="1" t="s">
        <v>216161</v>
      </c>
      <c r="J65434" s="1" t="s">
        <v>218099</v>
      </c>
    </row>
    <row r="65435" spans="1:10" x14ac:dyDescent="0.35">
      <c r="A65435" s="1" t="s">
        <v>4392</v>
      </c>
      <c r="B65435" s="1" t="s">
        <v>216156</v>
      </c>
      <c r="C65435" s="1" t="s">
        <v>145</v>
      </c>
      <c r="D65435" s="1" t="s">
        <v>30096</v>
      </c>
      <c r="E65435" s="1" t="s">
        <v>218100</v>
      </c>
      <c r="F65435" s="1" t="s">
        <v>218101</v>
      </c>
      <c r="G65435" s="1" t="s">
        <v>218021</v>
      </c>
      <c r="H65435" s="1" t="s">
        <v>218022</v>
      </c>
      <c r="I65435" s="1" t="s">
        <v>216161</v>
      </c>
      <c r="J65435" s="1" t="s">
        <v>218102</v>
      </c>
    </row>
    <row r="65436" spans="1:10" x14ac:dyDescent="0.35">
      <c r="A65436" s="1" t="s">
        <v>4392</v>
      </c>
      <c r="B65436" s="1" t="s">
        <v>216156</v>
      </c>
      <c r="C65436" s="1" t="s">
        <v>150</v>
      </c>
      <c r="D65436" s="1" t="s">
        <v>45963</v>
      </c>
      <c r="E65436" s="1" t="s">
        <v>218103</v>
      </c>
      <c r="F65436" s="1" t="s">
        <v>218104</v>
      </c>
      <c r="G65436" s="1" t="s">
        <v>218021</v>
      </c>
      <c r="H65436" s="1" t="s">
        <v>218022</v>
      </c>
      <c r="I65436" s="1" t="s">
        <v>216161</v>
      </c>
      <c r="J65436" s="1" t="s">
        <v>109714</v>
      </c>
    </row>
    <row r="65437" spans="1:10" x14ac:dyDescent="0.35">
      <c r="A65437" s="1" t="s">
        <v>4392</v>
      </c>
      <c r="B65437" s="1" t="s">
        <v>216156</v>
      </c>
      <c r="C65437" s="1" t="s">
        <v>155</v>
      </c>
      <c r="D65437" s="1" t="s">
        <v>28022</v>
      </c>
      <c r="E65437" s="1" t="s">
        <v>218105</v>
      </c>
      <c r="F65437" s="1" t="s">
        <v>218106</v>
      </c>
      <c r="G65437" s="1" t="s">
        <v>218021</v>
      </c>
      <c r="H65437" s="1" t="s">
        <v>218022</v>
      </c>
      <c r="I65437" s="1" t="s">
        <v>216161</v>
      </c>
      <c r="J65437" s="1" t="s">
        <v>218107</v>
      </c>
    </row>
    <row r="65438" spans="1:10" x14ac:dyDescent="0.35">
      <c r="A65438" s="1" t="s">
        <v>4392</v>
      </c>
      <c r="B65438" s="1" t="s">
        <v>216156</v>
      </c>
      <c r="C65438" s="1" t="s">
        <v>160</v>
      </c>
      <c r="D65438" s="1" t="s">
        <v>52062</v>
      </c>
      <c r="E65438" s="1" t="s">
        <v>218108</v>
      </c>
      <c r="F65438" s="1" t="s">
        <v>218109</v>
      </c>
      <c r="G65438" s="1" t="s">
        <v>218021</v>
      </c>
      <c r="H65438" s="1" t="s">
        <v>218022</v>
      </c>
      <c r="I65438" s="1" t="s">
        <v>216161</v>
      </c>
      <c r="J65438" s="1" t="s">
        <v>218110</v>
      </c>
    </row>
    <row r="65439" spans="1:10" x14ac:dyDescent="0.35">
      <c r="A65439" s="1" t="s">
        <v>4392</v>
      </c>
      <c r="B65439" s="1" t="s">
        <v>216156</v>
      </c>
      <c r="C65439" s="1" t="s">
        <v>165</v>
      </c>
      <c r="D65439" s="1" t="s">
        <v>28032</v>
      </c>
      <c r="E65439" s="1" t="s">
        <v>218111</v>
      </c>
      <c r="F65439" s="1" t="s">
        <v>218112</v>
      </c>
      <c r="G65439" s="1" t="s">
        <v>218021</v>
      </c>
      <c r="H65439" s="1" t="s">
        <v>218022</v>
      </c>
      <c r="I65439" s="1" t="s">
        <v>216161</v>
      </c>
      <c r="J65439" s="1" t="s">
        <v>218113</v>
      </c>
    </row>
    <row r="65440" spans="1:10" x14ac:dyDescent="0.35">
      <c r="A65440" s="1" t="s">
        <v>4392</v>
      </c>
      <c r="B65440" s="1" t="s">
        <v>216156</v>
      </c>
      <c r="C65440" s="1" t="s">
        <v>170</v>
      </c>
      <c r="D65440" s="1" t="s">
        <v>27358</v>
      </c>
      <c r="E65440" s="1" t="s">
        <v>218114</v>
      </c>
      <c r="F65440" s="1" t="s">
        <v>218115</v>
      </c>
      <c r="G65440" s="1" t="s">
        <v>218021</v>
      </c>
      <c r="H65440" s="1" t="s">
        <v>218022</v>
      </c>
      <c r="I65440" s="1" t="s">
        <v>216161</v>
      </c>
      <c r="J65440" s="1" t="s">
        <v>218116</v>
      </c>
    </row>
    <row r="65441" spans="1:10" x14ac:dyDescent="0.35">
      <c r="A65441" s="1" t="s">
        <v>35148</v>
      </c>
      <c r="B65441" s="1" t="s">
        <v>216156</v>
      </c>
      <c r="C65441" s="1" t="s">
        <v>8</v>
      </c>
      <c r="D65441" s="1" t="s">
        <v>108458</v>
      </c>
      <c r="E65441" s="1" t="s">
        <v>218117</v>
      </c>
      <c r="F65441" s="1" t="s">
        <v>218118</v>
      </c>
      <c r="G65441" s="1" t="s">
        <v>218119</v>
      </c>
      <c r="H65441" s="1" t="s">
        <v>218120</v>
      </c>
      <c r="I65441" s="1" t="s">
        <v>216161</v>
      </c>
      <c r="J65441" s="1" t="s">
        <v>13</v>
      </c>
    </row>
    <row r="65442" spans="1:10" x14ac:dyDescent="0.35">
      <c r="A65442" s="1" t="s">
        <v>35148</v>
      </c>
      <c r="B65442" s="1" t="s">
        <v>216156</v>
      </c>
      <c r="C65442" s="1" t="s">
        <v>15</v>
      </c>
      <c r="D65442" s="1" t="s">
        <v>6336</v>
      </c>
      <c r="E65442" s="1" t="s">
        <v>218121</v>
      </c>
      <c r="F65442" s="1" t="s">
        <v>218122</v>
      </c>
      <c r="G65442" s="1" t="s">
        <v>218119</v>
      </c>
      <c r="H65442" s="1" t="s">
        <v>218120</v>
      </c>
      <c r="I65442" s="1" t="s">
        <v>216161</v>
      </c>
      <c r="J65442" s="1" t="s">
        <v>217422</v>
      </c>
    </row>
    <row r="65443" spans="1:10" x14ac:dyDescent="0.35">
      <c r="A65443" s="1" t="s">
        <v>35148</v>
      </c>
      <c r="B65443" s="1" t="s">
        <v>216156</v>
      </c>
      <c r="C65443" s="1" t="s">
        <v>20</v>
      </c>
      <c r="D65443" s="1" t="s">
        <v>103660</v>
      </c>
      <c r="E65443" s="1" t="s">
        <v>218123</v>
      </c>
      <c r="F65443" s="1" t="s">
        <v>218124</v>
      </c>
      <c r="G65443" s="1" t="s">
        <v>218119</v>
      </c>
      <c r="H65443" s="1" t="s">
        <v>218120</v>
      </c>
      <c r="I65443" s="1" t="s">
        <v>216161</v>
      </c>
      <c r="J65443" s="1" t="s">
        <v>217425</v>
      </c>
    </row>
    <row r="65444" spans="1:10" x14ac:dyDescent="0.35">
      <c r="A65444" s="1" t="s">
        <v>35148</v>
      </c>
      <c r="B65444" s="1" t="s">
        <v>216156</v>
      </c>
      <c r="C65444" s="1" t="s">
        <v>25</v>
      </c>
      <c r="D65444" s="1" t="s">
        <v>102285</v>
      </c>
      <c r="E65444" s="1" t="s">
        <v>218125</v>
      </c>
      <c r="F65444" s="1" t="s">
        <v>218126</v>
      </c>
      <c r="G65444" s="1" t="s">
        <v>218119</v>
      </c>
      <c r="H65444" s="1" t="s">
        <v>218120</v>
      </c>
      <c r="I65444" s="1" t="s">
        <v>216161</v>
      </c>
      <c r="J65444" s="1" t="s">
        <v>217428</v>
      </c>
    </row>
    <row r="65445" spans="1:10" x14ac:dyDescent="0.35">
      <c r="A65445" s="1" t="s">
        <v>35148</v>
      </c>
      <c r="B65445" s="1" t="s">
        <v>216156</v>
      </c>
      <c r="C65445" s="1" t="s">
        <v>30</v>
      </c>
      <c r="D65445" s="1" t="s">
        <v>100286</v>
      </c>
      <c r="E65445" s="1" t="s">
        <v>218127</v>
      </c>
      <c r="F65445" s="1" t="s">
        <v>218128</v>
      </c>
      <c r="G65445" s="1" t="s">
        <v>218119</v>
      </c>
      <c r="H65445" s="1" t="s">
        <v>218120</v>
      </c>
      <c r="I65445" s="1" t="s">
        <v>216161</v>
      </c>
      <c r="J65445" s="1" t="s">
        <v>217431</v>
      </c>
    </row>
    <row r="65446" spans="1:10" x14ac:dyDescent="0.35">
      <c r="A65446" s="1" t="s">
        <v>35148</v>
      </c>
      <c r="B65446" s="1" t="s">
        <v>216156</v>
      </c>
      <c r="C65446" s="1" t="s">
        <v>35</v>
      </c>
      <c r="D65446" s="1" t="s">
        <v>1244</v>
      </c>
      <c r="E65446" s="1" t="s">
        <v>218129</v>
      </c>
      <c r="F65446" s="1" t="s">
        <v>218130</v>
      </c>
      <c r="G65446" s="1" t="s">
        <v>218119</v>
      </c>
      <c r="H65446" s="1" t="s">
        <v>218120</v>
      </c>
      <c r="I65446" s="1" t="s">
        <v>216161</v>
      </c>
      <c r="J65446" s="1" t="s">
        <v>217434</v>
      </c>
    </row>
    <row r="65447" spans="1:10" x14ac:dyDescent="0.35">
      <c r="A65447" s="1" t="s">
        <v>35148</v>
      </c>
      <c r="B65447" s="1" t="s">
        <v>216156</v>
      </c>
      <c r="C65447" s="1" t="s">
        <v>40</v>
      </c>
      <c r="D65447" s="1" t="s">
        <v>25096</v>
      </c>
      <c r="E65447" s="1" t="s">
        <v>218131</v>
      </c>
      <c r="F65447" s="1" t="s">
        <v>218132</v>
      </c>
      <c r="G65447" s="1" t="s">
        <v>218119</v>
      </c>
      <c r="H65447" s="1" t="s">
        <v>218120</v>
      </c>
      <c r="I65447" s="1" t="s">
        <v>216161</v>
      </c>
      <c r="J65447" s="1" t="s">
        <v>217437</v>
      </c>
    </row>
    <row r="65448" spans="1:10" x14ac:dyDescent="0.35">
      <c r="A65448" s="1" t="s">
        <v>35148</v>
      </c>
      <c r="B65448" s="1" t="s">
        <v>216156</v>
      </c>
      <c r="C65448" s="1" t="s">
        <v>45</v>
      </c>
      <c r="D65448" s="1" t="s">
        <v>97202</v>
      </c>
      <c r="E65448" s="1" t="s">
        <v>218133</v>
      </c>
      <c r="F65448" s="1" t="s">
        <v>218134</v>
      </c>
      <c r="G65448" s="1" t="s">
        <v>218119</v>
      </c>
      <c r="H65448" s="1" t="s">
        <v>218120</v>
      </c>
      <c r="I65448" s="1" t="s">
        <v>216161</v>
      </c>
      <c r="J65448" s="1" t="s">
        <v>217440</v>
      </c>
    </row>
    <row r="65449" spans="1:10" x14ac:dyDescent="0.35">
      <c r="A65449" s="1" t="s">
        <v>35148</v>
      </c>
      <c r="B65449" s="1" t="s">
        <v>216156</v>
      </c>
      <c r="C65449" s="1" t="s">
        <v>50</v>
      </c>
      <c r="D65449" s="1" t="s">
        <v>1840</v>
      </c>
      <c r="E65449" s="1" t="s">
        <v>218135</v>
      </c>
      <c r="F65449" s="1" t="s">
        <v>218136</v>
      </c>
      <c r="G65449" s="1" t="s">
        <v>218119</v>
      </c>
      <c r="H65449" s="1" t="s">
        <v>218120</v>
      </c>
      <c r="I65449" s="1" t="s">
        <v>216161</v>
      </c>
      <c r="J65449" s="1" t="s">
        <v>217443</v>
      </c>
    </row>
    <row r="65450" spans="1:10" x14ac:dyDescent="0.35">
      <c r="A65450" s="1" t="s">
        <v>35148</v>
      </c>
      <c r="B65450" s="1" t="s">
        <v>216156</v>
      </c>
      <c r="C65450" s="1" t="s">
        <v>55</v>
      </c>
      <c r="D65450" s="1" t="s">
        <v>47168</v>
      </c>
      <c r="E65450" s="1" t="s">
        <v>218137</v>
      </c>
      <c r="F65450" s="1" t="s">
        <v>218138</v>
      </c>
      <c r="G65450" s="1" t="s">
        <v>218119</v>
      </c>
      <c r="H65450" s="1" t="s">
        <v>218120</v>
      </c>
      <c r="I65450" s="1" t="s">
        <v>216161</v>
      </c>
      <c r="J65450" s="1" t="s">
        <v>217446</v>
      </c>
    </row>
    <row r="65451" spans="1:10" x14ac:dyDescent="0.35">
      <c r="A65451" s="1" t="s">
        <v>35148</v>
      </c>
      <c r="B65451" s="1" t="s">
        <v>216156</v>
      </c>
      <c r="C65451" s="1" t="s">
        <v>60</v>
      </c>
      <c r="D65451" s="1" t="s">
        <v>6267</v>
      </c>
      <c r="E65451" s="1" t="s">
        <v>218139</v>
      </c>
      <c r="F65451" s="1" t="s">
        <v>218140</v>
      </c>
      <c r="G65451" s="1" t="s">
        <v>218119</v>
      </c>
      <c r="H65451" s="1" t="s">
        <v>218120</v>
      </c>
      <c r="I65451" s="1" t="s">
        <v>216161</v>
      </c>
      <c r="J65451" s="1" t="s">
        <v>217449</v>
      </c>
    </row>
    <row r="65452" spans="1:10" x14ac:dyDescent="0.35">
      <c r="A65452" s="1" t="s">
        <v>35148</v>
      </c>
      <c r="B65452" s="1" t="s">
        <v>216156</v>
      </c>
      <c r="C65452" s="1" t="s">
        <v>65</v>
      </c>
      <c r="D65452" s="1" t="s">
        <v>98456</v>
      </c>
      <c r="E65452" s="1" t="s">
        <v>218141</v>
      </c>
      <c r="F65452" s="1" t="s">
        <v>218142</v>
      </c>
      <c r="G65452" s="1" t="s">
        <v>218119</v>
      </c>
      <c r="H65452" s="1" t="s">
        <v>218120</v>
      </c>
      <c r="I65452" s="1" t="s">
        <v>216161</v>
      </c>
      <c r="J65452" s="1" t="s">
        <v>217452</v>
      </c>
    </row>
    <row r="65453" spans="1:10" x14ac:dyDescent="0.35">
      <c r="A65453" s="1" t="s">
        <v>35148</v>
      </c>
      <c r="B65453" s="1" t="s">
        <v>216156</v>
      </c>
      <c r="C65453" s="1" t="s">
        <v>70</v>
      </c>
      <c r="D65453" s="1" t="s">
        <v>6336</v>
      </c>
      <c r="E65453" s="1" t="s">
        <v>218143</v>
      </c>
      <c r="F65453" s="1" t="s">
        <v>218144</v>
      </c>
      <c r="G65453" s="1" t="s">
        <v>218119</v>
      </c>
      <c r="H65453" s="1" t="s">
        <v>218120</v>
      </c>
      <c r="I65453" s="1" t="s">
        <v>216161</v>
      </c>
      <c r="J65453" s="1" t="s">
        <v>217455</v>
      </c>
    </row>
    <row r="65454" spans="1:10" x14ac:dyDescent="0.35">
      <c r="A65454" s="1" t="s">
        <v>35148</v>
      </c>
      <c r="B65454" s="1" t="s">
        <v>216156</v>
      </c>
      <c r="C65454" s="1" t="s">
        <v>75</v>
      </c>
      <c r="D65454" s="1" t="s">
        <v>108458</v>
      </c>
      <c r="E65454" s="1" t="s">
        <v>218145</v>
      </c>
      <c r="F65454" s="1" t="s">
        <v>218146</v>
      </c>
      <c r="G65454" s="1" t="s">
        <v>218119</v>
      </c>
      <c r="H65454" s="1" t="s">
        <v>218120</v>
      </c>
      <c r="I65454" s="1" t="s">
        <v>216161</v>
      </c>
      <c r="J65454" s="1" t="s">
        <v>217458</v>
      </c>
    </row>
    <row r="65455" spans="1:10" x14ac:dyDescent="0.35">
      <c r="A65455" s="1" t="s">
        <v>35148</v>
      </c>
      <c r="B65455" s="1" t="s">
        <v>216156</v>
      </c>
      <c r="C65455" s="1" t="s">
        <v>80</v>
      </c>
      <c r="D65455" s="1" t="s">
        <v>146613</v>
      </c>
      <c r="E65455" s="1" t="s">
        <v>218147</v>
      </c>
      <c r="F65455" s="1" t="s">
        <v>218148</v>
      </c>
      <c r="G65455" s="1" t="s">
        <v>218119</v>
      </c>
      <c r="H65455" s="1" t="s">
        <v>218120</v>
      </c>
      <c r="I65455" s="1" t="s">
        <v>216161</v>
      </c>
      <c r="J65455" s="1" t="s">
        <v>217461</v>
      </c>
    </row>
    <row r="65456" spans="1:10" x14ac:dyDescent="0.35">
      <c r="A65456" s="1" t="s">
        <v>35148</v>
      </c>
      <c r="B65456" s="1" t="s">
        <v>216156</v>
      </c>
      <c r="C65456" s="1" t="s">
        <v>85</v>
      </c>
      <c r="D65456" s="1" t="s">
        <v>10250</v>
      </c>
      <c r="E65456" s="1" t="s">
        <v>218149</v>
      </c>
      <c r="F65456" s="1" t="s">
        <v>218150</v>
      </c>
      <c r="G65456" s="1" t="s">
        <v>218119</v>
      </c>
      <c r="H65456" s="1" t="s">
        <v>218120</v>
      </c>
      <c r="I65456" s="1" t="s">
        <v>216161</v>
      </c>
      <c r="J65456" s="1" t="s">
        <v>217464</v>
      </c>
    </row>
    <row r="65457" spans="1:10" x14ac:dyDescent="0.35">
      <c r="A65457" s="1" t="s">
        <v>35148</v>
      </c>
      <c r="B65457" s="1" t="s">
        <v>216156</v>
      </c>
      <c r="C65457" s="1" t="s">
        <v>90</v>
      </c>
      <c r="D65457" s="1" t="s">
        <v>3953</v>
      </c>
      <c r="E65457" s="1" t="s">
        <v>218151</v>
      </c>
      <c r="F65457" s="1" t="s">
        <v>218152</v>
      </c>
      <c r="G65457" s="1" t="s">
        <v>218119</v>
      </c>
      <c r="H65457" s="1" t="s">
        <v>218120</v>
      </c>
      <c r="I65457" s="1" t="s">
        <v>216161</v>
      </c>
      <c r="J65457" s="1" t="s">
        <v>217467</v>
      </c>
    </row>
    <row r="65458" spans="1:10" x14ac:dyDescent="0.35">
      <c r="A65458" s="1" t="s">
        <v>35148</v>
      </c>
      <c r="B65458" s="1" t="s">
        <v>216156</v>
      </c>
      <c r="C65458" s="1" t="s">
        <v>95</v>
      </c>
      <c r="D65458" s="1" t="s">
        <v>27345</v>
      </c>
      <c r="E65458" s="1" t="s">
        <v>218153</v>
      </c>
      <c r="F65458" s="1" t="s">
        <v>218154</v>
      </c>
      <c r="G65458" s="1" t="s">
        <v>218119</v>
      </c>
      <c r="H65458" s="1" t="s">
        <v>218120</v>
      </c>
      <c r="I65458" s="1" t="s">
        <v>216161</v>
      </c>
      <c r="J65458" s="1" t="s">
        <v>217470</v>
      </c>
    </row>
    <row r="65459" spans="1:10" x14ac:dyDescent="0.35">
      <c r="A65459" s="1" t="s">
        <v>35148</v>
      </c>
      <c r="B65459" s="1" t="s">
        <v>216156</v>
      </c>
      <c r="C65459" s="1" t="s">
        <v>100</v>
      </c>
      <c r="D65459" s="1" t="s">
        <v>30086</v>
      </c>
      <c r="E65459" s="1" t="s">
        <v>218155</v>
      </c>
      <c r="F65459" s="1" t="s">
        <v>218156</v>
      </c>
      <c r="G65459" s="1" t="s">
        <v>218119</v>
      </c>
      <c r="H65459" s="1" t="s">
        <v>218120</v>
      </c>
      <c r="I65459" s="1" t="s">
        <v>216161</v>
      </c>
      <c r="J65459" s="1" t="s">
        <v>217473</v>
      </c>
    </row>
    <row r="65460" spans="1:10" x14ac:dyDescent="0.35">
      <c r="A65460" s="1" t="s">
        <v>35148</v>
      </c>
      <c r="B65460" s="1" t="s">
        <v>216156</v>
      </c>
      <c r="C65460" s="1" t="s">
        <v>105</v>
      </c>
      <c r="D65460" s="1" t="s">
        <v>119412</v>
      </c>
      <c r="E65460" s="1" t="s">
        <v>218157</v>
      </c>
      <c r="F65460" s="1" t="s">
        <v>218158</v>
      </c>
      <c r="G65460" s="1" t="s">
        <v>218119</v>
      </c>
      <c r="H65460" s="1" t="s">
        <v>218120</v>
      </c>
      <c r="I65460" s="1" t="s">
        <v>216161</v>
      </c>
      <c r="J65460" s="1" t="s">
        <v>217476</v>
      </c>
    </row>
    <row r="65461" spans="1:10" x14ac:dyDescent="0.35">
      <c r="A65461" s="1" t="s">
        <v>35148</v>
      </c>
      <c r="B65461" s="1" t="s">
        <v>216156</v>
      </c>
      <c r="C65461" s="1" t="s">
        <v>110</v>
      </c>
      <c r="D65461" s="1" t="s">
        <v>145339</v>
      </c>
      <c r="E65461" s="1" t="s">
        <v>218159</v>
      </c>
      <c r="F65461" s="1" t="s">
        <v>218160</v>
      </c>
      <c r="G65461" s="1" t="s">
        <v>218119</v>
      </c>
      <c r="H65461" s="1" t="s">
        <v>218120</v>
      </c>
      <c r="I65461" s="1" t="s">
        <v>216161</v>
      </c>
      <c r="J65461" s="1" t="s">
        <v>217479</v>
      </c>
    </row>
    <row r="65462" spans="1:10" x14ac:dyDescent="0.35">
      <c r="A65462" s="1" t="s">
        <v>35148</v>
      </c>
      <c r="B65462" s="1" t="s">
        <v>216156</v>
      </c>
      <c r="C65462" s="1" t="s">
        <v>115</v>
      </c>
      <c r="D65462" s="1" t="s">
        <v>9395</v>
      </c>
      <c r="E65462" s="1" t="s">
        <v>218161</v>
      </c>
      <c r="F65462" s="1" t="s">
        <v>218162</v>
      </c>
      <c r="G65462" s="1" t="s">
        <v>218119</v>
      </c>
      <c r="H65462" s="1" t="s">
        <v>218120</v>
      </c>
      <c r="I65462" s="1" t="s">
        <v>216161</v>
      </c>
      <c r="J65462" s="1" t="s">
        <v>217482</v>
      </c>
    </row>
    <row r="65463" spans="1:10" x14ac:dyDescent="0.35">
      <c r="A65463" s="1" t="s">
        <v>35148</v>
      </c>
      <c r="B65463" s="1" t="s">
        <v>216156</v>
      </c>
      <c r="C65463" s="1" t="s">
        <v>120</v>
      </c>
      <c r="D65463" s="1" t="s">
        <v>9897</v>
      </c>
      <c r="E65463" s="1" t="s">
        <v>218163</v>
      </c>
      <c r="F65463" s="1" t="s">
        <v>218164</v>
      </c>
      <c r="G65463" s="1" t="s">
        <v>218119</v>
      </c>
      <c r="H65463" s="1" t="s">
        <v>218120</v>
      </c>
      <c r="I65463" s="1" t="s">
        <v>216161</v>
      </c>
      <c r="J65463" s="1" t="s">
        <v>217485</v>
      </c>
    </row>
    <row r="65464" spans="1:10" x14ac:dyDescent="0.35">
      <c r="A65464" s="1" t="s">
        <v>35148</v>
      </c>
      <c r="B65464" s="1" t="s">
        <v>216156</v>
      </c>
      <c r="C65464" s="1" t="s">
        <v>125</v>
      </c>
      <c r="D65464" s="1" t="s">
        <v>143046</v>
      </c>
      <c r="E65464" s="1" t="s">
        <v>218165</v>
      </c>
      <c r="F65464" s="1" t="s">
        <v>218166</v>
      </c>
      <c r="G65464" s="1" t="s">
        <v>218119</v>
      </c>
      <c r="H65464" s="1" t="s">
        <v>218120</v>
      </c>
      <c r="I65464" s="1" t="s">
        <v>216161</v>
      </c>
      <c r="J65464" s="1" t="s">
        <v>217488</v>
      </c>
    </row>
    <row r="65465" spans="1:10" x14ac:dyDescent="0.35">
      <c r="A65465" s="1" t="s">
        <v>35148</v>
      </c>
      <c r="B65465" s="1" t="s">
        <v>216156</v>
      </c>
      <c r="C65465" s="1" t="s">
        <v>130</v>
      </c>
      <c r="D65465" s="1" t="s">
        <v>47401</v>
      </c>
      <c r="E65465" s="1" t="s">
        <v>218167</v>
      </c>
      <c r="F65465" s="1" t="s">
        <v>218168</v>
      </c>
      <c r="G65465" s="1" t="s">
        <v>218119</v>
      </c>
      <c r="H65465" s="1" t="s">
        <v>218120</v>
      </c>
      <c r="I65465" s="1" t="s">
        <v>216161</v>
      </c>
      <c r="J65465" s="1" t="s">
        <v>217491</v>
      </c>
    </row>
    <row r="65466" spans="1:10" x14ac:dyDescent="0.35">
      <c r="A65466" s="1" t="s">
        <v>35148</v>
      </c>
      <c r="B65466" s="1" t="s">
        <v>216156</v>
      </c>
      <c r="C65466" s="1" t="s">
        <v>135</v>
      </c>
      <c r="D65466" s="1" t="s">
        <v>117943</v>
      </c>
      <c r="E65466" s="1" t="s">
        <v>218169</v>
      </c>
      <c r="F65466" s="1" t="s">
        <v>218170</v>
      </c>
      <c r="G65466" s="1" t="s">
        <v>218119</v>
      </c>
      <c r="H65466" s="1" t="s">
        <v>218120</v>
      </c>
      <c r="I65466" s="1" t="s">
        <v>216161</v>
      </c>
      <c r="J65466" s="1" t="s">
        <v>217494</v>
      </c>
    </row>
    <row r="65467" spans="1:10" x14ac:dyDescent="0.35">
      <c r="A65467" s="1" t="s">
        <v>35148</v>
      </c>
      <c r="B65467" s="1" t="s">
        <v>216156</v>
      </c>
      <c r="C65467" s="1" t="s">
        <v>140</v>
      </c>
      <c r="D65467" s="1" t="s">
        <v>8769</v>
      </c>
      <c r="E65467" s="1" t="s">
        <v>218171</v>
      </c>
      <c r="F65467" s="1" t="s">
        <v>218172</v>
      </c>
      <c r="G65467" s="1" t="s">
        <v>218119</v>
      </c>
      <c r="H65467" s="1" t="s">
        <v>218120</v>
      </c>
      <c r="I65467" s="1" t="s">
        <v>216161</v>
      </c>
      <c r="J65467" s="1" t="s">
        <v>217497</v>
      </c>
    </row>
    <row r="65468" spans="1:10" x14ac:dyDescent="0.35">
      <c r="A65468" s="1" t="s">
        <v>35148</v>
      </c>
      <c r="B65468" s="1" t="s">
        <v>216156</v>
      </c>
      <c r="C65468" s="1" t="s">
        <v>145</v>
      </c>
      <c r="D65468" s="1" t="s">
        <v>25405</v>
      </c>
      <c r="E65468" s="1" t="s">
        <v>218173</v>
      </c>
      <c r="F65468" s="1" t="s">
        <v>218174</v>
      </c>
      <c r="G65468" s="1" t="s">
        <v>218119</v>
      </c>
      <c r="H65468" s="1" t="s">
        <v>218120</v>
      </c>
      <c r="I65468" s="1" t="s">
        <v>216161</v>
      </c>
      <c r="J65468" s="1" t="s">
        <v>217500</v>
      </c>
    </row>
    <row r="65469" spans="1:10" x14ac:dyDescent="0.35">
      <c r="A65469" s="1" t="s">
        <v>35148</v>
      </c>
      <c r="B65469" s="1" t="s">
        <v>216156</v>
      </c>
      <c r="C65469" s="1" t="s">
        <v>150</v>
      </c>
      <c r="D65469" s="1" t="s">
        <v>110094</v>
      </c>
      <c r="E65469" s="1" t="s">
        <v>218175</v>
      </c>
      <c r="F65469" s="1" t="s">
        <v>218176</v>
      </c>
      <c r="G65469" s="1" t="s">
        <v>218119</v>
      </c>
      <c r="H65469" s="1" t="s">
        <v>218120</v>
      </c>
      <c r="I65469" s="1" t="s">
        <v>216161</v>
      </c>
      <c r="J65469" s="1" t="s">
        <v>217503</v>
      </c>
    </row>
    <row r="65470" spans="1:10" x14ac:dyDescent="0.35">
      <c r="A65470" s="1" t="s">
        <v>35148</v>
      </c>
      <c r="B65470" s="1" t="s">
        <v>216156</v>
      </c>
      <c r="C65470" s="1" t="s">
        <v>155</v>
      </c>
      <c r="D65470" s="1" t="s">
        <v>45635</v>
      </c>
      <c r="E65470" s="1" t="s">
        <v>218177</v>
      </c>
      <c r="F65470" s="1" t="s">
        <v>218178</v>
      </c>
      <c r="G65470" s="1" t="s">
        <v>218119</v>
      </c>
      <c r="H65470" s="1" t="s">
        <v>218120</v>
      </c>
      <c r="I65470" s="1" t="s">
        <v>216161</v>
      </c>
      <c r="J65470" s="1" t="s">
        <v>217506</v>
      </c>
    </row>
    <row r="65471" spans="1:10" x14ac:dyDescent="0.35">
      <c r="A65471" s="1" t="s">
        <v>35148</v>
      </c>
      <c r="B65471" s="1" t="s">
        <v>216156</v>
      </c>
      <c r="C65471" s="1" t="s">
        <v>160</v>
      </c>
      <c r="D65471" s="1" t="s">
        <v>5079</v>
      </c>
      <c r="E65471" s="1" t="s">
        <v>218179</v>
      </c>
      <c r="F65471" s="1" t="s">
        <v>218180</v>
      </c>
      <c r="G65471" s="1" t="s">
        <v>218119</v>
      </c>
      <c r="H65471" s="1" t="s">
        <v>218120</v>
      </c>
      <c r="I65471" s="1" t="s">
        <v>216161</v>
      </c>
      <c r="J65471" s="1" t="s">
        <v>217509</v>
      </c>
    </row>
    <row r="65472" spans="1:10" x14ac:dyDescent="0.35">
      <c r="A65472" s="1" t="s">
        <v>35148</v>
      </c>
      <c r="B65472" s="1" t="s">
        <v>216156</v>
      </c>
      <c r="C65472" s="1" t="s">
        <v>165</v>
      </c>
      <c r="D65472" s="1" t="s">
        <v>1391</v>
      </c>
      <c r="E65472" s="1" t="s">
        <v>218181</v>
      </c>
      <c r="F65472" s="1" t="s">
        <v>218182</v>
      </c>
      <c r="G65472" s="1" t="s">
        <v>218119</v>
      </c>
      <c r="H65472" s="1" t="s">
        <v>218120</v>
      </c>
      <c r="I65472" s="1" t="s">
        <v>216161</v>
      </c>
      <c r="J65472" s="1" t="s">
        <v>217512</v>
      </c>
    </row>
    <row r="65473" spans="1:10" x14ac:dyDescent="0.35">
      <c r="A65473" s="1" t="s">
        <v>35148</v>
      </c>
      <c r="B65473" s="1" t="s">
        <v>216156</v>
      </c>
      <c r="C65473" s="1" t="s">
        <v>170</v>
      </c>
      <c r="D65473" s="1" t="s">
        <v>27851</v>
      </c>
      <c r="E65473" s="1" t="s">
        <v>218183</v>
      </c>
      <c r="F65473" s="1" t="s">
        <v>218184</v>
      </c>
      <c r="G65473" s="1" t="s">
        <v>218119</v>
      </c>
      <c r="H65473" s="1" t="s">
        <v>218120</v>
      </c>
      <c r="I65473" s="1" t="s">
        <v>216161</v>
      </c>
      <c r="J65473" s="1" t="s">
        <v>217515</v>
      </c>
    </row>
    <row r="65474" spans="1:10" x14ac:dyDescent="0.35">
      <c r="A65474" s="1" t="s">
        <v>15045</v>
      </c>
      <c r="B65474" s="1" t="s">
        <v>218185</v>
      </c>
      <c r="C65474" s="1" t="s">
        <v>8</v>
      </c>
      <c r="D65474" s="1" t="s">
        <v>31818</v>
      </c>
      <c r="E65474" s="1" t="s">
        <v>218186</v>
      </c>
      <c r="F65474" s="1" t="s">
        <v>218187</v>
      </c>
      <c r="G65474" s="1" t="s">
        <v>218188</v>
      </c>
      <c r="H65474" s="1" t="s">
        <v>218189</v>
      </c>
      <c r="I65474" s="1" t="s">
        <v>218190</v>
      </c>
      <c r="J65474" s="1" t="s">
        <v>13</v>
      </c>
    </row>
    <row r="65475" spans="1:10" x14ac:dyDescent="0.35">
      <c r="A65475" s="1" t="s">
        <v>15045</v>
      </c>
      <c r="B65475" s="1" t="s">
        <v>218185</v>
      </c>
      <c r="C65475" s="1" t="s">
        <v>15</v>
      </c>
      <c r="D65475" s="1" t="s">
        <v>116917</v>
      </c>
      <c r="E65475" s="1" t="s">
        <v>218191</v>
      </c>
      <c r="F65475" s="1" t="s">
        <v>218192</v>
      </c>
      <c r="G65475" s="1" t="s">
        <v>218188</v>
      </c>
      <c r="H65475" s="1" t="s">
        <v>218189</v>
      </c>
      <c r="I65475" s="1" t="s">
        <v>218190</v>
      </c>
      <c r="J65475" s="1" t="s">
        <v>218193</v>
      </c>
    </row>
    <row r="65476" spans="1:10" x14ac:dyDescent="0.35">
      <c r="A65476" s="1" t="s">
        <v>15045</v>
      </c>
      <c r="B65476" s="1" t="s">
        <v>218185</v>
      </c>
      <c r="C65476" s="1" t="s">
        <v>20</v>
      </c>
      <c r="D65476" s="1" t="s">
        <v>218194</v>
      </c>
      <c r="E65476" s="1" t="s">
        <v>218195</v>
      </c>
      <c r="F65476" s="1" t="s">
        <v>218196</v>
      </c>
      <c r="G65476" s="1" t="s">
        <v>218188</v>
      </c>
      <c r="H65476" s="1" t="s">
        <v>218189</v>
      </c>
      <c r="I65476" s="1" t="s">
        <v>218190</v>
      </c>
      <c r="J65476" s="1" t="s">
        <v>218197</v>
      </c>
    </row>
    <row r="65477" spans="1:10" x14ac:dyDescent="0.35">
      <c r="A65477" s="1" t="s">
        <v>15045</v>
      </c>
      <c r="B65477" s="1" t="s">
        <v>218185</v>
      </c>
      <c r="C65477" s="1" t="s">
        <v>25</v>
      </c>
      <c r="D65477" s="1" t="s">
        <v>17937</v>
      </c>
      <c r="E65477" s="1" t="s">
        <v>218198</v>
      </c>
      <c r="F65477" s="1" t="s">
        <v>218199</v>
      </c>
      <c r="G65477" s="1" t="s">
        <v>218188</v>
      </c>
      <c r="H65477" s="1" t="s">
        <v>218189</v>
      </c>
      <c r="I65477" s="1" t="s">
        <v>218190</v>
      </c>
      <c r="J65477" s="1" t="s">
        <v>218200</v>
      </c>
    </row>
    <row r="65478" spans="1:10" x14ac:dyDescent="0.35">
      <c r="A65478" s="1" t="s">
        <v>15045</v>
      </c>
      <c r="B65478" s="1" t="s">
        <v>218185</v>
      </c>
      <c r="C65478" s="1" t="s">
        <v>30</v>
      </c>
      <c r="D65478" s="1" t="s">
        <v>28343</v>
      </c>
      <c r="E65478" s="1" t="s">
        <v>218201</v>
      </c>
      <c r="F65478" s="1" t="s">
        <v>218202</v>
      </c>
      <c r="G65478" s="1" t="s">
        <v>218188</v>
      </c>
      <c r="H65478" s="1" t="s">
        <v>218189</v>
      </c>
      <c r="I65478" s="1" t="s">
        <v>218190</v>
      </c>
      <c r="J65478" s="1" t="s">
        <v>218203</v>
      </c>
    </row>
    <row r="65479" spans="1:10" x14ac:dyDescent="0.35">
      <c r="A65479" s="1" t="s">
        <v>15045</v>
      </c>
      <c r="B65479" s="1" t="s">
        <v>218185</v>
      </c>
      <c r="C65479" s="1" t="s">
        <v>35</v>
      </c>
      <c r="D65479" s="1" t="s">
        <v>35342</v>
      </c>
      <c r="E65479" s="1" t="s">
        <v>218204</v>
      </c>
      <c r="F65479" s="1" t="s">
        <v>218205</v>
      </c>
      <c r="G65479" s="1" t="s">
        <v>218188</v>
      </c>
      <c r="H65479" s="1" t="s">
        <v>218189</v>
      </c>
      <c r="I65479" s="1" t="s">
        <v>218190</v>
      </c>
      <c r="J65479" s="1" t="s">
        <v>218206</v>
      </c>
    </row>
    <row r="65480" spans="1:10" x14ac:dyDescent="0.35">
      <c r="A65480" s="1" t="s">
        <v>15045</v>
      </c>
      <c r="B65480" s="1" t="s">
        <v>218185</v>
      </c>
      <c r="C65480" s="1" t="s">
        <v>40</v>
      </c>
      <c r="D65480" s="1" t="s">
        <v>17190</v>
      </c>
      <c r="E65480" s="1" t="s">
        <v>218207</v>
      </c>
      <c r="F65480" s="1" t="s">
        <v>218208</v>
      </c>
      <c r="G65480" s="1" t="s">
        <v>218188</v>
      </c>
      <c r="H65480" s="1" t="s">
        <v>218189</v>
      </c>
      <c r="I65480" s="1" t="s">
        <v>218190</v>
      </c>
      <c r="J65480" s="1" t="s">
        <v>218209</v>
      </c>
    </row>
    <row r="65481" spans="1:10" x14ac:dyDescent="0.35">
      <c r="A65481" s="1" t="s">
        <v>15045</v>
      </c>
      <c r="B65481" s="1" t="s">
        <v>218185</v>
      </c>
      <c r="C65481" s="1" t="s">
        <v>45</v>
      </c>
      <c r="D65481" s="1" t="s">
        <v>25738</v>
      </c>
      <c r="E65481" s="1" t="s">
        <v>218210</v>
      </c>
      <c r="F65481" s="1" t="s">
        <v>218211</v>
      </c>
      <c r="G65481" s="1" t="s">
        <v>218188</v>
      </c>
      <c r="H65481" s="1" t="s">
        <v>218189</v>
      </c>
      <c r="I65481" s="1" t="s">
        <v>218190</v>
      </c>
      <c r="J65481" s="1" t="s">
        <v>218212</v>
      </c>
    </row>
    <row r="65482" spans="1:10" x14ac:dyDescent="0.35">
      <c r="A65482" s="1" t="s">
        <v>15045</v>
      </c>
      <c r="B65482" s="1" t="s">
        <v>218185</v>
      </c>
      <c r="C65482" s="1" t="s">
        <v>50</v>
      </c>
      <c r="D65482" s="1" t="s">
        <v>116595</v>
      </c>
      <c r="E65482" s="1" t="s">
        <v>218213</v>
      </c>
      <c r="F65482" s="1" t="s">
        <v>218214</v>
      </c>
      <c r="G65482" s="1" t="s">
        <v>218188</v>
      </c>
      <c r="H65482" s="1" t="s">
        <v>218189</v>
      </c>
      <c r="I65482" s="1" t="s">
        <v>218190</v>
      </c>
      <c r="J65482" s="1" t="s">
        <v>218215</v>
      </c>
    </row>
    <row r="65483" spans="1:10" x14ac:dyDescent="0.35">
      <c r="A65483" s="1" t="s">
        <v>15045</v>
      </c>
      <c r="B65483" s="1" t="s">
        <v>218185</v>
      </c>
      <c r="C65483" s="1" t="s">
        <v>55</v>
      </c>
      <c r="D65483" s="1" t="s">
        <v>213509</v>
      </c>
      <c r="E65483" s="1" t="s">
        <v>218216</v>
      </c>
      <c r="F65483" s="1" t="s">
        <v>218217</v>
      </c>
      <c r="G65483" s="1" t="s">
        <v>218188</v>
      </c>
      <c r="H65483" s="1" t="s">
        <v>218189</v>
      </c>
      <c r="I65483" s="1" t="s">
        <v>218190</v>
      </c>
      <c r="J65483" s="1" t="s">
        <v>218218</v>
      </c>
    </row>
    <row r="65484" spans="1:10" x14ac:dyDescent="0.35">
      <c r="A65484" s="1" t="s">
        <v>15045</v>
      </c>
      <c r="B65484" s="1" t="s">
        <v>218185</v>
      </c>
      <c r="C65484" s="1" t="s">
        <v>60</v>
      </c>
      <c r="D65484" s="1" t="s">
        <v>72758</v>
      </c>
      <c r="E65484" s="1" t="s">
        <v>218219</v>
      </c>
      <c r="F65484" s="1" t="s">
        <v>218220</v>
      </c>
      <c r="G65484" s="1" t="s">
        <v>218188</v>
      </c>
      <c r="H65484" s="1" t="s">
        <v>218189</v>
      </c>
      <c r="I65484" s="1" t="s">
        <v>218190</v>
      </c>
      <c r="J65484" s="1" t="s">
        <v>218221</v>
      </c>
    </row>
    <row r="65485" spans="1:10" x14ac:dyDescent="0.35">
      <c r="A65485" s="1" t="s">
        <v>15045</v>
      </c>
      <c r="B65485" s="1" t="s">
        <v>218185</v>
      </c>
      <c r="C65485" s="1" t="s">
        <v>65</v>
      </c>
      <c r="D65485" s="1" t="s">
        <v>52119</v>
      </c>
      <c r="E65485" s="1" t="s">
        <v>218222</v>
      </c>
      <c r="F65485" s="1" t="s">
        <v>218223</v>
      </c>
      <c r="G65485" s="1" t="s">
        <v>218188</v>
      </c>
      <c r="H65485" s="1" t="s">
        <v>218189</v>
      </c>
      <c r="I65485" s="1" t="s">
        <v>218190</v>
      </c>
      <c r="J65485" s="1" t="s">
        <v>218224</v>
      </c>
    </row>
    <row r="65486" spans="1:10" x14ac:dyDescent="0.35">
      <c r="A65486" s="1" t="s">
        <v>15045</v>
      </c>
      <c r="B65486" s="1" t="s">
        <v>218185</v>
      </c>
      <c r="C65486" s="1" t="s">
        <v>70</v>
      </c>
      <c r="D65486" s="1" t="s">
        <v>29250</v>
      </c>
      <c r="E65486" s="1" t="s">
        <v>218225</v>
      </c>
      <c r="F65486" s="1" t="s">
        <v>218226</v>
      </c>
      <c r="G65486" s="1" t="s">
        <v>218188</v>
      </c>
      <c r="H65486" s="1" t="s">
        <v>218189</v>
      </c>
      <c r="I65486" s="1" t="s">
        <v>218190</v>
      </c>
      <c r="J65486" s="1" t="s">
        <v>218227</v>
      </c>
    </row>
    <row r="65487" spans="1:10" x14ac:dyDescent="0.35">
      <c r="A65487" s="1" t="s">
        <v>15045</v>
      </c>
      <c r="B65487" s="1" t="s">
        <v>218185</v>
      </c>
      <c r="C65487" s="1" t="s">
        <v>75</v>
      </c>
      <c r="D65487" s="1" t="s">
        <v>117313</v>
      </c>
      <c r="E65487" s="1" t="s">
        <v>218228</v>
      </c>
      <c r="F65487" s="1" t="s">
        <v>218229</v>
      </c>
      <c r="G65487" s="1" t="s">
        <v>218188</v>
      </c>
      <c r="H65487" s="1" t="s">
        <v>218189</v>
      </c>
      <c r="I65487" s="1" t="s">
        <v>218190</v>
      </c>
      <c r="J65487" s="1" t="s">
        <v>218230</v>
      </c>
    </row>
    <row r="65488" spans="1:10" x14ac:dyDescent="0.35">
      <c r="A65488" s="1" t="s">
        <v>15045</v>
      </c>
      <c r="B65488" s="1" t="s">
        <v>218185</v>
      </c>
      <c r="C65488" s="1" t="s">
        <v>80</v>
      </c>
      <c r="D65488" s="1" t="s">
        <v>48871</v>
      </c>
      <c r="E65488" s="1" t="s">
        <v>218231</v>
      </c>
      <c r="F65488" s="1" t="s">
        <v>218232</v>
      </c>
      <c r="G65488" s="1" t="s">
        <v>218188</v>
      </c>
      <c r="H65488" s="1" t="s">
        <v>218189</v>
      </c>
      <c r="I65488" s="1" t="s">
        <v>218190</v>
      </c>
      <c r="J65488" s="1" t="s">
        <v>218233</v>
      </c>
    </row>
    <row r="65489" spans="1:10" x14ac:dyDescent="0.35">
      <c r="A65489" s="1" t="s">
        <v>15045</v>
      </c>
      <c r="B65489" s="1" t="s">
        <v>218185</v>
      </c>
      <c r="C65489" s="1" t="s">
        <v>85</v>
      </c>
      <c r="D65489" s="1" t="s">
        <v>33143</v>
      </c>
      <c r="E65489" s="1" t="s">
        <v>218234</v>
      </c>
      <c r="F65489" s="1" t="s">
        <v>218235</v>
      </c>
      <c r="G65489" s="1" t="s">
        <v>218188</v>
      </c>
      <c r="H65489" s="1" t="s">
        <v>218189</v>
      </c>
      <c r="I65489" s="1" t="s">
        <v>218190</v>
      </c>
      <c r="J65489" s="1" t="s">
        <v>218236</v>
      </c>
    </row>
    <row r="65490" spans="1:10" x14ac:dyDescent="0.35">
      <c r="A65490" s="1" t="s">
        <v>15045</v>
      </c>
      <c r="B65490" s="1" t="s">
        <v>218185</v>
      </c>
      <c r="C65490" s="1" t="s">
        <v>90</v>
      </c>
      <c r="D65490" s="1" t="s">
        <v>31492</v>
      </c>
      <c r="E65490" s="1" t="s">
        <v>218237</v>
      </c>
      <c r="F65490" s="1" t="s">
        <v>218238</v>
      </c>
      <c r="G65490" s="1" t="s">
        <v>218188</v>
      </c>
      <c r="H65490" s="1" t="s">
        <v>218189</v>
      </c>
      <c r="I65490" s="1" t="s">
        <v>218190</v>
      </c>
      <c r="J65490" s="1" t="s">
        <v>218239</v>
      </c>
    </row>
    <row r="65491" spans="1:10" x14ac:dyDescent="0.35">
      <c r="A65491" s="1" t="s">
        <v>15045</v>
      </c>
      <c r="B65491" s="1" t="s">
        <v>218185</v>
      </c>
      <c r="C65491" s="1" t="s">
        <v>95</v>
      </c>
      <c r="D65491" s="1" t="s">
        <v>28694</v>
      </c>
      <c r="E65491" s="1" t="s">
        <v>218240</v>
      </c>
      <c r="F65491" s="1" t="s">
        <v>218241</v>
      </c>
      <c r="G65491" s="1" t="s">
        <v>218188</v>
      </c>
      <c r="H65491" s="1" t="s">
        <v>218189</v>
      </c>
      <c r="I65491" s="1" t="s">
        <v>218190</v>
      </c>
      <c r="J65491" s="1" t="s">
        <v>218242</v>
      </c>
    </row>
    <row r="65492" spans="1:10" x14ac:dyDescent="0.35">
      <c r="A65492" s="1" t="s">
        <v>15045</v>
      </c>
      <c r="B65492" s="1" t="s">
        <v>218185</v>
      </c>
      <c r="C65492" s="1" t="s">
        <v>100</v>
      </c>
      <c r="D65492" s="1" t="s">
        <v>135016</v>
      </c>
      <c r="E65492" s="1" t="s">
        <v>218243</v>
      </c>
      <c r="F65492" s="1" t="s">
        <v>218244</v>
      </c>
      <c r="G65492" s="1" t="s">
        <v>218188</v>
      </c>
      <c r="H65492" s="1" t="s">
        <v>218189</v>
      </c>
      <c r="I65492" s="1" t="s">
        <v>218190</v>
      </c>
      <c r="J65492" s="1" t="s">
        <v>218245</v>
      </c>
    </row>
    <row r="65493" spans="1:10" x14ac:dyDescent="0.35">
      <c r="A65493" s="1" t="s">
        <v>15045</v>
      </c>
      <c r="B65493" s="1" t="s">
        <v>218185</v>
      </c>
      <c r="C65493" s="1" t="s">
        <v>105</v>
      </c>
      <c r="D65493" s="1" t="s">
        <v>82329</v>
      </c>
      <c r="E65493" s="1" t="s">
        <v>218246</v>
      </c>
      <c r="F65493" s="1" t="s">
        <v>218247</v>
      </c>
      <c r="G65493" s="1" t="s">
        <v>218188</v>
      </c>
      <c r="H65493" s="1" t="s">
        <v>218189</v>
      </c>
      <c r="I65493" s="1" t="s">
        <v>218190</v>
      </c>
      <c r="J65493" s="1" t="s">
        <v>218248</v>
      </c>
    </row>
    <row r="65494" spans="1:10" x14ac:dyDescent="0.35">
      <c r="A65494" s="1" t="s">
        <v>15045</v>
      </c>
      <c r="B65494" s="1" t="s">
        <v>218185</v>
      </c>
      <c r="C65494" s="1" t="s">
        <v>110</v>
      </c>
      <c r="D65494" s="1" t="s">
        <v>42786</v>
      </c>
      <c r="E65494" s="1" t="s">
        <v>218249</v>
      </c>
      <c r="F65494" s="1" t="s">
        <v>218250</v>
      </c>
      <c r="G65494" s="1" t="s">
        <v>218188</v>
      </c>
      <c r="H65494" s="1" t="s">
        <v>218189</v>
      </c>
      <c r="I65494" s="1" t="s">
        <v>218190</v>
      </c>
      <c r="J65494" s="1" t="s">
        <v>218251</v>
      </c>
    </row>
    <row r="65495" spans="1:10" x14ac:dyDescent="0.35">
      <c r="A65495" s="1" t="s">
        <v>15045</v>
      </c>
      <c r="B65495" s="1" t="s">
        <v>218185</v>
      </c>
      <c r="C65495" s="1" t="s">
        <v>115</v>
      </c>
      <c r="D65495" s="1" t="s">
        <v>218252</v>
      </c>
      <c r="E65495" s="1" t="s">
        <v>218253</v>
      </c>
      <c r="F65495" s="1" t="s">
        <v>218254</v>
      </c>
      <c r="G65495" s="1" t="s">
        <v>218188</v>
      </c>
      <c r="H65495" s="1" t="s">
        <v>218189</v>
      </c>
      <c r="I65495" s="1" t="s">
        <v>218190</v>
      </c>
      <c r="J65495" s="1" t="s">
        <v>218255</v>
      </c>
    </row>
    <row r="65496" spans="1:10" x14ac:dyDescent="0.35">
      <c r="A65496" s="1" t="s">
        <v>15045</v>
      </c>
      <c r="B65496" s="1" t="s">
        <v>218185</v>
      </c>
      <c r="C65496" s="1" t="s">
        <v>120</v>
      </c>
      <c r="D65496" s="1" t="s">
        <v>72830</v>
      </c>
      <c r="E65496" s="1" t="s">
        <v>218256</v>
      </c>
      <c r="F65496" s="1" t="s">
        <v>218257</v>
      </c>
      <c r="G65496" s="1" t="s">
        <v>218188</v>
      </c>
      <c r="H65496" s="1" t="s">
        <v>218189</v>
      </c>
      <c r="I65496" s="1" t="s">
        <v>218190</v>
      </c>
      <c r="J65496" s="1" t="s">
        <v>218258</v>
      </c>
    </row>
    <row r="65497" spans="1:10" x14ac:dyDescent="0.35">
      <c r="A65497" s="1" t="s">
        <v>15045</v>
      </c>
      <c r="B65497" s="1" t="s">
        <v>218185</v>
      </c>
      <c r="C65497" s="1" t="s">
        <v>125</v>
      </c>
      <c r="D65497" s="1" t="s">
        <v>71344</v>
      </c>
      <c r="E65497" s="1" t="s">
        <v>218259</v>
      </c>
      <c r="F65497" s="1" t="s">
        <v>218260</v>
      </c>
      <c r="G65497" s="1" t="s">
        <v>218188</v>
      </c>
      <c r="H65497" s="1" t="s">
        <v>218189</v>
      </c>
      <c r="I65497" s="1" t="s">
        <v>218190</v>
      </c>
      <c r="J65497" s="1" t="s">
        <v>218261</v>
      </c>
    </row>
    <row r="65498" spans="1:10" x14ac:dyDescent="0.35">
      <c r="A65498" s="1" t="s">
        <v>15045</v>
      </c>
      <c r="B65498" s="1" t="s">
        <v>218185</v>
      </c>
      <c r="C65498" s="1" t="s">
        <v>130</v>
      </c>
      <c r="D65498" s="1" t="s">
        <v>153262</v>
      </c>
      <c r="E65498" s="1" t="s">
        <v>218262</v>
      </c>
      <c r="F65498" s="1" t="s">
        <v>218263</v>
      </c>
      <c r="G65498" s="1" t="s">
        <v>218188</v>
      </c>
      <c r="H65498" s="1" t="s">
        <v>218189</v>
      </c>
      <c r="I65498" s="1" t="s">
        <v>218190</v>
      </c>
      <c r="J65498" s="1" t="s">
        <v>218264</v>
      </c>
    </row>
    <row r="65499" spans="1:10" x14ac:dyDescent="0.35">
      <c r="A65499" s="1" t="s">
        <v>15045</v>
      </c>
      <c r="B65499" s="1" t="s">
        <v>218185</v>
      </c>
      <c r="C65499" s="1" t="s">
        <v>135</v>
      </c>
      <c r="D65499" s="1" t="s">
        <v>191639</v>
      </c>
      <c r="E65499" s="1" t="s">
        <v>218265</v>
      </c>
      <c r="F65499" s="1" t="s">
        <v>218266</v>
      </c>
      <c r="G65499" s="1" t="s">
        <v>218188</v>
      </c>
      <c r="H65499" s="1" t="s">
        <v>218189</v>
      </c>
      <c r="I65499" s="1" t="s">
        <v>218190</v>
      </c>
      <c r="J65499" s="1" t="s">
        <v>218267</v>
      </c>
    </row>
    <row r="65500" spans="1:10" x14ac:dyDescent="0.35">
      <c r="A65500" s="1" t="s">
        <v>15045</v>
      </c>
      <c r="B65500" s="1" t="s">
        <v>218185</v>
      </c>
      <c r="C65500" s="1" t="s">
        <v>140</v>
      </c>
      <c r="D65500" s="1" t="s">
        <v>46026</v>
      </c>
      <c r="E65500" s="1" t="s">
        <v>218268</v>
      </c>
      <c r="F65500" s="1" t="s">
        <v>218269</v>
      </c>
      <c r="G65500" s="1" t="s">
        <v>218188</v>
      </c>
      <c r="H65500" s="1" t="s">
        <v>218189</v>
      </c>
      <c r="I65500" s="1" t="s">
        <v>218190</v>
      </c>
      <c r="J65500" s="1" t="s">
        <v>218270</v>
      </c>
    </row>
    <row r="65501" spans="1:10" x14ac:dyDescent="0.35">
      <c r="A65501" s="1" t="s">
        <v>15045</v>
      </c>
      <c r="B65501" s="1" t="s">
        <v>218185</v>
      </c>
      <c r="C65501" s="1" t="s">
        <v>145</v>
      </c>
      <c r="D65501" s="1" t="s">
        <v>15439</v>
      </c>
      <c r="E65501" s="1" t="s">
        <v>218271</v>
      </c>
      <c r="F65501" s="1" t="s">
        <v>218272</v>
      </c>
      <c r="G65501" s="1" t="s">
        <v>218188</v>
      </c>
      <c r="H65501" s="1" t="s">
        <v>218189</v>
      </c>
      <c r="I65501" s="1" t="s">
        <v>218190</v>
      </c>
      <c r="J65501" s="1" t="s">
        <v>218273</v>
      </c>
    </row>
    <row r="65502" spans="1:10" x14ac:dyDescent="0.35">
      <c r="A65502" s="1" t="s">
        <v>15045</v>
      </c>
      <c r="B65502" s="1" t="s">
        <v>218185</v>
      </c>
      <c r="C65502" s="1" t="s">
        <v>150</v>
      </c>
      <c r="D65502" s="1" t="s">
        <v>169017</v>
      </c>
      <c r="E65502" s="1" t="s">
        <v>218274</v>
      </c>
      <c r="F65502" s="1" t="s">
        <v>218275</v>
      </c>
      <c r="G65502" s="1" t="s">
        <v>218188</v>
      </c>
      <c r="H65502" s="1" t="s">
        <v>218189</v>
      </c>
      <c r="I65502" s="1" t="s">
        <v>218190</v>
      </c>
      <c r="J65502" s="1" t="s">
        <v>218276</v>
      </c>
    </row>
    <row r="65503" spans="1:10" x14ac:dyDescent="0.35">
      <c r="A65503" s="1" t="s">
        <v>15045</v>
      </c>
      <c r="B65503" s="1" t="s">
        <v>218185</v>
      </c>
      <c r="C65503" s="1" t="s">
        <v>155</v>
      </c>
      <c r="D65503" s="1" t="s">
        <v>45928</v>
      </c>
      <c r="E65503" s="1" t="s">
        <v>218277</v>
      </c>
      <c r="F65503" s="1" t="s">
        <v>218278</v>
      </c>
      <c r="G65503" s="1" t="s">
        <v>218188</v>
      </c>
      <c r="H65503" s="1" t="s">
        <v>218189</v>
      </c>
      <c r="I65503" s="1" t="s">
        <v>218190</v>
      </c>
      <c r="J65503" s="1" t="s">
        <v>218279</v>
      </c>
    </row>
    <row r="65504" spans="1:10" x14ac:dyDescent="0.35">
      <c r="A65504" s="1" t="s">
        <v>15045</v>
      </c>
      <c r="B65504" s="1" t="s">
        <v>218185</v>
      </c>
      <c r="C65504" s="1" t="s">
        <v>160</v>
      </c>
      <c r="D65504" s="1" t="s">
        <v>36445</v>
      </c>
      <c r="E65504" s="1" t="s">
        <v>218280</v>
      </c>
      <c r="F65504" s="1" t="s">
        <v>218281</v>
      </c>
      <c r="G65504" s="1" t="s">
        <v>218188</v>
      </c>
      <c r="H65504" s="1" t="s">
        <v>218189</v>
      </c>
      <c r="I65504" s="1" t="s">
        <v>218190</v>
      </c>
      <c r="J65504" s="1" t="s">
        <v>218282</v>
      </c>
    </row>
    <row r="65505" spans="1:10" x14ac:dyDescent="0.35">
      <c r="A65505" s="1" t="s">
        <v>15045</v>
      </c>
      <c r="B65505" s="1" t="s">
        <v>218185</v>
      </c>
      <c r="C65505" s="1" t="s">
        <v>165</v>
      </c>
      <c r="D65505" s="1" t="s">
        <v>50406</v>
      </c>
      <c r="E65505" s="1" t="s">
        <v>218283</v>
      </c>
      <c r="F65505" s="1" t="s">
        <v>218284</v>
      </c>
      <c r="G65505" s="1" t="s">
        <v>218188</v>
      </c>
      <c r="H65505" s="1" t="s">
        <v>218189</v>
      </c>
      <c r="I65505" s="1" t="s">
        <v>218190</v>
      </c>
      <c r="J65505" s="1" t="s">
        <v>218285</v>
      </c>
    </row>
    <row r="65506" spans="1:10" x14ac:dyDescent="0.35">
      <c r="A65506" s="1" t="s">
        <v>15045</v>
      </c>
      <c r="B65506" s="1" t="s">
        <v>218185</v>
      </c>
      <c r="C65506" s="1" t="s">
        <v>170</v>
      </c>
      <c r="D65506" s="1" t="s">
        <v>115440</v>
      </c>
      <c r="E65506" s="1" t="s">
        <v>218286</v>
      </c>
      <c r="F65506" s="1" t="s">
        <v>218287</v>
      </c>
      <c r="G65506" s="1" t="s">
        <v>218188</v>
      </c>
      <c r="H65506" s="1" t="s">
        <v>218189</v>
      </c>
      <c r="I65506" s="1" t="s">
        <v>218190</v>
      </c>
      <c r="J65506" s="1" t="s">
        <v>218288</v>
      </c>
    </row>
    <row r="65507" spans="1:10" x14ac:dyDescent="0.35">
      <c r="A65507" s="1" t="s">
        <v>119665</v>
      </c>
      <c r="B65507" s="1" t="s">
        <v>218185</v>
      </c>
      <c r="C65507" s="1" t="s">
        <v>8</v>
      </c>
      <c r="D65507" s="1" t="s">
        <v>174716</v>
      </c>
      <c r="E65507" s="1" t="s">
        <v>218289</v>
      </c>
      <c r="F65507" s="1" t="s">
        <v>218290</v>
      </c>
      <c r="G65507" s="1" t="s">
        <v>218291</v>
      </c>
      <c r="H65507" s="1" t="s">
        <v>218292</v>
      </c>
      <c r="I65507" s="1" t="s">
        <v>218190</v>
      </c>
      <c r="J65507" s="1" t="s">
        <v>13</v>
      </c>
    </row>
    <row r="65508" spans="1:10" x14ac:dyDescent="0.35">
      <c r="A65508" s="1" t="s">
        <v>119665</v>
      </c>
      <c r="B65508" s="1" t="s">
        <v>218185</v>
      </c>
      <c r="C65508" s="1" t="s">
        <v>15</v>
      </c>
      <c r="D65508" s="1" t="s">
        <v>218293</v>
      </c>
      <c r="E65508" s="1" t="s">
        <v>218294</v>
      </c>
      <c r="F65508" s="1" t="s">
        <v>218295</v>
      </c>
      <c r="G65508" s="1" t="s">
        <v>218291</v>
      </c>
      <c r="H65508" s="1" t="s">
        <v>218292</v>
      </c>
      <c r="I65508" s="1" t="s">
        <v>218190</v>
      </c>
      <c r="J65508" s="1" t="s">
        <v>218296</v>
      </c>
    </row>
    <row r="65509" spans="1:10" x14ac:dyDescent="0.35">
      <c r="A65509" s="1" t="s">
        <v>119665</v>
      </c>
      <c r="B65509" s="1" t="s">
        <v>218185</v>
      </c>
      <c r="C65509" s="1" t="s">
        <v>20</v>
      </c>
      <c r="D65509" s="1" t="s">
        <v>50330</v>
      </c>
      <c r="E65509" s="1" t="s">
        <v>218297</v>
      </c>
      <c r="F65509" s="1" t="s">
        <v>218298</v>
      </c>
      <c r="G65509" s="1" t="s">
        <v>218291</v>
      </c>
      <c r="H65509" s="1" t="s">
        <v>218292</v>
      </c>
      <c r="I65509" s="1" t="s">
        <v>218190</v>
      </c>
      <c r="J65509" s="1" t="s">
        <v>218299</v>
      </c>
    </row>
    <row r="65510" spans="1:10" x14ac:dyDescent="0.35">
      <c r="A65510" s="1" t="s">
        <v>119665</v>
      </c>
      <c r="B65510" s="1" t="s">
        <v>218185</v>
      </c>
      <c r="C65510" s="1" t="s">
        <v>25</v>
      </c>
      <c r="D65510" s="1" t="s">
        <v>38589</v>
      </c>
      <c r="E65510" s="1" t="s">
        <v>218300</v>
      </c>
      <c r="F65510" s="1" t="s">
        <v>218301</v>
      </c>
      <c r="G65510" s="1" t="s">
        <v>218291</v>
      </c>
      <c r="H65510" s="1" t="s">
        <v>218292</v>
      </c>
      <c r="I65510" s="1" t="s">
        <v>218190</v>
      </c>
      <c r="J65510" s="1" t="s">
        <v>218302</v>
      </c>
    </row>
    <row r="65511" spans="1:10" x14ac:dyDescent="0.35">
      <c r="A65511" s="1" t="s">
        <v>119665</v>
      </c>
      <c r="B65511" s="1" t="s">
        <v>218185</v>
      </c>
      <c r="C65511" s="1" t="s">
        <v>30</v>
      </c>
      <c r="D65511" s="1" t="s">
        <v>38155</v>
      </c>
      <c r="E65511" s="1" t="s">
        <v>218303</v>
      </c>
      <c r="F65511" s="1" t="s">
        <v>218304</v>
      </c>
      <c r="G65511" s="1" t="s">
        <v>218291</v>
      </c>
      <c r="H65511" s="1" t="s">
        <v>218292</v>
      </c>
      <c r="I65511" s="1" t="s">
        <v>218190</v>
      </c>
      <c r="J65511" s="1" t="s">
        <v>218305</v>
      </c>
    </row>
    <row r="65512" spans="1:10" x14ac:dyDescent="0.35">
      <c r="A65512" s="1" t="s">
        <v>119665</v>
      </c>
      <c r="B65512" s="1" t="s">
        <v>218185</v>
      </c>
      <c r="C65512" s="1" t="s">
        <v>35</v>
      </c>
      <c r="D65512" s="1" t="s">
        <v>110911</v>
      </c>
      <c r="E65512" s="1" t="s">
        <v>218306</v>
      </c>
      <c r="F65512" s="1" t="s">
        <v>218307</v>
      </c>
      <c r="G65512" s="1" t="s">
        <v>218291</v>
      </c>
      <c r="H65512" s="1" t="s">
        <v>218292</v>
      </c>
      <c r="I65512" s="1" t="s">
        <v>218190</v>
      </c>
      <c r="J65512" s="1" t="s">
        <v>218308</v>
      </c>
    </row>
    <row r="65513" spans="1:10" x14ac:dyDescent="0.35">
      <c r="A65513" s="1" t="s">
        <v>119665</v>
      </c>
      <c r="B65513" s="1" t="s">
        <v>218185</v>
      </c>
      <c r="C65513" s="1" t="s">
        <v>40</v>
      </c>
      <c r="D65513" s="1" t="s">
        <v>4126</v>
      </c>
      <c r="E65513" s="1" t="s">
        <v>218309</v>
      </c>
      <c r="F65513" s="1" t="s">
        <v>218310</v>
      </c>
      <c r="G65513" s="1" t="s">
        <v>218291</v>
      </c>
      <c r="H65513" s="1" t="s">
        <v>218292</v>
      </c>
      <c r="I65513" s="1" t="s">
        <v>218190</v>
      </c>
      <c r="J65513" s="1" t="s">
        <v>218311</v>
      </c>
    </row>
    <row r="65514" spans="1:10" x14ac:dyDescent="0.35">
      <c r="A65514" s="1" t="s">
        <v>119665</v>
      </c>
      <c r="B65514" s="1" t="s">
        <v>218185</v>
      </c>
      <c r="C65514" s="1" t="s">
        <v>45</v>
      </c>
      <c r="D65514" s="1" t="s">
        <v>201586</v>
      </c>
      <c r="E65514" s="1" t="s">
        <v>218312</v>
      </c>
      <c r="F65514" s="1" t="s">
        <v>218313</v>
      </c>
      <c r="G65514" s="1" t="s">
        <v>218291</v>
      </c>
      <c r="H65514" s="1" t="s">
        <v>218292</v>
      </c>
      <c r="I65514" s="1" t="s">
        <v>218190</v>
      </c>
      <c r="J65514" s="1" t="s">
        <v>218314</v>
      </c>
    </row>
    <row r="65515" spans="1:10" x14ac:dyDescent="0.35">
      <c r="A65515" s="1" t="s">
        <v>119665</v>
      </c>
      <c r="B65515" s="1" t="s">
        <v>218185</v>
      </c>
      <c r="C65515" s="1" t="s">
        <v>50</v>
      </c>
      <c r="D65515" s="1" t="s">
        <v>156523</v>
      </c>
      <c r="E65515" s="1" t="s">
        <v>218315</v>
      </c>
      <c r="F65515" s="1" t="s">
        <v>218316</v>
      </c>
      <c r="G65515" s="1" t="s">
        <v>218291</v>
      </c>
      <c r="H65515" s="1" t="s">
        <v>218292</v>
      </c>
      <c r="I65515" s="1" t="s">
        <v>218190</v>
      </c>
      <c r="J65515" s="1" t="s">
        <v>218317</v>
      </c>
    </row>
    <row r="65516" spans="1:10" x14ac:dyDescent="0.35">
      <c r="A65516" s="1" t="s">
        <v>119665</v>
      </c>
      <c r="B65516" s="1" t="s">
        <v>218185</v>
      </c>
      <c r="C65516" s="1" t="s">
        <v>55</v>
      </c>
      <c r="D65516" s="1" t="s">
        <v>116412</v>
      </c>
      <c r="E65516" s="1" t="s">
        <v>218318</v>
      </c>
      <c r="F65516" s="1" t="s">
        <v>218319</v>
      </c>
      <c r="G65516" s="1" t="s">
        <v>218291</v>
      </c>
      <c r="H65516" s="1" t="s">
        <v>218292</v>
      </c>
      <c r="I65516" s="1" t="s">
        <v>218190</v>
      </c>
      <c r="J65516" s="1" t="s">
        <v>218320</v>
      </c>
    </row>
    <row r="65517" spans="1:10" x14ac:dyDescent="0.35">
      <c r="A65517" s="1" t="s">
        <v>119665</v>
      </c>
      <c r="B65517" s="1" t="s">
        <v>218185</v>
      </c>
      <c r="C65517" s="1" t="s">
        <v>60</v>
      </c>
      <c r="D65517" s="1" t="s">
        <v>135578</v>
      </c>
      <c r="E65517" s="1" t="s">
        <v>218321</v>
      </c>
      <c r="F65517" s="1" t="s">
        <v>218322</v>
      </c>
      <c r="G65517" s="1" t="s">
        <v>218291</v>
      </c>
      <c r="H65517" s="1" t="s">
        <v>218292</v>
      </c>
      <c r="I65517" s="1" t="s">
        <v>218190</v>
      </c>
      <c r="J65517" s="1" t="s">
        <v>218323</v>
      </c>
    </row>
    <row r="65518" spans="1:10" x14ac:dyDescent="0.35">
      <c r="A65518" s="1" t="s">
        <v>119665</v>
      </c>
      <c r="B65518" s="1" t="s">
        <v>218185</v>
      </c>
      <c r="C65518" s="1" t="s">
        <v>65</v>
      </c>
      <c r="D65518" s="1" t="s">
        <v>151677</v>
      </c>
      <c r="E65518" s="1" t="s">
        <v>218324</v>
      </c>
      <c r="F65518" s="1" t="s">
        <v>218325</v>
      </c>
      <c r="G65518" s="1" t="s">
        <v>218291</v>
      </c>
      <c r="H65518" s="1" t="s">
        <v>218292</v>
      </c>
      <c r="I65518" s="1" t="s">
        <v>218190</v>
      </c>
      <c r="J65518" s="1" t="s">
        <v>218326</v>
      </c>
    </row>
    <row r="65519" spans="1:10" x14ac:dyDescent="0.35">
      <c r="A65519" s="1" t="s">
        <v>119665</v>
      </c>
      <c r="B65519" s="1" t="s">
        <v>218185</v>
      </c>
      <c r="C65519" s="1" t="s">
        <v>70</v>
      </c>
      <c r="D65519" s="1" t="s">
        <v>213729</v>
      </c>
      <c r="E65519" s="1" t="s">
        <v>218327</v>
      </c>
      <c r="F65519" s="1" t="s">
        <v>218328</v>
      </c>
      <c r="G65519" s="1" t="s">
        <v>218291</v>
      </c>
      <c r="H65519" s="1" t="s">
        <v>218292</v>
      </c>
      <c r="I65519" s="1" t="s">
        <v>218190</v>
      </c>
      <c r="J65519" s="1" t="s">
        <v>218329</v>
      </c>
    </row>
    <row r="65520" spans="1:10" x14ac:dyDescent="0.35">
      <c r="A65520" s="1" t="s">
        <v>119665</v>
      </c>
      <c r="B65520" s="1" t="s">
        <v>218185</v>
      </c>
      <c r="C65520" s="1" t="s">
        <v>75</v>
      </c>
      <c r="D65520" s="1" t="s">
        <v>35338</v>
      </c>
      <c r="E65520" s="1" t="s">
        <v>218330</v>
      </c>
      <c r="F65520" s="1" t="s">
        <v>218331</v>
      </c>
      <c r="G65520" s="1" t="s">
        <v>218291</v>
      </c>
      <c r="H65520" s="1" t="s">
        <v>218292</v>
      </c>
      <c r="I65520" s="1" t="s">
        <v>218190</v>
      </c>
      <c r="J65520" s="1" t="s">
        <v>218332</v>
      </c>
    </row>
    <row r="65521" spans="1:10" x14ac:dyDescent="0.35">
      <c r="A65521" s="1" t="s">
        <v>119665</v>
      </c>
      <c r="B65521" s="1" t="s">
        <v>218185</v>
      </c>
      <c r="C65521" s="1" t="s">
        <v>80</v>
      </c>
      <c r="D65521" s="1" t="s">
        <v>16031</v>
      </c>
      <c r="E65521" s="1" t="s">
        <v>218333</v>
      </c>
      <c r="F65521" s="1" t="s">
        <v>218334</v>
      </c>
      <c r="G65521" s="1" t="s">
        <v>218291</v>
      </c>
      <c r="H65521" s="1" t="s">
        <v>218292</v>
      </c>
      <c r="I65521" s="1" t="s">
        <v>218190</v>
      </c>
      <c r="J65521" s="1" t="s">
        <v>218335</v>
      </c>
    </row>
    <row r="65522" spans="1:10" x14ac:dyDescent="0.35">
      <c r="A65522" s="1" t="s">
        <v>119665</v>
      </c>
      <c r="B65522" s="1" t="s">
        <v>218185</v>
      </c>
      <c r="C65522" s="1" t="s">
        <v>85</v>
      </c>
      <c r="D65522" s="1" t="s">
        <v>72800</v>
      </c>
      <c r="E65522" s="1" t="s">
        <v>218336</v>
      </c>
      <c r="F65522" s="1" t="s">
        <v>218337</v>
      </c>
      <c r="G65522" s="1" t="s">
        <v>218291</v>
      </c>
      <c r="H65522" s="1" t="s">
        <v>218292</v>
      </c>
      <c r="I65522" s="1" t="s">
        <v>218190</v>
      </c>
      <c r="J65522" s="1" t="s">
        <v>218338</v>
      </c>
    </row>
    <row r="65523" spans="1:10" x14ac:dyDescent="0.35">
      <c r="A65523" s="1" t="s">
        <v>119665</v>
      </c>
      <c r="B65523" s="1" t="s">
        <v>218185</v>
      </c>
      <c r="C65523" s="1" t="s">
        <v>90</v>
      </c>
      <c r="D65523" s="1" t="s">
        <v>135254</v>
      </c>
      <c r="E65523" s="1" t="s">
        <v>218339</v>
      </c>
      <c r="F65523" s="1" t="s">
        <v>218340</v>
      </c>
      <c r="G65523" s="1" t="s">
        <v>218291</v>
      </c>
      <c r="H65523" s="1" t="s">
        <v>218292</v>
      </c>
      <c r="I65523" s="1" t="s">
        <v>218190</v>
      </c>
      <c r="J65523" s="1" t="s">
        <v>130759</v>
      </c>
    </row>
    <row r="65524" spans="1:10" x14ac:dyDescent="0.35">
      <c r="A65524" s="1" t="s">
        <v>119665</v>
      </c>
      <c r="B65524" s="1" t="s">
        <v>218185</v>
      </c>
      <c r="C65524" s="1" t="s">
        <v>95</v>
      </c>
      <c r="D65524" s="1" t="s">
        <v>218341</v>
      </c>
      <c r="E65524" s="1" t="s">
        <v>218342</v>
      </c>
      <c r="F65524" s="1" t="s">
        <v>218343</v>
      </c>
      <c r="G65524" s="1" t="s">
        <v>218291</v>
      </c>
      <c r="H65524" s="1" t="s">
        <v>218292</v>
      </c>
      <c r="I65524" s="1" t="s">
        <v>218190</v>
      </c>
      <c r="J65524" s="1" t="s">
        <v>218344</v>
      </c>
    </row>
    <row r="65525" spans="1:10" x14ac:dyDescent="0.35">
      <c r="A65525" s="1" t="s">
        <v>119665</v>
      </c>
      <c r="B65525" s="1" t="s">
        <v>218185</v>
      </c>
      <c r="C65525" s="1" t="s">
        <v>100</v>
      </c>
      <c r="D65525" s="1" t="s">
        <v>73881</v>
      </c>
      <c r="E65525" s="1" t="s">
        <v>218345</v>
      </c>
      <c r="F65525" s="1" t="s">
        <v>218346</v>
      </c>
      <c r="G65525" s="1" t="s">
        <v>218291</v>
      </c>
      <c r="H65525" s="1" t="s">
        <v>218292</v>
      </c>
      <c r="I65525" s="1" t="s">
        <v>218190</v>
      </c>
      <c r="J65525" s="1" t="s">
        <v>218347</v>
      </c>
    </row>
    <row r="65526" spans="1:10" x14ac:dyDescent="0.35">
      <c r="A65526" s="1" t="s">
        <v>119665</v>
      </c>
      <c r="B65526" s="1" t="s">
        <v>218185</v>
      </c>
      <c r="C65526" s="1" t="s">
        <v>105</v>
      </c>
      <c r="D65526" s="1" t="s">
        <v>135524</v>
      </c>
      <c r="E65526" s="1" t="s">
        <v>218348</v>
      </c>
      <c r="F65526" s="1" t="s">
        <v>218349</v>
      </c>
      <c r="G65526" s="1" t="s">
        <v>218291</v>
      </c>
      <c r="H65526" s="1" t="s">
        <v>218292</v>
      </c>
      <c r="I65526" s="1" t="s">
        <v>218190</v>
      </c>
      <c r="J65526" s="1" t="s">
        <v>218350</v>
      </c>
    </row>
    <row r="65527" spans="1:10" x14ac:dyDescent="0.35">
      <c r="A65527" s="1" t="s">
        <v>119665</v>
      </c>
      <c r="B65527" s="1" t="s">
        <v>218185</v>
      </c>
      <c r="C65527" s="1" t="s">
        <v>110</v>
      </c>
      <c r="D65527" s="1" t="s">
        <v>125440</v>
      </c>
      <c r="E65527" s="1" t="s">
        <v>218351</v>
      </c>
      <c r="F65527" s="1" t="s">
        <v>218352</v>
      </c>
      <c r="G65527" s="1" t="s">
        <v>218291</v>
      </c>
      <c r="H65527" s="1" t="s">
        <v>218292</v>
      </c>
      <c r="I65527" s="1" t="s">
        <v>218190</v>
      </c>
      <c r="J65527" s="1" t="s">
        <v>218353</v>
      </c>
    </row>
    <row r="65528" spans="1:10" x14ac:dyDescent="0.35">
      <c r="A65528" s="1" t="s">
        <v>119665</v>
      </c>
      <c r="B65528" s="1" t="s">
        <v>218185</v>
      </c>
      <c r="C65528" s="1" t="s">
        <v>115</v>
      </c>
      <c r="D65528" s="1" t="s">
        <v>388</v>
      </c>
      <c r="E65528" s="1" t="s">
        <v>218354</v>
      </c>
      <c r="F65528" s="1" t="s">
        <v>218355</v>
      </c>
      <c r="G65528" s="1" t="s">
        <v>218291</v>
      </c>
      <c r="H65528" s="1" t="s">
        <v>218292</v>
      </c>
      <c r="I65528" s="1" t="s">
        <v>218190</v>
      </c>
      <c r="J65528" s="1" t="s">
        <v>218356</v>
      </c>
    </row>
    <row r="65529" spans="1:10" x14ac:dyDescent="0.35">
      <c r="A65529" s="1" t="s">
        <v>119665</v>
      </c>
      <c r="B65529" s="1" t="s">
        <v>218185</v>
      </c>
      <c r="C65529" s="1" t="s">
        <v>120</v>
      </c>
      <c r="D65529" s="1" t="s">
        <v>155128</v>
      </c>
      <c r="E65529" s="1" t="s">
        <v>218357</v>
      </c>
      <c r="F65529" s="1" t="s">
        <v>218358</v>
      </c>
      <c r="G65529" s="1" t="s">
        <v>218291</v>
      </c>
      <c r="H65529" s="1" t="s">
        <v>218292</v>
      </c>
      <c r="I65529" s="1" t="s">
        <v>218190</v>
      </c>
      <c r="J65529" s="1" t="s">
        <v>142372</v>
      </c>
    </row>
    <row r="65530" spans="1:10" x14ac:dyDescent="0.35">
      <c r="A65530" s="1" t="s">
        <v>119665</v>
      </c>
      <c r="B65530" s="1" t="s">
        <v>218185</v>
      </c>
      <c r="C65530" s="1" t="s">
        <v>125</v>
      </c>
      <c r="D65530" s="1" t="s">
        <v>33189</v>
      </c>
      <c r="E65530" s="1" t="s">
        <v>218359</v>
      </c>
      <c r="F65530" s="1" t="s">
        <v>218360</v>
      </c>
      <c r="G65530" s="1" t="s">
        <v>218291</v>
      </c>
      <c r="H65530" s="1" t="s">
        <v>218292</v>
      </c>
      <c r="I65530" s="1" t="s">
        <v>218190</v>
      </c>
      <c r="J65530" s="1" t="s">
        <v>218361</v>
      </c>
    </row>
    <row r="65531" spans="1:10" x14ac:dyDescent="0.35">
      <c r="A65531" s="1" t="s">
        <v>119665</v>
      </c>
      <c r="B65531" s="1" t="s">
        <v>218185</v>
      </c>
      <c r="C65531" s="1" t="s">
        <v>130</v>
      </c>
      <c r="D65531" s="1" t="s">
        <v>73781</v>
      </c>
      <c r="E65531" s="1" t="s">
        <v>218362</v>
      </c>
      <c r="F65531" s="1" t="s">
        <v>218363</v>
      </c>
      <c r="G65531" s="1" t="s">
        <v>218291</v>
      </c>
      <c r="H65531" s="1" t="s">
        <v>218292</v>
      </c>
      <c r="I65531" s="1" t="s">
        <v>218190</v>
      </c>
      <c r="J65531" s="1" t="s">
        <v>218364</v>
      </c>
    </row>
    <row r="65532" spans="1:10" x14ac:dyDescent="0.35">
      <c r="A65532" s="1" t="s">
        <v>119665</v>
      </c>
      <c r="B65532" s="1" t="s">
        <v>218185</v>
      </c>
      <c r="C65532" s="1" t="s">
        <v>135</v>
      </c>
      <c r="D65532" s="1" t="s">
        <v>47369</v>
      </c>
      <c r="E65532" s="1" t="s">
        <v>218365</v>
      </c>
      <c r="F65532" s="1" t="s">
        <v>218366</v>
      </c>
      <c r="G65532" s="1" t="s">
        <v>218291</v>
      </c>
      <c r="H65532" s="1" t="s">
        <v>218292</v>
      </c>
      <c r="I65532" s="1" t="s">
        <v>218190</v>
      </c>
      <c r="J65532" s="1" t="s">
        <v>218367</v>
      </c>
    </row>
    <row r="65533" spans="1:10" x14ac:dyDescent="0.35">
      <c r="A65533" s="1" t="s">
        <v>119665</v>
      </c>
      <c r="B65533" s="1" t="s">
        <v>218185</v>
      </c>
      <c r="C65533" s="1" t="s">
        <v>140</v>
      </c>
      <c r="D65533" s="1" t="s">
        <v>74231</v>
      </c>
      <c r="E65533" s="1" t="s">
        <v>218368</v>
      </c>
      <c r="F65533" s="1" t="s">
        <v>218369</v>
      </c>
      <c r="G65533" s="1" t="s">
        <v>218291</v>
      </c>
      <c r="H65533" s="1" t="s">
        <v>218292</v>
      </c>
      <c r="I65533" s="1" t="s">
        <v>218190</v>
      </c>
      <c r="J65533" s="1" t="s">
        <v>218370</v>
      </c>
    </row>
    <row r="65534" spans="1:10" x14ac:dyDescent="0.35">
      <c r="A65534" s="1" t="s">
        <v>119665</v>
      </c>
      <c r="B65534" s="1" t="s">
        <v>218185</v>
      </c>
      <c r="C65534" s="1" t="s">
        <v>145</v>
      </c>
      <c r="D65534" s="1" t="s">
        <v>3651</v>
      </c>
      <c r="E65534" s="1" t="s">
        <v>218371</v>
      </c>
      <c r="F65534" s="1" t="s">
        <v>218372</v>
      </c>
      <c r="G65534" s="1" t="s">
        <v>218291</v>
      </c>
      <c r="H65534" s="1" t="s">
        <v>218292</v>
      </c>
      <c r="I65534" s="1" t="s">
        <v>218190</v>
      </c>
      <c r="J65534" s="1" t="s">
        <v>218373</v>
      </c>
    </row>
    <row r="65535" spans="1:10" x14ac:dyDescent="0.35">
      <c r="A65535" s="1" t="s">
        <v>119665</v>
      </c>
      <c r="B65535" s="1" t="s">
        <v>218185</v>
      </c>
      <c r="C65535" s="1" t="s">
        <v>150</v>
      </c>
      <c r="D65535" s="1" t="s">
        <v>75299</v>
      </c>
      <c r="E65535" s="1" t="s">
        <v>218374</v>
      </c>
      <c r="F65535" s="1" t="s">
        <v>218375</v>
      </c>
      <c r="G65535" s="1" t="s">
        <v>218291</v>
      </c>
      <c r="H65535" s="1" t="s">
        <v>218292</v>
      </c>
      <c r="I65535" s="1" t="s">
        <v>218190</v>
      </c>
      <c r="J65535" s="1" t="s">
        <v>218376</v>
      </c>
    </row>
    <row r="65536" spans="1:10" x14ac:dyDescent="0.35">
      <c r="A65536" s="1" t="s">
        <v>119665</v>
      </c>
      <c r="B65536" s="1" t="s">
        <v>218185</v>
      </c>
      <c r="C65536" s="1" t="s">
        <v>155</v>
      </c>
      <c r="D65536" s="1" t="s">
        <v>72554</v>
      </c>
      <c r="E65536" s="1" t="s">
        <v>218377</v>
      </c>
      <c r="F65536" s="1" t="s">
        <v>218378</v>
      </c>
      <c r="G65536" s="1" t="s">
        <v>218291</v>
      </c>
      <c r="H65536" s="1" t="s">
        <v>218292</v>
      </c>
      <c r="I65536" s="1" t="s">
        <v>218190</v>
      </c>
      <c r="J65536" s="1" t="s">
        <v>218379</v>
      </c>
    </row>
    <row r="65537" spans="1:10" x14ac:dyDescent="0.35">
      <c r="A65537" s="1" t="s">
        <v>119665</v>
      </c>
      <c r="B65537" s="1" t="s">
        <v>218185</v>
      </c>
      <c r="C65537" s="1" t="s">
        <v>160</v>
      </c>
      <c r="D65537" s="1" t="s">
        <v>218380</v>
      </c>
      <c r="E65537" s="1" t="s">
        <v>218381</v>
      </c>
      <c r="F65537" s="1" t="s">
        <v>218382</v>
      </c>
      <c r="G65537" s="1" t="s">
        <v>218291</v>
      </c>
      <c r="H65537" s="1" t="s">
        <v>218292</v>
      </c>
      <c r="I65537" s="1" t="s">
        <v>218190</v>
      </c>
      <c r="J65537" s="1" t="s">
        <v>218383</v>
      </c>
    </row>
    <row r="65538" spans="1:10" x14ac:dyDescent="0.35">
      <c r="A65538" s="1" t="s">
        <v>119665</v>
      </c>
      <c r="B65538" s="1" t="s">
        <v>218185</v>
      </c>
      <c r="C65538" s="1" t="s">
        <v>165</v>
      </c>
      <c r="D65538" s="1" t="s">
        <v>37157</v>
      </c>
      <c r="E65538" s="1" t="s">
        <v>218384</v>
      </c>
      <c r="F65538" s="1" t="s">
        <v>218385</v>
      </c>
      <c r="G65538" s="1" t="s">
        <v>218291</v>
      </c>
      <c r="H65538" s="1" t="s">
        <v>218292</v>
      </c>
      <c r="I65538" s="1" t="s">
        <v>218190</v>
      </c>
      <c r="J65538" s="1" t="s">
        <v>218386</v>
      </c>
    </row>
    <row r="65539" spans="1:10" x14ac:dyDescent="0.35">
      <c r="A65539" s="1" t="s">
        <v>119665</v>
      </c>
      <c r="B65539" s="1" t="s">
        <v>218185</v>
      </c>
      <c r="C65539" s="1" t="s">
        <v>170</v>
      </c>
      <c r="D65539" s="1" t="s">
        <v>31475</v>
      </c>
      <c r="E65539" s="1" t="s">
        <v>218387</v>
      </c>
      <c r="F65539" s="1" t="s">
        <v>218388</v>
      </c>
      <c r="G65539" s="1" t="s">
        <v>218291</v>
      </c>
      <c r="H65539" s="1" t="s">
        <v>218292</v>
      </c>
      <c r="I65539" s="1" t="s">
        <v>218190</v>
      </c>
      <c r="J65539" s="1" t="s">
        <v>218389</v>
      </c>
    </row>
    <row r="65540" spans="1:10" x14ac:dyDescent="0.35">
      <c r="A65540" s="1" t="s">
        <v>24978</v>
      </c>
      <c r="B65540" s="1" t="s">
        <v>218185</v>
      </c>
      <c r="C65540" s="1" t="s">
        <v>8</v>
      </c>
      <c r="D65540" s="1" t="s">
        <v>199013</v>
      </c>
      <c r="E65540" s="1" t="s">
        <v>218390</v>
      </c>
      <c r="F65540" s="1" t="s">
        <v>218391</v>
      </c>
      <c r="G65540" s="1" t="s">
        <v>218392</v>
      </c>
      <c r="H65540" s="1" t="s">
        <v>218393</v>
      </c>
      <c r="I65540" s="1" t="s">
        <v>218190</v>
      </c>
      <c r="J65540" s="1" t="s">
        <v>13</v>
      </c>
    </row>
    <row r="65541" spans="1:10" x14ac:dyDescent="0.35">
      <c r="A65541" s="1" t="s">
        <v>24978</v>
      </c>
      <c r="B65541" s="1" t="s">
        <v>218185</v>
      </c>
      <c r="C65541" s="1" t="s">
        <v>15</v>
      </c>
      <c r="D65541" s="1" t="s">
        <v>218394</v>
      </c>
      <c r="E65541" s="1" t="s">
        <v>218395</v>
      </c>
      <c r="F65541" s="1" t="s">
        <v>218396</v>
      </c>
      <c r="G65541" s="1" t="s">
        <v>218392</v>
      </c>
      <c r="H65541" s="1" t="s">
        <v>218393</v>
      </c>
      <c r="I65541" s="1" t="s">
        <v>218190</v>
      </c>
      <c r="J65541" s="1" t="s">
        <v>218397</v>
      </c>
    </row>
    <row r="65542" spans="1:10" x14ac:dyDescent="0.35">
      <c r="A65542" s="1" t="s">
        <v>24978</v>
      </c>
      <c r="B65542" s="1" t="s">
        <v>218185</v>
      </c>
      <c r="C65542" s="1" t="s">
        <v>20</v>
      </c>
      <c r="D65542" s="1" t="s">
        <v>207910</v>
      </c>
      <c r="E65542" s="1" t="s">
        <v>218398</v>
      </c>
      <c r="F65542" s="1" t="s">
        <v>218399</v>
      </c>
      <c r="G65542" s="1" t="s">
        <v>218392</v>
      </c>
      <c r="H65542" s="1" t="s">
        <v>218393</v>
      </c>
      <c r="I65542" s="1" t="s">
        <v>218190</v>
      </c>
      <c r="J65542" s="1" t="s">
        <v>218400</v>
      </c>
    </row>
    <row r="65543" spans="1:10" x14ac:dyDescent="0.35">
      <c r="A65543" s="1" t="s">
        <v>24978</v>
      </c>
      <c r="B65543" s="1" t="s">
        <v>218185</v>
      </c>
      <c r="C65543" s="1" t="s">
        <v>25</v>
      </c>
      <c r="D65543" s="1" t="s">
        <v>182779</v>
      </c>
      <c r="E65543" s="1" t="s">
        <v>218401</v>
      </c>
      <c r="F65543" s="1" t="s">
        <v>218402</v>
      </c>
      <c r="G65543" s="1" t="s">
        <v>218392</v>
      </c>
      <c r="H65543" s="1" t="s">
        <v>218393</v>
      </c>
      <c r="I65543" s="1" t="s">
        <v>218190</v>
      </c>
      <c r="J65543" s="1" t="s">
        <v>218403</v>
      </c>
    </row>
    <row r="65544" spans="1:10" x14ac:dyDescent="0.35">
      <c r="A65544" s="1" t="s">
        <v>24978</v>
      </c>
      <c r="B65544" s="1" t="s">
        <v>218185</v>
      </c>
      <c r="C65544" s="1" t="s">
        <v>30</v>
      </c>
      <c r="D65544" s="1" t="s">
        <v>15406</v>
      </c>
      <c r="E65544" s="1" t="s">
        <v>218404</v>
      </c>
      <c r="F65544" s="1" t="s">
        <v>218405</v>
      </c>
      <c r="G65544" s="1" t="s">
        <v>218392</v>
      </c>
      <c r="H65544" s="1" t="s">
        <v>218393</v>
      </c>
      <c r="I65544" s="1" t="s">
        <v>218190</v>
      </c>
      <c r="J65544" s="1" t="s">
        <v>218406</v>
      </c>
    </row>
    <row r="65545" spans="1:10" x14ac:dyDescent="0.35">
      <c r="A65545" s="1" t="s">
        <v>24978</v>
      </c>
      <c r="B65545" s="1" t="s">
        <v>218185</v>
      </c>
      <c r="C65545" s="1" t="s">
        <v>35</v>
      </c>
      <c r="D65545" s="1" t="s">
        <v>218407</v>
      </c>
      <c r="E65545" s="1" t="s">
        <v>218408</v>
      </c>
      <c r="F65545" s="1" t="s">
        <v>218409</v>
      </c>
      <c r="G65545" s="1" t="s">
        <v>218392</v>
      </c>
      <c r="H65545" s="1" t="s">
        <v>218393</v>
      </c>
      <c r="I65545" s="1" t="s">
        <v>218190</v>
      </c>
      <c r="J65545" s="1" t="s">
        <v>218410</v>
      </c>
    </row>
    <row r="65546" spans="1:10" x14ac:dyDescent="0.35">
      <c r="A65546" s="1" t="s">
        <v>24978</v>
      </c>
      <c r="B65546" s="1" t="s">
        <v>218185</v>
      </c>
      <c r="C65546" s="1" t="s">
        <v>40</v>
      </c>
      <c r="D65546" s="1" t="s">
        <v>36069</v>
      </c>
      <c r="E65546" s="1" t="s">
        <v>218411</v>
      </c>
      <c r="F65546" s="1" t="s">
        <v>218412</v>
      </c>
      <c r="G65546" s="1" t="s">
        <v>218392</v>
      </c>
      <c r="H65546" s="1" t="s">
        <v>218393</v>
      </c>
      <c r="I65546" s="1" t="s">
        <v>218190</v>
      </c>
      <c r="J65546" s="1" t="s">
        <v>218413</v>
      </c>
    </row>
    <row r="65547" spans="1:10" x14ac:dyDescent="0.35">
      <c r="A65547" s="1" t="s">
        <v>24978</v>
      </c>
      <c r="B65547" s="1" t="s">
        <v>218185</v>
      </c>
      <c r="C65547" s="1" t="s">
        <v>45</v>
      </c>
      <c r="D65547" s="1" t="s">
        <v>44700</v>
      </c>
      <c r="E65547" s="1" t="s">
        <v>218414</v>
      </c>
      <c r="F65547" s="1" t="s">
        <v>218415</v>
      </c>
      <c r="G65547" s="1" t="s">
        <v>218392</v>
      </c>
      <c r="H65547" s="1" t="s">
        <v>218393</v>
      </c>
      <c r="I65547" s="1" t="s">
        <v>218190</v>
      </c>
      <c r="J65547" s="1" t="s">
        <v>218416</v>
      </c>
    </row>
    <row r="65548" spans="1:10" x14ac:dyDescent="0.35">
      <c r="A65548" s="1" t="s">
        <v>24978</v>
      </c>
      <c r="B65548" s="1" t="s">
        <v>218185</v>
      </c>
      <c r="C65548" s="1" t="s">
        <v>50</v>
      </c>
      <c r="D65548" s="1" t="s">
        <v>14564</v>
      </c>
      <c r="E65548" s="1" t="s">
        <v>218417</v>
      </c>
      <c r="F65548" s="1" t="s">
        <v>218418</v>
      </c>
      <c r="G65548" s="1" t="s">
        <v>218392</v>
      </c>
      <c r="H65548" s="1" t="s">
        <v>218393</v>
      </c>
      <c r="I65548" s="1" t="s">
        <v>218190</v>
      </c>
      <c r="J65548" s="1" t="s">
        <v>218419</v>
      </c>
    </row>
    <row r="65549" spans="1:10" x14ac:dyDescent="0.35">
      <c r="A65549" s="1" t="s">
        <v>24978</v>
      </c>
      <c r="B65549" s="1" t="s">
        <v>218185</v>
      </c>
      <c r="C65549" s="1" t="s">
        <v>55</v>
      </c>
      <c r="D65549" s="1" t="s">
        <v>70769</v>
      </c>
      <c r="E65549" s="1" t="s">
        <v>218420</v>
      </c>
      <c r="F65549" s="1" t="s">
        <v>218421</v>
      </c>
      <c r="G65549" s="1" t="s">
        <v>218392</v>
      </c>
      <c r="H65549" s="1" t="s">
        <v>218393</v>
      </c>
      <c r="I65549" s="1" t="s">
        <v>218190</v>
      </c>
      <c r="J65549" s="1" t="s">
        <v>218422</v>
      </c>
    </row>
    <row r="65550" spans="1:10" x14ac:dyDescent="0.35">
      <c r="A65550" s="1" t="s">
        <v>24978</v>
      </c>
      <c r="B65550" s="1" t="s">
        <v>218185</v>
      </c>
      <c r="C65550" s="1" t="s">
        <v>60</v>
      </c>
      <c r="D65550" s="1" t="s">
        <v>48265</v>
      </c>
      <c r="E65550" s="1" t="s">
        <v>45877</v>
      </c>
      <c r="F65550" s="1" t="s">
        <v>218423</v>
      </c>
      <c r="G65550" s="1" t="s">
        <v>218392</v>
      </c>
      <c r="H65550" s="1" t="s">
        <v>218393</v>
      </c>
      <c r="I65550" s="1" t="s">
        <v>218190</v>
      </c>
      <c r="J65550" s="1" t="s">
        <v>218424</v>
      </c>
    </row>
    <row r="65551" spans="1:10" x14ac:dyDescent="0.35">
      <c r="A65551" s="1" t="s">
        <v>24978</v>
      </c>
      <c r="B65551" s="1" t="s">
        <v>218185</v>
      </c>
      <c r="C65551" s="1" t="s">
        <v>65</v>
      </c>
      <c r="D65551" s="1" t="s">
        <v>218425</v>
      </c>
      <c r="E65551" s="1" t="s">
        <v>218426</v>
      </c>
      <c r="F65551" s="1" t="s">
        <v>218427</v>
      </c>
      <c r="G65551" s="1" t="s">
        <v>218392</v>
      </c>
      <c r="H65551" s="1" t="s">
        <v>218393</v>
      </c>
      <c r="I65551" s="1" t="s">
        <v>218190</v>
      </c>
      <c r="J65551" s="1" t="s">
        <v>218428</v>
      </c>
    </row>
    <row r="65552" spans="1:10" x14ac:dyDescent="0.35">
      <c r="A65552" s="1" t="s">
        <v>24978</v>
      </c>
      <c r="B65552" s="1" t="s">
        <v>218185</v>
      </c>
      <c r="C65552" s="1" t="s">
        <v>70</v>
      </c>
      <c r="D65552" s="1" t="s">
        <v>71166</v>
      </c>
      <c r="E65552" s="1" t="s">
        <v>218429</v>
      </c>
      <c r="F65552" s="1" t="s">
        <v>218430</v>
      </c>
      <c r="G65552" s="1" t="s">
        <v>218392</v>
      </c>
      <c r="H65552" s="1" t="s">
        <v>218393</v>
      </c>
      <c r="I65552" s="1" t="s">
        <v>218190</v>
      </c>
      <c r="J65552" s="1" t="s">
        <v>218431</v>
      </c>
    </row>
    <row r="65553" spans="1:10" x14ac:dyDescent="0.35">
      <c r="A65553" s="1" t="s">
        <v>24978</v>
      </c>
      <c r="B65553" s="1" t="s">
        <v>218185</v>
      </c>
      <c r="C65553" s="1" t="s">
        <v>75</v>
      </c>
      <c r="D65553" s="1" t="s">
        <v>72237</v>
      </c>
      <c r="E65553" s="1" t="s">
        <v>218432</v>
      </c>
      <c r="F65553" s="1" t="s">
        <v>218433</v>
      </c>
      <c r="G65553" s="1" t="s">
        <v>218392</v>
      </c>
      <c r="H65553" s="1" t="s">
        <v>218393</v>
      </c>
      <c r="I65553" s="1" t="s">
        <v>218190</v>
      </c>
      <c r="J65553" s="1" t="s">
        <v>218434</v>
      </c>
    </row>
    <row r="65554" spans="1:10" x14ac:dyDescent="0.35">
      <c r="A65554" s="1" t="s">
        <v>24978</v>
      </c>
      <c r="B65554" s="1" t="s">
        <v>218185</v>
      </c>
      <c r="C65554" s="1" t="s">
        <v>80</v>
      </c>
      <c r="D65554" s="1" t="s">
        <v>25293</v>
      </c>
      <c r="E65554" s="1" t="s">
        <v>218435</v>
      </c>
      <c r="F65554" s="1" t="s">
        <v>218436</v>
      </c>
      <c r="G65554" s="1" t="s">
        <v>218392</v>
      </c>
      <c r="H65554" s="1" t="s">
        <v>218393</v>
      </c>
      <c r="I65554" s="1" t="s">
        <v>218190</v>
      </c>
      <c r="J65554" s="1" t="s">
        <v>218437</v>
      </c>
    </row>
    <row r="65555" spans="1:10" x14ac:dyDescent="0.35">
      <c r="A65555" s="1" t="s">
        <v>24978</v>
      </c>
      <c r="B65555" s="1" t="s">
        <v>218185</v>
      </c>
      <c r="C65555" s="1" t="s">
        <v>85</v>
      </c>
      <c r="D65555" s="1" t="s">
        <v>48309</v>
      </c>
      <c r="E65555" s="1" t="s">
        <v>218438</v>
      </c>
      <c r="F65555" s="1" t="s">
        <v>218439</v>
      </c>
      <c r="G65555" s="1" t="s">
        <v>218392</v>
      </c>
      <c r="H65555" s="1" t="s">
        <v>218393</v>
      </c>
      <c r="I65555" s="1" t="s">
        <v>218190</v>
      </c>
      <c r="J65555" s="1" t="s">
        <v>218440</v>
      </c>
    </row>
    <row r="65556" spans="1:10" x14ac:dyDescent="0.35">
      <c r="A65556" s="1" t="s">
        <v>24978</v>
      </c>
      <c r="B65556" s="1" t="s">
        <v>218185</v>
      </c>
      <c r="C65556" s="1" t="s">
        <v>90</v>
      </c>
      <c r="D65556" s="1" t="s">
        <v>191712</v>
      </c>
      <c r="E65556" s="1" t="s">
        <v>218441</v>
      </c>
      <c r="F65556" s="1" t="s">
        <v>218442</v>
      </c>
      <c r="G65556" s="1" t="s">
        <v>218392</v>
      </c>
      <c r="H65556" s="1" t="s">
        <v>218393</v>
      </c>
      <c r="I65556" s="1" t="s">
        <v>218190</v>
      </c>
      <c r="J65556" s="1" t="s">
        <v>218443</v>
      </c>
    </row>
    <row r="65557" spans="1:10" x14ac:dyDescent="0.35">
      <c r="A65557" s="1" t="s">
        <v>24978</v>
      </c>
      <c r="B65557" s="1" t="s">
        <v>218185</v>
      </c>
      <c r="C65557" s="1" t="s">
        <v>95</v>
      </c>
      <c r="D65557" s="1" t="s">
        <v>156929</v>
      </c>
      <c r="E65557" s="1" t="s">
        <v>218444</v>
      </c>
      <c r="F65557" s="1" t="s">
        <v>218445</v>
      </c>
      <c r="G65557" s="1" t="s">
        <v>218392</v>
      </c>
      <c r="H65557" s="1" t="s">
        <v>218393</v>
      </c>
      <c r="I65557" s="1" t="s">
        <v>218190</v>
      </c>
      <c r="J65557" s="1" t="s">
        <v>218446</v>
      </c>
    </row>
    <row r="65558" spans="1:10" x14ac:dyDescent="0.35">
      <c r="A65558" s="1" t="s">
        <v>24978</v>
      </c>
      <c r="B65558" s="1" t="s">
        <v>218185</v>
      </c>
      <c r="C65558" s="1" t="s">
        <v>100</v>
      </c>
      <c r="D65558" s="1" t="s">
        <v>218447</v>
      </c>
      <c r="E65558" s="1" t="s">
        <v>218448</v>
      </c>
      <c r="F65558" s="1" t="s">
        <v>218449</v>
      </c>
      <c r="G65558" s="1" t="s">
        <v>218392</v>
      </c>
      <c r="H65558" s="1" t="s">
        <v>218393</v>
      </c>
      <c r="I65558" s="1" t="s">
        <v>218190</v>
      </c>
      <c r="J65558" s="1" t="s">
        <v>218450</v>
      </c>
    </row>
    <row r="65559" spans="1:10" x14ac:dyDescent="0.35">
      <c r="A65559" s="1" t="s">
        <v>24978</v>
      </c>
      <c r="B65559" s="1" t="s">
        <v>218185</v>
      </c>
      <c r="C65559" s="1" t="s">
        <v>105</v>
      </c>
      <c r="D65559" s="1" t="s">
        <v>37458</v>
      </c>
      <c r="E65559" s="1" t="s">
        <v>218451</v>
      </c>
      <c r="F65559" s="1" t="s">
        <v>218452</v>
      </c>
      <c r="G65559" s="1" t="s">
        <v>218392</v>
      </c>
      <c r="H65559" s="1" t="s">
        <v>218393</v>
      </c>
      <c r="I65559" s="1" t="s">
        <v>218190</v>
      </c>
      <c r="J65559" s="1" t="s">
        <v>218453</v>
      </c>
    </row>
    <row r="65560" spans="1:10" x14ac:dyDescent="0.35">
      <c r="A65560" s="1" t="s">
        <v>24978</v>
      </c>
      <c r="B65560" s="1" t="s">
        <v>218185</v>
      </c>
      <c r="C65560" s="1" t="s">
        <v>110</v>
      </c>
      <c r="D65560" s="1" t="s">
        <v>48606</v>
      </c>
      <c r="E65560" s="1" t="s">
        <v>218454</v>
      </c>
      <c r="F65560" s="1" t="s">
        <v>218455</v>
      </c>
      <c r="G65560" s="1" t="s">
        <v>218392</v>
      </c>
      <c r="H65560" s="1" t="s">
        <v>218393</v>
      </c>
      <c r="I65560" s="1" t="s">
        <v>218190</v>
      </c>
      <c r="J65560" s="1" t="s">
        <v>218456</v>
      </c>
    </row>
    <row r="65561" spans="1:10" x14ac:dyDescent="0.35">
      <c r="A65561" s="1" t="s">
        <v>24978</v>
      </c>
      <c r="B65561" s="1" t="s">
        <v>218185</v>
      </c>
      <c r="C65561" s="1" t="s">
        <v>115</v>
      </c>
      <c r="D65561" s="1" t="s">
        <v>48335</v>
      </c>
      <c r="E65561" s="1" t="s">
        <v>218457</v>
      </c>
      <c r="F65561" s="1" t="s">
        <v>218458</v>
      </c>
      <c r="G65561" s="1" t="s">
        <v>218392</v>
      </c>
      <c r="H65561" s="1" t="s">
        <v>218393</v>
      </c>
      <c r="I65561" s="1" t="s">
        <v>218190</v>
      </c>
      <c r="J65561" s="1" t="s">
        <v>218459</v>
      </c>
    </row>
    <row r="65562" spans="1:10" x14ac:dyDescent="0.35">
      <c r="A65562" s="1" t="s">
        <v>24978</v>
      </c>
      <c r="B65562" s="1" t="s">
        <v>218185</v>
      </c>
      <c r="C65562" s="1" t="s">
        <v>120</v>
      </c>
      <c r="D65562" s="1" t="s">
        <v>218460</v>
      </c>
      <c r="E65562" s="1" t="s">
        <v>218461</v>
      </c>
      <c r="F65562" s="1" t="s">
        <v>218462</v>
      </c>
      <c r="G65562" s="1" t="s">
        <v>218392</v>
      </c>
      <c r="H65562" s="1" t="s">
        <v>218393</v>
      </c>
      <c r="I65562" s="1" t="s">
        <v>218190</v>
      </c>
      <c r="J65562" s="1" t="s">
        <v>218463</v>
      </c>
    </row>
    <row r="65563" spans="1:10" x14ac:dyDescent="0.35">
      <c r="A65563" s="1" t="s">
        <v>24978</v>
      </c>
      <c r="B65563" s="1" t="s">
        <v>218185</v>
      </c>
      <c r="C65563" s="1" t="s">
        <v>125</v>
      </c>
      <c r="D65563" s="1" t="s">
        <v>51199</v>
      </c>
      <c r="E65563" s="1" t="s">
        <v>218464</v>
      </c>
      <c r="F65563" s="1" t="s">
        <v>218465</v>
      </c>
      <c r="G65563" s="1" t="s">
        <v>218392</v>
      </c>
      <c r="H65563" s="1" t="s">
        <v>218393</v>
      </c>
      <c r="I65563" s="1" t="s">
        <v>218190</v>
      </c>
      <c r="J65563" s="1" t="s">
        <v>218466</v>
      </c>
    </row>
    <row r="65564" spans="1:10" x14ac:dyDescent="0.35">
      <c r="A65564" s="1" t="s">
        <v>24978</v>
      </c>
      <c r="B65564" s="1" t="s">
        <v>218185</v>
      </c>
      <c r="C65564" s="1" t="s">
        <v>130</v>
      </c>
      <c r="D65564" s="1" t="s">
        <v>126289</v>
      </c>
      <c r="E65564" s="1" t="s">
        <v>218467</v>
      </c>
      <c r="F65564" s="1" t="s">
        <v>218468</v>
      </c>
      <c r="G65564" s="1" t="s">
        <v>218392</v>
      </c>
      <c r="H65564" s="1" t="s">
        <v>218393</v>
      </c>
      <c r="I65564" s="1" t="s">
        <v>218190</v>
      </c>
      <c r="J65564" s="1" t="s">
        <v>218469</v>
      </c>
    </row>
    <row r="65565" spans="1:10" x14ac:dyDescent="0.35">
      <c r="A65565" s="1" t="s">
        <v>24978</v>
      </c>
      <c r="B65565" s="1" t="s">
        <v>218185</v>
      </c>
      <c r="C65565" s="1" t="s">
        <v>135</v>
      </c>
      <c r="D65565" s="1" t="s">
        <v>118502</v>
      </c>
      <c r="E65565" s="1" t="s">
        <v>218470</v>
      </c>
      <c r="F65565" s="1" t="s">
        <v>218471</v>
      </c>
      <c r="G65565" s="1" t="s">
        <v>218392</v>
      </c>
      <c r="H65565" s="1" t="s">
        <v>218393</v>
      </c>
      <c r="I65565" s="1" t="s">
        <v>218190</v>
      </c>
      <c r="J65565" s="1" t="s">
        <v>218472</v>
      </c>
    </row>
    <row r="65566" spans="1:10" x14ac:dyDescent="0.35">
      <c r="A65566" s="1" t="s">
        <v>24978</v>
      </c>
      <c r="B65566" s="1" t="s">
        <v>218185</v>
      </c>
      <c r="C65566" s="1" t="s">
        <v>140</v>
      </c>
      <c r="D65566" s="1" t="s">
        <v>35262</v>
      </c>
      <c r="E65566" s="1" t="s">
        <v>218473</v>
      </c>
      <c r="F65566" s="1" t="s">
        <v>218474</v>
      </c>
      <c r="G65566" s="1" t="s">
        <v>218392</v>
      </c>
      <c r="H65566" s="1" t="s">
        <v>218393</v>
      </c>
      <c r="I65566" s="1" t="s">
        <v>218190</v>
      </c>
      <c r="J65566" s="1" t="s">
        <v>218475</v>
      </c>
    </row>
    <row r="65567" spans="1:10" x14ac:dyDescent="0.35">
      <c r="A65567" s="1" t="s">
        <v>24978</v>
      </c>
      <c r="B65567" s="1" t="s">
        <v>218185</v>
      </c>
      <c r="C65567" s="1" t="s">
        <v>145</v>
      </c>
      <c r="D65567" s="1" t="s">
        <v>34496</v>
      </c>
      <c r="E65567" s="1" t="s">
        <v>218476</v>
      </c>
      <c r="F65567" s="1" t="s">
        <v>218477</v>
      </c>
      <c r="G65567" s="1" t="s">
        <v>218392</v>
      </c>
      <c r="H65567" s="1" t="s">
        <v>218393</v>
      </c>
      <c r="I65567" s="1" t="s">
        <v>218190</v>
      </c>
      <c r="J65567" s="1" t="s">
        <v>218478</v>
      </c>
    </row>
    <row r="65568" spans="1:10" x14ac:dyDescent="0.35">
      <c r="A65568" s="1" t="s">
        <v>24978</v>
      </c>
      <c r="B65568" s="1" t="s">
        <v>218185</v>
      </c>
      <c r="C65568" s="1" t="s">
        <v>150</v>
      </c>
      <c r="D65568" s="1" t="s">
        <v>148742</v>
      </c>
      <c r="E65568" s="1" t="s">
        <v>218479</v>
      </c>
      <c r="F65568" s="1" t="s">
        <v>218480</v>
      </c>
      <c r="G65568" s="1" t="s">
        <v>218392</v>
      </c>
      <c r="H65568" s="1" t="s">
        <v>218393</v>
      </c>
      <c r="I65568" s="1" t="s">
        <v>218190</v>
      </c>
      <c r="J65568" s="1" t="s">
        <v>218481</v>
      </c>
    </row>
    <row r="65569" spans="1:10" x14ac:dyDescent="0.35">
      <c r="A65569" s="1" t="s">
        <v>24978</v>
      </c>
      <c r="B65569" s="1" t="s">
        <v>218185</v>
      </c>
      <c r="C65569" s="1" t="s">
        <v>155</v>
      </c>
      <c r="D65569" s="1" t="s">
        <v>10549</v>
      </c>
      <c r="E65569" s="1" t="s">
        <v>218482</v>
      </c>
      <c r="F65569" s="1" t="s">
        <v>218483</v>
      </c>
      <c r="G65569" s="1" t="s">
        <v>218392</v>
      </c>
      <c r="H65569" s="1" t="s">
        <v>218393</v>
      </c>
      <c r="I65569" s="1" t="s">
        <v>218190</v>
      </c>
      <c r="J65569" s="1" t="s">
        <v>218484</v>
      </c>
    </row>
    <row r="65570" spans="1:10" x14ac:dyDescent="0.35">
      <c r="A65570" s="1" t="s">
        <v>24978</v>
      </c>
      <c r="B65570" s="1" t="s">
        <v>218185</v>
      </c>
      <c r="C65570" s="1" t="s">
        <v>160</v>
      </c>
      <c r="D65570" s="1" t="s">
        <v>121142</v>
      </c>
      <c r="E65570" s="1" t="s">
        <v>218485</v>
      </c>
      <c r="F65570" s="1" t="s">
        <v>218486</v>
      </c>
      <c r="G65570" s="1" t="s">
        <v>218392</v>
      </c>
      <c r="H65570" s="1" t="s">
        <v>218393</v>
      </c>
      <c r="I65570" s="1" t="s">
        <v>218190</v>
      </c>
      <c r="J65570" s="1" t="s">
        <v>218487</v>
      </c>
    </row>
    <row r="65571" spans="1:10" x14ac:dyDescent="0.35">
      <c r="A65571" s="1" t="s">
        <v>24978</v>
      </c>
      <c r="B65571" s="1" t="s">
        <v>218185</v>
      </c>
      <c r="C65571" s="1" t="s">
        <v>165</v>
      </c>
      <c r="D65571" s="1" t="s">
        <v>82301</v>
      </c>
      <c r="E65571" s="1" t="s">
        <v>218488</v>
      </c>
      <c r="F65571" s="1" t="s">
        <v>218489</v>
      </c>
      <c r="G65571" s="1" t="s">
        <v>218392</v>
      </c>
      <c r="H65571" s="1" t="s">
        <v>218393</v>
      </c>
      <c r="I65571" s="1" t="s">
        <v>218190</v>
      </c>
      <c r="J65571" s="1" t="s">
        <v>218490</v>
      </c>
    </row>
    <row r="65572" spans="1:10" x14ac:dyDescent="0.35">
      <c r="A65572" s="1" t="s">
        <v>24978</v>
      </c>
      <c r="B65572" s="1" t="s">
        <v>218185</v>
      </c>
      <c r="C65572" s="1" t="s">
        <v>170</v>
      </c>
      <c r="D65572" s="1" t="s">
        <v>10721</v>
      </c>
      <c r="E65572" s="1" t="s">
        <v>218491</v>
      </c>
      <c r="F65572" s="1" t="s">
        <v>218492</v>
      </c>
      <c r="G65572" s="1" t="s">
        <v>218392</v>
      </c>
      <c r="H65572" s="1" t="s">
        <v>218393</v>
      </c>
      <c r="I65572" s="1" t="s">
        <v>218190</v>
      </c>
      <c r="J65572" s="1" t="s">
        <v>218493</v>
      </c>
    </row>
    <row r="65573" spans="1:10" x14ac:dyDescent="0.35">
      <c r="A65573" s="1" t="s">
        <v>28540</v>
      </c>
      <c r="B65573" s="1" t="s">
        <v>218185</v>
      </c>
      <c r="C65573" s="1" t="s">
        <v>8</v>
      </c>
      <c r="D65573" s="1" t="s">
        <v>218494</v>
      </c>
      <c r="E65573" s="1" t="s">
        <v>218495</v>
      </c>
      <c r="F65573" s="1" t="s">
        <v>218496</v>
      </c>
      <c r="G65573" s="1" t="s">
        <v>218497</v>
      </c>
      <c r="H65573" s="1" t="s">
        <v>218498</v>
      </c>
      <c r="I65573" s="1" t="s">
        <v>218190</v>
      </c>
      <c r="J65573" s="1" t="s">
        <v>13</v>
      </c>
    </row>
    <row r="65574" spans="1:10" x14ac:dyDescent="0.35">
      <c r="A65574" s="1" t="s">
        <v>28540</v>
      </c>
      <c r="B65574" s="1" t="s">
        <v>218185</v>
      </c>
      <c r="C65574" s="1" t="s">
        <v>15</v>
      </c>
      <c r="D65574" s="1" t="s">
        <v>5203</v>
      </c>
      <c r="E65574" s="1" t="s">
        <v>218499</v>
      </c>
      <c r="F65574" s="1" t="s">
        <v>218500</v>
      </c>
      <c r="G65574" s="1" t="s">
        <v>218497</v>
      </c>
      <c r="H65574" s="1" t="s">
        <v>218498</v>
      </c>
      <c r="I65574" s="1" t="s">
        <v>218190</v>
      </c>
      <c r="J65574" s="1" t="s">
        <v>218501</v>
      </c>
    </row>
    <row r="65575" spans="1:10" x14ac:dyDescent="0.35">
      <c r="A65575" s="1" t="s">
        <v>28540</v>
      </c>
      <c r="B65575" s="1" t="s">
        <v>218185</v>
      </c>
      <c r="C65575" s="1" t="s">
        <v>20</v>
      </c>
      <c r="D65575" s="1" t="s">
        <v>15906</v>
      </c>
      <c r="E65575" s="1" t="s">
        <v>218502</v>
      </c>
      <c r="F65575" s="1" t="s">
        <v>218503</v>
      </c>
      <c r="G65575" s="1" t="s">
        <v>218497</v>
      </c>
      <c r="H65575" s="1" t="s">
        <v>218498</v>
      </c>
      <c r="I65575" s="1" t="s">
        <v>218190</v>
      </c>
      <c r="J65575" s="1" t="s">
        <v>218504</v>
      </c>
    </row>
    <row r="65576" spans="1:10" x14ac:dyDescent="0.35">
      <c r="A65576" s="1" t="s">
        <v>28540</v>
      </c>
      <c r="B65576" s="1" t="s">
        <v>218185</v>
      </c>
      <c r="C65576" s="1" t="s">
        <v>25</v>
      </c>
      <c r="D65576" s="1" t="s">
        <v>35636</v>
      </c>
      <c r="E65576" s="1" t="s">
        <v>218505</v>
      </c>
      <c r="F65576" s="1" t="s">
        <v>218506</v>
      </c>
      <c r="G65576" s="1" t="s">
        <v>218497</v>
      </c>
      <c r="H65576" s="1" t="s">
        <v>218498</v>
      </c>
      <c r="I65576" s="1" t="s">
        <v>218190</v>
      </c>
      <c r="J65576" s="1" t="s">
        <v>218507</v>
      </c>
    </row>
    <row r="65577" spans="1:10" x14ac:dyDescent="0.35">
      <c r="A65577" s="1" t="s">
        <v>28540</v>
      </c>
      <c r="B65577" s="1" t="s">
        <v>218185</v>
      </c>
      <c r="C65577" s="1" t="s">
        <v>30</v>
      </c>
      <c r="D65577" s="1" t="s">
        <v>71024</v>
      </c>
      <c r="E65577" s="1" t="s">
        <v>218508</v>
      </c>
      <c r="F65577" s="1" t="s">
        <v>218509</v>
      </c>
      <c r="G65577" s="1" t="s">
        <v>218497</v>
      </c>
      <c r="H65577" s="1" t="s">
        <v>218498</v>
      </c>
      <c r="I65577" s="1" t="s">
        <v>218190</v>
      </c>
      <c r="J65577" s="1" t="s">
        <v>218510</v>
      </c>
    </row>
    <row r="65578" spans="1:10" x14ac:dyDescent="0.35">
      <c r="A65578" s="1" t="s">
        <v>28540</v>
      </c>
      <c r="B65578" s="1" t="s">
        <v>218185</v>
      </c>
      <c r="C65578" s="1" t="s">
        <v>35</v>
      </c>
      <c r="D65578" s="1" t="s">
        <v>2283</v>
      </c>
      <c r="E65578" s="1" t="s">
        <v>218511</v>
      </c>
      <c r="F65578" s="1" t="s">
        <v>218512</v>
      </c>
      <c r="G65578" s="1" t="s">
        <v>218497</v>
      </c>
      <c r="H65578" s="1" t="s">
        <v>218498</v>
      </c>
      <c r="I65578" s="1" t="s">
        <v>218190</v>
      </c>
      <c r="J65578" s="1" t="s">
        <v>218513</v>
      </c>
    </row>
    <row r="65579" spans="1:10" x14ac:dyDescent="0.35">
      <c r="A65579" s="1" t="s">
        <v>28540</v>
      </c>
      <c r="B65579" s="1" t="s">
        <v>218185</v>
      </c>
      <c r="C65579" s="1" t="s">
        <v>40</v>
      </c>
      <c r="D65579" s="1" t="s">
        <v>34056</v>
      </c>
      <c r="E65579" s="1" t="s">
        <v>218514</v>
      </c>
      <c r="F65579" s="1" t="s">
        <v>218515</v>
      </c>
      <c r="G65579" s="1" t="s">
        <v>218497</v>
      </c>
      <c r="H65579" s="1" t="s">
        <v>218498</v>
      </c>
      <c r="I65579" s="1" t="s">
        <v>218190</v>
      </c>
      <c r="J65579" s="1" t="s">
        <v>218516</v>
      </c>
    </row>
    <row r="65580" spans="1:10" x14ac:dyDescent="0.35">
      <c r="A65580" s="1" t="s">
        <v>28540</v>
      </c>
      <c r="B65580" s="1" t="s">
        <v>218185</v>
      </c>
      <c r="C65580" s="1" t="s">
        <v>45</v>
      </c>
      <c r="D65580" s="1" t="s">
        <v>218517</v>
      </c>
      <c r="E65580" s="1" t="s">
        <v>218518</v>
      </c>
      <c r="F65580" s="1" t="s">
        <v>218519</v>
      </c>
      <c r="G65580" s="1" t="s">
        <v>218497</v>
      </c>
      <c r="H65580" s="1" t="s">
        <v>218498</v>
      </c>
      <c r="I65580" s="1" t="s">
        <v>218190</v>
      </c>
      <c r="J65580" s="1" t="s">
        <v>218520</v>
      </c>
    </row>
    <row r="65581" spans="1:10" x14ac:dyDescent="0.35">
      <c r="A65581" s="1" t="s">
        <v>28540</v>
      </c>
      <c r="B65581" s="1" t="s">
        <v>218185</v>
      </c>
      <c r="C65581" s="1" t="s">
        <v>50</v>
      </c>
      <c r="D65581" s="1" t="s">
        <v>48152</v>
      </c>
      <c r="E65581" s="1" t="s">
        <v>218521</v>
      </c>
      <c r="F65581" s="1" t="s">
        <v>218522</v>
      </c>
      <c r="G65581" s="1" t="s">
        <v>218497</v>
      </c>
      <c r="H65581" s="1" t="s">
        <v>218498</v>
      </c>
      <c r="I65581" s="1" t="s">
        <v>218190</v>
      </c>
      <c r="J65581" s="1" t="s">
        <v>218523</v>
      </c>
    </row>
    <row r="65582" spans="1:10" x14ac:dyDescent="0.35">
      <c r="A65582" s="1" t="s">
        <v>28540</v>
      </c>
      <c r="B65582" s="1" t="s">
        <v>218185</v>
      </c>
      <c r="C65582" s="1" t="s">
        <v>55</v>
      </c>
      <c r="D65582" s="1" t="s">
        <v>218524</v>
      </c>
      <c r="E65582" s="1" t="s">
        <v>218525</v>
      </c>
      <c r="F65582" s="1" t="s">
        <v>218526</v>
      </c>
      <c r="G65582" s="1" t="s">
        <v>218497</v>
      </c>
      <c r="H65582" s="1" t="s">
        <v>218498</v>
      </c>
      <c r="I65582" s="1" t="s">
        <v>218190</v>
      </c>
      <c r="J65582" s="1" t="s">
        <v>218527</v>
      </c>
    </row>
    <row r="65583" spans="1:10" x14ac:dyDescent="0.35">
      <c r="A65583" s="1" t="s">
        <v>28540</v>
      </c>
      <c r="B65583" s="1" t="s">
        <v>218185</v>
      </c>
      <c r="C65583" s="1" t="s">
        <v>60</v>
      </c>
      <c r="D65583" s="1" t="s">
        <v>14794</v>
      </c>
      <c r="E65583" s="1" t="s">
        <v>218528</v>
      </c>
      <c r="F65583" s="1" t="s">
        <v>218529</v>
      </c>
      <c r="G65583" s="1" t="s">
        <v>218497</v>
      </c>
      <c r="H65583" s="1" t="s">
        <v>218498</v>
      </c>
      <c r="I65583" s="1" t="s">
        <v>218190</v>
      </c>
      <c r="J65583" s="1" t="s">
        <v>218530</v>
      </c>
    </row>
    <row r="65584" spans="1:10" x14ac:dyDescent="0.35">
      <c r="A65584" s="1" t="s">
        <v>28540</v>
      </c>
      <c r="B65584" s="1" t="s">
        <v>218185</v>
      </c>
      <c r="C65584" s="1" t="s">
        <v>65</v>
      </c>
      <c r="D65584" s="1" t="s">
        <v>111429</v>
      </c>
      <c r="E65584" s="1" t="s">
        <v>218531</v>
      </c>
      <c r="F65584" s="1" t="s">
        <v>218532</v>
      </c>
      <c r="G65584" s="1" t="s">
        <v>218497</v>
      </c>
      <c r="H65584" s="1" t="s">
        <v>218498</v>
      </c>
      <c r="I65584" s="1" t="s">
        <v>218190</v>
      </c>
      <c r="J65584" s="1" t="s">
        <v>218533</v>
      </c>
    </row>
    <row r="65585" spans="1:10" x14ac:dyDescent="0.35">
      <c r="A65585" s="1" t="s">
        <v>28540</v>
      </c>
      <c r="B65585" s="1" t="s">
        <v>218185</v>
      </c>
      <c r="C65585" s="1" t="s">
        <v>70</v>
      </c>
      <c r="D65585" s="1" t="s">
        <v>71096</v>
      </c>
      <c r="E65585" s="1" t="s">
        <v>218534</v>
      </c>
      <c r="F65585" s="1" t="s">
        <v>218535</v>
      </c>
      <c r="G65585" s="1" t="s">
        <v>218497</v>
      </c>
      <c r="H65585" s="1" t="s">
        <v>218498</v>
      </c>
      <c r="I65585" s="1" t="s">
        <v>218190</v>
      </c>
      <c r="J65585" s="1" t="s">
        <v>218536</v>
      </c>
    </row>
    <row r="65586" spans="1:10" x14ac:dyDescent="0.35">
      <c r="A65586" s="1" t="s">
        <v>28540</v>
      </c>
      <c r="B65586" s="1" t="s">
        <v>218185</v>
      </c>
      <c r="C65586" s="1" t="s">
        <v>75</v>
      </c>
      <c r="D65586" s="1" t="s">
        <v>126085</v>
      </c>
      <c r="E65586" s="1" t="s">
        <v>218537</v>
      </c>
      <c r="F65586" s="1" t="s">
        <v>218538</v>
      </c>
      <c r="G65586" s="1" t="s">
        <v>218497</v>
      </c>
      <c r="H65586" s="1" t="s">
        <v>218498</v>
      </c>
      <c r="I65586" s="1" t="s">
        <v>218190</v>
      </c>
      <c r="J65586" s="1" t="s">
        <v>218539</v>
      </c>
    </row>
    <row r="65587" spans="1:10" x14ac:dyDescent="0.35">
      <c r="A65587" s="1" t="s">
        <v>28540</v>
      </c>
      <c r="B65587" s="1" t="s">
        <v>218185</v>
      </c>
      <c r="C65587" s="1" t="s">
        <v>80</v>
      </c>
      <c r="D65587" s="1" t="s">
        <v>51296</v>
      </c>
      <c r="E65587" s="1" t="s">
        <v>218540</v>
      </c>
      <c r="F65587" s="1" t="s">
        <v>218541</v>
      </c>
      <c r="G65587" s="1" t="s">
        <v>218497</v>
      </c>
      <c r="H65587" s="1" t="s">
        <v>218498</v>
      </c>
      <c r="I65587" s="1" t="s">
        <v>218190</v>
      </c>
      <c r="J65587" s="1" t="s">
        <v>218542</v>
      </c>
    </row>
    <row r="65588" spans="1:10" x14ac:dyDescent="0.35">
      <c r="A65588" s="1" t="s">
        <v>28540</v>
      </c>
      <c r="B65588" s="1" t="s">
        <v>218185</v>
      </c>
      <c r="C65588" s="1" t="s">
        <v>85</v>
      </c>
      <c r="D65588" s="1" t="s">
        <v>188516</v>
      </c>
      <c r="E65588" s="1" t="s">
        <v>218543</v>
      </c>
      <c r="F65588" s="1" t="s">
        <v>218544</v>
      </c>
      <c r="G65588" s="1" t="s">
        <v>218497</v>
      </c>
      <c r="H65588" s="1" t="s">
        <v>218498</v>
      </c>
      <c r="I65588" s="1" t="s">
        <v>218190</v>
      </c>
      <c r="J65588" s="1" t="s">
        <v>218545</v>
      </c>
    </row>
    <row r="65589" spans="1:10" x14ac:dyDescent="0.35">
      <c r="A65589" s="1" t="s">
        <v>28540</v>
      </c>
      <c r="B65589" s="1" t="s">
        <v>218185</v>
      </c>
      <c r="C65589" s="1" t="s">
        <v>90</v>
      </c>
      <c r="D65589" s="1" t="s">
        <v>8820</v>
      </c>
      <c r="E65589" s="1" t="s">
        <v>218546</v>
      </c>
      <c r="F65589" s="1" t="s">
        <v>218547</v>
      </c>
      <c r="G65589" s="1" t="s">
        <v>218497</v>
      </c>
      <c r="H65589" s="1" t="s">
        <v>218498</v>
      </c>
      <c r="I65589" s="1" t="s">
        <v>218190</v>
      </c>
      <c r="J65589" s="1" t="s">
        <v>218548</v>
      </c>
    </row>
    <row r="65590" spans="1:10" x14ac:dyDescent="0.35">
      <c r="A65590" s="1" t="s">
        <v>28540</v>
      </c>
      <c r="B65590" s="1" t="s">
        <v>218185</v>
      </c>
      <c r="C65590" s="1" t="s">
        <v>95</v>
      </c>
      <c r="D65590" s="1" t="s">
        <v>176688</v>
      </c>
      <c r="E65590" s="1" t="s">
        <v>218549</v>
      </c>
      <c r="F65590" s="1" t="s">
        <v>218550</v>
      </c>
      <c r="G65590" s="1" t="s">
        <v>218497</v>
      </c>
      <c r="H65590" s="1" t="s">
        <v>218498</v>
      </c>
      <c r="I65590" s="1" t="s">
        <v>218190</v>
      </c>
      <c r="J65590" s="1" t="s">
        <v>218551</v>
      </c>
    </row>
    <row r="65591" spans="1:10" x14ac:dyDescent="0.35">
      <c r="A65591" s="1" t="s">
        <v>28540</v>
      </c>
      <c r="B65591" s="1" t="s">
        <v>218185</v>
      </c>
      <c r="C65591" s="1" t="s">
        <v>100</v>
      </c>
      <c r="D65591" s="1" t="s">
        <v>74694</v>
      </c>
      <c r="E65591" s="1" t="s">
        <v>218552</v>
      </c>
      <c r="F65591" s="1" t="s">
        <v>218553</v>
      </c>
      <c r="G65591" s="1" t="s">
        <v>218497</v>
      </c>
      <c r="H65591" s="1" t="s">
        <v>218498</v>
      </c>
      <c r="I65591" s="1" t="s">
        <v>218190</v>
      </c>
      <c r="J65591" s="1" t="s">
        <v>218554</v>
      </c>
    </row>
    <row r="65592" spans="1:10" x14ac:dyDescent="0.35">
      <c r="A65592" s="1" t="s">
        <v>28540</v>
      </c>
      <c r="B65592" s="1" t="s">
        <v>218185</v>
      </c>
      <c r="C65592" s="1" t="s">
        <v>105</v>
      </c>
      <c r="D65592" s="1" t="s">
        <v>124360</v>
      </c>
      <c r="E65592" s="1" t="s">
        <v>218555</v>
      </c>
      <c r="F65592" s="1" t="s">
        <v>218556</v>
      </c>
      <c r="G65592" s="1" t="s">
        <v>218497</v>
      </c>
      <c r="H65592" s="1" t="s">
        <v>218498</v>
      </c>
      <c r="I65592" s="1" t="s">
        <v>218190</v>
      </c>
      <c r="J65592" s="1" t="s">
        <v>218557</v>
      </c>
    </row>
    <row r="65593" spans="1:10" x14ac:dyDescent="0.35">
      <c r="A65593" s="1" t="s">
        <v>28540</v>
      </c>
      <c r="B65593" s="1" t="s">
        <v>218185</v>
      </c>
      <c r="C65593" s="1" t="s">
        <v>110</v>
      </c>
      <c r="D65593" s="1" t="s">
        <v>181847</v>
      </c>
      <c r="E65593" s="1" t="s">
        <v>218558</v>
      </c>
      <c r="F65593" s="1" t="s">
        <v>218559</v>
      </c>
      <c r="G65593" s="1" t="s">
        <v>218497</v>
      </c>
      <c r="H65593" s="1" t="s">
        <v>218498</v>
      </c>
      <c r="I65593" s="1" t="s">
        <v>218190</v>
      </c>
      <c r="J65593" s="1" t="s">
        <v>218560</v>
      </c>
    </row>
    <row r="65594" spans="1:10" x14ac:dyDescent="0.35">
      <c r="A65594" s="1" t="s">
        <v>28540</v>
      </c>
      <c r="B65594" s="1" t="s">
        <v>218185</v>
      </c>
      <c r="C65594" s="1" t="s">
        <v>115</v>
      </c>
      <c r="D65594" s="1" t="s">
        <v>30871</v>
      </c>
      <c r="E65594" s="1" t="s">
        <v>218561</v>
      </c>
      <c r="F65594" s="1" t="s">
        <v>218562</v>
      </c>
      <c r="G65594" s="1" t="s">
        <v>218497</v>
      </c>
      <c r="H65594" s="1" t="s">
        <v>218498</v>
      </c>
      <c r="I65594" s="1" t="s">
        <v>218190</v>
      </c>
      <c r="J65594" s="1" t="s">
        <v>218563</v>
      </c>
    </row>
    <row r="65595" spans="1:10" x14ac:dyDescent="0.35">
      <c r="A65595" s="1" t="s">
        <v>28540</v>
      </c>
      <c r="B65595" s="1" t="s">
        <v>218185</v>
      </c>
      <c r="C65595" s="1" t="s">
        <v>120</v>
      </c>
      <c r="D65595" s="1" t="s">
        <v>176688</v>
      </c>
      <c r="E65595" s="1" t="s">
        <v>218564</v>
      </c>
      <c r="F65595" s="1" t="s">
        <v>218565</v>
      </c>
      <c r="G65595" s="1" t="s">
        <v>218497</v>
      </c>
      <c r="H65595" s="1" t="s">
        <v>218498</v>
      </c>
      <c r="I65595" s="1" t="s">
        <v>218190</v>
      </c>
      <c r="J65595" s="1" t="s">
        <v>218566</v>
      </c>
    </row>
    <row r="65596" spans="1:10" x14ac:dyDescent="0.35">
      <c r="A65596" s="1" t="s">
        <v>28540</v>
      </c>
      <c r="B65596" s="1" t="s">
        <v>218185</v>
      </c>
      <c r="C65596" s="1" t="s">
        <v>125</v>
      </c>
      <c r="D65596" s="1" t="s">
        <v>115423</v>
      </c>
      <c r="E65596" s="1" t="s">
        <v>218567</v>
      </c>
      <c r="F65596" s="1" t="s">
        <v>218568</v>
      </c>
      <c r="G65596" s="1" t="s">
        <v>218497</v>
      </c>
      <c r="H65596" s="1" t="s">
        <v>218498</v>
      </c>
      <c r="I65596" s="1" t="s">
        <v>218190</v>
      </c>
      <c r="J65596" s="1" t="s">
        <v>218569</v>
      </c>
    </row>
    <row r="65597" spans="1:10" x14ac:dyDescent="0.35">
      <c r="A65597" s="1" t="s">
        <v>28540</v>
      </c>
      <c r="B65597" s="1" t="s">
        <v>218185</v>
      </c>
      <c r="C65597" s="1" t="s">
        <v>130</v>
      </c>
      <c r="D65597" s="1" t="s">
        <v>218570</v>
      </c>
      <c r="E65597" s="1" t="s">
        <v>218571</v>
      </c>
      <c r="F65597" s="1" t="s">
        <v>218572</v>
      </c>
      <c r="G65597" s="1" t="s">
        <v>218497</v>
      </c>
      <c r="H65597" s="1" t="s">
        <v>218498</v>
      </c>
      <c r="I65597" s="1" t="s">
        <v>218190</v>
      </c>
      <c r="J65597" s="1" t="s">
        <v>218573</v>
      </c>
    </row>
    <row r="65598" spans="1:10" x14ac:dyDescent="0.35">
      <c r="A65598" s="1" t="s">
        <v>28540</v>
      </c>
      <c r="B65598" s="1" t="s">
        <v>218185</v>
      </c>
      <c r="C65598" s="1" t="s">
        <v>135</v>
      </c>
      <c r="D65598" s="1" t="s">
        <v>71272</v>
      </c>
      <c r="E65598" s="1" t="s">
        <v>218574</v>
      </c>
      <c r="F65598" s="1" t="s">
        <v>218575</v>
      </c>
      <c r="G65598" s="1" t="s">
        <v>218497</v>
      </c>
      <c r="H65598" s="1" t="s">
        <v>218498</v>
      </c>
      <c r="I65598" s="1" t="s">
        <v>218190</v>
      </c>
      <c r="J65598" s="1" t="s">
        <v>218576</v>
      </c>
    </row>
    <row r="65599" spans="1:10" x14ac:dyDescent="0.35">
      <c r="A65599" s="1" t="s">
        <v>28540</v>
      </c>
      <c r="B65599" s="1" t="s">
        <v>218185</v>
      </c>
      <c r="C65599" s="1" t="s">
        <v>140</v>
      </c>
      <c r="D65599" s="1" t="s">
        <v>37054</v>
      </c>
      <c r="E65599" s="1" t="s">
        <v>218577</v>
      </c>
      <c r="F65599" s="1" t="s">
        <v>218578</v>
      </c>
      <c r="G65599" s="1" t="s">
        <v>218497</v>
      </c>
      <c r="H65599" s="1" t="s">
        <v>218498</v>
      </c>
      <c r="I65599" s="1" t="s">
        <v>218190</v>
      </c>
      <c r="J65599" s="1" t="s">
        <v>218579</v>
      </c>
    </row>
    <row r="65600" spans="1:10" x14ac:dyDescent="0.35">
      <c r="A65600" s="1" t="s">
        <v>28540</v>
      </c>
      <c r="B65600" s="1" t="s">
        <v>218185</v>
      </c>
      <c r="C65600" s="1" t="s">
        <v>145</v>
      </c>
      <c r="D65600" s="1" t="s">
        <v>218580</v>
      </c>
      <c r="E65600" s="1" t="s">
        <v>218581</v>
      </c>
      <c r="F65600" s="1" t="s">
        <v>218582</v>
      </c>
      <c r="G65600" s="1" t="s">
        <v>218497</v>
      </c>
      <c r="H65600" s="1" t="s">
        <v>218498</v>
      </c>
      <c r="I65600" s="1" t="s">
        <v>218190</v>
      </c>
      <c r="J65600" s="1" t="s">
        <v>218583</v>
      </c>
    </row>
    <row r="65601" spans="1:10" x14ac:dyDescent="0.35">
      <c r="A65601" s="1" t="s">
        <v>28540</v>
      </c>
      <c r="B65601" s="1" t="s">
        <v>218185</v>
      </c>
      <c r="C65601" s="1" t="s">
        <v>150</v>
      </c>
      <c r="D65601" s="1" t="s">
        <v>74108</v>
      </c>
      <c r="E65601" s="1" t="s">
        <v>218584</v>
      </c>
      <c r="F65601" s="1" t="s">
        <v>218585</v>
      </c>
      <c r="G65601" s="1" t="s">
        <v>218497</v>
      </c>
      <c r="H65601" s="1" t="s">
        <v>218498</v>
      </c>
      <c r="I65601" s="1" t="s">
        <v>218190</v>
      </c>
      <c r="J65601" s="1" t="s">
        <v>218586</v>
      </c>
    </row>
    <row r="65602" spans="1:10" x14ac:dyDescent="0.35">
      <c r="A65602" s="1" t="s">
        <v>28540</v>
      </c>
      <c r="B65602" s="1" t="s">
        <v>218185</v>
      </c>
      <c r="C65602" s="1" t="s">
        <v>155</v>
      </c>
      <c r="D65602" s="1" t="s">
        <v>42118</v>
      </c>
      <c r="E65602" s="1" t="s">
        <v>218587</v>
      </c>
      <c r="F65602" s="1" t="s">
        <v>218588</v>
      </c>
      <c r="G65602" s="1" t="s">
        <v>218497</v>
      </c>
      <c r="H65602" s="1" t="s">
        <v>218498</v>
      </c>
      <c r="I65602" s="1" t="s">
        <v>218190</v>
      </c>
      <c r="J65602" s="1" t="s">
        <v>218589</v>
      </c>
    </row>
    <row r="65603" spans="1:10" x14ac:dyDescent="0.35">
      <c r="A65603" s="1" t="s">
        <v>28540</v>
      </c>
      <c r="B65603" s="1" t="s">
        <v>218185</v>
      </c>
      <c r="C65603" s="1" t="s">
        <v>160</v>
      </c>
      <c r="D65603" s="1" t="s">
        <v>50509</v>
      </c>
      <c r="E65603" s="1" t="s">
        <v>218590</v>
      </c>
      <c r="F65603" s="1" t="s">
        <v>218591</v>
      </c>
      <c r="G65603" s="1" t="s">
        <v>218497</v>
      </c>
      <c r="H65603" s="1" t="s">
        <v>218498</v>
      </c>
      <c r="I65603" s="1" t="s">
        <v>218190</v>
      </c>
      <c r="J65603" s="1" t="s">
        <v>218592</v>
      </c>
    </row>
    <row r="65604" spans="1:10" x14ac:dyDescent="0.35">
      <c r="A65604" s="1" t="s">
        <v>28540</v>
      </c>
      <c r="B65604" s="1" t="s">
        <v>218185</v>
      </c>
      <c r="C65604" s="1" t="s">
        <v>165</v>
      </c>
      <c r="D65604" s="1" t="s">
        <v>18478</v>
      </c>
      <c r="E65604" s="1" t="s">
        <v>218593</v>
      </c>
      <c r="F65604" s="1" t="s">
        <v>218594</v>
      </c>
      <c r="G65604" s="1" t="s">
        <v>218497</v>
      </c>
      <c r="H65604" s="1" t="s">
        <v>218498</v>
      </c>
      <c r="I65604" s="1" t="s">
        <v>218190</v>
      </c>
      <c r="J65604" s="1" t="s">
        <v>218595</v>
      </c>
    </row>
    <row r="65605" spans="1:10" x14ac:dyDescent="0.35">
      <c r="A65605" s="1" t="s">
        <v>28540</v>
      </c>
      <c r="B65605" s="1" t="s">
        <v>218185</v>
      </c>
      <c r="C65605" s="1" t="s">
        <v>170</v>
      </c>
      <c r="D65605" s="1" t="s">
        <v>207691</v>
      </c>
      <c r="E65605" s="1" t="s">
        <v>218596</v>
      </c>
      <c r="F65605" s="1" t="s">
        <v>218597</v>
      </c>
      <c r="G65605" s="1" t="s">
        <v>218497</v>
      </c>
      <c r="H65605" s="1" t="s">
        <v>218498</v>
      </c>
      <c r="I65605" s="1" t="s">
        <v>218190</v>
      </c>
      <c r="J65605" s="1" t="s">
        <v>218598</v>
      </c>
    </row>
    <row r="65606" spans="1:10" x14ac:dyDescent="0.35">
      <c r="A65606" s="1" t="s">
        <v>109684</v>
      </c>
      <c r="B65606" s="1" t="s">
        <v>218185</v>
      </c>
      <c r="C65606" s="1" t="s">
        <v>8</v>
      </c>
      <c r="D65606" s="1" t="s">
        <v>218599</v>
      </c>
      <c r="E65606" s="1" t="s">
        <v>218600</v>
      </c>
      <c r="F65606" s="1" t="s">
        <v>218601</v>
      </c>
      <c r="G65606" s="1" t="s">
        <v>218602</v>
      </c>
      <c r="H65606" s="1" t="s">
        <v>218603</v>
      </c>
      <c r="I65606" s="1" t="s">
        <v>218190</v>
      </c>
      <c r="J65606" s="1" t="s">
        <v>13</v>
      </c>
    </row>
    <row r="65607" spans="1:10" x14ac:dyDescent="0.35">
      <c r="A65607" s="1" t="s">
        <v>109684</v>
      </c>
      <c r="B65607" s="1" t="s">
        <v>218185</v>
      </c>
      <c r="C65607" s="1" t="s">
        <v>15</v>
      </c>
      <c r="D65607" s="1" t="s">
        <v>72628</v>
      </c>
      <c r="E65607" s="1" t="s">
        <v>218604</v>
      </c>
      <c r="F65607" s="1" t="s">
        <v>218605</v>
      </c>
      <c r="G65607" s="1" t="s">
        <v>218602</v>
      </c>
      <c r="H65607" s="1" t="s">
        <v>218603</v>
      </c>
      <c r="I65607" s="1" t="s">
        <v>218190</v>
      </c>
      <c r="J65607" s="1" t="s">
        <v>218606</v>
      </c>
    </row>
    <row r="65608" spans="1:10" x14ac:dyDescent="0.35">
      <c r="A65608" s="1" t="s">
        <v>109684</v>
      </c>
      <c r="B65608" s="1" t="s">
        <v>218185</v>
      </c>
      <c r="C65608" s="1" t="s">
        <v>20</v>
      </c>
      <c r="D65608" s="1" t="s">
        <v>218607</v>
      </c>
      <c r="E65608" s="1" t="s">
        <v>218608</v>
      </c>
      <c r="F65608" s="1" t="s">
        <v>218609</v>
      </c>
      <c r="G65608" s="1" t="s">
        <v>218602</v>
      </c>
      <c r="H65608" s="1" t="s">
        <v>218603</v>
      </c>
      <c r="I65608" s="1" t="s">
        <v>218190</v>
      </c>
      <c r="J65608" s="1" t="s">
        <v>218610</v>
      </c>
    </row>
    <row r="65609" spans="1:10" x14ac:dyDescent="0.35">
      <c r="A65609" s="1" t="s">
        <v>109684</v>
      </c>
      <c r="B65609" s="1" t="s">
        <v>218185</v>
      </c>
      <c r="C65609" s="1" t="s">
        <v>25</v>
      </c>
      <c r="D65609" s="1" t="s">
        <v>114412</v>
      </c>
      <c r="E65609" s="1" t="s">
        <v>218611</v>
      </c>
      <c r="F65609" s="1" t="s">
        <v>218612</v>
      </c>
      <c r="G65609" s="1" t="s">
        <v>218602</v>
      </c>
      <c r="H65609" s="1" t="s">
        <v>218603</v>
      </c>
      <c r="I65609" s="1" t="s">
        <v>218190</v>
      </c>
      <c r="J65609" s="1" t="s">
        <v>218613</v>
      </c>
    </row>
    <row r="65610" spans="1:10" x14ac:dyDescent="0.35">
      <c r="A65610" s="1" t="s">
        <v>109684</v>
      </c>
      <c r="B65610" s="1" t="s">
        <v>218185</v>
      </c>
      <c r="C65610" s="1" t="s">
        <v>30</v>
      </c>
      <c r="D65610" s="1" t="s">
        <v>218614</v>
      </c>
      <c r="E65610" s="1" t="s">
        <v>218615</v>
      </c>
      <c r="F65610" s="1" t="s">
        <v>218616</v>
      </c>
      <c r="G65610" s="1" t="s">
        <v>218602</v>
      </c>
      <c r="H65610" s="1" t="s">
        <v>218603</v>
      </c>
      <c r="I65610" s="1" t="s">
        <v>218190</v>
      </c>
      <c r="J65610" s="1" t="s">
        <v>218617</v>
      </c>
    </row>
    <row r="65611" spans="1:10" x14ac:dyDescent="0.35">
      <c r="A65611" s="1" t="s">
        <v>109684</v>
      </c>
      <c r="B65611" s="1" t="s">
        <v>218185</v>
      </c>
      <c r="C65611" s="1" t="s">
        <v>35</v>
      </c>
      <c r="D65611" s="1" t="s">
        <v>71194</v>
      </c>
      <c r="E65611" s="1" t="s">
        <v>218618</v>
      </c>
      <c r="F65611" s="1" t="s">
        <v>218619</v>
      </c>
      <c r="G65611" s="1" t="s">
        <v>218602</v>
      </c>
      <c r="H65611" s="1" t="s">
        <v>218603</v>
      </c>
      <c r="I65611" s="1" t="s">
        <v>218190</v>
      </c>
      <c r="J65611" s="1" t="s">
        <v>218620</v>
      </c>
    </row>
    <row r="65612" spans="1:10" x14ac:dyDescent="0.35">
      <c r="A65612" s="1" t="s">
        <v>109684</v>
      </c>
      <c r="B65612" s="1" t="s">
        <v>218185</v>
      </c>
      <c r="C65612" s="1" t="s">
        <v>40</v>
      </c>
      <c r="D65612" s="1" t="s">
        <v>123124</v>
      </c>
      <c r="E65612" s="1" t="s">
        <v>218621</v>
      </c>
      <c r="F65612" s="1" t="s">
        <v>218622</v>
      </c>
      <c r="G65612" s="1" t="s">
        <v>218602</v>
      </c>
      <c r="H65612" s="1" t="s">
        <v>218603</v>
      </c>
      <c r="I65612" s="1" t="s">
        <v>218190</v>
      </c>
      <c r="J65612" s="1" t="s">
        <v>218623</v>
      </c>
    </row>
    <row r="65613" spans="1:10" x14ac:dyDescent="0.35">
      <c r="A65613" s="1" t="s">
        <v>109684</v>
      </c>
      <c r="B65613" s="1" t="s">
        <v>218185</v>
      </c>
      <c r="C65613" s="1" t="s">
        <v>45</v>
      </c>
      <c r="D65613" s="1" t="s">
        <v>37636</v>
      </c>
      <c r="E65613" s="1" t="s">
        <v>218624</v>
      </c>
      <c r="F65613" s="1" t="s">
        <v>218625</v>
      </c>
      <c r="G65613" s="1" t="s">
        <v>218602</v>
      </c>
      <c r="H65613" s="1" t="s">
        <v>218603</v>
      </c>
      <c r="I65613" s="1" t="s">
        <v>218190</v>
      </c>
      <c r="J65613" s="1" t="s">
        <v>218626</v>
      </c>
    </row>
    <row r="65614" spans="1:10" x14ac:dyDescent="0.35">
      <c r="A65614" s="1" t="s">
        <v>109684</v>
      </c>
      <c r="B65614" s="1" t="s">
        <v>218185</v>
      </c>
      <c r="C65614" s="1" t="s">
        <v>50</v>
      </c>
      <c r="D65614" s="1" t="s">
        <v>218627</v>
      </c>
      <c r="E65614" s="1" t="s">
        <v>218628</v>
      </c>
      <c r="F65614" s="1" t="s">
        <v>218629</v>
      </c>
      <c r="G65614" s="1" t="s">
        <v>218602</v>
      </c>
      <c r="H65614" s="1" t="s">
        <v>218603</v>
      </c>
      <c r="I65614" s="1" t="s">
        <v>218190</v>
      </c>
      <c r="J65614" s="1" t="s">
        <v>218630</v>
      </c>
    </row>
    <row r="65615" spans="1:10" x14ac:dyDescent="0.35">
      <c r="A65615" s="1" t="s">
        <v>109684</v>
      </c>
      <c r="B65615" s="1" t="s">
        <v>218185</v>
      </c>
      <c r="C65615" s="1" t="s">
        <v>55</v>
      </c>
      <c r="D65615" s="1" t="s">
        <v>135629</v>
      </c>
      <c r="E65615" s="1" t="s">
        <v>218631</v>
      </c>
      <c r="F65615" s="1" t="s">
        <v>218632</v>
      </c>
      <c r="G65615" s="1" t="s">
        <v>218602</v>
      </c>
      <c r="H65615" s="1" t="s">
        <v>218603</v>
      </c>
      <c r="I65615" s="1" t="s">
        <v>218190</v>
      </c>
      <c r="J65615" s="1" t="s">
        <v>218633</v>
      </c>
    </row>
    <row r="65616" spans="1:10" x14ac:dyDescent="0.35">
      <c r="A65616" s="1" t="s">
        <v>109684</v>
      </c>
      <c r="B65616" s="1" t="s">
        <v>218185</v>
      </c>
      <c r="C65616" s="1" t="s">
        <v>60</v>
      </c>
      <c r="D65616" s="1" t="s">
        <v>4610</v>
      </c>
      <c r="E65616" s="1" t="s">
        <v>218634</v>
      </c>
      <c r="F65616" s="1" t="s">
        <v>218635</v>
      </c>
      <c r="G65616" s="1" t="s">
        <v>218602</v>
      </c>
      <c r="H65616" s="1" t="s">
        <v>218603</v>
      </c>
      <c r="I65616" s="1" t="s">
        <v>218190</v>
      </c>
      <c r="J65616" s="1" t="s">
        <v>218636</v>
      </c>
    </row>
    <row r="65617" spans="1:10" x14ac:dyDescent="0.35">
      <c r="A65617" s="1" t="s">
        <v>109684</v>
      </c>
      <c r="B65617" s="1" t="s">
        <v>218185</v>
      </c>
      <c r="C65617" s="1" t="s">
        <v>65</v>
      </c>
      <c r="D65617" s="1" t="s">
        <v>45904</v>
      </c>
      <c r="E65617" s="1" t="s">
        <v>218637</v>
      </c>
      <c r="F65617" s="1" t="s">
        <v>218638</v>
      </c>
      <c r="G65617" s="1" t="s">
        <v>218602</v>
      </c>
      <c r="H65617" s="1" t="s">
        <v>218603</v>
      </c>
      <c r="I65617" s="1" t="s">
        <v>218190</v>
      </c>
      <c r="J65617" s="1" t="s">
        <v>218639</v>
      </c>
    </row>
    <row r="65618" spans="1:10" x14ac:dyDescent="0.35">
      <c r="A65618" s="1" t="s">
        <v>109684</v>
      </c>
      <c r="B65618" s="1" t="s">
        <v>218185</v>
      </c>
      <c r="C65618" s="1" t="s">
        <v>70</v>
      </c>
      <c r="D65618" s="1" t="s">
        <v>218640</v>
      </c>
      <c r="E65618" s="1" t="s">
        <v>218641</v>
      </c>
      <c r="F65618" s="1" t="s">
        <v>218642</v>
      </c>
      <c r="G65618" s="1" t="s">
        <v>218602</v>
      </c>
      <c r="H65618" s="1" t="s">
        <v>218603</v>
      </c>
      <c r="I65618" s="1" t="s">
        <v>218190</v>
      </c>
      <c r="J65618" s="1" t="s">
        <v>218643</v>
      </c>
    </row>
    <row r="65619" spans="1:10" x14ac:dyDescent="0.35">
      <c r="A65619" s="1" t="s">
        <v>109684</v>
      </c>
      <c r="B65619" s="1" t="s">
        <v>218185</v>
      </c>
      <c r="C65619" s="1" t="s">
        <v>75</v>
      </c>
      <c r="D65619" s="1" t="s">
        <v>37899</v>
      </c>
      <c r="E65619" s="1" t="s">
        <v>218644</v>
      </c>
      <c r="F65619" s="1" t="s">
        <v>218645</v>
      </c>
      <c r="G65619" s="1" t="s">
        <v>218602</v>
      </c>
      <c r="H65619" s="1" t="s">
        <v>218603</v>
      </c>
      <c r="I65619" s="1" t="s">
        <v>218190</v>
      </c>
      <c r="J65619" s="1" t="s">
        <v>218646</v>
      </c>
    </row>
    <row r="65620" spans="1:10" x14ac:dyDescent="0.35">
      <c r="A65620" s="1" t="s">
        <v>109684</v>
      </c>
      <c r="B65620" s="1" t="s">
        <v>218185</v>
      </c>
      <c r="C65620" s="1" t="s">
        <v>80</v>
      </c>
      <c r="D65620" s="1" t="s">
        <v>18006</v>
      </c>
      <c r="E65620" s="1" t="s">
        <v>218647</v>
      </c>
      <c r="F65620" s="1" t="s">
        <v>218648</v>
      </c>
      <c r="G65620" s="1" t="s">
        <v>218602</v>
      </c>
      <c r="H65620" s="1" t="s">
        <v>218603</v>
      </c>
      <c r="I65620" s="1" t="s">
        <v>218190</v>
      </c>
      <c r="J65620" s="1" t="s">
        <v>218649</v>
      </c>
    </row>
    <row r="65621" spans="1:10" x14ac:dyDescent="0.35">
      <c r="A65621" s="1" t="s">
        <v>109684</v>
      </c>
      <c r="B65621" s="1" t="s">
        <v>218185</v>
      </c>
      <c r="C65621" s="1" t="s">
        <v>85</v>
      </c>
      <c r="D65621" s="1" t="s">
        <v>218650</v>
      </c>
      <c r="E65621" s="1" t="s">
        <v>218651</v>
      </c>
      <c r="F65621" s="1" t="s">
        <v>218652</v>
      </c>
      <c r="G65621" s="1" t="s">
        <v>218602</v>
      </c>
      <c r="H65621" s="1" t="s">
        <v>218603</v>
      </c>
      <c r="I65621" s="1" t="s">
        <v>218190</v>
      </c>
      <c r="J65621" s="1" t="s">
        <v>218653</v>
      </c>
    </row>
    <row r="65622" spans="1:10" x14ac:dyDescent="0.35">
      <c r="A65622" s="1" t="s">
        <v>109684</v>
      </c>
      <c r="B65622" s="1" t="s">
        <v>218185</v>
      </c>
      <c r="C65622" s="1" t="s">
        <v>90</v>
      </c>
      <c r="D65622" s="1" t="s">
        <v>180843</v>
      </c>
      <c r="E65622" s="1" t="s">
        <v>218654</v>
      </c>
      <c r="F65622" s="1" t="s">
        <v>218655</v>
      </c>
      <c r="G65622" s="1" t="s">
        <v>218602</v>
      </c>
      <c r="H65622" s="1" t="s">
        <v>218603</v>
      </c>
      <c r="I65622" s="1" t="s">
        <v>218190</v>
      </c>
      <c r="J65622" s="1" t="s">
        <v>218656</v>
      </c>
    </row>
    <row r="65623" spans="1:10" x14ac:dyDescent="0.35">
      <c r="A65623" s="1" t="s">
        <v>109684</v>
      </c>
      <c r="B65623" s="1" t="s">
        <v>218185</v>
      </c>
      <c r="C65623" s="1" t="s">
        <v>95</v>
      </c>
      <c r="D65623" s="1" t="s">
        <v>53058</v>
      </c>
      <c r="E65623" s="1" t="s">
        <v>218657</v>
      </c>
      <c r="F65623" s="1" t="s">
        <v>218658</v>
      </c>
      <c r="G65623" s="1" t="s">
        <v>218602</v>
      </c>
      <c r="H65623" s="1" t="s">
        <v>218603</v>
      </c>
      <c r="I65623" s="1" t="s">
        <v>218190</v>
      </c>
      <c r="J65623" s="1" t="s">
        <v>218659</v>
      </c>
    </row>
    <row r="65624" spans="1:10" x14ac:dyDescent="0.35">
      <c r="A65624" s="1" t="s">
        <v>109684</v>
      </c>
      <c r="B65624" s="1" t="s">
        <v>218185</v>
      </c>
      <c r="C65624" s="1" t="s">
        <v>100</v>
      </c>
      <c r="D65624" s="1" t="s">
        <v>218660</v>
      </c>
      <c r="E65624" s="1" t="s">
        <v>218661</v>
      </c>
      <c r="F65624" s="1" t="s">
        <v>218662</v>
      </c>
      <c r="G65624" s="1" t="s">
        <v>218602</v>
      </c>
      <c r="H65624" s="1" t="s">
        <v>218603</v>
      </c>
      <c r="I65624" s="1" t="s">
        <v>218190</v>
      </c>
      <c r="J65624" s="1" t="s">
        <v>218663</v>
      </c>
    </row>
    <row r="65625" spans="1:10" x14ac:dyDescent="0.35">
      <c r="A65625" s="1" t="s">
        <v>109684</v>
      </c>
      <c r="B65625" s="1" t="s">
        <v>218185</v>
      </c>
      <c r="C65625" s="1" t="s">
        <v>105</v>
      </c>
      <c r="D65625" s="1" t="s">
        <v>18319</v>
      </c>
      <c r="E65625" s="1" t="s">
        <v>218664</v>
      </c>
      <c r="F65625" s="1" t="s">
        <v>218665</v>
      </c>
      <c r="G65625" s="1" t="s">
        <v>218602</v>
      </c>
      <c r="H65625" s="1" t="s">
        <v>218603</v>
      </c>
      <c r="I65625" s="1" t="s">
        <v>218190</v>
      </c>
      <c r="J65625" s="1" t="s">
        <v>218666</v>
      </c>
    </row>
    <row r="65626" spans="1:10" x14ac:dyDescent="0.35">
      <c r="A65626" s="1" t="s">
        <v>109684</v>
      </c>
      <c r="B65626" s="1" t="s">
        <v>218185</v>
      </c>
      <c r="C65626" s="1" t="s">
        <v>110</v>
      </c>
      <c r="D65626" s="1" t="s">
        <v>155977</v>
      </c>
      <c r="E65626" s="1" t="s">
        <v>218667</v>
      </c>
      <c r="F65626" s="1" t="s">
        <v>218668</v>
      </c>
      <c r="G65626" s="1" t="s">
        <v>218602</v>
      </c>
      <c r="H65626" s="1" t="s">
        <v>218603</v>
      </c>
      <c r="I65626" s="1" t="s">
        <v>218190</v>
      </c>
      <c r="J65626" s="1" t="s">
        <v>218669</v>
      </c>
    </row>
    <row r="65627" spans="1:10" x14ac:dyDescent="0.35">
      <c r="A65627" s="1" t="s">
        <v>109684</v>
      </c>
      <c r="B65627" s="1" t="s">
        <v>218185</v>
      </c>
      <c r="C65627" s="1" t="s">
        <v>115</v>
      </c>
      <c r="D65627" s="1" t="s">
        <v>134626</v>
      </c>
      <c r="E65627" s="1" t="s">
        <v>218670</v>
      </c>
      <c r="F65627" s="1" t="s">
        <v>218671</v>
      </c>
      <c r="G65627" s="1" t="s">
        <v>218602</v>
      </c>
      <c r="H65627" s="1" t="s">
        <v>218603</v>
      </c>
      <c r="I65627" s="1" t="s">
        <v>218190</v>
      </c>
      <c r="J65627" s="1" t="s">
        <v>218672</v>
      </c>
    </row>
    <row r="65628" spans="1:10" x14ac:dyDescent="0.35">
      <c r="A65628" s="1" t="s">
        <v>109684</v>
      </c>
      <c r="B65628" s="1" t="s">
        <v>218185</v>
      </c>
      <c r="C65628" s="1" t="s">
        <v>120</v>
      </c>
      <c r="D65628" s="1" t="s">
        <v>38129</v>
      </c>
      <c r="E65628" s="1" t="s">
        <v>218673</v>
      </c>
      <c r="F65628" s="1" t="s">
        <v>218674</v>
      </c>
      <c r="G65628" s="1" t="s">
        <v>218602</v>
      </c>
      <c r="H65628" s="1" t="s">
        <v>218603</v>
      </c>
      <c r="I65628" s="1" t="s">
        <v>218190</v>
      </c>
      <c r="J65628" s="1" t="s">
        <v>218675</v>
      </c>
    </row>
    <row r="65629" spans="1:10" x14ac:dyDescent="0.35">
      <c r="A65629" s="1" t="s">
        <v>109684</v>
      </c>
      <c r="B65629" s="1" t="s">
        <v>218185</v>
      </c>
      <c r="C65629" s="1" t="s">
        <v>125</v>
      </c>
      <c r="D65629" s="1" t="s">
        <v>218676</v>
      </c>
      <c r="E65629" s="1" t="s">
        <v>218677</v>
      </c>
      <c r="F65629" s="1" t="s">
        <v>218678</v>
      </c>
      <c r="G65629" s="1" t="s">
        <v>218602</v>
      </c>
      <c r="H65629" s="1" t="s">
        <v>218603</v>
      </c>
      <c r="I65629" s="1" t="s">
        <v>218190</v>
      </c>
      <c r="J65629" s="1" t="s">
        <v>218679</v>
      </c>
    </row>
    <row r="65630" spans="1:10" x14ac:dyDescent="0.35">
      <c r="A65630" s="1" t="s">
        <v>109684</v>
      </c>
      <c r="B65630" s="1" t="s">
        <v>218185</v>
      </c>
      <c r="C65630" s="1" t="s">
        <v>130</v>
      </c>
      <c r="D65630" s="1" t="s">
        <v>61055</v>
      </c>
      <c r="E65630" s="1" t="s">
        <v>218680</v>
      </c>
      <c r="F65630" s="1" t="s">
        <v>218681</v>
      </c>
      <c r="G65630" s="1" t="s">
        <v>218602</v>
      </c>
      <c r="H65630" s="1" t="s">
        <v>218603</v>
      </c>
      <c r="I65630" s="1" t="s">
        <v>218190</v>
      </c>
      <c r="J65630" s="1" t="s">
        <v>218682</v>
      </c>
    </row>
    <row r="65631" spans="1:10" x14ac:dyDescent="0.35">
      <c r="A65631" s="1" t="s">
        <v>109684</v>
      </c>
      <c r="B65631" s="1" t="s">
        <v>218185</v>
      </c>
      <c r="C65631" s="1" t="s">
        <v>135</v>
      </c>
      <c r="D65631" s="1" t="s">
        <v>177689</v>
      </c>
      <c r="E65631" s="1" t="s">
        <v>218683</v>
      </c>
      <c r="F65631" s="1" t="s">
        <v>218684</v>
      </c>
      <c r="G65631" s="1" t="s">
        <v>218602</v>
      </c>
      <c r="H65631" s="1" t="s">
        <v>218603</v>
      </c>
      <c r="I65631" s="1" t="s">
        <v>218190</v>
      </c>
      <c r="J65631" s="1" t="s">
        <v>218685</v>
      </c>
    </row>
    <row r="65632" spans="1:10" x14ac:dyDescent="0.35">
      <c r="A65632" s="1" t="s">
        <v>109684</v>
      </c>
      <c r="B65632" s="1" t="s">
        <v>218185</v>
      </c>
      <c r="C65632" s="1" t="s">
        <v>140</v>
      </c>
      <c r="D65632" s="1" t="s">
        <v>218686</v>
      </c>
      <c r="E65632" s="1" t="s">
        <v>218687</v>
      </c>
      <c r="F65632" s="1" t="s">
        <v>218688</v>
      </c>
      <c r="G65632" s="1" t="s">
        <v>218602</v>
      </c>
      <c r="H65632" s="1" t="s">
        <v>218603</v>
      </c>
      <c r="I65632" s="1" t="s">
        <v>218190</v>
      </c>
      <c r="J65632" s="1" t="s">
        <v>218689</v>
      </c>
    </row>
    <row r="65633" spans="1:10" x14ac:dyDescent="0.35">
      <c r="A65633" s="1" t="s">
        <v>109684</v>
      </c>
      <c r="B65633" s="1" t="s">
        <v>218185</v>
      </c>
      <c r="C65633" s="1" t="s">
        <v>145</v>
      </c>
      <c r="D65633" s="1" t="s">
        <v>176736</v>
      </c>
      <c r="E65633" s="1" t="s">
        <v>218690</v>
      </c>
      <c r="F65633" s="1" t="s">
        <v>218691</v>
      </c>
      <c r="G65633" s="1" t="s">
        <v>218602</v>
      </c>
      <c r="H65633" s="1" t="s">
        <v>218603</v>
      </c>
      <c r="I65633" s="1" t="s">
        <v>218190</v>
      </c>
      <c r="J65633" s="1" t="s">
        <v>218692</v>
      </c>
    </row>
    <row r="65634" spans="1:10" x14ac:dyDescent="0.35">
      <c r="A65634" s="1" t="s">
        <v>109684</v>
      </c>
      <c r="B65634" s="1" t="s">
        <v>218185</v>
      </c>
      <c r="C65634" s="1" t="s">
        <v>150</v>
      </c>
      <c r="D65634" s="1" t="s">
        <v>42592</v>
      </c>
      <c r="E65634" s="1" t="s">
        <v>218693</v>
      </c>
      <c r="F65634" s="1" t="s">
        <v>218694</v>
      </c>
      <c r="G65634" s="1" t="s">
        <v>218602</v>
      </c>
      <c r="H65634" s="1" t="s">
        <v>218603</v>
      </c>
      <c r="I65634" s="1" t="s">
        <v>218190</v>
      </c>
      <c r="J65634" s="1" t="s">
        <v>218695</v>
      </c>
    </row>
    <row r="65635" spans="1:10" x14ac:dyDescent="0.35">
      <c r="A65635" s="1" t="s">
        <v>109684</v>
      </c>
      <c r="B65635" s="1" t="s">
        <v>218185</v>
      </c>
      <c r="C65635" s="1" t="s">
        <v>155</v>
      </c>
      <c r="D65635" s="1" t="s">
        <v>218696</v>
      </c>
      <c r="E65635" s="1" t="s">
        <v>218697</v>
      </c>
      <c r="F65635" s="1" t="s">
        <v>218698</v>
      </c>
      <c r="G65635" s="1" t="s">
        <v>218602</v>
      </c>
      <c r="H65635" s="1" t="s">
        <v>218603</v>
      </c>
      <c r="I65635" s="1" t="s">
        <v>218190</v>
      </c>
      <c r="J65635" s="1" t="s">
        <v>218699</v>
      </c>
    </row>
    <row r="65636" spans="1:10" x14ac:dyDescent="0.35">
      <c r="A65636" s="1" t="s">
        <v>109684</v>
      </c>
      <c r="B65636" s="1" t="s">
        <v>218185</v>
      </c>
      <c r="C65636" s="1" t="s">
        <v>160</v>
      </c>
      <c r="D65636" s="1" t="s">
        <v>218700</v>
      </c>
      <c r="E65636" s="1" t="s">
        <v>218701</v>
      </c>
      <c r="F65636" s="1" t="s">
        <v>218702</v>
      </c>
      <c r="G65636" s="1" t="s">
        <v>218602</v>
      </c>
      <c r="H65636" s="1" t="s">
        <v>218603</v>
      </c>
      <c r="I65636" s="1" t="s">
        <v>218190</v>
      </c>
      <c r="J65636" s="1" t="s">
        <v>218703</v>
      </c>
    </row>
    <row r="65637" spans="1:10" x14ac:dyDescent="0.35">
      <c r="A65637" s="1" t="s">
        <v>109684</v>
      </c>
      <c r="B65637" s="1" t="s">
        <v>218185</v>
      </c>
      <c r="C65637" s="1" t="s">
        <v>165</v>
      </c>
      <c r="D65637" s="1" t="s">
        <v>218704</v>
      </c>
      <c r="E65637" s="1" t="s">
        <v>218705</v>
      </c>
      <c r="F65637" s="1" t="s">
        <v>218706</v>
      </c>
      <c r="G65637" s="1" t="s">
        <v>218602</v>
      </c>
      <c r="H65637" s="1" t="s">
        <v>218603</v>
      </c>
      <c r="I65637" s="1" t="s">
        <v>218190</v>
      </c>
      <c r="J65637" s="1" t="s">
        <v>218707</v>
      </c>
    </row>
    <row r="65638" spans="1:10" x14ac:dyDescent="0.35">
      <c r="A65638" s="1" t="s">
        <v>109684</v>
      </c>
      <c r="B65638" s="1" t="s">
        <v>218185</v>
      </c>
      <c r="C65638" s="1" t="s">
        <v>170</v>
      </c>
      <c r="D65638" s="1" t="s">
        <v>206252</v>
      </c>
      <c r="E65638" s="1" t="s">
        <v>218708</v>
      </c>
      <c r="F65638" s="1" t="s">
        <v>218709</v>
      </c>
      <c r="G65638" s="1" t="s">
        <v>218602</v>
      </c>
      <c r="H65638" s="1" t="s">
        <v>218603</v>
      </c>
      <c r="I65638" s="1" t="s">
        <v>218190</v>
      </c>
      <c r="J65638" s="1" t="s">
        <v>218710</v>
      </c>
    </row>
    <row r="65639" spans="1:10" x14ac:dyDescent="0.35">
      <c r="A65639" s="1" t="s">
        <v>112515</v>
      </c>
      <c r="B65639" s="1" t="s">
        <v>218185</v>
      </c>
      <c r="C65639" s="1" t="s">
        <v>8</v>
      </c>
      <c r="D65639" s="1" t="s">
        <v>108476</v>
      </c>
      <c r="E65639" s="1" t="s">
        <v>218711</v>
      </c>
      <c r="F65639" s="1" t="s">
        <v>218712</v>
      </c>
      <c r="G65639" s="1" t="s">
        <v>218713</v>
      </c>
      <c r="H65639" s="1" t="s">
        <v>218714</v>
      </c>
      <c r="I65639" s="1" t="s">
        <v>218190</v>
      </c>
      <c r="J65639" s="1" t="s">
        <v>13</v>
      </c>
    </row>
    <row r="65640" spans="1:10" x14ac:dyDescent="0.35">
      <c r="A65640" s="1" t="s">
        <v>112515</v>
      </c>
      <c r="B65640" s="1" t="s">
        <v>218185</v>
      </c>
      <c r="C65640" s="1" t="s">
        <v>15</v>
      </c>
      <c r="D65640" s="1" t="s">
        <v>218715</v>
      </c>
      <c r="E65640" s="1" t="s">
        <v>218716</v>
      </c>
      <c r="F65640" s="1" t="s">
        <v>218717</v>
      </c>
      <c r="G65640" s="1" t="s">
        <v>218713</v>
      </c>
      <c r="H65640" s="1" t="s">
        <v>218714</v>
      </c>
      <c r="I65640" s="1" t="s">
        <v>218190</v>
      </c>
      <c r="J65640" s="1" t="s">
        <v>218718</v>
      </c>
    </row>
    <row r="65641" spans="1:10" x14ac:dyDescent="0.35">
      <c r="A65641" s="1" t="s">
        <v>112515</v>
      </c>
      <c r="B65641" s="1" t="s">
        <v>218185</v>
      </c>
      <c r="C65641" s="1" t="s">
        <v>20</v>
      </c>
      <c r="D65641" s="1" t="s">
        <v>151090</v>
      </c>
      <c r="E65641" s="1" t="s">
        <v>218719</v>
      </c>
      <c r="F65641" s="1" t="s">
        <v>218720</v>
      </c>
      <c r="G65641" s="1" t="s">
        <v>218713</v>
      </c>
      <c r="H65641" s="1" t="s">
        <v>218714</v>
      </c>
      <c r="I65641" s="1" t="s">
        <v>218190</v>
      </c>
      <c r="J65641" s="1" t="s">
        <v>218721</v>
      </c>
    </row>
    <row r="65642" spans="1:10" x14ac:dyDescent="0.35">
      <c r="A65642" s="1" t="s">
        <v>112515</v>
      </c>
      <c r="B65642" s="1" t="s">
        <v>218185</v>
      </c>
      <c r="C65642" s="1" t="s">
        <v>25</v>
      </c>
      <c r="D65642" s="1" t="s">
        <v>125608</v>
      </c>
      <c r="E65642" s="1" t="s">
        <v>218722</v>
      </c>
      <c r="F65642" s="1" t="s">
        <v>218723</v>
      </c>
      <c r="G65642" s="1" t="s">
        <v>218713</v>
      </c>
      <c r="H65642" s="1" t="s">
        <v>218714</v>
      </c>
      <c r="I65642" s="1" t="s">
        <v>218190</v>
      </c>
      <c r="J65642" s="1" t="s">
        <v>218724</v>
      </c>
    </row>
    <row r="65643" spans="1:10" x14ac:dyDescent="0.35">
      <c r="A65643" s="1" t="s">
        <v>112515</v>
      </c>
      <c r="B65643" s="1" t="s">
        <v>218185</v>
      </c>
      <c r="C65643" s="1" t="s">
        <v>30</v>
      </c>
      <c r="D65643" s="1" t="s">
        <v>218725</v>
      </c>
      <c r="E65643" s="1" t="s">
        <v>218726</v>
      </c>
      <c r="F65643" s="1" t="s">
        <v>218727</v>
      </c>
      <c r="G65643" s="1" t="s">
        <v>218713</v>
      </c>
      <c r="H65643" s="1" t="s">
        <v>218714</v>
      </c>
      <c r="I65643" s="1" t="s">
        <v>218190</v>
      </c>
      <c r="J65643" s="1" t="s">
        <v>218728</v>
      </c>
    </row>
    <row r="65644" spans="1:10" x14ac:dyDescent="0.35">
      <c r="A65644" s="1" t="s">
        <v>112515</v>
      </c>
      <c r="B65644" s="1" t="s">
        <v>218185</v>
      </c>
      <c r="C65644" s="1" t="s">
        <v>35</v>
      </c>
      <c r="D65644" s="1" t="s">
        <v>113309</v>
      </c>
      <c r="E65644" s="1" t="s">
        <v>218729</v>
      </c>
      <c r="F65644" s="1" t="s">
        <v>218730</v>
      </c>
      <c r="G65644" s="1" t="s">
        <v>218713</v>
      </c>
      <c r="H65644" s="1" t="s">
        <v>218714</v>
      </c>
      <c r="I65644" s="1" t="s">
        <v>218190</v>
      </c>
      <c r="J65644" s="1" t="s">
        <v>218731</v>
      </c>
    </row>
    <row r="65645" spans="1:10" x14ac:dyDescent="0.35">
      <c r="A65645" s="1" t="s">
        <v>112515</v>
      </c>
      <c r="B65645" s="1" t="s">
        <v>218185</v>
      </c>
      <c r="C65645" s="1" t="s">
        <v>40</v>
      </c>
      <c r="D65645" s="1" t="s">
        <v>42130</v>
      </c>
      <c r="E65645" s="1" t="s">
        <v>218732</v>
      </c>
      <c r="F65645" s="1" t="s">
        <v>218733</v>
      </c>
      <c r="G65645" s="1" t="s">
        <v>218713</v>
      </c>
      <c r="H65645" s="1" t="s">
        <v>218714</v>
      </c>
      <c r="I65645" s="1" t="s">
        <v>218190</v>
      </c>
      <c r="J65645" s="1" t="s">
        <v>218734</v>
      </c>
    </row>
    <row r="65646" spans="1:10" x14ac:dyDescent="0.35">
      <c r="A65646" s="1" t="s">
        <v>112515</v>
      </c>
      <c r="B65646" s="1" t="s">
        <v>218185</v>
      </c>
      <c r="C65646" s="1" t="s">
        <v>45</v>
      </c>
      <c r="D65646" s="1" t="s">
        <v>73458</v>
      </c>
      <c r="E65646" s="1" t="s">
        <v>218735</v>
      </c>
      <c r="F65646" s="1" t="s">
        <v>218736</v>
      </c>
      <c r="G65646" s="1" t="s">
        <v>218713</v>
      </c>
      <c r="H65646" s="1" t="s">
        <v>218714</v>
      </c>
      <c r="I65646" s="1" t="s">
        <v>218190</v>
      </c>
      <c r="J65646" s="1" t="s">
        <v>218737</v>
      </c>
    </row>
    <row r="65647" spans="1:10" x14ac:dyDescent="0.35">
      <c r="A65647" s="1" t="s">
        <v>112515</v>
      </c>
      <c r="B65647" s="1" t="s">
        <v>218185</v>
      </c>
      <c r="C65647" s="1" t="s">
        <v>50</v>
      </c>
      <c r="D65647" s="1" t="s">
        <v>10377</v>
      </c>
      <c r="E65647" s="1" t="s">
        <v>218738</v>
      </c>
      <c r="F65647" s="1" t="s">
        <v>218739</v>
      </c>
      <c r="G65647" s="1" t="s">
        <v>218713</v>
      </c>
      <c r="H65647" s="1" t="s">
        <v>218714</v>
      </c>
      <c r="I65647" s="1" t="s">
        <v>218190</v>
      </c>
      <c r="J65647" s="1" t="s">
        <v>218740</v>
      </c>
    </row>
    <row r="65648" spans="1:10" x14ac:dyDescent="0.35">
      <c r="A65648" s="1" t="s">
        <v>112515</v>
      </c>
      <c r="B65648" s="1" t="s">
        <v>218185</v>
      </c>
      <c r="C65648" s="1" t="s">
        <v>55</v>
      </c>
      <c r="D65648" s="1" t="s">
        <v>31373</v>
      </c>
      <c r="E65648" s="1" t="s">
        <v>218741</v>
      </c>
      <c r="F65648" s="1" t="s">
        <v>218742</v>
      </c>
      <c r="G65648" s="1" t="s">
        <v>218713</v>
      </c>
      <c r="H65648" s="1" t="s">
        <v>218714</v>
      </c>
      <c r="I65648" s="1" t="s">
        <v>218190</v>
      </c>
      <c r="J65648" s="1" t="s">
        <v>218743</v>
      </c>
    </row>
    <row r="65649" spans="1:10" x14ac:dyDescent="0.35">
      <c r="A65649" s="1" t="s">
        <v>112515</v>
      </c>
      <c r="B65649" s="1" t="s">
        <v>218185</v>
      </c>
      <c r="C65649" s="1" t="s">
        <v>60</v>
      </c>
      <c r="D65649" s="1" t="s">
        <v>71806</v>
      </c>
      <c r="E65649" s="1" t="s">
        <v>218744</v>
      </c>
      <c r="F65649" s="1" t="s">
        <v>218745</v>
      </c>
      <c r="G65649" s="1" t="s">
        <v>218713</v>
      </c>
      <c r="H65649" s="1" t="s">
        <v>218714</v>
      </c>
      <c r="I65649" s="1" t="s">
        <v>218190</v>
      </c>
      <c r="J65649" s="1" t="s">
        <v>218746</v>
      </c>
    </row>
    <row r="65650" spans="1:10" x14ac:dyDescent="0.35">
      <c r="A65650" s="1" t="s">
        <v>112515</v>
      </c>
      <c r="B65650" s="1" t="s">
        <v>218185</v>
      </c>
      <c r="C65650" s="1" t="s">
        <v>65</v>
      </c>
      <c r="D65650" s="1" t="s">
        <v>218747</v>
      </c>
      <c r="E65650" s="1" t="s">
        <v>218748</v>
      </c>
      <c r="F65650" s="1" t="s">
        <v>30832</v>
      </c>
      <c r="G65650" s="1" t="s">
        <v>218713</v>
      </c>
      <c r="H65650" s="1" t="s">
        <v>218714</v>
      </c>
      <c r="I65650" s="1" t="s">
        <v>218190</v>
      </c>
      <c r="J65650" s="1" t="s">
        <v>218749</v>
      </c>
    </row>
    <row r="65651" spans="1:10" x14ac:dyDescent="0.35">
      <c r="A65651" s="1" t="s">
        <v>112515</v>
      </c>
      <c r="B65651" s="1" t="s">
        <v>218185</v>
      </c>
      <c r="C65651" s="1" t="s">
        <v>70</v>
      </c>
      <c r="D65651" s="1" t="s">
        <v>175754</v>
      </c>
      <c r="E65651" s="1" t="s">
        <v>218750</v>
      </c>
      <c r="F65651" s="1" t="s">
        <v>218751</v>
      </c>
      <c r="G65651" s="1" t="s">
        <v>218713</v>
      </c>
      <c r="H65651" s="1" t="s">
        <v>218714</v>
      </c>
      <c r="I65651" s="1" t="s">
        <v>218190</v>
      </c>
      <c r="J65651" s="1" t="s">
        <v>218752</v>
      </c>
    </row>
    <row r="65652" spans="1:10" x14ac:dyDescent="0.35">
      <c r="A65652" s="1" t="s">
        <v>112515</v>
      </c>
      <c r="B65652" s="1" t="s">
        <v>218185</v>
      </c>
      <c r="C65652" s="1" t="s">
        <v>75</v>
      </c>
      <c r="D65652" s="1" t="s">
        <v>42658</v>
      </c>
      <c r="E65652" s="1" t="s">
        <v>218753</v>
      </c>
      <c r="F65652" s="1" t="s">
        <v>218754</v>
      </c>
      <c r="G65652" s="1" t="s">
        <v>218713</v>
      </c>
      <c r="H65652" s="1" t="s">
        <v>218714</v>
      </c>
      <c r="I65652" s="1" t="s">
        <v>218190</v>
      </c>
      <c r="J65652" s="1" t="s">
        <v>218755</v>
      </c>
    </row>
    <row r="65653" spans="1:10" x14ac:dyDescent="0.35">
      <c r="A65653" s="1" t="s">
        <v>112515</v>
      </c>
      <c r="B65653" s="1" t="s">
        <v>218185</v>
      </c>
      <c r="C65653" s="1" t="s">
        <v>80</v>
      </c>
      <c r="D65653" s="1" t="s">
        <v>181350</v>
      </c>
      <c r="E65653" s="1" t="s">
        <v>218756</v>
      </c>
      <c r="F65653" s="1" t="s">
        <v>218757</v>
      </c>
      <c r="G65653" s="1" t="s">
        <v>218713</v>
      </c>
      <c r="H65653" s="1" t="s">
        <v>218714</v>
      </c>
      <c r="I65653" s="1" t="s">
        <v>218190</v>
      </c>
      <c r="J65653" s="1" t="s">
        <v>218758</v>
      </c>
    </row>
    <row r="65654" spans="1:10" x14ac:dyDescent="0.35">
      <c r="A65654" s="1" t="s">
        <v>112515</v>
      </c>
      <c r="B65654" s="1" t="s">
        <v>218185</v>
      </c>
      <c r="C65654" s="1" t="s">
        <v>85</v>
      </c>
      <c r="D65654" s="1" t="s">
        <v>218759</v>
      </c>
      <c r="E65654" s="1" t="s">
        <v>218760</v>
      </c>
      <c r="F65654" s="1" t="s">
        <v>218761</v>
      </c>
      <c r="G65654" s="1" t="s">
        <v>218713</v>
      </c>
      <c r="H65654" s="1" t="s">
        <v>218714</v>
      </c>
      <c r="I65654" s="1" t="s">
        <v>218190</v>
      </c>
      <c r="J65654" s="1" t="s">
        <v>218762</v>
      </c>
    </row>
    <row r="65655" spans="1:10" x14ac:dyDescent="0.35">
      <c r="A65655" s="1" t="s">
        <v>112515</v>
      </c>
      <c r="B65655" s="1" t="s">
        <v>218185</v>
      </c>
      <c r="C65655" s="1" t="s">
        <v>90</v>
      </c>
      <c r="D65655" s="1" t="s">
        <v>42210</v>
      </c>
      <c r="E65655" s="1" t="s">
        <v>218763</v>
      </c>
      <c r="F65655" s="1" t="s">
        <v>218764</v>
      </c>
      <c r="G65655" s="1" t="s">
        <v>218713</v>
      </c>
      <c r="H65655" s="1" t="s">
        <v>218714</v>
      </c>
      <c r="I65655" s="1" t="s">
        <v>218190</v>
      </c>
      <c r="J65655" s="1" t="s">
        <v>218765</v>
      </c>
    </row>
    <row r="65656" spans="1:10" x14ac:dyDescent="0.35">
      <c r="A65656" s="1" t="s">
        <v>112515</v>
      </c>
      <c r="B65656" s="1" t="s">
        <v>218185</v>
      </c>
      <c r="C65656" s="1" t="s">
        <v>95</v>
      </c>
      <c r="D65656" s="1" t="s">
        <v>218766</v>
      </c>
      <c r="E65656" s="1" t="s">
        <v>218767</v>
      </c>
      <c r="F65656" s="1" t="s">
        <v>218768</v>
      </c>
      <c r="G65656" s="1" t="s">
        <v>218713</v>
      </c>
      <c r="H65656" s="1" t="s">
        <v>218714</v>
      </c>
      <c r="I65656" s="1" t="s">
        <v>218190</v>
      </c>
      <c r="J65656" s="1" t="s">
        <v>218769</v>
      </c>
    </row>
    <row r="65657" spans="1:10" x14ac:dyDescent="0.35">
      <c r="A65657" s="1" t="s">
        <v>112515</v>
      </c>
      <c r="B65657" s="1" t="s">
        <v>218185</v>
      </c>
      <c r="C65657" s="1" t="s">
        <v>100</v>
      </c>
      <c r="D65657" s="1" t="s">
        <v>192778</v>
      </c>
      <c r="E65657" s="1" t="s">
        <v>218770</v>
      </c>
      <c r="F65657" s="1" t="s">
        <v>218771</v>
      </c>
      <c r="G65657" s="1" t="s">
        <v>218713</v>
      </c>
      <c r="H65657" s="1" t="s">
        <v>218714</v>
      </c>
      <c r="I65657" s="1" t="s">
        <v>218190</v>
      </c>
      <c r="J65657" s="1" t="s">
        <v>218772</v>
      </c>
    </row>
    <row r="65658" spans="1:10" x14ac:dyDescent="0.35">
      <c r="A65658" s="1" t="s">
        <v>112515</v>
      </c>
      <c r="B65658" s="1" t="s">
        <v>218185</v>
      </c>
      <c r="C65658" s="1" t="s">
        <v>105</v>
      </c>
      <c r="D65658" s="1" t="s">
        <v>31803</v>
      </c>
      <c r="E65658" s="1" t="s">
        <v>218773</v>
      </c>
      <c r="F65658" s="1" t="s">
        <v>218774</v>
      </c>
      <c r="G65658" s="1" t="s">
        <v>218713</v>
      </c>
      <c r="H65658" s="1" t="s">
        <v>218714</v>
      </c>
      <c r="I65658" s="1" t="s">
        <v>218190</v>
      </c>
      <c r="J65658" s="1" t="s">
        <v>218775</v>
      </c>
    </row>
    <row r="65659" spans="1:10" x14ac:dyDescent="0.35">
      <c r="A65659" s="1" t="s">
        <v>112515</v>
      </c>
      <c r="B65659" s="1" t="s">
        <v>218185</v>
      </c>
      <c r="C65659" s="1" t="s">
        <v>110</v>
      </c>
      <c r="D65659" s="1" t="s">
        <v>109039</v>
      </c>
      <c r="E65659" s="1" t="s">
        <v>218776</v>
      </c>
      <c r="F65659" s="1" t="s">
        <v>218777</v>
      </c>
      <c r="G65659" s="1" t="s">
        <v>218713</v>
      </c>
      <c r="H65659" s="1" t="s">
        <v>218714</v>
      </c>
      <c r="I65659" s="1" t="s">
        <v>218190</v>
      </c>
      <c r="J65659" s="1" t="s">
        <v>218778</v>
      </c>
    </row>
    <row r="65660" spans="1:10" x14ac:dyDescent="0.35">
      <c r="A65660" s="1" t="s">
        <v>112515</v>
      </c>
      <c r="B65660" s="1" t="s">
        <v>218185</v>
      </c>
      <c r="C65660" s="1" t="s">
        <v>115</v>
      </c>
      <c r="D65660" s="1" t="s">
        <v>114328</v>
      </c>
      <c r="E65660" s="1" t="s">
        <v>218779</v>
      </c>
      <c r="F65660" s="1" t="s">
        <v>218780</v>
      </c>
      <c r="G65660" s="1" t="s">
        <v>218713</v>
      </c>
      <c r="H65660" s="1" t="s">
        <v>218714</v>
      </c>
      <c r="I65660" s="1" t="s">
        <v>218190</v>
      </c>
      <c r="J65660" s="1" t="s">
        <v>218781</v>
      </c>
    </row>
    <row r="65661" spans="1:10" x14ac:dyDescent="0.35">
      <c r="A65661" s="1" t="s">
        <v>112515</v>
      </c>
      <c r="B65661" s="1" t="s">
        <v>218185</v>
      </c>
      <c r="C65661" s="1" t="s">
        <v>120</v>
      </c>
      <c r="D65661" s="1" t="s">
        <v>218782</v>
      </c>
      <c r="E65661" s="1" t="s">
        <v>218783</v>
      </c>
      <c r="F65661" s="1" t="s">
        <v>218784</v>
      </c>
      <c r="G65661" s="1" t="s">
        <v>218713</v>
      </c>
      <c r="H65661" s="1" t="s">
        <v>218714</v>
      </c>
      <c r="I65661" s="1" t="s">
        <v>218190</v>
      </c>
      <c r="J65661" s="1" t="s">
        <v>218785</v>
      </c>
    </row>
    <row r="65662" spans="1:10" x14ac:dyDescent="0.35">
      <c r="A65662" s="1" t="s">
        <v>112515</v>
      </c>
      <c r="B65662" s="1" t="s">
        <v>218185</v>
      </c>
      <c r="C65662" s="1" t="s">
        <v>125</v>
      </c>
      <c r="D65662" s="1" t="s">
        <v>218786</v>
      </c>
      <c r="E65662" s="1" t="s">
        <v>218787</v>
      </c>
      <c r="F65662" s="1" t="s">
        <v>218788</v>
      </c>
      <c r="G65662" s="1" t="s">
        <v>218713</v>
      </c>
      <c r="H65662" s="1" t="s">
        <v>218714</v>
      </c>
      <c r="I65662" s="1" t="s">
        <v>218190</v>
      </c>
      <c r="J65662" s="1" t="s">
        <v>218789</v>
      </c>
    </row>
    <row r="65663" spans="1:10" x14ac:dyDescent="0.35">
      <c r="A65663" s="1" t="s">
        <v>112515</v>
      </c>
      <c r="B65663" s="1" t="s">
        <v>218185</v>
      </c>
      <c r="C65663" s="1" t="s">
        <v>130</v>
      </c>
      <c r="D65663" s="1" t="s">
        <v>156834</v>
      </c>
      <c r="E65663" s="1" t="s">
        <v>218790</v>
      </c>
      <c r="F65663" s="1" t="s">
        <v>218791</v>
      </c>
      <c r="G65663" s="1" t="s">
        <v>218713</v>
      </c>
      <c r="H65663" s="1" t="s">
        <v>218714</v>
      </c>
      <c r="I65663" s="1" t="s">
        <v>218190</v>
      </c>
      <c r="J65663" s="1" t="s">
        <v>218792</v>
      </c>
    </row>
    <row r="65664" spans="1:10" x14ac:dyDescent="0.35">
      <c r="A65664" s="1" t="s">
        <v>112515</v>
      </c>
      <c r="B65664" s="1" t="s">
        <v>218185</v>
      </c>
      <c r="C65664" s="1" t="s">
        <v>135</v>
      </c>
      <c r="D65664" s="1" t="s">
        <v>73105</v>
      </c>
      <c r="E65664" s="1" t="s">
        <v>218793</v>
      </c>
      <c r="F65664" s="1" t="s">
        <v>218794</v>
      </c>
      <c r="G65664" s="1" t="s">
        <v>218713</v>
      </c>
      <c r="H65664" s="1" t="s">
        <v>218714</v>
      </c>
      <c r="I65664" s="1" t="s">
        <v>218190</v>
      </c>
      <c r="J65664" s="1" t="s">
        <v>218795</v>
      </c>
    </row>
    <row r="65665" spans="1:10" x14ac:dyDescent="0.35">
      <c r="A65665" s="1" t="s">
        <v>112515</v>
      </c>
      <c r="B65665" s="1" t="s">
        <v>218185</v>
      </c>
      <c r="C65665" s="1" t="s">
        <v>140</v>
      </c>
      <c r="D65665" s="1" t="s">
        <v>218796</v>
      </c>
      <c r="E65665" s="1" t="s">
        <v>218797</v>
      </c>
      <c r="F65665" s="1" t="s">
        <v>218798</v>
      </c>
      <c r="G65665" s="1" t="s">
        <v>218713</v>
      </c>
      <c r="H65665" s="1" t="s">
        <v>218714</v>
      </c>
      <c r="I65665" s="1" t="s">
        <v>218190</v>
      </c>
      <c r="J65665" s="1" t="s">
        <v>218799</v>
      </c>
    </row>
    <row r="65666" spans="1:10" x14ac:dyDescent="0.35">
      <c r="A65666" s="1" t="s">
        <v>112515</v>
      </c>
      <c r="B65666" s="1" t="s">
        <v>218185</v>
      </c>
      <c r="C65666" s="1" t="s">
        <v>145</v>
      </c>
      <c r="D65666" s="1" t="s">
        <v>5782</v>
      </c>
      <c r="E65666" s="1" t="s">
        <v>218800</v>
      </c>
      <c r="F65666" s="1" t="s">
        <v>218801</v>
      </c>
      <c r="G65666" s="1" t="s">
        <v>218713</v>
      </c>
      <c r="H65666" s="1" t="s">
        <v>218714</v>
      </c>
      <c r="I65666" s="1" t="s">
        <v>218190</v>
      </c>
      <c r="J65666" s="1" t="s">
        <v>218802</v>
      </c>
    </row>
    <row r="65667" spans="1:10" x14ac:dyDescent="0.35">
      <c r="A65667" s="1" t="s">
        <v>112515</v>
      </c>
      <c r="B65667" s="1" t="s">
        <v>218185</v>
      </c>
      <c r="C65667" s="1" t="s">
        <v>150</v>
      </c>
      <c r="D65667" s="1" t="s">
        <v>73954</v>
      </c>
      <c r="E65667" s="1" t="s">
        <v>218803</v>
      </c>
      <c r="F65667" s="1" t="s">
        <v>218804</v>
      </c>
      <c r="G65667" s="1" t="s">
        <v>218713</v>
      </c>
      <c r="H65667" s="1" t="s">
        <v>218714</v>
      </c>
      <c r="I65667" s="1" t="s">
        <v>218190</v>
      </c>
      <c r="J65667" s="1" t="s">
        <v>218805</v>
      </c>
    </row>
    <row r="65668" spans="1:10" x14ac:dyDescent="0.35">
      <c r="A65668" s="1" t="s">
        <v>112515</v>
      </c>
      <c r="B65668" s="1" t="s">
        <v>218185</v>
      </c>
      <c r="C65668" s="1" t="s">
        <v>155</v>
      </c>
      <c r="D65668" s="1" t="s">
        <v>17117</v>
      </c>
      <c r="E65668" s="1" t="s">
        <v>218806</v>
      </c>
      <c r="F65668" s="1" t="s">
        <v>218807</v>
      </c>
      <c r="G65668" s="1" t="s">
        <v>218713</v>
      </c>
      <c r="H65668" s="1" t="s">
        <v>218714</v>
      </c>
      <c r="I65668" s="1" t="s">
        <v>218190</v>
      </c>
      <c r="J65668" s="1" t="s">
        <v>218808</v>
      </c>
    </row>
    <row r="65669" spans="1:10" x14ac:dyDescent="0.35">
      <c r="A65669" s="1" t="s">
        <v>112515</v>
      </c>
      <c r="B65669" s="1" t="s">
        <v>218185</v>
      </c>
      <c r="C65669" s="1" t="s">
        <v>160</v>
      </c>
      <c r="D65669" s="1" t="s">
        <v>47659</v>
      </c>
      <c r="E65669" s="1" t="s">
        <v>218809</v>
      </c>
      <c r="F65669" s="1" t="s">
        <v>218810</v>
      </c>
      <c r="G65669" s="1" t="s">
        <v>218713</v>
      </c>
      <c r="H65669" s="1" t="s">
        <v>218714</v>
      </c>
      <c r="I65669" s="1" t="s">
        <v>218190</v>
      </c>
      <c r="J65669" s="1" t="s">
        <v>218811</v>
      </c>
    </row>
    <row r="65670" spans="1:10" x14ac:dyDescent="0.35">
      <c r="A65670" s="1" t="s">
        <v>112515</v>
      </c>
      <c r="B65670" s="1" t="s">
        <v>218185</v>
      </c>
      <c r="C65670" s="1" t="s">
        <v>165</v>
      </c>
      <c r="D65670" s="1" t="s">
        <v>48732</v>
      </c>
      <c r="E65670" s="1" t="s">
        <v>218812</v>
      </c>
      <c r="F65670" s="1" t="s">
        <v>218813</v>
      </c>
      <c r="G65670" s="1" t="s">
        <v>218713</v>
      </c>
      <c r="H65670" s="1" t="s">
        <v>218714</v>
      </c>
      <c r="I65670" s="1" t="s">
        <v>218190</v>
      </c>
      <c r="J65670" s="1" t="s">
        <v>218814</v>
      </c>
    </row>
    <row r="65671" spans="1:10" x14ac:dyDescent="0.35">
      <c r="A65671" s="1" t="s">
        <v>112515</v>
      </c>
      <c r="B65671" s="1" t="s">
        <v>218185</v>
      </c>
      <c r="C65671" s="1" t="s">
        <v>170</v>
      </c>
      <c r="D65671" s="1" t="s">
        <v>6586</v>
      </c>
      <c r="E65671" s="1" t="s">
        <v>104118</v>
      </c>
      <c r="F65671" s="1" t="s">
        <v>218815</v>
      </c>
      <c r="G65671" s="1" t="s">
        <v>218713</v>
      </c>
      <c r="H65671" s="1" t="s">
        <v>218714</v>
      </c>
      <c r="I65671" s="1" t="s">
        <v>218190</v>
      </c>
      <c r="J65671" s="1" t="s">
        <v>218816</v>
      </c>
    </row>
    <row r="65672" spans="1:10" x14ac:dyDescent="0.35">
      <c r="A65672" s="1" t="s">
        <v>44878</v>
      </c>
      <c r="B65672" s="1" t="s">
        <v>218185</v>
      </c>
      <c r="C65672" s="1" t="s">
        <v>8</v>
      </c>
      <c r="D65672" s="1" t="s">
        <v>183480</v>
      </c>
      <c r="E65672" s="1" t="s">
        <v>218817</v>
      </c>
      <c r="F65672" s="1" t="s">
        <v>218818</v>
      </c>
      <c r="G65672" s="1" t="s">
        <v>218819</v>
      </c>
      <c r="H65672" s="1" t="s">
        <v>218820</v>
      </c>
      <c r="I65672" s="1" t="s">
        <v>218190</v>
      </c>
      <c r="J65672" s="1" t="s">
        <v>13</v>
      </c>
    </row>
    <row r="65673" spans="1:10" x14ac:dyDescent="0.35">
      <c r="A65673" s="1" t="s">
        <v>44878</v>
      </c>
      <c r="B65673" s="1" t="s">
        <v>218185</v>
      </c>
      <c r="C65673" s="1" t="s">
        <v>15</v>
      </c>
      <c r="D65673" s="1" t="s">
        <v>73802</v>
      </c>
      <c r="E65673" s="1" t="s">
        <v>218821</v>
      </c>
      <c r="F65673" s="1" t="s">
        <v>218822</v>
      </c>
      <c r="G65673" s="1" t="s">
        <v>218819</v>
      </c>
      <c r="H65673" s="1" t="s">
        <v>218820</v>
      </c>
      <c r="I65673" s="1" t="s">
        <v>218190</v>
      </c>
      <c r="J65673" s="1" t="s">
        <v>218823</v>
      </c>
    </row>
    <row r="65674" spans="1:10" x14ac:dyDescent="0.35">
      <c r="A65674" s="1" t="s">
        <v>44878</v>
      </c>
      <c r="B65674" s="1" t="s">
        <v>218185</v>
      </c>
      <c r="C65674" s="1" t="s">
        <v>20</v>
      </c>
      <c r="D65674" s="1" t="s">
        <v>31373</v>
      </c>
      <c r="E65674" s="1" t="s">
        <v>218824</v>
      </c>
      <c r="F65674" s="1" t="s">
        <v>218825</v>
      </c>
      <c r="G65674" s="1" t="s">
        <v>218819</v>
      </c>
      <c r="H65674" s="1" t="s">
        <v>218820</v>
      </c>
      <c r="I65674" s="1" t="s">
        <v>218190</v>
      </c>
      <c r="J65674" s="1" t="s">
        <v>218826</v>
      </c>
    </row>
    <row r="65675" spans="1:10" x14ac:dyDescent="0.35">
      <c r="A65675" s="1" t="s">
        <v>44878</v>
      </c>
      <c r="B65675" s="1" t="s">
        <v>218185</v>
      </c>
      <c r="C65675" s="1" t="s">
        <v>25</v>
      </c>
      <c r="D65675" s="1" t="s">
        <v>218827</v>
      </c>
      <c r="E65675" s="1" t="s">
        <v>218828</v>
      </c>
      <c r="F65675" s="1" t="s">
        <v>218829</v>
      </c>
      <c r="G65675" s="1" t="s">
        <v>218819</v>
      </c>
      <c r="H65675" s="1" t="s">
        <v>218820</v>
      </c>
      <c r="I65675" s="1" t="s">
        <v>218190</v>
      </c>
      <c r="J65675" s="1" t="s">
        <v>218830</v>
      </c>
    </row>
    <row r="65676" spans="1:10" x14ac:dyDescent="0.35">
      <c r="A65676" s="1" t="s">
        <v>44878</v>
      </c>
      <c r="B65676" s="1" t="s">
        <v>218185</v>
      </c>
      <c r="C65676" s="1" t="s">
        <v>30</v>
      </c>
      <c r="D65676" s="1" t="s">
        <v>48339</v>
      </c>
      <c r="E65676" s="1" t="s">
        <v>218831</v>
      </c>
      <c r="F65676" s="1" t="s">
        <v>218832</v>
      </c>
      <c r="G65676" s="1" t="s">
        <v>218819</v>
      </c>
      <c r="H65676" s="1" t="s">
        <v>218820</v>
      </c>
      <c r="I65676" s="1" t="s">
        <v>218190</v>
      </c>
      <c r="J65676" s="1" t="s">
        <v>218833</v>
      </c>
    </row>
    <row r="65677" spans="1:10" x14ac:dyDescent="0.35">
      <c r="A65677" s="1" t="s">
        <v>44878</v>
      </c>
      <c r="B65677" s="1" t="s">
        <v>218185</v>
      </c>
      <c r="C65677" s="1" t="s">
        <v>35</v>
      </c>
      <c r="D65677" s="1" t="s">
        <v>181464</v>
      </c>
      <c r="E65677" s="1" t="s">
        <v>218834</v>
      </c>
      <c r="F65677" s="1" t="s">
        <v>218835</v>
      </c>
      <c r="G65677" s="1" t="s">
        <v>218819</v>
      </c>
      <c r="H65677" s="1" t="s">
        <v>218820</v>
      </c>
      <c r="I65677" s="1" t="s">
        <v>218190</v>
      </c>
      <c r="J65677" s="1" t="s">
        <v>218836</v>
      </c>
    </row>
    <row r="65678" spans="1:10" x14ac:dyDescent="0.35">
      <c r="A65678" s="1" t="s">
        <v>44878</v>
      </c>
      <c r="B65678" s="1" t="s">
        <v>218185</v>
      </c>
      <c r="C65678" s="1" t="s">
        <v>40</v>
      </c>
      <c r="D65678" s="1" t="s">
        <v>111249</v>
      </c>
      <c r="E65678" s="1" t="s">
        <v>218837</v>
      </c>
      <c r="F65678" s="1" t="s">
        <v>218838</v>
      </c>
      <c r="G65678" s="1" t="s">
        <v>218819</v>
      </c>
      <c r="H65678" s="1" t="s">
        <v>218820</v>
      </c>
      <c r="I65678" s="1" t="s">
        <v>218190</v>
      </c>
      <c r="J65678" s="1" t="s">
        <v>218839</v>
      </c>
    </row>
    <row r="65679" spans="1:10" x14ac:dyDescent="0.35">
      <c r="A65679" s="1" t="s">
        <v>44878</v>
      </c>
      <c r="B65679" s="1" t="s">
        <v>218185</v>
      </c>
      <c r="C65679" s="1" t="s">
        <v>45</v>
      </c>
      <c r="D65679" s="1" t="s">
        <v>171366</v>
      </c>
      <c r="E65679" s="1" t="s">
        <v>218840</v>
      </c>
      <c r="F65679" s="1" t="s">
        <v>218841</v>
      </c>
      <c r="G65679" s="1" t="s">
        <v>218819</v>
      </c>
      <c r="H65679" s="1" t="s">
        <v>218820</v>
      </c>
      <c r="I65679" s="1" t="s">
        <v>218190</v>
      </c>
      <c r="J65679" s="1" t="s">
        <v>218842</v>
      </c>
    </row>
    <row r="65680" spans="1:10" x14ac:dyDescent="0.35">
      <c r="A65680" s="1" t="s">
        <v>44878</v>
      </c>
      <c r="B65680" s="1" t="s">
        <v>218185</v>
      </c>
      <c r="C65680" s="1" t="s">
        <v>50</v>
      </c>
      <c r="D65680" s="1" t="s">
        <v>141191</v>
      </c>
      <c r="E65680" s="1" t="s">
        <v>218843</v>
      </c>
      <c r="F65680" s="1" t="s">
        <v>218844</v>
      </c>
      <c r="G65680" s="1" t="s">
        <v>218819</v>
      </c>
      <c r="H65680" s="1" t="s">
        <v>218820</v>
      </c>
      <c r="I65680" s="1" t="s">
        <v>218190</v>
      </c>
      <c r="J65680" s="1" t="s">
        <v>218845</v>
      </c>
    </row>
    <row r="65681" spans="1:10" x14ac:dyDescent="0.35">
      <c r="A65681" s="1" t="s">
        <v>44878</v>
      </c>
      <c r="B65681" s="1" t="s">
        <v>218185</v>
      </c>
      <c r="C65681" s="1" t="s">
        <v>55</v>
      </c>
      <c r="D65681" s="1" t="s">
        <v>120274</v>
      </c>
      <c r="E65681" s="1" t="s">
        <v>218846</v>
      </c>
      <c r="F65681" s="1" t="s">
        <v>218847</v>
      </c>
      <c r="G65681" s="1" t="s">
        <v>218819</v>
      </c>
      <c r="H65681" s="1" t="s">
        <v>218820</v>
      </c>
      <c r="I65681" s="1" t="s">
        <v>218190</v>
      </c>
      <c r="J65681" s="1" t="s">
        <v>218848</v>
      </c>
    </row>
    <row r="65682" spans="1:10" x14ac:dyDescent="0.35">
      <c r="A65682" s="1" t="s">
        <v>44878</v>
      </c>
      <c r="B65682" s="1" t="s">
        <v>218185</v>
      </c>
      <c r="C65682" s="1" t="s">
        <v>60</v>
      </c>
      <c r="D65682" s="1" t="s">
        <v>111415</v>
      </c>
      <c r="E65682" s="1" t="s">
        <v>218849</v>
      </c>
      <c r="F65682" s="1" t="s">
        <v>218850</v>
      </c>
      <c r="G65682" s="1" t="s">
        <v>218819</v>
      </c>
      <c r="H65682" s="1" t="s">
        <v>218820</v>
      </c>
      <c r="I65682" s="1" t="s">
        <v>218190</v>
      </c>
      <c r="J65682" s="1" t="s">
        <v>218851</v>
      </c>
    </row>
    <row r="65683" spans="1:10" x14ac:dyDescent="0.35">
      <c r="A65683" s="1" t="s">
        <v>44878</v>
      </c>
      <c r="B65683" s="1" t="s">
        <v>218185</v>
      </c>
      <c r="C65683" s="1" t="s">
        <v>65</v>
      </c>
      <c r="D65683" s="1" t="s">
        <v>170081</v>
      </c>
      <c r="E65683" s="1" t="s">
        <v>218852</v>
      </c>
      <c r="F65683" s="1" t="s">
        <v>218853</v>
      </c>
      <c r="G65683" s="1" t="s">
        <v>218819</v>
      </c>
      <c r="H65683" s="1" t="s">
        <v>218820</v>
      </c>
      <c r="I65683" s="1" t="s">
        <v>218190</v>
      </c>
      <c r="J65683" s="1" t="s">
        <v>218854</v>
      </c>
    </row>
    <row r="65684" spans="1:10" x14ac:dyDescent="0.35">
      <c r="A65684" s="1" t="s">
        <v>44878</v>
      </c>
      <c r="B65684" s="1" t="s">
        <v>218185</v>
      </c>
      <c r="C65684" s="1" t="s">
        <v>70</v>
      </c>
      <c r="D65684" s="1" t="s">
        <v>116202</v>
      </c>
      <c r="E65684" s="1" t="s">
        <v>218855</v>
      </c>
      <c r="F65684" s="1" t="s">
        <v>218856</v>
      </c>
      <c r="G65684" s="1" t="s">
        <v>218819</v>
      </c>
      <c r="H65684" s="1" t="s">
        <v>218820</v>
      </c>
      <c r="I65684" s="1" t="s">
        <v>218190</v>
      </c>
      <c r="J65684" s="1" t="s">
        <v>218857</v>
      </c>
    </row>
    <row r="65685" spans="1:10" x14ac:dyDescent="0.35">
      <c r="A65685" s="1" t="s">
        <v>44878</v>
      </c>
      <c r="B65685" s="1" t="s">
        <v>218185</v>
      </c>
      <c r="C65685" s="1" t="s">
        <v>75</v>
      </c>
      <c r="D65685" s="1" t="s">
        <v>49212</v>
      </c>
      <c r="E65685" s="1" t="s">
        <v>218858</v>
      </c>
      <c r="F65685" s="1" t="s">
        <v>218859</v>
      </c>
      <c r="G65685" s="1" t="s">
        <v>218819</v>
      </c>
      <c r="H65685" s="1" t="s">
        <v>218820</v>
      </c>
      <c r="I65685" s="1" t="s">
        <v>218190</v>
      </c>
      <c r="J65685" s="1" t="s">
        <v>218860</v>
      </c>
    </row>
    <row r="65686" spans="1:10" x14ac:dyDescent="0.35">
      <c r="A65686" s="1" t="s">
        <v>44878</v>
      </c>
      <c r="B65686" s="1" t="s">
        <v>218185</v>
      </c>
      <c r="C65686" s="1" t="s">
        <v>80</v>
      </c>
      <c r="D65686" s="1" t="s">
        <v>4590</v>
      </c>
      <c r="E65686" s="1" t="s">
        <v>218861</v>
      </c>
      <c r="F65686" s="1" t="s">
        <v>218862</v>
      </c>
      <c r="G65686" s="1" t="s">
        <v>218819</v>
      </c>
      <c r="H65686" s="1" t="s">
        <v>218820</v>
      </c>
      <c r="I65686" s="1" t="s">
        <v>218190</v>
      </c>
      <c r="J65686" s="1" t="s">
        <v>218863</v>
      </c>
    </row>
    <row r="65687" spans="1:10" x14ac:dyDescent="0.35">
      <c r="A65687" s="1" t="s">
        <v>44878</v>
      </c>
      <c r="B65687" s="1" t="s">
        <v>218185</v>
      </c>
      <c r="C65687" s="1" t="s">
        <v>85</v>
      </c>
      <c r="D65687" s="1" t="s">
        <v>17171</v>
      </c>
      <c r="E65687" s="1" t="s">
        <v>218864</v>
      </c>
      <c r="F65687" s="1" t="s">
        <v>218865</v>
      </c>
      <c r="G65687" s="1" t="s">
        <v>218819</v>
      </c>
      <c r="H65687" s="1" t="s">
        <v>218820</v>
      </c>
      <c r="I65687" s="1" t="s">
        <v>218190</v>
      </c>
      <c r="J65687" s="1" t="s">
        <v>218866</v>
      </c>
    </row>
    <row r="65688" spans="1:10" x14ac:dyDescent="0.35">
      <c r="A65688" s="1" t="s">
        <v>44878</v>
      </c>
      <c r="B65688" s="1" t="s">
        <v>218185</v>
      </c>
      <c r="C65688" s="1" t="s">
        <v>90</v>
      </c>
      <c r="D65688" s="1" t="s">
        <v>142140</v>
      </c>
      <c r="E65688" s="1" t="s">
        <v>218867</v>
      </c>
      <c r="F65688" s="1" t="s">
        <v>218868</v>
      </c>
      <c r="G65688" s="1" t="s">
        <v>218819</v>
      </c>
      <c r="H65688" s="1" t="s">
        <v>218820</v>
      </c>
      <c r="I65688" s="1" t="s">
        <v>218190</v>
      </c>
      <c r="J65688" s="1" t="s">
        <v>218869</v>
      </c>
    </row>
    <row r="65689" spans="1:10" x14ac:dyDescent="0.35">
      <c r="A65689" s="1" t="s">
        <v>44878</v>
      </c>
      <c r="B65689" s="1" t="s">
        <v>218185</v>
      </c>
      <c r="C65689" s="1" t="s">
        <v>95</v>
      </c>
      <c r="D65689" s="1" t="s">
        <v>5344</v>
      </c>
      <c r="E65689" s="1" t="s">
        <v>218870</v>
      </c>
      <c r="F65689" s="1" t="s">
        <v>218871</v>
      </c>
      <c r="G65689" s="1" t="s">
        <v>218819</v>
      </c>
      <c r="H65689" s="1" t="s">
        <v>218820</v>
      </c>
      <c r="I65689" s="1" t="s">
        <v>218190</v>
      </c>
      <c r="J65689" s="1" t="s">
        <v>218872</v>
      </c>
    </row>
    <row r="65690" spans="1:10" x14ac:dyDescent="0.35">
      <c r="A65690" s="1" t="s">
        <v>44878</v>
      </c>
      <c r="B65690" s="1" t="s">
        <v>218185</v>
      </c>
      <c r="C65690" s="1" t="s">
        <v>100</v>
      </c>
      <c r="D65690" s="1" t="s">
        <v>218341</v>
      </c>
      <c r="E65690" s="1" t="s">
        <v>218873</v>
      </c>
      <c r="F65690" s="1" t="s">
        <v>218874</v>
      </c>
      <c r="G65690" s="1" t="s">
        <v>218819</v>
      </c>
      <c r="H65690" s="1" t="s">
        <v>218820</v>
      </c>
      <c r="I65690" s="1" t="s">
        <v>218190</v>
      </c>
      <c r="J65690" s="1" t="s">
        <v>218875</v>
      </c>
    </row>
    <row r="65691" spans="1:10" x14ac:dyDescent="0.35">
      <c r="A65691" s="1" t="s">
        <v>44878</v>
      </c>
      <c r="B65691" s="1" t="s">
        <v>218185</v>
      </c>
      <c r="C65691" s="1" t="s">
        <v>105</v>
      </c>
      <c r="D65691" s="1" t="s">
        <v>51902</v>
      </c>
      <c r="E65691" s="1" t="s">
        <v>218876</v>
      </c>
      <c r="F65691" s="1" t="s">
        <v>218877</v>
      </c>
      <c r="G65691" s="1" t="s">
        <v>218819</v>
      </c>
      <c r="H65691" s="1" t="s">
        <v>218820</v>
      </c>
      <c r="I65691" s="1" t="s">
        <v>218190</v>
      </c>
      <c r="J65691" s="1" t="s">
        <v>218878</v>
      </c>
    </row>
    <row r="65692" spans="1:10" x14ac:dyDescent="0.35">
      <c r="A65692" s="1" t="s">
        <v>44878</v>
      </c>
      <c r="B65692" s="1" t="s">
        <v>218185</v>
      </c>
      <c r="C65692" s="1" t="s">
        <v>110</v>
      </c>
      <c r="D65692" s="1" t="s">
        <v>218879</v>
      </c>
      <c r="E65692" s="1" t="s">
        <v>218880</v>
      </c>
      <c r="F65692" s="1" t="s">
        <v>218881</v>
      </c>
      <c r="G65692" s="1" t="s">
        <v>218819</v>
      </c>
      <c r="H65692" s="1" t="s">
        <v>218820</v>
      </c>
      <c r="I65692" s="1" t="s">
        <v>218190</v>
      </c>
      <c r="J65692" s="1" t="s">
        <v>218882</v>
      </c>
    </row>
    <row r="65693" spans="1:10" x14ac:dyDescent="0.35">
      <c r="A65693" s="1" t="s">
        <v>44878</v>
      </c>
      <c r="B65693" s="1" t="s">
        <v>218185</v>
      </c>
      <c r="C65693" s="1" t="s">
        <v>115</v>
      </c>
      <c r="D65693" s="1" t="s">
        <v>123354</v>
      </c>
      <c r="E65693" s="1" t="s">
        <v>218883</v>
      </c>
      <c r="F65693" s="1" t="s">
        <v>218884</v>
      </c>
      <c r="G65693" s="1" t="s">
        <v>218819</v>
      </c>
      <c r="H65693" s="1" t="s">
        <v>218820</v>
      </c>
      <c r="I65693" s="1" t="s">
        <v>218190</v>
      </c>
      <c r="J65693" s="1" t="s">
        <v>218885</v>
      </c>
    </row>
    <row r="65694" spans="1:10" x14ac:dyDescent="0.35">
      <c r="A65694" s="1" t="s">
        <v>44878</v>
      </c>
      <c r="B65694" s="1" t="s">
        <v>218185</v>
      </c>
      <c r="C65694" s="1" t="s">
        <v>120</v>
      </c>
      <c r="D65694" s="1" t="s">
        <v>31988</v>
      </c>
      <c r="E65694" s="1" t="s">
        <v>218886</v>
      </c>
      <c r="F65694" s="1" t="s">
        <v>218887</v>
      </c>
      <c r="G65694" s="1" t="s">
        <v>218819</v>
      </c>
      <c r="H65694" s="1" t="s">
        <v>218820</v>
      </c>
      <c r="I65694" s="1" t="s">
        <v>218190</v>
      </c>
      <c r="J65694" s="1" t="s">
        <v>218888</v>
      </c>
    </row>
    <row r="65695" spans="1:10" x14ac:dyDescent="0.35">
      <c r="A65695" s="1" t="s">
        <v>44878</v>
      </c>
      <c r="B65695" s="1" t="s">
        <v>218185</v>
      </c>
      <c r="C65695" s="1" t="s">
        <v>125</v>
      </c>
      <c r="D65695" s="1" t="s">
        <v>3659</v>
      </c>
      <c r="E65695" s="1" t="s">
        <v>218889</v>
      </c>
      <c r="F65695" s="1" t="s">
        <v>218890</v>
      </c>
      <c r="G65695" s="1" t="s">
        <v>218819</v>
      </c>
      <c r="H65695" s="1" t="s">
        <v>218820</v>
      </c>
      <c r="I65695" s="1" t="s">
        <v>218190</v>
      </c>
      <c r="J65695" s="1" t="s">
        <v>218891</v>
      </c>
    </row>
    <row r="65696" spans="1:10" x14ac:dyDescent="0.35">
      <c r="A65696" s="1" t="s">
        <v>44878</v>
      </c>
      <c r="B65696" s="1" t="s">
        <v>218185</v>
      </c>
      <c r="C65696" s="1" t="s">
        <v>130</v>
      </c>
      <c r="D65696" s="1" t="s">
        <v>126548</v>
      </c>
      <c r="E65696" s="1" t="s">
        <v>218892</v>
      </c>
      <c r="F65696" s="1" t="s">
        <v>218893</v>
      </c>
      <c r="G65696" s="1" t="s">
        <v>218819</v>
      </c>
      <c r="H65696" s="1" t="s">
        <v>218820</v>
      </c>
      <c r="I65696" s="1" t="s">
        <v>218190</v>
      </c>
      <c r="J65696" s="1" t="s">
        <v>218894</v>
      </c>
    </row>
    <row r="65697" spans="1:10" x14ac:dyDescent="0.35">
      <c r="A65697" s="1" t="s">
        <v>44878</v>
      </c>
      <c r="B65697" s="1" t="s">
        <v>218185</v>
      </c>
      <c r="C65697" s="1" t="s">
        <v>135</v>
      </c>
      <c r="D65697" s="1" t="s">
        <v>117095</v>
      </c>
      <c r="E65697" s="1" t="s">
        <v>218895</v>
      </c>
      <c r="F65697" s="1" t="s">
        <v>218896</v>
      </c>
      <c r="G65697" s="1" t="s">
        <v>218819</v>
      </c>
      <c r="H65697" s="1" t="s">
        <v>218820</v>
      </c>
      <c r="I65697" s="1" t="s">
        <v>218190</v>
      </c>
      <c r="J65697" s="1" t="s">
        <v>218897</v>
      </c>
    </row>
    <row r="65698" spans="1:10" x14ac:dyDescent="0.35">
      <c r="A65698" s="1" t="s">
        <v>44878</v>
      </c>
      <c r="B65698" s="1" t="s">
        <v>218185</v>
      </c>
      <c r="C65698" s="1" t="s">
        <v>140</v>
      </c>
      <c r="D65698" s="1" t="s">
        <v>218827</v>
      </c>
      <c r="E65698" s="1" t="s">
        <v>218898</v>
      </c>
      <c r="F65698" s="1" t="s">
        <v>218899</v>
      </c>
      <c r="G65698" s="1" t="s">
        <v>218819</v>
      </c>
      <c r="H65698" s="1" t="s">
        <v>218820</v>
      </c>
      <c r="I65698" s="1" t="s">
        <v>218190</v>
      </c>
      <c r="J65698" s="1" t="s">
        <v>218900</v>
      </c>
    </row>
    <row r="65699" spans="1:10" x14ac:dyDescent="0.35">
      <c r="A65699" s="1" t="s">
        <v>44878</v>
      </c>
      <c r="B65699" s="1" t="s">
        <v>218185</v>
      </c>
      <c r="C65699" s="1" t="s">
        <v>145</v>
      </c>
      <c r="D65699" s="1" t="s">
        <v>119203</v>
      </c>
      <c r="E65699" s="1" t="s">
        <v>218901</v>
      </c>
      <c r="F65699" s="1" t="s">
        <v>218902</v>
      </c>
      <c r="G65699" s="1" t="s">
        <v>218819</v>
      </c>
      <c r="H65699" s="1" t="s">
        <v>218820</v>
      </c>
      <c r="I65699" s="1" t="s">
        <v>218190</v>
      </c>
      <c r="J65699" s="1" t="s">
        <v>218903</v>
      </c>
    </row>
    <row r="65700" spans="1:10" x14ac:dyDescent="0.35">
      <c r="A65700" s="1" t="s">
        <v>44878</v>
      </c>
      <c r="B65700" s="1" t="s">
        <v>218185</v>
      </c>
      <c r="C65700" s="1" t="s">
        <v>150</v>
      </c>
      <c r="D65700" s="1" t="s">
        <v>159634</v>
      </c>
      <c r="E65700" s="1" t="s">
        <v>218904</v>
      </c>
      <c r="F65700" s="1" t="s">
        <v>218905</v>
      </c>
      <c r="G65700" s="1" t="s">
        <v>218819</v>
      </c>
      <c r="H65700" s="1" t="s">
        <v>218820</v>
      </c>
      <c r="I65700" s="1" t="s">
        <v>218190</v>
      </c>
      <c r="J65700" s="1" t="s">
        <v>218906</v>
      </c>
    </row>
    <row r="65701" spans="1:10" x14ac:dyDescent="0.35">
      <c r="A65701" s="1" t="s">
        <v>44878</v>
      </c>
      <c r="B65701" s="1" t="s">
        <v>218185</v>
      </c>
      <c r="C65701" s="1" t="s">
        <v>155</v>
      </c>
      <c r="D65701" s="1" t="s">
        <v>3647</v>
      </c>
      <c r="E65701" s="1" t="s">
        <v>218907</v>
      </c>
      <c r="F65701" s="1" t="s">
        <v>218908</v>
      </c>
      <c r="G65701" s="1" t="s">
        <v>218819</v>
      </c>
      <c r="H65701" s="1" t="s">
        <v>218820</v>
      </c>
      <c r="I65701" s="1" t="s">
        <v>218190</v>
      </c>
      <c r="J65701" s="1" t="s">
        <v>218909</v>
      </c>
    </row>
    <row r="65702" spans="1:10" x14ac:dyDescent="0.35">
      <c r="A65702" s="1" t="s">
        <v>44878</v>
      </c>
      <c r="B65702" s="1" t="s">
        <v>218185</v>
      </c>
      <c r="C65702" s="1" t="s">
        <v>160</v>
      </c>
      <c r="D65702" s="1" t="s">
        <v>135345</v>
      </c>
      <c r="E65702" s="1" t="s">
        <v>218910</v>
      </c>
      <c r="F65702" s="1" t="s">
        <v>218911</v>
      </c>
      <c r="G65702" s="1" t="s">
        <v>218819</v>
      </c>
      <c r="H65702" s="1" t="s">
        <v>218820</v>
      </c>
      <c r="I65702" s="1" t="s">
        <v>218190</v>
      </c>
      <c r="J65702" s="1" t="s">
        <v>218912</v>
      </c>
    </row>
    <row r="65703" spans="1:10" x14ac:dyDescent="0.35">
      <c r="A65703" s="1" t="s">
        <v>44878</v>
      </c>
      <c r="B65703" s="1" t="s">
        <v>218185</v>
      </c>
      <c r="C65703" s="1" t="s">
        <v>165</v>
      </c>
      <c r="D65703" s="1" t="s">
        <v>45896</v>
      </c>
      <c r="E65703" s="1" t="s">
        <v>218913</v>
      </c>
      <c r="F65703" s="1" t="s">
        <v>218914</v>
      </c>
      <c r="G65703" s="1" t="s">
        <v>218819</v>
      </c>
      <c r="H65703" s="1" t="s">
        <v>218820</v>
      </c>
      <c r="I65703" s="1" t="s">
        <v>218190</v>
      </c>
      <c r="J65703" s="1" t="s">
        <v>218915</v>
      </c>
    </row>
    <row r="65704" spans="1:10" x14ac:dyDescent="0.35">
      <c r="A65704" s="1" t="s">
        <v>44878</v>
      </c>
      <c r="B65704" s="1" t="s">
        <v>218185</v>
      </c>
      <c r="C65704" s="1" t="s">
        <v>170</v>
      </c>
      <c r="D65704" s="1" t="s">
        <v>48900</v>
      </c>
      <c r="E65704" s="1" t="s">
        <v>218916</v>
      </c>
      <c r="F65704" s="1" t="s">
        <v>218917</v>
      </c>
      <c r="G65704" s="1" t="s">
        <v>218819</v>
      </c>
      <c r="H65704" s="1" t="s">
        <v>218820</v>
      </c>
      <c r="I65704" s="1" t="s">
        <v>218190</v>
      </c>
      <c r="J65704" s="1" t="s">
        <v>218918</v>
      </c>
    </row>
    <row r="65705" spans="1:10" x14ac:dyDescent="0.35">
      <c r="A65705" s="1" t="s">
        <v>149221</v>
      </c>
      <c r="B65705" s="1" t="s">
        <v>218185</v>
      </c>
      <c r="C65705" s="1" t="s">
        <v>8</v>
      </c>
      <c r="D65705" s="1" t="s">
        <v>31673</v>
      </c>
      <c r="E65705" s="1" t="s">
        <v>218919</v>
      </c>
      <c r="F65705" s="1" t="s">
        <v>218920</v>
      </c>
      <c r="G65705" s="1" t="s">
        <v>218921</v>
      </c>
      <c r="H65705" s="1" t="s">
        <v>218922</v>
      </c>
      <c r="I65705" s="1" t="s">
        <v>218190</v>
      </c>
      <c r="J65705" s="1" t="s">
        <v>13</v>
      </c>
    </row>
    <row r="65706" spans="1:10" x14ac:dyDescent="0.35">
      <c r="A65706" s="1" t="s">
        <v>149221</v>
      </c>
      <c r="B65706" s="1" t="s">
        <v>218185</v>
      </c>
      <c r="C65706" s="1" t="s">
        <v>15</v>
      </c>
      <c r="D65706" s="1" t="s">
        <v>212505</v>
      </c>
      <c r="E65706" s="1" t="s">
        <v>218923</v>
      </c>
      <c r="F65706" s="1" t="s">
        <v>218924</v>
      </c>
      <c r="G65706" s="1" t="s">
        <v>218921</v>
      </c>
      <c r="H65706" s="1" t="s">
        <v>218922</v>
      </c>
      <c r="I65706" s="1" t="s">
        <v>218190</v>
      </c>
      <c r="J65706" s="1" t="s">
        <v>218925</v>
      </c>
    </row>
    <row r="65707" spans="1:10" x14ac:dyDescent="0.35">
      <c r="A65707" s="1" t="s">
        <v>149221</v>
      </c>
      <c r="B65707" s="1" t="s">
        <v>218185</v>
      </c>
      <c r="C65707" s="1" t="s">
        <v>20</v>
      </c>
      <c r="D65707" s="1" t="s">
        <v>218926</v>
      </c>
      <c r="E65707" s="1" t="s">
        <v>218927</v>
      </c>
      <c r="F65707" s="1" t="s">
        <v>218928</v>
      </c>
      <c r="G65707" s="1" t="s">
        <v>218921</v>
      </c>
      <c r="H65707" s="1" t="s">
        <v>218922</v>
      </c>
      <c r="I65707" s="1" t="s">
        <v>218190</v>
      </c>
      <c r="J65707" s="1" t="s">
        <v>218929</v>
      </c>
    </row>
    <row r="65708" spans="1:10" x14ac:dyDescent="0.35">
      <c r="A65708" s="1" t="s">
        <v>149221</v>
      </c>
      <c r="B65708" s="1" t="s">
        <v>218185</v>
      </c>
      <c r="C65708" s="1" t="s">
        <v>25</v>
      </c>
      <c r="D65708" s="1" t="s">
        <v>144903</v>
      </c>
      <c r="E65708" s="1" t="s">
        <v>218930</v>
      </c>
      <c r="F65708" s="1" t="s">
        <v>218931</v>
      </c>
      <c r="G65708" s="1" t="s">
        <v>218921</v>
      </c>
      <c r="H65708" s="1" t="s">
        <v>218922</v>
      </c>
      <c r="I65708" s="1" t="s">
        <v>218190</v>
      </c>
      <c r="J65708" s="1" t="s">
        <v>218932</v>
      </c>
    </row>
    <row r="65709" spans="1:10" x14ac:dyDescent="0.35">
      <c r="A65709" s="1" t="s">
        <v>149221</v>
      </c>
      <c r="B65709" s="1" t="s">
        <v>218185</v>
      </c>
      <c r="C65709" s="1" t="s">
        <v>30</v>
      </c>
      <c r="D65709" s="1" t="s">
        <v>135633</v>
      </c>
      <c r="E65709" s="1" t="s">
        <v>218933</v>
      </c>
      <c r="F65709" s="1" t="s">
        <v>218934</v>
      </c>
      <c r="G65709" s="1" t="s">
        <v>218921</v>
      </c>
      <c r="H65709" s="1" t="s">
        <v>218922</v>
      </c>
      <c r="I65709" s="1" t="s">
        <v>218190</v>
      </c>
      <c r="J65709" s="1" t="s">
        <v>218935</v>
      </c>
    </row>
    <row r="65710" spans="1:10" x14ac:dyDescent="0.35">
      <c r="A65710" s="1" t="s">
        <v>149221</v>
      </c>
      <c r="B65710" s="1" t="s">
        <v>218185</v>
      </c>
      <c r="C65710" s="1" t="s">
        <v>35</v>
      </c>
      <c r="D65710" s="1" t="s">
        <v>9586</v>
      </c>
      <c r="E65710" s="1" t="s">
        <v>218936</v>
      </c>
      <c r="F65710" s="1" t="s">
        <v>218937</v>
      </c>
      <c r="G65710" s="1" t="s">
        <v>218921</v>
      </c>
      <c r="H65710" s="1" t="s">
        <v>218922</v>
      </c>
      <c r="I65710" s="1" t="s">
        <v>218190</v>
      </c>
      <c r="J65710" s="1" t="s">
        <v>218938</v>
      </c>
    </row>
    <row r="65711" spans="1:10" x14ac:dyDescent="0.35">
      <c r="A65711" s="1" t="s">
        <v>149221</v>
      </c>
      <c r="B65711" s="1" t="s">
        <v>218185</v>
      </c>
      <c r="C65711" s="1" t="s">
        <v>40</v>
      </c>
      <c r="D65711" s="1" t="s">
        <v>74636</v>
      </c>
      <c r="E65711" s="1" t="s">
        <v>218939</v>
      </c>
      <c r="F65711" s="1" t="s">
        <v>218940</v>
      </c>
      <c r="G65711" s="1" t="s">
        <v>218921</v>
      </c>
      <c r="H65711" s="1" t="s">
        <v>218922</v>
      </c>
      <c r="I65711" s="1" t="s">
        <v>218190</v>
      </c>
      <c r="J65711" s="1" t="s">
        <v>218941</v>
      </c>
    </row>
    <row r="65712" spans="1:10" x14ac:dyDescent="0.35">
      <c r="A65712" s="1" t="s">
        <v>149221</v>
      </c>
      <c r="B65712" s="1" t="s">
        <v>218185</v>
      </c>
      <c r="C65712" s="1" t="s">
        <v>45</v>
      </c>
      <c r="D65712" s="1" t="s">
        <v>176448</v>
      </c>
      <c r="E65712" s="1" t="s">
        <v>218942</v>
      </c>
      <c r="F65712" s="1" t="s">
        <v>218943</v>
      </c>
      <c r="G65712" s="1" t="s">
        <v>218921</v>
      </c>
      <c r="H65712" s="1" t="s">
        <v>218922</v>
      </c>
      <c r="I65712" s="1" t="s">
        <v>218190</v>
      </c>
      <c r="J65712" s="1" t="s">
        <v>218944</v>
      </c>
    </row>
    <row r="65713" spans="1:10" x14ac:dyDescent="0.35">
      <c r="A65713" s="1" t="s">
        <v>149221</v>
      </c>
      <c r="B65713" s="1" t="s">
        <v>218185</v>
      </c>
      <c r="C65713" s="1" t="s">
        <v>50</v>
      </c>
      <c r="D65713" s="1" t="s">
        <v>46871</v>
      </c>
      <c r="E65713" s="1" t="s">
        <v>218945</v>
      </c>
      <c r="F65713" s="1" t="s">
        <v>218946</v>
      </c>
      <c r="G65713" s="1" t="s">
        <v>218921</v>
      </c>
      <c r="H65713" s="1" t="s">
        <v>218922</v>
      </c>
      <c r="I65713" s="1" t="s">
        <v>218190</v>
      </c>
      <c r="J65713" s="1" t="s">
        <v>218947</v>
      </c>
    </row>
    <row r="65714" spans="1:10" x14ac:dyDescent="0.35">
      <c r="A65714" s="1" t="s">
        <v>149221</v>
      </c>
      <c r="B65714" s="1" t="s">
        <v>218185</v>
      </c>
      <c r="C65714" s="1" t="s">
        <v>55</v>
      </c>
      <c r="D65714" s="1" t="s">
        <v>31265</v>
      </c>
      <c r="E65714" s="1" t="s">
        <v>218948</v>
      </c>
      <c r="F65714" s="1" t="s">
        <v>218949</v>
      </c>
      <c r="G65714" s="1" t="s">
        <v>218921</v>
      </c>
      <c r="H65714" s="1" t="s">
        <v>218922</v>
      </c>
      <c r="I65714" s="1" t="s">
        <v>218190</v>
      </c>
      <c r="J65714" s="1" t="s">
        <v>218950</v>
      </c>
    </row>
    <row r="65715" spans="1:10" x14ac:dyDescent="0.35">
      <c r="A65715" s="1" t="s">
        <v>149221</v>
      </c>
      <c r="B65715" s="1" t="s">
        <v>218185</v>
      </c>
      <c r="C65715" s="1" t="s">
        <v>60</v>
      </c>
      <c r="D65715" s="1" t="s">
        <v>182221</v>
      </c>
      <c r="E65715" s="1" t="s">
        <v>218951</v>
      </c>
      <c r="F65715" s="1" t="s">
        <v>218952</v>
      </c>
      <c r="G65715" s="1" t="s">
        <v>218921</v>
      </c>
      <c r="H65715" s="1" t="s">
        <v>218922</v>
      </c>
      <c r="I65715" s="1" t="s">
        <v>218190</v>
      </c>
      <c r="J65715" s="1" t="s">
        <v>218953</v>
      </c>
    </row>
    <row r="65716" spans="1:10" x14ac:dyDescent="0.35">
      <c r="A65716" s="1" t="s">
        <v>149221</v>
      </c>
      <c r="B65716" s="1" t="s">
        <v>218185</v>
      </c>
      <c r="C65716" s="1" t="s">
        <v>65</v>
      </c>
      <c r="D65716" s="1" t="s">
        <v>71388</v>
      </c>
      <c r="E65716" s="1" t="s">
        <v>218954</v>
      </c>
      <c r="F65716" s="1" t="s">
        <v>218955</v>
      </c>
      <c r="G65716" s="1" t="s">
        <v>218921</v>
      </c>
      <c r="H65716" s="1" t="s">
        <v>218922</v>
      </c>
      <c r="I65716" s="1" t="s">
        <v>218190</v>
      </c>
      <c r="J65716" s="1" t="s">
        <v>218956</v>
      </c>
    </row>
    <row r="65717" spans="1:10" x14ac:dyDescent="0.35">
      <c r="A65717" s="1" t="s">
        <v>149221</v>
      </c>
      <c r="B65717" s="1" t="s">
        <v>218185</v>
      </c>
      <c r="C65717" s="1" t="s">
        <v>70</v>
      </c>
      <c r="D65717" s="1" t="s">
        <v>218957</v>
      </c>
      <c r="E65717" s="1" t="s">
        <v>218958</v>
      </c>
      <c r="F65717" s="1" t="s">
        <v>218959</v>
      </c>
      <c r="G65717" s="1" t="s">
        <v>218921</v>
      </c>
      <c r="H65717" s="1" t="s">
        <v>218922</v>
      </c>
      <c r="I65717" s="1" t="s">
        <v>218190</v>
      </c>
      <c r="J65717" s="1" t="s">
        <v>218960</v>
      </c>
    </row>
    <row r="65718" spans="1:10" x14ac:dyDescent="0.35">
      <c r="A65718" s="1" t="s">
        <v>149221</v>
      </c>
      <c r="B65718" s="1" t="s">
        <v>218185</v>
      </c>
      <c r="C65718" s="1" t="s">
        <v>75</v>
      </c>
      <c r="D65718" s="1" t="s">
        <v>174906</v>
      </c>
      <c r="E65718" s="1" t="s">
        <v>218961</v>
      </c>
      <c r="F65718" s="1" t="s">
        <v>218962</v>
      </c>
      <c r="G65718" s="1" t="s">
        <v>218921</v>
      </c>
      <c r="H65718" s="1" t="s">
        <v>218922</v>
      </c>
      <c r="I65718" s="1" t="s">
        <v>218190</v>
      </c>
      <c r="J65718" s="1" t="s">
        <v>218963</v>
      </c>
    </row>
    <row r="65719" spans="1:10" x14ac:dyDescent="0.35">
      <c r="A65719" s="1" t="s">
        <v>149221</v>
      </c>
      <c r="B65719" s="1" t="s">
        <v>218185</v>
      </c>
      <c r="C65719" s="1" t="s">
        <v>80</v>
      </c>
      <c r="D65719" s="1" t="s">
        <v>74266</v>
      </c>
      <c r="E65719" s="1" t="s">
        <v>218964</v>
      </c>
      <c r="F65719" s="1" t="s">
        <v>218965</v>
      </c>
      <c r="G65719" s="1" t="s">
        <v>218921</v>
      </c>
      <c r="H65719" s="1" t="s">
        <v>218922</v>
      </c>
      <c r="I65719" s="1" t="s">
        <v>218190</v>
      </c>
      <c r="J65719" s="1" t="s">
        <v>218966</v>
      </c>
    </row>
    <row r="65720" spans="1:10" x14ac:dyDescent="0.35">
      <c r="A65720" s="1" t="s">
        <v>149221</v>
      </c>
      <c r="B65720" s="1" t="s">
        <v>218185</v>
      </c>
      <c r="C65720" s="1" t="s">
        <v>85</v>
      </c>
      <c r="D65720" s="1" t="s">
        <v>210711</v>
      </c>
      <c r="E65720" s="1" t="s">
        <v>218967</v>
      </c>
      <c r="F65720" s="1" t="s">
        <v>218968</v>
      </c>
      <c r="G65720" s="1" t="s">
        <v>218921</v>
      </c>
      <c r="H65720" s="1" t="s">
        <v>218922</v>
      </c>
      <c r="I65720" s="1" t="s">
        <v>218190</v>
      </c>
      <c r="J65720" s="1" t="s">
        <v>218969</v>
      </c>
    </row>
    <row r="65721" spans="1:10" x14ac:dyDescent="0.35">
      <c r="A65721" s="1" t="s">
        <v>149221</v>
      </c>
      <c r="B65721" s="1" t="s">
        <v>218185</v>
      </c>
      <c r="C65721" s="1" t="s">
        <v>90</v>
      </c>
      <c r="D65721" s="1" t="s">
        <v>211829</v>
      </c>
      <c r="E65721" s="1" t="s">
        <v>218970</v>
      </c>
      <c r="F65721" s="1" t="s">
        <v>218971</v>
      </c>
      <c r="G65721" s="1" t="s">
        <v>218921</v>
      </c>
      <c r="H65721" s="1" t="s">
        <v>218922</v>
      </c>
      <c r="I65721" s="1" t="s">
        <v>218190</v>
      </c>
      <c r="J65721" s="1" t="s">
        <v>218972</v>
      </c>
    </row>
    <row r="65722" spans="1:10" x14ac:dyDescent="0.35">
      <c r="A65722" s="1" t="s">
        <v>149221</v>
      </c>
      <c r="B65722" s="1" t="s">
        <v>218185</v>
      </c>
      <c r="C65722" s="1" t="s">
        <v>95</v>
      </c>
      <c r="D65722" s="1" t="s">
        <v>135079</v>
      </c>
      <c r="E65722" s="1" t="s">
        <v>218973</v>
      </c>
      <c r="F65722" s="1" t="s">
        <v>218974</v>
      </c>
      <c r="G65722" s="1" t="s">
        <v>218921</v>
      </c>
      <c r="H65722" s="1" t="s">
        <v>218922</v>
      </c>
      <c r="I65722" s="1" t="s">
        <v>218190</v>
      </c>
      <c r="J65722" s="1" t="s">
        <v>218975</v>
      </c>
    </row>
    <row r="65723" spans="1:10" x14ac:dyDescent="0.35">
      <c r="A65723" s="1" t="s">
        <v>149221</v>
      </c>
      <c r="B65723" s="1" t="s">
        <v>218185</v>
      </c>
      <c r="C65723" s="1" t="s">
        <v>100</v>
      </c>
      <c r="D65723" s="1" t="s">
        <v>218976</v>
      </c>
      <c r="E65723" s="1" t="s">
        <v>218977</v>
      </c>
      <c r="F65723" s="1" t="s">
        <v>218978</v>
      </c>
      <c r="G65723" s="1" t="s">
        <v>218921</v>
      </c>
      <c r="H65723" s="1" t="s">
        <v>218922</v>
      </c>
      <c r="I65723" s="1" t="s">
        <v>218190</v>
      </c>
      <c r="J65723" s="1" t="s">
        <v>218979</v>
      </c>
    </row>
    <row r="65724" spans="1:10" x14ac:dyDescent="0.35">
      <c r="A65724" s="1" t="s">
        <v>149221</v>
      </c>
      <c r="B65724" s="1" t="s">
        <v>218185</v>
      </c>
      <c r="C65724" s="1" t="s">
        <v>105</v>
      </c>
      <c r="D65724" s="1" t="s">
        <v>125875</v>
      </c>
      <c r="E65724" s="1" t="s">
        <v>218980</v>
      </c>
      <c r="F65724" s="1" t="s">
        <v>218981</v>
      </c>
      <c r="G65724" s="1" t="s">
        <v>218921</v>
      </c>
      <c r="H65724" s="1" t="s">
        <v>218922</v>
      </c>
      <c r="I65724" s="1" t="s">
        <v>218190</v>
      </c>
      <c r="J65724" s="1" t="s">
        <v>218982</v>
      </c>
    </row>
    <row r="65725" spans="1:10" x14ac:dyDescent="0.35">
      <c r="A65725" s="1" t="s">
        <v>149221</v>
      </c>
      <c r="B65725" s="1" t="s">
        <v>218185</v>
      </c>
      <c r="C65725" s="1" t="s">
        <v>110</v>
      </c>
      <c r="D65725" s="1" t="s">
        <v>218983</v>
      </c>
      <c r="E65725" s="1" t="s">
        <v>218984</v>
      </c>
      <c r="F65725" s="1" t="s">
        <v>218985</v>
      </c>
      <c r="G65725" s="1" t="s">
        <v>218921</v>
      </c>
      <c r="H65725" s="1" t="s">
        <v>218922</v>
      </c>
      <c r="I65725" s="1" t="s">
        <v>218190</v>
      </c>
      <c r="J65725" s="1" t="s">
        <v>218986</v>
      </c>
    </row>
    <row r="65726" spans="1:10" x14ac:dyDescent="0.35">
      <c r="A65726" s="1" t="s">
        <v>149221</v>
      </c>
      <c r="B65726" s="1" t="s">
        <v>218185</v>
      </c>
      <c r="C65726" s="1" t="s">
        <v>115</v>
      </c>
      <c r="D65726" s="1" t="s">
        <v>31411</v>
      </c>
      <c r="E65726" s="1" t="s">
        <v>218987</v>
      </c>
      <c r="F65726" s="1" t="s">
        <v>218988</v>
      </c>
      <c r="G65726" s="1" t="s">
        <v>218921</v>
      </c>
      <c r="H65726" s="1" t="s">
        <v>218922</v>
      </c>
      <c r="I65726" s="1" t="s">
        <v>218190</v>
      </c>
      <c r="J65726" s="1" t="s">
        <v>218989</v>
      </c>
    </row>
    <row r="65727" spans="1:10" x14ac:dyDescent="0.35">
      <c r="A65727" s="1" t="s">
        <v>149221</v>
      </c>
      <c r="B65727" s="1" t="s">
        <v>218185</v>
      </c>
      <c r="C65727" s="1" t="s">
        <v>120</v>
      </c>
      <c r="D65727" s="1" t="s">
        <v>210243</v>
      </c>
      <c r="E65727" s="1" t="s">
        <v>218990</v>
      </c>
      <c r="F65727" s="1" t="s">
        <v>218991</v>
      </c>
      <c r="G65727" s="1" t="s">
        <v>218921</v>
      </c>
      <c r="H65727" s="1" t="s">
        <v>218922</v>
      </c>
      <c r="I65727" s="1" t="s">
        <v>218190</v>
      </c>
      <c r="J65727" s="1" t="s">
        <v>218992</v>
      </c>
    </row>
    <row r="65728" spans="1:10" x14ac:dyDescent="0.35">
      <c r="A65728" s="1" t="s">
        <v>149221</v>
      </c>
      <c r="B65728" s="1" t="s">
        <v>218185</v>
      </c>
      <c r="C65728" s="1" t="s">
        <v>125</v>
      </c>
      <c r="D65728" s="1" t="s">
        <v>218993</v>
      </c>
      <c r="E65728" s="1" t="s">
        <v>218994</v>
      </c>
      <c r="F65728" s="1" t="s">
        <v>218995</v>
      </c>
      <c r="G65728" s="1" t="s">
        <v>218921</v>
      </c>
      <c r="H65728" s="1" t="s">
        <v>218922</v>
      </c>
      <c r="I65728" s="1" t="s">
        <v>218190</v>
      </c>
      <c r="J65728" s="1" t="s">
        <v>218996</v>
      </c>
    </row>
    <row r="65729" spans="1:10" x14ac:dyDescent="0.35">
      <c r="A65729" s="1" t="s">
        <v>149221</v>
      </c>
      <c r="B65729" s="1" t="s">
        <v>218185</v>
      </c>
      <c r="C65729" s="1" t="s">
        <v>130</v>
      </c>
      <c r="D65729" s="1" t="s">
        <v>888</v>
      </c>
      <c r="E65729" s="1" t="s">
        <v>218997</v>
      </c>
      <c r="F65729" s="1" t="s">
        <v>218998</v>
      </c>
      <c r="G65729" s="1" t="s">
        <v>218921</v>
      </c>
      <c r="H65729" s="1" t="s">
        <v>218922</v>
      </c>
      <c r="I65729" s="1" t="s">
        <v>218190</v>
      </c>
      <c r="J65729" s="1" t="s">
        <v>218999</v>
      </c>
    </row>
    <row r="65730" spans="1:10" x14ac:dyDescent="0.35">
      <c r="A65730" s="1" t="s">
        <v>149221</v>
      </c>
      <c r="B65730" s="1" t="s">
        <v>218185</v>
      </c>
      <c r="C65730" s="1" t="s">
        <v>135</v>
      </c>
      <c r="D65730" s="1" t="s">
        <v>219000</v>
      </c>
      <c r="E65730" s="1" t="s">
        <v>219001</v>
      </c>
      <c r="F65730" s="1" t="s">
        <v>219002</v>
      </c>
      <c r="G65730" s="1" t="s">
        <v>218921</v>
      </c>
      <c r="H65730" s="1" t="s">
        <v>218922</v>
      </c>
      <c r="I65730" s="1" t="s">
        <v>218190</v>
      </c>
      <c r="J65730" s="1" t="s">
        <v>219003</v>
      </c>
    </row>
    <row r="65731" spans="1:10" x14ac:dyDescent="0.35">
      <c r="A65731" s="1" t="s">
        <v>149221</v>
      </c>
      <c r="B65731" s="1" t="s">
        <v>218185</v>
      </c>
      <c r="C65731" s="1" t="s">
        <v>140</v>
      </c>
      <c r="D65731" s="1" t="s">
        <v>18169</v>
      </c>
      <c r="E65731" s="1" t="s">
        <v>219004</v>
      </c>
      <c r="F65731" s="1" t="s">
        <v>219005</v>
      </c>
      <c r="G65731" s="1" t="s">
        <v>218921</v>
      </c>
      <c r="H65731" s="1" t="s">
        <v>218922</v>
      </c>
      <c r="I65731" s="1" t="s">
        <v>218190</v>
      </c>
      <c r="J65731" s="1" t="s">
        <v>219006</v>
      </c>
    </row>
    <row r="65732" spans="1:10" x14ac:dyDescent="0.35">
      <c r="A65732" s="1" t="s">
        <v>149221</v>
      </c>
      <c r="B65732" s="1" t="s">
        <v>218185</v>
      </c>
      <c r="C65732" s="1" t="s">
        <v>145</v>
      </c>
      <c r="D65732" s="1" t="s">
        <v>219007</v>
      </c>
      <c r="E65732" s="1" t="s">
        <v>219008</v>
      </c>
      <c r="F65732" s="1" t="s">
        <v>219009</v>
      </c>
      <c r="G65732" s="1" t="s">
        <v>218921</v>
      </c>
      <c r="H65732" s="1" t="s">
        <v>218922</v>
      </c>
      <c r="I65732" s="1" t="s">
        <v>218190</v>
      </c>
      <c r="J65732" s="1" t="s">
        <v>219010</v>
      </c>
    </row>
    <row r="65733" spans="1:10" x14ac:dyDescent="0.35">
      <c r="A65733" s="1" t="s">
        <v>149221</v>
      </c>
      <c r="B65733" s="1" t="s">
        <v>218185</v>
      </c>
      <c r="C65733" s="1" t="s">
        <v>150</v>
      </c>
      <c r="D65733" s="1" t="s">
        <v>113580</v>
      </c>
      <c r="E65733" s="1" t="s">
        <v>219011</v>
      </c>
      <c r="F65733" s="1" t="s">
        <v>219012</v>
      </c>
      <c r="G65733" s="1" t="s">
        <v>218921</v>
      </c>
      <c r="H65733" s="1" t="s">
        <v>218922</v>
      </c>
      <c r="I65733" s="1" t="s">
        <v>218190</v>
      </c>
      <c r="J65733" s="1" t="s">
        <v>219013</v>
      </c>
    </row>
    <row r="65734" spans="1:10" x14ac:dyDescent="0.35">
      <c r="A65734" s="1" t="s">
        <v>149221</v>
      </c>
      <c r="B65734" s="1" t="s">
        <v>218185</v>
      </c>
      <c r="C65734" s="1" t="s">
        <v>155</v>
      </c>
      <c r="D65734" s="1" t="s">
        <v>219014</v>
      </c>
      <c r="E65734" s="1" t="s">
        <v>219015</v>
      </c>
      <c r="F65734" s="1" t="s">
        <v>219016</v>
      </c>
      <c r="G65734" s="1" t="s">
        <v>218921</v>
      </c>
      <c r="H65734" s="1" t="s">
        <v>218922</v>
      </c>
      <c r="I65734" s="1" t="s">
        <v>218190</v>
      </c>
      <c r="J65734" s="1" t="s">
        <v>219017</v>
      </c>
    </row>
    <row r="65735" spans="1:10" x14ac:dyDescent="0.35">
      <c r="A65735" s="1" t="s">
        <v>149221</v>
      </c>
      <c r="B65735" s="1" t="s">
        <v>218185</v>
      </c>
      <c r="C65735" s="1" t="s">
        <v>160</v>
      </c>
      <c r="D65735" s="1" t="s">
        <v>194857</v>
      </c>
      <c r="E65735" s="1" t="s">
        <v>219018</v>
      </c>
      <c r="F65735" s="1" t="s">
        <v>219019</v>
      </c>
      <c r="G65735" s="1" t="s">
        <v>218921</v>
      </c>
      <c r="H65735" s="1" t="s">
        <v>218922</v>
      </c>
      <c r="I65735" s="1" t="s">
        <v>218190</v>
      </c>
      <c r="J65735" s="1" t="s">
        <v>219020</v>
      </c>
    </row>
    <row r="65736" spans="1:10" x14ac:dyDescent="0.35">
      <c r="A65736" s="1" t="s">
        <v>149221</v>
      </c>
      <c r="B65736" s="1" t="s">
        <v>218185</v>
      </c>
      <c r="C65736" s="1" t="s">
        <v>165</v>
      </c>
      <c r="D65736" s="1" t="s">
        <v>219021</v>
      </c>
      <c r="E65736" s="1" t="s">
        <v>219022</v>
      </c>
      <c r="F65736" s="1" t="s">
        <v>219023</v>
      </c>
      <c r="G65736" s="1" t="s">
        <v>218921</v>
      </c>
      <c r="H65736" s="1" t="s">
        <v>218922</v>
      </c>
      <c r="I65736" s="1" t="s">
        <v>218190</v>
      </c>
      <c r="J65736" s="1" t="s">
        <v>219024</v>
      </c>
    </row>
    <row r="65737" spans="1:10" x14ac:dyDescent="0.35">
      <c r="A65737" s="1" t="s">
        <v>149221</v>
      </c>
      <c r="B65737" s="1" t="s">
        <v>218185</v>
      </c>
      <c r="C65737" s="1" t="s">
        <v>170</v>
      </c>
      <c r="D65737" s="1" t="s">
        <v>18526</v>
      </c>
      <c r="E65737" s="1" t="s">
        <v>219025</v>
      </c>
      <c r="F65737" s="1" t="s">
        <v>219026</v>
      </c>
      <c r="G65737" s="1" t="s">
        <v>218921</v>
      </c>
      <c r="H65737" s="1" t="s">
        <v>218922</v>
      </c>
      <c r="I65737" s="1" t="s">
        <v>218190</v>
      </c>
      <c r="J65737" s="1" t="s">
        <v>219027</v>
      </c>
    </row>
    <row r="65738" spans="1:10" x14ac:dyDescent="0.35">
      <c r="A65738" s="1" t="s">
        <v>145659</v>
      </c>
      <c r="B65738" s="1" t="s">
        <v>218185</v>
      </c>
      <c r="C65738" s="1" t="s">
        <v>8</v>
      </c>
      <c r="D65738" s="1" t="s">
        <v>219028</v>
      </c>
      <c r="E65738" s="1" t="s">
        <v>219029</v>
      </c>
      <c r="F65738" s="1" t="s">
        <v>219030</v>
      </c>
      <c r="G65738" s="1" t="s">
        <v>219031</v>
      </c>
      <c r="H65738" s="1" t="s">
        <v>219032</v>
      </c>
      <c r="I65738" s="1" t="s">
        <v>218190</v>
      </c>
      <c r="J65738" s="1" t="s">
        <v>13</v>
      </c>
    </row>
    <row r="65739" spans="1:10" x14ac:dyDescent="0.35">
      <c r="A65739" s="1" t="s">
        <v>145659</v>
      </c>
      <c r="B65739" s="1" t="s">
        <v>218185</v>
      </c>
      <c r="C65739" s="1" t="s">
        <v>15</v>
      </c>
      <c r="D65739" s="1" t="s">
        <v>38229</v>
      </c>
      <c r="E65739" s="1" t="s">
        <v>219033</v>
      </c>
      <c r="F65739" s="1" t="s">
        <v>219034</v>
      </c>
      <c r="G65739" s="1" t="s">
        <v>219031</v>
      </c>
      <c r="H65739" s="1" t="s">
        <v>219032</v>
      </c>
      <c r="I65739" s="1" t="s">
        <v>218190</v>
      </c>
      <c r="J65739" s="1" t="s">
        <v>219035</v>
      </c>
    </row>
    <row r="65740" spans="1:10" x14ac:dyDescent="0.35">
      <c r="A65740" s="1" t="s">
        <v>145659</v>
      </c>
      <c r="B65740" s="1" t="s">
        <v>218185</v>
      </c>
      <c r="C65740" s="1" t="s">
        <v>20</v>
      </c>
      <c r="D65740" s="1" t="s">
        <v>150957</v>
      </c>
      <c r="E65740" s="1" t="s">
        <v>219036</v>
      </c>
      <c r="F65740" s="1" t="s">
        <v>219037</v>
      </c>
      <c r="G65740" s="1" t="s">
        <v>219031</v>
      </c>
      <c r="H65740" s="1" t="s">
        <v>219032</v>
      </c>
      <c r="I65740" s="1" t="s">
        <v>218190</v>
      </c>
      <c r="J65740" s="1" t="s">
        <v>219038</v>
      </c>
    </row>
    <row r="65741" spans="1:10" x14ac:dyDescent="0.35">
      <c r="A65741" s="1" t="s">
        <v>145659</v>
      </c>
      <c r="B65741" s="1" t="s">
        <v>218185</v>
      </c>
      <c r="C65741" s="1" t="s">
        <v>25</v>
      </c>
      <c r="D65741" s="1" t="s">
        <v>38285</v>
      </c>
      <c r="E65741" s="1" t="s">
        <v>219039</v>
      </c>
      <c r="F65741" s="1" t="s">
        <v>219040</v>
      </c>
      <c r="G65741" s="1" t="s">
        <v>219031</v>
      </c>
      <c r="H65741" s="1" t="s">
        <v>219032</v>
      </c>
      <c r="I65741" s="1" t="s">
        <v>218190</v>
      </c>
      <c r="J65741" s="1" t="s">
        <v>219041</v>
      </c>
    </row>
    <row r="65742" spans="1:10" x14ac:dyDescent="0.35">
      <c r="A65742" s="1" t="s">
        <v>145659</v>
      </c>
      <c r="B65742" s="1" t="s">
        <v>218185</v>
      </c>
      <c r="C65742" s="1" t="s">
        <v>30</v>
      </c>
      <c r="D65742" s="1" t="s">
        <v>72266</v>
      </c>
      <c r="E65742" s="1" t="s">
        <v>219042</v>
      </c>
      <c r="F65742" s="1" t="s">
        <v>219043</v>
      </c>
      <c r="G65742" s="1" t="s">
        <v>219031</v>
      </c>
      <c r="H65742" s="1" t="s">
        <v>219032</v>
      </c>
      <c r="I65742" s="1" t="s">
        <v>218190</v>
      </c>
      <c r="J65742" s="1" t="s">
        <v>219044</v>
      </c>
    </row>
    <row r="65743" spans="1:10" x14ac:dyDescent="0.35">
      <c r="A65743" s="1" t="s">
        <v>145659</v>
      </c>
      <c r="B65743" s="1" t="s">
        <v>218185</v>
      </c>
      <c r="C65743" s="1" t="s">
        <v>35</v>
      </c>
      <c r="D65743" s="1" t="s">
        <v>120383</v>
      </c>
      <c r="E65743" s="1" t="s">
        <v>219045</v>
      </c>
      <c r="F65743" s="1" t="s">
        <v>219046</v>
      </c>
      <c r="G65743" s="1" t="s">
        <v>219031</v>
      </c>
      <c r="H65743" s="1" t="s">
        <v>219032</v>
      </c>
      <c r="I65743" s="1" t="s">
        <v>218190</v>
      </c>
      <c r="J65743" s="1" t="s">
        <v>219047</v>
      </c>
    </row>
    <row r="65744" spans="1:10" x14ac:dyDescent="0.35">
      <c r="A65744" s="1" t="s">
        <v>145659</v>
      </c>
      <c r="B65744" s="1" t="s">
        <v>218185</v>
      </c>
      <c r="C65744" s="1" t="s">
        <v>40</v>
      </c>
      <c r="D65744" s="1" t="s">
        <v>219048</v>
      </c>
      <c r="E65744" s="1" t="s">
        <v>219049</v>
      </c>
      <c r="F65744" s="1" t="s">
        <v>219050</v>
      </c>
      <c r="G65744" s="1" t="s">
        <v>219031</v>
      </c>
      <c r="H65744" s="1" t="s">
        <v>219032</v>
      </c>
      <c r="I65744" s="1" t="s">
        <v>218190</v>
      </c>
      <c r="J65744" s="1" t="s">
        <v>219051</v>
      </c>
    </row>
    <row r="65745" spans="1:10" x14ac:dyDescent="0.35">
      <c r="A65745" s="1" t="s">
        <v>145659</v>
      </c>
      <c r="B65745" s="1" t="s">
        <v>218185</v>
      </c>
      <c r="C65745" s="1" t="s">
        <v>45</v>
      </c>
      <c r="D65745" s="1" t="s">
        <v>219052</v>
      </c>
      <c r="E65745" s="1" t="s">
        <v>219053</v>
      </c>
      <c r="F65745" s="1" t="s">
        <v>219054</v>
      </c>
      <c r="G65745" s="1" t="s">
        <v>219031</v>
      </c>
      <c r="H65745" s="1" t="s">
        <v>219032</v>
      </c>
      <c r="I65745" s="1" t="s">
        <v>218190</v>
      </c>
      <c r="J65745" s="1" t="s">
        <v>219055</v>
      </c>
    </row>
    <row r="65746" spans="1:10" x14ac:dyDescent="0.35">
      <c r="A65746" s="1" t="s">
        <v>145659</v>
      </c>
      <c r="B65746" s="1" t="s">
        <v>218185</v>
      </c>
      <c r="C65746" s="1" t="s">
        <v>50</v>
      </c>
      <c r="D65746" s="1" t="s">
        <v>35657</v>
      </c>
      <c r="E65746" s="1" t="s">
        <v>219056</v>
      </c>
      <c r="F65746" s="1" t="s">
        <v>219057</v>
      </c>
      <c r="G65746" s="1" t="s">
        <v>219031</v>
      </c>
      <c r="H65746" s="1" t="s">
        <v>219032</v>
      </c>
      <c r="I65746" s="1" t="s">
        <v>218190</v>
      </c>
      <c r="J65746" s="1" t="s">
        <v>219058</v>
      </c>
    </row>
    <row r="65747" spans="1:10" x14ac:dyDescent="0.35">
      <c r="A65747" s="1" t="s">
        <v>145659</v>
      </c>
      <c r="B65747" s="1" t="s">
        <v>218185</v>
      </c>
      <c r="C65747" s="1" t="s">
        <v>55</v>
      </c>
      <c r="D65747" s="1" t="s">
        <v>169971</v>
      </c>
      <c r="E65747" s="1" t="s">
        <v>219059</v>
      </c>
      <c r="F65747" s="1" t="s">
        <v>219060</v>
      </c>
      <c r="G65747" s="1" t="s">
        <v>219031</v>
      </c>
      <c r="H65747" s="1" t="s">
        <v>219032</v>
      </c>
      <c r="I65747" s="1" t="s">
        <v>218190</v>
      </c>
      <c r="J65747" s="1" t="s">
        <v>219061</v>
      </c>
    </row>
    <row r="65748" spans="1:10" x14ac:dyDescent="0.35">
      <c r="A65748" s="1" t="s">
        <v>145659</v>
      </c>
      <c r="B65748" s="1" t="s">
        <v>218185</v>
      </c>
      <c r="C65748" s="1" t="s">
        <v>60</v>
      </c>
      <c r="D65748" s="1" t="s">
        <v>49486</v>
      </c>
      <c r="E65748" s="1" t="s">
        <v>219062</v>
      </c>
      <c r="F65748" s="1" t="s">
        <v>219063</v>
      </c>
      <c r="G65748" s="1" t="s">
        <v>219031</v>
      </c>
      <c r="H65748" s="1" t="s">
        <v>219032</v>
      </c>
      <c r="I65748" s="1" t="s">
        <v>218190</v>
      </c>
      <c r="J65748" s="1" t="s">
        <v>219064</v>
      </c>
    </row>
    <row r="65749" spans="1:10" x14ac:dyDescent="0.35">
      <c r="A65749" s="1" t="s">
        <v>145659</v>
      </c>
      <c r="B65749" s="1" t="s">
        <v>218185</v>
      </c>
      <c r="C65749" s="1" t="s">
        <v>65</v>
      </c>
      <c r="D65749" s="1" t="s">
        <v>219065</v>
      </c>
      <c r="E65749" s="1" t="s">
        <v>219066</v>
      </c>
      <c r="F65749" s="1" t="s">
        <v>219067</v>
      </c>
      <c r="G65749" s="1" t="s">
        <v>219031</v>
      </c>
      <c r="H65749" s="1" t="s">
        <v>219032</v>
      </c>
      <c r="I65749" s="1" t="s">
        <v>218190</v>
      </c>
      <c r="J65749" s="1" t="s">
        <v>219068</v>
      </c>
    </row>
    <row r="65750" spans="1:10" x14ac:dyDescent="0.35">
      <c r="A65750" s="1" t="s">
        <v>145659</v>
      </c>
      <c r="B65750" s="1" t="s">
        <v>218185</v>
      </c>
      <c r="C65750" s="1" t="s">
        <v>70</v>
      </c>
      <c r="D65750" s="1" t="s">
        <v>48394</v>
      </c>
      <c r="E65750" s="1" t="s">
        <v>219069</v>
      </c>
      <c r="F65750" s="1" t="s">
        <v>219070</v>
      </c>
      <c r="G65750" s="1" t="s">
        <v>219031</v>
      </c>
      <c r="H65750" s="1" t="s">
        <v>219032</v>
      </c>
      <c r="I65750" s="1" t="s">
        <v>218190</v>
      </c>
      <c r="J65750" s="1" t="s">
        <v>219071</v>
      </c>
    </row>
    <row r="65751" spans="1:10" x14ac:dyDescent="0.35">
      <c r="A65751" s="1" t="s">
        <v>145659</v>
      </c>
      <c r="B65751" s="1" t="s">
        <v>218185</v>
      </c>
      <c r="C65751" s="1" t="s">
        <v>75</v>
      </c>
      <c r="D65751" s="1" t="s">
        <v>83404</v>
      </c>
      <c r="E65751" s="1" t="s">
        <v>219072</v>
      </c>
      <c r="F65751" s="1" t="s">
        <v>219073</v>
      </c>
      <c r="G65751" s="1" t="s">
        <v>219031</v>
      </c>
      <c r="H65751" s="1" t="s">
        <v>219032</v>
      </c>
      <c r="I65751" s="1" t="s">
        <v>218190</v>
      </c>
      <c r="J65751" s="1" t="s">
        <v>219074</v>
      </c>
    </row>
    <row r="65752" spans="1:10" x14ac:dyDescent="0.35">
      <c r="A65752" s="1" t="s">
        <v>145659</v>
      </c>
      <c r="B65752" s="1" t="s">
        <v>218185</v>
      </c>
      <c r="C65752" s="1" t="s">
        <v>80</v>
      </c>
      <c r="D65752" s="1" t="s">
        <v>34868</v>
      </c>
      <c r="E65752" s="1" t="s">
        <v>219075</v>
      </c>
      <c r="F65752" s="1" t="s">
        <v>219076</v>
      </c>
      <c r="G65752" s="1" t="s">
        <v>219031</v>
      </c>
      <c r="H65752" s="1" t="s">
        <v>219032</v>
      </c>
      <c r="I65752" s="1" t="s">
        <v>218190</v>
      </c>
      <c r="J65752" s="1" t="s">
        <v>219077</v>
      </c>
    </row>
    <row r="65753" spans="1:10" x14ac:dyDescent="0.35">
      <c r="A65753" s="1" t="s">
        <v>145659</v>
      </c>
      <c r="B65753" s="1" t="s">
        <v>218185</v>
      </c>
      <c r="C65753" s="1" t="s">
        <v>85</v>
      </c>
      <c r="D65753" s="1" t="s">
        <v>71119</v>
      </c>
      <c r="E65753" s="1" t="s">
        <v>219078</v>
      </c>
      <c r="F65753" s="1" t="s">
        <v>219079</v>
      </c>
      <c r="G65753" s="1" t="s">
        <v>219031</v>
      </c>
      <c r="H65753" s="1" t="s">
        <v>219032</v>
      </c>
      <c r="I65753" s="1" t="s">
        <v>218190</v>
      </c>
      <c r="J65753" s="1" t="s">
        <v>219080</v>
      </c>
    </row>
    <row r="65754" spans="1:10" x14ac:dyDescent="0.35">
      <c r="A65754" s="1" t="s">
        <v>145659</v>
      </c>
      <c r="B65754" s="1" t="s">
        <v>218185</v>
      </c>
      <c r="C65754" s="1" t="s">
        <v>90</v>
      </c>
      <c r="D65754" s="1" t="s">
        <v>219081</v>
      </c>
      <c r="E65754" s="1" t="s">
        <v>219082</v>
      </c>
      <c r="F65754" s="1" t="s">
        <v>219083</v>
      </c>
      <c r="G65754" s="1" t="s">
        <v>219031</v>
      </c>
      <c r="H65754" s="1" t="s">
        <v>219032</v>
      </c>
      <c r="I65754" s="1" t="s">
        <v>218190</v>
      </c>
      <c r="J65754" s="1" t="s">
        <v>219084</v>
      </c>
    </row>
    <row r="65755" spans="1:10" x14ac:dyDescent="0.35">
      <c r="A65755" s="1" t="s">
        <v>145659</v>
      </c>
      <c r="B65755" s="1" t="s">
        <v>218185</v>
      </c>
      <c r="C65755" s="1" t="s">
        <v>95</v>
      </c>
      <c r="D65755" s="1" t="s">
        <v>126329</v>
      </c>
      <c r="E65755" s="1" t="s">
        <v>219085</v>
      </c>
      <c r="F65755" s="1" t="s">
        <v>219086</v>
      </c>
      <c r="G65755" s="1" t="s">
        <v>219031</v>
      </c>
      <c r="H65755" s="1" t="s">
        <v>219032</v>
      </c>
      <c r="I65755" s="1" t="s">
        <v>218190</v>
      </c>
      <c r="J65755" s="1" t="s">
        <v>219087</v>
      </c>
    </row>
    <row r="65756" spans="1:10" x14ac:dyDescent="0.35">
      <c r="A65756" s="1" t="s">
        <v>145659</v>
      </c>
      <c r="B65756" s="1" t="s">
        <v>218185</v>
      </c>
      <c r="C65756" s="1" t="s">
        <v>100</v>
      </c>
      <c r="D65756" s="1" t="s">
        <v>35095</v>
      </c>
      <c r="E65756" s="1" t="s">
        <v>219088</v>
      </c>
      <c r="F65756" s="1" t="s">
        <v>219089</v>
      </c>
      <c r="G65756" s="1" t="s">
        <v>219031</v>
      </c>
      <c r="H65756" s="1" t="s">
        <v>219032</v>
      </c>
      <c r="I65756" s="1" t="s">
        <v>218190</v>
      </c>
      <c r="J65756" s="1" t="s">
        <v>219090</v>
      </c>
    </row>
    <row r="65757" spans="1:10" x14ac:dyDescent="0.35">
      <c r="A65757" s="1" t="s">
        <v>145659</v>
      </c>
      <c r="B65757" s="1" t="s">
        <v>218185</v>
      </c>
      <c r="C65757" s="1" t="s">
        <v>105</v>
      </c>
      <c r="D65757" s="1" t="s">
        <v>219091</v>
      </c>
      <c r="E65757" s="1" t="s">
        <v>219092</v>
      </c>
      <c r="F65757" s="1" t="s">
        <v>219093</v>
      </c>
      <c r="G65757" s="1" t="s">
        <v>219031</v>
      </c>
      <c r="H65757" s="1" t="s">
        <v>219032</v>
      </c>
      <c r="I65757" s="1" t="s">
        <v>218190</v>
      </c>
      <c r="J65757" s="1" t="s">
        <v>219094</v>
      </c>
    </row>
    <row r="65758" spans="1:10" x14ac:dyDescent="0.35">
      <c r="A65758" s="1" t="s">
        <v>145659</v>
      </c>
      <c r="B65758" s="1" t="s">
        <v>218185</v>
      </c>
      <c r="C65758" s="1" t="s">
        <v>110</v>
      </c>
      <c r="D65758" s="1" t="s">
        <v>156020</v>
      </c>
      <c r="E65758" s="1" t="s">
        <v>219095</v>
      </c>
      <c r="F65758" s="1" t="s">
        <v>219096</v>
      </c>
      <c r="G65758" s="1" t="s">
        <v>219031</v>
      </c>
      <c r="H65758" s="1" t="s">
        <v>219032</v>
      </c>
      <c r="I65758" s="1" t="s">
        <v>218190</v>
      </c>
      <c r="J65758" s="1" t="s">
        <v>219097</v>
      </c>
    </row>
    <row r="65759" spans="1:10" x14ac:dyDescent="0.35">
      <c r="A65759" s="1" t="s">
        <v>145659</v>
      </c>
      <c r="B65759" s="1" t="s">
        <v>218185</v>
      </c>
      <c r="C65759" s="1" t="s">
        <v>115</v>
      </c>
      <c r="D65759" s="1" t="s">
        <v>14817</v>
      </c>
      <c r="E65759" s="1" t="s">
        <v>219098</v>
      </c>
      <c r="F65759" s="1" t="s">
        <v>219099</v>
      </c>
      <c r="G65759" s="1" t="s">
        <v>219031</v>
      </c>
      <c r="H65759" s="1" t="s">
        <v>219032</v>
      </c>
      <c r="I65759" s="1" t="s">
        <v>218190</v>
      </c>
      <c r="J65759" s="1" t="s">
        <v>219100</v>
      </c>
    </row>
    <row r="65760" spans="1:10" x14ac:dyDescent="0.35">
      <c r="A65760" s="1" t="s">
        <v>145659</v>
      </c>
      <c r="B65760" s="1" t="s">
        <v>218185</v>
      </c>
      <c r="C65760" s="1" t="s">
        <v>120</v>
      </c>
      <c r="D65760" s="1" t="s">
        <v>49572</v>
      </c>
      <c r="E65760" s="1" t="s">
        <v>219101</v>
      </c>
      <c r="F65760" s="1" t="s">
        <v>219102</v>
      </c>
      <c r="G65760" s="1" t="s">
        <v>219031</v>
      </c>
      <c r="H65760" s="1" t="s">
        <v>219032</v>
      </c>
      <c r="I65760" s="1" t="s">
        <v>218190</v>
      </c>
      <c r="J65760" s="1" t="s">
        <v>219103</v>
      </c>
    </row>
    <row r="65761" spans="1:10" x14ac:dyDescent="0.35">
      <c r="A65761" s="1" t="s">
        <v>145659</v>
      </c>
      <c r="B65761" s="1" t="s">
        <v>218185</v>
      </c>
      <c r="C65761" s="1" t="s">
        <v>125</v>
      </c>
      <c r="D65761" s="1" t="s">
        <v>35143</v>
      </c>
      <c r="E65761" s="1" t="s">
        <v>219104</v>
      </c>
      <c r="F65761" s="1" t="s">
        <v>219105</v>
      </c>
      <c r="G65761" s="1" t="s">
        <v>219031</v>
      </c>
      <c r="H65761" s="1" t="s">
        <v>219032</v>
      </c>
      <c r="I65761" s="1" t="s">
        <v>218190</v>
      </c>
      <c r="J65761" s="1" t="s">
        <v>219106</v>
      </c>
    </row>
    <row r="65762" spans="1:10" x14ac:dyDescent="0.35">
      <c r="A65762" s="1" t="s">
        <v>145659</v>
      </c>
      <c r="B65762" s="1" t="s">
        <v>218185</v>
      </c>
      <c r="C65762" s="1" t="s">
        <v>130</v>
      </c>
      <c r="D65762" s="1" t="s">
        <v>31734</v>
      </c>
      <c r="E65762" s="1" t="s">
        <v>219107</v>
      </c>
      <c r="F65762" s="1" t="s">
        <v>219108</v>
      </c>
      <c r="G65762" s="1" t="s">
        <v>219031</v>
      </c>
      <c r="H65762" s="1" t="s">
        <v>219032</v>
      </c>
      <c r="I65762" s="1" t="s">
        <v>218190</v>
      </c>
      <c r="J65762" s="1" t="s">
        <v>219109</v>
      </c>
    </row>
    <row r="65763" spans="1:10" x14ac:dyDescent="0.35">
      <c r="A65763" s="1" t="s">
        <v>145659</v>
      </c>
      <c r="B65763" s="1" t="s">
        <v>218185</v>
      </c>
      <c r="C65763" s="1" t="s">
        <v>135</v>
      </c>
      <c r="D65763" s="1" t="s">
        <v>44357</v>
      </c>
      <c r="E65763" s="1" t="s">
        <v>219110</v>
      </c>
      <c r="F65763" s="1" t="s">
        <v>219111</v>
      </c>
      <c r="G65763" s="1" t="s">
        <v>219031</v>
      </c>
      <c r="H65763" s="1" t="s">
        <v>219032</v>
      </c>
      <c r="I65763" s="1" t="s">
        <v>218190</v>
      </c>
      <c r="J65763" s="1" t="s">
        <v>219112</v>
      </c>
    </row>
    <row r="65764" spans="1:10" x14ac:dyDescent="0.35">
      <c r="A65764" s="1" t="s">
        <v>145659</v>
      </c>
      <c r="B65764" s="1" t="s">
        <v>218185</v>
      </c>
      <c r="C65764" s="1" t="s">
        <v>140</v>
      </c>
      <c r="D65764" s="1" t="s">
        <v>48915</v>
      </c>
      <c r="E65764" s="1" t="s">
        <v>219113</v>
      </c>
      <c r="F65764" s="1" t="s">
        <v>219114</v>
      </c>
      <c r="G65764" s="1" t="s">
        <v>219031</v>
      </c>
      <c r="H65764" s="1" t="s">
        <v>219032</v>
      </c>
      <c r="I65764" s="1" t="s">
        <v>218190</v>
      </c>
      <c r="J65764" s="1" t="s">
        <v>219115</v>
      </c>
    </row>
    <row r="65765" spans="1:10" x14ac:dyDescent="0.35">
      <c r="A65765" s="1" t="s">
        <v>145659</v>
      </c>
      <c r="B65765" s="1" t="s">
        <v>218185</v>
      </c>
      <c r="C65765" s="1" t="s">
        <v>145</v>
      </c>
      <c r="D65765" s="1" t="s">
        <v>7159</v>
      </c>
      <c r="E65765" s="1" t="s">
        <v>219116</v>
      </c>
      <c r="F65765" s="1" t="s">
        <v>219117</v>
      </c>
      <c r="G65765" s="1" t="s">
        <v>219031</v>
      </c>
      <c r="H65765" s="1" t="s">
        <v>219032</v>
      </c>
      <c r="I65765" s="1" t="s">
        <v>218190</v>
      </c>
      <c r="J65765" s="1" t="s">
        <v>219118</v>
      </c>
    </row>
    <row r="65766" spans="1:10" x14ac:dyDescent="0.35">
      <c r="A65766" s="1" t="s">
        <v>145659</v>
      </c>
      <c r="B65766" s="1" t="s">
        <v>218185</v>
      </c>
      <c r="C65766" s="1" t="s">
        <v>150</v>
      </c>
      <c r="D65766" s="1" t="s">
        <v>28343</v>
      </c>
      <c r="E65766" s="1" t="s">
        <v>219119</v>
      </c>
      <c r="F65766" s="1" t="s">
        <v>219120</v>
      </c>
      <c r="G65766" s="1" t="s">
        <v>219031</v>
      </c>
      <c r="H65766" s="1" t="s">
        <v>219032</v>
      </c>
      <c r="I65766" s="1" t="s">
        <v>218190</v>
      </c>
      <c r="J65766" s="1" t="s">
        <v>219121</v>
      </c>
    </row>
    <row r="65767" spans="1:10" x14ac:dyDescent="0.35">
      <c r="A65767" s="1" t="s">
        <v>145659</v>
      </c>
      <c r="B65767" s="1" t="s">
        <v>218185</v>
      </c>
      <c r="C65767" s="1" t="s">
        <v>155</v>
      </c>
      <c r="D65767" s="1" t="s">
        <v>197507</v>
      </c>
      <c r="E65767" s="1" t="s">
        <v>219122</v>
      </c>
      <c r="F65767" s="1" t="s">
        <v>219123</v>
      </c>
      <c r="G65767" s="1" t="s">
        <v>219031</v>
      </c>
      <c r="H65767" s="1" t="s">
        <v>219032</v>
      </c>
      <c r="I65767" s="1" t="s">
        <v>218190</v>
      </c>
      <c r="J65767" s="1" t="s">
        <v>219124</v>
      </c>
    </row>
    <row r="65768" spans="1:10" x14ac:dyDescent="0.35">
      <c r="A65768" s="1" t="s">
        <v>145659</v>
      </c>
      <c r="B65768" s="1" t="s">
        <v>218185</v>
      </c>
      <c r="C65768" s="1" t="s">
        <v>160</v>
      </c>
      <c r="D65768" s="1" t="s">
        <v>24828</v>
      </c>
      <c r="E65768" s="1" t="s">
        <v>219125</v>
      </c>
      <c r="F65768" s="1" t="s">
        <v>219126</v>
      </c>
      <c r="G65768" s="1" t="s">
        <v>219031</v>
      </c>
      <c r="H65768" s="1" t="s">
        <v>219032</v>
      </c>
      <c r="I65768" s="1" t="s">
        <v>218190</v>
      </c>
      <c r="J65768" s="1" t="s">
        <v>219127</v>
      </c>
    </row>
    <row r="65769" spans="1:10" x14ac:dyDescent="0.35">
      <c r="A65769" s="1" t="s">
        <v>145659</v>
      </c>
      <c r="B65769" s="1" t="s">
        <v>218185</v>
      </c>
      <c r="C65769" s="1" t="s">
        <v>165</v>
      </c>
      <c r="D65769" s="1" t="s">
        <v>45419</v>
      </c>
      <c r="E65769" s="1" t="s">
        <v>219128</v>
      </c>
      <c r="F65769" s="1" t="s">
        <v>219129</v>
      </c>
      <c r="G65769" s="1" t="s">
        <v>219031</v>
      </c>
      <c r="H65769" s="1" t="s">
        <v>219032</v>
      </c>
      <c r="I65769" s="1" t="s">
        <v>218190</v>
      </c>
      <c r="J65769" s="1" t="s">
        <v>219130</v>
      </c>
    </row>
    <row r="65770" spans="1:10" x14ac:dyDescent="0.35">
      <c r="A65770" s="1" t="s">
        <v>145659</v>
      </c>
      <c r="B65770" s="1" t="s">
        <v>218185</v>
      </c>
      <c r="C65770" s="1" t="s">
        <v>170</v>
      </c>
      <c r="D65770" s="1" t="s">
        <v>45054</v>
      </c>
      <c r="E65770" s="1" t="s">
        <v>219131</v>
      </c>
      <c r="F65770" s="1" t="s">
        <v>219132</v>
      </c>
      <c r="G65770" s="1" t="s">
        <v>219031</v>
      </c>
      <c r="H65770" s="1" t="s">
        <v>219032</v>
      </c>
      <c r="I65770" s="1" t="s">
        <v>218190</v>
      </c>
      <c r="J65770" s="1" t="s">
        <v>219133</v>
      </c>
    </row>
    <row r="65771" spans="1:10" x14ac:dyDescent="0.35">
      <c r="A65771" s="1" t="s">
        <v>52111</v>
      </c>
      <c r="B65771" s="1" t="s">
        <v>218185</v>
      </c>
      <c r="C65771" s="1" t="s">
        <v>8</v>
      </c>
      <c r="D65771" s="1" t="s">
        <v>197727</v>
      </c>
      <c r="E65771" s="1" t="s">
        <v>219134</v>
      </c>
      <c r="F65771" s="1" t="s">
        <v>219135</v>
      </c>
      <c r="G65771" s="1" t="s">
        <v>219136</v>
      </c>
      <c r="H65771" s="1" t="s">
        <v>219137</v>
      </c>
      <c r="I65771" s="1" t="s">
        <v>218190</v>
      </c>
      <c r="J65771" s="1" t="s">
        <v>13</v>
      </c>
    </row>
    <row r="65772" spans="1:10" x14ac:dyDescent="0.35">
      <c r="A65772" s="1" t="s">
        <v>52111</v>
      </c>
      <c r="B65772" s="1" t="s">
        <v>218185</v>
      </c>
      <c r="C65772" s="1" t="s">
        <v>15</v>
      </c>
      <c r="D65772" s="1" t="s">
        <v>43293</v>
      </c>
      <c r="E65772" s="1" t="s">
        <v>219138</v>
      </c>
      <c r="F65772" s="1" t="s">
        <v>219139</v>
      </c>
      <c r="G65772" s="1" t="s">
        <v>219136</v>
      </c>
      <c r="H65772" s="1" t="s">
        <v>219137</v>
      </c>
      <c r="I65772" s="1" t="s">
        <v>218190</v>
      </c>
      <c r="J65772" s="1" t="s">
        <v>219140</v>
      </c>
    </row>
    <row r="65773" spans="1:10" x14ac:dyDescent="0.35">
      <c r="A65773" s="1" t="s">
        <v>52111</v>
      </c>
      <c r="B65773" s="1" t="s">
        <v>218185</v>
      </c>
      <c r="C65773" s="1" t="s">
        <v>20</v>
      </c>
      <c r="D65773" s="1" t="s">
        <v>37130</v>
      </c>
      <c r="E65773" s="1" t="s">
        <v>219141</v>
      </c>
      <c r="F65773" s="1" t="s">
        <v>219142</v>
      </c>
      <c r="G65773" s="1" t="s">
        <v>219136</v>
      </c>
      <c r="H65773" s="1" t="s">
        <v>219137</v>
      </c>
      <c r="I65773" s="1" t="s">
        <v>218190</v>
      </c>
      <c r="J65773" s="1" t="s">
        <v>219143</v>
      </c>
    </row>
    <row r="65774" spans="1:10" x14ac:dyDescent="0.35">
      <c r="A65774" s="1" t="s">
        <v>52111</v>
      </c>
      <c r="B65774" s="1" t="s">
        <v>218185</v>
      </c>
      <c r="C65774" s="1" t="s">
        <v>25</v>
      </c>
      <c r="D65774" s="1" t="s">
        <v>47565</v>
      </c>
      <c r="E65774" s="1" t="s">
        <v>219144</v>
      </c>
      <c r="F65774" s="1" t="s">
        <v>219145</v>
      </c>
      <c r="G65774" s="1" t="s">
        <v>219136</v>
      </c>
      <c r="H65774" s="1" t="s">
        <v>219137</v>
      </c>
      <c r="I65774" s="1" t="s">
        <v>218190</v>
      </c>
      <c r="J65774" s="1" t="s">
        <v>219146</v>
      </c>
    </row>
    <row r="65775" spans="1:10" x14ac:dyDescent="0.35">
      <c r="A65775" s="1" t="s">
        <v>52111</v>
      </c>
      <c r="B65775" s="1" t="s">
        <v>218185</v>
      </c>
      <c r="C65775" s="1" t="s">
        <v>30</v>
      </c>
      <c r="D65775" s="1" t="s">
        <v>51917</v>
      </c>
      <c r="E65775" s="1" t="s">
        <v>219147</v>
      </c>
      <c r="F65775" s="1" t="s">
        <v>219148</v>
      </c>
      <c r="G65775" s="1" t="s">
        <v>219136</v>
      </c>
      <c r="H65775" s="1" t="s">
        <v>219137</v>
      </c>
      <c r="I65775" s="1" t="s">
        <v>218190</v>
      </c>
      <c r="J65775" s="1" t="s">
        <v>219149</v>
      </c>
    </row>
    <row r="65776" spans="1:10" x14ac:dyDescent="0.35">
      <c r="A65776" s="1" t="s">
        <v>52111</v>
      </c>
      <c r="B65776" s="1" t="s">
        <v>218185</v>
      </c>
      <c r="C65776" s="1" t="s">
        <v>35</v>
      </c>
      <c r="D65776" s="1" t="s">
        <v>15492</v>
      </c>
      <c r="E65776" s="1" t="s">
        <v>219150</v>
      </c>
      <c r="F65776" s="1" t="s">
        <v>219151</v>
      </c>
      <c r="G65776" s="1" t="s">
        <v>219136</v>
      </c>
      <c r="H65776" s="1" t="s">
        <v>219137</v>
      </c>
      <c r="I65776" s="1" t="s">
        <v>218190</v>
      </c>
      <c r="J65776" s="1" t="s">
        <v>219152</v>
      </c>
    </row>
    <row r="65777" spans="1:10" x14ac:dyDescent="0.35">
      <c r="A65777" s="1" t="s">
        <v>52111</v>
      </c>
      <c r="B65777" s="1" t="s">
        <v>218185</v>
      </c>
      <c r="C65777" s="1" t="s">
        <v>40</v>
      </c>
      <c r="D65777" s="1" t="s">
        <v>34068</v>
      </c>
      <c r="E65777" s="1" t="s">
        <v>219153</v>
      </c>
      <c r="F65777" s="1" t="s">
        <v>219154</v>
      </c>
      <c r="G65777" s="1" t="s">
        <v>219136</v>
      </c>
      <c r="H65777" s="1" t="s">
        <v>219137</v>
      </c>
      <c r="I65777" s="1" t="s">
        <v>218190</v>
      </c>
      <c r="J65777" s="1" t="s">
        <v>219155</v>
      </c>
    </row>
    <row r="65778" spans="1:10" x14ac:dyDescent="0.35">
      <c r="A65778" s="1" t="s">
        <v>52111</v>
      </c>
      <c r="B65778" s="1" t="s">
        <v>218185</v>
      </c>
      <c r="C65778" s="1" t="s">
        <v>45</v>
      </c>
      <c r="D65778" s="1" t="s">
        <v>72762</v>
      </c>
      <c r="E65778" s="1" t="s">
        <v>219156</v>
      </c>
      <c r="F65778" s="1" t="s">
        <v>219157</v>
      </c>
      <c r="G65778" s="1" t="s">
        <v>219136</v>
      </c>
      <c r="H65778" s="1" t="s">
        <v>219137</v>
      </c>
      <c r="I65778" s="1" t="s">
        <v>218190</v>
      </c>
      <c r="J65778" s="1" t="s">
        <v>219158</v>
      </c>
    </row>
    <row r="65779" spans="1:10" x14ac:dyDescent="0.35">
      <c r="A65779" s="1" t="s">
        <v>52111</v>
      </c>
      <c r="B65779" s="1" t="s">
        <v>218185</v>
      </c>
      <c r="C65779" s="1" t="s">
        <v>50</v>
      </c>
      <c r="D65779" s="1" t="s">
        <v>6701</v>
      </c>
      <c r="E65779" s="1" t="s">
        <v>219159</v>
      </c>
      <c r="F65779" s="1" t="s">
        <v>219160</v>
      </c>
      <c r="G65779" s="1" t="s">
        <v>219136</v>
      </c>
      <c r="H65779" s="1" t="s">
        <v>219137</v>
      </c>
      <c r="I65779" s="1" t="s">
        <v>218190</v>
      </c>
      <c r="J65779" s="1" t="s">
        <v>219161</v>
      </c>
    </row>
    <row r="65780" spans="1:10" x14ac:dyDescent="0.35">
      <c r="A65780" s="1" t="s">
        <v>52111</v>
      </c>
      <c r="B65780" s="1" t="s">
        <v>218185</v>
      </c>
      <c r="C65780" s="1" t="s">
        <v>55</v>
      </c>
      <c r="D65780" s="1" t="s">
        <v>37423</v>
      </c>
      <c r="E65780" s="1" t="s">
        <v>219162</v>
      </c>
      <c r="F65780" s="1" t="s">
        <v>219163</v>
      </c>
      <c r="G65780" s="1" t="s">
        <v>219136</v>
      </c>
      <c r="H65780" s="1" t="s">
        <v>219137</v>
      </c>
      <c r="I65780" s="1" t="s">
        <v>218190</v>
      </c>
      <c r="J65780" s="1" t="s">
        <v>219164</v>
      </c>
    </row>
    <row r="65781" spans="1:10" x14ac:dyDescent="0.35">
      <c r="A65781" s="1" t="s">
        <v>52111</v>
      </c>
      <c r="B65781" s="1" t="s">
        <v>218185</v>
      </c>
      <c r="C65781" s="1" t="s">
        <v>60</v>
      </c>
      <c r="D65781" s="1" t="s">
        <v>111780</v>
      </c>
      <c r="E65781" s="1" t="s">
        <v>219165</v>
      </c>
      <c r="F65781" s="1" t="s">
        <v>219166</v>
      </c>
      <c r="G65781" s="1" t="s">
        <v>219136</v>
      </c>
      <c r="H65781" s="1" t="s">
        <v>219137</v>
      </c>
      <c r="I65781" s="1" t="s">
        <v>218190</v>
      </c>
      <c r="J65781" s="1" t="s">
        <v>219167</v>
      </c>
    </row>
    <row r="65782" spans="1:10" x14ac:dyDescent="0.35">
      <c r="A65782" s="1" t="s">
        <v>52111</v>
      </c>
      <c r="B65782" s="1" t="s">
        <v>218185</v>
      </c>
      <c r="C65782" s="1" t="s">
        <v>65</v>
      </c>
      <c r="D65782" s="1" t="s">
        <v>73763</v>
      </c>
      <c r="E65782" s="1" t="s">
        <v>219168</v>
      </c>
      <c r="F65782" s="1" t="s">
        <v>219169</v>
      </c>
      <c r="G65782" s="1" t="s">
        <v>219136</v>
      </c>
      <c r="H65782" s="1" t="s">
        <v>219137</v>
      </c>
      <c r="I65782" s="1" t="s">
        <v>218190</v>
      </c>
      <c r="J65782" s="1" t="s">
        <v>12278</v>
      </c>
    </row>
    <row r="65783" spans="1:10" x14ac:dyDescent="0.35">
      <c r="A65783" s="1" t="s">
        <v>52111</v>
      </c>
      <c r="B65783" s="1" t="s">
        <v>218185</v>
      </c>
      <c r="C65783" s="1" t="s">
        <v>70</v>
      </c>
      <c r="D65783" s="1" t="s">
        <v>50199</v>
      </c>
      <c r="E65783" s="1" t="s">
        <v>219170</v>
      </c>
      <c r="F65783" s="1" t="s">
        <v>219171</v>
      </c>
      <c r="G65783" s="1" t="s">
        <v>219136</v>
      </c>
      <c r="H65783" s="1" t="s">
        <v>219137</v>
      </c>
      <c r="I65783" s="1" t="s">
        <v>218190</v>
      </c>
      <c r="J65783" s="1" t="s">
        <v>219172</v>
      </c>
    </row>
    <row r="65784" spans="1:10" x14ac:dyDescent="0.35">
      <c r="A65784" s="1" t="s">
        <v>52111</v>
      </c>
      <c r="B65784" s="1" t="s">
        <v>218185</v>
      </c>
      <c r="C65784" s="1" t="s">
        <v>75</v>
      </c>
      <c r="D65784" s="1" t="s">
        <v>35291</v>
      </c>
      <c r="E65784" s="1" t="s">
        <v>219173</v>
      </c>
      <c r="F65784" s="1" t="s">
        <v>219174</v>
      </c>
      <c r="G65784" s="1" t="s">
        <v>219136</v>
      </c>
      <c r="H65784" s="1" t="s">
        <v>219137</v>
      </c>
      <c r="I65784" s="1" t="s">
        <v>218190</v>
      </c>
      <c r="J65784" s="1" t="s">
        <v>219175</v>
      </c>
    </row>
    <row r="65785" spans="1:10" x14ac:dyDescent="0.35">
      <c r="A65785" s="1" t="s">
        <v>52111</v>
      </c>
      <c r="B65785" s="1" t="s">
        <v>218185</v>
      </c>
      <c r="C65785" s="1" t="s">
        <v>80</v>
      </c>
      <c r="D65785" s="1" t="s">
        <v>118740</v>
      </c>
      <c r="E65785" s="1" t="s">
        <v>219176</v>
      </c>
      <c r="F65785" s="1" t="s">
        <v>219177</v>
      </c>
      <c r="G65785" s="1" t="s">
        <v>219136</v>
      </c>
      <c r="H65785" s="1" t="s">
        <v>219137</v>
      </c>
      <c r="I65785" s="1" t="s">
        <v>218190</v>
      </c>
      <c r="J65785" s="1" t="s">
        <v>219178</v>
      </c>
    </row>
    <row r="65786" spans="1:10" x14ac:dyDescent="0.35">
      <c r="A65786" s="1" t="s">
        <v>52111</v>
      </c>
      <c r="B65786" s="1" t="s">
        <v>218185</v>
      </c>
      <c r="C65786" s="1" t="s">
        <v>85</v>
      </c>
      <c r="D65786" s="1" t="s">
        <v>28332</v>
      </c>
      <c r="E65786" s="1" t="s">
        <v>219179</v>
      </c>
      <c r="F65786" s="1" t="s">
        <v>219180</v>
      </c>
      <c r="G65786" s="1" t="s">
        <v>219136</v>
      </c>
      <c r="H65786" s="1" t="s">
        <v>219137</v>
      </c>
      <c r="I65786" s="1" t="s">
        <v>218190</v>
      </c>
      <c r="J65786" s="1" t="s">
        <v>219181</v>
      </c>
    </row>
    <row r="65787" spans="1:10" x14ac:dyDescent="0.35">
      <c r="A65787" s="1" t="s">
        <v>52111</v>
      </c>
      <c r="B65787" s="1" t="s">
        <v>218185</v>
      </c>
      <c r="C65787" s="1" t="s">
        <v>90</v>
      </c>
      <c r="D65787" s="1" t="s">
        <v>148526</v>
      </c>
      <c r="E65787" s="1" t="s">
        <v>219182</v>
      </c>
      <c r="F65787" s="1" t="s">
        <v>219183</v>
      </c>
      <c r="G65787" s="1" t="s">
        <v>219136</v>
      </c>
      <c r="H65787" s="1" t="s">
        <v>219137</v>
      </c>
      <c r="I65787" s="1" t="s">
        <v>218190</v>
      </c>
      <c r="J65787" s="1" t="s">
        <v>219184</v>
      </c>
    </row>
    <row r="65788" spans="1:10" x14ac:dyDescent="0.35">
      <c r="A65788" s="1" t="s">
        <v>52111</v>
      </c>
      <c r="B65788" s="1" t="s">
        <v>218185</v>
      </c>
      <c r="C65788" s="1" t="s">
        <v>95</v>
      </c>
      <c r="D65788" s="1" t="s">
        <v>2954</v>
      </c>
      <c r="E65788" s="1" t="s">
        <v>219185</v>
      </c>
      <c r="F65788" s="1" t="s">
        <v>219186</v>
      </c>
      <c r="G65788" s="1" t="s">
        <v>219136</v>
      </c>
      <c r="H65788" s="1" t="s">
        <v>219137</v>
      </c>
      <c r="I65788" s="1" t="s">
        <v>218190</v>
      </c>
      <c r="J65788" s="1" t="s">
        <v>219187</v>
      </c>
    </row>
    <row r="65789" spans="1:10" x14ac:dyDescent="0.35">
      <c r="A65789" s="1" t="s">
        <v>52111</v>
      </c>
      <c r="B65789" s="1" t="s">
        <v>218185</v>
      </c>
      <c r="C65789" s="1" t="s">
        <v>100</v>
      </c>
      <c r="D65789" s="1" t="s">
        <v>35095</v>
      </c>
      <c r="E65789" s="1" t="s">
        <v>219188</v>
      </c>
      <c r="F65789" s="1" t="s">
        <v>219189</v>
      </c>
      <c r="G65789" s="1" t="s">
        <v>219136</v>
      </c>
      <c r="H65789" s="1" t="s">
        <v>219137</v>
      </c>
      <c r="I65789" s="1" t="s">
        <v>218190</v>
      </c>
      <c r="J65789" s="1" t="s">
        <v>219190</v>
      </c>
    </row>
    <row r="65790" spans="1:10" x14ac:dyDescent="0.35">
      <c r="A65790" s="1" t="s">
        <v>52111</v>
      </c>
      <c r="B65790" s="1" t="s">
        <v>218185</v>
      </c>
      <c r="C65790" s="1" t="s">
        <v>105</v>
      </c>
      <c r="D65790" s="1" t="s">
        <v>48409</v>
      </c>
      <c r="E65790" s="1" t="s">
        <v>219191</v>
      </c>
      <c r="F65790" s="1" t="s">
        <v>219192</v>
      </c>
      <c r="G65790" s="1" t="s">
        <v>219136</v>
      </c>
      <c r="H65790" s="1" t="s">
        <v>219137</v>
      </c>
      <c r="I65790" s="1" t="s">
        <v>218190</v>
      </c>
      <c r="J65790" s="1" t="s">
        <v>219193</v>
      </c>
    </row>
    <row r="65791" spans="1:10" x14ac:dyDescent="0.35">
      <c r="A65791" s="1" t="s">
        <v>52111</v>
      </c>
      <c r="B65791" s="1" t="s">
        <v>218185</v>
      </c>
      <c r="C65791" s="1" t="s">
        <v>110</v>
      </c>
      <c r="D65791" s="1" t="s">
        <v>74099</v>
      </c>
      <c r="E65791" s="1" t="s">
        <v>219194</v>
      </c>
      <c r="F65791" s="1" t="s">
        <v>219195</v>
      </c>
      <c r="G65791" s="1" t="s">
        <v>219136</v>
      </c>
      <c r="H65791" s="1" t="s">
        <v>219137</v>
      </c>
      <c r="I65791" s="1" t="s">
        <v>218190</v>
      </c>
      <c r="J65791" s="1" t="s">
        <v>219196</v>
      </c>
    </row>
    <row r="65792" spans="1:10" x14ac:dyDescent="0.35">
      <c r="A65792" s="1" t="s">
        <v>52111</v>
      </c>
      <c r="B65792" s="1" t="s">
        <v>218185</v>
      </c>
      <c r="C65792" s="1" t="s">
        <v>115</v>
      </c>
      <c r="D65792" s="1" t="s">
        <v>116549</v>
      </c>
      <c r="E65792" s="1" t="s">
        <v>219197</v>
      </c>
      <c r="F65792" s="1" t="s">
        <v>219198</v>
      </c>
      <c r="G65792" s="1" t="s">
        <v>219136</v>
      </c>
      <c r="H65792" s="1" t="s">
        <v>219137</v>
      </c>
      <c r="I65792" s="1" t="s">
        <v>218190</v>
      </c>
      <c r="J65792" s="1" t="s">
        <v>219199</v>
      </c>
    </row>
    <row r="65793" spans="1:10" x14ac:dyDescent="0.35">
      <c r="A65793" s="1" t="s">
        <v>52111</v>
      </c>
      <c r="B65793" s="1" t="s">
        <v>218185</v>
      </c>
      <c r="C65793" s="1" t="s">
        <v>120</v>
      </c>
      <c r="D65793" s="1" t="s">
        <v>37867</v>
      </c>
      <c r="E65793" s="1" t="s">
        <v>219200</v>
      </c>
      <c r="F65793" s="1" t="s">
        <v>219201</v>
      </c>
      <c r="G65793" s="1" t="s">
        <v>219136</v>
      </c>
      <c r="H65793" s="1" t="s">
        <v>219137</v>
      </c>
      <c r="I65793" s="1" t="s">
        <v>218190</v>
      </c>
      <c r="J65793" s="1" t="s">
        <v>219202</v>
      </c>
    </row>
    <row r="65794" spans="1:10" x14ac:dyDescent="0.35">
      <c r="A65794" s="1" t="s">
        <v>52111</v>
      </c>
      <c r="B65794" s="1" t="s">
        <v>218185</v>
      </c>
      <c r="C65794" s="1" t="s">
        <v>125</v>
      </c>
      <c r="D65794" s="1" t="s">
        <v>19513</v>
      </c>
      <c r="E65794" s="1" t="s">
        <v>219203</v>
      </c>
      <c r="F65794" s="1" t="s">
        <v>219204</v>
      </c>
      <c r="G65794" s="1" t="s">
        <v>219136</v>
      </c>
      <c r="H65794" s="1" t="s">
        <v>219137</v>
      </c>
      <c r="I65794" s="1" t="s">
        <v>218190</v>
      </c>
      <c r="J65794" s="1" t="s">
        <v>219205</v>
      </c>
    </row>
    <row r="65795" spans="1:10" x14ac:dyDescent="0.35">
      <c r="A65795" s="1" t="s">
        <v>52111</v>
      </c>
      <c r="B65795" s="1" t="s">
        <v>218185</v>
      </c>
      <c r="C65795" s="1" t="s">
        <v>130</v>
      </c>
      <c r="D65795" s="1" t="s">
        <v>5159</v>
      </c>
      <c r="E65795" s="1" t="s">
        <v>219206</v>
      </c>
      <c r="F65795" s="1" t="s">
        <v>219207</v>
      </c>
      <c r="G65795" s="1" t="s">
        <v>219136</v>
      </c>
      <c r="H65795" s="1" t="s">
        <v>219137</v>
      </c>
      <c r="I65795" s="1" t="s">
        <v>218190</v>
      </c>
      <c r="J65795" s="1" t="s">
        <v>219208</v>
      </c>
    </row>
    <row r="65796" spans="1:10" x14ac:dyDescent="0.35">
      <c r="A65796" s="1" t="s">
        <v>52111</v>
      </c>
      <c r="B65796" s="1" t="s">
        <v>218185</v>
      </c>
      <c r="C65796" s="1" t="s">
        <v>135</v>
      </c>
      <c r="D65796" s="1" t="s">
        <v>213760</v>
      </c>
      <c r="E65796" s="1" t="s">
        <v>219209</v>
      </c>
      <c r="F65796" s="1" t="s">
        <v>219210</v>
      </c>
      <c r="G65796" s="1" t="s">
        <v>219136</v>
      </c>
      <c r="H65796" s="1" t="s">
        <v>219137</v>
      </c>
      <c r="I65796" s="1" t="s">
        <v>218190</v>
      </c>
      <c r="J65796" s="1" t="s">
        <v>219211</v>
      </c>
    </row>
    <row r="65797" spans="1:10" x14ac:dyDescent="0.35">
      <c r="A65797" s="1" t="s">
        <v>52111</v>
      </c>
      <c r="B65797" s="1" t="s">
        <v>218185</v>
      </c>
      <c r="C65797" s="1" t="s">
        <v>140</v>
      </c>
      <c r="D65797" s="1" t="s">
        <v>189325</v>
      </c>
      <c r="E65797" s="1" t="s">
        <v>219212</v>
      </c>
      <c r="F65797" s="1" t="s">
        <v>219213</v>
      </c>
      <c r="G65797" s="1" t="s">
        <v>219136</v>
      </c>
      <c r="H65797" s="1" t="s">
        <v>219137</v>
      </c>
      <c r="I65797" s="1" t="s">
        <v>218190</v>
      </c>
      <c r="J65797" s="1" t="s">
        <v>219214</v>
      </c>
    </row>
    <row r="65798" spans="1:10" x14ac:dyDescent="0.35">
      <c r="A65798" s="1" t="s">
        <v>52111</v>
      </c>
      <c r="B65798" s="1" t="s">
        <v>218185</v>
      </c>
      <c r="C65798" s="1" t="s">
        <v>145</v>
      </c>
      <c r="D65798" s="1" t="s">
        <v>182137</v>
      </c>
      <c r="E65798" s="1" t="s">
        <v>219215</v>
      </c>
      <c r="F65798" s="1" t="s">
        <v>219216</v>
      </c>
      <c r="G65798" s="1" t="s">
        <v>219136</v>
      </c>
      <c r="H65798" s="1" t="s">
        <v>219137</v>
      </c>
      <c r="I65798" s="1" t="s">
        <v>218190</v>
      </c>
      <c r="J65798" s="1" t="s">
        <v>219217</v>
      </c>
    </row>
    <row r="65799" spans="1:10" x14ac:dyDescent="0.35">
      <c r="A65799" s="1" t="s">
        <v>52111</v>
      </c>
      <c r="B65799" s="1" t="s">
        <v>218185</v>
      </c>
      <c r="C65799" s="1" t="s">
        <v>150</v>
      </c>
      <c r="D65799" s="1" t="s">
        <v>159808</v>
      </c>
      <c r="E65799" s="1" t="s">
        <v>219218</v>
      </c>
      <c r="F65799" s="1" t="s">
        <v>219219</v>
      </c>
      <c r="G65799" s="1" t="s">
        <v>219136</v>
      </c>
      <c r="H65799" s="1" t="s">
        <v>219137</v>
      </c>
      <c r="I65799" s="1" t="s">
        <v>218190</v>
      </c>
      <c r="J65799" s="1" t="s">
        <v>219220</v>
      </c>
    </row>
    <row r="65800" spans="1:10" x14ac:dyDescent="0.35">
      <c r="A65800" s="1" t="s">
        <v>52111</v>
      </c>
      <c r="B65800" s="1" t="s">
        <v>218185</v>
      </c>
      <c r="C65800" s="1" t="s">
        <v>155</v>
      </c>
      <c r="D65800" s="1" t="s">
        <v>190026</v>
      </c>
      <c r="E65800" s="1" t="s">
        <v>219221</v>
      </c>
      <c r="F65800" s="1" t="s">
        <v>219222</v>
      </c>
      <c r="G65800" s="1" t="s">
        <v>219136</v>
      </c>
      <c r="H65800" s="1" t="s">
        <v>219137</v>
      </c>
      <c r="I65800" s="1" t="s">
        <v>218190</v>
      </c>
      <c r="J65800" s="1" t="s">
        <v>219223</v>
      </c>
    </row>
    <row r="65801" spans="1:10" x14ac:dyDescent="0.35">
      <c r="A65801" s="1" t="s">
        <v>52111</v>
      </c>
      <c r="B65801" s="1" t="s">
        <v>218185</v>
      </c>
      <c r="C65801" s="1" t="s">
        <v>160</v>
      </c>
      <c r="D65801" s="1" t="s">
        <v>219224</v>
      </c>
      <c r="E65801" s="1" t="s">
        <v>219225</v>
      </c>
      <c r="F65801" s="1" t="s">
        <v>219226</v>
      </c>
      <c r="G65801" s="1" t="s">
        <v>219136</v>
      </c>
      <c r="H65801" s="1" t="s">
        <v>219137</v>
      </c>
      <c r="I65801" s="1" t="s">
        <v>218190</v>
      </c>
      <c r="J65801" s="1" t="s">
        <v>219227</v>
      </c>
    </row>
    <row r="65802" spans="1:10" x14ac:dyDescent="0.35">
      <c r="A65802" s="1" t="s">
        <v>52111</v>
      </c>
      <c r="B65802" s="1" t="s">
        <v>218185</v>
      </c>
      <c r="C65802" s="1" t="s">
        <v>165</v>
      </c>
      <c r="D65802" s="1" t="s">
        <v>31277</v>
      </c>
      <c r="E65802" s="1" t="s">
        <v>219228</v>
      </c>
      <c r="F65802" s="1" t="s">
        <v>219229</v>
      </c>
      <c r="G65802" s="1" t="s">
        <v>219136</v>
      </c>
      <c r="H65802" s="1" t="s">
        <v>219137</v>
      </c>
      <c r="I65802" s="1" t="s">
        <v>218190</v>
      </c>
      <c r="J65802" s="1" t="s">
        <v>219230</v>
      </c>
    </row>
    <row r="65803" spans="1:10" x14ac:dyDescent="0.35">
      <c r="A65803" s="1" t="s">
        <v>52111</v>
      </c>
      <c r="B65803" s="1" t="s">
        <v>218185</v>
      </c>
      <c r="C65803" s="1" t="s">
        <v>170</v>
      </c>
      <c r="D65803" s="1" t="s">
        <v>34336</v>
      </c>
      <c r="E65803" s="1" t="s">
        <v>219231</v>
      </c>
      <c r="F65803" s="1" t="s">
        <v>219232</v>
      </c>
      <c r="G65803" s="1" t="s">
        <v>219136</v>
      </c>
      <c r="H65803" s="1" t="s">
        <v>219137</v>
      </c>
      <c r="I65803" s="1" t="s">
        <v>218190</v>
      </c>
      <c r="J65803" s="1" t="s">
        <v>219233</v>
      </c>
    </row>
    <row r="65804" spans="1:10" x14ac:dyDescent="0.35">
      <c r="A65804" s="1" t="s">
        <v>5712</v>
      </c>
      <c r="B65804" s="1" t="s">
        <v>218185</v>
      </c>
      <c r="C65804" s="1" t="s">
        <v>8</v>
      </c>
      <c r="D65804" s="1" t="s">
        <v>15527</v>
      </c>
      <c r="E65804" s="1" t="s">
        <v>219234</v>
      </c>
      <c r="F65804" s="1" t="s">
        <v>219235</v>
      </c>
      <c r="G65804" s="1" t="s">
        <v>219236</v>
      </c>
      <c r="H65804" s="1" t="s">
        <v>219237</v>
      </c>
      <c r="I65804" s="1" t="s">
        <v>218190</v>
      </c>
      <c r="J65804" s="1" t="s">
        <v>13</v>
      </c>
    </row>
    <row r="65805" spans="1:10" x14ac:dyDescent="0.35">
      <c r="A65805" s="1" t="s">
        <v>5712</v>
      </c>
      <c r="B65805" s="1" t="s">
        <v>218185</v>
      </c>
      <c r="C65805" s="1" t="s">
        <v>15</v>
      </c>
      <c r="D65805" s="1" t="s">
        <v>31026</v>
      </c>
      <c r="E65805" s="1" t="s">
        <v>219238</v>
      </c>
      <c r="F65805" s="1" t="s">
        <v>219239</v>
      </c>
      <c r="G65805" s="1" t="s">
        <v>219236</v>
      </c>
      <c r="H65805" s="1" t="s">
        <v>219237</v>
      </c>
      <c r="I65805" s="1" t="s">
        <v>218190</v>
      </c>
      <c r="J65805" s="1" t="s">
        <v>219240</v>
      </c>
    </row>
    <row r="65806" spans="1:10" x14ac:dyDescent="0.35">
      <c r="A65806" s="1" t="s">
        <v>5712</v>
      </c>
      <c r="B65806" s="1" t="s">
        <v>218185</v>
      </c>
      <c r="C65806" s="1" t="s">
        <v>20</v>
      </c>
      <c r="D65806" s="1" t="s">
        <v>47885</v>
      </c>
      <c r="E65806" s="1" t="s">
        <v>219241</v>
      </c>
      <c r="F65806" s="1" t="s">
        <v>219242</v>
      </c>
      <c r="G65806" s="1" t="s">
        <v>219236</v>
      </c>
      <c r="H65806" s="1" t="s">
        <v>219237</v>
      </c>
      <c r="I65806" s="1" t="s">
        <v>218190</v>
      </c>
      <c r="J65806" s="1" t="s">
        <v>219243</v>
      </c>
    </row>
    <row r="65807" spans="1:10" x14ac:dyDescent="0.35">
      <c r="A65807" s="1" t="s">
        <v>5712</v>
      </c>
      <c r="B65807" s="1" t="s">
        <v>218185</v>
      </c>
      <c r="C65807" s="1" t="s">
        <v>25</v>
      </c>
      <c r="D65807" s="1" t="s">
        <v>192412</v>
      </c>
      <c r="E65807" s="1" t="s">
        <v>219244</v>
      </c>
      <c r="F65807" s="1" t="s">
        <v>219245</v>
      </c>
      <c r="G65807" s="1" t="s">
        <v>219236</v>
      </c>
      <c r="H65807" s="1" t="s">
        <v>219237</v>
      </c>
      <c r="I65807" s="1" t="s">
        <v>218190</v>
      </c>
      <c r="J65807" s="1" t="s">
        <v>219246</v>
      </c>
    </row>
    <row r="65808" spans="1:10" x14ac:dyDescent="0.35">
      <c r="A65808" s="1" t="s">
        <v>5712</v>
      </c>
      <c r="B65808" s="1" t="s">
        <v>218185</v>
      </c>
      <c r="C65808" s="1" t="s">
        <v>30</v>
      </c>
      <c r="D65808" s="1" t="s">
        <v>49220</v>
      </c>
      <c r="E65808" s="1" t="s">
        <v>219247</v>
      </c>
      <c r="F65808" s="1" t="s">
        <v>219248</v>
      </c>
      <c r="G65808" s="1" t="s">
        <v>219236</v>
      </c>
      <c r="H65808" s="1" t="s">
        <v>219237</v>
      </c>
      <c r="I65808" s="1" t="s">
        <v>218190</v>
      </c>
      <c r="J65808" s="1" t="s">
        <v>219249</v>
      </c>
    </row>
    <row r="65809" spans="1:10" x14ac:dyDescent="0.35">
      <c r="A65809" s="1" t="s">
        <v>5712</v>
      </c>
      <c r="B65809" s="1" t="s">
        <v>218185</v>
      </c>
      <c r="C65809" s="1" t="s">
        <v>35</v>
      </c>
      <c r="D65809" s="1" t="s">
        <v>145019</v>
      </c>
      <c r="E65809" s="1" t="s">
        <v>219250</v>
      </c>
      <c r="F65809" s="1" t="s">
        <v>219251</v>
      </c>
      <c r="G65809" s="1" t="s">
        <v>219236</v>
      </c>
      <c r="H65809" s="1" t="s">
        <v>219237</v>
      </c>
      <c r="I65809" s="1" t="s">
        <v>218190</v>
      </c>
      <c r="J65809" s="1" t="s">
        <v>219252</v>
      </c>
    </row>
    <row r="65810" spans="1:10" x14ac:dyDescent="0.35">
      <c r="A65810" s="1" t="s">
        <v>5712</v>
      </c>
      <c r="B65810" s="1" t="s">
        <v>218185</v>
      </c>
      <c r="C65810" s="1" t="s">
        <v>40</v>
      </c>
      <c r="D65810" s="1" t="s">
        <v>204902</v>
      </c>
      <c r="E65810" s="1" t="s">
        <v>219253</v>
      </c>
      <c r="F65810" s="1" t="s">
        <v>219254</v>
      </c>
      <c r="G65810" s="1" t="s">
        <v>219236</v>
      </c>
      <c r="H65810" s="1" t="s">
        <v>219237</v>
      </c>
      <c r="I65810" s="1" t="s">
        <v>218190</v>
      </c>
      <c r="J65810" s="1" t="s">
        <v>219255</v>
      </c>
    </row>
    <row r="65811" spans="1:10" x14ac:dyDescent="0.35">
      <c r="A65811" s="1" t="s">
        <v>5712</v>
      </c>
      <c r="B65811" s="1" t="s">
        <v>218185</v>
      </c>
      <c r="C65811" s="1" t="s">
        <v>45</v>
      </c>
      <c r="D65811" s="1" t="s">
        <v>2382</v>
      </c>
      <c r="E65811" s="1" t="s">
        <v>219256</v>
      </c>
      <c r="F65811" s="1" t="s">
        <v>219257</v>
      </c>
      <c r="G65811" s="1" t="s">
        <v>219236</v>
      </c>
      <c r="H65811" s="1" t="s">
        <v>219237</v>
      </c>
      <c r="I65811" s="1" t="s">
        <v>218190</v>
      </c>
      <c r="J65811" s="1" t="s">
        <v>219258</v>
      </c>
    </row>
    <row r="65812" spans="1:10" x14ac:dyDescent="0.35">
      <c r="A65812" s="1" t="s">
        <v>5712</v>
      </c>
      <c r="B65812" s="1" t="s">
        <v>218185</v>
      </c>
      <c r="C65812" s="1" t="s">
        <v>50</v>
      </c>
      <c r="D65812" s="1" t="s">
        <v>35405</v>
      </c>
      <c r="E65812" s="1" t="s">
        <v>219259</v>
      </c>
      <c r="F65812" s="1" t="s">
        <v>219260</v>
      </c>
      <c r="G65812" s="1" t="s">
        <v>219236</v>
      </c>
      <c r="H65812" s="1" t="s">
        <v>219237</v>
      </c>
      <c r="I65812" s="1" t="s">
        <v>218190</v>
      </c>
      <c r="J65812" s="1" t="s">
        <v>219261</v>
      </c>
    </row>
    <row r="65813" spans="1:10" x14ac:dyDescent="0.35">
      <c r="A65813" s="1" t="s">
        <v>5712</v>
      </c>
      <c r="B65813" s="1" t="s">
        <v>218185</v>
      </c>
      <c r="C65813" s="1" t="s">
        <v>55</v>
      </c>
      <c r="D65813" s="1" t="s">
        <v>74761</v>
      </c>
      <c r="E65813" s="1" t="s">
        <v>219262</v>
      </c>
      <c r="F65813" s="1" t="s">
        <v>219263</v>
      </c>
      <c r="G65813" s="1" t="s">
        <v>219236</v>
      </c>
      <c r="H65813" s="1" t="s">
        <v>219237</v>
      </c>
      <c r="I65813" s="1" t="s">
        <v>218190</v>
      </c>
      <c r="J65813" s="1" t="s">
        <v>219264</v>
      </c>
    </row>
    <row r="65814" spans="1:10" x14ac:dyDescent="0.35">
      <c r="A65814" s="1" t="s">
        <v>5712</v>
      </c>
      <c r="B65814" s="1" t="s">
        <v>218185</v>
      </c>
      <c r="C65814" s="1" t="s">
        <v>60</v>
      </c>
      <c r="D65814" s="1" t="s">
        <v>219265</v>
      </c>
      <c r="E65814" s="1" t="s">
        <v>219266</v>
      </c>
      <c r="F65814" s="1" t="s">
        <v>219267</v>
      </c>
      <c r="G65814" s="1" t="s">
        <v>219236</v>
      </c>
      <c r="H65814" s="1" t="s">
        <v>219237</v>
      </c>
      <c r="I65814" s="1" t="s">
        <v>218190</v>
      </c>
      <c r="J65814" s="1" t="s">
        <v>219268</v>
      </c>
    </row>
    <row r="65815" spans="1:10" x14ac:dyDescent="0.35">
      <c r="A65815" s="1" t="s">
        <v>5712</v>
      </c>
      <c r="B65815" s="1" t="s">
        <v>218185</v>
      </c>
      <c r="C65815" s="1" t="s">
        <v>65</v>
      </c>
      <c r="D65815" s="1" t="s">
        <v>74984</v>
      </c>
      <c r="E65815" s="1" t="s">
        <v>219269</v>
      </c>
      <c r="F65815" s="1" t="s">
        <v>219270</v>
      </c>
      <c r="G65815" s="1" t="s">
        <v>219236</v>
      </c>
      <c r="H65815" s="1" t="s">
        <v>219237</v>
      </c>
      <c r="I65815" s="1" t="s">
        <v>218190</v>
      </c>
      <c r="J65815" s="1" t="s">
        <v>219271</v>
      </c>
    </row>
    <row r="65816" spans="1:10" x14ac:dyDescent="0.35">
      <c r="A65816" s="1" t="s">
        <v>5712</v>
      </c>
      <c r="B65816" s="1" t="s">
        <v>218185</v>
      </c>
      <c r="C65816" s="1" t="s">
        <v>70</v>
      </c>
      <c r="D65816" s="1" t="s">
        <v>109903</v>
      </c>
      <c r="E65816" s="1" t="s">
        <v>219272</v>
      </c>
      <c r="F65816" s="1" t="s">
        <v>219273</v>
      </c>
      <c r="G65816" s="1" t="s">
        <v>219236</v>
      </c>
      <c r="H65816" s="1" t="s">
        <v>219237</v>
      </c>
      <c r="I65816" s="1" t="s">
        <v>218190</v>
      </c>
      <c r="J65816" s="1" t="s">
        <v>219274</v>
      </c>
    </row>
    <row r="65817" spans="1:10" x14ac:dyDescent="0.35">
      <c r="A65817" s="1" t="s">
        <v>5712</v>
      </c>
      <c r="B65817" s="1" t="s">
        <v>218185</v>
      </c>
      <c r="C65817" s="1" t="s">
        <v>75</v>
      </c>
      <c r="D65817" s="1" t="s">
        <v>3417</v>
      </c>
      <c r="E65817" s="1" t="s">
        <v>219275</v>
      </c>
      <c r="F65817" s="1" t="s">
        <v>219276</v>
      </c>
      <c r="G65817" s="1" t="s">
        <v>219236</v>
      </c>
      <c r="H65817" s="1" t="s">
        <v>219237</v>
      </c>
      <c r="I65817" s="1" t="s">
        <v>218190</v>
      </c>
      <c r="J65817" s="1" t="s">
        <v>219277</v>
      </c>
    </row>
    <row r="65818" spans="1:10" x14ac:dyDescent="0.35">
      <c r="A65818" s="1" t="s">
        <v>5712</v>
      </c>
      <c r="B65818" s="1" t="s">
        <v>218185</v>
      </c>
      <c r="C65818" s="1" t="s">
        <v>80</v>
      </c>
      <c r="D65818" s="1" t="s">
        <v>82171</v>
      </c>
      <c r="E65818" s="1" t="s">
        <v>219278</v>
      </c>
      <c r="F65818" s="1" t="s">
        <v>219279</v>
      </c>
      <c r="G65818" s="1" t="s">
        <v>219236</v>
      </c>
      <c r="H65818" s="1" t="s">
        <v>219237</v>
      </c>
      <c r="I65818" s="1" t="s">
        <v>218190</v>
      </c>
      <c r="J65818" s="1" t="s">
        <v>219280</v>
      </c>
    </row>
    <row r="65819" spans="1:10" x14ac:dyDescent="0.35">
      <c r="A65819" s="1" t="s">
        <v>5712</v>
      </c>
      <c r="B65819" s="1" t="s">
        <v>218185</v>
      </c>
      <c r="C65819" s="1" t="s">
        <v>85</v>
      </c>
      <c r="D65819" s="1" t="s">
        <v>74452</v>
      </c>
      <c r="E65819" s="1" t="s">
        <v>219281</v>
      </c>
      <c r="F65819" s="1" t="s">
        <v>219282</v>
      </c>
      <c r="G65819" s="1" t="s">
        <v>219236</v>
      </c>
      <c r="H65819" s="1" t="s">
        <v>219237</v>
      </c>
      <c r="I65819" s="1" t="s">
        <v>218190</v>
      </c>
      <c r="J65819" s="1" t="s">
        <v>219283</v>
      </c>
    </row>
    <row r="65820" spans="1:10" x14ac:dyDescent="0.35">
      <c r="A65820" s="1" t="s">
        <v>5712</v>
      </c>
      <c r="B65820" s="1" t="s">
        <v>218185</v>
      </c>
      <c r="C65820" s="1" t="s">
        <v>90</v>
      </c>
      <c r="D65820" s="1" t="s">
        <v>16160</v>
      </c>
      <c r="E65820" s="1" t="s">
        <v>219284</v>
      </c>
      <c r="F65820" s="1" t="s">
        <v>219285</v>
      </c>
      <c r="G65820" s="1" t="s">
        <v>219236</v>
      </c>
      <c r="H65820" s="1" t="s">
        <v>219237</v>
      </c>
      <c r="I65820" s="1" t="s">
        <v>218190</v>
      </c>
      <c r="J65820" s="1" t="s">
        <v>219286</v>
      </c>
    </row>
    <row r="65821" spans="1:10" x14ac:dyDescent="0.35">
      <c r="A65821" s="1" t="s">
        <v>5712</v>
      </c>
      <c r="B65821" s="1" t="s">
        <v>218185</v>
      </c>
      <c r="C65821" s="1" t="s">
        <v>95</v>
      </c>
      <c r="D65821" s="1" t="s">
        <v>219287</v>
      </c>
      <c r="E65821" s="1" t="s">
        <v>219288</v>
      </c>
      <c r="F65821" s="1" t="s">
        <v>219289</v>
      </c>
      <c r="G65821" s="1" t="s">
        <v>219236</v>
      </c>
      <c r="H65821" s="1" t="s">
        <v>219237</v>
      </c>
      <c r="I65821" s="1" t="s">
        <v>218190</v>
      </c>
      <c r="J65821" s="1" t="s">
        <v>219290</v>
      </c>
    </row>
    <row r="65822" spans="1:10" x14ac:dyDescent="0.35">
      <c r="A65822" s="1" t="s">
        <v>5712</v>
      </c>
      <c r="B65822" s="1" t="s">
        <v>218185</v>
      </c>
      <c r="C65822" s="1" t="s">
        <v>100</v>
      </c>
      <c r="D65822" s="1" t="s">
        <v>193391</v>
      </c>
      <c r="E65822" s="1" t="s">
        <v>219291</v>
      </c>
      <c r="F65822" s="1" t="s">
        <v>219292</v>
      </c>
      <c r="G65822" s="1" t="s">
        <v>219236</v>
      </c>
      <c r="H65822" s="1" t="s">
        <v>219237</v>
      </c>
      <c r="I65822" s="1" t="s">
        <v>218190</v>
      </c>
      <c r="J65822" s="1" t="s">
        <v>219293</v>
      </c>
    </row>
    <row r="65823" spans="1:10" x14ac:dyDescent="0.35">
      <c r="A65823" s="1" t="s">
        <v>5712</v>
      </c>
      <c r="B65823" s="1" t="s">
        <v>218185</v>
      </c>
      <c r="C65823" s="1" t="s">
        <v>105</v>
      </c>
      <c r="D65823" s="1" t="s">
        <v>135156</v>
      </c>
      <c r="E65823" s="1" t="s">
        <v>219294</v>
      </c>
      <c r="F65823" s="1" t="s">
        <v>219295</v>
      </c>
      <c r="G65823" s="1" t="s">
        <v>219236</v>
      </c>
      <c r="H65823" s="1" t="s">
        <v>219237</v>
      </c>
      <c r="I65823" s="1" t="s">
        <v>218190</v>
      </c>
      <c r="J65823" s="1" t="s">
        <v>219296</v>
      </c>
    </row>
    <row r="65824" spans="1:10" x14ac:dyDescent="0.35">
      <c r="A65824" s="1" t="s">
        <v>5712</v>
      </c>
      <c r="B65824" s="1" t="s">
        <v>218185</v>
      </c>
      <c r="C65824" s="1" t="s">
        <v>110</v>
      </c>
      <c r="D65824" s="1" t="s">
        <v>3457</v>
      </c>
      <c r="E65824" s="1" t="s">
        <v>219297</v>
      </c>
      <c r="F65824" s="1" t="s">
        <v>219298</v>
      </c>
      <c r="G65824" s="1" t="s">
        <v>219236</v>
      </c>
      <c r="H65824" s="1" t="s">
        <v>219237</v>
      </c>
      <c r="I65824" s="1" t="s">
        <v>218190</v>
      </c>
      <c r="J65824" s="1" t="s">
        <v>219299</v>
      </c>
    </row>
    <row r="65825" spans="1:10" x14ac:dyDescent="0.35">
      <c r="A65825" s="1" t="s">
        <v>5712</v>
      </c>
      <c r="B65825" s="1" t="s">
        <v>218185</v>
      </c>
      <c r="C65825" s="1" t="s">
        <v>115</v>
      </c>
      <c r="D65825" s="1" t="s">
        <v>50849</v>
      </c>
      <c r="E65825" s="1" t="s">
        <v>219300</v>
      </c>
      <c r="F65825" s="1" t="s">
        <v>219301</v>
      </c>
      <c r="G65825" s="1" t="s">
        <v>219236</v>
      </c>
      <c r="H65825" s="1" t="s">
        <v>219237</v>
      </c>
      <c r="I65825" s="1" t="s">
        <v>218190</v>
      </c>
      <c r="J65825" s="1" t="s">
        <v>219302</v>
      </c>
    </row>
    <row r="65826" spans="1:10" x14ac:dyDescent="0.35">
      <c r="A65826" s="1" t="s">
        <v>5712</v>
      </c>
      <c r="B65826" s="1" t="s">
        <v>218185</v>
      </c>
      <c r="C65826" s="1" t="s">
        <v>120</v>
      </c>
      <c r="D65826" s="1" t="s">
        <v>219303</v>
      </c>
      <c r="E65826" s="1" t="s">
        <v>219304</v>
      </c>
      <c r="F65826" s="1" t="s">
        <v>219305</v>
      </c>
      <c r="G65826" s="1" t="s">
        <v>219236</v>
      </c>
      <c r="H65826" s="1" t="s">
        <v>219237</v>
      </c>
      <c r="I65826" s="1" t="s">
        <v>218190</v>
      </c>
      <c r="J65826" s="1" t="s">
        <v>219306</v>
      </c>
    </row>
    <row r="65827" spans="1:10" x14ac:dyDescent="0.35">
      <c r="A65827" s="1" t="s">
        <v>5712</v>
      </c>
      <c r="B65827" s="1" t="s">
        <v>218185</v>
      </c>
      <c r="C65827" s="1" t="s">
        <v>125</v>
      </c>
      <c r="D65827" s="1" t="s">
        <v>17417</v>
      </c>
      <c r="E65827" s="1" t="s">
        <v>219307</v>
      </c>
      <c r="F65827" s="1" t="s">
        <v>219308</v>
      </c>
      <c r="G65827" s="1" t="s">
        <v>219236</v>
      </c>
      <c r="H65827" s="1" t="s">
        <v>219237</v>
      </c>
      <c r="I65827" s="1" t="s">
        <v>218190</v>
      </c>
      <c r="J65827" s="1" t="s">
        <v>219309</v>
      </c>
    </row>
    <row r="65828" spans="1:10" x14ac:dyDescent="0.35">
      <c r="A65828" s="1" t="s">
        <v>5712</v>
      </c>
      <c r="B65828" s="1" t="s">
        <v>218185</v>
      </c>
      <c r="C65828" s="1" t="s">
        <v>130</v>
      </c>
      <c r="D65828" s="1" t="s">
        <v>176692</v>
      </c>
      <c r="E65828" s="1" t="s">
        <v>219310</v>
      </c>
      <c r="F65828" s="1" t="s">
        <v>219311</v>
      </c>
      <c r="G65828" s="1" t="s">
        <v>219236</v>
      </c>
      <c r="H65828" s="1" t="s">
        <v>219237</v>
      </c>
      <c r="I65828" s="1" t="s">
        <v>218190</v>
      </c>
      <c r="J65828" s="1" t="s">
        <v>219312</v>
      </c>
    </row>
    <row r="65829" spans="1:10" x14ac:dyDescent="0.35">
      <c r="A65829" s="1" t="s">
        <v>5712</v>
      </c>
      <c r="B65829" s="1" t="s">
        <v>218185</v>
      </c>
      <c r="C65829" s="1" t="s">
        <v>135</v>
      </c>
      <c r="D65829" s="1" t="s">
        <v>219313</v>
      </c>
      <c r="E65829" s="1" t="s">
        <v>219314</v>
      </c>
      <c r="F65829" s="1" t="s">
        <v>219315</v>
      </c>
      <c r="G65829" s="1" t="s">
        <v>219236</v>
      </c>
      <c r="H65829" s="1" t="s">
        <v>219237</v>
      </c>
      <c r="I65829" s="1" t="s">
        <v>218190</v>
      </c>
      <c r="J65829" s="1" t="s">
        <v>219316</v>
      </c>
    </row>
    <row r="65830" spans="1:10" x14ac:dyDescent="0.35">
      <c r="A65830" s="1" t="s">
        <v>5712</v>
      </c>
      <c r="B65830" s="1" t="s">
        <v>218185</v>
      </c>
      <c r="C65830" s="1" t="s">
        <v>140</v>
      </c>
      <c r="D65830" s="1" t="s">
        <v>36566</v>
      </c>
      <c r="E65830" s="1" t="s">
        <v>219317</v>
      </c>
      <c r="F65830" s="1" t="s">
        <v>219318</v>
      </c>
      <c r="G65830" s="1" t="s">
        <v>219236</v>
      </c>
      <c r="H65830" s="1" t="s">
        <v>219237</v>
      </c>
      <c r="I65830" s="1" t="s">
        <v>218190</v>
      </c>
      <c r="J65830" s="1" t="s">
        <v>219319</v>
      </c>
    </row>
    <row r="65831" spans="1:10" x14ac:dyDescent="0.35">
      <c r="A65831" s="1" t="s">
        <v>5712</v>
      </c>
      <c r="B65831" s="1" t="s">
        <v>218185</v>
      </c>
      <c r="C65831" s="1" t="s">
        <v>145</v>
      </c>
      <c r="D65831" s="1" t="s">
        <v>188866</v>
      </c>
      <c r="E65831" s="1" t="s">
        <v>219320</v>
      </c>
      <c r="F65831" s="1" t="s">
        <v>219321</v>
      </c>
      <c r="G65831" s="1" t="s">
        <v>219236</v>
      </c>
      <c r="H65831" s="1" t="s">
        <v>219237</v>
      </c>
      <c r="I65831" s="1" t="s">
        <v>218190</v>
      </c>
      <c r="J65831" s="1" t="s">
        <v>219322</v>
      </c>
    </row>
    <row r="65832" spans="1:10" x14ac:dyDescent="0.35">
      <c r="A65832" s="1" t="s">
        <v>5712</v>
      </c>
      <c r="B65832" s="1" t="s">
        <v>218185</v>
      </c>
      <c r="C65832" s="1" t="s">
        <v>150</v>
      </c>
      <c r="D65832" s="1" t="s">
        <v>49282</v>
      </c>
      <c r="E65832" s="1" t="s">
        <v>219323</v>
      </c>
      <c r="F65832" s="1" t="s">
        <v>219324</v>
      </c>
      <c r="G65832" s="1" t="s">
        <v>219236</v>
      </c>
      <c r="H65832" s="1" t="s">
        <v>219237</v>
      </c>
      <c r="I65832" s="1" t="s">
        <v>218190</v>
      </c>
      <c r="J65832" s="1" t="s">
        <v>219325</v>
      </c>
    </row>
    <row r="65833" spans="1:10" x14ac:dyDescent="0.35">
      <c r="A65833" s="1" t="s">
        <v>5712</v>
      </c>
      <c r="B65833" s="1" t="s">
        <v>218185</v>
      </c>
      <c r="C65833" s="1" t="s">
        <v>155</v>
      </c>
      <c r="D65833" s="1" t="s">
        <v>219326</v>
      </c>
      <c r="E65833" s="1" t="s">
        <v>219327</v>
      </c>
      <c r="F65833" s="1" t="s">
        <v>219328</v>
      </c>
      <c r="G65833" s="1" t="s">
        <v>219236</v>
      </c>
      <c r="H65833" s="1" t="s">
        <v>219237</v>
      </c>
      <c r="I65833" s="1" t="s">
        <v>218190</v>
      </c>
      <c r="J65833" s="1" t="s">
        <v>219329</v>
      </c>
    </row>
    <row r="65834" spans="1:10" x14ac:dyDescent="0.35">
      <c r="A65834" s="1" t="s">
        <v>5712</v>
      </c>
      <c r="B65834" s="1" t="s">
        <v>218185</v>
      </c>
      <c r="C65834" s="1" t="s">
        <v>160</v>
      </c>
      <c r="D65834" s="1" t="s">
        <v>3699</v>
      </c>
      <c r="E65834" s="1" t="s">
        <v>219330</v>
      </c>
      <c r="F65834" s="1" t="s">
        <v>219331</v>
      </c>
      <c r="G65834" s="1" t="s">
        <v>219236</v>
      </c>
      <c r="H65834" s="1" t="s">
        <v>219237</v>
      </c>
      <c r="I65834" s="1" t="s">
        <v>218190</v>
      </c>
      <c r="J65834" s="1" t="s">
        <v>219332</v>
      </c>
    </row>
    <row r="65835" spans="1:10" x14ac:dyDescent="0.35">
      <c r="A65835" s="1" t="s">
        <v>5712</v>
      </c>
      <c r="B65835" s="1" t="s">
        <v>218185</v>
      </c>
      <c r="C65835" s="1" t="s">
        <v>165</v>
      </c>
      <c r="D65835" s="1" t="s">
        <v>118104</v>
      </c>
      <c r="E65835" s="1" t="s">
        <v>219333</v>
      </c>
      <c r="F65835" s="1" t="s">
        <v>219334</v>
      </c>
      <c r="G65835" s="1" t="s">
        <v>219236</v>
      </c>
      <c r="H65835" s="1" t="s">
        <v>219237</v>
      </c>
      <c r="I65835" s="1" t="s">
        <v>218190</v>
      </c>
      <c r="J65835" s="1" t="s">
        <v>219335</v>
      </c>
    </row>
    <row r="65836" spans="1:10" x14ac:dyDescent="0.35">
      <c r="A65836" s="1" t="s">
        <v>5712</v>
      </c>
      <c r="B65836" s="1" t="s">
        <v>218185</v>
      </c>
      <c r="C65836" s="1" t="s">
        <v>170</v>
      </c>
      <c r="D65836" s="1" t="s">
        <v>4606</v>
      </c>
      <c r="E65836" s="1" t="s">
        <v>219336</v>
      </c>
      <c r="F65836" s="1" t="s">
        <v>219337</v>
      </c>
      <c r="G65836" s="1" t="s">
        <v>219236</v>
      </c>
      <c r="H65836" s="1" t="s">
        <v>219237</v>
      </c>
      <c r="I65836" s="1" t="s">
        <v>218190</v>
      </c>
      <c r="J65836" s="1" t="s">
        <v>219338</v>
      </c>
    </row>
    <row r="65837" spans="1:10" x14ac:dyDescent="0.35">
      <c r="A65837" s="1" t="s">
        <v>203789</v>
      </c>
      <c r="B65837" s="1" t="s">
        <v>218185</v>
      </c>
      <c r="C65837" s="1" t="s">
        <v>8</v>
      </c>
      <c r="D65837" s="1" t="s">
        <v>42730</v>
      </c>
      <c r="E65837" s="1" t="s">
        <v>219339</v>
      </c>
      <c r="F65837" s="1" t="s">
        <v>219340</v>
      </c>
      <c r="G65837" s="1" t="s">
        <v>219341</v>
      </c>
      <c r="H65837" s="1" t="s">
        <v>219342</v>
      </c>
      <c r="I65837" s="1" t="s">
        <v>218190</v>
      </c>
      <c r="J65837" s="1" t="s">
        <v>13</v>
      </c>
    </row>
    <row r="65838" spans="1:10" x14ac:dyDescent="0.35">
      <c r="A65838" s="1" t="s">
        <v>203789</v>
      </c>
      <c r="B65838" s="1" t="s">
        <v>218185</v>
      </c>
      <c r="C65838" s="1" t="s">
        <v>15</v>
      </c>
      <c r="D65838" s="1" t="s">
        <v>106806</v>
      </c>
      <c r="E65838" s="1" t="s">
        <v>219343</v>
      </c>
      <c r="F65838" s="1" t="s">
        <v>219344</v>
      </c>
      <c r="G65838" s="1" t="s">
        <v>219341</v>
      </c>
      <c r="H65838" s="1" t="s">
        <v>219342</v>
      </c>
      <c r="I65838" s="1" t="s">
        <v>218190</v>
      </c>
      <c r="J65838" s="1" t="s">
        <v>219345</v>
      </c>
    </row>
    <row r="65839" spans="1:10" x14ac:dyDescent="0.35">
      <c r="A65839" s="1" t="s">
        <v>203789</v>
      </c>
      <c r="B65839" s="1" t="s">
        <v>218185</v>
      </c>
      <c r="C65839" s="1" t="s">
        <v>20</v>
      </c>
      <c r="D65839" s="1" t="s">
        <v>194237</v>
      </c>
      <c r="E65839" s="1" t="s">
        <v>219346</v>
      </c>
      <c r="F65839" s="1" t="s">
        <v>219347</v>
      </c>
      <c r="G65839" s="1" t="s">
        <v>219341</v>
      </c>
      <c r="H65839" s="1" t="s">
        <v>219342</v>
      </c>
      <c r="I65839" s="1" t="s">
        <v>218190</v>
      </c>
      <c r="J65839" s="1" t="s">
        <v>219348</v>
      </c>
    </row>
    <row r="65840" spans="1:10" x14ac:dyDescent="0.35">
      <c r="A65840" s="1" t="s">
        <v>203789</v>
      </c>
      <c r="B65840" s="1" t="s">
        <v>218185</v>
      </c>
      <c r="C65840" s="1" t="s">
        <v>25</v>
      </c>
      <c r="D65840" s="1" t="s">
        <v>212494</v>
      </c>
      <c r="E65840" s="1" t="s">
        <v>219349</v>
      </c>
      <c r="F65840" s="1" t="s">
        <v>219350</v>
      </c>
      <c r="G65840" s="1" t="s">
        <v>219341</v>
      </c>
      <c r="H65840" s="1" t="s">
        <v>219342</v>
      </c>
      <c r="I65840" s="1" t="s">
        <v>218190</v>
      </c>
      <c r="J65840" s="1" t="s">
        <v>219351</v>
      </c>
    </row>
    <row r="65841" spans="1:10" x14ac:dyDescent="0.35">
      <c r="A65841" s="1" t="s">
        <v>203789</v>
      </c>
      <c r="B65841" s="1" t="s">
        <v>218185</v>
      </c>
      <c r="C65841" s="1" t="s">
        <v>30</v>
      </c>
      <c r="D65841" s="1" t="s">
        <v>74338</v>
      </c>
      <c r="E65841" s="1" t="s">
        <v>219352</v>
      </c>
      <c r="F65841" s="1" t="s">
        <v>219353</v>
      </c>
      <c r="G65841" s="1" t="s">
        <v>219341</v>
      </c>
      <c r="H65841" s="1" t="s">
        <v>219342</v>
      </c>
      <c r="I65841" s="1" t="s">
        <v>218190</v>
      </c>
      <c r="J65841" s="1" t="s">
        <v>219354</v>
      </c>
    </row>
    <row r="65842" spans="1:10" x14ac:dyDescent="0.35">
      <c r="A65842" s="1" t="s">
        <v>203789</v>
      </c>
      <c r="B65842" s="1" t="s">
        <v>218185</v>
      </c>
      <c r="C65842" s="1" t="s">
        <v>35</v>
      </c>
      <c r="D65842" s="1" t="s">
        <v>61</v>
      </c>
      <c r="E65842" s="1" t="s">
        <v>219355</v>
      </c>
      <c r="F65842" s="1" t="s">
        <v>219356</v>
      </c>
      <c r="G65842" s="1" t="s">
        <v>219341</v>
      </c>
      <c r="H65842" s="1" t="s">
        <v>219342</v>
      </c>
      <c r="I65842" s="1" t="s">
        <v>218190</v>
      </c>
      <c r="J65842" s="1" t="s">
        <v>219357</v>
      </c>
    </row>
    <row r="65843" spans="1:10" x14ac:dyDescent="0.35">
      <c r="A65843" s="1" t="s">
        <v>203789</v>
      </c>
      <c r="B65843" s="1" t="s">
        <v>218185</v>
      </c>
      <c r="C65843" s="1" t="s">
        <v>40</v>
      </c>
      <c r="D65843" s="1" t="s">
        <v>14227</v>
      </c>
      <c r="E65843" s="1" t="s">
        <v>219358</v>
      </c>
      <c r="F65843" s="1" t="s">
        <v>219359</v>
      </c>
      <c r="G65843" s="1" t="s">
        <v>219341</v>
      </c>
      <c r="H65843" s="1" t="s">
        <v>219342</v>
      </c>
      <c r="I65843" s="1" t="s">
        <v>218190</v>
      </c>
      <c r="J65843" s="1" t="s">
        <v>219360</v>
      </c>
    </row>
    <row r="65844" spans="1:10" x14ac:dyDescent="0.35">
      <c r="A65844" s="1" t="s">
        <v>203789</v>
      </c>
      <c r="B65844" s="1" t="s">
        <v>218185</v>
      </c>
      <c r="C65844" s="1" t="s">
        <v>45</v>
      </c>
      <c r="D65844" s="1" t="s">
        <v>219361</v>
      </c>
      <c r="E65844" s="1" t="s">
        <v>219362</v>
      </c>
      <c r="F65844" s="1" t="s">
        <v>219363</v>
      </c>
      <c r="G65844" s="1" t="s">
        <v>219341</v>
      </c>
      <c r="H65844" s="1" t="s">
        <v>219342</v>
      </c>
      <c r="I65844" s="1" t="s">
        <v>218190</v>
      </c>
      <c r="J65844" s="1" t="s">
        <v>219364</v>
      </c>
    </row>
    <row r="65845" spans="1:10" x14ac:dyDescent="0.35">
      <c r="A65845" s="1" t="s">
        <v>203789</v>
      </c>
      <c r="B65845" s="1" t="s">
        <v>218185</v>
      </c>
      <c r="C65845" s="1" t="s">
        <v>50</v>
      </c>
      <c r="D65845" s="1" t="s">
        <v>71177</v>
      </c>
      <c r="E65845" s="1" t="s">
        <v>219365</v>
      </c>
      <c r="F65845" s="1" t="s">
        <v>219366</v>
      </c>
      <c r="G65845" s="1" t="s">
        <v>219341</v>
      </c>
      <c r="H65845" s="1" t="s">
        <v>219342</v>
      </c>
      <c r="I65845" s="1" t="s">
        <v>218190</v>
      </c>
      <c r="J65845" s="1" t="s">
        <v>219367</v>
      </c>
    </row>
    <row r="65846" spans="1:10" x14ac:dyDescent="0.35">
      <c r="A65846" s="1" t="s">
        <v>203789</v>
      </c>
      <c r="B65846" s="1" t="s">
        <v>218185</v>
      </c>
      <c r="C65846" s="1" t="s">
        <v>55</v>
      </c>
      <c r="D65846" s="1" t="s">
        <v>30712</v>
      </c>
      <c r="E65846" s="1" t="s">
        <v>219368</v>
      </c>
      <c r="F65846" s="1" t="s">
        <v>219369</v>
      </c>
      <c r="G65846" s="1" t="s">
        <v>219341</v>
      </c>
      <c r="H65846" s="1" t="s">
        <v>219342</v>
      </c>
      <c r="I65846" s="1" t="s">
        <v>218190</v>
      </c>
      <c r="J65846" s="1" t="s">
        <v>219370</v>
      </c>
    </row>
    <row r="65847" spans="1:10" x14ac:dyDescent="0.35">
      <c r="A65847" s="1" t="s">
        <v>203789</v>
      </c>
      <c r="B65847" s="1" t="s">
        <v>218185</v>
      </c>
      <c r="C65847" s="1" t="s">
        <v>60</v>
      </c>
      <c r="D65847" s="1" t="s">
        <v>46376</v>
      </c>
      <c r="E65847" s="1" t="s">
        <v>219371</v>
      </c>
      <c r="F65847" s="1" t="s">
        <v>219372</v>
      </c>
      <c r="G65847" s="1" t="s">
        <v>219341</v>
      </c>
      <c r="H65847" s="1" t="s">
        <v>219342</v>
      </c>
      <c r="I65847" s="1" t="s">
        <v>218190</v>
      </c>
      <c r="J65847" s="1" t="s">
        <v>219373</v>
      </c>
    </row>
    <row r="65848" spans="1:10" x14ac:dyDescent="0.35">
      <c r="A65848" s="1" t="s">
        <v>203789</v>
      </c>
      <c r="B65848" s="1" t="s">
        <v>218185</v>
      </c>
      <c r="C65848" s="1" t="s">
        <v>65</v>
      </c>
      <c r="D65848" s="1" t="s">
        <v>3449</v>
      </c>
      <c r="E65848" s="1" t="s">
        <v>219374</v>
      </c>
      <c r="F65848" s="1" t="s">
        <v>219375</v>
      </c>
      <c r="G65848" s="1" t="s">
        <v>219341</v>
      </c>
      <c r="H65848" s="1" t="s">
        <v>219342</v>
      </c>
      <c r="I65848" s="1" t="s">
        <v>218190</v>
      </c>
      <c r="J65848" s="1" t="s">
        <v>219376</v>
      </c>
    </row>
    <row r="65849" spans="1:10" x14ac:dyDescent="0.35">
      <c r="A65849" s="1" t="s">
        <v>203789</v>
      </c>
      <c r="B65849" s="1" t="s">
        <v>218185</v>
      </c>
      <c r="C65849" s="1" t="s">
        <v>70</v>
      </c>
      <c r="D65849" s="1" t="s">
        <v>219377</v>
      </c>
      <c r="E65849" s="1" t="s">
        <v>219378</v>
      </c>
      <c r="F65849" s="1" t="s">
        <v>219379</v>
      </c>
      <c r="G65849" s="1" t="s">
        <v>219341</v>
      </c>
      <c r="H65849" s="1" t="s">
        <v>219342</v>
      </c>
      <c r="I65849" s="1" t="s">
        <v>218190</v>
      </c>
      <c r="J65849" s="1" t="s">
        <v>219380</v>
      </c>
    </row>
    <row r="65850" spans="1:10" x14ac:dyDescent="0.35">
      <c r="A65850" s="1" t="s">
        <v>203789</v>
      </c>
      <c r="B65850" s="1" t="s">
        <v>218185</v>
      </c>
      <c r="C65850" s="1" t="s">
        <v>75</v>
      </c>
      <c r="D65850" s="1" t="s">
        <v>2981</v>
      </c>
      <c r="E65850" s="1" t="s">
        <v>219381</v>
      </c>
      <c r="F65850" s="1" t="s">
        <v>219382</v>
      </c>
      <c r="G65850" s="1" t="s">
        <v>219341</v>
      </c>
      <c r="H65850" s="1" t="s">
        <v>219342</v>
      </c>
      <c r="I65850" s="1" t="s">
        <v>218190</v>
      </c>
      <c r="J65850" s="1" t="s">
        <v>219383</v>
      </c>
    </row>
    <row r="65851" spans="1:10" x14ac:dyDescent="0.35">
      <c r="A65851" s="1" t="s">
        <v>203789</v>
      </c>
      <c r="B65851" s="1" t="s">
        <v>218185</v>
      </c>
      <c r="C65851" s="1" t="s">
        <v>80</v>
      </c>
      <c r="D65851" s="1" t="s">
        <v>75249</v>
      </c>
      <c r="E65851" s="1" t="s">
        <v>219384</v>
      </c>
      <c r="F65851" s="1" t="s">
        <v>219385</v>
      </c>
      <c r="G65851" s="1" t="s">
        <v>219341</v>
      </c>
      <c r="H65851" s="1" t="s">
        <v>219342</v>
      </c>
      <c r="I65851" s="1" t="s">
        <v>218190</v>
      </c>
      <c r="J65851" s="1" t="s">
        <v>219386</v>
      </c>
    </row>
    <row r="65852" spans="1:10" x14ac:dyDescent="0.35">
      <c r="A65852" s="1" t="s">
        <v>203789</v>
      </c>
      <c r="B65852" s="1" t="s">
        <v>218185</v>
      </c>
      <c r="C65852" s="1" t="s">
        <v>85</v>
      </c>
      <c r="D65852" s="1" t="s">
        <v>42800</v>
      </c>
      <c r="E65852" s="1" t="s">
        <v>219387</v>
      </c>
      <c r="F65852" s="1" t="s">
        <v>219388</v>
      </c>
      <c r="G65852" s="1" t="s">
        <v>219341</v>
      </c>
      <c r="H65852" s="1" t="s">
        <v>219342</v>
      </c>
      <c r="I65852" s="1" t="s">
        <v>218190</v>
      </c>
      <c r="J65852" s="1" t="s">
        <v>219389</v>
      </c>
    </row>
    <row r="65853" spans="1:10" x14ac:dyDescent="0.35">
      <c r="A65853" s="1" t="s">
        <v>203789</v>
      </c>
      <c r="B65853" s="1" t="s">
        <v>218185</v>
      </c>
      <c r="C65853" s="1" t="s">
        <v>90</v>
      </c>
      <c r="D65853" s="1" t="s">
        <v>219390</v>
      </c>
      <c r="E65853" s="1" t="s">
        <v>219391</v>
      </c>
      <c r="F65853" s="1" t="s">
        <v>219392</v>
      </c>
      <c r="G65853" s="1" t="s">
        <v>219341</v>
      </c>
      <c r="H65853" s="1" t="s">
        <v>219342</v>
      </c>
      <c r="I65853" s="1" t="s">
        <v>218190</v>
      </c>
      <c r="J65853" s="1" t="s">
        <v>219393</v>
      </c>
    </row>
    <row r="65854" spans="1:10" x14ac:dyDescent="0.35">
      <c r="A65854" s="1" t="s">
        <v>203789</v>
      </c>
      <c r="B65854" s="1" t="s">
        <v>218185</v>
      </c>
      <c r="C65854" s="1" t="s">
        <v>95</v>
      </c>
      <c r="D65854" s="1" t="s">
        <v>31455</v>
      </c>
      <c r="E65854" s="1" t="s">
        <v>219394</v>
      </c>
      <c r="F65854" s="1" t="s">
        <v>219395</v>
      </c>
      <c r="G65854" s="1" t="s">
        <v>219341</v>
      </c>
      <c r="H65854" s="1" t="s">
        <v>219342</v>
      </c>
      <c r="I65854" s="1" t="s">
        <v>218190</v>
      </c>
      <c r="J65854" s="1" t="s">
        <v>219396</v>
      </c>
    </row>
    <row r="65855" spans="1:10" x14ac:dyDescent="0.35">
      <c r="A65855" s="1" t="s">
        <v>203789</v>
      </c>
      <c r="B65855" s="1" t="s">
        <v>218185</v>
      </c>
      <c r="C65855" s="1" t="s">
        <v>100</v>
      </c>
      <c r="D65855" s="1" t="s">
        <v>31646</v>
      </c>
      <c r="E65855" s="1" t="s">
        <v>219397</v>
      </c>
      <c r="F65855" s="1" t="s">
        <v>219398</v>
      </c>
      <c r="G65855" s="1" t="s">
        <v>219341</v>
      </c>
      <c r="H65855" s="1" t="s">
        <v>219342</v>
      </c>
      <c r="I65855" s="1" t="s">
        <v>218190</v>
      </c>
      <c r="J65855" s="1" t="s">
        <v>219399</v>
      </c>
    </row>
    <row r="65856" spans="1:10" x14ac:dyDescent="0.35">
      <c r="A65856" s="1" t="s">
        <v>203789</v>
      </c>
      <c r="B65856" s="1" t="s">
        <v>218185</v>
      </c>
      <c r="C65856" s="1" t="s">
        <v>105</v>
      </c>
      <c r="D65856" s="1" t="s">
        <v>36504</v>
      </c>
      <c r="E65856" s="1" t="s">
        <v>219400</v>
      </c>
      <c r="F65856" s="1" t="s">
        <v>219401</v>
      </c>
      <c r="G65856" s="1" t="s">
        <v>219341</v>
      </c>
      <c r="H65856" s="1" t="s">
        <v>219342</v>
      </c>
      <c r="I65856" s="1" t="s">
        <v>218190</v>
      </c>
      <c r="J65856" s="1" t="s">
        <v>219402</v>
      </c>
    </row>
    <row r="65857" spans="1:10" x14ac:dyDescent="0.35">
      <c r="A65857" s="1" t="s">
        <v>203789</v>
      </c>
      <c r="B65857" s="1" t="s">
        <v>218185</v>
      </c>
      <c r="C65857" s="1" t="s">
        <v>110</v>
      </c>
      <c r="D65857" s="1" t="s">
        <v>17671</v>
      </c>
      <c r="E65857" s="1" t="s">
        <v>219403</v>
      </c>
      <c r="F65857" s="1" t="s">
        <v>219404</v>
      </c>
      <c r="G65857" s="1" t="s">
        <v>219341</v>
      </c>
      <c r="H65857" s="1" t="s">
        <v>219342</v>
      </c>
      <c r="I65857" s="1" t="s">
        <v>218190</v>
      </c>
      <c r="J65857" s="1" t="s">
        <v>219405</v>
      </c>
    </row>
    <row r="65858" spans="1:10" x14ac:dyDescent="0.35">
      <c r="A65858" s="1" t="s">
        <v>203789</v>
      </c>
      <c r="B65858" s="1" t="s">
        <v>218185</v>
      </c>
      <c r="C65858" s="1" t="s">
        <v>115</v>
      </c>
      <c r="D65858" s="1" t="s">
        <v>114191</v>
      </c>
      <c r="E65858" s="1" t="s">
        <v>219406</v>
      </c>
      <c r="F65858" s="1" t="s">
        <v>219407</v>
      </c>
      <c r="G65858" s="1" t="s">
        <v>219341</v>
      </c>
      <c r="H65858" s="1" t="s">
        <v>219342</v>
      </c>
      <c r="I65858" s="1" t="s">
        <v>218190</v>
      </c>
      <c r="J65858" s="1" t="s">
        <v>219408</v>
      </c>
    </row>
    <row r="65859" spans="1:10" x14ac:dyDescent="0.35">
      <c r="A65859" s="1" t="s">
        <v>203789</v>
      </c>
      <c r="B65859" s="1" t="s">
        <v>218185</v>
      </c>
      <c r="C65859" s="1" t="s">
        <v>120</v>
      </c>
      <c r="D65859" s="1" t="s">
        <v>209454</v>
      </c>
      <c r="E65859" s="1" t="s">
        <v>219409</v>
      </c>
      <c r="F65859" s="1" t="s">
        <v>219410</v>
      </c>
      <c r="G65859" s="1" t="s">
        <v>219341</v>
      </c>
      <c r="H65859" s="1" t="s">
        <v>219342</v>
      </c>
      <c r="I65859" s="1" t="s">
        <v>218190</v>
      </c>
      <c r="J65859" s="1" t="s">
        <v>219411</v>
      </c>
    </row>
    <row r="65860" spans="1:10" x14ac:dyDescent="0.35">
      <c r="A65860" s="1" t="s">
        <v>203789</v>
      </c>
      <c r="B65860" s="1" t="s">
        <v>218185</v>
      </c>
      <c r="C65860" s="1" t="s">
        <v>125</v>
      </c>
      <c r="D65860" s="1" t="s">
        <v>181736</v>
      </c>
      <c r="E65860" s="1" t="s">
        <v>219412</v>
      </c>
      <c r="F65860" s="1" t="s">
        <v>219413</v>
      </c>
      <c r="G65860" s="1" t="s">
        <v>219341</v>
      </c>
      <c r="H65860" s="1" t="s">
        <v>219342</v>
      </c>
      <c r="I65860" s="1" t="s">
        <v>218190</v>
      </c>
      <c r="J65860" s="1" t="s">
        <v>219414</v>
      </c>
    </row>
    <row r="65861" spans="1:10" x14ac:dyDescent="0.35">
      <c r="A65861" s="1" t="s">
        <v>203789</v>
      </c>
      <c r="B65861" s="1" t="s">
        <v>218185</v>
      </c>
      <c r="C65861" s="1" t="s">
        <v>130</v>
      </c>
      <c r="D65861" s="1" t="s">
        <v>219415</v>
      </c>
      <c r="E65861" s="1" t="s">
        <v>219416</v>
      </c>
      <c r="F65861" s="1" t="s">
        <v>219417</v>
      </c>
      <c r="G65861" s="1" t="s">
        <v>219341</v>
      </c>
      <c r="H65861" s="1" t="s">
        <v>219342</v>
      </c>
      <c r="I65861" s="1" t="s">
        <v>218190</v>
      </c>
      <c r="J65861" s="1" t="s">
        <v>219418</v>
      </c>
    </row>
    <row r="65862" spans="1:10" x14ac:dyDescent="0.35">
      <c r="A65862" s="1" t="s">
        <v>203789</v>
      </c>
      <c r="B65862" s="1" t="s">
        <v>218185</v>
      </c>
      <c r="C65862" s="1" t="s">
        <v>135</v>
      </c>
      <c r="D65862" s="1" t="s">
        <v>4253</v>
      </c>
      <c r="E65862" s="1" t="s">
        <v>219419</v>
      </c>
      <c r="F65862" s="1" t="s">
        <v>219420</v>
      </c>
      <c r="G65862" s="1" t="s">
        <v>219341</v>
      </c>
      <c r="H65862" s="1" t="s">
        <v>219342</v>
      </c>
      <c r="I65862" s="1" t="s">
        <v>218190</v>
      </c>
      <c r="J65862" s="1" t="s">
        <v>219421</v>
      </c>
    </row>
    <row r="65863" spans="1:10" x14ac:dyDescent="0.35">
      <c r="A65863" s="1" t="s">
        <v>203789</v>
      </c>
      <c r="B65863" s="1" t="s">
        <v>218185</v>
      </c>
      <c r="C65863" s="1" t="s">
        <v>140</v>
      </c>
      <c r="D65863" s="1" t="s">
        <v>24859</v>
      </c>
      <c r="E65863" s="1" t="s">
        <v>219422</v>
      </c>
      <c r="F65863" s="1" t="s">
        <v>219423</v>
      </c>
      <c r="G65863" s="1" t="s">
        <v>219341</v>
      </c>
      <c r="H65863" s="1" t="s">
        <v>219342</v>
      </c>
      <c r="I65863" s="1" t="s">
        <v>218190</v>
      </c>
      <c r="J65863" s="1" t="s">
        <v>219424</v>
      </c>
    </row>
    <row r="65864" spans="1:10" x14ac:dyDescent="0.35">
      <c r="A65864" s="1" t="s">
        <v>203789</v>
      </c>
      <c r="B65864" s="1" t="s">
        <v>218185</v>
      </c>
      <c r="C65864" s="1" t="s">
        <v>145</v>
      </c>
      <c r="D65864" s="1" t="s">
        <v>219425</v>
      </c>
      <c r="E65864" s="1" t="s">
        <v>219426</v>
      </c>
      <c r="F65864" s="1" t="s">
        <v>219427</v>
      </c>
      <c r="G65864" s="1" t="s">
        <v>219341</v>
      </c>
      <c r="H65864" s="1" t="s">
        <v>219342</v>
      </c>
      <c r="I65864" s="1" t="s">
        <v>218190</v>
      </c>
      <c r="J65864" s="1" t="s">
        <v>219428</v>
      </c>
    </row>
    <row r="65865" spans="1:10" x14ac:dyDescent="0.35">
      <c r="A65865" s="1" t="s">
        <v>203789</v>
      </c>
      <c r="B65865" s="1" t="s">
        <v>218185</v>
      </c>
      <c r="C65865" s="1" t="s">
        <v>150</v>
      </c>
      <c r="D65865" s="1" t="s">
        <v>219429</v>
      </c>
      <c r="E65865" s="1" t="s">
        <v>219430</v>
      </c>
      <c r="F65865" s="1" t="s">
        <v>219431</v>
      </c>
      <c r="G65865" s="1" t="s">
        <v>219341</v>
      </c>
      <c r="H65865" s="1" t="s">
        <v>219342</v>
      </c>
      <c r="I65865" s="1" t="s">
        <v>218190</v>
      </c>
      <c r="J65865" s="1" t="s">
        <v>219432</v>
      </c>
    </row>
    <row r="65866" spans="1:10" x14ac:dyDescent="0.35">
      <c r="A65866" s="1" t="s">
        <v>203789</v>
      </c>
      <c r="B65866" s="1" t="s">
        <v>218185</v>
      </c>
      <c r="C65866" s="1" t="s">
        <v>155</v>
      </c>
      <c r="D65866" s="1" t="s">
        <v>219433</v>
      </c>
      <c r="E65866" s="1" t="s">
        <v>219434</v>
      </c>
      <c r="F65866" s="1" t="s">
        <v>219435</v>
      </c>
      <c r="G65866" s="1" t="s">
        <v>219341</v>
      </c>
      <c r="H65866" s="1" t="s">
        <v>219342</v>
      </c>
      <c r="I65866" s="1" t="s">
        <v>218190</v>
      </c>
      <c r="J65866" s="1" t="s">
        <v>219436</v>
      </c>
    </row>
    <row r="65867" spans="1:10" x14ac:dyDescent="0.35">
      <c r="A65867" s="1" t="s">
        <v>203789</v>
      </c>
      <c r="B65867" s="1" t="s">
        <v>218185</v>
      </c>
      <c r="C65867" s="1" t="s">
        <v>160</v>
      </c>
      <c r="D65867" s="1" t="s">
        <v>219437</v>
      </c>
      <c r="E65867" s="1" t="s">
        <v>219438</v>
      </c>
      <c r="F65867" s="1" t="s">
        <v>219439</v>
      </c>
      <c r="G65867" s="1" t="s">
        <v>219341</v>
      </c>
      <c r="H65867" s="1" t="s">
        <v>219342</v>
      </c>
      <c r="I65867" s="1" t="s">
        <v>218190</v>
      </c>
      <c r="J65867" s="1" t="s">
        <v>219440</v>
      </c>
    </row>
    <row r="65868" spans="1:10" x14ac:dyDescent="0.35">
      <c r="A65868" s="1" t="s">
        <v>203789</v>
      </c>
      <c r="B65868" s="1" t="s">
        <v>218185</v>
      </c>
      <c r="C65868" s="1" t="s">
        <v>165</v>
      </c>
      <c r="D65868" s="1" t="s">
        <v>219441</v>
      </c>
      <c r="E65868" s="1" t="s">
        <v>219442</v>
      </c>
      <c r="F65868" s="1" t="s">
        <v>219443</v>
      </c>
      <c r="G65868" s="1" t="s">
        <v>219341</v>
      </c>
      <c r="H65868" s="1" t="s">
        <v>219342</v>
      </c>
      <c r="I65868" s="1" t="s">
        <v>218190</v>
      </c>
      <c r="J65868" s="1" t="s">
        <v>219444</v>
      </c>
    </row>
    <row r="65869" spans="1:10" x14ac:dyDescent="0.35">
      <c r="A65869" s="1" t="s">
        <v>203789</v>
      </c>
      <c r="B65869" s="1" t="s">
        <v>218185</v>
      </c>
      <c r="C65869" s="1" t="s">
        <v>170</v>
      </c>
      <c r="D65869" s="1" t="s">
        <v>219445</v>
      </c>
      <c r="E65869" s="1" t="s">
        <v>219446</v>
      </c>
      <c r="F65869" s="1" t="s">
        <v>219447</v>
      </c>
      <c r="G65869" s="1" t="s">
        <v>219341</v>
      </c>
      <c r="H65869" s="1" t="s">
        <v>219342</v>
      </c>
      <c r="I65869" s="1" t="s">
        <v>218190</v>
      </c>
      <c r="J65869" s="1" t="s">
        <v>219448</v>
      </c>
    </row>
    <row r="65870" spans="1:10" x14ac:dyDescent="0.35">
      <c r="A65870" s="1" t="s">
        <v>29664</v>
      </c>
      <c r="B65870" s="1" t="s">
        <v>218185</v>
      </c>
      <c r="C65870" s="1" t="s">
        <v>8</v>
      </c>
      <c r="D65870" s="1" t="s">
        <v>181200</v>
      </c>
      <c r="E65870" s="1" t="s">
        <v>219449</v>
      </c>
      <c r="F65870" s="1" t="s">
        <v>219450</v>
      </c>
      <c r="G65870" s="1" t="s">
        <v>219451</v>
      </c>
      <c r="H65870" s="1" t="s">
        <v>219452</v>
      </c>
      <c r="I65870" s="1" t="s">
        <v>218190</v>
      </c>
      <c r="J65870" s="1" t="s">
        <v>13</v>
      </c>
    </row>
    <row r="65871" spans="1:10" x14ac:dyDescent="0.35">
      <c r="A65871" s="1" t="s">
        <v>29664</v>
      </c>
      <c r="B65871" s="1" t="s">
        <v>218185</v>
      </c>
      <c r="C65871" s="1" t="s">
        <v>15</v>
      </c>
      <c r="D65871" s="1" t="s">
        <v>117638</v>
      </c>
      <c r="E65871" s="1" t="s">
        <v>219453</v>
      </c>
      <c r="F65871" s="1" t="s">
        <v>219454</v>
      </c>
      <c r="G65871" s="1" t="s">
        <v>219451</v>
      </c>
      <c r="H65871" s="1" t="s">
        <v>219452</v>
      </c>
      <c r="I65871" s="1" t="s">
        <v>218190</v>
      </c>
      <c r="J65871" s="1" t="s">
        <v>219455</v>
      </c>
    </row>
    <row r="65872" spans="1:10" x14ac:dyDescent="0.35">
      <c r="A65872" s="1" t="s">
        <v>29664</v>
      </c>
      <c r="B65872" s="1" t="s">
        <v>218185</v>
      </c>
      <c r="C65872" s="1" t="s">
        <v>20</v>
      </c>
      <c r="D65872" s="1" t="s">
        <v>9428</v>
      </c>
      <c r="E65872" s="1" t="s">
        <v>219456</v>
      </c>
      <c r="F65872" s="1" t="s">
        <v>219457</v>
      </c>
      <c r="G65872" s="1" t="s">
        <v>219451</v>
      </c>
      <c r="H65872" s="1" t="s">
        <v>219452</v>
      </c>
      <c r="I65872" s="1" t="s">
        <v>218190</v>
      </c>
      <c r="J65872" s="1" t="s">
        <v>219458</v>
      </c>
    </row>
    <row r="65873" spans="1:10" x14ac:dyDescent="0.35">
      <c r="A65873" s="1" t="s">
        <v>29664</v>
      </c>
      <c r="B65873" s="1" t="s">
        <v>218185</v>
      </c>
      <c r="C65873" s="1" t="s">
        <v>25</v>
      </c>
      <c r="D65873" s="1" t="s">
        <v>45904</v>
      </c>
      <c r="E65873" s="1" t="s">
        <v>219459</v>
      </c>
      <c r="F65873" s="1" t="s">
        <v>219460</v>
      </c>
      <c r="G65873" s="1" t="s">
        <v>219451</v>
      </c>
      <c r="H65873" s="1" t="s">
        <v>219452</v>
      </c>
      <c r="I65873" s="1" t="s">
        <v>218190</v>
      </c>
      <c r="J65873" s="1" t="s">
        <v>219461</v>
      </c>
    </row>
    <row r="65874" spans="1:10" x14ac:dyDescent="0.35">
      <c r="A65874" s="1" t="s">
        <v>29664</v>
      </c>
      <c r="B65874" s="1" t="s">
        <v>218185</v>
      </c>
      <c r="C65874" s="1" t="s">
        <v>30</v>
      </c>
      <c r="D65874" s="1" t="s">
        <v>73127</v>
      </c>
      <c r="E65874" s="1" t="s">
        <v>219462</v>
      </c>
      <c r="F65874" s="1" t="s">
        <v>219463</v>
      </c>
      <c r="G65874" s="1" t="s">
        <v>219451</v>
      </c>
      <c r="H65874" s="1" t="s">
        <v>219452</v>
      </c>
      <c r="I65874" s="1" t="s">
        <v>218190</v>
      </c>
      <c r="J65874" s="1" t="s">
        <v>219464</v>
      </c>
    </row>
    <row r="65875" spans="1:10" x14ac:dyDescent="0.35">
      <c r="A65875" s="1" t="s">
        <v>29664</v>
      </c>
      <c r="B65875" s="1" t="s">
        <v>218185</v>
      </c>
      <c r="C65875" s="1" t="s">
        <v>35</v>
      </c>
      <c r="D65875" s="1" t="s">
        <v>46950</v>
      </c>
      <c r="E65875" s="1" t="s">
        <v>219465</v>
      </c>
      <c r="F65875" s="1" t="s">
        <v>219466</v>
      </c>
      <c r="G65875" s="1" t="s">
        <v>219451</v>
      </c>
      <c r="H65875" s="1" t="s">
        <v>219452</v>
      </c>
      <c r="I65875" s="1" t="s">
        <v>218190</v>
      </c>
      <c r="J65875" s="1" t="s">
        <v>219467</v>
      </c>
    </row>
    <row r="65876" spans="1:10" x14ac:dyDescent="0.35">
      <c r="A65876" s="1" t="s">
        <v>29664</v>
      </c>
      <c r="B65876" s="1" t="s">
        <v>218185</v>
      </c>
      <c r="C65876" s="1" t="s">
        <v>40</v>
      </c>
      <c r="D65876" s="1" t="s">
        <v>144211</v>
      </c>
      <c r="E65876" s="1" t="s">
        <v>219468</v>
      </c>
      <c r="F65876" s="1" t="s">
        <v>219469</v>
      </c>
      <c r="G65876" s="1" t="s">
        <v>219451</v>
      </c>
      <c r="H65876" s="1" t="s">
        <v>219452</v>
      </c>
      <c r="I65876" s="1" t="s">
        <v>218190</v>
      </c>
      <c r="J65876" s="1" t="s">
        <v>219470</v>
      </c>
    </row>
    <row r="65877" spans="1:10" x14ac:dyDescent="0.35">
      <c r="A65877" s="1" t="s">
        <v>29664</v>
      </c>
      <c r="B65877" s="1" t="s">
        <v>218185</v>
      </c>
      <c r="C65877" s="1" t="s">
        <v>45</v>
      </c>
      <c r="D65877" s="1" t="s">
        <v>197176</v>
      </c>
      <c r="E65877" s="1" t="s">
        <v>219471</v>
      </c>
      <c r="F65877" s="1" t="s">
        <v>219472</v>
      </c>
      <c r="G65877" s="1" t="s">
        <v>219451</v>
      </c>
      <c r="H65877" s="1" t="s">
        <v>219452</v>
      </c>
      <c r="I65877" s="1" t="s">
        <v>218190</v>
      </c>
      <c r="J65877" s="1" t="s">
        <v>219473</v>
      </c>
    </row>
    <row r="65878" spans="1:10" x14ac:dyDescent="0.35">
      <c r="A65878" s="1" t="s">
        <v>29664</v>
      </c>
      <c r="B65878" s="1" t="s">
        <v>218185</v>
      </c>
      <c r="C65878" s="1" t="s">
        <v>50</v>
      </c>
      <c r="D65878" s="1" t="s">
        <v>121918</v>
      </c>
      <c r="E65878" s="1" t="s">
        <v>219474</v>
      </c>
      <c r="F65878" s="1" t="s">
        <v>219475</v>
      </c>
      <c r="G65878" s="1" t="s">
        <v>219451</v>
      </c>
      <c r="H65878" s="1" t="s">
        <v>219452</v>
      </c>
      <c r="I65878" s="1" t="s">
        <v>218190</v>
      </c>
      <c r="J65878" s="1" t="s">
        <v>219476</v>
      </c>
    </row>
    <row r="65879" spans="1:10" x14ac:dyDescent="0.35">
      <c r="A65879" s="1" t="s">
        <v>29664</v>
      </c>
      <c r="B65879" s="1" t="s">
        <v>218185</v>
      </c>
      <c r="C65879" s="1" t="s">
        <v>55</v>
      </c>
      <c r="D65879" s="1" t="s">
        <v>16219</v>
      </c>
      <c r="E65879" s="1" t="s">
        <v>219477</v>
      </c>
      <c r="F65879" s="1" t="s">
        <v>219478</v>
      </c>
      <c r="G65879" s="1" t="s">
        <v>219451</v>
      </c>
      <c r="H65879" s="1" t="s">
        <v>219452</v>
      </c>
      <c r="I65879" s="1" t="s">
        <v>218190</v>
      </c>
      <c r="J65879" s="1" t="s">
        <v>219479</v>
      </c>
    </row>
    <row r="65880" spans="1:10" x14ac:dyDescent="0.35">
      <c r="A65880" s="1" t="s">
        <v>29664</v>
      </c>
      <c r="B65880" s="1" t="s">
        <v>218185</v>
      </c>
      <c r="C65880" s="1" t="s">
        <v>60</v>
      </c>
      <c r="D65880" s="1" t="s">
        <v>189139</v>
      </c>
      <c r="E65880" s="1" t="s">
        <v>219480</v>
      </c>
      <c r="F65880" s="1" t="s">
        <v>219481</v>
      </c>
      <c r="G65880" s="1" t="s">
        <v>219451</v>
      </c>
      <c r="H65880" s="1" t="s">
        <v>219452</v>
      </c>
      <c r="I65880" s="1" t="s">
        <v>218190</v>
      </c>
      <c r="J65880" s="1" t="s">
        <v>219482</v>
      </c>
    </row>
    <row r="65881" spans="1:10" x14ac:dyDescent="0.35">
      <c r="A65881" s="1" t="s">
        <v>29664</v>
      </c>
      <c r="B65881" s="1" t="s">
        <v>218185</v>
      </c>
      <c r="C65881" s="1" t="s">
        <v>65</v>
      </c>
      <c r="D65881" s="1" t="s">
        <v>48405</v>
      </c>
      <c r="E65881" s="1" t="s">
        <v>219483</v>
      </c>
      <c r="F65881" s="1" t="s">
        <v>219484</v>
      </c>
      <c r="G65881" s="1" t="s">
        <v>219451</v>
      </c>
      <c r="H65881" s="1" t="s">
        <v>219452</v>
      </c>
      <c r="I65881" s="1" t="s">
        <v>218190</v>
      </c>
      <c r="J65881" s="1" t="s">
        <v>219485</v>
      </c>
    </row>
    <row r="65882" spans="1:10" x14ac:dyDescent="0.35">
      <c r="A65882" s="1" t="s">
        <v>29664</v>
      </c>
      <c r="B65882" s="1" t="s">
        <v>218185</v>
      </c>
      <c r="C65882" s="1" t="s">
        <v>70</v>
      </c>
      <c r="D65882" s="1" t="s">
        <v>109915</v>
      </c>
      <c r="E65882" s="1" t="s">
        <v>219486</v>
      </c>
      <c r="F65882" s="1" t="s">
        <v>219487</v>
      </c>
      <c r="G65882" s="1" t="s">
        <v>219451</v>
      </c>
      <c r="H65882" s="1" t="s">
        <v>219452</v>
      </c>
      <c r="I65882" s="1" t="s">
        <v>218190</v>
      </c>
      <c r="J65882" s="1" t="s">
        <v>219488</v>
      </c>
    </row>
    <row r="65883" spans="1:10" x14ac:dyDescent="0.35">
      <c r="A65883" s="1" t="s">
        <v>29664</v>
      </c>
      <c r="B65883" s="1" t="s">
        <v>218185</v>
      </c>
      <c r="C65883" s="1" t="s">
        <v>75</v>
      </c>
      <c r="D65883" s="1" t="s">
        <v>8805</v>
      </c>
      <c r="E65883" s="1" t="s">
        <v>219489</v>
      </c>
      <c r="F65883" s="1" t="s">
        <v>219490</v>
      </c>
      <c r="G65883" s="1" t="s">
        <v>219451</v>
      </c>
      <c r="H65883" s="1" t="s">
        <v>219452</v>
      </c>
      <c r="I65883" s="1" t="s">
        <v>218190</v>
      </c>
      <c r="J65883" s="1" t="s">
        <v>219491</v>
      </c>
    </row>
    <row r="65884" spans="1:10" x14ac:dyDescent="0.35">
      <c r="A65884" s="1" t="s">
        <v>29664</v>
      </c>
      <c r="B65884" s="1" t="s">
        <v>218185</v>
      </c>
      <c r="C65884" s="1" t="s">
        <v>80</v>
      </c>
      <c r="D65884" s="1" t="s">
        <v>15943</v>
      </c>
      <c r="E65884" s="1" t="s">
        <v>219492</v>
      </c>
      <c r="F65884" s="1" t="s">
        <v>219493</v>
      </c>
      <c r="G65884" s="1" t="s">
        <v>219451</v>
      </c>
      <c r="H65884" s="1" t="s">
        <v>219452</v>
      </c>
      <c r="I65884" s="1" t="s">
        <v>218190</v>
      </c>
      <c r="J65884" s="1" t="s">
        <v>219494</v>
      </c>
    </row>
    <row r="65885" spans="1:10" x14ac:dyDescent="0.35">
      <c r="A65885" s="1" t="s">
        <v>29664</v>
      </c>
      <c r="B65885" s="1" t="s">
        <v>218185</v>
      </c>
      <c r="C65885" s="1" t="s">
        <v>85</v>
      </c>
      <c r="D65885" s="1" t="s">
        <v>42921</v>
      </c>
      <c r="E65885" s="1" t="s">
        <v>219495</v>
      </c>
      <c r="F65885" s="1" t="s">
        <v>219496</v>
      </c>
      <c r="G65885" s="1" t="s">
        <v>219451</v>
      </c>
      <c r="H65885" s="1" t="s">
        <v>219452</v>
      </c>
      <c r="I65885" s="1" t="s">
        <v>218190</v>
      </c>
      <c r="J65885" s="1" t="s">
        <v>219497</v>
      </c>
    </row>
    <row r="65886" spans="1:10" x14ac:dyDescent="0.35">
      <c r="A65886" s="1" t="s">
        <v>29664</v>
      </c>
      <c r="B65886" s="1" t="s">
        <v>218185</v>
      </c>
      <c r="C65886" s="1" t="s">
        <v>90</v>
      </c>
      <c r="D65886" s="1" t="s">
        <v>32603</v>
      </c>
      <c r="E65886" s="1" t="s">
        <v>219498</v>
      </c>
      <c r="F65886" s="1" t="s">
        <v>219499</v>
      </c>
      <c r="G65886" s="1" t="s">
        <v>219451</v>
      </c>
      <c r="H65886" s="1" t="s">
        <v>219452</v>
      </c>
      <c r="I65886" s="1" t="s">
        <v>218190</v>
      </c>
      <c r="J65886" s="1" t="s">
        <v>219500</v>
      </c>
    </row>
    <row r="65887" spans="1:10" x14ac:dyDescent="0.35">
      <c r="A65887" s="1" t="s">
        <v>29664</v>
      </c>
      <c r="B65887" s="1" t="s">
        <v>218185</v>
      </c>
      <c r="C65887" s="1" t="s">
        <v>95</v>
      </c>
      <c r="D65887" s="1" t="s">
        <v>74730</v>
      </c>
      <c r="E65887" s="1" t="s">
        <v>219501</v>
      </c>
      <c r="F65887" s="1" t="s">
        <v>219502</v>
      </c>
      <c r="G65887" s="1" t="s">
        <v>219451</v>
      </c>
      <c r="H65887" s="1" t="s">
        <v>219452</v>
      </c>
      <c r="I65887" s="1" t="s">
        <v>218190</v>
      </c>
      <c r="J65887" s="1" t="s">
        <v>219503</v>
      </c>
    </row>
    <row r="65888" spans="1:10" x14ac:dyDescent="0.35">
      <c r="A65888" s="1" t="s">
        <v>29664</v>
      </c>
      <c r="B65888" s="1" t="s">
        <v>218185</v>
      </c>
      <c r="C65888" s="1" t="s">
        <v>100</v>
      </c>
      <c r="D65888" s="1" t="s">
        <v>32422</v>
      </c>
      <c r="E65888" s="1" t="s">
        <v>219504</v>
      </c>
      <c r="F65888" s="1" t="s">
        <v>219505</v>
      </c>
      <c r="G65888" s="1" t="s">
        <v>219451</v>
      </c>
      <c r="H65888" s="1" t="s">
        <v>219452</v>
      </c>
      <c r="I65888" s="1" t="s">
        <v>218190</v>
      </c>
      <c r="J65888" s="1" t="s">
        <v>219506</v>
      </c>
    </row>
    <row r="65889" spans="1:10" x14ac:dyDescent="0.35">
      <c r="A65889" s="1" t="s">
        <v>29664</v>
      </c>
      <c r="B65889" s="1" t="s">
        <v>218185</v>
      </c>
      <c r="C65889" s="1" t="s">
        <v>105</v>
      </c>
      <c r="D65889" s="1" t="s">
        <v>11827</v>
      </c>
      <c r="E65889" s="1" t="s">
        <v>219507</v>
      </c>
      <c r="F65889" s="1" t="s">
        <v>219508</v>
      </c>
      <c r="G65889" s="1" t="s">
        <v>219451</v>
      </c>
      <c r="H65889" s="1" t="s">
        <v>219452</v>
      </c>
      <c r="I65889" s="1" t="s">
        <v>218190</v>
      </c>
      <c r="J65889" s="1" t="s">
        <v>219509</v>
      </c>
    </row>
    <row r="65890" spans="1:10" x14ac:dyDescent="0.35">
      <c r="A65890" s="1" t="s">
        <v>29664</v>
      </c>
      <c r="B65890" s="1" t="s">
        <v>218185</v>
      </c>
      <c r="C65890" s="1" t="s">
        <v>110</v>
      </c>
      <c r="D65890" s="1" t="s">
        <v>155749</v>
      </c>
      <c r="E65890" s="1" t="s">
        <v>219510</v>
      </c>
      <c r="F65890" s="1" t="s">
        <v>219511</v>
      </c>
      <c r="G65890" s="1" t="s">
        <v>219451</v>
      </c>
      <c r="H65890" s="1" t="s">
        <v>219452</v>
      </c>
      <c r="I65890" s="1" t="s">
        <v>218190</v>
      </c>
      <c r="J65890" s="1" t="s">
        <v>219512</v>
      </c>
    </row>
    <row r="65891" spans="1:10" x14ac:dyDescent="0.35">
      <c r="A65891" s="1" t="s">
        <v>29664</v>
      </c>
      <c r="B65891" s="1" t="s">
        <v>218185</v>
      </c>
      <c r="C65891" s="1" t="s">
        <v>115</v>
      </c>
      <c r="D65891" s="1" t="s">
        <v>30929</v>
      </c>
      <c r="E65891" s="1" t="s">
        <v>219513</v>
      </c>
      <c r="F65891" s="1" t="s">
        <v>219514</v>
      </c>
      <c r="G65891" s="1" t="s">
        <v>219451</v>
      </c>
      <c r="H65891" s="1" t="s">
        <v>219452</v>
      </c>
      <c r="I65891" s="1" t="s">
        <v>218190</v>
      </c>
      <c r="J65891" s="1" t="s">
        <v>219515</v>
      </c>
    </row>
    <row r="65892" spans="1:10" x14ac:dyDescent="0.35">
      <c r="A65892" s="1" t="s">
        <v>29664</v>
      </c>
      <c r="B65892" s="1" t="s">
        <v>218185</v>
      </c>
      <c r="C65892" s="1" t="s">
        <v>120</v>
      </c>
      <c r="D65892" s="1" t="s">
        <v>45092</v>
      </c>
      <c r="E65892" s="1" t="s">
        <v>219516</v>
      </c>
      <c r="F65892" s="1" t="s">
        <v>219517</v>
      </c>
      <c r="G65892" s="1" t="s">
        <v>219451</v>
      </c>
      <c r="H65892" s="1" t="s">
        <v>219452</v>
      </c>
      <c r="I65892" s="1" t="s">
        <v>218190</v>
      </c>
      <c r="J65892" s="1" t="s">
        <v>219518</v>
      </c>
    </row>
    <row r="65893" spans="1:10" x14ac:dyDescent="0.35">
      <c r="A65893" s="1" t="s">
        <v>29664</v>
      </c>
      <c r="B65893" s="1" t="s">
        <v>218185</v>
      </c>
      <c r="C65893" s="1" t="s">
        <v>125</v>
      </c>
      <c r="D65893" s="1" t="s">
        <v>17421</v>
      </c>
      <c r="E65893" s="1" t="s">
        <v>219519</v>
      </c>
      <c r="F65893" s="1" t="s">
        <v>219520</v>
      </c>
      <c r="G65893" s="1" t="s">
        <v>219451</v>
      </c>
      <c r="H65893" s="1" t="s">
        <v>219452</v>
      </c>
      <c r="I65893" s="1" t="s">
        <v>218190</v>
      </c>
      <c r="J65893" s="1" t="s">
        <v>219521</v>
      </c>
    </row>
    <row r="65894" spans="1:10" x14ac:dyDescent="0.35">
      <c r="A65894" s="1" t="s">
        <v>29664</v>
      </c>
      <c r="B65894" s="1" t="s">
        <v>218185</v>
      </c>
      <c r="C65894" s="1" t="s">
        <v>130</v>
      </c>
      <c r="D65894" s="1" t="s">
        <v>8963</v>
      </c>
      <c r="E65894" s="1" t="s">
        <v>219522</v>
      </c>
      <c r="F65894" s="1" t="s">
        <v>219523</v>
      </c>
      <c r="G65894" s="1" t="s">
        <v>219451</v>
      </c>
      <c r="H65894" s="1" t="s">
        <v>219452</v>
      </c>
      <c r="I65894" s="1" t="s">
        <v>218190</v>
      </c>
      <c r="J65894" s="1" t="s">
        <v>219524</v>
      </c>
    </row>
    <row r="65895" spans="1:10" x14ac:dyDescent="0.35">
      <c r="A65895" s="1" t="s">
        <v>29664</v>
      </c>
      <c r="B65895" s="1" t="s">
        <v>218185</v>
      </c>
      <c r="C65895" s="1" t="s">
        <v>135</v>
      </c>
      <c r="D65895" s="1" t="s">
        <v>2039</v>
      </c>
      <c r="E65895" s="1" t="s">
        <v>219525</v>
      </c>
      <c r="F65895" s="1" t="s">
        <v>219526</v>
      </c>
      <c r="G65895" s="1" t="s">
        <v>219451</v>
      </c>
      <c r="H65895" s="1" t="s">
        <v>219452</v>
      </c>
      <c r="I65895" s="1" t="s">
        <v>218190</v>
      </c>
      <c r="J65895" s="1" t="s">
        <v>219527</v>
      </c>
    </row>
    <row r="65896" spans="1:10" x14ac:dyDescent="0.35">
      <c r="A65896" s="1" t="s">
        <v>29664</v>
      </c>
      <c r="B65896" s="1" t="s">
        <v>218185</v>
      </c>
      <c r="C65896" s="1" t="s">
        <v>140</v>
      </c>
      <c r="D65896" s="1" t="s">
        <v>30041</v>
      </c>
      <c r="E65896" s="1" t="s">
        <v>219528</v>
      </c>
      <c r="F65896" s="1" t="s">
        <v>219529</v>
      </c>
      <c r="G65896" s="1" t="s">
        <v>219451</v>
      </c>
      <c r="H65896" s="1" t="s">
        <v>219452</v>
      </c>
      <c r="I65896" s="1" t="s">
        <v>218190</v>
      </c>
      <c r="J65896" s="1" t="s">
        <v>219530</v>
      </c>
    </row>
    <row r="65897" spans="1:10" x14ac:dyDescent="0.35">
      <c r="A65897" s="1" t="s">
        <v>29664</v>
      </c>
      <c r="B65897" s="1" t="s">
        <v>218185</v>
      </c>
      <c r="C65897" s="1" t="s">
        <v>145</v>
      </c>
      <c r="D65897" s="1" t="s">
        <v>27399</v>
      </c>
      <c r="E65897" s="1" t="s">
        <v>219531</v>
      </c>
      <c r="F65897" s="1" t="s">
        <v>219532</v>
      </c>
      <c r="G65897" s="1" t="s">
        <v>219451</v>
      </c>
      <c r="H65897" s="1" t="s">
        <v>219452</v>
      </c>
      <c r="I65897" s="1" t="s">
        <v>218190</v>
      </c>
      <c r="J65897" s="1" t="s">
        <v>219533</v>
      </c>
    </row>
    <row r="65898" spans="1:10" x14ac:dyDescent="0.35">
      <c r="A65898" s="1" t="s">
        <v>29664</v>
      </c>
      <c r="B65898" s="1" t="s">
        <v>218185</v>
      </c>
      <c r="C65898" s="1" t="s">
        <v>150</v>
      </c>
      <c r="D65898" s="1" t="s">
        <v>109978</v>
      </c>
      <c r="E65898" s="1" t="s">
        <v>219534</v>
      </c>
      <c r="F65898" s="1" t="s">
        <v>219535</v>
      </c>
      <c r="G65898" s="1" t="s">
        <v>219451</v>
      </c>
      <c r="H65898" s="1" t="s">
        <v>219452</v>
      </c>
      <c r="I65898" s="1" t="s">
        <v>218190</v>
      </c>
      <c r="J65898" s="1" t="s">
        <v>219536</v>
      </c>
    </row>
    <row r="65899" spans="1:10" x14ac:dyDescent="0.35">
      <c r="A65899" s="1" t="s">
        <v>29664</v>
      </c>
      <c r="B65899" s="1" t="s">
        <v>218185</v>
      </c>
      <c r="C65899" s="1" t="s">
        <v>155</v>
      </c>
      <c r="D65899" s="1" t="s">
        <v>28540</v>
      </c>
      <c r="E65899" s="1" t="s">
        <v>219537</v>
      </c>
      <c r="F65899" s="1" t="s">
        <v>219538</v>
      </c>
      <c r="G65899" s="1" t="s">
        <v>219451</v>
      </c>
      <c r="H65899" s="1" t="s">
        <v>219452</v>
      </c>
      <c r="I65899" s="1" t="s">
        <v>218190</v>
      </c>
      <c r="J65899" s="1" t="s">
        <v>219539</v>
      </c>
    </row>
    <row r="65900" spans="1:10" x14ac:dyDescent="0.35">
      <c r="A65900" s="1" t="s">
        <v>29664</v>
      </c>
      <c r="B65900" s="1" t="s">
        <v>218185</v>
      </c>
      <c r="C65900" s="1" t="s">
        <v>160</v>
      </c>
      <c r="D65900" s="1" t="s">
        <v>143012</v>
      </c>
      <c r="E65900" s="1" t="s">
        <v>219540</v>
      </c>
      <c r="F65900" s="1" t="s">
        <v>219541</v>
      </c>
      <c r="G65900" s="1" t="s">
        <v>219451</v>
      </c>
      <c r="H65900" s="1" t="s">
        <v>219452</v>
      </c>
      <c r="I65900" s="1" t="s">
        <v>218190</v>
      </c>
      <c r="J65900" s="1" t="s">
        <v>219542</v>
      </c>
    </row>
    <row r="65901" spans="1:10" x14ac:dyDescent="0.35">
      <c r="A65901" s="1" t="s">
        <v>29664</v>
      </c>
      <c r="B65901" s="1" t="s">
        <v>218185</v>
      </c>
      <c r="C65901" s="1" t="s">
        <v>165</v>
      </c>
      <c r="D65901" s="1" t="s">
        <v>29448</v>
      </c>
      <c r="E65901" s="1" t="s">
        <v>219543</v>
      </c>
      <c r="F65901" s="1" t="s">
        <v>219544</v>
      </c>
      <c r="G65901" s="1" t="s">
        <v>219451</v>
      </c>
      <c r="H65901" s="1" t="s">
        <v>219452</v>
      </c>
      <c r="I65901" s="1" t="s">
        <v>218190</v>
      </c>
      <c r="J65901" s="1" t="s">
        <v>219545</v>
      </c>
    </row>
    <row r="65902" spans="1:10" x14ac:dyDescent="0.35">
      <c r="A65902" s="1" t="s">
        <v>29664</v>
      </c>
      <c r="B65902" s="1" t="s">
        <v>218185</v>
      </c>
      <c r="C65902" s="1" t="s">
        <v>170</v>
      </c>
      <c r="D65902" s="1" t="s">
        <v>143661</v>
      </c>
      <c r="E65902" s="1" t="s">
        <v>219546</v>
      </c>
      <c r="F65902" s="1" t="s">
        <v>219547</v>
      </c>
      <c r="G65902" s="1" t="s">
        <v>219451</v>
      </c>
      <c r="H65902" s="1" t="s">
        <v>219452</v>
      </c>
      <c r="I65902" s="1" t="s">
        <v>218190</v>
      </c>
      <c r="J65902" s="1" t="s">
        <v>219548</v>
      </c>
    </row>
    <row r="65903" spans="1:10" x14ac:dyDescent="0.35">
      <c r="A65903" s="1" t="s">
        <v>29179</v>
      </c>
      <c r="B65903" s="1" t="s">
        <v>218185</v>
      </c>
      <c r="C65903" s="1" t="s">
        <v>8</v>
      </c>
      <c r="D65903" s="1" t="s">
        <v>13271</v>
      </c>
      <c r="E65903" s="1" t="s">
        <v>219549</v>
      </c>
      <c r="F65903" s="1" t="s">
        <v>219550</v>
      </c>
      <c r="G65903" s="1" t="s">
        <v>219551</v>
      </c>
      <c r="H65903" s="1" t="s">
        <v>219552</v>
      </c>
      <c r="I65903" s="1" t="s">
        <v>218190</v>
      </c>
      <c r="J65903" s="1" t="s">
        <v>13</v>
      </c>
    </row>
    <row r="65904" spans="1:10" x14ac:dyDescent="0.35">
      <c r="A65904" s="1" t="s">
        <v>29179</v>
      </c>
      <c r="B65904" s="1" t="s">
        <v>218185</v>
      </c>
      <c r="C65904" s="1" t="s">
        <v>15</v>
      </c>
      <c r="D65904" s="1" t="s">
        <v>149006</v>
      </c>
      <c r="E65904" s="1" t="s">
        <v>219553</v>
      </c>
      <c r="F65904" s="1" t="s">
        <v>219554</v>
      </c>
      <c r="G65904" s="1" t="s">
        <v>219551</v>
      </c>
      <c r="H65904" s="1" t="s">
        <v>219552</v>
      </c>
      <c r="I65904" s="1" t="s">
        <v>218190</v>
      </c>
      <c r="J65904" s="1" t="s">
        <v>219555</v>
      </c>
    </row>
    <row r="65905" spans="1:10" x14ac:dyDescent="0.35">
      <c r="A65905" s="1" t="s">
        <v>29179</v>
      </c>
      <c r="B65905" s="1" t="s">
        <v>218185</v>
      </c>
      <c r="C65905" s="1" t="s">
        <v>20</v>
      </c>
      <c r="D65905" s="1" t="s">
        <v>7211</v>
      </c>
      <c r="E65905" s="1" t="s">
        <v>219556</v>
      </c>
      <c r="F65905" s="1" t="s">
        <v>219557</v>
      </c>
      <c r="G65905" s="1" t="s">
        <v>219551</v>
      </c>
      <c r="H65905" s="1" t="s">
        <v>219552</v>
      </c>
      <c r="I65905" s="1" t="s">
        <v>218190</v>
      </c>
      <c r="J65905" s="1" t="s">
        <v>219558</v>
      </c>
    </row>
    <row r="65906" spans="1:10" x14ac:dyDescent="0.35">
      <c r="A65906" s="1" t="s">
        <v>29179</v>
      </c>
      <c r="B65906" s="1" t="s">
        <v>218185</v>
      </c>
      <c r="C65906" s="1" t="s">
        <v>25</v>
      </c>
      <c r="D65906" s="1" t="s">
        <v>73999</v>
      </c>
      <c r="E65906" s="1" t="s">
        <v>219559</v>
      </c>
      <c r="F65906" s="1" t="s">
        <v>219560</v>
      </c>
      <c r="G65906" s="1" t="s">
        <v>219551</v>
      </c>
      <c r="H65906" s="1" t="s">
        <v>219552</v>
      </c>
      <c r="I65906" s="1" t="s">
        <v>218190</v>
      </c>
      <c r="J65906" s="1" t="s">
        <v>219561</v>
      </c>
    </row>
    <row r="65907" spans="1:10" x14ac:dyDescent="0.35">
      <c r="A65907" s="1" t="s">
        <v>29179</v>
      </c>
      <c r="B65907" s="1" t="s">
        <v>218185</v>
      </c>
      <c r="C65907" s="1" t="s">
        <v>30</v>
      </c>
      <c r="D65907" s="1" t="s">
        <v>157146</v>
      </c>
      <c r="E65907" s="1" t="s">
        <v>219562</v>
      </c>
      <c r="F65907" s="1" t="s">
        <v>219563</v>
      </c>
      <c r="G65907" s="1" t="s">
        <v>219551</v>
      </c>
      <c r="H65907" s="1" t="s">
        <v>219552</v>
      </c>
      <c r="I65907" s="1" t="s">
        <v>218190</v>
      </c>
      <c r="J65907" s="1" t="s">
        <v>219564</v>
      </c>
    </row>
    <row r="65908" spans="1:10" x14ac:dyDescent="0.35">
      <c r="A65908" s="1" t="s">
        <v>29179</v>
      </c>
      <c r="B65908" s="1" t="s">
        <v>218185</v>
      </c>
      <c r="C65908" s="1" t="s">
        <v>35</v>
      </c>
      <c r="D65908" s="1" t="s">
        <v>34135</v>
      </c>
      <c r="E65908" s="1" t="s">
        <v>219565</v>
      </c>
      <c r="F65908" s="1" t="s">
        <v>219566</v>
      </c>
      <c r="G65908" s="1" t="s">
        <v>219551</v>
      </c>
      <c r="H65908" s="1" t="s">
        <v>219552</v>
      </c>
      <c r="I65908" s="1" t="s">
        <v>218190</v>
      </c>
      <c r="J65908" s="1" t="s">
        <v>219567</v>
      </c>
    </row>
    <row r="65909" spans="1:10" x14ac:dyDescent="0.35">
      <c r="A65909" s="1" t="s">
        <v>29179</v>
      </c>
      <c r="B65909" s="1" t="s">
        <v>218185</v>
      </c>
      <c r="C65909" s="1" t="s">
        <v>40</v>
      </c>
      <c r="D65909" s="1" t="s">
        <v>125066</v>
      </c>
      <c r="E65909" s="1" t="s">
        <v>219568</v>
      </c>
      <c r="F65909" s="1" t="s">
        <v>219569</v>
      </c>
      <c r="G65909" s="1" t="s">
        <v>219551</v>
      </c>
      <c r="H65909" s="1" t="s">
        <v>219552</v>
      </c>
      <c r="I65909" s="1" t="s">
        <v>218190</v>
      </c>
      <c r="J65909" s="1" t="s">
        <v>219570</v>
      </c>
    </row>
    <row r="65910" spans="1:10" x14ac:dyDescent="0.35">
      <c r="A65910" s="1" t="s">
        <v>29179</v>
      </c>
      <c r="B65910" s="1" t="s">
        <v>218185</v>
      </c>
      <c r="C65910" s="1" t="s">
        <v>45</v>
      </c>
      <c r="D65910" s="1" t="s">
        <v>72245</v>
      </c>
      <c r="E65910" s="1" t="s">
        <v>219571</v>
      </c>
      <c r="F65910" s="1" t="s">
        <v>219572</v>
      </c>
      <c r="G65910" s="1" t="s">
        <v>219551</v>
      </c>
      <c r="H65910" s="1" t="s">
        <v>219552</v>
      </c>
      <c r="I65910" s="1" t="s">
        <v>218190</v>
      </c>
      <c r="J65910" s="1" t="s">
        <v>219573</v>
      </c>
    </row>
    <row r="65911" spans="1:10" x14ac:dyDescent="0.35">
      <c r="A65911" s="1" t="s">
        <v>29179</v>
      </c>
      <c r="B65911" s="1" t="s">
        <v>218185</v>
      </c>
      <c r="C65911" s="1" t="s">
        <v>50</v>
      </c>
      <c r="D65911" s="1" t="s">
        <v>116030</v>
      </c>
      <c r="E65911" s="1" t="s">
        <v>219574</v>
      </c>
      <c r="F65911" s="1" t="s">
        <v>219575</v>
      </c>
      <c r="G65911" s="1" t="s">
        <v>219551</v>
      </c>
      <c r="H65911" s="1" t="s">
        <v>219552</v>
      </c>
      <c r="I65911" s="1" t="s">
        <v>218190</v>
      </c>
      <c r="J65911" s="1" t="s">
        <v>219576</v>
      </c>
    </row>
    <row r="65912" spans="1:10" x14ac:dyDescent="0.35">
      <c r="A65912" s="1" t="s">
        <v>29179</v>
      </c>
      <c r="B65912" s="1" t="s">
        <v>218185</v>
      </c>
      <c r="C65912" s="1" t="s">
        <v>55</v>
      </c>
      <c r="D65912" s="1" t="s">
        <v>6653</v>
      </c>
      <c r="E65912" s="1" t="s">
        <v>219577</v>
      </c>
      <c r="F65912" s="1" t="s">
        <v>219578</v>
      </c>
      <c r="G65912" s="1" t="s">
        <v>219551</v>
      </c>
      <c r="H65912" s="1" t="s">
        <v>219552</v>
      </c>
      <c r="I65912" s="1" t="s">
        <v>218190</v>
      </c>
      <c r="J65912" s="1" t="s">
        <v>219579</v>
      </c>
    </row>
    <row r="65913" spans="1:10" x14ac:dyDescent="0.35">
      <c r="A65913" s="1" t="s">
        <v>29179</v>
      </c>
      <c r="B65913" s="1" t="s">
        <v>218185</v>
      </c>
      <c r="C65913" s="1" t="s">
        <v>60</v>
      </c>
      <c r="D65913" s="1" t="s">
        <v>151291</v>
      </c>
      <c r="E65913" s="1" t="s">
        <v>219580</v>
      </c>
      <c r="F65913" s="1" t="s">
        <v>219581</v>
      </c>
      <c r="G65913" s="1" t="s">
        <v>219551</v>
      </c>
      <c r="H65913" s="1" t="s">
        <v>219552</v>
      </c>
      <c r="I65913" s="1" t="s">
        <v>218190</v>
      </c>
      <c r="J65913" s="1" t="s">
        <v>219582</v>
      </c>
    </row>
    <row r="65914" spans="1:10" x14ac:dyDescent="0.35">
      <c r="A65914" s="1" t="s">
        <v>29179</v>
      </c>
      <c r="B65914" s="1" t="s">
        <v>218185</v>
      </c>
      <c r="C65914" s="1" t="s">
        <v>65</v>
      </c>
      <c r="D65914" s="1" t="s">
        <v>219583</v>
      </c>
      <c r="E65914" s="1" t="s">
        <v>219584</v>
      </c>
      <c r="F65914" s="1" t="s">
        <v>219585</v>
      </c>
      <c r="G65914" s="1" t="s">
        <v>219551</v>
      </c>
      <c r="H65914" s="1" t="s">
        <v>219552</v>
      </c>
      <c r="I65914" s="1" t="s">
        <v>218190</v>
      </c>
      <c r="J65914" s="1" t="s">
        <v>219586</v>
      </c>
    </row>
    <row r="65915" spans="1:10" x14ac:dyDescent="0.35">
      <c r="A65915" s="1" t="s">
        <v>29179</v>
      </c>
      <c r="B65915" s="1" t="s">
        <v>218185</v>
      </c>
      <c r="C65915" s="1" t="s">
        <v>70</v>
      </c>
      <c r="D65915" s="1" t="s">
        <v>219587</v>
      </c>
      <c r="E65915" s="1" t="s">
        <v>219588</v>
      </c>
      <c r="F65915" s="1" t="s">
        <v>219589</v>
      </c>
      <c r="G65915" s="1" t="s">
        <v>219551</v>
      </c>
      <c r="H65915" s="1" t="s">
        <v>219552</v>
      </c>
      <c r="I65915" s="1" t="s">
        <v>218190</v>
      </c>
      <c r="J65915" s="1" t="s">
        <v>219590</v>
      </c>
    </row>
    <row r="65916" spans="1:10" x14ac:dyDescent="0.35">
      <c r="A65916" s="1" t="s">
        <v>29179</v>
      </c>
      <c r="B65916" s="1" t="s">
        <v>218185</v>
      </c>
      <c r="C65916" s="1" t="s">
        <v>75</v>
      </c>
      <c r="D65916" s="1" t="s">
        <v>15499</v>
      </c>
      <c r="E65916" s="1" t="s">
        <v>219591</v>
      </c>
      <c r="F65916" s="1" t="s">
        <v>219592</v>
      </c>
      <c r="G65916" s="1" t="s">
        <v>219551</v>
      </c>
      <c r="H65916" s="1" t="s">
        <v>219552</v>
      </c>
      <c r="I65916" s="1" t="s">
        <v>218190</v>
      </c>
      <c r="J65916" s="1" t="s">
        <v>219593</v>
      </c>
    </row>
    <row r="65917" spans="1:10" x14ac:dyDescent="0.35">
      <c r="A65917" s="1" t="s">
        <v>29179</v>
      </c>
      <c r="B65917" s="1" t="s">
        <v>218185</v>
      </c>
      <c r="C65917" s="1" t="s">
        <v>80</v>
      </c>
      <c r="D65917" s="1" t="s">
        <v>204429</v>
      </c>
      <c r="E65917" s="1" t="s">
        <v>219594</v>
      </c>
      <c r="F65917" s="1" t="s">
        <v>219595</v>
      </c>
      <c r="G65917" s="1" t="s">
        <v>219551</v>
      </c>
      <c r="H65917" s="1" t="s">
        <v>219552</v>
      </c>
      <c r="I65917" s="1" t="s">
        <v>218190</v>
      </c>
      <c r="J65917" s="1" t="s">
        <v>219596</v>
      </c>
    </row>
    <row r="65918" spans="1:10" x14ac:dyDescent="0.35">
      <c r="A65918" s="1" t="s">
        <v>29179</v>
      </c>
      <c r="B65918" s="1" t="s">
        <v>218185</v>
      </c>
      <c r="C65918" s="1" t="s">
        <v>85</v>
      </c>
      <c r="D65918" s="1" t="s">
        <v>47949</v>
      </c>
      <c r="E65918" s="1" t="s">
        <v>219597</v>
      </c>
      <c r="F65918" s="1" t="s">
        <v>219598</v>
      </c>
      <c r="G65918" s="1" t="s">
        <v>219551</v>
      </c>
      <c r="H65918" s="1" t="s">
        <v>219552</v>
      </c>
      <c r="I65918" s="1" t="s">
        <v>218190</v>
      </c>
      <c r="J65918" s="1" t="s">
        <v>219599</v>
      </c>
    </row>
    <row r="65919" spans="1:10" x14ac:dyDescent="0.35">
      <c r="A65919" s="1" t="s">
        <v>29179</v>
      </c>
      <c r="B65919" s="1" t="s">
        <v>218185</v>
      </c>
      <c r="C65919" s="1" t="s">
        <v>90</v>
      </c>
      <c r="D65919" s="1" t="s">
        <v>3635</v>
      </c>
      <c r="E65919" s="1" t="s">
        <v>219600</v>
      </c>
      <c r="F65919" s="1" t="s">
        <v>219601</v>
      </c>
      <c r="G65919" s="1" t="s">
        <v>219551</v>
      </c>
      <c r="H65919" s="1" t="s">
        <v>219552</v>
      </c>
      <c r="I65919" s="1" t="s">
        <v>218190</v>
      </c>
      <c r="J65919" s="1" t="s">
        <v>219602</v>
      </c>
    </row>
    <row r="65920" spans="1:10" x14ac:dyDescent="0.35">
      <c r="A65920" s="1" t="s">
        <v>29179</v>
      </c>
      <c r="B65920" s="1" t="s">
        <v>218185</v>
      </c>
      <c r="C65920" s="1" t="s">
        <v>95</v>
      </c>
      <c r="D65920" s="1" t="s">
        <v>10385</v>
      </c>
      <c r="E65920" s="1" t="s">
        <v>219603</v>
      </c>
      <c r="F65920" s="1" t="s">
        <v>219604</v>
      </c>
      <c r="G65920" s="1" t="s">
        <v>219551</v>
      </c>
      <c r="H65920" s="1" t="s">
        <v>219552</v>
      </c>
      <c r="I65920" s="1" t="s">
        <v>218190</v>
      </c>
      <c r="J65920" s="1" t="s">
        <v>219605</v>
      </c>
    </row>
    <row r="65921" spans="1:10" x14ac:dyDescent="0.35">
      <c r="A65921" s="1" t="s">
        <v>29179</v>
      </c>
      <c r="B65921" s="1" t="s">
        <v>218185</v>
      </c>
      <c r="C65921" s="1" t="s">
        <v>100</v>
      </c>
      <c r="D65921" s="1" t="s">
        <v>10381</v>
      </c>
      <c r="E65921" s="1" t="s">
        <v>219606</v>
      </c>
      <c r="F65921" s="1" t="s">
        <v>219607</v>
      </c>
      <c r="G65921" s="1" t="s">
        <v>219551</v>
      </c>
      <c r="H65921" s="1" t="s">
        <v>219552</v>
      </c>
      <c r="I65921" s="1" t="s">
        <v>218190</v>
      </c>
      <c r="J65921" s="1" t="s">
        <v>219608</v>
      </c>
    </row>
    <row r="65922" spans="1:10" x14ac:dyDescent="0.35">
      <c r="A65922" s="1" t="s">
        <v>29179</v>
      </c>
      <c r="B65922" s="1" t="s">
        <v>218185</v>
      </c>
      <c r="C65922" s="1" t="s">
        <v>105</v>
      </c>
      <c r="D65922" s="1" t="s">
        <v>17171</v>
      </c>
      <c r="E65922" s="1" t="s">
        <v>219609</v>
      </c>
      <c r="F65922" s="1" t="s">
        <v>219610</v>
      </c>
      <c r="G65922" s="1" t="s">
        <v>219551</v>
      </c>
      <c r="H65922" s="1" t="s">
        <v>219552</v>
      </c>
      <c r="I65922" s="1" t="s">
        <v>218190</v>
      </c>
      <c r="J65922" s="1" t="s">
        <v>219611</v>
      </c>
    </row>
    <row r="65923" spans="1:10" x14ac:dyDescent="0.35">
      <c r="A65923" s="1" t="s">
        <v>29179</v>
      </c>
      <c r="B65923" s="1" t="s">
        <v>218185</v>
      </c>
      <c r="C65923" s="1" t="s">
        <v>110</v>
      </c>
      <c r="D65923" s="1" t="s">
        <v>82423</v>
      </c>
      <c r="E65923" s="1" t="s">
        <v>219612</v>
      </c>
      <c r="F65923" s="1" t="s">
        <v>219613</v>
      </c>
      <c r="G65923" s="1" t="s">
        <v>219551</v>
      </c>
      <c r="H65923" s="1" t="s">
        <v>219552</v>
      </c>
      <c r="I65923" s="1" t="s">
        <v>218190</v>
      </c>
      <c r="J65923" s="1" t="s">
        <v>219614</v>
      </c>
    </row>
    <row r="65924" spans="1:10" x14ac:dyDescent="0.35">
      <c r="A65924" s="1" t="s">
        <v>29179</v>
      </c>
      <c r="B65924" s="1" t="s">
        <v>218185</v>
      </c>
      <c r="C65924" s="1" t="s">
        <v>115</v>
      </c>
      <c r="D65924" s="1" t="s">
        <v>32106</v>
      </c>
      <c r="E65924" s="1" t="s">
        <v>219615</v>
      </c>
      <c r="F65924" s="1" t="s">
        <v>219616</v>
      </c>
      <c r="G65924" s="1" t="s">
        <v>219551</v>
      </c>
      <c r="H65924" s="1" t="s">
        <v>219552</v>
      </c>
      <c r="I65924" s="1" t="s">
        <v>218190</v>
      </c>
      <c r="J65924" s="1" t="s">
        <v>219617</v>
      </c>
    </row>
    <row r="65925" spans="1:10" x14ac:dyDescent="0.35">
      <c r="A65925" s="1" t="s">
        <v>29179</v>
      </c>
      <c r="B65925" s="1" t="s">
        <v>218185</v>
      </c>
      <c r="C65925" s="1" t="s">
        <v>120</v>
      </c>
      <c r="D65925" s="1" t="s">
        <v>174397</v>
      </c>
      <c r="E65925" s="1" t="s">
        <v>219618</v>
      </c>
      <c r="F65925" s="1" t="s">
        <v>219619</v>
      </c>
      <c r="G65925" s="1" t="s">
        <v>219551</v>
      </c>
      <c r="H65925" s="1" t="s">
        <v>219552</v>
      </c>
      <c r="I65925" s="1" t="s">
        <v>218190</v>
      </c>
      <c r="J65925" s="1" t="s">
        <v>219620</v>
      </c>
    </row>
    <row r="65926" spans="1:10" x14ac:dyDescent="0.35">
      <c r="A65926" s="1" t="s">
        <v>29179</v>
      </c>
      <c r="B65926" s="1" t="s">
        <v>218185</v>
      </c>
      <c r="C65926" s="1" t="s">
        <v>125</v>
      </c>
      <c r="D65926" s="1" t="s">
        <v>182628</v>
      </c>
      <c r="E65926" s="1" t="s">
        <v>219621</v>
      </c>
      <c r="F65926" s="1" t="s">
        <v>219622</v>
      </c>
      <c r="G65926" s="1" t="s">
        <v>219551</v>
      </c>
      <c r="H65926" s="1" t="s">
        <v>219552</v>
      </c>
      <c r="I65926" s="1" t="s">
        <v>218190</v>
      </c>
      <c r="J65926" s="1" t="s">
        <v>219623</v>
      </c>
    </row>
    <row r="65927" spans="1:10" x14ac:dyDescent="0.35">
      <c r="A65927" s="1" t="s">
        <v>29179</v>
      </c>
      <c r="B65927" s="1" t="s">
        <v>218185</v>
      </c>
      <c r="C65927" s="1" t="s">
        <v>130</v>
      </c>
      <c r="D65927" s="1" t="s">
        <v>104875</v>
      </c>
      <c r="E65927" s="1" t="s">
        <v>219624</v>
      </c>
      <c r="F65927" s="1" t="s">
        <v>219625</v>
      </c>
      <c r="G65927" s="1" t="s">
        <v>219551</v>
      </c>
      <c r="H65927" s="1" t="s">
        <v>219552</v>
      </c>
      <c r="I65927" s="1" t="s">
        <v>218190</v>
      </c>
      <c r="J65927" s="1" t="s">
        <v>219626</v>
      </c>
    </row>
    <row r="65928" spans="1:10" x14ac:dyDescent="0.35">
      <c r="A65928" s="1" t="s">
        <v>29179</v>
      </c>
      <c r="B65928" s="1" t="s">
        <v>218185</v>
      </c>
      <c r="C65928" s="1" t="s">
        <v>135</v>
      </c>
      <c r="D65928" s="1" t="s">
        <v>35836</v>
      </c>
      <c r="E65928" s="1" t="s">
        <v>219627</v>
      </c>
      <c r="F65928" s="1" t="s">
        <v>219628</v>
      </c>
      <c r="G65928" s="1" t="s">
        <v>219551</v>
      </c>
      <c r="H65928" s="1" t="s">
        <v>219552</v>
      </c>
      <c r="I65928" s="1" t="s">
        <v>218190</v>
      </c>
      <c r="J65928" s="1" t="s">
        <v>219629</v>
      </c>
    </row>
    <row r="65929" spans="1:10" x14ac:dyDescent="0.35">
      <c r="A65929" s="1" t="s">
        <v>29179</v>
      </c>
      <c r="B65929" s="1" t="s">
        <v>218185</v>
      </c>
      <c r="C65929" s="1" t="s">
        <v>140</v>
      </c>
      <c r="D65929" s="1" t="s">
        <v>155742</v>
      </c>
      <c r="E65929" s="1" t="s">
        <v>219630</v>
      </c>
      <c r="F65929" s="1" t="s">
        <v>219631</v>
      </c>
      <c r="G65929" s="1" t="s">
        <v>219551</v>
      </c>
      <c r="H65929" s="1" t="s">
        <v>219552</v>
      </c>
      <c r="I65929" s="1" t="s">
        <v>218190</v>
      </c>
      <c r="J65929" s="1" t="s">
        <v>219632</v>
      </c>
    </row>
    <row r="65930" spans="1:10" x14ac:dyDescent="0.35">
      <c r="A65930" s="1" t="s">
        <v>29179</v>
      </c>
      <c r="B65930" s="1" t="s">
        <v>218185</v>
      </c>
      <c r="C65930" s="1" t="s">
        <v>145</v>
      </c>
      <c r="D65930" s="1" t="s">
        <v>42050</v>
      </c>
      <c r="E65930" s="1" t="s">
        <v>219633</v>
      </c>
      <c r="F65930" s="1" t="s">
        <v>219634</v>
      </c>
      <c r="G65930" s="1" t="s">
        <v>219551</v>
      </c>
      <c r="H65930" s="1" t="s">
        <v>219552</v>
      </c>
      <c r="I65930" s="1" t="s">
        <v>218190</v>
      </c>
      <c r="J65930" s="1" t="s">
        <v>219635</v>
      </c>
    </row>
    <row r="65931" spans="1:10" x14ac:dyDescent="0.35">
      <c r="A65931" s="1" t="s">
        <v>29179</v>
      </c>
      <c r="B65931" s="1" t="s">
        <v>218185</v>
      </c>
      <c r="C65931" s="1" t="s">
        <v>150</v>
      </c>
      <c r="D65931" s="1" t="s">
        <v>182734</v>
      </c>
      <c r="E65931" s="1" t="s">
        <v>219636</v>
      </c>
      <c r="F65931" s="1" t="s">
        <v>219637</v>
      </c>
      <c r="G65931" s="1" t="s">
        <v>219551</v>
      </c>
      <c r="H65931" s="1" t="s">
        <v>219552</v>
      </c>
      <c r="I65931" s="1" t="s">
        <v>218190</v>
      </c>
      <c r="J65931" s="1" t="s">
        <v>219638</v>
      </c>
    </row>
    <row r="65932" spans="1:10" x14ac:dyDescent="0.35">
      <c r="A65932" s="1" t="s">
        <v>29179</v>
      </c>
      <c r="B65932" s="1" t="s">
        <v>218185</v>
      </c>
      <c r="C65932" s="1" t="s">
        <v>155</v>
      </c>
      <c r="D65932" s="1" t="s">
        <v>195283</v>
      </c>
      <c r="E65932" s="1" t="s">
        <v>219639</v>
      </c>
      <c r="F65932" s="1" t="s">
        <v>219640</v>
      </c>
      <c r="G65932" s="1" t="s">
        <v>219551</v>
      </c>
      <c r="H65932" s="1" t="s">
        <v>219552</v>
      </c>
      <c r="I65932" s="1" t="s">
        <v>218190</v>
      </c>
      <c r="J65932" s="1" t="s">
        <v>219641</v>
      </c>
    </row>
    <row r="65933" spans="1:10" x14ac:dyDescent="0.35">
      <c r="A65933" s="1" t="s">
        <v>29179</v>
      </c>
      <c r="B65933" s="1" t="s">
        <v>218185</v>
      </c>
      <c r="C65933" s="1" t="s">
        <v>160</v>
      </c>
      <c r="D65933" s="1" t="s">
        <v>31626</v>
      </c>
      <c r="E65933" s="1" t="s">
        <v>219642</v>
      </c>
      <c r="F65933" s="1" t="s">
        <v>219643</v>
      </c>
      <c r="G65933" s="1" t="s">
        <v>219551</v>
      </c>
      <c r="H65933" s="1" t="s">
        <v>219552</v>
      </c>
      <c r="I65933" s="1" t="s">
        <v>218190</v>
      </c>
      <c r="J65933" s="1" t="s">
        <v>219644</v>
      </c>
    </row>
    <row r="65934" spans="1:10" x14ac:dyDescent="0.35">
      <c r="A65934" s="1" t="s">
        <v>29179</v>
      </c>
      <c r="B65934" s="1" t="s">
        <v>218185</v>
      </c>
      <c r="C65934" s="1" t="s">
        <v>165</v>
      </c>
      <c r="D65934" s="1" t="s">
        <v>9766</v>
      </c>
      <c r="E65934" s="1" t="s">
        <v>219645</v>
      </c>
      <c r="F65934" s="1" t="s">
        <v>219646</v>
      </c>
      <c r="G65934" s="1" t="s">
        <v>219551</v>
      </c>
      <c r="H65934" s="1" t="s">
        <v>219552</v>
      </c>
      <c r="I65934" s="1" t="s">
        <v>218190</v>
      </c>
      <c r="J65934" s="1" t="s">
        <v>219647</v>
      </c>
    </row>
    <row r="65935" spans="1:10" x14ac:dyDescent="0.35">
      <c r="A65935" s="1" t="s">
        <v>29179</v>
      </c>
      <c r="B65935" s="1" t="s">
        <v>218185</v>
      </c>
      <c r="C65935" s="1" t="s">
        <v>170</v>
      </c>
      <c r="D65935" s="1" t="s">
        <v>219648</v>
      </c>
      <c r="E65935" s="1" t="s">
        <v>219649</v>
      </c>
      <c r="F65935" s="1" t="s">
        <v>219650</v>
      </c>
      <c r="G65935" s="1" t="s">
        <v>219551</v>
      </c>
      <c r="H65935" s="1" t="s">
        <v>219552</v>
      </c>
      <c r="I65935" s="1" t="s">
        <v>218190</v>
      </c>
      <c r="J65935" s="1" t="s">
        <v>219651</v>
      </c>
    </row>
    <row r="65936" spans="1:10" x14ac:dyDescent="0.35">
      <c r="A65936" s="1" t="s">
        <v>45135</v>
      </c>
      <c r="B65936" s="1" t="s">
        <v>218185</v>
      </c>
      <c r="C65936" s="1" t="s">
        <v>8</v>
      </c>
      <c r="D65936" s="1" t="s">
        <v>219652</v>
      </c>
      <c r="E65936" s="1" t="s">
        <v>219653</v>
      </c>
      <c r="F65936" s="1" t="s">
        <v>219654</v>
      </c>
      <c r="G65936" s="1" t="s">
        <v>219655</v>
      </c>
      <c r="H65936" s="1" t="s">
        <v>219656</v>
      </c>
      <c r="I65936" s="1" t="s">
        <v>218190</v>
      </c>
      <c r="J65936" s="1" t="s">
        <v>13</v>
      </c>
    </row>
    <row r="65937" spans="1:10" x14ac:dyDescent="0.35">
      <c r="A65937" s="1" t="s">
        <v>45135</v>
      </c>
      <c r="B65937" s="1" t="s">
        <v>218185</v>
      </c>
      <c r="C65937" s="1" t="s">
        <v>15</v>
      </c>
      <c r="D65937" s="1" t="s">
        <v>181419</v>
      </c>
      <c r="E65937" s="1" t="s">
        <v>219657</v>
      </c>
      <c r="F65937" s="1" t="s">
        <v>219658</v>
      </c>
      <c r="G65937" s="1" t="s">
        <v>219655</v>
      </c>
      <c r="H65937" s="1" t="s">
        <v>219656</v>
      </c>
      <c r="I65937" s="1" t="s">
        <v>218190</v>
      </c>
      <c r="J65937" s="1" t="s">
        <v>219659</v>
      </c>
    </row>
    <row r="65938" spans="1:10" x14ac:dyDescent="0.35">
      <c r="A65938" s="1" t="s">
        <v>45135</v>
      </c>
      <c r="B65938" s="1" t="s">
        <v>218185</v>
      </c>
      <c r="C65938" s="1" t="s">
        <v>20</v>
      </c>
      <c r="D65938" s="1" t="s">
        <v>37134</v>
      </c>
      <c r="E65938" s="1" t="s">
        <v>219660</v>
      </c>
      <c r="F65938" s="1" t="s">
        <v>219661</v>
      </c>
      <c r="G65938" s="1" t="s">
        <v>219655</v>
      </c>
      <c r="H65938" s="1" t="s">
        <v>219656</v>
      </c>
      <c r="I65938" s="1" t="s">
        <v>218190</v>
      </c>
      <c r="J65938" s="1" t="s">
        <v>219662</v>
      </c>
    </row>
    <row r="65939" spans="1:10" x14ac:dyDescent="0.35">
      <c r="A65939" s="1" t="s">
        <v>45135</v>
      </c>
      <c r="B65939" s="1" t="s">
        <v>218185</v>
      </c>
      <c r="C65939" s="1" t="s">
        <v>25</v>
      </c>
      <c r="D65939" s="1" t="s">
        <v>219663</v>
      </c>
      <c r="E65939" s="1" t="s">
        <v>219664</v>
      </c>
      <c r="F65939" s="1" t="s">
        <v>219665</v>
      </c>
      <c r="G65939" s="1" t="s">
        <v>219655</v>
      </c>
      <c r="H65939" s="1" t="s">
        <v>219656</v>
      </c>
      <c r="I65939" s="1" t="s">
        <v>218190</v>
      </c>
      <c r="J65939" s="1" t="s">
        <v>219666</v>
      </c>
    </row>
    <row r="65940" spans="1:10" x14ac:dyDescent="0.35">
      <c r="A65940" s="1" t="s">
        <v>45135</v>
      </c>
      <c r="B65940" s="1" t="s">
        <v>218185</v>
      </c>
      <c r="C65940" s="1" t="s">
        <v>30</v>
      </c>
      <c r="D65940" s="1" t="s">
        <v>10697</v>
      </c>
      <c r="E65940" s="1" t="s">
        <v>219667</v>
      </c>
      <c r="F65940" s="1" t="s">
        <v>219668</v>
      </c>
      <c r="G65940" s="1" t="s">
        <v>219655</v>
      </c>
      <c r="H65940" s="1" t="s">
        <v>219656</v>
      </c>
      <c r="I65940" s="1" t="s">
        <v>218190</v>
      </c>
      <c r="J65940" s="1" t="s">
        <v>219669</v>
      </c>
    </row>
    <row r="65941" spans="1:10" x14ac:dyDescent="0.35">
      <c r="A65941" s="1" t="s">
        <v>45135</v>
      </c>
      <c r="B65941" s="1" t="s">
        <v>218185</v>
      </c>
      <c r="C65941" s="1" t="s">
        <v>35</v>
      </c>
      <c r="D65941" s="1" t="s">
        <v>219091</v>
      </c>
      <c r="E65941" s="1" t="s">
        <v>219670</v>
      </c>
      <c r="F65941" s="1" t="s">
        <v>219671</v>
      </c>
      <c r="G65941" s="1" t="s">
        <v>219655</v>
      </c>
      <c r="H65941" s="1" t="s">
        <v>219656</v>
      </c>
      <c r="I65941" s="1" t="s">
        <v>218190</v>
      </c>
      <c r="J65941" s="1" t="s">
        <v>219672</v>
      </c>
    </row>
    <row r="65942" spans="1:10" x14ac:dyDescent="0.35">
      <c r="A65942" s="1" t="s">
        <v>45135</v>
      </c>
      <c r="B65942" s="1" t="s">
        <v>218185</v>
      </c>
      <c r="C65942" s="1" t="s">
        <v>40</v>
      </c>
      <c r="D65942" s="1" t="s">
        <v>9742</v>
      </c>
      <c r="E65942" s="1" t="s">
        <v>219673</v>
      </c>
      <c r="F65942" s="1" t="s">
        <v>219674</v>
      </c>
      <c r="G65942" s="1" t="s">
        <v>219655</v>
      </c>
      <c r="H65942" s="1" t="s">
        <v>219656</v>
      </c>
      <c r="I65942" s="1" t="s">
        <v>218190</v>
      </c>
      <c r="J65942" s="1" t="s">
        <v>219675</v>
      </c>
    </row>
    <row r="65943" spans="1:10" x14ac:dyDescent="0.35">
      <c r="A65943" s="1" t="s">
        <v>45135</v>
      </c>
      <c r="B65943" s="1" t="s">
        <v>218185</v>
      </c>
      <c r="C65943" s="1" t="s">
        <v>45</v>
      </c>
      <c r="D65943" s="1" t="s">
        <v>124989</v>
      </c>
      <c r="E65943" s="1" t="s">
        <v>219676</v>
      </c>
      <c r="F65943" s="1" t="s">
        <v>219677</v>
      </c>
      <c r="G65943" s="1" t="s">
        <v>219655</v>
      </c>
      <c r="H65943" s="1" t="s">
        <v>219656</v>
      </c>
      <c r="I65943" s="1" t="s">
        <v>218190</v>
      </c>
      <c r="J65943" s="1" t="s">
        <v>219678</v>
      </c>
    </row>
    <row r="65944" spans="1:10" x14ac:dyDescent="0.35">
      <c r="A65944" s="1" t="s">
        <v>45135</v>
      </c>
      <c r="B65944" s="1" t="s">
        <v>218185</v>
      </c>
      <c r="C65944" s="1" t="s">
        <v>50</v>
      </c>
      <c r="D65944" s="1" t="s">
        <v>169468</v>
      </c>
      <c r="E65944" s="1" t="s">
        <v>219679</v>
      </c>
      <c r="F65944" s="1" t="s">
        <v>219680</v>
      </c>
      <c r="G65944" s="1" t="s">
        <v>219655</v>
      </c>
      <c r="H65944" s="1" t="s">
        <v>219656</v>
      </c>
      <c r="I65944" s="1" t="s">
        <v>218190</v>
      </c>
      <c r="J65944" s="1" t="s">
        <v>219681</v>
      </c>
    </row>
    <row r="65945" spans="1:10" x14ac:dyDescent="0.35">
      <c r="A65945" s="1" t="s">
        <v>45135</v>
      </c>
      <c r="B65945" s="1" t="s">
        <v>218185</v>
      </c>
      <c r="C65945" s="1" t="s">
        <v>55</v>
      </c>
      <c r="D65945" s="1" t="s">
        <v>46946</v>
      </c>
      <c r="E65945" s="1" t="s">
        <v>219682</v>
      </c>
      <c r="F65945" s="1" t="s">
        <v>219683</v>
      </c>
      <c r="G65945" s="1" t="s">
        <v>219655</v>
      </c>
      <c r="H65945" s="1" t="s">
        <v>219656</v>
      </c>
      <c r="I65945" s="1" t="s">
        <v>218190</v>
      </c>
      <c r="J65945" s="1" t="s">
        <v>219684</v>
      </c>
    </row>
    <row r="65946" spans="1:10" x14ac:dyDescent="0.35">
      <c r="A65946" s="1" t="s">
        <v>45135</v>
      </c>
      <c r="B65946" s="1" t="s">
        <v>218185</v>
      </c>
      <c r="C65946" s="1" t="s">
        <v>60</v>
      </c>
      <c r="D65946" s="1" t="s">
        <v>34992</v>
      </c>
      <c r="E65946" s="1" t="s">
        <v>219685</v>
      </c>
      <c r="F65946" s="1" t="s">
        <v>219686</v>
      </c>
      <c r="G65946" s="1" t="s">
        <v>219655</v>
      </c>
      <c r="H65946" s="1" t="s">
        <v>219656</v>
      </c>
      <c r="I65946" s="1" t="s">
        <v>218190</v>
      </c>
      <c r="J65946" s="1" t="s">
        <v>219687</v>
      </c>
    </row>
    <row r="65947" spans="1:10" x14ac:dyDescent="0.35">
      <c r="A65947" s="1" t="s">
        <v>45135</v>
      </c>
      <c r="B65947" s="1" t="s">
        <v>218185</v>
      </c>
      <c r="C65947" s="1" t="s">
        <v>65</v>
      </c>
      <c r="D65947" s="1" t="s">
        <v>219688</v>
      </c>
      <c r="E65947" s="1" t="s">
        <v>219689</v>
      </c>
      <c r="F65947" s="1" t="s">
        <v>219690</v>
      </c>
      <c r="G65947" s="1" t="s">
        <v>219655</v>
      </c>
      <c r="H65947" s="1" t="s">
        <v>219656</v>
      </c>
      <c r="I65947" s="1" t="s">
        <v>218190</v>
      </c>
      <c r="J65947" s="1" t="s">
        <v>219691</v>
      </c>
    </row>
    <row r="65948" spans="1:10" x14ac:dyDescent="0.35">
      <c r="A65948" s="1" t="s">
        <v>45135</v>
      </c>
      <c r="B65948" s="1" t="s">
        <v>218185</v>
      </c>
      <c r="C65948" s="1" t="s">
        <v>70</v>
      </c>
      <c r="D65948" s="1" t="s">
        <v>4582</v>
      </c>
      <c r="E65948" s="1" t="s">
        <v>219692</v>
      </c>
      <c r="F65948" s="1" t="s">
        <v>219693</v>
      </c>
      <c r="G65948" s="1" t="s">
        <v>219655</v>
      </c>
      <c r="H65948" s="1" t="s">
        <v>219656</v>
      </c>
      <c r="I65948" s="1" t="s">
        <v>218190</v>
      </c>
      <c r="J65948" s="1" t="s">
        <v>219694</v>
      </c>
    </row>
    <row r="65949" spans="1:10" x14ac:dyDescent="0.35">
      <c r="A65949" s="1" t="s">
        <v>45135</v>
      </c>
      <c r="B65949" s="1" t="s">
        <v>218185</v>
      </c>
      <c r="C65949" s="1" t="s">
        <v>75</v>
      </c>
      <c r="D65949" s="1" t="s">
        <v>2973</v>
      </c>
      <c r="E65949" s="1" t="s">
        <v>219695</v>
      </c>
      <c r="F65949" s="1" t="s">
        <v>219696</v>
      </c>
      <c r="G65949" s="1" t="s">
        <v>219655</v>
      </c>
      <c r="H65949" s="1" t="s">
        <v>219656</v>
      </c>
      <c r="I65949" s="1" t="s">
        <v>218190</v>
      </c>
      <c r="J65949" s="1" t="s">
        <v>219697</v>
      </c>
    </row>
    <row r="65950" spans="1:10" x14ac:dyDescent="0.35">
      <c r="A65950" s="1" t="s">
        <v>45135</v>
      </c>
      <c r="B65950" s="1" t="s">
        <v>218185</v>
      </c>
      <c r="C65950" s="1" t="s">
        <v>80</v>
      </c>
      <c r="D65950" s="1" t="s">
        <v>110431</v>
      </c>
      <c r="E65950" s="1" t="s">
        <v>219698</v>
      </c>
      <c r="F65950" s="1" t="s">
        <v>219699</v>
      </c>
      <c r="G65950" s="1" t="s">
        <v>219655</v>
      </c>
      <c r="H65950" s="1" t="s">
        <v>219656</v>
      </c>
      <c r="I65950" s="1" t="s">
        <v>218190</v>
      </c>
      <c r="J65950" s="1" t="s">
        <v>219700</v>
      </c>
    </row>
    <row r="65951" spans="1:10" x14ac:dyDescent="0.35">
      <c r="A65951" s="1" t="s">
        <v>45135</v>
      </c>
      <c r="B65951" s="1" t="s">
        <v>218185</v>
      </c>
      <c r="C65951" s="1" t="s">
        <v>85</v>
      </c>
      <c r="D65951" s="1" t="s">
        <v>123297</v>
      </c>
      <c r="E65951" s="1" t="s">
        <v>219701</v>
      </c>
      <c r="F65951" s="1" t="s">
        <v>219702</v>
      </c>
      <c r="G65951" s="1" t="s">
        <v>219655</v>
      </c>
      <c r="H65951" s="1" t="s">
        <v>219656</v>
      </c>
      <c r="I65951" s="1" t="s">
        <v>218190</v>
      </c>
      <c r="J65951" s="1" t="s">
        <v>219703</v>
      </c>
    </row>
    <row r="65952" spans="1:10" x14ac:dyDescent="0.35">
      <c r="A65952" s="1" t="s">
        <v>45135</v>
      </c>
      <c r="B65952" s="1" t="s">
        <v>218185</v>
      </c>
      <c r="C65952" s="1" t="s">
        <v>90</v>
      </c>
      <c r="D65952" s="1" t="s">
        <v>42528</v>
      </c>
      <c r="E65952" s="1" t="s">
        <v>219704</v>
      </c>
      <c r="F65952" s="1" t="s">
        <v>219705</v>
      </c>
      <c r="G65952" s="1" t="s">
        <v>219655</v>
      </c>
      <c r="H65952" s="1" t="s">
        <v>219656</v>
      </c>
      <c r="I65952" s="1" t="s">
        <v>218190</v>
      </c>
      <c r="J65952" s="1" t="s">
        <v>219706</v>
      </c>
    </row>
    <row r="65953" spans="1:10" x14ac:dyDescent="0.35">
      <c r="A65953" s="1" t="s">
        <v>45135</v>
      </c>
      <c r="B65953" s="1" t="s">
        <v>218185</v>
      </c>
      <c r="C65953" s="1" t="s">
        <v>95</v>
      </c>
      <c r="D65953" s="1" t="s">
        <v>17413</v>
      </c>
      <c r="E65953" s="1" t="s">
        <v>219707</v>
      </c>
      <c r="F65953" s="1" t="s">
        <v>219708</v>
      </c>
      <c r="G65953" s="1" t="s">
        <v>219655</v>
      </c>
      <c r="H65953" s="1" t="s">
        <v>219656</v>
      </c>
      <c r="I65953" s="1" t="s">
        <v>218190</v>
      </c>
      <c r="J65953" s="1" t="s">
        <v>219709</v>
      </c>
    </row>
    <row r="65954" spans="1:10" x14ac:dyDescent="0.35">
      <c r="A65954" s="1" t="s">
        <v>45135</v>
      </c>
      <c r="B65954" s="1" t="s">
        <v>218185</v>
      </c>
      <c r="C65954" s="1" t="s">
        <v>100</v>
      </c>
      <c r="D65954" s="1" t="s">
        <v>173685</v>
      </c>
      <c r="E65954" s="1" t="s">
        <v>219710</v>
      </c>
      <c r="F65954" s="1" t="s">
        <v>219711</v>
      </c>
      <c r="G65954" s="1" t="s">
        <v>219655</v>
      </c>
      <c r="H65954" s="1" t="s">
        <v>219656</v>
      </c>
      <c r="I65954" s="1" t="s">
        <v>218190</v>
      </c>
      <c r="J65954" s="1" t="s">
        <v>219712</v>
      </c>
    </row>
    <row r="65955" spans="1:10" x14ac:dyDescent="0.35">
      <c r="A65955" s="1" t="s">
        <v>45135</v>
      </c>
      <c r="B65955" s="1" t="s">
        <v>218185</v>
      </c>
      <c r="C65955" s="1" t="s">
        <v>105</v>
      </c>
      <c r="D65955" s="1" t="s">
        <v>5401</v>
      </c>
      <c r="E65955" s="1" t="s">
        <v>219713</v>
      </c>
      <c r="F65955" s="1" t="s">
        <v>219714</v>
      </c>
      <c r="G65955" s="1" t="s">
        <v>219655</v>
      </c>
      <c r="H65955" s="1" t="s">
        <v>219656</v>
      </c>
      <c r="I65955" s="1" t="s">
        <v>218190</v>
      </c>
      <c r="J65955" s="1" t="s">
        <v>219715</v>
      </c>
    </row>
    <row r="65956" spans="1:10" x14ac:dyDescent="0.35">
      <c r="A65956" s="1" t="s">
        <v>45135</v>
      </c>
      <c r="B65956" s="1" t="s">
        <v>218185</v>
      </c>
      <c r="C65956" s="1" t="s">
        <v>110</v>
      </c>
      <c r="D65956" s="1" t="s">
        <v>219716</v>
      </c>
      <c r="E65956" s="1" t="s">
        <v>219717</v>
      </c>
      <c r="F65956" s="1" t="s">
        <v>219718</v>
      </c>
      <c r="G65956" s="1" t="s">
        <v>219655</v>
      </c>
      <c r="H65956" s="1" t="s">
        <v>219656</v>
      </c>
      <c r="I65956" s="1" t="s">
        <v>218190</v>
      </c>
      <c r="J65956" s="1" t="s">
        <v>219719</v>
      </c>
    </row>
    <row r="65957" spans="1:10" x14ac:dyDescent="0.35">
      <c r="A65957" s="1" t="s">
        <v>45135</v>
      </c>
      <c r="B65957" s="1" t="s">
        <v>218185</v>
      </c>
      <c r="C65957" s="1" t="s">
        <v>115</v>
      </c>
      <c r="D65957" s="1" t="s">
        <v>31764</v>
      </c>
      <c r="E65957" s="1" t="s">
        <v>219720</v>
      </c>
      <c r="F65957" s="1" t="s">
        <v>219721</v>
      </c>
      <c r="G65957" s="1" t="s">
        <v>219655</v>
      </c>
      <c r="H65957" s="1" t="s">
        <v>219656</v>
      </c>
      <c r="I65957" s="1" t="s">
        <v>218190</v>
      </c>
      <c r="J65957" s="1" t="s">
        <v>219722</v>
      </c>
    </row>
    <row r="65958" spans="1:10" x14ac:dyDescent="0.35">
      <c r="A65958" s="1" t="s">
        <v>45135</v>
      </c>
      <c r="B65958" s="1" t="s">
        <v>218185</v>
      </c>
      <c r="C65958" s="1" t="s">
        <v>120</v>
      </c>
      <c r="D65958" s="1" t="s">
        <v>74941</v>
      </c>
      <c r="E65958" s="1" t="s">
        <v>219723</v>
      </c>
      <c r="F65958" s="1" t="s">
        <v>219724</v>
      </c>
      <c r="G65958" s="1" t="s">
        <v>219655</v>
      </c>
      <c r="H65958" s="1" t="s">
        <v>219656</v>
      </c>
      <c r="I65958" s="1" t="s">
        <v>218190</v>
      </c>
      <c r="J65958" s="1" t="s">
        <v>219725</v>
      </c>
    </row>
    <row r="65959" spans="1:10" x14ac:dyDescent="0.35">
      <c r="A65959" s="1" t="s">
        <v>45135</v>
      </c>
      <c r="B65959" s="1" t="s">
        <v>218185</v>
      </c>
      <c r="C65959" s="1" t="s">
        <v>125</v>
      </c>
      <c r="D65959" s="1" t="s">
        <v>183474</v>
      </c>
      <c r="E65959" s="1" t="s">
        <v>219726</v>
      </c>
      <c r="F65959" s="1" t="s">
        <v>219727</v>
      </c>
      <c r="G65959" s="1" t="s">
        <v>219655</v>
      </c>
      <c r="H65959" s="1" t="s">
        <v>219656</v>
      </c>
      <c r="I65959" s="1" t="s">
        <v>218190</v>
      </c>
      <c r="J65959" s="1" t="s">
        <v>219728</v>
      </c>
    </row>
    <row r="65960" spans="1:10" x14ac:dyDescent="0.35">
      <c r="A65960" s="1" t="s">
        <v>45135</v>
      </c>
      <c r="B65960" s="1" t="s">
        <v>218185</v>
      </c>
      <c r="C65960" s="1" t="s">
        <v>130</v>
      </c>
      <c r="D65960" s="1" t="s">
        <v>104247</v>
      </c>
      <c r="E65960" s="1" t="s">
        <v>219729</v>
      </c>
      <c r="F65960" s="1" t="s">
        <v>219730</v>
      </c>
      <c r="G65960" s="1" t="s">
        <v>219655</v>
      </c>
      <c r="H65960" s="1" t="s">
        <v>219656</v>
      </c>
      <c r="I65960" s="1" t="s">
        <v>218190</v>
      </c>
      <c r="J65960" s="1" t="s">
        <v>219731</v>
      </c>
    </row>
    <row r="65961" spans="1:10" x14ac:dyDescent="0.35">
      <c r="A65961" s="1" t="s">
        <v>45135</v>
      </c>
      <c r="B65961" s="1" t="s">
        <v>218185</v>
      </c>
      <c r="C65961" s="1" t="s">
        <v>135</v>
      </c>
      <c r="D65961" s="1" t="s">
        <v>11206</v>
      </c>
      <c r="E65961" s="1" t="s">
        <v>219732</v>
      </c>
      <c r="F65961" s="1" t="s">
        <v>219733</v>
      </c>
      <c r="G65961" s="1" t="s">
        <v>219655</v>
      </c>
      <c r="H65961" s="1" t="s">
        <v>219656</v>
      </c>
      <c r="I65961" s="1" t="s">
        <v>218190</v>
      </c>
      <c r="J65961" s="1" t="s">
        <v>219734</v>
      </c>
    </row>
    <row r="65962" spans="1:10" x14ac:dyDescent="0.35">
      <c r="A65962" s="1" t="s">
        <v>45135</v>
      </c>
      <c r="B65962" s="1" t="s">
        <v>218185</v>
      </c>
      <c r="C65962" s="1" t="s">
        <v>140</v>
      </c>
      <c r="D65962" s="1" t="s">
        <v>32179</v>
      </c>
      <c r="E65962" s="1" t="s">
        <v>219735</v>
      </c>
      <c r="F65962" s="1" t="s">
        <v>219736</v>
      </c>
      <c r="G65962" s="1" t="s">
        <v>219655</v>
      </c>
      <c r="H65962" s="1" t="s">
        <v>219656</v>
      </c>
      <c r="I65962" s="1" t="s">
        <v>218190</v>
      </c>
      <c r="J65962" s="1" t="s">
        <v>219737</v>
      </c>
    </row>
    <row r="65963" spans="1:10" x14ac:dyDescent="0.35">
      <c r="A65963" s="1" t="s">
        <v>45135</v>
      </c>
      <c r="B65963" s="1" t="s">
        <v>218185</v>
      </c>
      <c r="C65963" s="1" t="s">
        <v>145</v>
      </c>
      <c r="D65963" s="1" t="s">
        <v>48969</v>
      </c>
      <c r="E65963" s="1" t="s">
        <v>219738</v>
      </c>
      <c r="F65963" s="1" t="s">
        <v>219739</v>
      </c>
      <c r="G65963" s="1" t="s">
        <v>219655</v>
      </c>
      <c r="H65963" s="1" t="s">
        <v>219656</v>
      </c>
      <c r="I65963" s="1" t="s">
        <v>218190</v>
      </c>
      <c r="J65963" s="1" t="s">
        <v>219740</v>
      </c>
    </row>
    <row r="65964" spans="1:10" x14ac:dyDescent="0.35">
      <c r="A65964" s="1" t="s">
        <v>45135</v>
      </c>
      <c r="B65964" s="1" t="s">
        <v>218185</v>
      </c>
      <c r="C65964" s="1" t="s">
        <v>150</v>
      </c>
      <c r="D65964" s="1" t="s">
        <v>123705</v>
      </c>
      <c r="E65964" s="1" t="s">
        <v>219741</v>
      </c>
      <c r="F65964" s="1" t="s">
        <v>219742</v>
      </c>
      <c r="G65964" s="1" t="s">
        <v>219655</v>
      </c>
      <c r="H65964" s="1" t="s">
        <v>219656</v>
      </c>
      <c r="I65964" s="1" t="s">
        <v>218190</v>
      </c>
      <c r="J65964" s="1" t="s">
        <v>219743</v>
      </c>
    </row>
    <row r="65965" spans="1:10" x14ac:dyDescent="0.35">
      <c r="A65965" s="1" t="s">
        <v>45135</v>
      </c>
      <c r="B65965" s="1" t="s">
        <v>218185</v>
      </c>
      <c r="C65965" s="1" t="s">
        <v>155</v>
      </c>
      <c r="D65965" s="1" t="s">
        <v>37157</v>
      </c>
      <c r="E65965" s="1" t="s">
        <v>219744</v>
      </c>
      <c r="F65965" s="1" t="s">
        <v>219745</v>
      </c>
      <c r="G65965" s="1" t="s">
        <v>219655</v>
      </c>
      <c r="H65965" s="1" t="s">
        <v>219656</v>
      </c>
      <c r="I65965" s="1" t="s">
        <v>218190</v>
      </c>
      <c r="J65965" s="1" t="s">
        <v>219746</v>
      </c>
    </row>
    <row r="65966" spans="1:10" x14ac:dyDescent="0.35">
      <c r="A65966" s="1" t="s">
        <v>45135</v>
      </c>
      <c r="B65966" s="1" t="s">
        <v>218185</v>
      </c>
      <c r="C65966" s="1" t="s">
        <v>160</v>
      </c>
      <c r="D65966" s="1" t="s">
        <v>15310</v>
      </c>
      <c r="E65966" s="1" t="s">
        <v>219747</v>
      </c>
      <c r="F65966" s="1" t="s">
        <v>219748</v>
      </c>
      <c r="G65966" s="1" t="s">
        <v>219655</v>
      </c>
      <c r="H65966" s="1" t="s">
        <v>219656</v>
      </c>
      <c r="I65966" s="1" t="s">
        <v>218190</v>
      </c>
      <c r="J65966" s="1" t="s">
        <v>219749</v>
      </c>
    </row>
    <row r="65967" spans="1:10" x14ac:dyDescent="0.35">
      <c r="A65967" s="1" t="s">
        <v>45135</v>
      </c>
      <c r="B65967" s="1" t="s">
        <v>218185</v>
      </c>
      <c r="C65967" s="1" t="s">
        <v>165</v>
      </c>
      <c r="D65967" s="1" t="s">
        <v>177462</v>
      </c>
      <c r="E65967" s="1" t="s">
        <v>219750</v>
      </c>
      <c r="F65967" s="1" t="s">
        <v>219751</v>
      </c>
      <c r="G65967" s="1" t="s">
        <v>219655</v>
      </c>
      <c r="H65967" s="1" t="s">
        <v>219656</v>
      </c>
      <c r="I65967" s="1" t="s">
        <v>218190</v>
      </c>
      <c r="J65967" s="1" t="s">
        <v>219752</v>
      </c>
    </row>
    <row r="65968" spans="1:10" x14ac:dyDescent="0.35">
      <c r="A65968" s="1" t="s">
        <v>45135</v>
      </c>
      <c r="B65968" s="1" t="s">
        <v>218185</v>
      </c>
      <c r="C65968" s="1" t="s">
        <v>170</v>
      </c>
      <c r="D65968" s="1" t="s">
        <v>47722</v>
      </c>
      <c r="E65968" s="1" t="s">
        <v>219753</v>
      </c>
      <c r="F65968" s="1" t="s">
        <v>219754</v>
      </c>
      <c r="G65968" s="1" t="s">
        <v>219655</v>
      </c>
      <c r="H65968" s="1" t="s">
        <v>219656</v>
      </c>
      <c r="I65968" s="1" t="s">
        <v>218190</v>
      </c>
      <c r="J65968" s="1" t="s">
        <v>219755</v>
      </c>
    </row>
    <row r="65969" spans="1:10" x14ac:dyDescent="0.35">
      <c r="A65969" s="1" t="s">
        <v>219756</v>
      </c>
      <c r="B65969" s="1" t="s">
        <v>218185</v>
      </c>
      <c r="C65969" s="1" t="s">
        <v>8</v>
      </c>
      <c r="D65969" s="1" t="s">
        <v>160512</v>
      </c>
      <c r="E65969" s="1" t="s">
        <v>219757</v>
      </c>
      <c r="F65969" s="1" t="s">
        <v>219758</v>
      </c>
      <c r="G65969" s="1" t="s">
        <v>219759</v>
      </c>
      <c r="H65969" s="1" t="s">
        <v>219760</v>
      </c>
      <c r="I65969" s="1" t="s">
        <v>218190</v>
      </c>
      <c r="J65969" s="1" t="s">
        <v>13</v>
      </c>
    </row>
    <row r="65970" spans="1:10" x14ac:dyDescent="0.35">
      <c r="A65970" s="1" t="s">
        <v>219756</v>
      </c>
      <c r="B65970" s="1" t="s">
        <v>218185</v>
      </c>
      <c r="C65970" s="1" t="s">
        <v>15</v>
      </c>
      <c r="D65970" s="1" t="s">
        <v>73438</v>
      </c>
      <c r="E65970" s="1" t="s">
        <v>219761</v>
      </c>
      <c r="F65970" s="1" t="s">
        <v>219762</v>
      </c>
      <c r="G65970" s="1" t="s">
        <v>219759</v>
      </c>
      <c r="H65970" s="1" t="s">
        <v>219760</v>
      </c>
      <c r="I65970" s="1" t="s">
        <v>218190</v>
      </c>
      <c r="J65970" s="1" t="s">
        <v>219763</v>
      </c>
    </row>
    <row r="65971" spans="1:10" x14ac:dyDescent="0.35">
      <c r="A65971" s="1" t="s">
        <v>219756</v>
      </c>
      <c r="B65971" s="1" t="s">
        <v>218185</v>
      </c>
      <c r="C65971" s="1" t="s">
        <v>20</v>
      </c>
      <c r="D65971" s="1" t="s">
        <v>30929</v>
      </c>
      <c r="E65971" s="1" t="s">
        <v>219764</v>
      </c>
      <c r="F65971" s="1" t="s">
        <v>219765</v>
      </c>
      <c r="G65971" s="1" t="s">
        <v>219759</v>
      </c>
      <c r="H65971" s="1" t="s">
        <v>219760</v>
      </c>
      <c r="I65971" s="1" t="s">
        <v>218190</v>
      </c>
      <c r="J65971" s="1" t="s">
        <v>219766</v>
      </c>
    </row>
    <row r="65972" spans="1:10" x14ac:dyDescent="0.35">
      <c r="A65972" s="1" t="s">
        <v>219756</v>
      </c>
      <c r="B65972" s="1" t="s">
        <v>218185</v>
      </c>
      <c r="C65972" s="1" t="s">
        <v>25</v>
      </c>
      <c r="D65972" s="1" t="s">
        <v>35358</v>
      </c>
      <c r="E65972" s="1" t="s">
        <v>219767</v>
      </c>
      <c r="F65972" s="1" t="s">
        <v>219768</v>
      </c>
      <c r="G65972" s="1" t="s">
        <v>219759</v>
      </c>
      <c r="H65972" s="1" t="s">
        <v>219760</v>
      </c>
      <c r="I65972" s="1" t="s">
        <v>218190</v>
      </c>
      <c r="J65972" s="1" t="s">
        <v>219769</v>
      </c>
    </row>
    <row r="65973" spans="1:10" x14ac:dyDescent="0.35">
      <c r="A65973" s="1" t="s">
        <v>219756</v>
      </c>
      <c r="B65973" s="1" t="s">
        <v>218185</v>
      </c>
      <c r="C65973" s="1" t="s">
        <v>30</v>
      </c>
      <c r="D65973" s="1" t="s">
        <v>181527</v>
      </c>
      <c r="E65973" s="1" t="s">
        <v>219770</v>
      </c>
      <c r="F65973" s="1" t="s">
        <v>219771</v>
      </c>
      <c r="G65973" s="1" t="s">
        <v>219759</v>
      </c>
      <c r="H65973" s="1" t="s">
        <v>219760</v>
      </c>
      <c r="I65973" s="1" t="s">
        <v>218190</v>
      </c>
      <c r="J65973" s="1" t="s">
        <v>219772</v>
      </c>
    </row>
    <row r="65974" spans="1:10" x14ac:dyDescent="0.35">
      <c r="A65974" s="1" t="s">
        <v>219756</v>
      </c>
      <c r="B65974" s="1" t="s">
        <v>218185</v>
      </c>
      <c r="C65974" s="1" t="s">
        <v>35</v>
      </c>
      <c r="D65974" s="1" t="s">
        <v>120992</v>
      </c>
      <c r="E65974" s="1" t="s">
        <v>219773</v>
      </c>
      <c r="F65974" s="1" t="s">
        <v>219774</v>
      </c>
      <c r="G65974" s="1" t="s">
        <v>219759</v>
      </c>
      <c r="H65974" s="1" t="s">
        <v>219760</v>
      </c>
      <c r="I65974" s="1" t="s">
        <v>218190</v>
      </c>
      <c r="J65974" s="1" t="s">
        <v>219775</v>
      </c>
    </row>
    <row r="65975" spans="1:10" x14ac:dyDescent="0.35">
      <c r="A65975" s="1" t="s">
        <v>219756</v>
      </c>
      <c r="B65975" s="1" t="s">
        <v>218185</v>
      </c>
      <c r="C65975" s="1" t="s">
        <v>40</v>
      </c>
      <c r="D65975" s="1" t="s">
        <v>219776</v>
      </c>
      <c r="E65975" s="1" t="s">
        <v>219777</v>
      </c>
      <c r="F65975" s="1" t="s">
        <v>219778</v>
      </c>
      <c r="G65975" s="1" t="s">
        <v>219759</v>
      </c>
      <c r="H65975" s="1" t="s">
        <v>219760</v>
      </c>
      <c r="I65975" s="1" t="s">
        <v>218190</v>
      </c>
      <c r="J65975" s="1" t="s">
        <v>219779</v>
      </c>
    </row>
    <row r="65976" spans="1:10" x14ac:dyDescent="0.35">
      <c r="A65976" s="1" t="s">
        <v>219756</v>
      </c>
      <c r="B65976" s="1" t="s">
        <v>218185</v>
      </c>
      <c r="C65976" s="1" t="s">
        <v>45</v>
      </c>
      <c r="D65976" s="1" t="s">
        <v>71111</v>
      </c>
      <c r="E65976" s="1" t="s">
        <v>219780</v>
      </c>
      <c r="F65976" s="1" t="s">
        <v>219781</v>
      </c>
      <c r="G65976" s="1" t="s">
        <v>219759</v>
      </c>
      <c r="H65976" s="1" t="s">
        <v>219760</v>
      </c>
      <c r="I65976" s="1" t="s">
        <v>218190</v>
      </c>
      <c r="J65976" s="1" t="s">
        <v>219782</v>
      </c>
    </row>
    <row r="65977" spans="1:10" x14ac:dyDescent="0.35">
      <c r="A65977" s="1" t="s">
        <v>219756</v>
      </c>
      <c r="B65977" s="1" t="s">
        <v>218185</v>
      </c>
      <c r="C65977" s="1" t="s">
        <v>50</v>
      </c>
      <c r="D65977" s="1" t="s">
        <v>15756</v>
      </c>
      <c r="E65977" s="1" t="s">
        <v>219783</v>
      </c>
      <c r="F65977" s="1" t="s">
        <v>219784</v>
      </c>
      <c r="G65977" s="1" t="s">
        <v>219759</v>
      </c>
      <c r="H65977" s="1" t="s">
        <v>219760</v>
      </c>
      <c r="I65977" s="1" t="s">
        <v>218190</v>
      </c>
      <c r="J65977" s="1" t="s">
        <v>219785</v>
      </c>
    </row>
    <row r="65978" spans="1:10" x14ac:dyDescent="0.35">
      <c r="A65978" s="1" t="s">
        <v>219756</v>
      </c>
      <c r="B65978" s="1" t="s">
        <v>218185</v>
      </c>
      <c r="C65978" s="1" t="s">
        <v>55</v>
      </c>
      <c r="D65978" s="1" t="s">
        <v>30736</v>
      </c>
      <c r="E65978" s="1" t="s">
        <v>219786</v>
      </c>
      <c r="F65978" s="1" t="s">
        <v>219787</v>
      </c>
      <c r="G65978" s="1" t="s">
        <v>219759</v>
      </c>
      <c r="H65978" s="1" t="s">
        <v>219760</v>
      </c>
      <c r="I65978" s="1" t="s">
        <v>218190</v>
      </c>
      <c r="J65978" s="1" t="s">
        <v>219788</v>
      </c>
    </row>
    <row r="65979" spans="1:10" x14ac:dyDescent="0.35">
      <c r="A65979" s="1" t="s">
        <v>219756</v>
      </c>
      <c r="B65979" s="1" t="s">
        <v>218185</v>
      </c>
      <c r="C65979" s="1" t="s">
        <v>60</v>
      </c>
      <c r="D65979" s="1" t="s">
        <v>124158</v>
      </c>
      <c r="E65979" s="1" t="s">
        <v>219789</v>
      </c>
      <c r="F65979" s="1" t="s">
        <v>219790</v>
      </c>
      <c r="G65979" s="1" t="s">
        <v>219759</v>
      </c>
      <c r="H65979" s="1" t="s">
        <v>219760</v>
      </c>
      <c r="I65979" s="1" t="s">
        <v>218190</v>
      </c>
      <c r="J65979" s="1" t="s">
        <v>219791</v>
      </c>
    </row>
    <row r="65980" spans="1:10" x14ac:dyDescent="0.35">
      <c r="A65980" s="1" t="s">
        <v>219756</v>
      </c>
      <c r="B65980" s="1" t="s">
        <v>218185</v>
      </c>
      <c r="C65980" s="1" t="s">
        <v>65</v>
      </c>
      <c r="D65980" s="1" t="s">
        <v>8801</v>
      </c>
      <c r="E65980" s="1" t="s">
        <v>219792</v>
      </c>
      <c r="F65980" s="1" t="s">
        <v>219793</v>
      </c>
      <c r="G65980" s="1" t="s">
        <v>219759</v>
      </c>
      <c r="H65980" s="1" t="s">
        <v>219760</v>
      </c>
      <c r="I65980" s="1" t="s">
        <v>218190</v>
      </c>
      <c r="J65980" s="1" t="s">
        <v>219794</v>
      </c>
    </row>
    <row r="65981" spans="1:10" x14ac:dyDescent="0.35">
      <c r="A65981" s="1" t="s">
        <v>219756</v>
      </c>
      <c r="B65981" s="1" t="s">
        <v>218185</v>
      </c>
      <c r="C65981" s="1" t="s">
        <v>70</v>
      </c>
      <c r="D65981" s="1" t="s">
        <v>172618</v>
      </c>
      <c r="E65981" s="1" t="s">
        <v>219795</v>
      </c>
      <c r="F65981" s="1" t="s">
        <v>219796</v>
      </c>
      <c r="G65981" s="1" t="s">
        <v>219759</v>
      </c>
      <c r="H65981" s="1" t="s">
        <v>219760</v>
      </c>
      <c r="I65981" s="1" t="s">
        <v>218190</v>
      </c>
      <c r="J65981" s="1" t="s">
        <v>219797</v>
      </c>
    </row>
    <row r="65982" spans="1:10" x14ac:dyDescent="0.35">
      <c r="A65982" s="1" t="s">
        <v>219756</v>
      </c>
      <c r="B65982" s="1" t="s">
        <v>218185</v>
      </c>
      <c r="C65982" s="1" t="s">
        <v>75</v>
      </c>
      <c r="D65982" s="1" t="s">
        <v>16049</v>
      </c>
      <c r="E65982" s="1" t="s">
        <v>219798</v>
      </c>
      <c r="F65982" s="1" t="s">
        <v>219799</v>
      </c>
      <c r="G65982" s="1" t="s">
        <v>219759</v>
      </c>
      <c r="H65982" s="1" t="s">
        <v>219760</v>
      </c>
      <c r="I65982" s="1" t="s">
        <v>218190</v>
      </c>
      <c r="J65982" s="1" t="s">
        <v>219800</v>
      </c>
    </row>
    <row r="65983" spans="1:10" x14ac:dyDescent="0.35">
      <c r="A65983" s="1" t="s">
        <v>219756</v>
      </c>
      <c r="B65983" s="1" t="s">
        <v>218185</v>
      </c>
      <c r="C65983" s="1" t="s">
        <v>80</v>
      </c>
      <c r="D65983" s="1" t="s">
        <v>75303</v>
      </c>
      <c r="E65983" s="1" t="s">
        <v>219801</v>
      </c>
      <c r="F65983" s="1" t="s">
        <v>219802</v>
      </c>
      <c r="G65983" s="1" t="s">
        <v>219759</v>
      </c>
      <c r="H65983" s="1" t="s">
        <v>219760</v>
      </c>
      <c r="I65983" s="1" t="s">
        <v>218190</v>
      </c>
      <c r="J65983" s="1" t="s">
        <v>219803</v>
      </c>
    </row>
    <row r="65984" spans="1:10" x14ac:dyDescent="0.35">
      <c r="A65984" s="1" t="s">
        <v>219756</v>
      </c>
      <c r="B65984" s="1" t="s">
        <v>218185</v>
      </c>
      <c r="C65984" s="1" t="s">
        <v>85</v>
      </c>
      <c r="D65984" s="1" t="s">
        <v>189229</v>
      </c>
      <c r="E65984" s="1" t="s">
        <v>219804</v>
      </c>
      <c r="F65984" s="1" t="s">
        <v>219805</v>
      </c>
      <c r="G65984" s="1" t="s">
        <v>219759</v>
      </c>
      <c r="H65984" s="1" t="s">
        <v>219760</v>
      </c>
      <c r="I65984" s="1" t="s">
        <v>218190</v>
      </c>
      <c r="J65984" s="1" t="s">
        <v>219806</v>
      </c>
    </row>
    <row r="65985" spans="1:10" x14ac:dyDescent="0.35">
      <c r="A65985" s="1" t="s">
        <v>219756</v>
      </c>
      <c r="B65985" s="1" t="s">
        <v>218185</v>
      </c>
      <c r="C65985" s="1" t="s">
        <v>90</v>
      </c>
      <c r="D65985" s="1" t="s">
        <v>17006</v>
      </c>
      <c r="E65985" s="1" t="s">
        <v>219807</v>
      </c>
      <c r="F65985" s="1" t="s">
        <v>219808</v>
      </c>
      <c r="G65985" s="1" t="s">
        <v>219759</v>
      </c>
      <c r="H65985" s="1" t="s">
        <v>219760</v>
      </c>
      <c r="I65985" s="1" t="s">
        <v>218190</v>
      </c>
      <c r="J65985" s="1" t="s">
        <v>219809</v>
      </c>
    </row>
    <row r="65986" spans="1:10" x14ac:dyDescent="0.35">
      <c r="A65986" s="1" t="s">
        <v>219756</v>
      </c>
      <c r="B65986" s="1" t="s">
        <v>218185</v>
      </c>
      <c r="C65986" s="1" t="s">
        <v>95</v>
      </c>
      <c r="D65986" s="1" t="s">
        <v>32017</v>
      </c>
      <c r="E65986" s="1" t="s">
        <v>219810</v>
      </c>
      <c r="F65986" s="1" t="s">
        <v>219811</v>
      </c>
      <c r="G65986" s="1" t="s">
        <v>219759</v>
      </c>
      <c r="H65986" s="1" t="s">
        <v>219760</v>
      </c>
      <c r="I65986" s="1" t="s">
        <v>218190</v>
      </c>
      <c r="J65986" s="1" t="s">
        <v>219812</v>
      </c>
    </row>
    <row r="65987" spans="1:10" x14ac:dyDescent="0.35">
      <c r="A65987" s="1" t="s">
        <v>219756</v>
      </c>
      <c r="B65987" s="1" t="s">
        <v>218185</v>
      </c>
      <c r="C65987" s="1" t="s">
        <v>100</v>
      </c>
      <c r="D65987" s="1" t="s">
        <v>25659</v>
      </c>
      <c r="E65987" s="1" t="s">
        <v>219813</v>
      </c>
      <c r="F65987" s="1" t="s">
        <v>219814</v>
      </c>
      <c r="G65987" s="1" t="s">
        <v>219759</v>
      </c>
      <c r="H65987" s="1" t="s">
        <v>219760</v>
      </c>
      <c r="I65987" s="1" t="s">
        <v>218190</v>
      </c>
      <c r="J65987" s="1" t="s">
        <v>219815</v>
      </c>
    </row>
    <row r="65988" spans="1:10" x14ac:dyDescent="0.35">
      <c r="A65988" s="1" t="s">
        <v>219756</v>
      </c>
      <c r="B65988" s="1" t="s">
        <v>218185</v>
      </c>
      <c r="C65988" s="1" t="s">
        <v>105</v>
      </c>
      <c r="D65988" s="1" t="s">
        <v>148451</v>
      </c>
      <c r="E65988" s="1" t="s">
        <v>219816</v>
      </c>
      <c r="F65988" s="1" t="s">
        <v>219817</v>
      </c>
      <c r="G65988" s="1" t="s">
        <v>219759</v>
      </c>
      <c r="H65988" s="1" t="s">
        <v>219760</v>
      </c>
      <c r="I65988" s="1" t="s">
        <v>218190</v>
      </c>
      <c r="J65988" s="1" t="s">
        <v>219818</v>
      </c>
    </row>
    <row r="65989" spans="1:10" x14ac:dyDescent="0.35">
      <c r="A65989" s="1" t="s">
        <v>219756</v>
      </c>
      <c r="B65989" s="1" t="s">
        <v>218185</v>
      </c>
      <c r="C65989" s="1" t="s">
        <v>110</v>
      </c>
      <c r="D65989" s="1" t="s">
        <v>219819</v>
      </c>
      <c r="E65989" s="1" t="s">
        <v>219820</v>
      </c>
      <c r="F65989" s="1" t="s">
        <v>219821</v>
      </c>
      <c r="G65989" s="1" t="s">
        <v>219759</v>
      </c>
      <c r="H65989" s="1" t="s">
        <v>219760</v>
      </c>
      <c r="I65989" s="1" t="s">
        <v>218190</v>
      </c>
      <c r="J65989" s="1" t="s">
        <v>219822</v>
      </c>
    </row>
    <row r="65990" spans="1:10" x14ac:dyDescent="0.35">
      <c r="A65990" s="1" t="s">
        <v>219756</v>
      </c>
      <c r="B65990" s="1" t="s">
        <v>218185</v>
      </c>
      <c r="C65990" s="1" t="s">
        <v>115</v>
      </c>
      <c r="D65990" s="1" t="s">
        <v>123899</v>
      </c>
      <c r="E65990" s="1" t="s">
        <v>219823</v>
      </c>
      <c r="F65990" s="1" t="s">
        <v>219824</v>
      </c>
      <c r="G65990" s="1" t="s">
        <v>219759</v>
      </c>
      <c r="H65990" s="1" t="s">
        <v>219760</v>
      </c>
      <c r="I65990" s="1" t="s">
        <v>218190</v>
      </c>
      <c r="J65990" s="1" t="s">
        <v>219825</v>
      </c>
    </row>
    <row r="65991" spans="1:10" x14ac:dyDescent="0.35">
      <c r="A65991" s="1" t="s">
        <v>219756</v>
      </c>
      <c r="B65991" s="1" t="s">
        <v>218185</v>
      </c>
      <c r="C65991" s="1" t="s">
        <v>120</v>
      </c>
      <c r="D65991" s="1" t="s">
        <v>219826</v>
      </c>
      <c r="E65991" s="1" t="s">
        <v>219827</v>
      </c>
      <c r="F65991" s="1" t="s">
        <v>219828</v>
      </c>
      <c r="G65991" s="1" t="s">
        <v>219759</v>
      </c>
      <c r="H65991" s="1" t="s">
        <v>219760</v>
      </c>
      <c r="I65991" s="1" t="s">
        <v>218190</v>
      </c>
      <c r="J65991" s="1" t="s">
        <v>219829</v>
      </c>
    </row>
    <row r="65992" spans="1:10" x14ac:dyDescent="0.35">
      <c r="A65992" s="1" t="s">
        <v>219756</v>
      </c>
      <c r="B65992" s="1" t="s">
        <v>218185</v>
      </c>
      <c r="C65992" s="1" t="s">
        <v>125</v>
      </c>
      <c r="D65992" s="1" t="s">
        <v>114607</v>
      </c>
      <c r="E65992" s="1" t="s">
        <v>219830</v>
      </c>
      <c r="F65992" s="1" t="s">
        <v>219831</v>
      </c>
      <c r="G65992" s="1" t="s">
        <v>219759</v>
      </c>
      <c r="H65992" s="1" t="s">
        <v>219760</v>
      </c>
      <c r="I65992" s="1" t="s">
        <v>218190</v>
      </c>
      <c r="J65992" s="1" t="s">
        <v>219832</v>
      </c>
    </row>
    <row r="65993" spans="1:10" x14ac:dyDescent="0.35">
      <c r="A65993" s="1" t="s">
        <v>219756</v>
      </c>
      <c r="B65993" s="1" t="s">
        <v>218185</v>
      </c>
      <c r="C65993" s="1" t="s">
        <v>130</v>
      </c>
      <c r="D65993" s="1" t="s">
        <v>30925</v>
      </c>
      <c r="E65993" s="1" t="s">
        <v>219833</v>
      </c>
      <c r="F65993" s="1" t="s">
        <v>219834</v>
      </c>
      <c r="G65993" s="1" t="s">
        <v>219759</v>
      </c>
      <c r="H65993" s="1" t="s">
        <v>219760</v>
      </c>
      <c r="I65993" s="1" t="s">
        <v>218190</v>
      </c>
      <c r="J65993" s="1" t="s">
        <v>219835</v>
      </c>
    </row>
    <row r="65994" spans="1:10" x14ac:dyDescent="0.35">
      <c r="A65994" s="1" t="s">
        <v>219756</v>
      </c>
      <c r="B65994" s="1" t="s">
        <v>218185</v>
      </c>
      <c r="C65994" s="1" t="s">
        <v>135</v>
      </c>
      <c r="D65994" s="1" t="s">
        <v>168494</v>
      </c>
      <c r="E65994" s="1" t="s">
        <v>219836</v>
      </c>
      <c r="F65994" s="1" t="s">
        <v>219837</v>
      </c>
      <c r="G65994" s="1" t="s">
        <v>219759</v>
      </c>
      <c r="H65994" s="1" t="s">
        <v>219760</v>
      </c>
      <c r="I65994" s="1" t="s">
        <v>218190</v>
      </c>
      <c r="J65994" s="1" t="s">
        <v>219838</v>
      </c>
    </row>
    <row r="65995" spans="1:10" x14ac:dyDescent="0.35">
      <c r="A65995" s="1" t="s">
        <v>219756</v>
      </c>
      <c r="B65995" s="1" t="s">
        <v>218185</v>
      </c>
      <c r="C65995" s="1" t="s">
        <v>140</v>
      </c>
      <c r="D65995" s="1" t="s">
        <v>155940</v>
      </c>
      <c r="E65995" s="1" t="s">
        <v>219839</v>
      </c>
      <c r="F65995" s="1" t="s">
        <v>219840</v>
      </c>
      <c r="G65995" s="1" t="s">
        <v>219759</v>
      </c>
      <c r="H65995" s="1" t="s">
        <v>219760</v>
      </c>
      <c r="I65995" s="1" t="s">
        <v>218190</v>
      </c>
      <c r="J65995" s="1" t="s">
        <v>219841</v>
      </c>
    </row>
    <row r="65996" spans="1:10" x14ac:dyDescent="0.35">
      <c r="A65996" s="1" t="s">
        <v>219756</v>
      </c>
      <c r="B65996" s="1" t="s">
        <v>218185</v>
      </c>
      <c r="C65996" s="1" t="s">
        <v>145</v>
      </c>
      <c r="D65996" s="1" t="s">
        <v>13530</v>
      </c>
      <c r="E65996" s="1" t="s">
        <v>219842</v>
      </c>
      <c r="F65996" s="1" t="s">
        <v>219843</v>
      </c>
      <c r="G65996" s="1" t="s">
        <v>219759</v>
      </c>
      <c r="H65996" s="1" t="s">
        <v>219760</v>
      </c>
      <c r="I65996" s="1" t="s">
        <v>218190</v>
      </c>
      <c r="J65996" s="1" t="s">
        <v>219844</v>
      </c>
    </row>
    <row r="65997" spans="1:10" x14ac:dyDescent="0.35">
      <c r="A65997" s="1" t="s">
        <v>219756</v>
      </c>
      <c r="B65997" s="1" t="s">
        <v>218185</v>
      </c>
      <c r="C65997" s="1" t="s">
        <v>150</v>
      </c>
      <c r="D65997" s="1" t="s">
        <v>218614</v>
      </c>
      <c r="E65997" s="1" t="s">
        <v>219845</v>
      </c>
      <c r="F65997" s="1" t="s">
        <v>219846</v>
      </c>
      <c r="G65997" s="1" t="s">
        <v>219759</v>
      </c>
      <c r="H65997" s="1" t="s">
        <v>219760</v>
      </c>
      <c r="I65997" s="1" t="s">
        <v>218190</v>
      </c>
      <c r="J65997" s="1" t="s">
        <v>219847</v>
      </c>
    </row>
    <row r="65998" spans="1:10" x14ac:dyDescent="0.35">
      <c r="A65998" s="1" t="s">
        <v>219756</v>
      </c>
      <c r="B65998" s="1" t="s">
        <v>218185</v>
      </c>
      <c r="C65998" s="1" t="s">
        <v>155</v>
      </c>
      <c r="D65998" s="1" t="s">
        <v>219848</v>
      </c>
      <c r="E65998" s="1" t="s">
        <v>219849</v>
      </c>
      <c r="F65998" s="1" t="s">
        <v>219850</v>
      </c>
      <c r="G65998" s="1" t="s">
        <v>219759</v>
      </c>
      <c r="H65998" s="1" t="s">
        <v>219760</v>
      </c>
      <c r="I65998" s="1" t="s">
        <v>218190</v>
      </c>
      <c r="J65998" s="1" t="s">
        <v>219851</v>
      </c>
    </row>
    <row r="65999" spans="1:10" x14ac:dyDescent="0.35">
      <c r="A65999" s="1" t="s">
        <v>219756</v>
      </c>
      <c r="B65999" s="1" t="s">
        <v>218185</v>
      </c>
      <c r="C65999" s="1" t="s">
        <v>160</v>
      </c>
      <c r="D65999" s="1" t="s">
        <v>190234</v>
      </c>
      <c r="E65999" s="1" t="s">
        <v>219852</v>
      </c>
      <c r="F65999" s="1" t="s">
        <v>219853</v>
      </c>
      <c r="G65999" s="1" t="s">
        <v>219759</v>
      </c>
      <c r="H65999" s="1" t="s">
        <v>219760</v>
      </c>
      <c r="I65999" s="1" t="s">
        <v>218190</v>
      </c>
      <c r="J65999" s="1" t="s">
        <v>219854</v>
      </c>
    </row>
    <row r="66000" spans="1:10" x14ac:dyDescent="0.35">
      <c r="A66000" s="1" t="s">
        <v>219756</v>
      </c>
      <c r="B66000" s="1" t="s">
        <v>218185</v>
      </c>
      <c r="C66000" s="1" t="s">
        <v>165</v>
      </c>
      <c r="D66000" s="1" t="s">
        <v>219855</v>
      </c>
      <c r="E66000" s="1" t="s">
        <v>219856</v>
      </c>
      <c r="F66000" s="1" t="s">
        <v>219857</v>
      </c>
      <c r="G66000" s="1" t="s">
        <v>219759</v>
      </c>
      <c r="H66000" s="1" t="s">
        <v>219760</v>
      </c>
      <c r="I66000" s="1" t="s">
        <v>218190</v>
      </c>
      <c r="J66000" s="1" t="s">
        <v>219858</v>
      </c>
    </row>
    <row r="66001" spans="1:10" x14ac:dyDescent="0.35">
      <c r="A66001" s="1" t="s">
        <v>219756</v>
      </c>
      <c r="B66001" s="1" t="s">
        <v>218185</v>
      </c>
      <c r="C66001" s="1" t="s">
        <v>170</v>
      </c>
      <c r="D66001" s="1" t="s">
        <v>184408</v>
      </c>
      <c r="E66001" s="1" t="s">
        <v>219859</v>
      </c>
      <c r="F66001" s="1" t="s">
        <v>219860</v>
      </c>
      <c r="G66001" s="1" t="s">
        <v>219759</v>
      </c>
      <c r="H66001" s="1" t="s">
        <v>219760</v>
      </c>
      <c r="I66001" s="1" t="s">
        <v>218190</v>
      </c>
      <c r="J66001" s="1" t="s">
        <v>219861</v>
      </c>
    </row>
    <row r="66002" spans="1:10" x14ac:dyDescent="0.35">
      <c r="A66002" s="1" t="s">
        <v>142647</v>
      </c>
      <c r="B66002" s="1" t="s">
        <v>218185</v>
      </c>
      <c r="C66002" s="1" t="s">
        <v>8</v>
      </c>
      <c r="D66002" s="1" t="s">
        <v>80017</v>
      </c>
      <c r="E66002" s="1" t="s">
        <v>219862</v>
      </c>
      <c r="F66002" s="1" t="s">
        <v>219863</v>
      </c>
      <c r="G66002" s="1" t="s">
        <v>219864</v>
      </c>
      <c r="H66002" s="1" t="s">
        <v>219865</v>
      </c>
      <c r="I66002" s="1" t="s">
        <v>218190</v>
      </c>
      <c r="J66002" s="1" t="s">
        <v>13</v>
      </c>
    </row>
    <row r="66003" spans="1:10" x14ac:dyDescent="0.35">
      <c r="A66003" s="1" t="s">
        <v>142647</v>
      </c>
      <c r="B66003" s="1" t="s">
        <v>218185</v>
      </c>
      <c r="C66003" s="1" t="s">
        <v>15</v>
      </c>
      <c r="D66003" s="1" t="s">
        <v>193182</v>
      </c>
      <c r="E66003" s="1" t="s">
        <v>219866</v>
      </c>
      <c r="F66003" s="1" t="s">
        <v>219867</v>
      </c>
      <c r="G66003" s="1" t="s">
        <v>219864</v>
      </c>
      <c r="H66003" s="1" t="s">
        <v>219865</v>
      </c>
      <c r="I66003" s="1" t="s">
        <v>218190</v>
      </c>
      <c r="J66003" s="1" t="s">
        <v>219868</v>
      </c>
    </row>
    <row r="66004" spans="1:10" x14ac:dyDescent="0.35">
      <c r="A66004" s="1" t="s">
        <v>142647</v>
      </c>
      <c r="B66004" s="1" t="s">
        <v>218185</v>
      </c>
      <c r="C66004" s="1" t="s">
        <v>20</v>
      </c>
      <c r="D66004" s="1" t="s">
        <v>219869</v>
      </c>
      <c r="E66004" s="1" t="s">
        <v>219870</v>
      </c>
      <c r="F66004" s="1" t="s">
        <v>219871</v>
      </c>
      <c r="G66004" s="1" t="s">
        <v>219864</v>
      </c>
      <c r="H66004" s="1" t="s">
        <v>219865</v>
      </c>
      <c r="I66004" s="1" t="s">
        <v>218190</v>
      </c>
      <c r="J66004" s="1" t="s">
        <v>219872</v>
      </c>
    </row>
    <row r="66005" spans="1:10" x14ac:dyDescent="0.35">
      <c r="A66005" s="1" t="s">
        <v>142647</v>
      </c>
      <c r="B66005" s="1" t="s">
        <v>218185</v>
      </c>
      <c r="C66005" s="1" t="s">
        <v>25</v>
      </c>
      <c r="D66005" s="1" t="s">
        <v>147055</v>
      </c>
      <c r="E66005" s="1" t="s">
        <v>219873</v>
      </c>
      <c r="F66005" s="1" t="s">
        <v>219874</v>
      </c>
      <c r="G66005" s="1" t="s">
        <v>219864</v>
      </c>
      <c r="H66005" s="1" t="s">
        <v>219865</v>
      </c>
      <c r="I66005" s="1" t="s">
        <v>218190</v>
      </c>
      <c r="J66005" s="1" t="s">
        <v>219875</v>
      </c>
    </row>
    <row r="66006" spans="1:10" x14ac:dyDescent="0.35">
      <c r="A66006" s="1" t="s">
        <v>142647</v>
      </c>
      <c r="B66006" s="1" t="s">
        <v>218185</v>
      </c>
      <c r="C66006" s="1" t="s">
        <v>30</v>
      </c>
      <c r="D66006" s="1" t="s">
        <v>49712</v>
      </c>
      <c r="E66006" s="1" t="s">
        <v>219876</v>
      </c>
      <c r="F66006" s="1" t="s">
        <v>219877</v>
      </c>
      <c r="G66006" s="1" t="s">
        <v>219864</v>
      </c>
      <c r="H66006" s="1" t="s">
        <v>219865</v>
      </c>
      <c r="I66006" s="1" t="s">
        <v>218190</v>
      </c>
      <c r="J66006" s="1" t="s">
        <v>219878</v>
      </c>
    </row>
    <row r="66007" spans="1:10" x14ac:dyDescent="0.35">
      <c r="A66007" s="1" t="s">
        <v>142647</v>
      </c>
      <c r="B66007" s="1" t="s">
        <v>218185</v>
      </c>
      <c r="C66007" s="1" t="s">
        <v>35</v>
      </c>
      <c r="D66007" s="1" t="s">
        <v>17917</v>
      </c>
      <c r="E66007" s="1" t="s">
        <v>219879</v>
      </c>
      <c r="F66007" s="1" t="s">
        <v>219880</v>
      </c>
      <c r="G66007" s="1" t="s">
        <v>219864</v>
      </c>
      <c r="H66007" s="1" t="s">
        <v>219865</v>
      </c>
      <c r="I66007" s="1" t="s">
        <v>218190</v>
      </c>
      <c r="J66007" s="1" t="s">
        <v>219881</v>
      </c>
    </row>
    <row r="66008" spans="1:10" x14ac:dyDescent="0.35">
      <c r="A66008" s="1" t="s">
        <v>142647</v>
      </c>
      <c r="B66008" s="1" t="s">
        <v>218185</v>
      </c>
      <c r="C66008" s="1" t="s">
        <v>40</v>
      </c>
      <c r="D66008" s="1" t="s">
        <v>19755</v>
      </c>
      <c r="E66008" s="1" t="s">
        <v>219882</v>
      </c>
      <c r="F66008" s="1" t="s">
        <v>219883</v>
      </c>
      <c r="G66008" s="1" t="s">
        <v>219864</v>
      </c>
      <c r="H66008" s="1" t="s">
        <v>219865</v>
      </c>
      <c r="I66008" s="1" t="s">
        <v>218190</v>
      </c>
      <c r="J66008" s="1" t="s">
        <v>219884</v>
      </c>
    </row>
    <row r="66009" spans="1:10" x14ac:dyDescent="0.35">
      <c r="A66009" s="1" t="s">
        <v>142647</v>
      </c>
      <c r="B66009" s="1" t="s">
        <v>218185</v>
      </c>
      <c r="C66009" s="1" t="s">
        <v>45</v>
      </c>
      <c r="D66009" s="1" t="s">
        <v>219885</v>
      </c>
      <c r="E66009" s="1" t="s">
        <v>219886</v>
      </c>
      <c r="F66009" s="1" t="s">
        <v>219887</v>
      </c>
      <c r="G66009" s="1" t="s">
        <v>219864</v>
      </c>
      <c r="H66009" s="1" t="s">
        <v>219865</v>
      </c>
      <c r="I66009" s="1" t="s">
        <v>218190</v>
      </c>
      <c r="J66009" s="1" t="s">
        <v>219888</v>
      </c>
    </row>
    <row r="66010" spans="1:10" x14ac:dyDescent="0.35">
      <c r="A66010" s="1" t="s">
        <v>142647</v>
      </c>
      <c r="B66010" s="1" t="s">
        <v>218185</v>
      </c>
      <c r="C66010" s="1" t="s">
        <v>50</v>
      </c>
      <c r="D66010" s="1" t="s">
        <v>44816</v>
      </c>
      <c r="E66010" s="1" t="s">
        <v>219889</v>
      </c>
      <c r="F66010" s="1" t="s">
        <v>219890</v>
      </c>
      <c r="G66010" s="1" t="s">
        <v>219864</v>
      </c>
      <c r="H66010" s="1" t="s">
        <v>219865</v>
      </c>
      <c r="I66010" s="1" t="s">
        <v>218190</v>
      </c>
      <c r="J66010" s="1" t="s">
        <v>219891</v>
      </c>
    </row>
    <row r="66011" spans="1:10" x14ac:dyDescent="0.35">
      <c r="A66011" s="1" t="s">
        <v>142647</v>
      </c>
      <c r="B66011" s="1" t="s">
        <v>218185</v>
      </c>
      <c r="C66011" s="1" t="s">
        <v>55</v>
      </c>
      <c r="D66011" s="1" t="s">
        <v>219892</v>
      </c>
      <c r="E66011" s="1" t="s">
        <v>219893</v>
      </c>
      <c r="F66011" s="1" t="s">
        <v>219894</v>
      </c>
      <c r="G66011" s="1" t="s">
        <v>219864</v>
      </c>
      <c r="H66011" s="1" t="s">
        <v>219865</v>
      </c>
      <c r="I66011" s="1" t="s">
        <v>218190</v>
      </c>
      <c r="J66011" s="1" t="s">
        <v>219895</v>
      </c>
    </row>
    <row r="66012" spans="1:10" x14ac:dyDescent="0.35">
      <c r="A66012" s="1" t="s">
        <v>142647</v>
      </c>
      <c r="B66012" s="1" t="s">
        <v>218185</v>
      </c>
      <c r="C66012" s="1" t="s">
        <v>60</v>
      </c>
      <c r="D66012" s="1" t="s">
        <v>125779</v>
      </c>
      <c r="E66012" s="1" t="s">
        <v>219896</v>
      </c>
      <c r="F66012" s="1" t="s">
        <v>219897</v>
      </c>
      <c r="G66012" s="1" t="s">
        <v>219864</v>
      </c>
      <c r="H66012" s="1" t="s">
        <v>219865</v>
      </c>
      <c r="I66012" s="1" t="s">
        <v>218190</v>
      </c>
      <c r="J66012" s="1" t="s">
        <v>219898</v>
      </c>
    </row>
    <row r="66013" spans="1:10" x14ac:dyDescent="0.35">
      <c r="A66013" s="1" t="s">
        <v>142647</v>
      </c>
      <c r="B66013" s="1" t="s">
        <v>218185</v>
      </c>
      <c r="C66013" s="1" t="s">
        <v>65</v>
      </c>
      <c r="D66013" s="1" t="s">
        <v>16185</v>
      </c>
      <c r="E66013" s="1" t="s">
        <v>219899</v>
      </c>
      <c r="F66013" s="1" t="s">
        <v>219900</v>
      </c>
      <c r="G66013" s="1" t="s">
        <v>219864</v>
      </c>
      <c r="H66013" s="1" t="s">
        <v>219865</v>
      </c>
      <c r="I66013" s="1" t="s">
        <v>218190</v>
      </c>
      <c r="J66013" s="1" t="s">
        <v>219901</v>
      </c>
    </row>
    <row r="66014" spans="1:10" x14ac:dyDescent="0.35">
      <c r="A66014" s="1" t="s">
        <v>142647</v>
      </c>
      <c r="B66014" s="1" t="s">
        <v>218185</v>
      </c>
      <c r="C66014" s="1" t="s">
        <v>70</v>
      </c>
      <c r="D66014" s="1" t="s">
        <v>30839</v>
      </c>
      <c r="E66014" s="1" t="s">
        <v>219902</v>
      </c>
      <c r="F66014" s="1" t="s">
        <v>219903</v>
      </c>
      <c r="G66014" s="1" t="s">
        <v>219864</v>
      </c>
      <c r="H66014" s="1" t="s">
        <v>219865</v>
      </c>
      <c r="I66014" s="1" t="s">
        <v>218190</v>
      </c>
      <c r="J66014" s="1" t="s">
        <v>219904</v>
      </c>
    </row>
    <row r="66015" spans="1:10" x14ac:dyDescent="0.35">
      <c r="A66015" s="1" t="s">
        <v>142647</v>
      </c>
      <c r="B66015" s="1" t="s">
        <v>218185</v>
      </c>
      <c r="C66015" s="1" t="s">
        <v>75</v>
      </c>
      <c r="D66015" s="1" t="s">
        <v>4642</v>
      </c>
      <c r="E66015" s="1" t="s">
        <v>219905</v>
      </c>
      <c r="F66015" s="1" t="s">
        <v>219906</v>
      </c>
      <c r="G66015" s="1" t="s">
        <v>219864</v>
      </c>
      <c r="H66015" s="1" t="s">
        <v>219865</v>
      </c>
      <c r="I66015" s="1" t="s">
        <v>218190</v>
      </c>
      <c r="J66015" s="1" t="s">
        <v>219907</v>
      </c>
    </row>
    <row r="66016" spans="1:10" x14ac:dyDescent="0.35">
      <c r="A66016" s="1" t="s">
        <v>142647</v>
      </c>
      <c r="B66016" s="1" t="s">
        <v>218185</v>
      </c>
      <c r="C66016" s="1" t="s">
        <v>80</v>
      </c>
      <c r="D66016" s="1" t="s">
        <v>113083</v>
      </c>
      <c r="E66016" s="1" t="s">
        <v>219908</v>
      </c>
      <c r="F66016" s="1" t="s">
        <v>219909</v>
      </c>
      <c r="G66016" s="1" t="s">
        <v>219864</v>
      </c>
      <c r="H66016" s="1" t="s">
        <v>219865</v>
      </c>
      <c r="I66016" s="1" t="s">
        <v>218190</v>
      </c>
      <c r="J66016" s="1" t="s">
        <v>219910</v>
      </c>
    </row>
    <row r="66017" spans="1:10" x14ac:dyDescent="0.35">
      <c r="A66017" s="1" t="s">
        <v>142647</v>
      </c>
      <c r="B66017" s="1" t="s">
        <v>218185</v>
      </c>
      <c r="C66017" s="1" t="s">
        <v>85</v>
      </c>
      <c r="D66017" s="1" t="s">
        <v>219911</v>
      </c>
      <c r="E66017" s="1" t="s">
        <v>219912</v>
      </c>
      <c r="F66017" s="1" t="s">
        <v>219913</v>
      </c>
      <c r="G66017" s="1" t="s">
        <v>219864</v>
      </c>
      <c r="H66017" s="1" t="s">
        <v>219865</v>
      </c>
      <c r="I66017" s="1" t="s">
        <v>218190</v>
      </c>
      <c r="J66017" s="1" t="s">
        <v>219914</v>
      </c>
    </row>
    <row r="66018" spans="1:10" x14ac:dyDescent="0.35">
      <c r="A66018" s="1" t="s">
        <v>142647</v>
      </c>
      <c r="B66018" s="1" t="s">
        <v>218185</v>
      </c>
      <c r="C66018" s="1" t="s">
        <v>90</v>
      </c>
      <c r="D66018" s="1" t="s">
        <v>219915</v>
      </c>
      <c r="E66018" s="1" t="s">
        <v>219916</v>
      </c>
      <c r="F66018" s="1" t="s">
        <v>219917</v>
      </c>
      <c r="G66018" s="1" t="s">
        <v>219864</v>
      </c>
      <c r="H66018" s="1" t="s">
        <v>219865</v>
      </c>
      <c r="I66018" s="1" t="s">
        <v>218190</v>
      </c>
      <c r="J66018" s="1" t="s">
        <v>219918</v>
      </c>
    </row>
    <row r="66019" spans="1:10" x14ac:dyDescent="0.35">
      <c r="A66019" s="1" t="s">
        <v>142647</v>
      </c>
      <c r="B66019" s="1" t="s">
        <v>218185</v>
      </c>
      <c r="C66019" s="1" t="s">
        <v>95</v>
      </c>
      <c r="D66019" s="1" t="s">
        <v>219919</v>
      </c>
      <c r="E66019" s="1" t="s">
        <v>219920</v>
      </c>
      <c r="F66019" s="1" t="s">
        <v>219921</v>
      </c>
      <c r="G66019" s="1" t="s">
        <v>219864</v>
      </c>
      <c r="H66019" s="1" t="s">
        <v>219865</v>
      </c>
      <c r="I66019" s="1" t="s">
        <v>218190</v>
      </c>
      <c r="J66019" s="1" t="s">
        <v>219922</v>
      </c>
    </row>
    <row r="66020" spans="1:10" x14ac:dyDescent="0.35">
      <c r="A66020" s="1" t="s">
        <v>142647</v>
      </c>
      <c r="B66020" s="1" t="s">
        <v>218185</v>
      </c>
      <c r="C66020" s="1" t="s">
        <v>100</v>
      </c>
      <c r="D66020" s="1" t="s">
        <v>219923</v>
      </c>
      <c r="E66020" s="1" t="s">
        <v>219924</v>
      </c>
      <c r="F66020" s="1" t="s">
        <v>219925</v>
      </c>
      <c r="G66020" s="1" t="s">
        <v>219864</v>
      </c>
      <c r="H66020" s="1" t="s">
        <v>219865</v>
      </c>
      <c r="I66020" s="1" t="s">
        <v>218190</v>
      </c>
      <c r="J66020" s="1" t="s">
        <v>219926</v>
      </c>
    </row>
    <row r="66021" spans="1:10" x14ac:dyDescent="0.35">
      <c r="A66021" s="1" t="s">
        <v>142647</v>
      </c>
      <c r="B66021" s="1" t="s">
        <v>218185</v>
      </c>
      <c r="C66021" s="1" t="s">
        <v>105</v>
      </c>
      <c r="D66021" s="1" t="s">
        <v>30577</v>
      </c>
      <c r="E66021" s="1" t="s">
        <v>219927</v>
      </c>
      <c r="F66021" s="1" t="s">
        <v>219928</v>
      </c>
      <c r="G66021" s="1" t="s">
        <v>219864</v>
      </c>
      <c r="H66021" s="1" t="s">
        <v>219865</v>
      </c>
      <c r="I66021" s="1" t="s">
        <v>218190</v>
      </c>
      <c r="J66021" s="1" t="s">
        <v>219929</v>
      </c>
    </row>
    <row r="66022" spans="1:10" x14ac:dyDescent="0.35">
      <c r="A66022" s="1" t="s">
        <v>142647</v>
      </c>
      <c r="B66022" s="1" t="s">
        <v>218185</v>
      </c>
      <c r="C66022" s="1" t="s">
        <v>110</v>
      </c>
      <c r="D66022" s="1" t="s">
        <v>219930</v>
      </c>
      <c r="E66022" s="1" t="s">
        <v>219931</v>
      </c>
      <c r="F66022" s="1" t="s">
        <v>219932</v>
      </c>
      <c r="G66022" s="1" t="s">
        <v>219864</v>
      </c>
      <c r="H66022" s="1" t="s">
        <v>219865</v>
      </c>
      <c r="I66022" s="1" t="s">
        <v>218190</v>
      </c>
      <c r="J66022" s="1" t="s">
        <v>219933</v>
      </c>
    </row>
    <row r="66023" spans="1:10" x14ac:dyDescent="0.35">
      <c r="A66023" s="1" t="s">
        <v>142647</v>
      </c>
      <c r="B66023" s="1" t="s">
        <v>218185</v>
      </c>
      <c r="C66023" s="1" t="s">
        <v>115</v>
      </c>
      <c r="D66023" s="1" t="s">
        <v>178583</v>
      </c>
      <c r="E66023" s="1" t="s">
        <v>219934</v>
      </c>
      <c r="F66023" s="1" t="s">
        <v>219935</v>
      </c>
      <c r="G66023" s="1" t="s">
        <v>219864</v>
      </c>
      <c r="H66023" s="1" t="s">
        <v>219865</v>
      </c>
      <c r="I66023" s="1" t="s">
        <v>218190</v>
      </c>
      <c r="J66023" s="1" t="s">
        <v>219936</v>
      </c>
    </row>
    <row r="66024" spans="1:10" x14ac:dyDescent="0.35">
      <c r="A66024" s="1" t="s">
        <v>142647</v>
      </c>
      <c r="B66024" s="1" t="s">
        <v>218185</v>
      </c>
      <c r="C66024" s="1" t="s">
        <v>120</v>
      </c>
      <c r="D66024" s="1" t="s">
        <v>219937</v>
      </c>
      <c r="E66024" s="1" t="s">
        <v>219938</v>
      </c>
      <c r="F66024" s="1" t="s">
        <v>219939</v>
      </c>
      <c r="G66024" s="1" t="s">
        <v>219864</v>
      </c>
      <c r="H66024" s="1" t="s">
        <v>219865</v>
      </c>
      <c r="I66024" s="1" t="s">
        <v>218190</v>
      </c>
      <c r="J66024" s="1" t="s">
        <v>219940</v>
      </c>
    </row>
    <row r="66025" spans="1:10" x14ac:dyDescent="0.35">
      <c r="A66025" s="1" t="s">
        <v>142647</v>
      </c>
      <c r="B66025" s="1" t="s">
        <v>218185</v>
      </c>
      <c r="C66025" s="1" t="s">
        <v>125</v>
      </c>
      <c r="D66025" s="1" t="s">
        <v>153736</v>
      </c>
      <c r="E66025" s="1" t="s">
        <v>219941</v>
      </c>
      <c r="F66025" s="1" t="s">
        <v>219942</v>
      </c>
      <c r="G66025" s="1" t="s">
        <v>219864</v>
      </c>
      <c r="H66025" s="1" t="s">
        <v>219865</v>
      </c>
      <c r="I66025" s="1" t="s">
        <v>218190</v>
      </c>
      <c r="J66025" s="1" t="s">
        <v>219943</v>
      </c>
    </row>
    <row r="66026" spans="1:10" x14ac:dyDescent="0.35">
      <c r="A66026" s="1" t="s">
        <v>142647</v>
      </c>
      <c r="B66026" s="1" t="s">
        <v>218185</v>
      </c>
      <c r="C66026" s="1" t="s">
        <v>130</v>
      </c>
      <c r="D66026" s="1" t="s">
        <v>153782</v>
      </c>
      <c r="E66026" s="1" t="s">
        <v>182996</v>
      </c>
      <c r="F66026" s="1" t="s">
        <v>219944</v>
      </c>
      <c r="G66026" s="1" t="s">
        <v>219864</v>
      </c>
      <c r="H66026" s="1" t="s">
        <v>219865</v>
      </c>
      <c r="I66026" s="1" t="s">
        <v>218190</v>
      </c>
      <c r="J66026" s="1" t="s">
        <v>219945</v>
      </c>
    </row>
    <row r="66027" spans="1:10" x14ac:dyDescent="0.35">
      <c r="A66027" s="1" t="s">
        <v>142647</v>
      </c>
      <c r="B66027" s="1" t="s">
        <v>218185</v>
      </c>
      <c r="C66027" s="1" t="s">
        <v>135</v>
      </c>
      <c r="D66027" s="1" t="s">
        <v>219946</v>
      </c>
      <c r="E66027" s="1" t="s">
        <v>219947</v>
      </c>
      <c r="F66027" s="1" t="s">
        <v>219948</v>
      </c>
      <c r="G66027" s="1" t="s">
        <v>219864</v>
      </c>
      <c r="H66027" s="1" t="s">
        <v>219865</v>
      </c>
      <c r="I66027" s="1" t="s">
        <v>218190</v>
      </c>
      <c r="J66027" s="1" t="s">
        <v>219949</v>
      </c>
    </row>
    <row r="66028" spans="1:10" x14ac:dyDescent="0.35">
      <c r="A66028" s="1" t="s">
        <v>142647</v>
      </c>
      <c r="B66028" s="1" t="s">
        <v>218185</v>
      </c>
      <c r="C66028" s="1" t="s">
        <v>140</v>
      </c>
      <c r="D66028" s="1" t="s">
        <v>117756</v>
      </c>
      <c r="E66028" s="1" t="s">
        <v>219950</v>
      </c>
      <c r="F66028" s="1" t="s">
        <v>219951</v>
      </c>
      <c r="G66028" s="1" t="s">
        <v>219864</v>
      </c>
      <c r="H66028" s="1" t="s">
        <v>219865</v>
      </c>
      <c r="I66028" s="1" t="s">
        <v>218190</v>
      </c>
      <c r="J66028" s="1" t="s">
        <v>219952</v>
      </c>
    </row>
    <row r="66029" spans="1:10" x14ac:dyDescent="0.35">
      <c r="A66029" s="1" t="s">
        <v>142647</v>
      </c>
      <c r="B66029" s="1" t="s">
        <v>218185</v>
      </c>
      <c r="C66029" s="1" t="s">
        <v>145</v>
      </c>
      <c r="D66029" s="1" t="s">
        <v>30435</v>
      </c>
      <c r="E66029" s="1" t="s">
        <v>219953</v>
      </c>
      <c r="F66029" s="1" t="s">
        <v>219954</v>
      </c>
      <c r="G66029" s="1" t="s">
        <v>219864</v>
      </c>
      <c r="H66029" s="1" t="s">
        <v>219865</v>
      </c>
      <c r="I66029" s="1" t="s">
        <v>218190</v>
      </c>
      <c r="J66029" s="1" t="s">
        <v>219955</v>
      </c>
    </row>
    <row r="66030" spans="1:10" x14ac:dyDescent="0.35">
      <c r="A66030" s="1" t="s">
        <v>142647</v>
      </c>
      <c r="B66030" s="1" t="s">
        <v>218185</v>
      </c>
      <c r="C66030" s="1" t="s">
        <v>150</v>
      </c>
      <c r="D66030" s="1" t="s">
        <v>219956</v>
      </c>
      <c r="E66030" s="1" t="s">
        <v>219957</v>
      </c>
      <c r="F66030" s="1" t="s">
        <v>219958</v>
      </c>
      <c r="G66030" s="1" t="s">
        <v>219864</v>
      </c>
      <c r="H66030" s="1" t="s">
        <v>219865</v>
      </c>
      <c r="I66030" s="1" t="s">
        <v>218190</v>
      </c>
      <c r="J66030" s="1" t="s">
        <v>219959</v>
      </c>
    </row>
    <row r="66031" spans="1:10" x14ac:dyDescent="0.35">
      <c r="A66031" s="1" t="s">
        <v>142647</v>
      </c>
      <c r="B66031" s="1" t="s">
        <v>218185</v>
      </c>
      <c r="C66031" s="1" t="s">
        <v>155</v>
      </c>
      <c r="D66031" s="1" t="s">
        <v>11699</v>
      </c>
      <c r="E66031" s="1" t="s">
        <v>219960</v>
      </c>
      <c r="F66031" s="1" t="s">
        <v>219961</v>
      </c>
      <c r="G66031" s="1" t="s">
        <v>219864</v>
      </c>
      <c r="H66031" s="1" t="s">
        <v>219865</v>
      </c>
      <c r="I66031" s="1" t="s">
        <v>218190</v>
      </c>
      <c r="J66031" s="1" t="s">
        <v>219962</v>
      </c>
    </row>
    <row r="66032" spans="1:10" x14ac:dyDescent="0.35">
      <c r="A66032" s="1" t="s">
        <v>142647</v>
      </c>
      <c r="B66032" s="1" t="s">
        <v>218185</v>
      </c>
      <c r="C66032" s="1" t="s">
        <v>160</v>
      </c>
      <c r="D66032" s="1" t="s">
        <v>219963</v>
      </c>
      <c r="E66032" s="1" t="s">
        <v>219964</v>
      </c>
      <c r="F66032" s="1" t="s">
        <v>219965</v>
      </c>
      <c r="G66032" s="1" t="s">
        <v>219864</v>
      </c>
      <c r="H66032" s="1" t="s">
        <v>219865</v>
      </c>
      <c r="I66032" s="1" t="s">
        <v>218190</v>
      </c>
      <c r="J66032" s="1" t="s">
        <v>219966</v>
      </c>
    </row>
    <row r="66033" spans="1:10" x14ac:dyDescent="0.35">
      <c r="A66033" s="1" t="s">
        <v>142647</v>
      </c>
      <c r="B66033" s="1" t="s">
        <v>218185</v>
      </c>
      <c r="C66033" s="1" t="s">
        <v>165</v>
      </c>
      <c r="D66033" s="1" t="s">
        <v>24173</v>
      </c>
      <c r="E66033" s="1" t="s">
        <v>219967</v>
      </c>
      <c r="F66033" s="1" t="s">
        <v>219968</v>
      </c>
      <c r="G66033" s="1" t="s">
        <v>219864</v>
      </c>
      <c r="H66033" s="1" t="s">
        <v>219865</v>
      </c>
      <c r="I66033" s="1" t="s">
        <v>218190</v>
      </c>
      <c r="J66033" s="1" t="s">
        <v>219969</v>
      </c>
    </row>
    <row r="66034" spans="1:10" x14ac:dyDescent="0.35">
      <c r="A66034" s="1" t="s">
        <v>142647</v>
      </c>
      <c r="B66034" s="1" t="s">
        <v>218185</v>
      </c>
      <c r="C66034" s="1" t="s">
        <v>170</v>
      </c>
      <c r="D66034" s="1" t="s">
        <v>193554</v>
      </c>
      <c r="E66034" s="1" t="s">
        <v>219970</v>
      </c>
      <c r="F66034" s="1" t="s">
        <v>219971</v>
      </c>
      <c r="G66034" s="1" t="s">
        <v>219864</v>
      </c>
      <c r="H66034" s="1" t="s">
        <v>219865</v>
      </c>
      <c r="I66034" s="1" t="s">
        <v>218190</v>
      </c>
      <c r="J66034" s="1" t="s">
        <v>219972</v>
      </c>
    </row>
    <row r="66035" spans="1:10" x14ac:dyDescent="0.35">
      <c r="A66035" s="1" t="s">
        <v>145643</v>
      </c>
      <c r="B66035" s="1" t="s">
        <v>218185</v>
      </c>
      <c r="C66035" s="1" t="s">
        <v>8</v>
      </c>
      <c r="D66035" s="1" t="s">
        <v>150780</v>
      </c>
      <c r="E66035" s="1" t="s">
        <v>219973</v>
      </c>
      <c r="F66035" s="1" t="s">
        <v>219974</v>
      </c>
      <c r="G66035" s="1" t="s">
        <v>219975</v>
      </c>
      <c r="H66035" s="1" t="s">
        <v>219976</v>
      </c>
      <c r="I66035" s="1" t="s">
        <v>218190</v>
      </c>
      <c r="J66035" s="1" t="s">
        <v>13</v>
      </c>
    </row>
    <row r="66036" spans="1:10" x14ac:dyDescent="0.35">
      <c r="A66036" s="1" t="s">
        <v>145643</v>
      </c>
      <c r="B66036" s="1" t="s">
        <v>218185</v>
      </c>
      <c r="C66036" s="1" t="s">
        <v>15</v>
      </c>
      <c r="D66036" s="1" t="s">
        <v>33083</v>
      </c>
      <c r="E66036" s="1" t="s">
        <v>219977</v>
      </c>
      <c r="F66036" s="1" t="s">
        <v>219978</v>
      </c>
      <c r="G66036" s="1" t="s">
        <v>219975</v>
      </c>
      <c r="H66036" s="1" t="s">
        <v>219976</v>
      </c>
      <c r="I66036" s="1" t="s">
        <v>218190</v>
      </c>
      <c r="J66036" s="1" t="s">
        <v>219979</v>
      </c>
    </row>
    <row r="66037" spans="1:10" x14ac:dyDescent="0.35">
      <c r="A66037" s="1" t="s">
        <v>145643</v>
      </c>
      <c r="B66037" s="1" t="s">
        <v>218185</v>
      </c>
      <c r="C66037" s="1" t="s">
        <v>20</v>
      </c>
      <c r="D66037" s="1" t="s">
        <v>9432</v>
      </c>
      <c r="E66037" s="1" t="s">
        <v>219980</v>
      </c>
      <c r="F66037" s="1" t="s">
        <v>219981</v>
      </c>
      <c r="G66037" s="1" t="s">
        <v>219975</v>
      </c>
      <c r="H66037" s="1" t="s">
        <v>219976</v>
      </c>
      <c r="I66037" s="1" t="s">
        <v>218190</v>
      </c>
      <c r="J66037" s="1" t="s">
        <v>219982</v>
      </c>
    </row>
    <row r="66038" spans="1:10" x14ac:dyDescent="0.35">
      <c r="A66038" s="1" t="s">
        <v>145643</v>
      </c>
      <c r="B66038" s="1" t="s">
        <v>218185</v>
      </c>
      <c r="C66038" s="1" t="s">
        <v>25</v>
      </c>
      <c r="D66038" s="1" t="s">
        <v>169753</v>
      </c>
      <c r="E66038" s="1" t="s">
        <v>219983</v>
      </c>
      <c r="F66038" s="1" t="s">
        <v>219984</v>
      </c>
      <c r="G66038" s="1" t="s">
        <v>219975</v>
      </c>
      <c r="H66038" s="1" t="s">
        <v>219976</v>
      </c>
      <c r="I66038" s="1" t="s">
        <v>218190</v>
      </c>
      <c r="J66038" s="1" t="s">
        <v>219985</v>
      </c>
    </row>
    <row r="66039" spans="1:10" x14ac:dyDescent="0.35">
      <c r="A66039" s="1" t="s">
        <v>145643</v>
      </c>
      <c r="B66039" s="1" t="s">
        <v>218185</v>
      </c>
      <c r="C66039" s="1" t="s">
        <v>30</v>
      </c>
      <c r="D66039" s="1" t="s">
        <v>135183</v>
      </c>
      <c r="E66039" s="1" t="s">
        <v>219986</v>
      </c>
      <c r="F66039" s="1" t="s">
        <v>219987</v>
      </c>
      <c r="G66039" s="1" t="s">
        <v>219975</v>
      </c>
      <c r="H66039" s="1" t="s">
        <v>219976</v>
      </c>
      <c r="I66039" s="1" t="s">
        <v>218190</v>
      </c>
      <c r="J66039" s="1" t="s">
        <v>219988</v>
      </c>
    </row>
    <row r="66040" spans="1:10" x14ac:dyDescent="0.35">
      <c r="A66040" s="1" t="s">
        <v>145643</v>
      </c>
      <c r="B66040" s="1" t="s">
        <v>218185</v>
      </c>
      <c r="C66040" s="1" t="s">
        <v>35</v>
      </c>
      <c r="D66040" s="1" t="s">
        <v>35013</v>
      </c>
      <c r="E66040" s="1" t="s">
        <v>219989</v>
      </c>
      <c r="F66040" s="1" t="s">
        <v>219990</v>
      </c>
      <c r="G66040" s="1" t="s">
        <v>219975</v>
      </c>
      <c r="H66040" s="1" t="s">
        <v>219976</v>
      </c>
      <c r="I66040" s="1" t="s">
        <v>218190</v>
      </c>
      <c r="J66040" s="1" t="s">
        <v>219991</v>
      </c>
    </row>
    <row r="66041" spans="1:10" x14ac:dyDescent="0.35">
      <c r="A66041" s="1" t="s">
        <v>145643</v>
      </c>
      <c r="B66041" s="1" t="s">
        <v>218185</v>
      </c>
      <c r="C66041" s="1" t="s">
        <v>40</v>
      </c>
      <c r="D66041" s="1" t="s">
        <v>219992</v>
      </c>
      <c r="E66041" s="1" t="s">
        <v>219993</v>
      </c>
      <c r="F66041" s="1" t="s">
        <v>219994</v>
      </c>
      <c r="G66041" s="1" t="s">
        <v>219975</v>
      </c>
      <c r="H66041" s="1" t="s">
        <v>219976</v>
      </c>
      <c r="I66041" s="1" t="s">
        <v>218190</v>
      </c>
      <c r="J66041" s="1" t="s">
        <v>219995</v>
      </c>
    </row>
    <row r="66042" spans="1:10" x14ac:dyDescent="0.35">
      <c r="A66042" s="1" t="s">
        <v>145643</v>
      </c>
      <c r="B66042" s="1" t="s">
        <v>218185</v>
      </c>
      <c r="C66042" s="1" t="s">
        <v>45</v>
      </c>
      <c r="D66042" s="1" t="s">
        <v>219996</v>
      </c>
      <c r="E66042" s="1" t="s">
        <v>219997</v>
      </c>
      <c r="F66042" s="1" t="s">
        <v>219998</v>
      </c>
      <c r="G66042" s="1" t="s">
        <v>219975</v>
      </c>
      <c r="H66042" s="1" t="s">
        <v>219976</v>
      </c>
      <c r="I66042" s="1" t="s">
        <v>218190</v>
      </c>
      <c r="J66042" s="1" t="s">
        <v>219999</v>
      </c>
    </row>
    <row r="66043" spans="1:10" x14ac:dyDescent="0.35">
      <c r="A66043" s="1" t="s">
        <v>145643</v>
      </c>
      <c r="B66043" s="1" t="s">
        <v>218185</v>
      </c>
      <c r="C66043" s="1" t="s">
        <v>50</v>
      </c>
      <c r="D66043" s="1" t="s">
        <v>34690</v>
      </c>
      <c r="E66043" s="1" t="s">
        <v>220000</v>
      </c>
      <c r="F66043" s="1" t="s">
        <v>220001</v>
      </c>
      <c r="G66043" s="1" t="s">
        <v>219975</v>
      </c>
      <c r="H66043" s="1" t="s">
        <v>219976</v>
      </c>
      <c r="I66043" s="1" t="s">
        <v>218190</v>
      </c>
      <c r="J66043" s="1" t="s">
        <v>220002</v>
      </c>
    </row>
    <row r="66044" spans="1:10" x14ac:dyDescent="0.35">
      <c r="A66044" s="1" t="s">
        <v>145643</v>
      </c>
      <c r="B66044" s="1" t="s">
        <v>218185</v>
      </c>
      <c r="C66044" s="1" t="s">
        <v>55</v>
      </c>
      <c r="D66044" s="1" t="s">
        <v>111870</v>
      </c>
      <c r="E66044" s="1" t="s">
        <v>220003</v>
      </c>
      <c r="F66044" s="1" t="s">
        <v>220004</v>
      </c>
      <c r="G66044" s="1" t="s">
        <v>219975</v>
      </c>
      <c r="H66044" s="1" t="s">
        <v>219976</v>
      </c>
      <c r="I66044" s="1" t="s">
        <v>218190</v>
      </c>
      <c r="J66044" s="1" t="s">
        <v>220005</v>
      </c>
    </row>
    <row r="66045" spans="1:10" x14ac:dyDescent="0.35">
      <c r="A66045" s="1" t="s">
        <v>145643</v>
      </c>
      <c r="B66045" s="1" t="s">
        <v>218185</v>
      </c>
      <c r="C66045" s="1" t="s">
        <v>60</v>
      </c>
      <c r="D66045" s="1" t="s">
        <v>104120</v>
      </c>
      <c r="E66045" s="1" t="s">
        <v>220006</v>
      </c>
      <c r="F66045" s="1" t="s">
        <v>220007</v>
      </c>
      <c r="G66045" s="1" t="s">
        <v>219975</v>
      </c>
      <c r="H66045" s="1" t="s">
        <v>219976</v>
      </c>
      <c r="I66045" s="1" t="s">
        <v>218190</v>
      </c>
      <c r="J66045" s="1" t="s">
        <v>220008</v>
      </c>
    </row>
    <row r="66046" spans="1:10" x14ac:dyDescent="0.35">
      <c r="A66046" s="1" t="s">
        <v>145643</v>
      </c>
      <c r="B66046" s="1" t="s">
        <v>218185</v>
      </c>
      <c r="C66046" s="1" t="s">
        <v>65</v>
      </c>
      <c r="D66046" s="1" t="s">
        <v>197172</v>
      </c>
      <c r="E66046" s="1" t="s">
        <v>220009</v>
      </c>
      <c r="F66046" s="1" t="s">
        <v>220010</v>
      </c>
      <c r="G66046" s="1" t="s">
        <v>219975</v>
      </c>
      <c r="H66046" s="1" t="s">
        <v>219976</v>
      </c>
      <c r="I66046" s="1" t="s">
        <v>218190</v>
      </c>
      <c r="J66046" s="1" t="s">
        <v>220011</v>
      </c>
    </row>
    <row r="66047" spans="1:10" x14ac:dyDescent="0.35">
      <c r="A66047" s="1" t="s">
        <v>145643</v>
      </c>
      <c r="B66047" s="1" t="s">
        <v>218185</v>
      </c>
      <c r="C66047" s="1" t="s">
        <v>70</v>
      </c>
      <c r="D66047" s="1" t="s">
        <v>45880</v>
      </c>
      <c r="E66047" s="1" t="s">
        <v>220012</v>
      </c>
      <c r="F66047" s="1" t="s">
        <v>220013</v>
      </c>
      <c r="G66047" s="1" t="s">
        <v>219975</v>
      </c>
      <c r="H66047" s="1" t="s">
        <v>219976</v>
      </c>
      <c r="I66047" s="1" t="s">
        <v>218190</v>
      </c>
      <c r="J66047" s="1" t="s">
        <v>220014</v>
      </c>
    </row>
    <row r="66048" spans="1:10" x14ac:dyDescent="0.35">
      <c r="A66048" s="1" t="s">
        <v>145643</v>
      </c>
      <c r="B66048" s="1" t="s">
        <v>218185</v>
      </c>
      <c r="C66048" s="1" t="s">
        <v>75</v>
      </c>
      <c r="D66048" s="1" t="s">
        <v>10741</v>
      </c>
      <c r="E66048" s="1" t="s">
        <v>220015</v>
      </c>
      <c r="F66048" s="1" t="s">
        <v>220016</v>
      </c>
      <c r="G66048" s="1" t="s">
        <v>219975</v>
      </c>
      <c r="H66048" s="1" t="s">
        <v>219976</v>
      </c>
      <c r="I66048" s="1" t="s">
        <v>218190</v>
      </c>
      <c r="J66048" s="1" t="s">
        <v>220017</v>
      </c>
    </row>
    <row r="66049" spans="1:10" x14ac:dyDescent="0.35">
      <c r="A66049" s="1" t="s">
        <v>145643</v>
      </c>
      <c r="B66049" s="1" t="s">
        <v>218185</v>
      </c>
      <c r="C66049" s="1" t="s">
        <v>80</v>
      </c>
      <c r="D66049" s="1" t="s">
        <v>220018</v>
      </c>
      <c r="E66049" s="1" t="s">
        <v>220019</v>
      </c>
      <c r="F66049" s="1" t="s">
        <v>220020</v>
      </c>
      <c r="G66049" s="1" t="s">
        <v>219975</v>
      </c>
      <c r="H66049" s="1" t="s">
        <v>219976</v>
      </c>
      <c r="I66049" s="1" t="s">
        <v>218190</v>
      </c>
      <c r="J66049" s="1" t="s">
        <v>220021</v>
      </c>
    </row>
    <row r="66050" spans="1:10" x14ac:dyDescent="0.35">
      <c r="A66050" s="1" t="s">
        <v>145643</v>
      </c>
      <c r="B66050" s="1" t="s">
        <v>218185</v>
      </c>
      <c r="C66050" s="1" t="s">
        <v>85</v>
      </c>
      <c r="D66050" s="1" t="s">
        <v>32087</v>
      </c>
      <c r="E66050" s="1" t="s">
        <v>220022</v>
      </c>
      <c r="F66050" s="1" t="s">
        <v>220023</v>
      </c>
      <c r="G66050" s="1" t="s">
        <v>219975</v>
      </c>
      <c r="H66050" s="1" t="s">
        <v>219976</v>
      </c>
      <c r="I66050" s="1" t="s">
        <v>218190</v>
      </c>
      <c r="J66050" s="1" t="s">
        <v>220024</v>
      </c>
    </row>
    <row r="66051" spans="1:10" x14ac:dyDescent="0.35">
      <c r="A66051" s="1" t="s">
        <v>145643</v>
      </c>
      <c r="B66051" s="1" t="s">
        <v>218185</v>
      </c>
      <c r="C66051" s="1" t="s">
        <v>90</v>
      </c>
      <c r="D66051" s="1" t="s">
        <v>220025</v>
      </c>
      <c r="E66051" s="1" t="s">
        <v>220026</v>
      </c>
      <c r="F66051" s="1" t="s">
        <v>220027</v>
      </c>
      <c r="G66051" s="1" t="s">
        <v>219975</v>
      </c>
      <c r="H66051" s="1" t="s">
        <v>219976</v>
      </c>
      <c r="I66051" s="1" t="s">
        <v>218190</v>
      </c>
      <c r="J66051" s="1" t="s">
        <v>220028</v>
      </c>
    </row>
    <row r="66052" spans="1:10" x14ac:dyDescent="0.35">
      <c r="A66052" s="1" t="s">
        <v>145643</v>
      </c>
      <c r="B66052" s="1" t="s">
        <v>218185</v>
      </c>
      <c r="C66052" s="1" t="s">
        <v>95</v>
      </c>
      <c r="D66052" s="1" t="s">
        <v>220029</v>
      </c>
      <c r="E66052" s="1" t="s">
        <v>220030</v>
      </c>
      <c r="F66052" s="1" t="s">
        <v>220031</v>
      </c>
      <c r="G66052" s="1" t="s">
        <v>219975</v>
      </c>
      <c r="H66052" s="1" t="s">
        <v>219976</v>
      </c>
      <c r="I66052" s="1" t="s">
        <v>218190</v>
      </c>
      <c r="J66052" s="1" t="s">
        <v>220032</v>
      </c>
    </row>
    <row r="66053" spans="1:10" x14ac:dyDescent="0.35">
      <c r="A66053" s="1" t="s">
        <v>145643</v>
      </c>
      <c r="B66053" s="1" t="s">
        <v>218185</v>
      </c>
      <c r="C66053" s="1" t="s">
        <v>100</v>
      </c>
      <c r="D66053" s="1" t="s">
        <v>197250</v>
      </c>
      <c r="E66053" s="1" t="s">
        <v>220033</v>
      </c>
      <c r="F66053" s="1" t="s">
        <v>220034</v>
      </c>
      <c r="G66053" s="1" t="s">
        <v>219975</v>
      </c>
      <c r="H66053" s="1" t="s">
        <v>219976</v>
      </c>
      <c r="I66053" s="1" t="s">
        <v>218190</v>
      </c>
      <c r="J66053" s="1" t="s">
        <v>220035</v>
      </c>
    </row>
    <row r="66054" spans="1:10" x14ac:dyDescent="0.35">
      <c r="A66054" s="1" t="s">
        <v>145643</v>
      </c>
      <c r="B66054" s="1" t="s">
        <v>218185</v>
      </c>
      <c r="C66054" s="1" t="s">
        <v>105</v>
      </c>
      <c r="D66054" s="1" t="s">
        <v>125419</v>
      </c>
      <c r="E66054" s="1" t="s">
        <v>220036</v>
      </c>
      <c r="F66054" s="1" t="s">
        <v>220037</v>
      </c>
      <c r="G66054" s="1" t="s">
        <v>219975</v>
      </c>
      <c r="H66054" s="1" t="s">
        <v>219976</v>
      </c>
      <c r="I66054" s="1" t="s">
        <v>218190</v>
      </c>
      <c r="J66054" s="1" t="s">
        <v>220038</v>
      </c>
    </row>
    <row r="66055" spans="1:10" x14ac:dyDescent="0.35">
      <c r="A66055" s="1" t="s">
        <v>145643</v>
      </c>
      <c r="B66055" s="1" t="s">
        <v>218185</v>
      </c>
      <c r="C66055" s="1" t="s">
        <v>110</v>
      </c>
      <c r="D66055" s="1" t="s">
        <v>149770</v>
      </c>
      <c r="E66055" s="1" t="s">
        <v>220039</v>
      </c>
      <c r="F66055" s="1" t="s">
        <v>220040</v>
      </c>
      <c r="G66055" s="1" t="s">
        <v>219975</v>
      </c>
      <c r="H66055" s="1" t="s">
        <v>219976</v>
      </c>
      <c r="I66055" s="1" t="s">
        <v>218190</v>
      </c>
      <c r="J66055" s="1" t="s">
        <v>220041</v>
      </c>
    </row>
    <row r="66056" spans="1:10" x14ac:dyDescent="0.35">
      <c r="A66056" s="1" t="s">
        <v>145643</v>
      </c>
      <c r="B66056" s="1" t="s">
        <v>218185</v>
      </c>
      <c r="C66056" s="1" t="s">
        <v>115</v>
      </c>
      <c r="D66056" s="1" t="s">
        <v>154099</v>
      </c>
      <c r="E66056" s="1" t="s">
        <v>220042</v>
      </c>
      <c r="F66056" s="1" t="s">
        <v>220043</v>
      </c>
      <c r="G66056" s="1" t="s">
        <v>219975</v>
      </c>
      <c r="H66056" s="1" t="s">
        <v>219976</v>
      </c>
      <c r="I66056" s="1" t="s">
        <v>218190</v>
      </c>
      <c r="J66056" s="1" t="s">
        <v>220044</v>
      </c>
    </row>
    <row r="66057" spans="1:10" x14ac:dyDescent="0.35">
      <c r="A66057" s="1" t="s">
        <v>145643</v>
      </c>
      <c r="B66057" s="1" t="s">
        <v>218185</v>
      </c>
      <c r="C66057" s="1" t="s">
        <v>120</v>
      </c>
      <c r="D66057" s="1" t="s">
        <v>257</v>
      </c>
      <c r="E66057" s="1" t="s">
        <v>220045</v>
      </c>
      <c r="F66057" s="1" t="s">
        <v>220046</v>
      </c>
      <c r="G66057" s="1" t="s">
        <v>219975</v>
      </c>
      <c r="H66057" s="1" t="s">
        <v>219976</v>
      </c>
      <c r="I66057" s="1" t="s">
        <v>218190</v>
      </c>
      <c r="J66057" s="1" t="s">
        <v>220047</v>
      </c>
    </row>
    <row r="66058" spans="1:10" x14ac:dyDescent="0.35">
      <c r="A66058" s="1" t="s">
        <v>145643</v>
      </c>
      <c r="B66058" s="1" t="s">
        <v>218185</v>
      </c>
      <c r="C66058" s="1" t="s">
        <v>125</v>
      </c>
      <c r="D66058" s="1" t="s">
        <v>5074</v>
      </c>
      <c r="E66058" s="1" t="s">
        <v>220048</v>
      </c>
      <c r="F66058" s="1" t="s">
        <v>220049</v>
      </c>
      <c r="G66058" s="1" t="s">
        <v>219975</v>
      </c>
      <c r="H66058" s="1" t="s">
        <v>219976</v>
      </c>
      <c r="I66058" s="1" t="s">
        <v>218190</v>
      </c>
      <c r="J66058" s="1" t="s">
        <v>220050</v>
      </c>
    </row>
    <row r="66059" spans="1:10" x14ac:dyDescent="0.35">
      <c r="A66059" s="1" t="s">
        <v>145643</v>
      </c>
      <c r="B66059" s="1" t="s">
        <v>218185</v>
      </c>
      <c r="C66059" s="1" t="s">
        <v>130</v>
      </c>
      <c r="D66059" s="1" t="s">
        <v>73344</v>
      </c>
      <c r="E66059" s="1" t="s">
        <v>220051</v>
      </c>
      <c r="F66059" s="1" t="s">
        <v>220052</v>
      </c>
      <c r="G66059" s="1" t="s">
        <v>219975</v>
      </c>
      <c r="H66059" s="1" t="s">
        <v>219976</v>
      </c>
      <c r="I66059" s="1" t="s">
        <v>218190</v>
      </c>
      <c r="J66059" s="1" t="s">
        <v>220053</v>
      </c>
    </row>
    <row r="66060" spans="1:10" x14ac:dyDescent="0.35">
      <c r="A66060" s="1" t="s">
        <v>145643</v>
      </c>
      <c r="B66060" s="1" t="s">
        <v>218185</v>
      </c>
      <c r="C66060" s="1" t="s">
        <v>135</v>
      </c>
      <c r="D66060" s="1" t="s">
        <v>50249</v>
      </c>
      <c r="E66060" s="1" t="s">
        <v>220054</v>
      </c>
      <c r="F66060" s="1" t="s">
        <v>220055</v>
      </c>
      <c r="G66060" s="1" t="s">
        <v>219975</v>
      </c>
      <c r="H66060" s="1" t="s">
        <v>219976</v>
      </c>
      <c r="I66060" s="1" t="s">
        <v>218190</v>
      </c>
      <c r="J66060" s="1" t="s">
        <v>220056</v>
      </c>
    </row>
    <row r="66061" spans="1:10" x14ac:dyDescent="0.35">
      <c r="A66061" s="1" t="s">
        <v>145643</v>
      </c>
      <c r="B66061" s="1" t="s">
        <v>218185</v>
      </c>
      <c r="C66061" s="1" t="s">
        <v>140</v>
      </c>
      <c r="D66061" s="1" t="s">
        <v>15609</v>
      </c>
      <c r="E66061" s="1" t="s">
        <v>220057</v>
      </c>
      <c r="F66061" s="1" t="s">
        <v>220058</v>
      </c>
      <c r="G66061" s="1" t="s">
        <v>219975</v>
      </c>
      <c r="H66061" s="1" t="s">
        <v>219976</v>
      </c>
      <c r="I66061" s="1" t="s">
        <v>218190</v>
      </c>
      <c r="J66061" s="1" t="s">
        <v>220059</v>
      </c>
    </row>
    <row r="66062" spans="1:10" x14ac:dyDescent="0.35">
      <c r="A66062" s="1" t="s">
        <v>145643</v>
      </c>
      <c r="B66062" s="1" t="s">
        <v>218185</v>
      </c>
      <c r="C66062" s="1" t="s">
        <v>145</v>
      </c>
      <c r="D66062" s="1" t="s">
        <v>33178</v>
      </c>
      <c r="E66062" s="1" t="s">
        <v>220060</v>
      </c>
      <c r="F66062" s="1" t="s">
        <v>220061</v>
      </c>
      <c r="G66062" s="1" t="s">
        <v>219975</v>
      </c>
      <c r="H66062" s="1" t="s">
        <v>219976</v>
      </c>
      <c r="I66062" s="1" t="s">
        <v>218190</v>
      </c>
      <c r="J66062" s="1" t="s">
        <v>220062</v>
      </c>
    </row>
    <row r="66063" spans="1:10" x14ac:dyDescent="0.35">
      <c r="A66063" s="1" t="s">
        <v>145643</v>
      </c>
      <c r="B66063" s="1" t="s">
        <v>218185</v>
      </c>
      <c r="C66063" s="1" t="s">
        <v>150</v>
      </c>
      <c r="D66063" s="1" t="s">
        <v>16227</v>
      </c>
      <c r="E66063" s="1" t="s">
        <v>220063</v>
      </c>
      <c r="F66063" s="1" t="s">
        <v>220064</v>
      </c>
      <c r="G66063" s="1" t="s">
        <v>219975</v>
      </c>
      <c r="H66063" s="1" t="s">
        <v>219976</v>
      </c>
      <c r="I66063" s="1" t="s">
        <v>218190</v>
      </c>
      <c r="J66063" s="1" t="s">
        <v>220065</v>
      </c>
    </row>
    <row r="66064" spans="1:10" x14ac:dyDescent="0.35">
      <c r="A66064" s="1" t="s">
        <v>145643</v>
      </c>
      <c r="B66064" s="1" t="s">
        <v>218185</v>
      </c>
      <c r="C66064" s="1" t="s">
        <v>155</v>
      </c>
      <c r="D66064" s="1" t="s">
        <v>51236</v>
      </c>
      <c r="E66064" s="1" t="s">
        <v>220066</v>
      </c>
      <c r="F66064" s="1" t="s">
        <v>220067</v>
      </c>
      <c r="G66064" s="1" t="s">
        <v>219975</v>
      </c>
      <c r="H66064" s="1" t="s">
        <v>219976</v>
      </c>
      <c r="I66064" s="1" t="s">
        <v>218190</v>
      </c>
      <c r="J66064" s="1" t="s">
        <v>220068</v>
      </c>
    </row>
    <row r="66065" spans="1:10" x14ac:dyDescent="0.35">
      <c r="A66065" s="1" t="s">
        <v>145643</v>
      </c>
      <c r="B66065" s="1" t="s">
        <v>218185</v>
      </c>
      <c r="C66065" s="1" t="s">
        <v>160</v>
      </c>
      <c r="D66065" s="1" t="s">
        <v>207076</v>
      </c>
      <c r="E66065" s="1" t="s">
        <v>220069</v>
      </c>
      <c r="F66065" s="1" t="s">
        <v>220070</v>
      </c>
      <c r="G66065" s="1" t="s">
        <v>219975</v>
      </c>
      <c r="H66065" s="1" t="s">
        <v>219976</v>
      </c>
      <c r="I66065" s="1" t="s">
        <v>218190</v>
      </c>
      <c r="J66065" s="1" t="s">
        <v>220071</v>
      </c>
    </row>
    <row r="66066" spans="1:10" x14ac:dyDescent="0.35">
      <c r="A66066" s="1" t="s">
        <v>145643</v>
      </c>
      <c r="B66066" s="1" t="s">
        <v>218185</v>
      </c>
      <c r="C66066" s="1" t="s">
        <v>165</v>
      </c>
      <c r="D66066" s="1" t="s">
        <v>10753</v>
      </c>
      <c r="E66066" s="1" t="s">
        <v>220072</v>
      </c>
      <c r="F66066" s="1" t="s">
        <v>220073</v>
      </c>
      <c r="G66066" s="1" t="s">
        <v>219975</v>
      </c>
      <c r="H66066" s="1" t="s">
        <v>219976</v>
      </c>
      <c r="I66066" s="1" t="s">
        <v>218190</v>
      </c>
      <c r="J66066" s="1" t="s">
        <v>220074</v>
      </c>
    </row>
    <row r="66067" spans="1:10" x14ac:dyDescent="0.35">
      <c r="A66067" s="1" t="s">
        <v>145643</v>
      </c>
      <c r="B66067" s="1" t="s">
        <v>218185</v>
      </c>
      <c r="C66067" s="1" t="s">
        <v>170</v>
      </c>
      <c r="D66067" s="1" t="s">
        <v>15488</v>
      </c>
      <c r="E66067" s="1" t="s">
        <v>220075</v>
      </c>
      <c r="F66067" s="1" t="s">
        <v>220076</v>
      </c>
      <c r="G66067" s="1" t="s">
        <v>219975</v>
      </c>
      <c r="H66067" s="1" t="s">
        <v>219976</v>
      </c>
      <c r="I66067" s="1" t="s">
        <v>218190</v>
      </c>
      <c r="J66067" s="1" t="s">
        <v>220077</v>
      </c>
    </row>
    <row r="66068" spans="1:10" x14ac:dyDescent="0.35">
      <c r="A66068" s="1" t="s">
        <v>111195</v>
      </c>
      <c r="B66068" s="1" t="s">
        <v>218185</v>
      </c>
      <c r="C66068" s="1" t="s">
        <v>8</v>
      </c>
      <c r="D66068" s="1" t="s">
        <v>160056</v>
      </c>
      <c r="E66068" s="1" t="s">
        <v>220078</v>
      </c>
      <c r="F66068" s="1" t="s">
        <v>220079</v>
      </c>
      <c r="G66068" s="1" t="s">
        <v>220080</v>
      </c>
      <c r="H66068" s="1" t="s">
        <v>220081</v>
      </c>
      <c r="I66068" s="1" t="s">
        <v>218190</v>
      </c>
      <c r="J66068" s="1" t="s">
        <v>13</v>
      </c>
    </row>
    <row r="66069" spans="1:10" x14ac:dyDescent="0.35">
      <c r="A66069" s="1" t="s">
        <v>111195</v>
      </c>
      <c r="B66069" s="1" t="s">
        <v>218185</v>
      </c>
      <c r="C66069" s="1" t="s">
        <v>15</v>
      </c>
      <c r="D66069" s="1" t="s">
        <v>196092</v>
      </c>
      <c r="E66069" s="1" t="s">
        <v>220082</v>
      </c>
      <c r="F66069" s="1" t="s">
        <v>220083</v>
      </c>
      <c r="G66069" s="1" t="s">
        <v>220080</v>
      </c>
      <c r="H66069" s="1" t="s">
        <v>220081</v>
      </c>
      <c r="I66069" s="1" t="s">
        <v>218190</v>
      </c>
      <c r="J66069" s="1" t="s">
        <v>220084</v>
      </c>
    </row>
    <row r="66070" spans="1:10" x14ac:dyDescent="0.35">
      <c r="A66070" s="1" t="s">
        <v>111195</v>
      </c>
      <c r="B66070" s="1" t="s">
        <v>218185</v>
      </c>
      <c r="C66070" s="1" t="s">
        <v>20</v>
      </c>
      <c r="D66070" s="1" t="s">
        <v>220085</v>
      </c>
      <c r="E66070" s="1" t="s">
        <v>220086</v>
      </c>
      <c r="F66070" s="1" t="s">
        <v>220087</v>
      </c>
      <c r="G66070" s="1" t="s">
        <v>220080</v>
      </c>
      <c r="H66070" s="1" t="s">
        <v>220081</v>
      </c>
      <c r="I66070" s="1" t="s">
        <v>218190</v>
      </c>
      <c r="J66070" s="1" t="s">
        <v>220088</v>
      </c>
    </row>
    <row r="66071" spans="1:10" x14ac:dyDescent="0.35">
      <c r="A66071" s="1" t="s">
        <v>111195</v>
      </c>
      <c r="B66071" s="1" t="s">
        <v>218185</v>
      </c>
      <c r="C66071" s="1" t="s">
        <v>25</v>
      </c>
      <c r="D66071" s="1" t="s">
        <v>31872</v>
      </c>
      <c r="E66071" s="1" t="s">
        <v>220089</v>
      </c>
      <c r="F66071" s="1" t="s">
        <v>220090</v>
      </c>
      <c r="G66071" s="1" t="s">
        <v>220080</v>
      </c>
      <c r="H66071" s="1" t="s">
        <v>220081</v>
      </c>
      <c r="I66071" s="1" t="s">
        <v>218190</v>
      </c>
      <c r="J66071" s="1" t="s">
        <v>220091</v>
      </c>
    </row>
    <row r="66072" spans="1:10" x14ac:dyDescent="0.35">
      <c r="A66072" s="1" t="s">
        <v>111195</v>
      </c>
      <c r="B66072" s="1" t="s">
        <v>218185</v>
      </c>
      <c r="C66072" s="1" t="s">
        <v>30</v>
      </c>
      <c r="D66072" s="1" t="s">
        <v>220092</v>
      </c>
      <c r="E66072" s="1" t="s">
        <v>220093</v>
      </c>
      <c r="F66072" s="1" t="s">
        <v>220094</v>
      </c>
      <c r="G66072" s="1" t="s">
        <v>220080</v>
      </c>
      <c r="H66072" s="1" t="s">
        <v>220081</v>
      </c>
      <c r="I66072" s="1" t="s">
        <v>218190</v>
      </c>
      <c r="J66072" s="1" t="s">
        <v>220095</v>
      </c>
    </row>
    <row r="66073" spans="1:10" x14ac:dyDescent="0.35">
      <c r="A66073" s="1" t="s">
        <v>111195</v>
      </c>
      <c r="B66073" s="1" t="s">
        <v>218185</v>
      </c>
      <c r="C66073" s="1" t="s">
        <v>35</v>
      </c>
      <c r="D66073" s="1" t="s">
        <v>14630</v>
      </c>
      <c r="E66073" s="1" t="s">
        <v>220096</v>
      </c>
      <c r="F66073" s="1" t="s">
        <v>220097</v>
      </c>
      <c r="G66073" s="1" t="s">
        <v>220080</v>
      </c>
      <c r="H66073" s="1" t="s">
        <v>220081</v>
      </c>
      <c r="I66073" s="1" t="s">
        <v>218190</v>
      </c>
      <c r="J66073" s="1" t="s">
        <v>220098</v>
      </c>
    </row>
    <row r="66074" spans="1:10" x14ac:dyDescent="0.35">
      <c r="A66074" s="1" t="s">
        <v>111195</v>
      </c>
      <c r="B66074" s="1" t="s">
        <v>218185</v>
      </c>
      <c r="C66074" s="1" t="s">
        <v>40</v>
      </c>
      <c r="D66074" s="1" t="s">
        <v>115471</v>
      </c>
      <c r="E66074" s="1" t="s">
        <v>220099</v>
      </c>
      <c r="F66074" s="1" t="s">
        <v>220100</v>
      </c>
      <c r="G66074" s="1" t="s">
        <v>220080</v>
      </c>
      <c r="H66074" s="1" t="s">
        <v>220081</v>
      </c>
      <c r="I66074" s="1" t="s">
        <v>218190</v>
      </c>
      <c r="J66074" s="1" t="s">
        <v>220101</v>
      </c>
    </row>
    <row r="66075" spans="1:10" x14ac:dyDescent="0.35">
      <c r="A66075" s="1" t="s">
        <v>111195</v>
      </c>
      <c r="B66075" s="1" t="s">
        <v>218185</v>
      </c>
      <c r="C66075" s="1" t="s">
        <v>45</v>
      </c>
      <c r="D66075" s="1" t="s">
        <v>7099</v>
      </c>
      <c r="E66075" s="1" t="s">
        <v>39989</v>
      </c>
      <c r="F66075" s="1" t="s">
        <v>220102</v>
      </c>
      <c r="G66075" s="1" t="s">
        <v>220080</v>
      </c>
      <c r="H66075" s="1" t="s">
        <v>220081</v>
      </c>
      <c r="I66075" s="1" t="s">
        <v>218190</v>
      </c>
      <c r="J66075" s="1" t="s">
        <v>220103</v>
      </c>
    </row>
    <row r="66076" spans="1:10" x14ac:dyDescent="0.35">
      <c r="A66076" s="1" t="s">
        <v>111195</v>
      </c>
      <c r="B66076" s="1" t="s">
        <v>218185</v>
      </c>
      <c r="C66076" s="1" t="s">
        <v>50</v>
      </c>
      <c r="D66076" s="1" t="s">
        <v>14584</v>
      </c>
      <c r="E66076" s="1" t="s">
        <v>220104</v>
      </c>
      <c r="F66076" s="1" t="s">
        <v>220105</v>
      </c>
      <c r="G66076" s="1" t="s">
        <v>220080</v>
      </c>
      <c r="H66076" s="1" t="s">
        <v>220081</v>
      </c>
      <c r="I66076" s="1" t="s">
        <v>218190</v>
      </c>
      <c r="J66076" s="1" t="s">
        <v>220106</v>
      </c>
    </row>
    <row r="66077" spans="1:10" x14ac:dyDescent="0.35">
      <c r="A66077" s="1" t="s">
        <v>111195</v>
      </c>
      <c r="B66077" s="1" t="s">
        <v>218185</v>
      </c>
      <c r="C66077" s="1" t="s">
        <v>55</v>
      </c>
      <c r="D66077" s="1" t="s">
        <v>15444</v>
      </c>
      <c r="E66077" s="1" t="s">
        <v>220107</v>
      </c>
      <c r="F66077" s="1" t="s">
        <v>220108</v>
      </c>
      <c r="G66077" s="1" t="s">
        <v>220080</v>
      </c>
      <c r="H66077" s="1" t="s">
        <v>220081</v>
      </c>
      <c r="I66077" s="1" t="s">
        <v>218190</v>
      </c>
      <c r="J66077" s="1" t="s">
        <v>220109</v>
      </c>
    </row>
    <row r="66078" spans="1:10" x14ac:dyDescent="0.35">
      <c r="A66078" s="1" t="s">
        <v>111195</v>
      </c>
      <c r="B66078" s="1" t="s">
        <v>218185</v>
      </c>
      <c r="C66078" s="1" t="s">
        <v>60</v>
      </c>
      <c r="D66078" s="1" t="s">
        <v>48164</v>
      </c>
      <c r="E66078" s="1" t="s">
        <v>220110</v>
      </c>
      <c r="F66078" s="1" t="s">
        <v>220111</v>
      </c>
      <c r="G66078" s="1" t="s">
        <v>220080</v>
      </c>
      <c r="H66078" s="1" t="s">
        <v>220081</v>
      </c>
      <c r="I66078" s="1" t="s">
        <v>218190</v>
      </c>
      <c r="J66078" s="1" t="s">
        <v>220112</v>
      </c>
    </row>
    <row r="66079" spans="1:10" x14ac:dyDescent="0.35">
      <c r="A66079" s="1" t="s">
        <v>111195</v>
      </c>
      <c r="B66079" s="1" t="s">
        <v>218185</v>
      </c>
      <c r="C66079" s="1" t="s">
        <v>65</v>
      </c>
      <c r="D66079" s="1" t="s">
        <v>220113</v>
      </c>
      <c r="E66079" s="1" t="s">
        <v>220114</v>
      </c>
      <c r="F66079" s="1" t="s">
        <v>220115</v>
      </c>
      <c r="G66079" s="1" t="s">
        <v>220080</v>
      </c>
      <c r="H66079" s="1" t="s">
        <v>220081</v>
      </c>
      <c r="I66079" s="1" t="s">
        <v>218190</v>
      </c>
      <c r="J66079" s="1" t="s">
        <v>220116</v>
      </c>
    </row>
    <row r="66080" spans="1:10" x14ac:dyDescent="0.35">
      <c r="A66080" s="1" t="s">
        <v>111195</v>
      </c>
      <c r="B66080" s="1" t="s">
        <v>218185</v>
      </c>
      <c r="C66080" s="1" t="s">
        <v>70</v>
      </c>
      <c r="D66080" s="1" t="s">
        <v>47797</v>
      </c>
      <c r="E66080" s="1" t="s">
        <v>220117</v>
      </c>
      <c r="F66080" s="1" t="s">
        <v>220118</v>
      </c>
      <c r="G66080" s="1" t="s">
        <v>220080</v>
      </c>
      <c r="H66080" s="1" t="s">
        <v>220081</v>
      </c>
      <c r="I66080" s="1" t="s">
        <v>218190</v>
      </c>
      <c r="J66080" s="1" t="s">
        <v>220119</v>
      </c>
    </row>
    <row r="66081" spans="1:10" x14ac:dyDescent="0.35">
      <c r="A66081" s="1" t="s">
        <v>111195</v>
      </c>
      <c r="B66081" s="1" t="s">
        <v>218185</v>
      </c>
      <c r="C66081" s="1" t="s">
        <v>75</v>
      </c>
      <c r="D66081" s="1" t="s">
        <v>72899</v>
      </c>
      <c r="E66081" s="1" t="s">
        <v>220120</v>
      </c>
      <c r="F66081" s="1" t="s">
        <v>220121</v>
      </c>
      <c r="G66081" s="1" t="s">
        <v>220080</v>
      </c>
      <c r="H66081" s="1" t="s">
        <v>220081</v>
      </c>
      <c r="I66081" s="1" t="s">
        <v>218190</v>
      </c>
      <c r="J66081" s="1" t="s">
        <v>220122</v>
      </c>
    </row>
    <row r="66082" spans="1:10" x14ac:dyDescent="0.35">
      <c r="A66082" s="1" t="s">
        <v>111195</v>
      </c>
      <c r="B66082" s="1" t="s">
        <v>218185</v>
      </c>
      <c r="C66082" s="1" t="s">
        <v>80</v>
      </c>
      <c r="D66082" s="1" t="s">
        <v>121678</v>
      </c>
      <c r="E66082" s="1" t="s">
        <v>220123</v>
      </c>
      <c r="F66082" s="1" t="s">
        <v>220124</v>
      </c>
      <c r="G66082" s="1" t="s">
        <v>220080</v>
      </c>
      <c r="H66082" s="1" t="s">
        <v>220081</v>
      </c>
      <c r="I66082" s="1" t="s">
        <v>218190</v>
      </c>
      <c r="J66082" s="1" t="s">
        <v>220125</v>
      </c>
    </row>
    <row r="66083" spans="1:10" x14ac:dyDescent="0.35">
      <c r="A66083" s="1" t="s">
        <v>111195</v>
      </c>
      <c r="B66083" s="1" t="s">
        <v>218185</v>
      </c>
      <c r="C66083" s="1" t="s">
        <v>85</v>
      </c>
      <c r="D66083" s="1" t="s">
        <v>31724</v>
      </c>
      <c r="E66083" s="1" t="s">
        <v>220126</v>
      </c>
      <c r="F66083" s="1" t="s">
        <v>220127</v>
      </c>
      <c r="G66083" s="1" t="s">
        <v>220080</v>
      </c>
      <c r="H66083" s="1" t="s">
        <v>220081</v>
      </c>
      <c r="I66083" s="1" t="s">
        <v>218190</v>
      </c>
      <c r="J66083" s="1" t="s">
        <v>220128</v>
      </c>
    </row>
    <row r="66084" spans="1:10" x14ac:dyDescent="0.35">
      <c r="A66084" s="1" t="s">
        <v>111195</v>
      </c>
      <c r="B66084" s="1" t="s">
        <v>218185</v>
      </c>
      <c r="C66084" s="1" t="s">
        <v>90</v>
      </c>
      <c r="D66084" s="1" t="s">
        <v>49799</v>
      </c>
      <c r="E66084" s="1" t="s">
        <v>220129</v>
      </c>
      <c r="F66084" s="1" t="s">
        <v>220130</v>
      </c>
      <c r="G66084" s="1" t="s">
        <v>220080</v>
      </c>
      <c r="H66084" s="1" t="s">
        <v>220081</v>
      </c>
      <c r="I66084" s="1" t="s">
        <v>218190</v>
      </c>
      <c r="J66084" s="1" t="s">
        <v>220131</v>
      </c>
    </row>
    <row r="66085" spans="1:10" x14ac:dyDescent="0.35">
      <c r="A66085" s="1" t="s">
        <v>111195</v>
      </c>
      <c r="B66085" s="1" t="s">
        <v>218185</v>
      </c>
      <c r="C66085" s="1" t="s">
        <v>95</v>
      </c>
      <c r="D66085" s="1" t="s">
        <v>5195</v>
      </c>
      <c r="E66085" s="1" t="s">
        <v>220132</v>
      </c>
      <c r="F66085" s="1" t="s">
        <v>220133</v>
      </c>
      <c r="G66085" s="1" t="s">
        <v>220080</v>
      </c>
      <c r="H66085" s="1" t="s">
        <v>220081</v>
      </c>
      <c r="I66085" s="1" t="s">
        <v>218190</v>
      </c>
      <c r="J66085" s="1" t="s">
        <v>220134</v>
      </c>
    </row>
    <row r="66086" spans="1:10" x14ac:dyDescent="0.35">
      <c r="A66086" s="1" t="s">
        <v>111195</v>
      </c>
      <c r="B66086" s="1" t="s">
        <v>218185</v>
      </c>
      <c r="C66086" s="1" t="s">
        <v>100</v>
      </c>
      <c r="D66086" s="1" t="s">
        <v>35908</v>
      </c>
      <c r="E66086" s="1" t="s">
        <v>220135</v>
      </c>
      <c r="F66086" s="1" t="s">
        <v>220136</v>
      </c>
      <c r="G66086" s="1" t="s">
        <v>220080</v>
      </c>
      <c r="H66086" s="1" t="s">
        <v>220081</v>
      </c>
      <c r="I66086" s="1" t="s">
        <v>218190</v>
      </c>
      <c r="J66086" s="1" t="s">
        <v>220137</v>
      </c>
    </row>
    <row r="66087" spans="1:10" x14ac:dyDescent="0.35">
      <c r="A66087" s="1" t="s">
        <v>111195</v>
      </c>
      <c r="B66087" s="1" t="s">
        <v>218185</v>
      </c>
      <c r="C66087" s="1" t="s">
        <v>105</v>
      </c>
      <c r="D66087" s="1" t="s">
        <v>105161</v>
      </c>
      <c r="E66087" s="1" t="s">
        <v>220138</v>
      </c>
      <c r="F66087" s="1" t="s">
        <v>220139</v>
      </c>
      <c r="G66087" s="1" t="s">
        <v>220080</v>
      </c>
      <c r="H66087" s="1" t="s">
        <v>220081</v>
      </c>
      <c r="I66087" s="1" t="s">
        <v>218190</v>
      </c>
      <c r="J66087" s="1" t="s">
        <v>220140</v>
      </c>
    </row>
    <row r="66088" spans="1:10" x14ac:dyDescent="0.35">
      <c r="A66088" s="1" t="s">
        <v>111195</v>
      </c>
      <c r="B66088" s="1" t="s">
        <v>218185</v>
      </c>
      <c r="C66088" s="1" t="s">
        <v>110</v>
      </c>
      <c r="D66088" s="1" t="s">
        <v>8805</v>
      </c>
      <c r="E66088" s="1" t="s">
        <v>220141</v>
      </c>
      <c r="F66088" s="1" t="s">
        <v>220142</v>
      </c>
      <c r="G66088" s="1" t="s">
        <v>220080</v>
      </c>
      <c r="H66088" s="1" t="s">
        <v>220081</v>
      </c>
      <c r="I66088" s="1" t="s">
        <v>218190</v>
      </c>
      <c r="J66088" s="1" t="s">
        <v>220143</v>
      </c>
    </row>
    <row r="66089" spans="1:10" x14ac:dyDescent="0.35">
      <c r="A66089" s="1" t="s">
        <v>111195</v>
      </c>
      <c r="B66089" s="1" t="s">
        <v>218185</v>
      </c>
      <c r="C66089" s="1" t="s">
        <v>115</v>
      </c>
      <c r="D66089" s="1" t="s">
        <v>32792</v>
      </c>
      <c r="E66089" s="1" t="s">
        <v>220144</v>
      </c>
      <c r="F66089" s="1" t="s">
        <v>220145</v>
      </c>
      <c r="G66089" s="1" t="s">
        <v>220080</v>
      </c>
      <c r="H66089" s="1" t="s">
        <v>220081</v>
      </c>
      <c r="I66089" s="1" t="s">
        <v>218190</v>
      </c>
      <c r="J66089" s="1" t="s">
        <v>220146</v>
      </c>
    </row>
    <row r="66090" spans="1:10" x14ac:dyDescent="0.35">
      <c r="A66090" s="1" t="s">
        <v>111195</v>
      </c>
      <c r="B66090" s="1" t="s">
        <v>218185</v>
      </c>
      <c r="C66090" s="1" t="s">
        <v>120</v>
      </c>
      <c r="D66090" s="1" t="s">
        <v>17883</v>
      </c>
      <c r="E66090" s="1" t="s">
        <v>220147</v>
      </c>
      <c r="F66090" s="1" t="s">
        <v>220148</v>
      </c>
      <c r="G66090" s="1" t="s">
        <v>220080</v>
      </c>
      <c r="H66090" s="1" t="s">
        <v>220081</v>
      </c>
      <c r="I66090" s="1" t="s">
        <v>218190</v>
      </c>
      <c r="J66090" s="1" t="s">
        <v>220149</v>
      </c>
    </row>
    <row r="66091" spans="1:10" x14ac:dyDescent="0.35">
      <c r="A66091" s="1" t="s">
        <v>111195</v>
      </c>
      <c r="B66091" s="1" t="s">
        <v>218185</v>
      </c>
      <c r="C66091" s="1" t="s">
        <v>125</v>
      </c>
      <c r="D66091" s="1" t="s">
        <v>123128</v>
      </c>
      <c r="E66091" s="1" t="s">
        <v>220150</v>
      </c>
      <c r="F66091" s="1" t="s">
        <v>220151</v>
      </c>
      <c r="G66091" s="1" t="s">
        <v>220080</v>
      </c>
      <c r="H66091" s="1" t="s">
        <v>220081</v>
      </c>
      <c r="I66091" s="1" t="s">
        <v>218190</v>
      </c>
      <c r="J66091" s="1" t="s">
        <v>220152</v>
      </c>
    </row>
    <row r="66092" spans="1:10" x14ac:dyDescent="0.35">
      <c r="A66092" s="1" t="s">
        <v>111195</v>
      </c>
      <c r="B66092" s="1" t="s">
        <v>218185</v>
      </c>
      <c r="C66092" s="1" t="s">
        <v>130</v>
      </c>
      <c r="D66092" s="1" t="s">
        <v>71802</v>
      </c>
      <c r="E66092" s="1" t="s">
        <v>220153</v>
      </c>
      <c r="F66092" s="1" t="s">
        <v>220154</v>
      </c>
      <c r="G66092" s="1" t="s">
        <v>220080</v>
      </c>
      <c r="H66092" s="1" t="s">
        <v>220081</v>
      </c>
      <c r="I66092" s="1" t="s">
        <v>218190</v>
      </c>
      <c r="J66092" s="1" t="s">
        <v>220155</v>
      </c>
    </row>
    <row r="66093" spans="1:10" x14ac:dyDescent="0.35">
      <c r="A66093" s="1" t="s">
        <v>111195</v>
      </c>
      <c r="B66093" s="1" t="s">
        <v>218185</v>
      </c>
      <c r="C66093" s="1" t="s">
        <v>135</v>
      </c>
      <c r="D66093" s="1" t="s">
        <v>5171</v>
      </c>
      <c r="E66093" s="1" t="s">
        <v>220156</v>
      </c>
      <c r="F66093" s="1" t="s">
        <v>220157</v>
      </c>
      <c r="G66093" s="1" t="s">
        <v>220080</v>
      </c>
      <c r="H66093" s="1" t="s">
        <v>220081</v>
      </c>
      <c r="I66093" s="1" t="s">
        <v>218190</v>
      </c>
      <c r="J66093" s="1" t="s">
        <v>220158</v>
      </c>
    </row>
    <row r="66094" spans="1:10" x14ac:dyDescent="0.35">
      <c r="A66094" s="1" t="s">
        <v>111195</v>
      </c>
      <c r="B66094" s="1" t="s">
        <v>218185</v>
      </c>
      <c r="C66094" s="1" t="s">
        <v>140</v>
      </c>
      <c r="D66094" s="1" t="s">
        <v>202072</v>
      </c>
      <c r="E66094" s="1" t="s">
        <v>220159</v>
      </c>
      <c r="F66094" s="1" t="s">
        <v>220160</v>
      </c>
      <c r="G66094" s="1" t="s">
        <v>220080</v>
      </c>
      <c r="H66094" s="1" t="s">
        <v>220081</v>
      </c>
      <c r="I66094" s="1" t="s">
        <v>218190</v>
      </c>
      <c r="J66094" s="1" t="s">
        <v>220161</v>
      </c>
    </row>
    <row r="66095" spans="1:10" x14ac:dyDescent="0.35">
      <c r="A66095" s="1" t="s">
        <v>111195</v>
      </c>
      <c r="B66095" s="1" t="s">
        <v>218185</v>
      </c>
      <c r="C66095" s="1" t="s">
        <v>145</v>
      </c>
      <c r="D66095" s="1" t="s">
        <v>36785</v>
      </c>
      <c r="E66095" s="1" t="s">
        <v>220162</v>
      </c>
      <c r="F66095" s="1" t="s">
        <v>220163</v>
      </c>
      <c r="G66095" s="1" t="s">
        <v>220080</v>
      </c>
      <c r="H66095" s="1" t="s">
        <v>220081</v>
      </c>
      <c r="I66095" s="1" t="s">
        <v>218190</v>
      </c>
      <c r="J66095" s="1" t="s">
        <v>220164</v>
      </c>
    </row>
    <row r="66096" spans="1:10" x14ac:dyDescent="0.35">
      <c r="A66096" s="1" t="s">
        <v>111195</v>
      </c>
      <c r="B66096" s="1" t="s">
        <v>218185</v>
      </c>
      <c r="C66096" s="1" t="s">
        <v>150</v>
      </c>
      <c r="D66096" s="1" t="s">
        <v>185825</v>
      </c>
      <c r="E66096" s="1" t="s">
        <v>220165</v>
      </c>
      <c r="F66096" s="1" t="s">
        <v>220166</v>
      </c>
      <c r="G66096" s="1" t="s">
        <v>220080</v>
      </c>
      <c r="H66096" s="1" t="s">
        <v>220081</v>
      </c>
      <c r="I66096" s="1" t="s">
        <v>218190</v>
      </c>
      <c r="J66096" s="1" t="s">
        <v>220167</v>
      </c>
    </row>
    <row r="66097" spans="1:10" x14ac:dyDescent="0.35">
      <c r="A66097" s="1" t="s">
        <v>111195</v>
      </c>
      <c r="B66097" s="1" t="s">
        <v>218185</v>
      </c>
      <c r="C66097" s="1" t="s">
        <v>155</v>
      </c>
      <c r="D66097" s="1" t="s">
        <v>17210</v>
      </c>
      <c r="E66097" s="1" t="s">
        <v>220168</v>
      </c>
      <c r="F66097" s="1" t="s">
        <v>220169</v>
      </c>
      <c r="G66097" s="1" t="s">
        <v>220080</v>
      </c>
      <c r="H66097" s="1" t="s">
        <v>220081</v>
      </c>
      <c r="I66097" s="1" t="s">
        <v>218190</v>
      </c>
      <c r="J66097" s="1" t="s">
        <v>220170</v>
      </c>
    </row>
    <row r="66098" spans="1:10" x14ac:dyDescent="0.35">
      <c r="A66098" s="1" t="s">
        <v>111195</v>
      </c>
      <c r="B66098" s="1" t="s">
        <v>218185</v>
      </c>
      <c r="C66098" s="1" t="s">
        <v>160</v>
      </c>
      <c r="D66098" s="1" t="s">
        <v>185680</v>
      </c>
      <c r="E66098" s="1" t="s">
        <v>220171</v>
      </c>
      <c r="F66098" s="1" t="s">
        <v>220172</v>
      </c>
      <c r="G66098" s="1" t="s">
        <v>220080</v>
      </c>
      <c r="H66098" s="1" t="s">
        <v>220081</v>
      </c>
      <c r="I66098" s="1" t="s">
        <v>218190</v>
      </c>
      <c r="J66098" s="1" t="s">
        <v>220173</v>
      </c>
    </row>
    <row r="66099" spans="1:10" x14ac:dyDescent="0.35">
      <c r="A66099" s="1" t="s">
        <v>111195</v>
      </c>
      <c r="B66099" s="1" t="s">
        <v>218185</v>
      </c>
      <c r="C66099" s="1" t="s">
        <v>165</v>
      </c>
      <c r="D66099" s="1" t="s">
        <v>173678</v>
      </c>
      <c r="E66099" s="1" t="s">
        <v>220174</v>
      </c>
      <c r="F66099" s="1" t="s">
        <v>220175</v>
      </c>
      <c r="G66099" s="1" t="s">
        <v>220080</v>
      </c>
      <c r="H66099" s="1" t="s">
        <v>220081</v>
      </c>
      <c r="I66099" s="1" t="s">
        <v>218190</v>
      </c>
      <c r="J66099" s="1" t="s">
        <v>220176</v>
      </c>
    </row>
    <row r="66100" spans="1:10" x14ac:dyDescent="0.35">
      <c r="A66100" s="1" t="s">
        <v>111195</v>
      </c>
      <c r="B66100" s="1" t="s">
        <v>218185</v>
      </c>
      <c r="C66100" s="1" t="s">
        <v>170</v>
      </c>
      <c r="D66100" s="1" t="s">
        <v>10697</v>
      </c>
      <c r="E66100" s="1" t="s">
        <v>220177</v>
      </c>
      <c r="F66100" s="1" t="s">
        <v>220178</v>
      </c>
      <c r="G66100" s="1" t="s">
        <v>220080</v>
      </c>
      <c r="H66100" s="1" t="s">
        <v>220081</v>
      </c>
      <c r="I66100" s="1" t="s">
        <v>218190</v>
      </c>
      <c r="J66100" s="1" t="s">
        <v>220179</v>
      </c>
    </row>
    <row r="66101" spans="1:10" x14ac:dyDescent="0.35">
      <c r="A66101" s="1" t="s">
        <v>29327</v>
      </c>
      <c r="B66101" s="1" t="s">
        <v>218185</v>
      </c>
      <c r="C66101" s="1" t="s">
        <v>8</v>
      </c>
      <c r="D66101" s="1" t="s">
        <v>153586</v>
      </c>
      <c r="E66101" s="1" t="s">
        <v>220180</v>
      </c>
      <c r="F66101" s="1" t="s">
        <v>220181</v>
      </c>
      <c r="G66101" s="1" t="s">
        <v>220182</v>
      </c>
      <c r="H66101" s="1" t="s">
        <v>220183</v>
      </c>
      <c r="I66101" s="1" t="s">
        <v>218190</v>
      </c>
      <c r="J66101" s="1" t="s">
        <v>13</v>
      </c>
    </row>
    <row r="66102" spans="1:10" x14ac:dyDescent="0.35">
      <c r="A66102" s="1" t="s">
        <v>29327</v>
      </c>
      <c r="B66102" s="1" t="s">
        <v>218185</v>
      </c>
      <c r="C66102" s="1" t="s">
        <v>15</v>
      </c>
      <c r="D66102" s="1" t="s">
        <v>211283</v>
      </c>
      <c r="E66102" s="1" t="s">
        <v>220184</v>
      </c>
      <c r="F66102" s="1" t="s">
        <v>220185</v>
      </c>
      <c r="G66102" s="1" t="s">
        <v>220182</v>
      </c>
      <c r="H66102" s="1" t="s">
        <v>220183</v>
      </c>
      <c r="I66102" s="1" t="s">
        <v>218190</v>
      </c>
      <c r="J66102" s="1" t="s">
        <v>220186</v>
      </c>
    </row>
    <row r="66103" spans="1:10" x14ac:dyDescent="0.35">
      <c r="A66103" s="1" t="s">
        <v>29327</v>
      </c>
      <c r="B66103" s="1" t="s">
        <v>218185</v>
      </c>
      <c r="C66103" s="1" t="s">
        <v>20</v>
      </c>
      <c r="D66103" s="1" t="s">
        <v>19790</v>
      </c>
      <c r="E66103" s="1" t="s">
        <v>220187</v>
      </c>
      <c r="F66103" s="1" t="s">
        <v>220188</v>
      </c>
      <c r="G66103" s="1" t="s">
        <v>220182</v>
      </c>
      <c r="H66103" s="1" t="s">
        <v>220183</v>
      </c>
      <c r="I66103" s="1" t="s">
        <v>218190</v>
      </c>
      <c r="J66103" s="1" t="s">
        <v>220189</v>
      </c>
    </row>
    <row r="66104" spans="1:10" x14ac:dyDescent="0.35">
      <c r="A66104" s="1" t="s">
        <v>29327</v>
      </c>
      <c r="B66104" s="1" t="s">
        <v>218185</v>
      </c>
      <c r="C66104" s="1" t="s">
        <v>25</v>
      </c>
      <c r="D66104" s="1" t="s">
        <v>6722</v>
      </c>
      <c r="E66104" s="1" t="s">
        <v>220190</v>
      </c>
      <c r="F66104" s="1" t="s">
        <v>220191</v>
      </c>
      <c r="G66104" s="1" t="s">
        <v>220182</v>
      </c>
      <c r="H66104" s="1" t="s">
        <v>220183</v>
      </c>
      <c r="I66104" s="1" t="s">
        <v>218190</v>
      </c>
      <c r="J66104" s="1" t="s">
        <v>220192</v>
      </c>
    </row>
    <row r="66105" spans="1:10" x14ac:dyDescent="0.35">
      <c r="A66105" s="1" t="s">
        <v>29327</v>
      </c>
      <c r="B66105" s="1" t="s">
        <v>218185</v>
      </c>
      <c r="C66105" s="1" t="s">
        <v>30</v>
      </c>
      <c r="D66105" s="1" t="s">
        <v>189012</v>
      </c>
      <c r="E66105" s="1" t="s">
        <v>220193</v>
      </c>
      <c r="F66105" s="1" t="s">
        <v>220194</v>
      </c>
      <c r="G66105" s="1" t="s">
        <v>220182</v>
      </c>
      <c r="H66105" s="1" t="s">
        <v>220183</v>
      </c>
      <c r="I66105" s="1" t="s">
        <v>218190</v>
      </c>
      <c r="J66105" s="1" t="s">
        <v>220195</v>
      </c>
    </row>
    <row r="66106" spans="1:10" x14ac:dyDescent="0.35">
      <c r="A66106" s="1" t="s">
        <v>29327</v>
      </c>
      <c r="B66106" s="1" t="s">
        <v>218185</v>
      </c>
      <c r="C66106" s="1" t="s">
        <v>35</v>
      </c>
      <c r="D66106" s="1" t="s">
        <v>144185</v>
      </c>
      <c r="E66106" s="1" t="s">
        <v>220196</v>
      </c>
      <c r="F66106" s="1" t="s">
        <v>220197</v>
      </c>
      <c r="G66106" s="1" t="s">
        <v>220182</v>
      </c>
      <c r="H66106" s="1" t="s">
        <v>220183</v>
      </c>
      <c r="I66106" s="1" t="s">
        <v>218190</v>
      </c>
      <c r="J66106" s="1" t="s">
        <v>220198</v>
      </c>
    </row>
    <row r="66107" spans="1:10" x14ac:dyDescent="0.35">
      <c r="A66107" s="1" t="s">
        <v>29327</v>
      </c>
      <c r="B66107" s="1" t="s">
        <v>218185</v>
      </c>
      <c r="C66107" s="1" t="s">
        <v>40</v>
      </c>
      <c r="D66107" s="1" t="s">
        <v>28232</v>
      </c>
      <c r="E66107" s="1" t="s">
        <v>220199</v>
      </c>
      <c r="F66107" s="1" t="s">
        <v>220200</v>
      </c>
      <c r="G66107" s="1" t="s">
        <v>220182</v>
      </c>
      <c r="H66107" s="1" t="s">
        <v>220183</v>
      </c>
      <c r="I66107" s="1" t="s">
        <v>218190</v>
      </c>
      <c r="J66107" s="1" t="s">
        <v>220201</v>
      </c>
    </row>
    <row r="66108" spans="1:10" x14ac:dyDescent="0.35">
      <c r="A66108" s="1" t="s">
        <v>29327</v>
      </c>
      <c r="B66108" s="1" t="s">
        <v>218185</v>
      </c>
      <c r="C66108" s="1" t="s">
        <v>45</v>
      </c>
      <c r="D66108" s="1" t="s">
        <v>118299</v>
      </c>
      <c r="E66108" s="1" t="s">
        <v>220202</v>
      </c>
      <c r="F66108" s="1" t="s">
        <v>220203</v>
      </c>
      <c r="G66108" s="1" t="s">
        <v>220182</v>
      </c>
      <c r="H66108" s="1" t="s">
        <v>220183</v>
      </c>
      <c r="I66108" s="1" t="s">
        <v>218190</v>
      </c>
      <c r="J66108" s="1" t="s">
        <v>220204</v>
      </c>
    </row>
    <row r="66109" spans="1:10" x14ac:dyDescent="0.35">
      <c r="A66109" s="1" t="s">
        <v>29327</v>
      </c>
      <c r="B66109" s="1" t="s">
        <v>218185</v>
      </c>
      <c r="C66109" s="1" t="s">
        <v>50</v>
      </c>
      <c r="D66109" s="1" t="s">
        <v>16200</v>
      </c>
      <c r="E66109" s="1" t="s">
        <v>220205</v>
      </c>
      <c r="F66109" s="1" t="s">
        <v>220206</v>
      </c>
      <c r="G66109" s="1" t="s">
        <v>220182</v>
      </c>
      <c r="H66109" s="1" t="s">
        <v>220183</v>
      </c>
      <c r="I66109" s="1" t="s">
        <v>218190</v>
      </c>
      <c r="J66109" s="1" t="s">
        <v>220207</v>
      </c>
    </row>
    <row r="66110" spans="1:10" x14ac:dyDescent="0.35">
      <c r="A66110" s="1" t="s">
        <v>29327</v>
      </c>
      <c r="B66110" s="1" t="s">
        <v>218185</v>
      </c>
      <c r="C66110" s="1" t="s">
        <v>55</v>
      </c>
      <c r="D66110" s="1" t="s">
        <v>9280</v>
      </c>
      <c r="E66110" s="1" t="s">
        <v>220208</v>
      </c>
      <c r="F66110" s="1" t="s">
        <v>220209</v>
      </c>
      <c r="G66110" s="1" t="s">
        <v>220182</v>
      </c>
      <c r="H66110" s="1" t="s">
        <v>220183</v>
      </c>
      <c r="I66110" s="1" t="s">
        <v>218190</v>
      </c>
      <c r="J66110" s="1" t="s">
        <v>220210</v>
      </c>
    </row>
    <row r="66111" spans="1:10" x14ac:dyDescent="0.35">
      <c r="A66111" s="1" t="s">
        <v>29327</v>
      </c>
      <c r="B66111" s="1" t="s">
        <v>218185</v>
      </c>
      <c r="C66111" s="1" t="s">
        <v>60</v>
      </c>
      <c r="D66111" s="1" t="s">
        <v>49385</v>
      </c>
      <c r="E66111" s="1" t="s">
        <v>220211</v>
      </c>
      <c r="F66111" s="1" t="s">
        <v>220212</v>
      </c>
      <c r="G66111" s="1" t="s">
        <v>220182</v>
      </c>
      <c r="H66111" s="1" t="s">
        <v>220183</v>
      </c>
      <c r="I66111" s="1" t="s">
        <v>218190</v>
      </c>
      <c r="J66111" s="1" t="s">
        <v>220213</v>
      </c>
    </row>
    <row r="66112" spans="1:10" x14ac:dyDescent="0.35">
      <c r="A66112" s="1" t="s">
        <v>29327</v>
      </c>
      <c r="B66112" s="1" t="s">
        <v>218185</v>
      </c>
      <c r="C66112" s="1" t="s">
        <v>65</v>
      </c>
      <c r="D66112" s="1" t="s">
        <v>2303</v>
      </c>
      <c r="E66112" s="1" t="s">
        <v>220214</v>
      </c>
      <c r="F66112" s="1" t="s">
        <v>220215</v>
      </c>
      <c r="G66112" s="1" t="s">
        <v>220182</v>
      </c>
      <c r="H66112" s="1" t="s">
        <v>220183</v>
      </c>
      <c r="I66112" s="1" t="s">
        <v>218190</v>
      </c>
      <c r="J66112" s="1" t="s">
        <v>220216</v>
      </c>
    </row>
    <row r="66113" spans="1:10" x14ac:dyDescent="0.35">
      <c r="A66113" s="1" t="s">
        <v>29327</v>
      </c>
      <c r="B66113" s="1" t="s">
        <v>218185</v>
      </c>
      <c r="C66113" s="1" t="s">
        <v>70</v>
      </c>
      <c r="D66113" s="1" t="s">
        <v>44906</v>
      </c>
      <c r="E66113" s="1" t="s">
        <v>220217</v>
      </c>
      <c r="F66113" s="1" t="s">
        <v>220218</v>
      </c>
      <c r="G66113" s="1" t="s">
        <v>220182</v>
      </c>
      <c r="H66113" s="1" t="s">
        <v>220183</v>
      </c>
      <c r="I66113" s="1" t="s">
        <v>218190</v>
      </c>
      <c r="J66113" s="1" t="s">
        <v>220219</v>
      </c>
    </row>
    <row r="66114" spans="1:10" x14ac:dyDescent="0.35">
      <c r="A66114" s="1" t="s">
        <v>29327</v>
      </c>
      <c r="B66114" s="1" t="s">
        <v>218185</v>
      </c>
      <c r="C66114" s="1" t="s">
        <v>75</v>
      </c>
      <c r="D66114" s="1" t="s">
        <v>48672</v>
      </c>
      <c r="E66114" s="1" t="s">
        <v>220220</v>
      </c>
      <c r="F66114" s="1" t="s">
        <v>220221</v>
      </c>
      <c r="G66114" s="1" t="s">
        <v>220182</v>
      </c>
      <c r="H66114" s="1" t="s">
        <v>220183</v>
      </c>
      <c r="I66114" s="1" t="s">
        <v>218190</v>
      </c>
      <c r="J66114" s="1" t="s">
        <v>220222</v>
      </c>
    </row>
    <row r="66115" spans="1:10" x14ac:dyDescent="0.35">
      <c r="A66115" s="1" t="s">
        <v>29327</v>
      </c>
      <c r="B66115" s="1" t="s">
        <v>218185</v>
      </c>
      <c r="C66115" s="1" t="s">
        <v>80</v>
      </c>
      <c r="D66115" s="1" t="s">
        <v>6653</v>
      </c>
      <c r="E66115" s="1" t="s">
        <v>220223</v>
      </c>
      <c r="F66115" s="1" t="s">
        <v>220224</v>
      </c>
      <c r="G66115" s="1" t="s">
        <v>220182</v>
      </c>
      <c r="H66115" s="1" t="s">
        <v>220183</v>
      </c>
      <c r="I66115" s="1" t="s">
        <v>218190</v>
      </c>
      <c r="J66115" s="1" t="s">
        <v>220225</v>
      </c>
    </row>
    <row r="66116" spans="1:10" x14ac:dyDescent="0.35">
      <c r="A66116" s="1" t="s">
        <v>29327</v>
      </c>
      <c r="B66116" s="1" t="s">
        <v>218185</v>
      </c>
      <c r="C66116" s="1" t="s">
        <v>85</v>
      </c>
      <c r="D66116" s="1" t="s">
        <v>35030</v>
      </c>
      <c r="E66116" s="1" t="s">
        <v>220226</v>
      </c>
      <c r="F66116" s="1" t="s">
        <v>220227</v>
      </c>
      <c r="G66116" s="1" t="s">
        <v>220182</v>
      </c>
      <c r="H66116" s="1" t="s">
        <v>220183</v>
      </c>
      <c r="I66116" s="1" t="s">
        <v>218190</v>
      </c>
      <c r="J66116" s="1" t="s">
        <v>220228</v>
      </c>
    </row>
    <row r="66117" spans="1:10" x14ac:dyDescent="0.35">
      <c r="A66117" s="1" t="s">
        <v>29327</v>
      </c>
      <c r="B66117" s="1" t="s">
        <v>218185</v>
      </c>
      <c r="C66117" s="1" t="s">
        <v>90</v>
      </c>
      <c r="D66117" s="1" t="s">
        <v>118194</v>
      </c>
      <c r="E66117" s="1" t="s">
        <v>220229</v>
      </c>
      <c r="F66117" s="1" t="s">
        <v>220230</v>
      </c>
      <c r="G66117" s="1" t="s">
        <v>220182</v>
      </c>
      <c r="H66117" s="1" t="s">
        <v>220183</v>
      </c>
      <c r="I66117" s="1" t="s">
        <v>218190</v>
      </c>
      <c r="J66117" s="1" t="s">
        <v>220231</v>
      </c>
    </row>
    <row r="66118" spans="1:10" x14ac:dyDescent="0.35">
      <c r="A66118" s="1" t="s">
        <v>29327</v>
      </c>
      <c r="B66118" s="1" t="s">
        <v>218185</v>
      </c>
      <c r="C66118" s="1" t="s">
        <v>95</v>
      </c>
      <c r="D66118" s="1" t="s">
        <v>204925</v>
      </c>
      <c r="E66118" s="1" t="s">
        <v>220232</v>
      </c>
      <c r="F66118" s="1" t="s">
        <v>220233</v>
      </c>
      <c r="G66118" s="1" t="s">
        <v>220182</v>
      </c>
      <c r="H66118" s="1" t="s">
        <v>220183</v>
      </c>
      <c r="I66118" s="1" t="s">
        <v>218190</v>
      </c>
      <c r="J66118" s="1" t="s">
        <v>220234</v>
      </c>
    </row>
    <row r="66119" spans="1:10" x14ac:dyDescent="0.35">
      <c r="A66119" s="1" t="s">
        <v>29327</v>
      </c>
      <c r="B66119" s="1" t="s">
        <v>218185</v>
      </c>
      <c r="C66119" s="1" t="s">
        <v>100</v>
      </c>
      <c r="D66119" s="1" t="s">
        <v>34325</v>
      </c>
      <c r="E66119" s="1" t="s">
        <v>220235</v>
      </c>
      <c r="F66119" s="1" t="s">
        <v>220236</v>
      </c>
      <c r="G66119" s="1" t="s">
        <v>220182</v>
      </c>
      <c r="H66119" s="1" t="s">
        <v>220183</v>
      </c>
      <c r="I66119" s="1" t="s">
        <v>218190</v>
      </c>
      <c r="J66119" s="1" t="s">
        <v>220237</v>
      </c>
    </row>
    <row r="66120" spans="1:10" x14ac:dyDescent="0.35">
      <c r="A66120" s="1" t="s">
        <v>29327</v>
      </c>
      <c r="B66120" s="1" t="s">
        <v>218185</v>
      </c>
      <c r="C66120" s="1" t="s">
        <v>105</v>
      </c>
      <c r="D66120" s="1" t="s">
        <v>111776</v>
      </c>
      <c r="E66120" s="1" t="s">
        <v>220238</v>
      </c>
      <c r="F66120" s="1" t="s">
        <v>220239</v>
      </c>
      <c r="G66120" s="1" t="s">
        <v>220182</v>
      </c>
      <c r="H66120" s="1" t="s">
        <v>220183</v>
      </c>
      <c r="I66120" s="1" t="s">
        <v>218190</v>
      </c>
      <c r="J66120" s="1" t="s">
        <v>220240</v>
      </c>
    </row>
    <row r="66121" spans="1:10" x14ac:dyDescent="0.35">
      <c r="A66121" s="1" t="s">
        <v>29327</v>
      </c>
      <c r="B66121" s="1" t="s">
        <v>218185</v>
      </c>
      <c r="C66121" s="1" t="s">
        <v>110</v>
      </c>
      <c r="D66121" s="1" t="s">
        <v>104357</v>
      </c>
      <c r="E66121" s="1" t="s">
        <v>220241</v>
      </c>
      <c r="F66121" s="1" t="s">
        <v>220242</v>
      </c>
      <c r="G66121" s="1" t="s">
        <v>220182</v>
      </c>
      <c r="H66121" s="1" t="s">
        <v>220183</v>
      </c>
      <c r="I66121" s="1" t="s">
        <v>218190</v>
      </c>
      <c r="J66121" s="1" t="s">
        <v>220243</v>
      </c>
    </row>
    <row r="66122" spans="1:10" x14ac:dyDescent="0.35">
      <c r="A66122" s="1" t="s">
        <v>29327</v>
      </c>
      <c r="B66122" s="1" t="s">
        <v>218185</v>
      </c>
      <c r="C66122" s="1" t="s">
        <v>115</v>
      </c>
      <c r="D66122" s="1" t="s">
        <v>161323</v>
      </c>
      <c r="E66122" s="1" t="s">
        <v>220244</v>
      </c>
      <c r="F66122" s="1" t="s">
        <v>220245</v>
      </c>
      <c r="G66122" s="1" t="s">
        <v>220182</v>
      </c>
      <c r="H66122" s="1" t="s">
        <v>220183</v>
      </c>
      <c r="I66122" s="1" t="s">
        <v>218190</v>
      </c>
      <c r="J66122" s="1" t="s">
        <v>220246</v>
      </c>
    </row>
    <row r="66123" spans="1:10" x14ac:dyDescent="0.35">
      <c r="A66123" s="1" t="s">
        <v>29327</v>
      </c>
      <c r="B66123" s="1" t="s">
        <v>218185</v>
      </c>
      <c r="C66123" s="1" t="s">
        <v>120</v>
      </c>
      <c r="D66123" s="1" t="s">
        <v>35111</v>
      </c>
      <c r="E66123" s="1" t="s">
        <v>220247</v>
      </c>
      <c r="F66123" s="1" t="s">
        <v>220248</v>
      </c>
      <c r="G66123" s="1" t="s">
        <v>220182</v>
      </c>
      <c r="H66123" s="1" t="s">
        <v>220183</v>
      </c>
      <c r="I66123" s="1" t="s">
        <v>218190</v>
      </c>
      <c r="J66123" s="1" t="s">
        <v>220249</v>
      </c>
    </row>
    <row r="66124" spans="1:10" x14ac:dyDescent="0.35">
      <c r="A66124" s="1" t="s">
        <v>29327</v>
      </c>
      <c r="B66124" s="1" t="s">
        <v>218185</v>
      </c>
      <c r="C66124" s="1" t="s">
        <v>125</v>
      </c>
      <c r="D66124" s="1" t="s">
        <v>35302</v>
      </c>
      <c r="E66124" s="1" t="s">
        <v>220250</v>
      </c>
      <c r="F66124" s="1" t="s">
        <v>220251</v>
      </c>
      <c r="G66124" s="1" t="s">
        <v>220182</v>
      </c>
      <c r="H66124" s="1" t="s">
        <v>220183</v>
      </c>
      <c r="I66124" s="1" t="s">
        <v>218190</v>
      </c>
      <c r="J66124" s="1" t="s">
        <v>220252</v>
      </c>
    </row>
    <row r="66125" spans="1:10" x14ac:dyDescent="0.35">
      <c r="A66125" s="1" t="s">
        <v>29327</v>
      </c>
      <c r="B66125" s="1" t="s">
        <v>218185</v>
      </c>
      <c r="C66125" s="1" t="s">
        <v>130</v>
      </c>
      <c r="D66125" s="1" t="s">
        <v>28332</v>
      </c>
      <c r="E66125" s="1" t="s">
        <v>220253</v>
      </c>
      <c r="F66125" s="1" t="s">
        <v>220254</v>
      </c>
      <c r="G66125" s="1" t="s">
        <v>220182</v>
      </c>
      <c r="H66125" s="1" t="s">
        <v>220183</v>
      </c>
      <c r="I66125" s="1" t="s">
        <v>218190</v>
      </c>
      <c r="J66125" s="1" t="s">
        <v>220255</v>
      </c>
    </row>
    <row r="66126" spans="1:10" x14ac:dyDescent="0.35">
      <c r="A66126" s="1" t="s">
        <v>29327</v>
      </c>
      <c r="B66126" s="1" t="s">
        <v>218185</v>
      </c>
      <c r="C66126" s="1" t="s">
        <v>135</v>
      </c>
      <c r="D66126" s="1" t="s">
        <v>219583</v>
      </c>
      <c r="E66126" s="1" t="s">
        <v>220256</v>
      </c>
      <c r="F66126" s="1" t="s">
        <v>220257</v>
      </c>
      <c r="G66126" s="1" t="s">
        <v>220182</v>
      </c>
      <c r="H66126" s="1" t="s">
        <v>220183</v>
      </c>
      <c r="I66126" s="1" t="s">
        <v>218190</v>
      </c>
      <c r="J66126" s="1" t="s">
        <v>220258</v>
      </c>
    </row>
    <row r="66127" spans="1:10" x14ac:dyDescent="0.35">
      <c r="A66127" s="1" t="s">
        <v>29327</v>
      </c>
      <c r="B66127" s="1" t="s">
        <v>218185</v>
      </c>
      <c r="C66127" s="1" t="s">
        <v>140</v>
      </c>
      <c r="D66127" s="1" t="s">
        <v>36771</v>
      </c>
      <c r="E66127" s="1" t="s">
        <v>220259</v>
      </c>
      <c r="F66127" s="1" t="s">
        <v>220260</v>
      </c>
      <c r="G66127" s="1" t="s">
        <v>220182</v>
      </c>
      <c r="H66127" s="1" t="s">
        <v>220183</v>
      </c>
      <c r="I66127" s="1" t="s">
        <v>218190</v>
      </c>
      <c r="J66127" s="1" t="s">
        <v>220261</v>
      </c>
    </row>
    <row r="66128" spans="1:10" x14ac:dyDescent="0.35">
      <c r="A66128" s="1" t="s">
        <v>29327</v>
      </c>
      <c r="B66128" s="1" t="s">
        <v>218185</v>
      </c>
      <c r="C66128" s="1" t="s">
        <v>145</v>
      </c>
      <c r="D66128" s="1" t="s">
        <v>82305</v>
      </c>
      <c r="E66128" s="1" t="s">
        <v>220262</v>
      </c>
      <c r="F66128" s="1" t="s">
        <v>220263</v>
      </c>
      <c r="G66128" s="1" t="s">
        <v>220182</v>
      </c>
      <c r="H66128" s="1" t="s">
        <v>220183</v>
      </c>
      <c r="I66128" s="1" t="s">
        <v>218190</v>
      </c>
      <c r="J66128" s="1" t="s">
        <v>220264</v>
      </c>
    </row>
    <row r="66129" spans="1:10" x14ac:dyDescent="0.35">
      <c r="A66129" s="1" t="s">
        <v>29327</v>
      </c>
      <c r="B66129" s="1" t="s">
        <v>218185</v>
      </c>
      <c r="C66129" s="1" t="s">
        <v>150</v>
      </c>
      <c r="D66129" s="1" t="s">
        <v>43127</v>
      </c>
      <c r="E66129" s="1" t="s">
        <v>220265</v>
      </c>
      <c r="F66129" s="1" t="s">
        <v>220266</v>
      </c>
      <c r="G66129" s="1" t="s">
        <v>220182</v>
      </c>
      <c r="H66129" s="1" t="s">
        <v>220183</v>
      </c>
      <c r="I66129" s="1" t="s">
        <v>218190</v>
      </c>
      <c r="J66129" s="1" t="s">
        <v>220267</v>
      </c>
    </row>
    <row r="66130" spans="1:10" x14ac:dyDescent="0.35">
      <c r="A66130" s="1" t="s">
        <v>29327</v>
      </c>
      <c r="B66130" s="1" t="s">
        <v>218185</v>
      </c>
      <c r="C66130" s="1" t="s">
        <v>155</v>
      </c>
      <c r="D66130" s="1" t="s">
        <v>51312</v>
      </c>
      <c r="E66130" s="1" t="s">
        <v>220268</v>
      </c>
      <c r="F66130" s="1" t="s">
        <v>220269</v>
      </c>
      <c r="G66130" s="1" t="s">
        <v>220182</v>
      </c>
      <c r="H66130" s="1" t="s">
        <v>220183</v>
      </c>
      <c r="I66130" s="1" t="s">
        <v>218190</v>
      </c>
      <c r="J66130" s="1" t="s">
        <v>220270</v>
      </c>
    </row>
    <row r="66131" spans="1:10" x14ac:dyDescent="0.35">
      <c r="A66131" s="1" t="s">
        <v>29327</v>
      </c>
      <c r="B66131" s="1" t="s">
        <v>218185</v>
      </c>
      <c r="C66131" s="1" t="s">
        <v>160</v>
      </c>
      <c r="D66131" s="1" t="s">
        <v>36220</v>
      </c>
      <c r="E66131" s="1" t="s">
        <v>220271</v>
      </c>
      <c r="F66131" s="1" t="s">
        <v>220272</v>
      </c>
      <c r="G66131" s="1" t="s">
        <v>220182</v>
      </c>
      <c r="H66131" s="1" t="s">
        <v>220183</v>
      </c>
      <c r="I66131" s="1" t="s">
        <v>218190</v>
      </c>
      <c r="J66131" s="1" t="s">
        <v>220273</v>
      </c>
    </row>
    <row r="66132" spans="1:10" x14ac:dyDescent="0.35">
      <c r="A66132" s="1" t="s">
        <v>29327</v>
      </c>
      <c r="B66132" s="1" t="s">
        <v>218185</v>
      </c>
      <c r="C66132" s="1" t="s">
        <v>165</v>
      </c>
      <c r="D66132" s="1" t="s">
        <v>161300</v>
      </c>
      <c r="E66132" s="1" t="s">
        <v>220274</v>
      </c>
      <c r="F66132" s="1" t="s">
        <v>220275</v>
      </c>
      <c r="G66132" s="1" t="s">
        <v>220182</v>
      </c>
      <c r="H66132" s="1" t="s">
        <v>220183</v>
      </c>
      <c r="I66132" s="1" t="s">
        <v>218190</v>
      </c>
      <c r="J66132" s="1" t="s">
        <v>220276</v>
      </c>
    </row>
    <row r="66133" spans="1:10" x14ac:dyDescent="0.35">
      <c r="A66133" s="1" t="s">
        <v>29327</v>
      </c>
      <c r="B66133" s="1" t="s">
        <v>218185</v>
      </c>
      <c r="C66133" s="1" t="s">
        <v>170</v>
      </c>
      <c r="D66133" s="1" t="s">
        <v>14580</v>
      </c>
      <c r="E66133" s="1" t="s">
        <v>220277</v>
      </c>
      <c r="F66133" s="1" t="s">
        <v>220278</v>
      </c>
      <c r="G66133" s="1" t="s">
        <v>220182</v>
      </c>
      <c r="H66133" s="1" t="s">
        <v>220183</v>
      </c>
      <c r="I66133" s="1" t="s">
        <v>218190</v>
      </c>
      <c r="J66133" s="1" t="s">
        <v>220279</v>
      </c>
    </row>
    <row r="66134" spans="1:10" x14ac:dyDescent="0.35">
      <c r="A66134" s="1" t="s">
        <v>4038</v>
      </c>
      <c r="B66134" s="1" t="s">
        <v>218185</v>
      </c>
      <c r="C66134" s="1" t="s">
        <v>8</v>
      </c>
      <c r="D66134" s="1" t="s">
        <v>31646</v>
      </c>
      <c r="E66134" s="1" t="s">
        <v>220280</v>
      </c>
      <c r="F66134" s="1" t="s">
        <v>220281</v>
      </c>
      <c r="G66134" s="1" t="s">
        <v>220282</v>
      </c>
      <c r="H66134" s="1" t="s">
        <v>220283</v>
      </c>
      <c r="I66134" s="1" t="s">
        <v>218190</v>
      </c>
      <c r="J66134" s="1" t="s">
        <v>13</v>
      </c>
    </row>
    <row r="66135" spans="1:10" x14ac:dyDescent="0.35">
      <c r="A66135" s="1" t="s">
        <v>4038</v>
      </c>
      <c r="B66135" s="1" t="s">
        <v>218185</v>
      </c>
      <c r="C66135" s="1" t="s">
        <v>15</v>
      </c>
      <c r="D66135" s="1" t="s">
        <v>124297</v>
      </c>
      <c r="E66135" s="1" t="s">
        <v>220284</v>
      </c>
      <c r="F66135" s="1" t="s">
        <v>220285</v>
      </c>
      <c r="G66135" s="1" t="s">
        <v>220282</v>
      </c>
      <c r="H66135" s="1" t="s">
        <v>220283</v>
      </c>
      <c r="I66135" s="1" t="s">
        <v>218190</v>
      </c>
      <c r="J66135" s="1" t="s">
        <v>220286</v>
      </c>
    </row>
    <row r="66136" spans="1:10" x14ac:dyDescent="0.35">
      <c r="A66136" s="1" t="s">
        <v>4038</v>
      </c>
      <c r="B66136" s="1" t="s">
        <v>218185</v>
      </c>
      <c r="C66136" s="1" t="s">
        <v>20</v>
      </c>
      <c r="D66136" s="1" t="s">
        <v>154907</v>
      </c>
      <c r="E66136" s="1" t="s">
        <v>220287</v>
      </c>
      <c r="F66136" s="1" t="s">
        <v>220288</v>
      </c>
      <c r="G66136" s="1" t="s">
        <v>220282</v>
      </c>
      <c r="H66136" s="1" t="s">
        <v>220283</v>
      </c>
      <c r="I66136" s="1" t="s">
        <v>218190</v>
      </c>
      <c r="J66136" s="1" t="s">
        <v>220289</v>
      </c>
    </row>
    <row r="66137" spans="1:10" x14ac:dyDescent="0.35">
      <c r="A66137" s="1" t="s">
        <v>4038</v>
      </c>
      <c r="B66137" s="1" t="s">
        <v>218185</v>
      </c>
      <c r="C66137" s="1" t="s">
        <v>25</v>
      </c>
      <c r="D66137" s="1" t="s">
        <v>5433</v>
      </c>
      <c r="E66137" s="1" t="s">
        <v>220290</v>
      </c>
      <c r="F66137" s="1" t="s">
        <v>220291</v>
      </c>
      <c r="G66137" s="1" t="s">
        <v>220282</v>
      </c>
      <c r="H66137" s="1" t="s">
        <v>220283</v>
      </c>
      <c r="I66137" s="1" t="s">
        <v>218190</v>
      </c>
      <c r="J66137" s="1" t="s">
        <v>220292</v>
      </c>
    </row>
    <row r="66138" spans="1:10" x14ac:dyDescent="0.35">
      <c r="A66138" s="1" t="s">
        <v>4038</v>
      </c>
      <c r="B66138" s="1" t="s">
        <v>218185</v>
      </c>
      <c r="C66138" s="1" t="s">
        <v>30</v>
      </c>
      <c r="D66138" s="1" t="s">
        <v>613</v>
      </c>
      <c r="E66138" s="1" t="s">
        <v>220293</v>
      </c>
      <c r="F66138" s="1" t="s">
        <v>220294</v>
      </c>
      <c r="G66138" s="1" t="s">
        <v>220282</v>
      </c>
      <c r="H66138" s="1" t="s">
        <v>220283</v>
      </c>
      <c r="I66138" s="1" t="s">
        <v>218190</v>
      </c>
      <c r="J66138" s="1" t="s">
        <v>220295</v>
      </c>
    </row>
    <row r="66139" spans="1:10" x14ac:dyDescent="0.35">
      <c r="A66139" s="1" t="s">
        <v>4038</v>
      </c>
      <c r="B66139" s="1" t="s">
        <v>218185</v>
      </c>
      <c r="C66139" s="1" t="s">
        <v>35</v>
      </c>
      <c r="D66139" s="1" t="s">
        <v>169985</v>
      </c>
      <c r="E66139" s="1" t="s">
        <v>220296</v>
      </c>
      <c r="F66139" s="1" t="s">
        <v>220297</v>
      </c>
      <c r="G66139" s="1" t="s">
        <v>220282</v>
      </c>
      <c r="H66139" s="1" t="s">
        <v>220283</v>
      </c>
      <c r="I66139" s="1" t="s">
        <v>218190</v>
      </c>
      <c r="J66139" s="1" t="s">
        <v>220298</v>
      </c>
    </row>
    <row r="66140" spans="1:10" x14ac:dyDescent="0.35">
      <c r="A66140" s="1" t="s">
        <v>4038</v>
      </c>
      <c r="B66140" s="1" t="s">
        <v>218185</v>
      </c>
      <c r="C66140" s="1" t="s">
        <v>40</v>
      </c>
      <c r="D66140" s="1" t="s">
        <v>34953</v>
      </c>
      <c r="E66140" s="1" t="s">
        <v>220299</v>
      </c>
      <c r="F66140" s="1" t="s">
        <v>220300</v>
      </c>
      <c r="G66140" s="1" t="s">
        <v>220282</v>
      </c>
      <c r="H66140" s="1" t="s">
        <v>220283</v>
      </c>
      <c r="I66140" s="1" t="s">
        <v>218190</v>
      </c>
      <c r="J66140" s="1" t="s">
        <v>220301</v>
      </c>
    </row>
    <row r="66141" spans="1:10" x14ac:dyDescent="0.35">
      <c r="A66141" s="1" t="s">
        <v>4038</v>
      </c>
      <c r="B66141" s="1" t="s">
        <v>218185</v>
      </c>
      <c r="C66141" s="1" t="s">
        <v>45</v>
      </c>
      <c r="D66141" s="1" t="s">
        <v>204709</v>
      </c>
      <c r="E66141" s="1" t="s">
        <v>220302</v>
      </c>
      <c r="F66141" s="1" t="s">
        <v>220303</v>
      </c>
      <c r="G66141" s="1" t="s">
        <v>220282</v>
      </c>
      <c r="H66141" s="1" t="s">
        <v>220283</v>
      </c>
      <c r="I66141" s="1" t="s">
        <v>218190</v>
      </c>
      <c r="J66141" s="1" t="s">
        <v>220304</v>
      </c>
    </row>
    <row r="66142" spans="1:10" x14ac:dyDescent="0.35">
      <c r="A66142" s="1" t="s">
        <v>4038</v>
      </c>
      <c r="B66142" s="1" t="s">
        <v>218185</v>
      </c>
      <c r="C66142" s="1" t="s">
        <v>50</v>
      </c>
      <c r="D66142" s="1" t="s">
        <v>15368</v>
      </c>
      <c r="E66142" s="1" t="s">
        <v>220305</v>
      </c>
      <c r="F66142" s="1" t="s">
        <v>220306</v>
      </c>
      <c r="G66142" s="1" t="s">
        <v>220282</v>
      </c>
      <c r="H66142" s="1" t="s">
        <v>220283</v>
      </c>
      <c r="I66142" s="1" t="s">
        <v>218190</v>
      </c>
      <c r="J66142" s="1" t="s">
        <v>220307</v>
      </c>
    </row>
    <row r="66143" spans="1:10" x14ac:dyDescent="0.35">
      <c r="A66143" s="1" t="s">
        <v>4038</v>
      </c>
      <c r="B66143" s="1" t="s">
        <v>218185</v>
      </c>
      <c r="C66143" s="1" t="s">
        <v>55</v>
      </c>
      <c r="D66143" s="1" t="s">
        <v>38812</v>
      </c>
      <c r="E66143" s="1" t="s">
        <v>220308</v>
      </c>
      <c r="F66143" s="1" t="s">
        <v>220309</v>
      </c>
      <c r="G66143" s="1" t="s">
        <v>220282</v>
      </c>
      <c r="H66143" s="1" t="s">
        <v>220283</v>
      </c>
      <c r="I66143" s="1" t="s">
        <v>218190</v>
      </c>
      <c r="J66143" s="1" t="s">
        <v>220310</v>
      </c>
    </row>
    <row r="66144" spans="1:10" x14ac:dyDescent="0.35">
      <c r="A66144" s="1" t="s">
        <v>4038</v>
      </c>
      <c r="B66144" s="1" t="s">
        <v>218185</v>
      </c>
      <c r="C66144" s="1" t="s">
        <v>60</v>
      </c>
      <c r="D66144" s="1" t="s">
        <v>220311</v>
      </c>
      <c r="E66144" s="1" t="s">
        <v>220312</v>
      </c>
      <c r="F66144" s="1" t="s">
        <v>220313</v>
      </c>
      <c r="G66144" s="1" t="s">
        <v>220282</v>
      </c>
      <c r="H66144" s="1" t="s">
        <v>220283</v>
      </c>
      <c r="I66144" s="1" t="s">
        <v>218190</v>
      </c>
      <c r="J66144" s="1" t="s">
        <v>220314</v>
      </c>
    </row>
    <row r="66145" spans="1:10" x14ac:dyDescent="0.35">
      <c r="A66145" s="1" t="s">
        <v>4038</v>
      </c>
      <c r="B66145" s="1" t="s">
        <v>218185</v>
      </c>
      <c r="C66145" s="1" t="s">
        <v>65</v>
      </c>
      <c r="D66145" s="1" t="s">
        <v>10362</v>
      </c>
      <c r="E66145" s="1" t="s">
        <v>220315</v>
      </c>
      <c r="F66145" s="1" t="s">
        <v>220316</v>
      </c>
      <c r="G66145" s="1" t="s">
        <v>220282</v>
      </c>
      <c r="H66145" s="1" t="s">
        <v>220283</v>
      </c>
      <c r="I66145" s="1" t="s">
        <v>218190</v>
      </c>
      <c r="J66145" s="1" t="s">
        <v>220317</v>
      </c>
    </row>
    <row r="66146" spans="1:10" x14ac:dyDescent="0.35">
      <c r="A66146" s="1" t="s">
        <v>4038</v>
      </c>
      <c r="B66146" s="1" t="s">
        <v>218185</v>
      </c>
      <c r="C66146" s="1" t="s">
        <v>70</v>
      </c>
      <c r="D66146" s="1" t="s">
        <v>220318</v>
      </c>
      <c r="E66146" s="1" t="s">
        <v>220319</v>
      </c>
      <c r="F66146" s="1" t="s">
        <v>220320</v>
      </c>
      <c r="G66146" s="1" t="s">
        <v>220282</v>
      </c>
      <c r="H66146" s="1" t="s">
        <v>220283</v>
      </c>
      <c r="I66146" s="1" t="s">
        <v>218190</v>
      </c>
      <c r="J66146" s="1" t="s">
        <v>220321</v>
      </c>
    </row>
    <row r="66147" spans="1:10" x14ac:dyDescent="0.35">
      <c r="A66147" s="1" t="s">
        <v>4038</v>
      </c>
      <c r="B66147" s="1" t="s">
        <v>218185</v>
      </c>
      <c r="C66147" s="1" t="s">
        <v>75</v>
      </c>
      <c r="D66147" s="1" t="s">
        <v>72392</v>
      </c>
      <c r="E66147" s="1" t="s">
        <v>220322</v>
      </c>
      <c r="F66147" s="1" t="s">
        <v>220323</v>
      </c>
      <c r="G66147" s="1" t="s">
        <v>220282</v>
      </c>
      <c r="H66147" s="1" t="s">
        <v>220283</v>
      </c>
      <c r="I66147" s="1" t="s">
        <v>218190</v>
      </c>
      <c r="J66147" s="1" t="s">
        <v>220324</v>
      </c>
    </row>
    <row r="66148" spans="1:10" x14ac:dyDescent="0.35">
      <c r="A66148" s="1" t="s">
        <v>4038</v>
      </c>
      <c r="B66148" s="1" t="s">
        <v>218185</v>
      </c>
      <c r="C66148" s="1" t="s">
        <v>80</v>
      </c>
      <c r="D66148" s="1" t="s">
        <v>30507</v>
      </c>
      <c r="E66148" s="1" t="s">
        <v>220325</v>
      </c>
      <c r="F66148" s="1" t="s">
        <v>220326</v>
      </c>
      <c r="G66148" s="1" t="s">
        <v>220282</v>
      </c>
      <c r="H66148" s="1" t="s">
        <v>220283</v>
      </c>
      <c r="I66148" s="1" t="s">
        <v>218190</v>
      </c>
      <c r="J66148" s="1" t="s">
        <v>220327</v>
      </c>
    </row>
    <row r="66149" spans="1:10" x14ac:dyDescent="0.35">
      <c r="A66149" s="1" t="s">
        <v>4038</v>
      </c>
      <c r="B66149" s="1" t="s">
        <v>218185</v>
      </c>
      <c r="C66149" s="1" t="s">
        <v>85</v>
      </c>
      <c r="D66149" s="1" t="s">
        <v>135339</v>
      </c>
      <c r="E66149" s="1" t="s">
        <v>220328</v>
      </c>
      <c r="F66149" s="1" t="s">
        <v>220329</v>
      </c>
      <c r="G66149" s="1" t="s">
        <v>220282</v>
      </c>
      <c r="H66149" s="1" t="s">
        <v>220283</v>
      </c>
      <c r="I66149" s="1" t="s">
        <v>218190</v>
      </c>
      <c r="J66149" s="1" t="s">
        <v>220330</v>
      </c>
    </row>
    <row r="66150" spans="1:10" x14ac:dyDescent="0.35">
      <c r="A66150" s="1" t="s">
        <v>4038</v>
      </c>
      <c r="B66150" s="1" t="s">
        <v>218185</v>
      </c>
      <c r="C66150" s="1" t="s">
        <v>90</v>
      </c>
      <c r="D66150" s="1" t="s">
        <v>30507</v>
      </c>
      <c r="E66150" s="1" t="s">
        <v>220331</v>
      </c>
      <c r="F66150" s="1" t="s">
        <v>220332</v>
      </c>
      <c r="G66150" s="1" t="s">
        <v>220282</v>
      </c>
      <c r="H66150" s="1" t="s">
        <v>220283</v>
      </c>
      <c r="I66150" s="1" t="s">
        <v>218190</v>
      </c>
      <c r="J66150" s="1" t="s">
        <v>220333</v>
      </c>
    </row>
    <row r="66151" spans="1:10" x14ac:dyDescent="0.35">
      <c r="A66151" s="1" t="s">
        <v>4038</v>
      </c>
      <c r="B66151" s="1" t="s">
        <v>218185</v>
      </c>
      <c r="C66151" s="1" t="s">
        <v>95</v>
      </c>
      <c r="D66151" s="1" t="s">
        <v>19755</v>
      </c>
      <c r="E66151" s="1" t="s">
        <v>220334</v>
      </c>
      <c r="F66151" s="1" t="s">
        <v>220335</v>
      </c>
      <c r="G66151" s="1" t="s">
        <v>220282</v>
      </c>
      <c r="H66151" s="1" t="s">
        <v>220283</v>
      </c>
      <c r="I66151" s="1" t="s">
        <v>218190</v>
      </c>
      <c r="J66151" s="1" t="s">
        <v>220336</v>
      </c>
    </row>
    <row r="66152" spans="1:10" x14ac:dyDescent="0.35">
      <c r="A66152" s="1" t="s">
        <v>4038</v>
      </c>
      <c r="B66152" s="1" t="s">
        <v>218185</v>
      </c>
      <c r="C66152" s="1" t="s">
        <v>100</v>
      </c>
      <c r="D66152" s="1" t="s">
        <v>42906</v>
      </c>
      <c r="E66152" s="1" t="s">
        <v>220337</v>
      </c>
      <c r="F66152" s="1" t="s">
        <v>220338</v>
      </c>
      <c r="G66152" s="1" t="s">
        <v>220282</v>
      </c>
      <c r="H66152" s="1" t="s">
        <v>220283</v>
      </c>
      <c r="I66152" s="1" t="s">
        <v>218190</v>
      </c>
      <c r="J66152" s="1" t="s">
        <v>220339</v>
      </c>
    </row>
    <row r="66153" spans="1:10" x14ac:dyDescent="0.35">
      <c r="A66153" s="1" t="s">
        <v>4038</v>
      </c>
      <c r="B66153" s="1" t="s">
        <v>218185</v>
      </c>
      <c r="C66153" s="1" t="s">
        <v>105</v>
      </c>
      <c r="D66153" s="1" t="s">
        <v>49780</v>
      </c>
      <c r="E66153" s="1" t="s">
        <v>220340</v>
      </c>
      <c r="F66153" s="1" t="s">
        <v>220341</v>
      </c>
      <c r="G66153" s="1" t="s">
        <v>220282</v>
      </c>
      <c r="H66153" s="1" t="s">
        <v>220283</v>
      </c>
      <c r="I66153" s="1" t="s">
        <v>218190</v>
      </c>
      <c r="J66153" s="1" t="s">
        <v>220342</v>
      </c>
    </row>
    <row r="66154" spans="1:10" x14ac:dyDescent="0.35">
      <c r="A66154" s="1" t="s">
        <v>4038</v>
      </c>
      <c r="B66154" s="1" t="s">
        <v>218185</v>
      </c>
      <c r="C66154" s="1" t="s">
        <v>110</v>
      </c>
      <c r="D66154" s="1" t="s">
        <v>220343</v>
      </c>
      <c r="E66154" s="1" t="s">
        <v>220344</v>
      </c>
      <c r="F66154" s="1" t="s">
        <v>220345</v>
      </c>
      <c r="G66154" s="1" t="s">
        <v>220282</v>
      </c>
      <c r="H66154" s="1" t="s">
        <v>220283</v>
      </c>
      <c r="I66154" s="1" t="s">
        <v>218190</v>
      </c>
      <c r="J66154" s="1" t="s">
        <v>220346</v>
      </c>
    </row>
    <row r="66155" spans="1:10" x14ac:dyDescent="0.35">
      <c r="A66155" s="1" t="s">
        <v>4038</v>
      </c>
      <c r="B66155" s="1" t="s">
        <v>218185</v>
      </c>
      <c r="C66155" s="1" t="s">
        <v>115</v>
      </c>
      <c r="D66155" s="1" t="s">
        <v>17836</v>
      </c>
      <c r="E66155" s="1" t="s">
        <v>220347</v>
      </c>
      <c r="F66155" s="1" t="s">
        <v>220348</v>
      </c>
      <c r="G66155" s="1" t="s">
        <v>220282</v>
      </c>
      <c r="H66155" s="1" t="s">
        <v>220283</v>
      </c>
      <c r="I66155" s="1" t="s">
        <v>218190</v>
      </c>
      <c r="J66155" s="1" t="s">
        <v>220349</v>
      </c>
    </row>
    <row r="66156" spans="1:10" x14ac:dyDescent="0.35">
      <c r="A66156" s="1" t="s">
        <v>4038</v>
      </c>
      <c r="B66156" s="1" t="s">
        <v>218185</v>
      </c>
      <c r="C66156" s="1" t="s">
        <v>120</v>
      </c>
      <c r="D66156" s="1" t="s">
        <v>31611</v>
      </c>
      <c r="E66156" s="1" t="s">
        <v>220350</v>
      </c>
      <c r="F66156" s="1" t="s">
        <v>220351</v>
      </c>
      <c r="G66156" s="1" t="s">
        <v>220282</v>
      </c>
      <c r="H66156" s="1" t="s">
        <v>220283</v>
      </c>
      <c r="I66156" s="1" t="s">
        <v>218190</v>
      </c>
      <c r="J66156" s="1" t="s">
        <v>220352</v>
      </c>
    </row>
    <row r="66157" spans="1:10" x14ac:dyDescent="0.35">
      <c r="A66157" s="1" t="s">
        <v>4038</v>
      </c>
      <c r="B66157" s="1" t="s">
        <v>218185</v>
      </c>
      <c r="C66157" s="1" t="s">
        <v>125</v>
      </c>
      <c r="D66157" s="1" t="s">
        <v>50284</v>
      </c>
      <c r="E66157" s="1" t="s">
        <v>220353</v>
      </c>
      <c r="F66157" s="1" t="s">
        <v>220354</v>
      </c>
      <c r="G66157" s="1" t="s">
        <v>220282</v>
      </c>
      <c r="H66157" s="1" t="s">
        <v>220283</v>
      </c>
      <c r="I66157" s="1" t="s">
        <v>218190</v>
      </c>
      <c r="J66157" s="1" t="s">
        <v>220355</v>
      </c>
    </row>
    <row r="66158" spans="1:10" x14ac:dyDescent="0.35">
      <c r="A66158" s="1" t="s">
        <v>4038</v>
      </c>
      <c r="B66158" s="1" t="s">
        <v>218185</v>
      </c>
      <c r="C66158" s="1" t="s">
        <v>130</v>
      </c>
      <c r="D66158" s="1" t="s">
        <v>32121</v>
      </c>
      <c r="E66158" s="1" t="s">
        <v>220356</v>
      </c>
      <c r="F66158" s="1" t="s">
        <v>191744</v>
      </c>
      <c r="G66158" s="1" t="s">
        <v>220282</v>
      </c>
      <c r="H66158" s="1" t="s">
        <v>220283</v>
      </c>
      <c r="I66158" s="1" t="s">
        <v>218190</v>
      </c>
      <c r="J66158" s="1" t="s">
        <v>220357</v>
      </c>
    </row>
    <row r="66159" spans="1:10" x14ac:dyDescent="0.35">
      <c r="A66159" s="1" t="s">
        <v>4038</v>
      </c>
      <c r="B66159" s="1" t="s">
        <v>218185</v>
      </c>
      <c r="C66159" s="1" t="s">
        <v>135</v>
      </c>
      <c r="D66159" s="1" t="s">
        <v>30495</v>
      </c>
      <c r="E66159" s="1" t="s">
        <v>220358</v>
      </c>
      <c r="F66159" s="1" t="s">
        <v>220359</v>
      </c>
      <c r="G66159" s="1" t="s">
        <v>220282</v>
      </c>
      <c r="H66159" s="1" t="s">
        <v>220283</v>
      </c>
      <c r="I66159" s="1" t="s">
        <v>218190</v>
      </c>
      <c r="J66159" s="1" t="s">
        <v>220360</v>
      </c>
    </row>
    <row r="66160" spans="1:10" x14ac:dyDescent="0.35">
      <c r="A66160" s="1" t="s">
        <v>4038</v>
      </c>
      <c r="B66160" s="1" t="s">
        <v>218185</v>
      </c>
      <c r="C66160" s="1" t="s">
        <v>140</v>
      </c>
      <c r="D66160" s="1" t="s">
        <v>215449</v>
      </c>
      <c r="E66160" s="1" t="s">
        <v>220361</v>
      </c>
      <c r="F66160" s="1" t="s">
        <v>220362</v>
      </c>
      <c r="G66160" s="1" t="s">
        <v>220282</v>
      </c>
      <c r="H66160" s="1" t="s">
        <v>220283</v>
      </c>
      <c r="I66160" s="1" t="s">
        <v>218190</v>
      </c>
      <c r="J66160" s="1" t="s">
        <v>220363</v>
      </c>
    </row>
    <row r="66161" spans="1:10" x14ac:dyDescent="0.35">
      <c r="A66161" s="1" t="s">
        <v>4038</v>
      </c>
      <c r="B66161" s="1" t="s">
        <v>218185</v>
      </c>
      <c r="C66161" s="1" t="s">
        <v>145</v>
      </c>
      <c r="D66161" s="1" t="s">
        <v>46501</v>
      </c>
      <c r="E66161" s="1" t="s">
        <v>220364</v>
      </c>
      <c r="F66161" s="1" t="s">
        <v>220365</v>
      </c>
      <c r="G66161" s="1" t="s">
        <v>220282</v>
      </c>
      <c r="H66161" s="1" t="s">
        <v>220283</v>
      </c>
      <c r="I66161" s="1" t="s">
        <v>218190</v>
      </c>
      <c r="J66161" s="1" t="s">
        <v>220366</v>
      </c>
    </row>
    <row r="66162" spans="1:10" x14ac:dyDescent="0.35">
      <c r="A66162" s="1" t="s">
        <v>4038</v>
      </c>
      <c r="B66162" s="1" t="s">
        <v>218185</v>
      </c>
      <c r="C66162" s="1" t="s">
        <v>150</v>
      </c>
      <c r="D66162" s="1" t="s">
        <v>220367</v>
      </c>
      <c r="E66162" s="1" t="s">
        <v>220368</v>
      </c>
      <c r="F66162" s="1" t="s">
        <v>220369</v>
      </c>
      <c r="G66162" s="1" t="s">
        <v>220282</v>
      </c>
      <c r="H66162" s="1" t="s">
        <v>220283</v>
      </c>
      <c r="I66162" s="1" t="s">
        <v>218190</v>
      </c>
      <c r="J66162" s="1" t="s">
        <v>220370</v>
      </c>
    </row>
    <row r="66163" spans="1:10" x14ac:dyDescent="0.35">
      <c r="A66163" s="1" t="s">
        <v>4038</v>
      </c>
      <c r="B66163" s="1" t="s">
        <v>218185</v>
      </c>
      <c r="C66163" s="1" t="s">
        <v>155</v>
      </c>
      <c r="D66163" s="1" t="s">
        <v>220371</v>
      </c>
      <c r="E66163" s="1" t="s">
        <v>220372</v>
      </c>
      <c r="F66163" s="1" t="s">
        <v>220373</v>
      </c>
      <c r="G66163" s="1" t="s">
        <v>220282</v>
      </c>
      <c r="H66163" s="1" t="s">
        <v>220283</v>
      </c>
      <c r="I66163" s="1" t="s">
        <v>218190</v>
      </c>
      <c r="J66163" s="1" t="s">
        <v>220374</v>
      </c>
    </row>
    <row r="66164" spans="1:10" x14ac:dyDescent="0.35">
      <c r="A66164" s="1" t="s">
        <v>4038</v>
      </c>
      <c r="B66164" s="1" t="s">
        <v>218185</v>
      </c>
      <c r="C66164" s="1" t="s">
        <v>160</v>
      </c>
      <c r="D66164" s="1" t="s">
        <v>36840</v>
      </c>
      <c r="E66164" s="1" t="s">
        <v>220375</v>
      </c>
      <c r="F66164" s="1" t="s">
        <v>220376</v>
      </c>
      <c r="G66164" s="1" t="s">
        <v>220282</v>
      </c>
      <c r="H66164" s="1" t="s">
        <v>220283</v>
      </c>
      <c r="I66164" s="1" t="s">
        <v>218190</v>
      </c>
      <c r="J66164" s="1" t="s">
        <v>220377</v>
      </c>
    </row>
    <row r="66165" spans="1:10" x14ac:dyDescent="0.35">
      <c r="A66165" s="1" t="s">
        <v>4038</v>
      </c>
      <c r="B66165" s="1" t="s">
        <v>218185</v>
      </c>
      <c r="C66165" s="1" t="s">
        <v>165</v>
      </c>
      <c r="D66165" s="1" t="s">
        <v>49005</v>
      </c>
      <c r="E66165" s="1" t="s">
        <v>220378</v>
      </c>
      <c r="F66165" s="1" t="s">
        <v>220379</v>
      </c>
      <c r="G66165" s="1" t="s">
        <v>220282</v>
      </c>
      <c r="H66165" s="1" t="s">
        <v>220283</v>
      </c>
      <c r="I66165" s="1" t="s">
        <v>218190</v>
      </c>
      <c r="J66165" s="1" t="s">
        <v>220380</v>
      </c>
    </row>
    <row r="66166" spans="1:10" x14ac:dyDescent="0.35">
      <c r="A66166" s="1" t="s">
        <v>4038</v>
      </c>
      <c r="B66166" s="1" t="s">
        <v>218185</v>
      </c>
      <c r="C66166" s="1" t="s">
        <v>170</v>
      </c>
      <c r="D66166" s="1" t="s">
        <v>220381</v>
      </c>
      <c r="E66166" s="1" t="s">
        <v>220382</v>
      </c>
      <c r="F66166" s="1" t="s">
        <v>220383</v>
      </c>
      <c r="G66166" s="1" t="s">
        <v>220282</v>
      </c>
      <c r="H66166" s="1" t="s">
        <v>220283</v>
      </c>
      <c r="I66166" s="1" t="s">
        <v>218190</v>
      </c>
      <c r="J66166" s="1" t="s">
        <v>220384</v>
      </c>
    </row>
    <row r="66167" spans="1:10" x14ac:dyDescent="0.35">
      <c r="A66167" s="1" t="s">
        <v>148249</v>
      </c>
      <c r="B66167" s="1" t="s">
        <v>218185</v>
      </c>
      <c r="C66167" s="1" t="s">
        <v>8</v>
      </c>
      <c r="D66167" s="1" t="s">
        <v>43281</v>
      </c>
      <c r="E66167" s="1" t="s">
        <v>220385</v>
      </c>
      <c r="F66167" s="1" t="s">
        <v>220386</v>
      </c>
      <c r="G66167" s="1" t="s">
        <v>220387</v>
      </c>
      <c r="H66167" s="1" t="s">
        <v>220388</v>
      </c>
      <c r="I66167" s="1" t="s">
        <v>218190</v>
      </c>
      <c r="J66167" s="1" t="s">
        <v>13</v>
      </c>
    </row>
    <row r="66168" spans="1:10" x14ac:dyDescent="0.35">
      <c r="A66168" s="1" t="s">
        <v>148249</v>
      </c>
      <c r="B66168" s="1" t="s">
        <v>218185</v>
      </c>
      <c r="C66168" s="1" t="s">
        <v>15</v>
      </c>
      <c r="D66168" s="1" t="s">
        <v>220389</v>
      </c>
      <c r="E66168" s="1" t="s">
        <v>220390</v>
      </c>
      <c r="F66168" s="1" t="s">
        <v>220391</v>
      </c>
      <c r="G66168" s="1" t="s">
        <v>220387</v>
      </c>
      <c r="H66168" s="1" t="s">
        <v>220388</v>
      </c>
      <c r="I66168" s="1" t="s">
        <v>218190</v>
      </c>
      <c r="J66168" s="1" t="s">
        <v>220392</v>
      </c>
    </row>
    <row r="66169" spans="1:10" x14ac:dyDescent="0.35">
      <c r="A66169" s="1" t="s">
        <v>148249</v>
      </c>
      <c r="B66169" s="1" t="s">
        <v>218185</v>
      </c>
      <c r="C66169" s="1" t="s">
        <v>20</v>
      </c>
      <c r="D66169" s="1" t="s">
        <v>16404</v>
      </c>
      <c r="E66169" s="1" t="s">
        <v>220393</v>
      </c>
      <c r="F66169" s="1" t="s">
        <v>220394</v>
      </c>
      <c r="G66169" s="1" t="s">
        <v>220387</v>
      </c>
      <c r="H66169" s="1" t="s">
        <v>220388</v>
      </c>
      <c r="I66169" s="1" t="s">
        <v>218190</v>
      </c>
      <c r="J66169" s="1" t="s">
        <v>220395</v>
      </c>
    </row>
    <row r="66170" spans="1:10" x14ac:dyDescent="0.35">
      <c r="A66170" s="1" t="s">
        <v>148249</v>
      </c>
      <c r="B66170" s="1" t="s">
        <v>218185</v>
      </c>
      <c r="C66170" s="1" t="s">
        <v>25</v>
      </c>
      <c r="D66170" s="1" t="s">
        <v>83220</v>
      </c>
      <c r="E66170" s="1" t="s">
        <v>220396</v>
      </c>
      <c r="F66170" s="1" t="s">
        <v>220397</v>
      </c>
      <c r="G66170" s="1" t="s">
        <v>220387</v>
      </c>
      <c r="H66170" s="1" t="s">
        <v>220388</v>
      </c>
      <c r="I66170" s="1" t="s">
        <v>218190</v>
      </c>
      <c r="J66170" s="1" t="s">
        <v>220398</v>
      </c>
    </row>
    <row r="66171" spans="1:10" x14ac:dyDescent="0.35">
      <c r="A66171" s="1" t="s">
        <v>148249</v>
      </c>
      <c r="B66171" s="1" t="s">
        <v>218185</v>
      </c>
      <c r="C66171" s="1" t="s">
        <v>30</v>
      </c>
      <c r="D66171" s="1" t="s">
        <v>38185</v>
      </c>
      <c r="E66171" s="1" t="s">
        <v>220399</v>
      </c>
      <c r="F66171" s="1" t="s">
        <v>220400</v>
      </c>
      <c r="G66171" s="1" t="s">
        <v>220387</v>
      </c>
      <c r="H66171" s="1" t="s">
        <v>220388</v>
      </c>
      <c r="I66171" s="1" t="s">
        <v>218190</v>
      </c>
      <c r="J66171" s="1" t="s">
        <v>220401</v>
      </c>
    </row>
    <row r="66172" spans="1:10" x14ac:dyDescent="0.35">
      <c r="A66172" s="1" t="s">
        <v>148249</v>
      </c>
      <c r="B66172" s="1" t="s">
        <v>218185</v>
      </c>
      <c r="C66172" s="1" t="s">
        <v>35</v>
      </c>
      <c r="D66172" s="1" t="s">
        <v>204799</v>
      </c>
      <c r="E66172" s="1" t="s">
        <v>220402</v>
      </c>
      <c r="F66172" s="1" t="s">
        <v>220403</v>
      </c>
      <c r="G66172" s="1" t="s">
        <v>220387</v>
      </c>
      <c r="H66172" s="1" t="s">
        <v>220388</v>
      </c>
      <c r="I66172" s="1" t="s">
        <v>218190</v>
      </c>
      <c r="J66172" s="1" t="s">
        <v>220404</v>
      </c>
    </row>
    <row r="66173" spans="1:10" x14ac:dyDescent="0.35">
      <c r="A66173" s="1" t="s">
        <v>148249</v>
      </c>
      <c r="B66173" s="1" t="s">
        <v>218185</v>
      </c>
      <c r="C66173" s="1" t="s">
        <v>40</v>
      </c>
      <c r="D66173" s="1" t="s">
        <v>220405</v>
      </c>
      <c r="E66173" s="1" t="s">
        <v>220406</v>
      </c>
      <c r="F66173" s="1" t="s">
        <v>220407</v>
      </c>
      <c r="G66173" s="1" t="s">
        <v>220387</v>
      </c>
      <c r="H66173" s="1" t="s">
        <v>220388</v>
      </c>
      <c r="I66173" s="1" t="s">
        <v>218190</v>
      </c>
      <c r="J66173" s="1" t="s">
        <v>220408</v>
      </c>
    </row>
    <row r="66174" spans="1:10" x14ac:dyDescent="0.35">
      <c r="A66174" s="1" t="s">
        <v>148249</v>
      </c>
      <c r="B66174" s="1" t="s">
        <v>218185</v>
      </c>
      <c r="C66174" s="1" t="s">
        <v>45</v>
      </c>
      <c r="D66174" s="1" t="s">
        <v>48140</v>
      </c>
      <c r="E66174" s="1" t="s">
        <v>220409</v>
      </c>
      <c r="F66174" s="1" t="s">
        <v>220410</v>
      </c>
      <c r="G66174" s="1" t="s">
        <v>220387</v>
      </c>
      <c r="H66174" s="1" t="s">
        <v>220388</v>
      </c>
      <c r="I66174" s="1" t="s">
        <v>218190</v>
      </c>
      <c r="J66174" s="1" t="s">
        <v>220411</v>
      </c>
    </row>
    <row r="66175" spans="1:10" x14ac:dyDescent="0.35">
      <c r="A66175" s="1" t="s">
        <v>148249</v>
      </c>
      <c r="B66175" s="1" t="s">
        <v>218185</v>
      </c>
      <c r="C66175" s="1" t="s">
        <v>50</v>
      </c>
      <c r="D66175" s="1" t="s">
        <v>144996</v>
      </c>
      <c r="E66175" s="1" t="s">
        <v>220412</v>
      </c>
      <c r="F66175" s="1" t="s">
        <v>220413</v>
      </c>
      <c r="G66175" s="1" t="s">
        <v>220387</v>
      </c>
      <c r="H66175" s="1" t="s">
        <v>220388</v>
      </c>
      <c r="I66175" s="1" t="s">
        <v>218190</v>
      </c>
      <c r="J66175" s="1" t="s">
        <v>220414</v>
      </c>
    </row>
    <row r="66176" spans="1:10" x14ac:dyDescent="0.35">
      <c r="A66176" s="1" t="s">
        <v>148249</v>
      </c>
      <c r="B66176" s="1" t="s">
        <v>218185</v>
      </c>
      <c r="C66176" s="1" t="s">
        <v>55</v>
      </c>
      <c r="D66176" s="1" t="s">
        <v>71061</v>
      </c>
      <c r="E66176" s="1" t="s">
        <v>220415</v>
      </c>
      <c r="F66176" s="1" t="s">
        <v>220416</v>
      </c>
      <c r="G66176" s="1" t="s">
        <v>220387</v>
      </c>
      <c r="H66176" s="1" t="s">
        <v>220388</v>
      </c>
      <c r="I66176" s="1" t="s">
        <v>218190</v>
      </c>
      <c r="J66176" s="1" t="s">
        <v>220417</v>
      </c>
    </row>
    <row r="66177" spans="1:10" x14ac:dyDescent="0.35">
      <c r="A66177" s="1" t="s">
        <v>148249</v>
      </c>
      <c r="B66177" s="1" t="s">
        <v>218185</v>
      </c>
      <c r="C66177" s="1" t="s">
        <v>60</v>
      </c>
      <c r="D66177" s="1" t="s">
        <v>188197</v>
      </c>
      <c r="E66177" s="1" t="s">
        <v>220418</v>
      </c>
      <c r="F66177" s="1" t="s">
        <v>220419</v>
      </c>
      <c r="G66177" s="1" t="s">
        <v>220387</v>
      </c>
      <c r="H66177" s="1" t="s">
        <v>220388</v>
      </c>
      <c r="I66177" s="1" t="s">
        <v>218190</v>
      </c>
      <c r="J66177" s="1" t="s">
        <v>220420</v>
      </c>
    </row>
    <row r="66178" spans="1:10" x14ac:dyDescent="0.35">
      <c r="A66178" s="1" t="s">
        <v>148249</v>
      </c>
      <c r="B66178" s="1" t="s">
        <v>218185</v>
      </c>
      <c r="C66178" s="1" t="s">
        <v>65</v>
      </c>
      <c r="D66178" s="1" t="s">
        <v>364</v>
      </c>
      <c r="E66178" s="1" t="s">
        <v>220421</v>
      </c>
      <c r="F66178" s="1" t="s">
        <v>220422</v>
      </c>
      <c r="G66178" s="1" t="s">
        <v>220387</v>
      </c>
      <c r="H66178" s="1" t="s">
        <v>220388</v>
      </c>
      <c r="I66178" s="1" t="s">
        <v>218190</v>
      </c>
      <c r="J66178" s="1" t="s">
        <v>220423</v>
      </c>
    </row>
    <row r="66179" spans="1:10" x14ac:dyDescent="0.35">
      <c r="A66179" s="1" t="s">
        <v>148249</v>
      </c>
      <c r="B66179" s="1" t="s">
        <v>218185</v>
      </c>
      <c r="C66179" s="1" t="s">
        <v>70</v>
      </c>
      <c r="D66179" s="1" t="s">
        <v>197176</v>
      </c>
      <c r="E66179" s="1" t="s">
        <v>220424</v>
      </c>
      <c r="F66179" s="1" t="s">
        <v>220425</v>
      </c>
      <c r="G66179" s="1" t="s">
        <v>220387</v>
      </c>
      <c r="H66179" s="1" t="s">
        <v>220388</v>
      </c>
      <c r="I66179" s="1" t="s">
        <v>218190</v>
      </c>
      <c r="J66179" s="1" t="s">
        <v>220426</v>
      </c>
    </row>
    <row r="66180" spans="1:10" x14ac:dyDescent="0.35">
      <c r="A66180" s="1" t="s">
        <v>148249</v>
      </c>
      <c r="B66180" s="1" t="s">
        <v>218185</v>
      </c>
      <c r="C66180" s="1" t="s">
        <v>75</v>
      </c>
      <c r="D66180" s="1" t="s">
        <v>33560</v>
      </c>
      <c r="E66180" s="1" t="s">
        <v>220427</v>
      </c>
      <c r="F66180" s="1" t="s">
        <v>220428</v>
      </c>
      <c r="G66180" s="1" t="s">
        <v>220387</v>
      </c>
      <c r="H66180" s="1" t="s">
        <v>220388</v>
      </c>
      <c r="I66180" s="1" t="s">
        <v>218190</v>
      </c>
      <c r="J66180" s="1" t="s">
        <v>220429</v>
      </c>
    </row>
    <row r="66181" spans="1:10" x14ac:dyDescent="0.35">
      <c r="A66181" s="1" t="s">
        <v>148249</v>
      </c>
      <c r="B66181" s="1" t="s">
        <v>218185</v>
      </c>
      <c r="C66181" s="1" t="s">
        <v>80</v>
      </c>
      <c r="D66181" s="1" t="s">
        <v>189836</v>
      </c>
      <c r="E66181" s="1" t="s">
        <v>220430</v>
      </c>
      <c r="F66181" s="1" t="s">
        <v>220431</v>
      </c>
      <c r="G66181" s="1" t="s">
        <v>220387</v>
      </c>
      <c r="H66181" s="1" t="s">
        <v>220388</v>
      </c>
      <c r="I66181" s="1" t="s">
        <v>218190</v>
      </c>
      <c r="J66181" s="1" t="s">
        <v>220432</v>
      </c>
    </row>
    <row r="66182" spans="1:10" x14ac:dyDescent="0.35">
      <c r="A66182" s="1" t="s">
        <v>148249</v>
      </c>
      <c r="B66182" s="1" t="s">
        <v>218185</v>
      </c>
      <c r="C66182" s="1" t="s">
        <v>85</v>
      </c>
      <c r="D66182" s="1" t="s">
        <v>32087</v>
      </c>
      <c r="E66182" s="1" t="s">
        <v>220433</v>
      </c>
      <c r="F66182" s="1" t="s">
        <v>220434</v>
      </c>
      <c r="G66182" s="1" t="s">
        <v>220387</v>
      </c>
      <c r="H66182" s="1" t="s">
        <v>220388</v>
      </c>
      <c r="I66182" s="1" t="s">
        <v>218190</v>
      </c>
      <c r="J66182" s="1" t="s">
        <v>220435</v>
      </c>
    </row>
    <row r="66183" spans="1:10" x14ac:dyDescent="0.35">
      <c r="A66183" s="1" t="s">
        <v>148249</v>
      </c>
      <c r="B66183" s="1" t="s">
        <v>218185</v>
      </c>
      <c r="C66183" s="1" t="s">
        <v>90</v>
      </c>
      <c r="D66183" s="1" t="s">
        <v>210197</v>
      </c>
      <c r="E66183" s="1" t="s">
        <v>220436</v>
      </c>
      <c r="F66183" s="1" t="s">
        <v>220437</v>
      </c>
      <c r="G66183" s="1" t="s">
        <v>220387</v>
      </c>
      <c r="H66183" s="1" t="s">
        <v>220388</v>
      </c>
      <c r="I66183" s="1" t="s">
        <v>218190</v>
      </c>
      <c r="J66183" s="1" t="s">
        <v>220438</v>
      </c>
    </row>
    <row r="66184" spans="1:10" x14ac:dyDescent="0.35">
      <c r="A66184" s="1" t="s">
        <v>148249</v>
      </c>
      <c r="B66184" s="1" t="s">
        <v>218185</v>
      </c>
      <c r="C66184" s="1" t="s">
        <v>95</v>
      </c>
      <c r="D66184" s="1" t="s">
        <v>126143</v>
      </c>
      <c r="E66184" s="1" t="s">
        <v>220439</v>
      </c>
      <c r="F66184" s="1" t="s">
        <v>220440</v>
      </c>
      <c r="G66184" s="1" t="s">
        <v>220387</v>
      </c>
      <c r="H66184" s="1" t="s">
        <v>220388</v>
      </c>
      <c r="I66184" s="1" t="s">
        <v>218190</v>
      </c>
      <c r="J66184" s="1" t="s">
        <v>220441</v>
      </c>
    </row>
    <row r="66185" spans="1:10" x14ac:dyDescent="0.35">
      <c r="A66185" s="1" t="s">
        <v>148249</v>
      </c>
      <c r="B66185" s="1" t="s">
        <v>218185</v>
      </c>
      <c r="C66185" s="1" t="s">
        <v>100</v>
      </c>
      <c r="D66185" s="1" t="s">
        <v>220442</v>
      </c>
      <c r="E66185" s="1" t="s">
        <v>220443</v>
      </c>
      <c r="F66185" s="1" t="s">
        <v>220444</v>
      </c>
      <c r="G66185" s="1" t="s">
        <v>220387</v>
      </c>
      <c r="H66185" s="1" t="s">
        <v>220388</v>
      </c>
      <c r="I66185" s="1" t="s">
        <v>218190</v>
      </c>
      <c r="J66185" s="1" t="s">
        <v>220445</v>
      </c>
    </row>
    <row r="66186" spans="1:10" x14ac:dyDescent="0.35">
      <c r="A66186" s="1" t="s">
        <v>148249</v>
      </c>
      <c r="B66186" s="1" t="s">
        <v>218185</v>
      </c>
      <c r="C66186" s="1" t="s">
        <v>105</v>
      </c>
      <c r="D66186" s="1" t="s">
        <v>73115</v>
      </c>
      <c r="E66186" s="1" t="s">
        <v>220446</v>
      </c>
      <c r="F66186" s="1" t="s">
        <v>220447</v>
      </c>
      <c r="G66186" s="1" t="s">
        <v>220387</v>
      </c>
      <c r="H66186" s="1" t="s">
        <v>220388</v>
      </c>
      <c r="I66186" s="1" t="s">
        <v>218190</v>
      </c>
      <c r="J66186" s="1" t="s">
        <v>220448</v>
      </c>
    </row>
    <row r="66187" spans="1:10" x14ac:dyDescent="0.35">
      <c r="A66187" s="1" t="s">
        <v>148249</v>
      </c>
      <c r="B66187" s="1" t="s">
        <v>218185</v>
      </c>
      <c r="C66187" s="1" t="s">
        <v>110</v>
      </c>
      <c r="D66187" s="1" t="s">
        <v>181917</v>
      </c>
      <c r="E66187" s="1" t="s">
        <v>220449</v>
      </c>
      <c r="F66187" s="1" t="s">
        <v>220450</v>
      </c>
      <c r="G66187" s="1" t="s">
        <v>220387</v>
      </c>
      <c r="H66187" s="1" t="s">
        <v>220388</v>
      </c>
      <c r="I66187" s="1" t="s">
        <v>218190</v>
      </c>
      <c r="J66187" s="1" t="s">
        <v>220451</v>
      </c>
    </row>
    <row r="66188" spans="1:10" x14ac:dyDescent="0.35">
      <c r="A66188" s="1" t="s">
        <v>148249</v>
      </c>
      <c r="B66188" s="1" t="s">
        <v>218185</v>
      </c>
      <c r="C66188" s="1" t="s">
        <v>115</v>
      </c>
      <c r="D66188" s="1" t="s">
        <v>597</v>
      </c>
      <c r="E66188" s="1" t="s">
        <v>220452</v>
      </c>
      <c r="F66188" s="1" t="s">
        <v>220453</v>
      </c>
      <c r="G66188" s="1" t="s">
        <v>220387</v>
      </c>
      <c r="H66188" s="1" t="s">
        <v>220388</v>
      </c>
      <c r="I66188" s="1" t="s">
        <v>218190</v>
      </c>
      <c r="J66188" s="1" t="s">
        <v>220454</v>
      </c>
    </row>
    <row r="66189" spans="1:10" x14ac:dyDescent="0.35">
      <c r="A66189" s="1" t="s">
        <v>148249</v>
      </c>
      <c r="B66189" s="1" t="s">
        <v>218185</v>
      </c>
      <c r="C66189" s="1" t="s">
        <v>120</v>
      </c>
      <c r="D66189" s="1" t="s">
        <v>31724</v>
      </c>
      <c r="E66189" s="1" t="s">
        <v>220455</v>
      </c>
      <c r="F66189" s="1" t="s">
        <v>220456</v>
      </c>
      <c r="G66189" s="1" t="s">
        <v>220387</v>
      </c>
      <c r="H66189" s="1" t="s">
        <v>220388</v>
      </c>
      <c r="I66189" s="1" t="s">
        <v>218190</v>
      </c>
      <c r="J66189" s="1" t="s">
        <v>220457</v>
      </c>
    </row>
    <row r="66190" spans="1:10" x14ac:dyDescent="0.35">
      <c r="A66190" s="1" t="s">
        <v>148249</v>
      </c>
      <c r="B66190" s="1" t="s">
        <v>218185</v>
      </c>
      <c r="C66190" s="1" t="s">
        <v>125</v>
      </c>
      <c r="D66190" s="1" t="s">
        <v>104373</v>
      </c>
      <c r="E66190" s="1" t="s">
        <v>220458</v>
      </c>
      <c r="F66190" s="1" t="s">
        <v>220459</v>
      </c>
      <c r="G66190" s="1" t="s">
        <v>220387</v>
      </c>
      <c r="H66190" s="1" t="s">
        <v>220388</v>
      </c>
      <c r="I66190" s="1" t="s">
        <v>218190</v>
      </c>
      <c r="J66190" s="1" t="s">
        <v>220460</v>
      </c>
    </row>
    <row r="66191" spans="1:10" x14ac:dyDescent="0.35">
      <c r="A66191" s="1" t="s">
        <v>148249</v>
      </c>
      <c r="B66191" s="1" t="s">
        <v>218185</v>
      </c>
      <c r="C66191" s="1" t="s">
        <v>130</v>
      </c>
      <c r="D66191" s="1" t="s">
        <v>18824</v>
      </c>
      <c r="E66191" s="1" t="s">
        <v>220461</v>
      </c>
      <c r="F66191" s="1" t="s">
        <v>220462</v>
      </c>
      <c r="G66191" s="1" t="s">
        <v>220387</v>
      </c>
      <c r="H66191" s="1" t="s">
        <v>220388</v>
      </c>
      <c r="I66191" s="1" t="s">
        <v>218190</v>
      </c>
      <c r="J66191" s="1" t="s">
        <v>220463</v>
      </c>
    </row>
    <row r="66192" spans="1:10" x14ac:dyDescent="0.35">
      <c r="A66192" s="1" t="s">
        <v>148249</v>
      </c>
      <c r="B66192" s="1" t="s">
        <v>218185</v>
      </c>
      <c r="C66192" s="1" t="s">
        <v>135</v>
      </c>
      <c r="D66192" s="1" t="s">
        <v>33151</v>
      </c>
      <c r="E66192" s="1" t="s">
        <v>220464</v>
      </c>
      <c r="F66192" s="1" t="s">
        <v>220465</v>
      </c>
      <c r="G66192" s="1" t="s">
        <v>220387</v>
      </c>
      <c r="H66192" s="1" t="s">
        <v>220388</v>
      </c>
      <c r="I66192" s="1" t="s">
        <v>218190</v>
      </c>
      <c r="J66192" s="1" t="s">
        <v>220466</v>
      </c>
    </row>
    <row r="66193" spans="1:10" x14ac:dyDescent="0.35">
      <c r="A66193" s="1" t="s">
        <v>148249</v>
      </c>
      <c r="B66193" s="1" t="s">
        <v>218185</v>
      </c>
      <c r="C66193" s="1" t="s">
        <v>140</v>
      </c>
      <c r="D66193" s="1" t="s">
        <v>34286</v>
      </c>
      <c r="E66193" s="1" t="s">
        <v>220467</v>
      </c>
      <c r="F66193" s="1" t="s">
        <v>220468</v>
      </c>
      <c r="G66193" s="1" t="s">
        <v>220387</v>
      </c>
      <c r="H66193" s="1" t="s">
        <v>220388</v>
      </c>
      <c r="I66193" s="1" t="s">
        <v>218190</v>
      </c>
      <c r="J66193" s="1" t="s">
        <v>220469</v>
      </c>
    </row>
    <row r="66194" spans="1:10" x14ac:dyDescent="0.35">
      <c r="A66194" s="1" t="s">
        <v>148249</v>
      </c>
      <c r="B66194" s="1" t="s">
        <v>218185</v>
      </c>
      <c r="C66194" s="1" t="s">
        <v>145</v>
      </c>
      <c r="D66194" s="1" t="s">
        <v>218957</v>
      </c>
      <c r="E66194" s="1" t="s">
        <v>220470</v>
      </c>
      <c r="F66194" s="1" t="s">
        <v>220471</v>
      </c>
      <c r="G66194" s="1" t="s">
        <v>220387</v>
      </c>
      <c r="H66194" s="1" t="s">
        <v>220388</v>
      </c>
      <c r="I66194" s="1" t="s">
        <v>218190</v>
      </c>
      <c r="J66194" s="1" t="s">
        <v>220472</v>
      </c>
    </row>
    <row r="66195" spans="1:10" x14ac:dyDescent="0.35">
      <c r="A66195" s="1" t="s">
        <v>148249</v>
      </c>
      <c r="B66195" s="1" t="s">
        <v>218185</v>
      </c>
      <c r="C66195" s="1" t="s">
        <v>150</v>
      </c>
      <c r="D66195" s="1" t="s">
        <v>687</v>
      </c>
      <c r="E66195" s="1" t="s">
        <v>220473</v>
      </c>
      <c r="F66195" s="1" t="s">
        <v>220474</v>
      </c>
      <c r="G66195" s="1" t="s">
        <v>220387</v>
      </c>
      <c r="H66195" s="1" t="s">
        <v>220388</v>
      </c>
      <c r="I66195" s="1" t="s">
        <v>218190</v>
      </c>
      <c r="J66195" s="1" t="s">
        <v>220475</v>
      </c>
    </row>
    <row r="66196" spans="1:10" x14ac:dyDescent="0.35">
      <c r="A66196" s="1" t="s">
        <v>148249</v>
      </c>
      <c r="B66196" s="1" t="s">
        <v>218185</v>
      </c>
      <c r="C66196" s="1" t="s">
        <v>155</v>
      </c>
      <c r="D66196" s="1" t="s">
        <v>12385</v>
      </c>
      <c r="E66196" s="1" t="s">
        <v>220476</v>
      </c>
      <c r="F66196" s="1" t="s">
        <v>220477</v>
      </c>
      <c r="G66196" s="1" t="s">
        <v>220387</v>
      </c>
      <c r="H66196" s="1" t="s">
        <v>220388</v>
      </c>
      <c r="I66196" s="1" t="s">
        <v>218190</v>
      </c>
      <c r="J66196" s="1" t="s">
        <v>220478</v>
      </c>
    </row>
    <row r="66197" spans="1:10" x14ac:dyDescent="0.35">
      <c r="A66197" s="1" t="s">
        <v>148249</v>
      </c>
      <c r="B66197" s="1" t="s">
        <v>218185</v>
      </c>
      <c r="C66197" s="1" t="s">
        <v>160</v>
      </c>
      <c r="D66197" s="1" t="s">
        <v>155702</v>
      </c>
      <c r="E66197" s="1" t="s">
        <v>220479</v>
      </c>
      <c r="F66197" s="1" t="s">
        <v>220480</v>
      </c>
      <c r="G66197" s="1" t="s">
        <v>220387</v>
      </c>
      <c r="H66197" s="1" t="s">
        <v>220388</v>
      </c>
      <c r="I66197" s="1" t="s">
        <v>218190</v>
      </c>
      <c r="J66197" s="1" t="s">
        <v>220481</v>
      </c>
    </row>
    <row r="66198" spans="1:10" x14ac:dyDescent="0.35">
      <c r="A66198" s="1" t="s">
        <v>148249</v>
      </c>
      <c r="B66198" s="1" t="s">
        <v>218185</v>
      </c>
      <c r="C66198" s="1" t="s">
        <v>165</v>
      </c>
      <c r="D66198" s="1" t="s">
        <v>141662</v>
      </c>
      <c r="E66198" s="1" t="s">
        <v>220482</v>
      </c>
      <c r="F66198" s="1" t="s">
        <v>220483</v>
      </c>
      <c r="G66198" s="1" t="s">
        <v>220387</v>
      </c>
      <c r="H66198" s="1" t="s">
        <v>220388</v>
      </c>
      <c r="I66198" s="1" t="s">
        <v>218190</v>
      </c>
      <c r="J66198" s="1" t="s">
        <v>220484</v>
      </c>
    </row>
    <row r="66199" spans="1:10" x14ac:dyDescent="0.35">
      <c r="A66199" s="1" t="s">
        <v>148249</v>
      </c>
      <c r="B66199" s="1" t="s">
        <v>218185</v>
      </c>
      <c r="C66199" s="1" t="s">
        <v>170</v>
      </c>
      <c r="D66199" s="1" t="s">
        <v>220485</v>
      </c>
      <c r="E66199" s="1" t="s">
        <v>220486</v>
      </c>
      <c r="F66199" s="1" t="s">
        <v>220487</v>
      </c>
      <c r="G66199" s="1" t="s">
        <v>220387</v>
      </c>
      <c r="H66199" s="1" t="s">
        <v>220388</v>
      </c>
      <c r="I66199" s="1" t="s">
        <v>218190</v>
      </c>
      <c r="J66199" s="1" t="s">
        <v>220488</v>
      </c>
    </row>
    <row r="66200" spans="1:10" x14ac:dyDescent="0.35">
      <c r="A66200" s="1" t="s">
        <v>220489</v>
      </c>
      <c r="B66200" s="1" t="s">
        <v>218185</v>
      </c>
      <c r="C66200" s="1" t="s">
        <v>8</v>
      </c>
      <c r="D66200" s="1" t="s">
        <v>104174</v>
      </c>
      <c r="E66200" s="1" t="s">
        <v>220490</v>
      </c>
      <c r="F66200" s="1" t="s">
        <v>220491</v>
      </c>
      <c r="G66200" s="1" t="s">
        <v>220492</v>
      </c>
      <c r="H66200" s="1" t="s">
        <v>220493</v>
      </c>
      <c r="I66200" s="1" t="s">
        <v>218190</v>
      </c>
      <c r="J66200" s="1" t="s">
        <v>13</v>
      </c>
    </row>
    <row r="66201" spans="1:10" x14ac:dyDescent="0.35">
      <c r="A66201" s="1" t="s">
        <v>220489</v>
      </c>
      <c r="B66201" s="1" t="s">
        <v>218185</v>
      </c>
      <c r="C66201" s="1" t="s">
        <v>15</v>
      </c>
      <c r="D66201" s="1" t="s">
        <v>135156</v>
      </c>
      <c r="E66201" s="1" t="s">
        <v>220494</v>
      </c>
      <c r="F66201" s="1" t="s">
        <v>220495</v>
      </c>
      <c r="G66201" s="1" t="s">
        <v>220492</v>
      </c>
      <c r="H66201" s="1" t="s">
        <v>220493</v>
      </c>
      <c r="I66201" s="1" t="s">
        <v>218190</v>
      </c>
      <c r="J66201" s="1" t="s">
        <v>220496</v>
      </c>
    </row>
    <row r="66202" spans="1:10" x14ac:dyDescent="0.35">
      <c r="A66202" s="1" t="s">
        <v>220489</v>
      </c>
      <c r="B66202" s="1" t="s">
        <v>218185</v>
      </c>
      <c r="C66202" s="1" t="s">
        <v>20</v>
      </c>
      <c r="D66202" s="1" t="s">
        <v>13059</v>
      </c>
      <c r="E66202" s="1" t="s">
        <v>220497</v>
      </c>
      <c r="F66202" s="1" t="s">
        <v>220498</v>
      </c>
      <c r="G66202" s="1" t="s">
        <v>220492</v>
      </c>
      <c r="H66202" s="1" t="s">
        <v>220493</v>
      </c>
      <c r="I66202" s="1" t="s">
        <v>218190</v>
      </c>
      <c r="J66202" s="1" t="s">
        <v>220499</v>
      </c>
    </row>
    <row r="66203" spans="1:10" x14ac:dyDescent="0.35">
      <c r="A66203" s="1" t="s">
        <v>220489</v>
      </c>
      <c r="B66203" s="1" t="s">
        <v>218185</v>
      </c>
      <c r="C66203" s="1" t="s">
        <v>25</v>
      </c>
      <c r="D66203" s="1" t="s">
        <v>9554</v>
      </c>
      <c r="E66203" s="1" t="s">
        <v>220500</v>
      </c>
      <c r="F66203" s="1" t="s">
        <v>220501</v>
      </c>
      <c r="G66203" s="1" t="s">
        <v>220492</v>
      </c>
      <c r="H66203" s="1" t="s">
        <v>220493</v>
      </c>
      <c r="I66203" s="1" t="s">
        <v>218190</v>
      </c>
      <c r="J66203" s="1" t="s">
        <v>220502</v>
      </c>
    </row>
    <row r="66204" spans="1:10" x14ac:dyDescent="0.35">
      <c r="A66204" s="1" t="s">
        <v>220489</v>
      </c>
      <c r="B66204" s="1" t="s">
        <v>218185</v>
      </c>
      <c r="C66204" s="1" t="s">
        <v>30</v>
      </c>
      <c r="D66204" s="1" t="s">
        <v>162040</v>
      </c>
      <c r="E66204" s="1" t="s">
        <v>220503</v>
      </c>
      <c r="F66204" s="1" t="s">
        <v>220504</v>
      </c>
      <c r="G66204" s="1" t="s">
        <v>220492</v>
      </c>
      <c r="H66204" s="1" t="s">
        <v>220493</v>
      </c>
      <c r="I66204" s="1" t="s">
        <v>218190</v>
      </c>
      <c r="J66204" s="1" t="s">
        <v>220505</v>
      </c>
    </row>
    <row r="66205" spans="1:10" x14ac:dyDescent="0.35">
      <c r="A66205" s="1" t="s">
        <v>220489</v>
      </c>
      <c r="B66205" s="1" t="s">
        <v>218185</v>
      </c>
      <c r="C66205" s="1" t="s">
        <v>35</v>
      </c>
      <c r="D66205" s="1" t="s">
        <v>111051</v>
      </c>
      <c r="E66205" s="1" t="s">
        <v>220506</v>
      </c>
      <c r="F66205" s="1" t="s">
        <v>220507</v>
      </c>
      <c r="G66205" s="1" t="s">
        <v>220492</v>
      </c>
      <c r="H66205" s="1" t="s">
        <v>220493</v>
      </c>
      <c r="I66205" s="1" t="s">
        <v>218190</v>
      </c>
      <c r="J66205" s="1" t="s">
        <v>220508</v>
      </c>
    </row>
    <row r="66206" spans="1:10" x14ac:dyDescent="0.35">
      <c r="A66206" s="1" t="s">
        <v>220489</v>
      </c>
      <c r="B66206" s="1" t="s">
        <v>218185</v>
      </c>
      <c r="C66206" s="1" t="s">
        <v>40</v>
      </c>
      <c r="D66206" s="1" t="s">
        <v>220509</v>
      </c>
      <c r="E66206" s="1" t="s">
        <v>220510</v>
      </c>
      <c r="F66206" s="1" t="s">
        <v>220511</v>
      </c>
      <c r="G66206" s="1" t="s">
        <v>220492</v>
      </c>
      <c r="H66206" s="1" t="s">
        <v>220493</v>
      </c>
      <c r="I66206" s="1" t="s">
        <v>218190</v>
      </c>
      <c r="J66206" s="1" t="s">
        <v>220512</v>
      </c>
    </row>
    <row r="66207" spans="1:10" x14ac:dyDescent="0.35">
      <c r="A66207" s="1" t="s">
        <v>220489</v>
      </c>
      <c r="B66207" s="1" t="s">
        <v>218185</v>
      </c>
      <c r="C66207" s="1" t="s">
        <v>45</v>
      </c>
      <c r="D66207" s="1" t="s">
        <v>120566</v>
      </c>
      <c r="E66207" s="1" t="s">
        <v>220513</v>
      </c>
      <c r="F66207" s="1" t="s">
        <v>220514</v>
      </c>
      <c r="G66207" s="1" t="s">
        <v>220492</v>
      </c>
      <c r="H66207" s="1" t="s">
        <v>220493</v>
      </c>
      <c r="I66207" s="1" t="s">
        <v>218190</v>
      </c>
      <c r="J66207" s="1" t="s">
        <v>220515</v>
      </c>
    </row>
    <row r="66208" spans="1:10" x14ac:dyDescent="0.35">
      <c r="A66208" s="1" t="s">
        <v>220489</v>
      </c>
      <c r="B66208" s="1" t="s">
        <v>218185</v>
      </c>
      <c r="C66208" s="1" t="s">
        <v>50</v>
      </c>
      <c r="D66208" s="1" t="s">
        <v>151831</v>
      </c>
      <c r="E66208" s="1" t="s">
        <v>220516</v>
      </c>
      <c r="F66208" s="1" t="s">
        <v>220517</v>
      </c>
      <c r="G66208" s="1" t="s">
        <v>220492</v>
      </c>
      <c r="H66208" s="1" t="s">
        <v>220493</v>
      </c>
      <c r="I66208" s="1" t="s">
        <v>218190</v>
      </c>
      <c r="J66208" s="1" t="s">
        <v>220518</v>
      </c>
    </row>
    <row r="66209" spans="1:10" x14ac:dyDescent="0.35">
      <c r="A66209" s="1" t="s">
        <v>220489</v>
      </c>
      <c r="B66209" s="1" t="s">
        <v>218185</v>
      </c>
      <c r="C66209" s="1" t="s">
        <v>55</v>
      </c>
      <c r="D66209" s="1" t="s">
        <v>7920</v>
      </c>
      <c r="E66209" s="1" t="s">
        <v>220519</v>
      </c>
      <c r="F66209" s="1" t="s">
        <v>220520</v>
      </c>
      <c r="G66209" s="1" t="s">
        <v>220492</v>
      </c>
      <c r="H66209" s="1" t="s">
        <v>220493</v>
      </c>
      <c r="I66209" s="1" t="s">
        <v>218190</v>
      </c>
      <c r="J66209" s="1" t="s">
        <v>220521</v>
      </c>
    </row>
    <row r="66210" spans="1:10" x14ac:dyDescent="0.35">
      <c r="A66210" s="1" t="s">
        <v>220489</v>
      </c>
      <c r="B66210" s="1" t="s">
        <v>218185</v>
      </c>
      <c r="C66210" s="1" t="s">
        <v>60</v>
      </c>
      <c r="D66210" s="1" t="s">
        <v>202454</v>
      </c>
      <c r="E66210" s="1" t="s">
        <v>220522</v>
      </c>
      <c r="F66210" s="1" t="s">
        <v>220523</v>
      </c>
      <c r="G66210" s="1" t="s">
        <v>220492</v>
      </c>
      <c r="H66210" s="1" t="s">
        <v>220493</v>
      </c>
      <c r="I66210" s="1" t="s">
        <v>218190</v>
      </c>
      <c r="J66210" s="1" t="s">
        <v>220524</v>
      </c>
    </row>
    <row r="66211" spans="1:10" x14ac:dyDescent="0.35">
      <c r="A66211" s="1" t="s">
        <v>220489</v>
      </c>
      <c r="B66211" s="1" t="s">
        <v>218185</v>
      </c>
      <c r="C66211" s="1" t="s">
        <v>65</v>
      </c>
      <c r="D66211" s="1" t="s">
        <v>34803</v>
      </c>
      <c r="E66211" s="1" t="s">
        <v>220525</v>
      </c>
      <c r="F66211" s="1" t="s">
        <v>220526</v>
      </c>
      <c r="G66211" s="1" t="s">
        <v>220492</v>
      </c>
      <c r="H66211" s="1" t="s">
        <v>220493</v>
      </c>
      <c r="I66211" s="1" t="s">
        <v>218190</v>
      </c>
      <c r="J66211" s="1" t="s">
        <v>220527</v>
      </c>
    </row>
    <row r="66212" spans="1:10" x14ac:dyDescent="0.35">
      <c r="A66212" s="1" t="s">
        <v>220489</v>
      </c>
      <c r="B66212" s="1" t="s">
        <v>218185</v>
      </c>
      <c r="C66212" s="1" t="s">
        <v>70</v>
      </c>
      <c r="D66212" s="1" t="s">
        <v>7946</v>
      </c>
      <c r="E66212" s="1" t="s">
        <v>220528</v>
      </c>
      <c r="F66212" s="1" t="s">
        <v>220529</v>
      </c>
      <c r="G66212" s="1" t="s">
        <v>220492</v>
      </c>
      <c r="H66212" s="1" t="s">
        <v>220493</v>
      </c>
      <c r="I66212" s="1" t="s">
        <v>218190</v>
      </c>
      <c r="J66212" s="1" t="s">
        <v>220530</v>
      </c>
    </row>
    <row r="66213" spans="1:10" x14ac:dyDescent="0.35">
      <c r="A66213" s="1" t="s">
        <v>220489</v>
      </c>
      <c r="B66213" s="1" t="s">
        <v>218185</v>
      </c>
      <c r="C66213" s="1" t="s">
        <v>75</v>
      </c>
      <c r="D66213" s="1" t="s">
        <v>75011</v>
      </c>
      <c r="E66213" s="1" t="s">
        <v>220531</v>
      </c>
      <c r="F66213" s="1" t="s">
        <v>220532</v>
      </c>
      <c r="G66213" s="1" t="s">
        <v>220492</v>
      </c>
      <c r="H66213" s="1" t="s">
        <v>220493</v>
      </c>
      <c r="I66213" s="1" t="s">
        <v>218190</v>
      </c>
      <c r="J66213" s="1" t="s">
        <v>220533</v>
      </c>
    </row>
    <row r="66214" spans="1:10" x14ac:dyDescent="0.35">
      <c r="A66214" s="1" t="s">
        <v>220489</v>
      </c>
      <c r="B66214" s="1" t="s">
        <v>218185</v>
      </c>
      <c r="C66214" s="1" t="s">
        <v>80</v>
      </c>
      <c r="D66214" s="1" t="s">
        <v>1436</v>
      </c>
      <c r="E66214" s="1" t="s">
        <v>220534</v>
      </c>
      <c r="F66214" s="1" t="s">
        <v>220535</v>
      </c>
      <c r="G66214" s="1" t="s">
        <v>220492</v>
      </c>
      <c r="H66214" s="1" t="s">
        <v>220493</v>
      </c>
      <c r="I66214" s="1" t="s">
        <v>218190</v>
      </c>
      <c r="J66214" s="1" t="s">
        <v>220536</v>
      </c>
    </row>
    <row r="66215" spans="1:10" x14ac:dyDescent="0.35">
      <c r="A66215" s="1" t="s">
        <v>220489</v>
      </c>
      <c r="B66215" s="1" t="s">
        <v>218185</v>
      </c>
      <c r="C66215" s="1" t="s">
        <v>85</v>
      </c>
      <c r="D66215" s="1" t="s">
        <v>220537</v>
      </c>
      <c r="E66215" s="1" t="s">
        <v>220538</v>
      </c>
      <c r="F66215" s="1" t="s">
        <v>220539</v>
      </c>
      <c r="G66215" s="1" t="s">
        <v>220492</v>
      </c>
      <c r="H66215" s="1" t="s">
        <v>220493</v>
      </c>
      <c r="I66215" s="1" t="s">
        <v>218190</v>
      </c>
      <c r="J66215" s="1" t="s">
        <v>220540</v>
      </c>
    </row>
    <row r="66216" spans="1:10" x14ac:dyDescent="0.35">
      <c r="A66216" s="1" t="s">
        <v>220489</v>
      </c>
      <c r="B66216" s="1" t="s">
        <v>218185</v>
      </c>
      <c r="C66216" s="1" t="s">
        <v>90</v>
      </c>
      <c r="D66216" s="1" t="s">
        <v>49212</v>
      </c>
      <c r="E66216" s="1" t="s">
        <v>220541</v>
      </c>
      <c r="F66216" s="1" t="s">
        <v>220542</v>
      </c>
      <c r="G66216" s="1" t="s">
        <v>220492</v>
      </c>
      <c r="H66216" s="1" t="s">
        <v>220493</v>
      </c>
      <c r="I66216" s="1" t="s">
        <v>218190</v>
      </c>
      <c r="J66216" s="1" t="s">
        <v>220543</v>
      </c>
    </row>
    <row r="66217" spans="1:10" x14ac:dyDescent="0.35">
      <c r="A66217" s="1" t="s">
        <v>220489</v>
      </c>
      <c r="B66217" s="1" t="s">
        <v>218185</v>
      </c>
      <c r="C66217" s="1" t="s">
        <v>95</v>
      </c>
      <c r="D66217" s="1" t="s">
        <v>205040</v>
      </c>
      <c r="E66217" s="1" t="s">
        <v>220544</v>
      </c>
      <c r="F66217" s="1" t="s">
        <v>220545</v>
      </c>
      <c r="G66217" s="1" t="s">
        <v>220492</v>
      </c>
      <c r="H66217" s="1" t="s">
        <v>220493</v>
      </c>
      <c r="I66217" s="1" t="s">
        <v>218190</v>
      </c>
      <c r="J66217" s="1" t="s">
        <v>220546</v>
      </c>
    </row>
    <row r="66218" spans="1:10" x14ac:dyDescent="0.35">
      <c r="A66218" s="1" t="s">
        <v>220489</v>
      </c>
      <c r="B66218" s="1" t="s">
        <v>218185</v>
      </c>
      <c r="C66218" s="1" t="s">
        <v>100</v>
      </c>
      <c r="D66218" s="1" t="s">
        <v>47801</v>
      </c>
      <c r="E66218" s="1" t="s">
        <v>220547</v>
      </c>
      <c r="F66218" s="1" t="s">
        <v>220548</v>
      </c>
      <c r="G66218" s="1" t="s">
        <v>220492</v>
      </c>
      <c r="H66218" s="1" t="s">
        <v>220493</v>
      </c>
      <c r="I66218" s="1" t="s">
        <v>218190</v>
      </c>
      <c r="J66218" s="1" t="s">
        <v>220549</v>
      </c>
    </row>
    <row r="66219" spans="1:10" x14ac:dyDescent="0.35">
      <c r="A66219" s="1" t="s">
        <v>220489</v>
      </c>
      <c r="B66219" s="1" t="s">
        <v>218185</v>
      </c>
      <c r="C66219" s="1" t="s">
        <v>105</v>
      </c>
      <c r="D66219" s="1" t="s">
        <v>15752</v>
      </c>
      <c r="E66219" s="1" t="s">
        <v>220550</v>
      </c>
      <c r="F66219" s="1" t="s">
        <v>220551</v>
      </c>
      <c r="G66219" s="1" t="s">
        <v>220492</v>
      </c>
      <c r="H66219" s="1" t="s">
        <v>220493</v>
      </c>
      <c r="I66219" s="1" t="s">
        <v>218190</v>
      </c>
      <c r="J66219" s="1" t="s">
        <v>220552</v>
      </c>
    </row>
    <row r="66220" spans="1:10" x14ac:dyDescent="0.35">
      <c r="A66220" s="1" t="s">
        <v>220489</v>
      </c>
      <c r="B66220" s="1" t="s">
        <v>218185</v>
      </c>
      <c r="C66220" s="1" t="s">
        <v>110</v>
      </c>
      <c r="D66220" s="1" t="s">
        <v>72505</v>
      </c>
      <c r="E66220" s="1" t="s">
        <v>220553</v>
      </c>
      <c r="F66220" s="1" t="s">
        <v>220554</v>
      </c>
      <c r="G66220" s="1" t="s">
        <v>220492</v>
      </c>
      <c r="H66220" s="1" t="s">
        <v>220493</v>
      </c>
      <c r="I66220" s="1" t="s">
        <v>218190</v>
      </c>
      <c r="J66220" s="1" t="s">
        <v>220555</v>
      </c>
    </row>
    <row r="66221" spans="1:10" x14ac:dyDescent="0.35">
      <c r="A66221" s="1" t="s">
        <v>220489</v>
      </c>
      <c r="B66221" s="1" t="s">
        <v>218185</v>
      </c>
      <c r="C66221" s="1" t="s">
        <v>115</v>
      </c>
      <c r="D66221" s="1" t="s">
        <v>157356</v>
      </c>
      <c r="E66221" s="1" t="s">
        <v>220556</v>
      </c>
      <c r="F66221" s="1" t="s">
        <v>220557</v>
      </c>
      <c r="G66221" s="1" t="s">
        <v>220492</v>
      </c>
      <c r="H66221" s="1" t="s">
        <v>220493</v>
      </c>
      <c r="I66221" s="1" t="s">
        <v>218190</v>
      </c>
      <c r="J66221" s="1" t="s">
        <v>220558</v>
      </c>
    </row>
    <row r="66222" spans="1:10" x14ac:dyDescent="0.35">
      <c r="A66222" s="1" t="s">
        <v>220489</v>
      </c>
      <c r="B66222" s="1" t="s">
        <v>218185</v>
      </c>
      <c r="C66222" s="1" t="s">
        <v>120</v>
      </c>
      <c r="D66222" s="1" t="s">
        <v>220559</v>
      </c>
      <c r="E66222" s="1" t="s">
        <v>220560</v>
      </c>
      <c r="F66222" s="1" t="s">
        <v>220561</v>
      </c>
      <c r="G66222" s="1" t="s">
        <v>220492</v>
      </c>
      <c r="H66222" s="1" t="s">
        <v>220493</v>
      </c>
      <c r="I66222" s="1" t="s">
        <v>218190</v>
      </c>
      <c r="J66222" s="1" t="s">
        <v>220562</v>
      </c>
    </row>
    <row r="66223" spans="1:10" x14ac:dyDescent="0.35">
      <c r="A66223" s="1" t="s">
        <v>220489</v>
      </c>
      <c r="B66223" s="1" t="s">
        <v>218185</v>
      </c>
      <c r="C66223" s="1" t="s">
        <v>125</v>
      </c>
      <c r="D66223" s="1" t="s">
        <v>30720</v>
      </c>
      <c r="E66223" s="1" t="s">
        <v>220563</v>
      </c>
      <c r="F66223" s="1" t="s">
        <v>220564</v>
      </c>
      <c r="G66223" s="1" t="s">
        <v>220492</v>
      </c>
      <c r="H66223" s="1" t="s">
        <v>220493</v>
      </c>
      <c r="I66223" s="1" t="s">
        <v>218190</v>
      </c>
      <c r="J66223" s="1" t="s">
        <v>220565</v>
      </c>
    </row>
    <row r="66224" spans="1:10" x14ac:dyDescent="0.35">
      <c r="A66224" s="1" t="s">
        <v>220489</v>
      </c>
      <c r="B66224" s="1" t="s">
        <v>218185</v>
      </c>
      <c r="C66224" s="1" t="s">
        <v>130</v>
      </c>
      <c r="D66224" s="1" t="s">
        <v>293</v>
      </c>
      <c r="E66224" s="1" t="s">
        <v>220566</v>
      </c>
      <c r="F66224" s="1" t="s">
        <v>220567</v>
      </c>
      <c r="G66224" s="1" t="s">
        <v>220492</v>
      </c>
      <c r="H66224" s="1" t="s">
        <v>220493</v>
      </c>
      <c r="I66224" s="1" t="s">
        <v>218190</v>
      </c>
      <c r="J66224" s="1" t="s">
        <v>220568</v>
      </c>
    </row>
    <row r="66225" spans="1:10" x14ac:dyDescent="0.35">
      <c r="A66225" s="1" t="s">
        <v>220489</v>
      </c>
      <c r="B66225" s="1" t="s">
        <v>218185</v>
      </c>
      <c r="C66225" s="1" t="s">
        <v>135</v>
      </c>
      <c r="D66225" s="1" t="s">
        <v>14634</v>
      </c>
      <c r="E66225" s="1" t="s">
        <v>220569</v>
      </c>
      <c r="F66225" s="1" t="s">
        <v>220570</v>
      </c>
      <c r="G66225" s="1" t="s">
        <v>220492</v>
      </c>
      <c r="H66225" s="1" t="s">
        <v>220493</v>
      </c>
      <c r="I66225" s="1" t="s">
        <v>218190</v>
      </c>
      <c r="J66225" s="1" t="s">
        <v>220571</v>
      </c>
    </row>
    <row r="66226" spans="1:10" x14ac:dyDescent="0.35">
      <c r="A66226" s="1" t="s">
        <v>220489</v>
      </c>
      <c r="B66226" s="1" t="s">
        <v>218185</v>
      </c>
      <c r="C66226" s="1" t="s">
        <v>140</v>
      </c>
      <c r="D66226" s="1" t="s">
        <v>207958</v>
      </c>
      <c r="E66226" s="1" t="s">
        <v>220572</v>
      </c>
      <c r="F66226" s="1" t="s">
        <v>220573</v>
      </c>
      <c r="G66226" s="1" t="s">
        <v>220492</v>
      </c>
      <c r="H66226" s="1" t="s">
        <v>220493</v>
      </c>
      <c r="I66226" s="1" t="s">
        <v>218190</v>
      </c>
      <c r="J66226" s="1" t="s">
        <v>220574</v>
      </c>
    </row>
    <row r="66227" spans="1:10" x14ac:dyDescent="0.35">
      <c r="A66227" s="1" t="s">
        <v>220489</v>
      </c>
      <c r="B66227" s="1" t="s">
        <v>218185</v>
      </c>
      <c r="C66227" s="1" t="s">
        <v>145</v>
      </c>
      <c r="D66227" s="1" t="s">
        <v>220575</v>
      </c>
      <c r="E66227" s="1" t="s">
        <v>220576</v>
      </c>
      <c r="F66227" s="1" t="s">
        <v>220577</v>
      </c>
      <c r="G66227" s="1" t="s">
        <v>220492</v>
      </c>
      <c r="H66227" s="1" t="s">
        <v>220493</v>
      </c>
      <c r="I66227" s="1" t="s">
        <v>218190</v>
      </c>
      <c r="J66227" s="1" t="s">
        <v>220578</v>
      </c>
    </row>
    <row r="66228" spans="1:10" x14ac:dyDescent="0.35">
      <c r="A66228" s="1" t="s">
        <v>220489</v>
      </c>
      <c r="B66228" s="1" t="s">
        <v>218185</v>
      </c>
      <c r="C66228" s="1" t="s">
        <v>150</v>
      </c>
      <c r="D66228" s="1" t="s">
        <v>151146</v>
      </c>
      <c r="E66228" s="1" t="s">
        <v>220579</v>
      </c>
      <c r="F66228" s="1" t="s">
        <v>220580</v>
      </c>
      <c r="G66228" s="1" t="s">
        <v>220492</v>
      </c>
      <c r="H66228" s="1" t="s">
        <v>220493</v>
      </c>
      <c r="I66228" s="1" t="s">
        <v>218190</v>
      </c>
      <c r="J66228" s="1" t="s">
        <v>220581</v>
      </c>
    </row>
    <row r="66229" spans="1:10" x14ac:dyDescent="0.35">
      <c r="A66229" s="1" t="s">
        <v>220489</v>
      </c>
      <c r="B66229" s="1" t="s">
        <v>218185</v>
      </c>
      <c r="C66229" s="1" t="s">
        <v>155</v>
      </c>
      <c r="D66229" s="1" t="s">
        <v>203129</v>
      </c>
      <c r="E66229" s="1" t="s">
        <v>220582</v>
      </c>
      <c r="F66229" s="1" t="s">
        <v>220583</v>
      </c>
      <c r="G66229" s="1" t="s">
        <v>220492</v>
      </c>
      <c r="H66229" s="1" t="s">
        <v>220493</v>
      </c>
      <c r="I66229" s="1" t="s">
        <v>218190</v>
      </c>
      <c r="J66229" s="1" t="s">
        <v>220584</v>
      </c>
    </row>
    <row r="66230" spans="1:10" x14ac:dyDescent="0.35">
      <c r="A66230" s="1" t="s">
        <v>220489</v>
      </c>
      <c r="B66230" s="1" t="s">
        <v>218185</v>
      </c>
      <c r="C66230" s="1" t="s">
        <v>160</v>
      </c>
      <c r="D66230" s="1" t="s">
        <v>50185</v>
      </c>
      <c r="E66230" s="1" t="s">
        <v>220585</v>
      </c>
      <c r="F66230" s="1" t="s">
        <v>220586</v>
      </c>
      <c r="G66230" s="1" t="s">
        <v>220492</v>
      </c>
      <c r="H66230" s="1" t="s">
        <v>220493</v>
      </c>
      <c r="I66230" s="1" t="s">
        <v>218190</v>
      </c>
      <c r="J66230" s="1" t="s">
        <v>220587</v>
      </c>
    </row>
    <row r="66231" spans="1:10" x14ac:dyDescent="0.35">
      <c r="A66231" s="1" t="s">
        <v>220489</v>
      </c>
      <c r="B66231" s="1" t="s">
        <v>218185</v>
      </c>
      <c r="C66231" s="1" t="s">
        <v>165</v>
      </c>
      <c r="D66231" s="1" t="s">
        <v>50513</v>
      </c>
      <c r="E66231" s="1" t="s">
        <v>220588</v>
      </c>
      <c r="F66231" s="1" t="s">
        <v>220589</v>
      </c>
      <c r="G66231" s="1" t="s">
        <v>220492</v>
      </c>
      <c r="H66231" s="1" t="s">
        <v>220493</v>
      </c>
      <c r="I66231" s="1" t="s">
        <v>218190</v>
      </c>
      <c r="J66231" s="1" t="s">
        <v>220590</v>
      </c>
    </row>
    <row r="66232" spans="1:10" x14ac:dyDescent="0.35">
      <c r="A66232" s="1" t="s">
        <v>220489</v>
      </c>
      <c r="B66232" s="1" t="s">
        <v>218185</v>
      </c>
      <c r="C66232" s="1" t="s">
        <v>170</v>
      </c>
      <c r="D66232" s="1" t="s">
        <v>220591</v>
      </c>
      <c r="E66232" s="1" t="s">
        <v>220592</v>
      </c>
      <c r="F66232" s="1" t="s">
        <v>220593</v>
      </c>
      <c r="G66232" s="1" t="s">
        <v>220492</v>
      </c>
      <c r="H66232" s="1" t="s">
        <v>220493</v>
      </c>
      <c r="I66232" s="1" t="s">
        <v>218190</v>
      </c>
      <c r="J66232" s="1" t="s">
        <v>220594</v>
      </c>
    </row>
    <row r="66233" spans="1:10" x14ac:dyDescent="0.35">
      <c r="A66233" s="1" t="s">
        <v>9975</v>
      </c>
      <c r="B66233" s="1" t="s">
        <v>218185</v>
      </c>
      <c r="C66233" s="1" t="s">
        <v>8</v>
      </c>
      <c r="D66233" s="1" t="s">
        <v>220595</v>
      </c>
      <c r="E66233" s="1" t="s">
        <v>220596</v>
      </c>
      <c r="F66233" s="1" t="s">
        <v>220597</v>
      </c>
      <c r="G66233" s="1" t="s">
        <v>220598</v>
      </c>
      <c r="H66233" s="1" t="s">
        <v>220599</v>
      </c>
      <c r="I66233" s="1" t="s">
        <v>218190</v>
      </c>
      <c r="J66233" s="1" t="s">
        <v>13</v>
      </c>
    </row>
    <row r="66234" spans="1:10" x14ac:dyDescent="0.35">
      <c r="A66234" s="1" t="s">
        <v>9975</v>
      </c>
      <c r="B66234" s="1" t="s">
        <v>218185</v>
      </c>
      <c r="C66234" s="1" t="s">
        <v>15</v>
      </c>
      <c r="D66234" s="1" t="s">
        <v>126263</v>
      </c>
      <c r="E66234" s="1" t="s">
        <v>220600</v>
      </c>
      <c r="F66234" s="1" t="s">
        <v>220601</v>
      </c>
      <c r="G66234" s="1" t="s">
        <v>220598</v>
      </c>
      <c r="H66234" s="1" t="s">
        <v>220599</v>
      </c>
      <c r="I66234" s="1" t="s">
        <v>218190</v>
      </c>
      <c r="J66234" s="1" t="s">
        <v>220602</v>
      </c>
    </row>
    <row r="66235" spans="1:10" x14ac:dyDescent="0.35">
      <c r="A66235" s="1" t="s">
        <v>9975</v>
      </c>
      <c r="B66235" s="1" t="s">
        <v>218185</v>
      </c>
      <c r="C66235" s="1" t="s">
        <v>20</v>
      </c>
      <c r="D66235" s="1" t="s">
        <v>43721</v>
      </c>
      <c r="E66235" s="1" t="s">
        <v>220603</v>
      </c>
      <c r="F66235" s="1" t="s">
        <v>220604</v>
      </c>
      <c r="G66235" s="1" t="s">
        <v>220598</v>
      </c>
      <c r="H66235" s="1" t="s">
        <v>220599</v>
      </c>
      <c r="I66235" s="1" t="s">
        <v>218190</v>
      </c>
      <c r="J66235" s="1" t="s">
        <v>220605</v>
      </c>
    </row>
    <row r="66236" spans="1:10" x14ac:dyDescent="0.35">
      <c r="A66236" s="1" t="s">
        <v>9975</v>
      </c>
      <c r="B66236" s="1" t="s">
        <v>218185</v>
      </c>
      <c r="C66236" s="1" t="s">
        <v>25</v>
      </c>
      <c r="D66236" s="1" t="s">
        <v>147641</v>
      </c>
      <c r="E66236" s="1" t="s">
        <v>220606</v>
      </c>
      <c r="F66236" s="1" t="s">
        <v>220607</v>
      </c>
      <c r="G66236" s="1" t="s">
        <v>220598</v>
      </c>
      <c r="H66236" s="1" t="s">
        <v>220599</v>
      </c>
      <c r="I66236" s="1" t="s">
        <v>218190</v>
      </c>
      <c r="J66236" s="1" t="s">
        <v>220608</v>
      </c>
    </row>
    <row r="66237" spans="1:10" x14ac:dyDescent="0.35">
      <c r="A66237" s="1" t="s">
        <v>9975</v>
      </c>
      <c r="B66237" s="1" t="s">
        <v>218185</v>
      </c>
      <c r="C66237" s="1" t="s">
        <v>30</v>
      </c>
      <c r="D66237" s="1" t="s">
        <v>30885</v>
      </c>
      <c r="E66237" s="1" t="s">
        <v>220609</v>
      </c>
      <c r="F66237" s="1" t="s">
        <v>220610</v>
      </c>
      <c r="G66237" s="1" t="s">
        <v>220598</v>
      </c>
      <c r="H66237" s="1" t="s">
        <v>220599</v>
      </c>
      <c r="I66237" s="1" t="s">
        <v>218190</v>
      </c>
      <c r="J66237" s="1" t="s">
        <v>220611</v>
      </c>
    </row>
    <row r="66238" spans="1:10" x14ac:dyDescent="0.35">
      <c r="A66238" s="1" t="s">
        <v>9975</v>
      </c>
      <c r="B66238" s="1" t="s">
        <v>218185</v>
      </c>
      <c r="C66238" s="1" t="s">
        <v>35</v>
      </c>
      <c r="D66238" s="1" t="s">
        <v>50366</v>
      </c>
      <c r="E66238" s="1" t="s">
        <v>220612</v>
      </c>
      <c r="F66238" s="1" t="s">
        <v>220613</v>
      </c>
      <c r="G66238" s="1" t="s">
        <v>220598</v>
      </c>
      <c r="H66238" s="1" t="s">
        <v>220599</v>
      </c>
      <c r="I66238" s="1" t="s">
        <v>218190</v>
      </c>
      <c r="J66238" s="1" t="s">
        <v>220614</v>
      </c>
    </row>
    <row r="66239" spans="1:10" x14ac:dyDescent="0.35">
      <c r="A66239" s="1" t="s">
        <v>9975</v>
      </c>
      <c r="B66239" s="1" t="s">
        <v>218185</v>
      </c>
      <c r="C66239" s="1" t="s">
        <v>40</v>
      </c>
      <c r="D66239" s="1" t="s">
        <v>47536</v>
      </c>
      <c r="E66239" s="1" t="s">
        <v>220615</v>
      </c>
      <c r="F66239" s="1" t="s">
        <v>220616</v>
      </c>
      <c r="G66239" s="1" t="s">
        <v>220598</v>
      </c>
      <c r="H66239" s="1" t="s">
        <v>220599</v>
      </c>
      <c r="I66239" s="1" t="s">
        <v>218190</v>
      </c>
      <c r="J66239" s="1" t="s">
        <v>220617</v>
      </c>
    </row>
    <row r="66240" spans="1:10" x14ac:dyDescent="0.35">
      <c r="A66240" s="1" t="s">
        <v>9975</v>
      </c>
      <c r="B66240" s="1" t="s">
        <v>218185</v>
      </c>
      <c r="C66240" s="1" t="s">
        <v>45</v>
      </c>
      <c r="D66240" s="1" t="s">
        <v>15423</v>
      </c>
      <c r="E66240" s="1" t="s">
        <v>220618</v>
      </c>
      <c r="F66240" s="1" t="s">
        <v>220619</v>
      </c>
      <c r="G66240" s="1" t="s">
        <v>220598</v>
      </c>
      <c r="H66240" s="1" t="s">
        <v>220599</v>
      </c>
      <c r="I66240" s="1" t="s">
        <v>218190</v>
      </c>
      <c r="J66240" s="1" t="s">
        <v>220620</v>
      </c>
    </row>
    <row r="66241" spans="1:10" x14ac:dyDescent="0.35">
      <c r="A66241" s="1" t="s">
        <v>9975</v>
      </c>
      <c r="B66241" s="1" t="s">
        <v>218185</v>
      </c>
      <c r="C66241" s="1" t="s">
        <v>50</v>
      </c>
      <c r="D66241" s="1" t="s">
        <v>142396</v>
      </c>
      <c r="E66241" s="1" t="s">
        <v>220621</v>
      </c>
      <c r="F66241" s="1" t="s">
        <v>220622</v>
      </c>
      <c r="G66241" s="1" t="s">
        <v>220598</v>
      </c>
      <c r="H66241" s="1" t="s">
        <v>220599</v>
      </c>
      <c r="I66241" s="1" t="s">
        <v>218190</v>
      </c>
      <c r="J66241" s="1" t="s">
        <v>220623</v>
      </c>
    </row>
    <row r="66242" spans="1:10" x14ac:dyDescent="0.35">
      <c r="A66242" s="1" t="s">
        <v>9975</v>
      </c>
      <c r="B66242" s="1" t="s">
        <v>218185</v>
      </c>
      <c r="C66242" s="1" t="s">
        <v>55</v>
      </c>
      <c r="D66242" s="1" t="s">
        <v>17385</v>
      </c>
      <c r="E66242" s="1" t="s">
        <v>220624</v>
      </c>
      <c r="F66242" s="1" t="s">
        <v>220625</v>
      </c>
      <c r="G66242" s="1" t="s">
        <v>220598</v>
      </c>
      <c r="H66242" s="1" t="s">
        <v>220599</v>
      </c>
      <c r="I66242" s="1" t="s">
        <v>218190</v>
      </c>
      <c r="J66242" s="1" t="s">
        <v>220626</v>
      </c>
    </row>
    <row r="66243" spans="1:10" x14ac:dyDescent="0.35">
      <c r="A66243" s="1" t="s">
        <v>9975</v>
      </c>
      <c r="B66243" s="1" t="s">
        <v>218185</v>
      </c>
      <c r="C66243" s="1" t="s">
        <v>60</v>
      </c>
      <c r="D66243" s="1" t="s">
        <v>192836</v>
      </c>
      <c r="E66243" s="1" t="s">
        <v>220627</v>
      </c>
      <c r="F66243" s="1" t="s">
        <v>220628</v>
      </c>
      <c r="G66243" s="1" t="s">
        <v>220598</v>
      </c>
      <c r="H66243" s="1" t="s">
        <v>220599</v>
      </c>
      <c r="I66243" s="1" t="s">
        <v>218190</v>
      </c>
      <c r="J66243" s="1" t="s">
        <v>220629</v>
      </c>
    </row>
    <row r="66244" spans="1:10" x14ac:dyDescent="0.35">
      <c r="A66244" s="1" t="s">
        <v>9975</v>
      </c>
      <c r="B66244" s="1" t="s">
        <v>218185</v>
      </c>
      <c r="C66244" s="1" t="s">
        <v>65</v>
      </c>
      <c r="D66244" s="1" t="s">
        <v>17210</v>
      </c>
      <c r="E66244" s="1" t="s">
        <v>220630</v>
      </c>
      <c r="F66244" s="1" t="s">
        <v>220631</v>
      </c>
      <c r="G66244" s="1" t="s">
        <v>220598</v>
      </c>
      <c r="H66244" s="1" t="s">
        <v>220599</v>
      </c>
      <c r="I66244" s="1" t="s">
        <v>218190</v>
      </c>
      <c r="J66244" s="1" t="s">
        <v>220632</v>
      </c>
    </row>
    <row r="66245" spans="1:10" x14ac:dyDescent="0.35">
      <c r="A66245" s="1" t="s">
        <v>9975</v>
      </c>
      <c r="B66245" s="1" t="s">
        <v>218185</v>
      </c>
      <c r="C66245" s="1" t="s">
        <v>70</v>
      </c>
      <c r="D66245" s="1" t="s">
        <v>17642</v>
      </c>
      <c r="E66245" s="1" t="s">
        <v>220633</v>
      </c>
      <c r="F66245" s="1" t="s">
        <v>220634</v>
      </c>
      <c r="G66245" s="1" t="s">
        <v>220598</v>
      </c>
      <c r="H66245" s="1" t="s">
        <v>220599</v>
      </c>
      <c r="I66245" s="1" t="s">
        <v>218190</v>
      </c>
      <c r="J66245" s="1" t="s">
        <v>220635</v>
      </c>
    </row>
    <row r="66246" spans="1:10" x14ac:dyDescent="0.35">
      <c r="A66246" s="1" t="s">
        <v>9975</v>
      </c>
      <c r="B66246" s="1" t="s">
        <v>218185</v>
      </c>
      <c r="C66246" s="1" t="s">
        <v>75</v>
      </c>
      <c r="D66246" s="1" t="s">
        <v>73237</v>
      </c>
      <c r="E66246" s="1" t="s">
        <v>220636</v>
      </c>
      <c r="F66246" s="1" t="s">
        <v>220637</v>
      </c>
      <c r="G66246" s="1" t="s">
        <v>220598</v>
      </c>
      <c r="H66246" s="1" t="s">
        <v>220599</v>
      </c>
      <c r="I66246" s="1" t="s">
        <v>218190</v>
      </c>
      <c r="J66246" s="1" t="s">
        <v>220638</v>
      </c>
    </row>
    <row r="66247" spans="1:10" x14ac:dyDescent="0.35">
      <c r="A66247" s="1" t="s">
        <v>9975</v>
      </c>
      <c r="B66247" s="1" t="s">
        <v>218185</v>
      </c>
      <c r="C66247" s="1" t="s">
        <v>80</v>
      </c>
      <c r="D66247" s="1" t="s">
        <v>14848</v>
      </c>
      <c r="E66247" s="1" t="s">
        <v>220639</v>
      </c>
      <c r="F66247" s="1" t="s">
        <v>220640</v>
      </c>
      <c r="G66247" s="1" t="s">
        <v>220598</v>
      </c>
      <c r="H66247" s="1" t="s">
        <v>220599</v>
      </c>
      <c r="I66247" s="1" t="s">
        <v>218190</v>
      </c>
      <c r="J66247" s="1" t="s">
        <v>220641</v>
      </c>
    </row>
    <row r="66248" spans="1:10" x14ac:dyDescent="0.35">
      <c r="A66248" s="1" t="s">
        <v>9975</v>
      </c>
      <c r="B66248" s="1" t="s">
        <v>218185</v>
      </c>
      <c r="C66248" s="1" t="s">
        <v>85</v>
      </c>
      <c r="D66248" s="1" t="s">
        <v>220642</v>
      </c>
      <c r="E66248" s="1" t="s">
        <v>220643</v>
      </c>
      <c r="F66248" s="1" t="s">
        <v>220644</v>
      </c>
      <c r="G66248" s="1" t="s">
        <v>220598</v>
      </c>
      <c r="H66248" s="1" t="s">
        <v>220599</v>
      </c>
      <c r="I66248" s="1" t="s">
        <v>218190</v>
      </c>
      <c r="J66248" s="1" t="s">
        <v>220645</v>
      </c>
    </row>
    <row r="66249" spans="1:10" x14ac:dyDescent="0.35">
      <c r="A66249" s="1" t="s">
        <v>9975</v>
      </c>
      <c r="B66249" s="1" t="s">
        <v>218185</v>
      </c>
      <c r="C66249" s="1" t="s">
        <v>90</v>
      </c>
      <c r="D66249" s="1" t="s">
        <v>48841</v>
      </c>
      <c r="E66249" s="1" t="s">
        <v>220646</v>
      </c>
      <c r="F66249" s="1" t="s">
        <v>220647</v>
      </c>
      <c r="G66249" s="1" t="s">
        <v>220598</v>
      </c>
      <c r="H66249" s="1" t="s">
        <v>220599</v>
      </c>
      <c r="I66249" s="1" t="s">
        <v>218190</v>
      </c>
      <c r="J66249" s="1" t="s">
        <v>220648</v>
      </c>
    </row>
    <row r="66250" spans="1:10" x14ac:dyDescent="0.35">
      <c r="A66250" s="1" t="s">
        <v>9975</v>
      </c>
      <c r="B66250" s="1" t="s">
        <v>218185</v>
      </c>
      <c r="C66250" s="1" t="s">
        <v>95</v>
      </c>
      <c r="D66250" s="1" t="s">
        <v>150856</v>
      </c>
      <c r="E66250" s="1" t="s">
        <v>220649</v>
      </c>
      <c r="F66250" s="1" t="s">
        <v>220650</v>
      </c>
      <c r="G66250" s="1" t="s">
        <v>220598</v>
      </c>
      <c r="H66250" s="1" t="s">
        <v>220599</v>
      </c>
      <c r="I66250" s="1" t="s">
        <v>218190</v>
      </c>
      <c r="J66250" s="1" t="s">
        <v>220651</v>
      </c>
    </row>
    <row r="66251" spans="1:10" x14ac:dyDescent="0.35">
      <c r="A66251" s="1" t="s">
        <v>9975</v>
      </c>
      <c r="B66251" s="1" t="s">
        <v>218185</v>
      </c>
      <c r="C66251" s="1" t="s">
        <v>100</v>
      </c>
      <c r="D66251" s="1" t="s">
        <v>113469</v>
      </c>
      <c r="E66251" s="1" t="s">
        <v>220652</v>
      </c>
      <c r="F66251" s="1" t="s">
        <v>220653</v>
      </c>
      <c r="G66251" s="1" t="s">
        <v>220598</v>
      </c>
      <c r="H66251" s="1" t="s">
        <v>220599</v>
      </c>
      <c r="I66251" s="1" t="s">
        <v>218190</v>
      </c>
      <c r="J66251" s="1" t="s">
        <v>220654</v>
      </c>
    </row>
    <row r="66252" spans="1:10" x14ac:dyDescent="0.35">
      <c r="A66252" s="1" t="s">
        <v>9975</v>
      </c>
      <c r="B66252" s="1" t="s">
        <v>218185</v>
      </c>
      <c r="C66252" s="1" t="s">
        <v>105</v>
      </c>
      <c r="D66252" s="1" t="s">
        <v>197996</v>
      </c>
      <c r="E66252" s="1" t="s">
        <v>220655</v>
      </c>
      <c r="F66252" s="1" t="s">
        <v>220656</v>
      </c>
      <c r="G66252" s="1" t="s">
        <v>220598</v>
      </c>
      <c r="H66252" s="1" t="s">
        <v>220599</v>
      </c>
      <c r="I66252" s="1" t="s">
        <v>218190</v>
      </c>
      <c r="J66252" s="1" t="s">
        <v>220657</v>
      </c>
    </row>
    <row r="66253" spans="1:10" x14ac:dyDescent="0.35">
      <c r="A66253" s="1" t="s">
        <v>9975</v>
      </c>
      <c r="B66253" s="1" t="s">
        <v>218185</v>
      </c>
      <c r="C66253" s="1" t="s">
        <v>110</v>
      </c>
      <c r="D66253" s="1" t="s">
        <v>220658</v>
      </c>
      <c r="E66253" s="1" t="s">
        <v>220659</v>
      </c>
      <c r="F66253" s="1" t="s">
        <v>220660</v>
      </c>
      <c r="G66253" s="1" t="s">
        <v>220598</v>
      </c>
      <c r="H66253" s="1" t="s">
        <v>220599</v>
      </c>
      <c r="I66253" s="1" t="s">
        <v>218190</v>
      </c>
      <c r="J66253" s="1" t="s">
        <v>220661</v>
      </c>
    </row>
    <row r="66254" spans="1:10" x14ac:dyDescent="0.35">
      <c r="A66254" s="1" t="s">
        <v>9975</v>
      </c>
      <c r="B66254" s="1" t="s">
        <v>218185</v>
      </c>
      <c r="C66254" s="1" t="s">
        <v>115</v>
      </c>
      <c r="D66254" s="1" t="s">
        <v>176269</v>
      </c>
      <c r="E66254" s="1" t="s">
        <v>220662</v>
      </c>
      <c r="F66254" s="1" t="s">
        <v>220663</v>
      </c>
      <c r="G66254" s="1" t="s">
        <v>220598</v>
      </c>
      <c r="H66254" s="1" t="s">
        <v>220599</v>
      </c>
      <c r="I66254" s="1" t="s">
        <v>218190</v>
      </c>
      <c r="J66254" s="1" t="s">
        <v>220664</v>
      </c>
    </row>
    <row r="66255" spans="1:10" x14ac:dyDescent="0.35">
      <c r="A66255" s="1" t="s">
        <v>9975</v>
      </c>
      <c r="B66255" s="1" t="s">
        <v>218185</v>
      </c>
      <c r="C66255" s="1" t="s">
        <v>120</v>
      </c>
      <c r="D66255" s="1" t="s">
        <v>17242</v>
      </c>
      <c r="E66255" s="1" t="s">
        <v>220665</v>
      </c>
      <c r="F66255" s="1" t="s">
        <v>220666</v>
      </c>
      <c r="G66255" s="1" t="s">
        <v>220598</v>
      </c>
      <c r="H66255" s="1" t="s">
        <v>220599</v>
      </c>
      <c r="I66255" s="1" t="s">
        <v>218190</v>
      </c>
      <c r="J66255" s="1" t="s">
        <v>220667</v>
      </c>
    </row>
    <row r="66256" spans="1:10" x14ac:dyDescent="0.35">
      <c r="A66256" s="1" t="s">
        <v>9975</v>
      </c>
      <c r="B66256" s="1" t="s">
        <v>218185</v>
      </c>
      <c r="C66256" s="1" t="s">
        <v>125</v>
      </c>
      <c r="D66256" s="1" t="s">
        <v>220668</v>
      </c>
      <c r="E66256" s="1" t="s">
        <v>220669</v>
      </c>
      <c r="F66256" s="1" t="s">
        <v>220670</v>
      </c>
      <c r="G66256" s="1" t="s">
        <v>220598</v>
      </c>
      <c r="H66256" s="1" t="s">
        <v>220599</v>
      </c>
      <c r="I66256" s="1" t="s">
        <v>218190</v>
      </c>
      <c r="J66256" s="1" t="s">
        <v>220671</v>
      </c>
    </row>
    <row r="66257" spans="1:10" x14ac:dyDescent="0.35">
      <c r="A66257" s="1" t="s">
        <v>9975</v>
      </c>
      <c r="B66257" s="1" t="s">
        <v>218185</v>
      </c>
      <c r="C66257" s="1" t="s">
        <v>130</v>
      </c>
      <c r="D66257" s="1" t="s">
        <v>220672</v>
      </c>
      <c r="E66257" s="1" t="s">
        <v>220673</v>
      </c>
      <c r="F66257" s="1" t="s">
        <v>220674</v>
      </c>
      <c r="G66257" s="1" t="s">
        <v>220598</v>
      </c>
      <c r="H66257" s="1" t="s">
        <v>220599</v>
      </c>
      <c r="I66257" s="1" t="s">
        <v>218190</v>
      </c>
      <c r="J66257" s="1" t="s">
        <v>220675</v>
      </c>
    </row>
    <row r="66258" spans="1:10" x14ac:dyDescent="0.35">
      <c r="A66258" s="1" t="s">
        <v>9975</v>
      </c>
      <c r="B66258" s="1" t="s">
        <v>218185</v>
      </c>
      <c r="C66258" s="1" t="s">
        <v>135</v>
      </c>
      <c r="D66258" s="1" t="s">
        <v>46176</v>
      </c>
      <c r="E66258" s="1" t="s">
        <v>220676</v>
      </c>
      <c r="F66258" s="1" t="s">
        <v>220677</v>
      </c>
      <c r="G66258" s="1" t="s">
        <v>220598</v>
      </c>
      <c r="H66258" s="1" t="s">
        <v>220599</v>
      </c>
      <c r="I66258" s="1" t="s">
        <v>218190</v>
      </c>
      <c r="J66258" s="1" t="s">
        <v>220678</v>
      </c>
    </row>
    <row r="66259" spans="1:10" x14ac:dyDescent="0.35">
      <c r="A66259" s="1" t="s">
        <v>9975</v>
      </c>
      <c r="B66259" s="1" t="s">
        <v>218185</v>
      </c>
      <c r="C66259" s="1" t="s">
        <v>140</v>
      </c>
      <c r="D66259" s="1" t="s">
        <v>82942</v>
      </c>
      <c r="E66259" s="1" t="s">
        <v>220679</v>
      </c>
      <c r="F66259" s="1" t="s">
        <v>220680</v>
      </c>
      <c r="G66259" s="1" t="s">
        <v>220598</v>
      </c>
      <c r="H66259" s="1" t="s">
        <v>220599</v>
      </c>
      <c r="I66259" s="1" t="s">
        <v>218190</v>
      </c>
      <c r="J66259" s="1" t="s">
        <v>220681</v>
      </c>
    </row>
    <row r="66260" spans="1:10" x14ac:dyDescent="0.35">
      <c r="A66260" s="1" t="s">
        <v>9975</v>
      </c>
      <c r="B66260" s="1" t="s">
        <v>218185</v>
      </c>
      <c r="C66260" s="1" t="s">
        <v>145</v>
      </c>
      <c r="D66260" s="1" t="s">
        <v>220682</v>
      </c>
      <c r="E66260" s="1" t="s">
        <v>220683</v>
      </c>
      <c r="F66260" s="1" t="s">
        <v>220684</v>
      </c>
      <c r="G66260" s="1" t="s">
        <v>220598</v>
      </c>
      <c r="H66260" s="1" t="s">
        <v>220599</v>
      </c>
      <c r="I66260" s="1" t="s">
        <v>218190</v>
      </c>
      <c r="J66260" s="1" t="s">
        <v>220685</v>
      </c>
    </row>
    <row r="66261" spans="1:10" x14ac:dyDescent="0.35">
      <c r="A66261" s="1" t="s">
        <v>9975</v>
      </c>
      <c r="B66261" s="1" t="s">
        <v>218185</v>
      </c>
      <c r="C66261" s="1" t="s">
        <v>150</v>
      </c>
      <c r="D66261" s="1" t="s">
        <v>32461</v>
      </c>
      <c r="E66261" s="1" t="s">
        <v>220686</v>
      </c>
      <c r="F66261" s="1" t="s">
        <v>220687</v>
      </c>
      <c r="G66261" s="1" t="s">
        <v>220598</v>
      </c>
      <c r="H66261" s="1" t="s">
        <v>220599</v>
      </c>
      <c r="I66261" s="1" t="s">
        <v>218190</v>
      </c>
      <c r="J66261" s="1" t="s">
        <v>220688</v>
      </c>
    </row>
    <row r="66262" spans="1:10" x14ac:dyDescent="0.35">
      <c r="A66262" s="1" t="s">
        <v>9975</v>
      </c>
      <c r="B66262" s="1" t="s">
        <v>218185</v>
      </c>
      <c r="C66262" s="1" t="s">
        <v>155</v>
      </c>
      <c r="D66262" s="1" t="s">
        <v>220689</v>
      </c>
      <c r="E66262" s="1" t="s">
        <v>220690</v>
      </c>
      <c r="F66262" s="1" t="s">
        <v>220691</v>
      </c>
      <c r="G66262" s="1" t="s">
        <v>220598</v>
      </c>
      <c r="H66262" s="1" t="s">
        <v>220599</v>
      </c>
      <c r="I66262" s="1" t="s">
        <v>218190</v>
      </c>
      <c r="J66262" s="1" t="s">
        <v>220692</v>
      </c>
    </row>
    <row r="66263" spans="1:10" x14ac:dyDescent="0.35">
      <c r="A66263" s="1" t="s">
        <v>9975</v>
      </c>
      <c r="B66263" s="1" t="s">
        <v>218185</v>
      </c>
      <c r="C66263" s="1" t="s">
        <v>160</v>
      </c>
      <c r="D66263" s="1" t="s">
        <v>172730</v>
      </c>
      <c r="E66263" s="1" t="s">
        <v>220693</v>
      </c>
      <c r="F66263" s="1" t="s">
        <v>220694</v>
      </c>
      <c r="G66263" s="1" t="s">
        <v>220598</v>
      </c>
      <c r="H66263" s="1" t="s">
        <v>220599</v>
      </c>
      <c r="I66263" s="1" t="s">
        <v>218190</v>
      </c>
      <c r="J66263" s="1" t="s">
        <v>220695</v>
      </c>
    </row>
    <row r="66264" spans="1:10" x14ac:dyDescent="0.35">
      <c r="A66264" s="1" t="s">
        <v>9975</v>
      </c>
      <c r="B66264" s="1" t="s">
        <v>218185</v>
      </c>
      <c r="C66264" s="1" t="s">
        <v>165</v>
      </c>
      <c r="D66264" s="1" t="s">
        <v>185865</v>
      </c>
      <c r="E66264" s="1" t="s">
        <v>220696</v>
      </c>
      <c r="F66264" s="1" t="s">
        <v>220697</v>
      </c>
      <c r="G66264" s="1" t="s">
        <v>220598</v>
      </c>
      <c r="H66264" s="1" t="s">
        <v>220599</v>
      </c>
      <c r="I66264" s="1" t="s">
        <v>218190</v>
      </c>
      <c r="J66264" s="1" t="s">
        <v>220698</v>
      </c>
    </row>
    <row r="66265" spans="1:10" x14ac:dyDescent="0.35">
      <c r="A66265" s="1" t="s">
        <v>9975</v>
      </c>
      <c r="B66265" s="1" t="s">
        <v>218185</v>
      </c>
      <c r="C66265" s="1" t="s">
        <v>170</v>
      </c>
      <c r="D66265" s="1" t="s">
        <v>36430</v>
      </c>
      <c r="E66265" s="1" t="s">
        <v>220699</v>
      </c>
      <c r="F66265" s="1" t="s">
        <v>220700</v>
      </c>
      <c r="G66265" s="1" t="s">
        <v>220598</v>
      </c>
      <c r="H66265" s="1" t="s">
        <v>220599</v>
      </c>
      <c r="I66265" s="1" t="s">
        <v>218190</v>
      </c>
      <c r="J66265" s="1" t="s">
        <v>220701</v>
      </c>
    </row>
    <row r="66266" spans="1:10" x14ac:dyDescent="0.35">
      <c r="A66266" s="1" t="s">
        <v>29448</v>
      </c>
      <c r="B66266" s="1" t="s">
        <v>218185</v>
      </c>
      <c r="C66266" s="1" t="s">
        <v>8</v>
      </c>
      <c r="D66266" s="1" t="s">
        <v>150761</v>
      </c>
      <c r="E66266" s="1" t="s">
        <v>220702</v>
      </c>
      <c r="F66266" s="1" t="s">
        <v>220703</v>
      </c>
      <c r="G66266" s="1" t="s">
        <v>220704</v>
      </c>
      <c r="H66266" s="1" t="s">
        <v>220705</v>
      </c>
      <c r="I66266" s="1" t="s">
        <v>218190</v>
      </c>
      <c r="J66266" s="1" t="s">
        <v>13</v>
      </c>
    </row>
    <row r="66267" spans="1:10" x14ac:dyDescent="0.35">
      <c r="A66267" s="1" t="s">
        <v>29448</v>
      </c>
      <c r="B66267" s="1" t="s">
        <v>218185</v>
      </c>
      <c r="C66267" s="1" t="s">
        <v>15</v>
      </c>
      <c r="D66267" s="1" t="s">
        <v>160527</v>
      </c>
      <c r="E66267" s="1" t="s">
        <v>220706</v>
      </c>
      <c r="F66267" s="1" t="s">
        <v>220707</v>
      </c>
      <c r="G66267" s="1" t="s">
        <v>220704</v>
      </c>
      <c r="H66267" s="1" t="s">
        <v>220705</v>
      </c>
      <c r="I66267" s="1" t="s">
        <v>218190</v>
      </c>
      <c r="J66267" s="1" t="s">
        <v>220708</v>
      </c>
    </row>
    <row r="66268" spans="1:10" x14ac:dyDescent="0.35">
      <c r="A66268" s="1" t="s">
        <v>29448</v>
      </c>
      <c r="B66268" s="1" t="s">
        <v>218185</v>
      </c>
      <c r="C66268" s="1" t="s">
        <v>20</v>
      </c>
      <c r="D66268" s="1" t="s">
        <v>148459</v>
      </c>
      <c r="E66268" s="1" t="s">
        <v>220709</v>
      </c>
      <c r="F66268" s="1" t="s">
        <v>220710</v>
      </c>
      <c r="G66268" s="1" t="s">
        <v>220704</v>
      </c>
      <c r="H66268" s="1" t="s">
        <v>220705</v>
      </c>
      <c r="I66268" s="1" t="s">
        <v>218190</v>
      </c>
      <c r="J66268" s="1" t="s">
        <v>220711</v>
      </c>
    </row>
    <row r="66269" spans="1:10" x14ac:dyDescent="0.35">
      <c r="A66269" s="1" t="s">
        <v>29448</v>
      </c>
      <c r="B66269" s="1" t="s">
        <v>218185</v>
      </c>
      <c r="C66269" s="1" t="s">
        <v>25</v>
      </c>
      <c r="D66269" s="1" t="s">
        <v>47536</v>
      </c>
      <c r="E66269" s="1" t="s">
        <v>220712</v>
      </c>
      <c r="F66269" s="1" t="s">
        <v>220713</v>
      </c>
      <c r="G66269" s="1" t="s">
        <v>220704</v>
      </c>
      <c r="H66269" s="1" t="s">
        <v>220705</v>
      </c>
      <c r="I66269" s="1" t="s">
        <v>218190</v>
      </c>
      <c r="J66269" s="1" t="s">
        <v>220714</v>
      </c>
    </row>
    <row r="66270" spans="1:10" x14ac:dyDescent="0.35">
      <c r="A66270" s="1" t="s">
        <v>29448</v>
      </c>
      <c r="B66270" s="1" t="s">
        <v>218185</v>
      </c>
      <c r="C66270" s="1" t="s">
        <v>30</v>
      </c>
      <c r="D66270" s="1" t="s">
        <v>15499</v>
      </c>
      <c r="E66270" s="1" t="s">
        <v>220715</v>
      </c>
      <c r="F66270" s="1" t="s">
        <v>220716</v>
      </c>
      <c r="G66270" s="1" t="s">
        <v>220704</v>
      </c>
      <c r="H66270" s="1" t="s">
        <v>220705</v>
      </c>
      <c r="I66270" s="1" t="s">
        <v>218190</v>
      </c>
      <c r="J66270" s="1" t="s">
        <v>220717</v>
      </c>
    </row>
    <row r="66271" spans="1:10" x14ac:dyDescent="0.35">
      <c r="A66271" s="1" t="s">
        <v>29448</v>
      </c>
      <c r="B66271" s="1" t="s">
        <v>218185</v>
      </c>
      <c r="C66271" s="1" t="s">
        <v>35</v>
      </c>
      <c r="D66271" s="1" t="s">
        <v>46483</v>
      </c>
      <c r="E66271" s="1" t="s">
        <v>220718</v>
      </c>
      <c r="F66271" s="1" t="s">
        <v>220719</v>
      </c>
      <c r="G66271" s="1" t="s">
        <v>220704</v>
      </c>
      <c r="H66271" s="1" t="s">
        <v>220705</v>
      </c>
      <c r="I66271" s="1" t="s">
        <v>218190</v>
      </c>
      <c r="J66271" s="1" t="s">
        <v>220720</v>
      </c>
    </row>
    <row r="66272" spans="1:10" x14ac:dyDescent="0.35">
      <c r="A66272" s="1" t="s">
        <v>29448</v>
      </c>
      <c r="B66272" s="1" t="s">
        <v>218185</v>
      </c>
      <c r="C66272" s="1" t="s">
        <v>40</v>
      </c>
      <c r="D66272" s="1" t="s">
        <v>37435</v>
      </c>
      <c r="E66272" s="1" t="s">
        <v>220721</v>
      </c>
      <c r="F66272" s="1" t="s">
        <v>220722</v>
      </c>
      <c r="G66272" s="1" t="s">
        <v>220704</v>
      </c>
      <c r="H66272" s="1" t="s">
        <v>220705</v>
      </c>
      <c r="I66272" s="1" t="s">
        <v>218190</v>
      </c>
      <c r="J66272" s="1" t="s">
        <v>220723</v>
      </c>
    </row>
    <row r="66273" spans="1:10" x14ac:dyDescent="0.35">
      <c r="A66273" s="1" t="s">
        <v>29448</v>
      </c>
      <c r="B66273" s="1" t="s">
        <v>218185</v>
      </c>
      <c r="C66273" s="1" t="s">
        <v>45</v>
      </c>
      <c r="D66273" s="1" t="s">
        <v>116030</v>
      </c>
      <c r="E66273" s="1" t="s">
        <v>220724</v>
      </c>
      <c r="F66273" s="1" t="s">
        <v>220725</v>
      </c>
      <c r="G66273" s="1" t="s">
        <v>220704</v>
      </c>
      <c r="H66273" s="1" t="s">
        <v>220705</v>
      </c>
      <c r="I66273" s="1" t="s">
        <v>218190</v>
      </c>
      <c r="J66273" s="1" t="s">
        <v>220726</v>
      </c>
    </row>
    <row r="66274" spans="1:10" x14ac:dyDescent="0.35">
      <c r="A66274" s="1" t="s">
        <v>29448</v>
      </c>
      <c r="B66274" s="1" t="s">
        <v>218185</v>
      </c>
      <c r="C66274" s="1" t="s">
        <v>50</v>
      </c>
      <c r="D66274" s="1" t="s">
        <v>14794</v>
      </c>
      <c r="E66274" s="1" t="s">
        <v>220727</v>
      </c>
      <c r="F66274" s="1" t="s">
        <v>220728</v>
      </c>
      <c r="G66274" s="1" t="s">
        <v>220704</v>
      </c>
      <c r="H66274" s="1" t="s">
        <v>220705</v>
      </c>
      <c r="I66274" s="1" t="s">
        <v>218190</v>
      </c>
      <c r="J66274" s="1" t="s">
        <v>220729</v>
      </c>
    </row>
    <row r="66275" spans="1:10" x14ac:dyDescent="0.35">
      <c r="A66275" s="1" t="s">
        <v>29448</v>
      </c>
      <c r="B66275" s="1" t="s">
        <v>218185</v>
      </c>
      <c r="C66275" s="1" t="s">
        <v>55</v>
      </c>
      <c r="D66275" s="1" t="s">
        <v>10857</v>
      </c>
      <c r="E66275" s="1" t="s">
        <v>220730</v>
      </c>
      <c r="F66275" s="1" t="s">
        <v>220731</v>
      </c>
      <c r="G66275" s="1" t="s">
        <v>220704</v>
      </c>
      <c r="H66275" s="1" t="s">
        <v>220705</v>
      </c>
      <c r="I66275" s="1" t="s">
        <v>218190</v>
      </c>
      <c r="J66275" s="1" t="s">
        <v>220732</v>
      </c>
    </row>
    <row r="66276" spans="1:10" x14ac:dyDescent="0.35">
      <c r="A66276" s="1" t="s">
        <v>29448</v>
      </c>
      <c r="B66276" s="1" t="s">
        <v>218185</v>
      </c>
      <c r="C66276" s="1" t="s">
        <v>60</v>
      </c>
      <c r="D66276" s="1" t="s">
        <v>6689</v>
      </c>
      <c r="E66276" s="1" t="s">
        <v>220733</v>
      </c>
      <c r="F66276" s="1" t="s">
        <v>220734</v>
      </c>
      <c r="G66276" s="1" t="s">
        <v>220704</v>
      </c>
      <c r="H66276" s="1" t="s">
        <v>220705</v>
      </c>
      <c r="I66276" s="1" t="s">
        <v>218190</v>
      </c>
      <c r="J66276" s="1" t="s">
        <v>220735</v>
      </c>
    </row>
    <row r="66277" spans="1:10" x14ac:dyDescent="0.35">
      <c r="A66277" s="1" t="s">
        <v>29448</v>
      </c>
      <c r="B66277" s="1" t="s">
        <v>218185</v>
      </c>
      <c r="C66277" s="1" t="s">
        <v>65</v>
      </c>
      <c r="D66277" s="1" t="s">
        <v>124607</v>
      </c>
      <c r="E66277" s="1" t="s">
        <v>220736</v>
      </c>
      <c r="F66277" s="1" t="s">
        <v>220737</v>
      </c>
      <c r="G66277" s="1" t="s">
        <v>220704</v>
      </c>
      <c r="H66277" s="1" t="s">
        <v>220705</v>
      </c>
      <c r="I66277" s="1" t="s">
        <v>218190</v>
      </c>
      <c r="J66277" s="1" t="s">
        <v>220738</v>
      </c>
    </row>
    <row r="66278" spans="1:10" x14ac:dyDescent="0.35">
      <c r="A66278" s="1" t="s">
        <v>29448</v>
      </c>
      <c r="B66278" s="1" t="s">
        <v>218185</v>
      </c>
      <c r="C66278" s="1" t="s">
        <v>70</v>
      </c>
      <c r="D66278" s="1" t="s">
        <v>36201</v>
      </c>
      <c r="E66278" s="1" t="s">
        <v>220739</v>
      </c>
      <c r="F66278" s="1" t="s">
        <v>220740</v>
      </c>
      <c r="G66278" s="1" t="s">
        <v>220704</v>
      </c>
      <c r="H66278" s="1" t="s">
        <v>220705</v>
      </c>
      <c r="I66278" s="1" t="s">
        <v>218190</v>
      </c>
      <c r="J66278" s="1" t="s">
        <v>220741</v>
      </c>
    </row>
    <row r="66279" spans="1:10" x14ac:dyDescent="0.35">
      <c r="A66279" s="1" t="s">
        <v>29448</v>
      </c>
      <c r="B66279" s="1" t="s">
        <v>218185</v>
      </c>
      <c r="C66279" s="1" t="s">
        <v>75</v>
      </c>
      <c r="D66279" s="1" t="s">
        <v>48568</v>
      </c>
      <c r="E66279" s="1" t="s">
        <v>220742</v>
      </c>
      <c r="F66279" s="1" t="s">
        <v>220743</v>
      </c>
      <c r="G66279" s="1" t="s">
        <v>220704</v>
      </c>
      <c r="H66279" s="1" t="s">
        <v>220705</v>
      </c>
      <c r="I66279" s="1" t="s">
        <v>218190</v>
      </c>
      <c r="J66279" s="1" t="s">
        <v>220744</v>
      </c>
    </row>
    <row r="66280" spans="1:10" x14ac:dyDescent="0.35">
      <c r="A66280" s="1" t="s">
        <v>29448</v>
      </c>
      <c r="B66280" s="1" t="s">
        <v>218185</v>
      </c>
      <c r="C66280" s="1" t="s">
        <v>80</v>
      </c>
      <c r="D66280" s="1" t="s">
        <v>13035</v>
      </c>
      <c r="E66280" s="1" t="s">
        <v>220745</v>
      </c>
      <c r="F66280" s="1" t="s">
        <v>220746</v>
      </c>
      <c r="G66280" s="1" t="s">
        <v>220704</v>
      </c>
      <c r="H66280" s="1" t="s">
        <v>220705</v>
      </c>
      <c r="I66280" s="1" t="s">
        <v>218190</v>
      </c>
      <c r="J66280" s="1" t="s">
        <v>220747</v>
      </c>
    </row>
    <row r="66281" spans="1:10" x14ac:dyDescent="0.35">
      <c r="A66281" s="1" t="s">
        <v>29448</v>
      </c>
      <c r="B66281" s="1" t="s">
        <v>218185</v>
      </c>
      <c r="C66281" s="1" t="s">
        <v>85</v>
      </c>
      <c r="D66281" s="1" t="s">
        <v>1439</v>
      </c>
      <c r="E66281" s="1" t="s">
        <v>220748</v>
      </c>
      <c r="F66281" s="1" t="s">
        <v>220749</v>
      </c>
      <c r="G66281" s="1" t="s">
        <v>220704</v>
      </c>
      <c r="H66281" s="1" t="s">
        <v>220705</v>
      </c>
      <c r="I66281" s="1" t="s">
        <v>218190</v>
      </c>
      <c r="J66281" s="1" t="s">
        <v>220750</v>
      </c>
    </row>
    <row r="66282" spans="1:10" x14ac:dyDescent="0.35">
      <c r="A66282" s="1" t="s">
        <v>29448</v>
      </c>
      <c r="B66282" s="1" t="s">
        <v>218185</v>
      </c>
      <c r="C66282" s="1" t="s">
        <v>90</v>
      </c>
      <c r="D66282" s="1" t="s">
        <v>115504</v>
      </c>
      <c r="E66282" s="1" t="s">
        <v>220751</v>
      </c>
      <c r="F66282" s="1" t="s">
        <v>220752</v>
      </c>
      <c r="G66282" s="1" t="s">
        <v>220704</v>
      </c>
      <c r="H66282" s="1" t="s">
        <v>220705</v>
      </c>
      <c r="I66282" s="1" t="s">
        <v>218190</v>
      </c>
      <c r="J66282" s="1" t="s">
        <v>220753</v>
      </c>
    </row>
    <row r="66283" spans="1:10" x14ac:dyDescent="0.35">
      <c r="A66283" s="1" t="s">
        <v>29448</v>
      </c>
      <c r="B66283" s="1" t="s">
        <v>218185</v>
      </c>
      <c r="C66283" s="1" t="s">
        <v>95</v>
      </c>
      <c r="D66283" s="1" t="s">
        <v>72917</v>
      </c>
      <c r="E66283" s="1" t="s">
        <v>220754</v>
      </c>
      <c r="F66283" s="1" t="s">
        <v>220755</v>
      </c>
      <c r="G66283" s="1" t="s">
        <v>220704</v>
      </c>
      <c r="H66283" s="1" t="s">
        <v>220705</v>
      </c>
      <c r="I66283" s="1" t="s">
        <v>218190</v>
      </c>
      <c r="J66283" s="1" t="s">
        <v>220756</v>
      </c>
    </row>
    <row r="66284" spans="1:10" x14ac:dyDescent="0.35">
      <c r="A66284" s="1" t="s">
        <v>29448</v>
      </c>
      <c r="B66284" s="1" t="s">
        <v>218185</v>
      </c>
      <c r="C66284" s="1" t="s">
        <v>100</v>
      </c>
      <c r="D66284" s="1" t="s">
        <v>16031</v>
      </c>
      <c r="E66284" s="1" t="s">
        <v>220757</v>
      </c>
      <c r="F66284" s="1" t="s">
        <v>220758</v>
      </c>
      <c r="G66284" s="1" t="s">
        <v>220704</v>
      </c>
      <c r="H66284" s="1" t="s">
        <v>220705</v>
      </c>
      <c r="I66284" s="1" t="s">
        <v>218190</v>
      </c>
      <c r="J66284" s="1" t="s">
        <v>220759</v>
      </c>
    </row>
    <row r="66285" spans="1:10" x14ac:dyDescent="0.35">
      <c r="A66285" s="1" t="s">
        <v>29448</v>
      </c>
      <c r="B66285" s="1" t="s">
        <v>218185</v>
      </c>
      <c r="C66285" s="1" t="s">
        <v>105</v>
      </c>
      <c r="D66285" s="1" t="s">
        <v>155675</v>
      </c>
      <c r="E66285" s="1" t="s">
        <v>220760</v>
      </c>
      <c r="F66285" s="1" t="s">
        <v>220761</v>
      </c>
      <c r="G66285" s="1" t="s">
        <v>220704</v>
      </c>
      <c r="H66285" s="1" t="s">
        <v>220705</v>
      </c>
      <c r="I66285" s="1" t="s">
        <v>218190</v>
      </c>
      <c r="J66285" s="1" t="s">
        <v>220762</v>
      </c>
    </row>
    <row r="66286" spans="1:10" x14ac:dyDescent="0.35">
      <c r="A66286" s="1" t="s">
        <v>29448</v>
      </c>
      <c r="B66286" s="1" t="s">
        <v>218185</v>
      </c>
      <c r="C66286" s="1" t="s">
        <v>110</v>
      </c>
      <c r="D66286" s="1" t="s">
        <v>71922</v>
      </c>
      <c r="E66286" s="1" t="s">
        <v>220763</v>
      </c>
      <c r="F66286" s="1" t="s">
        <v>220764</v>
      </c>
      <c r="G66286" s="1" t="s">
        <v>220704</v>
      </c>
      <c r="H66286" s="1" t="s">
        <v>220705</v>
      </c>
      <c r="I66286" s="1" t="s">
        <v>218190</v>
      </c>
      <c r="J66286" s="1" t="s">
        <v>220765</v>
      </c>
    </row>
    <row r="66287" spans="1:10" x14ac:dyDescent="0.35">
      <c r="A66287" s="1" t="s">
        <v>29448</v>
      </c>
      <c r="B66287" s="1" t="s">
        <v>218185</v>
      </c>
      <c r="C66287" s="1" t="s">
        <v>115</v>
      </c>
      <c r="D66287" s="1" t="s">
        <v>150465</v>
      </c>
      <c r="E66287" s="1" t="s">
        <v>220766</v>
      </c>
      <c r="F66287" s="1" t="s">
        <v>220767</v>
      </c>
      <c r="G66287" s="1" t="s">
        <v>220704</v>
      </c>
      <c r="H66287" s="1" t="s">
        <v>220705</v>
      </c>
      <c r="I66287" s="1" t="s">
        <v>218190</v>
      </c>
      <c r="J66287" s="1" t="s">
        <v>220768</v>
      </c>
    </row>
    <row r="66288" spans="1:10" x14ac:dyDescent="0.35">
      <c r="A66288" s="1" t="s">
        <v>29448</v>
      </c>
      <c r="B66288" s="1" t="s">
        <v>218185</v>
      </c>
      <c r="C66288" s="1" t="s">
        <v>120</v>
      </c>
      <c r="D66288" s="1" t="s">
        <v>4594</v>
      </c>
      <c r="E66288" s="1" t="s">
        <v>220769</v>
      </c>
      <c r="F66288" s="1" t="s">
        <v>220770</v>
      </c>
      <c r="G66288" s="1" t="s">
        <v>220704</v>
      </c>
      <c r="H66288" s="1" t="s">
        <v>220705</v>
      </c>
      <c r="I66288" s="1" t="s">
        <v>218190</v>
      </c>
      <c r="J66288" s="1" t="s">
        <v>220771</v>
      </c>
    </row>
    <row r="66289" spans="1:10" x14ac:dyDescent="0.35">
      <c r="A66289" s="1" t="s">
        <v>29448</v>
      </c>
      <c r="B66289" s="1" t="s">
        <v>218185</v>
      </c>
      <c r="C66289" s="1" t="s">
        <v>125</v>
      </c>
      <c r="D66289" s="1" t="s">
        <v>115641</v>
      </c>
      <c r="E66289" s="1" t="s">
        <v>220772</v>
      </c>
      <c r="F66289" s="1" t="s">
        <v>220773</v>
      </c>
      <c r="G66289" s="1" t="s">
        <v>220704</v>
      </c>
      <c r="H66289" s="1" t="s">
        <v>220705</v>
      </c>
      <c r="I66289" s="1" t="s">
        <v>218190</v>
      </c>
      <c r="J66289" s="1" t="s">
        <v>220774</v>
      </c>
    </row>
    <row r="66290" spans="1:10" x14ac:dyDescent="0.35">
      <c r="A66290" s="1" t="s">
        <v>29448</v>
      </c>
      <c r="B66290" s="1" t="s">
        <v>218185</v>
      </c>
      <c r="C66290" s="1" t="s">
        <v>130</v>
      </c>
      <c r="D66290" s="1" t="s">
        <v>72392</v>
      </c>
      <c r="E66290" s="1" t="s">
        <v>220775</v>
      </c>
      <c r="F66290" s="1" t="s">
        <v>220776</v>
      </c>
      <c r="G66290" s="1" t="s">
        <v>220704</v>
      </c>
      <c r="H66290" s="1" t="s">
        <v>220705</v>
      </c>
      <c r="I66290" s="1" t="s">
        <v>218190</v>
      </c>
      <c r="J66290" s="1" t="s">
        <v>220777</v>
      </c>
    </row>
    <row r="66291" spans="1:10" x14ac:dyDescent="0.35">
      <c r="A66291" s="1" t="s">
        <v>29448</v>
      </c>
      <c r="B66291" s="1" t="s">
        <v>218185</v>
      </c>
      <c r="C66291" s="1" t="s">
        <v>135</v>
      </c>
      <c r="D66291" s="1" t="s">
        <v>51913</v>
      </c>
      <c r="E66291" s="1" t="s">
        <v>220778</v>
      </c>
      <c r="F66291" s="1" t="s">
        <v>220779</v>
      </c>
      <c r="G66291" s="1" t="s">
        <v>220704</v>
      </c>
      <c r="H66291" s="1" t="s">
        <v>220705</v>
      </c>
      <c r="I66291" s="1" t="s">
        <v>218190</v>
      </c>
      <c r="J66291" s="1" t="s">
        <v>220780</v>
      </c>
    </row>
    <row r="66292" spans="1:10" x14ac:dyDescent="0.35">
      <c r="A66292" s="1" t="s">
        <v>29448</v>
      </c>
      <c r="B66292" s="1" t="s">
        <v>218185</v>
      </c>
      <c r="C66292" s="1" t="s">
        <v>140</v>
      </c>
      <c r="D66292" s="1" t="s">
        <v>116305</v>
      </c>
      <c r="E66292" s="1" t="s">
        <v>220781</v>
      </c>
      <c r="F66292" s="1" t="s">
        <v>220782</v>
      </c>
      <c r="G66292" s="1" t="s">
        <v>220704</v>
      </c>
      <c r="H66292" s="1" t="s">
        <v>220705</v>
      </c>
      <c r="I66292" s="1" t="s">
        <v>218190</v>
      </c>
      <c r="J66292" s="1" t="s">
        <v>220783</v>
      </c>
    </row>
    <row r="66293" spans="1:10" x14ac:dyDescent="0.35">
      <c r="A66293" s="1" t="s">
        <v>29448</v>
      </c>
      <c r="B66293" s="1" t="s">
        <v>218185</v>
      </c>
      <c r="C66293" s="1" t="s">
        <v>145</v>
      </c>
      <c r="D66293" s="1" t="s">
        <v>44816</v>
      </c>
      <c r="E66293" s="1" t="s">
        <v>220784</v>
      </c>
      <c r="F66293" s="1" t="s">
        <v>220785</v>
      </c>
      <c r="G66293" s="1" t="s">
        <v>220704</v>
      </c>
      <c r="H66293" s="1" t="s">
        <v>220705</v>
      </c>
      <c r="I66293" s="1" t="s">
        <v>218190</v>
      </c>
      <c r="J66293" s="1" t="s">
        <v>220786</v>
      </c>
    </row>
    <row r="66294" spans="1:10" x14ac:dyDescent="0.35">
      <c r="A66294" s="1" t="s">
        <v>29448</v>
      </c>
      <c r="B66294" s="1" t="s">
        <v>218185</v>
      </c>
      <c r="C66294" s="1" t="s">
        <v>150</v>
      </c>
      <c r="D66294" s="1" t="s">
        <v>170619</v>
      </c>
      <c r="E66294" s="1" t="s">
        <v>220787</v>
      </c>
      <c r="F66294" s="1" t="s">
        <v>220788</v>
      </c>
      <c r="G66294" s="1" t="s">
        <v>220704</v>
      </c>
      <c r="H66294" s="1" t="s">
        <v>220705</v>
      </c>
      <c r="I66294" s="1" t="s">
        <v>218190</v>
      </c>
      <c r="J66294" s="1" t="s">
        <v>220789</v>
      </c>
    </row>
    <row r="66295" spans="1:10" x14ac:dyDescent="0.35">
      <c r="A66295" s="1" t="s">
        <v>29448</v>
      </c>
      <c r="B66295" s="1" t="s">
        <v>218185</v>
      </c>
      <c r="C66295" s="1" t="s">
        <v>155</v>
      </c>
      <c r="D66295" s="1" t="s">
        <v>220790</v>
      </c>
      <c r="E66295" s="1" t="s">
        <v>220791</v>
      </c>
      <c r="F66295" s="1" t="s">
        <v>220792</v>
      </c>
      <c r="G66295" s="1" t="s">
        <v>220704</v>
      </c>
      <c r="H66295" s="1" t="s">
        <v>220705</v>
      </c>
      <c r="I66295" s="1" t="s">
        <v>218190</v>
      </c>
      <c r="J66295" s="1" t="s">
        <v>220793</v>
      </c>
    </row>
    <row r="66296" spans="1:10" x14ac:dyDescent="0.35">
      <c r="A66296" s="1" t="s">
        <v>29448</v>
      </c>
      <c r="B66296" s="1" t="s">
        <v>218185</v>
      </c>
      <c r="C66296" s="1" t="s">
        <v>160</v>
      </c>
      <c r="D66296" s="1" t="s">
        <v>49845</v>
      </c>
      <c r="E66296" s="1" t="s">
        <v>220794</v>
      </c>
      <c r="F66296" s="1" t="s">
        <v>220795</v>
      </c>
      <c r="G66296" s="1" t="s">
        <v>220704</v>
      </c>
      <c r="H66296" s="1" t="s">
        <v>220705</v>
      </c>
      <c r="I66296" s="1" t="s">
        <v>218190</v>
      </c>
      <c r="J66296" s="1" t="s">
        <v>220796</v>
      </c>
    </row>
    <row r="66297" spans="1:10" x14ac:dyDescent="0.35">
      <c r="A66297" s="1" t="s">
        <v>29448</v>
      </c>
      <c r="B66297" s="1" t="s">
        <v>218185</v>
      </c>
      <c r="C66297" s="1" t="s">
        <v>165</v>
      </c>
      <c r="D66297" s="1" t="s">
        <v>211347</v>
      </c>
      <c r="E66297" s="1" t="s">
        <v>220797</v>
      </c>
      <c r="F66297" s="1" t="s">
        <v>220798</v>
      </c>
      <c r="G66297" s="1" t="s">
        <v>220704</v>
      </c>
      <c r="H66297" s="1" t="s">
        <v>220705</v>
      </c>
      <c r="I66297" s="1" t="s">
        <v>218190</v>
      </c>
      <c r="J66297" s="1" t="s">
        <v>220799</v>
      </c>
    </row>
    <row r="66298" spans="1:10" x14ac:dyDescent="0.35">
      <c r="A66298" s="1" t="s">
        <v>29448</v>
      </c>
      <c r="B66298" s="1" t="s">
        <v>218185</v>
      </c>
      <c r="C66298" s="1" t="s">
        <v>170</v>
      </c>
      <c r="D66298" s="1" t="s">
        <v>135681</v>
      </c>
      <c r="E66298" s="1" t="s">
        <v>220800</v>
      </c>
      <c r="F66298" s="1" t="s">
        <v>220801</v>
      </c>
      <c r="G66298" s="1" t="s">
        <v>220704</v>
      </c>
      <c r="H66298" s="1" t="s">
        <v>220705</v>
      </c>
      <c r="I66298" s="1" t="s">
        <v>218190</v>
      </c>
      <c r="J66298" s="1" t="s">
        <v>220802</v>
      </c>
    </row>
    <row r="66299" spans="1:10" x14ac:dyDescent="0.35">
      <c r="A66299" s="1" t="s">
        <v>104311</v>
      </c>
      <c r="B66299" s="1" t="s">
        <v>220803</v>
      </c>
      <c r="C66299" s="1" t="s">
        <v>8</v>
      </c>
      <c r="D66299" s="1" t="s">
        <v>82966</v>
      </c>
      <c r="E66299" s="1" t="s">
        <v>220804</v>
      </c>
      <c r="F66299" s="1" t="s">
        <v>220805</v>
      </c>
      <c r="G66299" s="1" t="s">
        <v>220806</v>
      </c>
      <c r="H66299" s="1" t="s">
        <v>220807</v>
      </c>
      <c r="I66299" s="1" t="s">
        <v>220808</v>
      </c>
      <c r="J66299" s="1" t="s">
        <v>13</v>
      </c>
    </row>
    <row r="66300" spans="1:10" x14ac:dyDescent="0.35">
      <c r="A66300" s="1" t="s">
        <v>104311</v>
      </c>
      <c r="B66300" s="1" t="s">
        <v>220803</v>
      </c>
      <c r="C66300" s="1" t="s">
        <v>15</v>
      </c>
      <c r="D66300" s="1" t="s">
        <v>181917</v>
      </c>
      <c r="E66300" s="1" t="s">
        <v>220809</v>
      </c>
      <c r="F66300" s="1" t="s">
        <v>220810</v>
      </c>
      <c r="G66300" s="1" t="s">
        <v>220806</v>
      </c>
      <c r="H66300" s="1" t="s">
        <v>220807</v>
      </c>
      <c r="I66300" s="1" t="s">
        <v>220808</v>
      </c>
      <c r="J66300" s="1" t="s">
        <v>220811</v>
      </c>
    </row>
    <row r="66301" spans="1:10" x14ac:dyDescent="0.35">
      <c r="A66301" s="1" t="s">
        <v>104311</v>
      </c>
      <c r="B66301" s="1" t="s">
        <v>220803</v>
      </c>
      <c r="C66301" s="1" t="s">
        <v>20</v>
      </c>
      <c r="D66301" s="1" t="s">
        <v>74083</v>
      </c>
      <c r="E66301" s="1" t="s">
        <v>220812</v>
      </c>
      <c r="F66301" s="1" t="s">
        <v>220813</v>
      </c>
      <c r="G66301" s="1" t="s">
        <v>220806</v>
      </c>
      <c r="H66301" s="1" t="s">
        <v>220807</v>
      </c>
      <c r="I66301" s="1" t="s">
        <v>220808</v>
      </c>
      <c r="J66301" s="1" t="s">
        <v>220814</v>
      </c>
    </row>
    <row r="66302" spans="1:10" x14ac:dyDescent="0.35">
      <c r="A66302" s="1" t="s">
        <v>104311</v>
      </c>
      <c r="B66302" s="1" t="s">
        <v>220803</v>
      </c>
      <c r="C66302" s="1" t="s">
        <v>25</v>
      </c>
      <c r="D66302" s="1" t="s">
        <v>126525</v>
      </c>
      <c r="E66302" s="1" t="s">
        <v>220815</v>
      </c>
      <c r="F66302" s="1" t="s">
        <v>220816</v>
      </c>
      <c r="G66302" s="1" t="s">
        <v>220806</v>
      </c>
      <c r="H66302" s="1" t="s">
        <v>220807</v>
      </c>
      <c r="I66302" s="1" t="s">
        <v>220808</v>
      </c>
      <c r="J66302" s="1" t="s">
        <v>220817</v>
      </c>
    </row>
    <row r="66303" spans="1:10" x14ac:dyDescent="0.35">
      <c r="A66303" s="1" t="s">
        <v>104311</v>
      </c>
      <c r="B66303" s="1" t="s">
        <v>220803</v>
      </c>
      <c r="C66303" s="1" t="s">
        <v>30</v>
      </c>
      <c r="D66303" s="1" t="s">
        <v>35129</v>
      </c>
      <c r="E66303" s="1" t="s">
        <v>220818</v>
      </c>
      <c r="F66303" s="1" t="s">
        <v>220819</v>
      </c>
      <c r="G66303" s="1" t="s">
        <v>220806</v>
      </c>
      <c r="H66303" s="1" t="s">
        <v>220807</v>
      </c>
      <c r="I66303" s="1" t="s">
        <v>220808</v>
      </c>
      <c r="J66303" s="1" t="s">
        <v>220820</v>
      </c>
    </row>
    <row r="66304" spans="1:10" x14ac:dyDescent="0.35">
      <c r="A66304" s="1" t="s">
        <v>104311</v>
      </c>
      <c r="B66304" s="1" t="s">
        <v>220803</v>
      </c>
      <c r="C66304" s="1" t="s">
        <v>35</v>
      </c>
      <c r="D66304" s="1" t="s">
        <v>157345</v>
      </c>
      <c r="E66304" s="1" t="s">
        <v>220821</v>
      </c>
      <c r="F66304" s="1" t="s">
        <v>220822</v>
      </c>
      <c r="G66304" s="1" t="s">
        <v>220806</v>
      </c>
      <c r="H66304" s="1" t="s">
        <v>220807</v>
      </c>
      <c r="I66304" s="1" t="s">
        <v>220808</v>
      </c>
      <c r="J66304" s="1" t="s">
        <v>220823</v>
      </c>
    </row>
    <row r="66305" spans="1:10" x14ac:dyDescent="0.35">
      <c r="A66305" s="1" t="s">
        <v>104311</v>
      </c>
      <c r="B66305" s="1" t="s">
        <v>220803</v>
      </c>
      <c r="C66305" s="1" t="s">
        <v>40</v>
      </c>
      <c r="D66305" s="1" t="s">
        <v>177111</v>
      </c>
      <c r="E66305" s="1" t="s">
        <v>220824</v>
      </c>
      <c r="F66305" s="1" t="s">
        <v>220825</v>
      </c>
      <c r="G66305" s="1" t="s">
        <v>220806</v>
      </c>
      <c r="H66305" s="1" t="s">
        <v>220807</v>
      </c>
      <c r="I66305" s="1" t="s">
        <v>220808</v>
      </c>
      <c r="J66305" s="1" t="s">
        <v>220826</v>
      </c>
    </row>
    <row r="66306" spans="1:10" x14ac:dyDescent="0.35">
      <c r="A66306" s="1" t="s">
        <v>104311</v>
      </c>
      <c r="B66306" s="1" t="s">
        <v>220803</v>
      </c>
      <c r="C66306" s="1" t="s">
        <v>45</v>
      </c>
      <c r="D66306" s="1" t="s">
        <v>220827</v>
      </c>
      <c r="E66306" s="1" t="s">
        <v>220828</v>
      </c>
      <c r="F66306" s="1" t="s">
        <v>220829</v>
      </c>
      <c r="G66306" s="1" t="s">
        <v>220806</v>
      </c>
      <c r="H66306" s="1" t="s">
        <v>220807</v>
      </c>
      <c r="I66306" s="1" t="s">
        <v>220808</v>
      </c>
      <c r="J66306" s="1" t="s">
        <v>220830</v>
      </c>
    </row>
    <row r="66307" spans="1:10" x14ac:dyDescent="0.35">
      <c r="A66307" s="1" t="s">
        <v>104311</v>
      </c>
      <c r="B66307" s="1" t="s">
        <v>220803</v>
      </c>
      <c r="C66307" s="1" t="s">
        <v>50</v>
      </c>
      <c r="D66307" s="1" t="s">
        <v>30871</v>
      </c>
      <c r="E66307" s="1" t="s">
        <v>220831</v>
      </c>
      <c r="F66307" s="1" t="s">
        <v>220832</v>
      </c>
      <c r="G66307" s="1" t="s">
        <v>220806</v>
      </c>
      <c r="H66307" s="1" t="s">
        <v>220807</v>
      </c>
      <c r="I66307" s="1" t="s">
        <v>220808</v>
      </c>
      <c r="J66307" s="1" t="s">
        <v>220833</v>
      </c>
    </row>
    <row r="66308" spans="1:10" x14ac:dyDescent="0.35">
      <c r="A66308" s="1" t="s">
        <v>104311</v>
      </c>
      <c r="B66308" s="1" t="s">
        <v>220803</v>
      </c>
      <c r="C66308" s="1" t="s">
        <v>55</v>
      </c>
      <c r="D66308" s="1" t="s">
        <v>218570</v>
      </c>
      <c r="E66308" s="1" t="s">
        <v>220834</v>
      </c>
      <c r="F66308" s="1" t="s">
        <v>220835</v>
      </c>
      <c r="G66308" s="1" t="s">
        <v>220806</v>
      </c>
      <c r="H66308" s="1" t="s">
        <v>220807</v>
      </c>
      <c r="I66308" s="1" t="s">
        <v>220808</v>
      </c>
      <c r="J66308" s="1" t="s">
        <v>220836</v>
      </c>
    </row>
    <row r="66309" spans="1:10" x14ac:dyDescent="0.35">
      <c r="A66309" s="1" t="s">
        <v>104311</v>
      </c>
      <c r="B66309" s="1" t="s">
        <v>220803</v>
      </c>
      <c r="C66309" s="1" t="s">
        <v>60</v>
      </c>
      <c r="D66309" s="1" t="s">
        <v>32079</v>
      </c>
      <c r="E66309" s="1" t="s">
        <v>220837</v>
      </c>
      <c r="F66309" s="1" t="s">
        <v>220838</v>
      </c>
      <c r="G66309" s="1" t="s">
        <v>220806</v>
      </c>
      <c r="H66309" s="1" t="s">
        <v>220807</v>
      </c>
      <c r="I66309" s="1" t="s">
        <v>220808</v>
      </c>
      <c r="J66309" s="1" t="s">
        <v>220839</v>
      </c>
    </row>
    <row r="66310" spans="1:10" x14ac:dyDescent="0.35">
      <c r="A66310" s="1" t="s">
        <v>104311</v>
      </c>
      <c r="B66310" s="1" t="s">
        <v>220803</v>
      </c>
      <c r="C66310" s="1" t="s">
        <v>65</v>
      </c>
      <c r="D66310" s="1" t="s">
        <v>105161</v>
      </c>
      <c r="E66310" s="1" t="s">
        <v>220840</v>
      </c>
      <c r="F66310" s="1" t="s">
        <v>220841</v>
      </c>
      <c r="G66310" s="1" t="s">
        <v>220806</v>
      </c>
      <c r="H66310" s="1" t="s">
        <v>220807</v>
      </c>
      <c r="I66310" s="1" t="s">
        <v>220808</v>
      </c>
      <c r="J66310" s="1" t="s">
        <v>220842</v>
      </c>
    </row>
    <row r="66311" spans="1:10" x14ac:dyDescent="0.35">
      <c r="A66311" s="1" t="s">
        <v>104311</v>
      </c>
      <c r="B66311" s="1" t="s">
        <v>220803</v>
      </c>
      <c r="C66311" s="1" t="s">
        <v>70</v>
      </c>
      <c r="D66311" s="1" t="s">
        <v>3445</v>
      </c>
      <c r="E66311" s="1" t="s">
        <v>220843</v>
      </c>
      <c r="F66311" s="1" t="s">
        <v>220844</v>
      </c>
      <c r="G66311" s="1" t="s">
        <v>220806</v>
      </c>
      <c r="H66311" s="1" t="s">
        <v>220807</v>
      </c>
      <c r="I66311" s="1" t="s">
        <v>220808</v>
      </c>
      <c r="J66311" s="1" t="s">
        <v>220845</v>
      </c>
    </row>
    <row r="66312" spans="1:10" x14ac:dyDescent="0.35">
      <c r="A66312" s="1" t="s">
        <v>104311</v>
      </c>
      <c r="B66312" s="1" t="s">
        <v>220803</v>
      </c>
      <c r="C66312" s="1" t="s">
        <v>75</v>
      </c>
      <c r="D66312" s="1" t="s">
        <v>72379</v>
      </c>
      <c r="E66312" s="1" t="s">
        <v>220846</v>
      </c>
      <c r="F66312" s="1" t="s">
        <v>220847</v>
      </c>
      <c r="G66312" s="1" t="s">
        <v>220806</v>
      </c>
      <c r="H66312" s="1" t="s">
        <v>220807</v>
      </c>
      <c r="I66312" s="1" t="s">
        <v>220808</v>
      </c>
      <c r="J66312" s="1" t="s">
        <v>220848</v>
      </c>
    </row>
    <row r="66313" spans="1:10" x14ac:dyDescent="0.35">
      <c r="A66313" s="1" t="s">
        <v>104311</v>
      </c>
      <c r="B66313" s="1" t="s">
        <v>220803</v>
      </c>
      <c r="C66313" s="1" t="s">
        <v>80</v>
      </c>
      <c r="D66313" s="1" t="s">
        <v>220849</v>
      </c>
      <c r="E66313" s="1" t="s">
        <v>220850</v>
      </c>
      <c r="F66313" s="1" t="s">
        <v>220851</v>
      </c>
      <c r="G66313" s="1" t="s">
        <v>220806</v>
      </c>
      <c r="H66313" s="1" t="s">
        <v>220807</v>
      </c>
      <c r="I66313" s="1" t="s">
        <v>220808</v>
      </c>
      <c r="J66313" s="1" t="s">
        <v>220852</v>
      </c>
    </row>
    <row r="66314" spans="1:10" x14ac:dyDescent="0.35">
      <c r="A66314" s="1" t="s">
        <v>104311</v>
      </c>
      <c r="B66314" s="1" t="s">
        <v>220803</v>
      </c>
      <c r="C66314" s="1" t="s">
        <v>85</v>
      </c>
      <c r="D66314" s="1" t="s">
        <v>220853</v>
      </c>
      <c r="E66314" s="1" t="s">
        <v>220854</v>
      </c>
      <c r="F66314" s="1" t="s">
        <v>220855</v>
      </c>
      <c r="G66314" s="1" t="s">
        <v>220806</v>
      </c>
      <c r="H66314" s="1" t="s">
        <v>220807</v>
      </c>
      <c r="I66314" s="1" t="s">
        <v>220808</v>
      </c>
      <c r="J66314" s="1" t="s">
        <v>220856</v>
      </c>
    </row>
    <row r="66315" spans="1:10" x14ac:dyDescent="0.35">
      <c r="A66315" s="1" t="s">
        <v>104311</v>
      </c>
      <c r="B66315" s="1" t="s">
        <v>220803</v>
      </c>
      <c r="C66315" s="1" t="s">
        <v>90</v>
      </c>
      <c r="D66315" s="1" t="s">
        <v>220857</v>
      </c>
      <c r="E66315" s="1" t="s">
        <v>220858</v>
      </c>
      <c r="F66315" s="1" t="s">
        <v>220859</v>
      </c>
      <c r="G66315" s="1" t="s">
        <v>220806</v>
      </c>
      <c r="H66315" s="1" t="s">
        <v>220807</v>
      </c>
      <c r="I66315" s="1" t="s">
        <v>220808</v>
      </c>
      <c r="J66315" s="1" t="s">
        <v>220860</v>
      </c>
    </row>
    <row r="66316" spans="1:10" x14ac:dyDescent="0.35">
      <c r="A66316" s="1" t="s">
        <v>104311</v>
      </c>
      <c r="B66316" s="1" t="s">
        <v>220803</v>
      </c>
      <c r="C66316" s="1" t="s">
        <v>95</v>
      </c>
      <c r="D66316" s="1" t="s">
        <v>220861</v>
      </c>
      <c r="E66316" s="1" t="s">
        <v>220862</v>
      </c>
      <c r="F66316" s="1" t="s">
        <v>220863</v>
      </c>
      <c r="G66316" s="1" t="s">
        <v>220806</v>
      </c>
      <c r="H66316" s="1" t="s">
        <v>220807</v>
      </c>
      <c r="I66316" s="1" t="s">
        <v>220808</v>
      </c>
      <c r="J66316" s="1" t="s">
        <v>220864</v>
      </c>
    </row>
    <row r="66317" spans="1:10" x14ac:dyDescent="0.35">
      <c r="A66317" s="1" t="s">
        <v>104311</v>
      </c>
      <c r="B66317" s="1" t="s">
        <v>220803</v>
      </c>
      <c r="C66317" s="1" t="s">
        <v>100</v>
      </c>
      <c r="D66317" s="1" t="s">
        <v>105140</v>
      </c>
      <c r="E66317" s="1" t="s">
        <v>220865</v>
      </c>
      <c r="F66317" s="1" t="s">
        <v>220866</v>
      </c>
      <c r="G66317" s="1" t="s">
        <v>220806</v>
      </c>
      <c r="H66317" s="1" t="s">
        <v>220807</v>
      </c>
      <c r="I66317" s="1" t="s">
        <v>220808</v>
      </c>
      <c r="J66317" s="1" t="s">
        <v>220867</v>
      </c>
    </row>
    <row r="66318" spans="1:10" x14ac:dyDescent="0.35">
      <c r="A66318" s="1" t="s">
        <v>104311</v>
      </c>
      <c r="B66318" s="1" t="s">
        <v>220803</v>
      </c>
      <c r="C66318" s="1" t="s">
        <v>105</v>
      </c>
      <c r="D66318" s="1" t="s">
        <v>18014</v>
      </c>
      <c r="E66318" s="1" t="s">
        <v>220868</v>
      </c>
      <c r="F66318" s="1" t="s">
        <v>220869</v>
      </c>
      <c r="G66318" s="1" t="s">
        <v>220806</v>
      </c>
      <c r="H66318" s="1" t="s">
        <v>220807</v>
      </c>
      <c r="I66318" s="1" t="s">
        <v>220808</v>
      </c>
      <c r="J66318" s="1" t="s">
        <v>220870</v>
      </c>
    </row>
    <row r="66319" spans="1:10" x14ac:dyDescent="0.35">
      <c r="A66319" s="1" t="s">
        <v>104311</v>
      </c>
      <c r="B66319" s="1" t="s">
        <v>220803</v>
      </c>
      <c r="C66319" s="1" t="s">
        <v>110</v>
      </c>
      <c r="D66319" s="1" t="s">
        <v>181345</v>
      </c>
      <c r="E66319" s="1" t="s">
        <v>220871</v>
      </c>
      <c r="F66319" s="1" t="s">
        <v>220872</v>
      </c>
      <c r="G66319" s="1" t="s">
        <v>220806</v>
      </c>
      <c r="H66319" s="1" t="s">
        <v>220807</v>
      </c>
      <c r="I66319" s="1" t="s">
        <v>220808</v>
      </c>
      <c r="J66319" s="1" t="s">
        <v>220873</v>
      </c>
    </row>
    <row r="66320" spans="1:10" x14ac:dyDescent="0.35">
      <c r="A66320" s="1" t="s">
        <v>104311</v>
      </c>
      <c r="B66320" s="1" t="s">
        <v>220803</v>
      </c>
      <c r="C66320" s="1" t="s">
        <v>115</v>
      </c>
      <c r="D66320" s="1" t="s">
        <v>3798</v>
      </c>
      <c r="E66320" s="1" t="s">
        <v>220874</v>
      </c>
      <c r="F66320" s="1" t="s">
        <v>220875</v>
      </c>
      <c r="G66320" s="1" t="s">
        <v>220806</v>
      </c>
      <c r="H66320" s="1" t="s">
        <v>220807</v>
      </c>
      <c r="I66320" s="1" t="s">
        <v>220808</v>
      </c>
      <c r="J66320" s="1" t="s">
        <v>220876</v>
      </c>
    </row>
    <row r="66321" spans="1:10" x14ac:dyDescent="0.35">
      <c r="A66321" s="1" t="s">
        <v>104311</v>
      </c>
      <c r="B66321" s="1" t="s">
        <v>220803</v>
      </c>
      <c r="C66321" s="1" t="s">
        <v>120</v>
      </c>
      <c r="D66321" s="1" t="s">
        <v>220877</v>
      </c>
      <c r="E66321" s="1" t="s">
        <v>220878</v>
      </c>
      <c r="F66321" s="1" t="s">
        <v>220879</v>
      </c>
      <c r="G66321" s="1" t="s">
        <v>220806</v>
      </c>
      <c r="H66321" s="1" t="s">
        <v>220807</v>
      </c>
      <c r="I66321" s="1" t="s">
        <v>220808</v>
      </c>
      <c r="J66321" s="1" t="s">
        <v>220880</v>
      </c>
    </row>
    <row r="66322" spans="1:10" x14ac:dyDescent="0.35">
      <c r="A66322" s="1" t="s">
        <v>104311</v>
      </c>
      <c r="B66322" s="1" t="s">
        <v>220803</v>
      </c>
      <c r="C66322" s="1" t="s">
        <v>125</v>
      </c>
      <c r="D66322" s="1" t="s">
        <v>17490</v>
      </c>
      <c r="E66322" s="1" t="s">
        <v>220881</v>
      </c>
      <c r="F66322" s="1" t="s">
        <v>220882</v>
      </c>
      <c r="G66322" s="1" t="s">
        <v>220806</v>
      </c>
      <c r="H66322" s="1" t="s">
        <v>220807</v>
      </c>
      <c r="I66322" s="1" t="s">
        <v>220808</v>
      </c>
      <c r="J66322" s="1" t="s">
        <v>220883</v>
      </c>
    </row>
    <row r="66323" spans="1:10" x14ac:dyDescent="0.35">
      <c r="A66323" s="1" t="s">
        <v>104311</v>
      </c>
      <c r="B66323" s="1" t="s">
        <v>220803</v>
      </c>
      <c r="C66323" s="1" t="s">
        <v>130</v>
      </c>
      <c r="D66323" s="1" t="s">
        <v>134617</v>
      </c>
      <c r="E66323" s="1" t="s">
        <v>220884</v>
      </c>
      <c r="F66323" s="1" t="s">
        <v>220885</v>
      </c>
      <c r="G66323" s="1" t="s">
        <v>220806</v>
      </c>
      <c r="H66323" s="1" t="s">
        <v>220807</v>
      </c>
      <c r="I66323" s="1" t="s">
        <v>220808</v>
      </c>
      <c r="J66323" s="1" t="s">
        <v>220886</v>
      </c>
    </row>
    <row r="66324" spans="1:10" x14ac:dyDescent="0.35">
      <c r="A66324" s="1" t="s">
        <v>104311</v>
      </c>
      <c r="B66324" s="1" t="s">
        <v>220803</v>
      </c>
      <c r="C66324" s="1" t="s">
        <v>135</v>
      </c>
      <c r="D66324" s="1" t="s">
        <v>220887</v>
      </c>
      <c r="E66324" s="1" t="s">
        <v>220888</v>
      </c>
      <c r="F66324" s="1" t="s">
        <v>220889</v>
      </c>
      <c r="G66324" s="1" t="s">
        <v>220806</v>
      </c>
      <c r="H66324" s="1" t="s">
        <v>220807</v>
      </c>
      <c r="I66324" s="1" t="s">
        <v>220808</v>
      </c>
      <c r="J66324" s="1" t="s">
        <v>220890</v>
      </c>
    </row>
    <row r="66325" spans="1:10" x14ac:dyDescent="0.35">
      <c r="A66325" s="1" t="s">
        <v>104311</v>
      </c>
      <c r="B66325" s="1" t="s">
        <v>220803</v>
      </c>
      <c r="C66325" s="1" t="s">
        <v>140</v>
      </c>
      <c r="D66325" s="1" t="s">
        <v>220891</v>
      </c>
      <c r="E66325" s="1" t="s">
        <v>220892</v>
      </c>
      <c r="F66325" s="1" t="s">
        <v>220893</v>
      </c>
      <c r="G66325" s="1" t="s">
        <v>220806</v>
      </c>
      <c r="H66325" s="1" t="s">
        <v>220807</v>
      </c>
      <c r="I66325" s="1" t="s">
        <v>220808</v>
      </c>
      <c r="J66325" s="1" t="s">
        <v>220894</v>
      </c>
    </row>
    <row r="66326" spans="1:10" x14ac:dyDescent="0.35">
      <c r="A66326" s="1" t="s">
        <v>104311</v>
      </c>
      <c r="B66326" s="1" t="s">
        <v>220803</v>
      </c>
      <c r="C66326" s="1" t="s">
        <v>145</v>
      </c>
      <c r="D66326" s="1" t="s">
        <v>220895</v>
      </c>
      <c r="E66326" s="1" t="s">
        <v>220896</v>
      </c>
      <c r="F66326" s="1" t="s">
        <v>220897</v>
      </c>
      <c r="G66326" s="1" t="s">
        <v>220806</v>
      </c>
      <c r="H66326" s="1" t="s">
        <v>220807</v>
      </c>
      <c r="I66326" s="1" t="s">
        <v>220808</v>
      </c>
      <c r="J66326" s="1" t="s">
        <v>220898</v>
      </c>
    </row>
    <row r="66327" spans="1:10" x14ac:dyDescent="0.35">
      <c r="A66327" s="1" t="s">
        <v>104311</v>
      </c>
      <c r="B66327" s="1" t="s">
        <v>220803</v>
      </c>
      <c r="C66327" s="1" t="s">
        <v>150</v>
      </c>
      <c r="D66327" s="1" t="s">
        <v>220899</v>
      </c>
      <c r="E66327" s="1" t="s">
        <v>220900</v>
      </c>
      <c r="F66327" s="1" t="s">
        <v>220901</v>
      </c>
      <c r="G66327" s="1" t="s">
        <v>220806</v>
      </c>
      <c r="H66327" s="1" t="s">
        <v>220807</v>
      </c>
      <c r="I66327" s="1" t="s">
        <v>220808</v>
      </c>
      <c r="J66327" s="1" t="s">
        <v>220902</v>
      </c>
    </row>
    <row r="66328" spans="1:10" x14ac:dyDescent="0.35">
      <c r="A66328" s="1" t="s">
        <v>104311</v>
      </c>
      <c r="B66328" s="1" t="s">
        <v>220803</v>
      </c>
      <c r="C66328" s="1" t="s">
        <v>155</v>
      </c>
      <c r="D66328" s="1" t="s">
        <v>220903</v>
      </c>
      <c r="E66328" s="1" t="s">
        <v>220904</v>
      </c>
      <c r="F66328" s="1" t="s">
        <v>220905</v>
      </c>
      <c r="G66328" s="1" t="s">
        <v>220806</v>
      </c>
      <c r="H66328" s="1" t="s">
        <v>220807</v>
      </c>
      <c r="I66328" s="1" t="s">
        <v>220808</v>
      </c>
      <c r="J66328" s="1" t="s">
        <v>220906</v>
      </c>
    </row>
    <row r="66329" spans="1:10" x14ac:dyDescent="0.35">
      <c r="A66329" s="1" t="s">
        <v>104311</v>
      </c>
      <c r="B66329" s="1" t="s">
        <v>220803</v>
      </c>
      <c r="C66329" s="1" t="s">
        <v>160</v>
      </c>
      <c r="D66329" s="1" t="s">
        <v>220907</v>
      </c>
      <c r="E66329" s="1" t="s">
        <v>220908</v>
      </c>
      <c r="F66329" s="1" t="s">
        <v>220909</v>
      </c>
      <c r="G66329" s="1" t="s">
        <v>220806</v>
      </c>
      <c r="H66329" s="1" t="s">
        <v>220807</v>
      </c>
      <c r="I66329" s="1" t="s">
        <v>220808</v>
      </c>
      <c r="J66329" s="1" t="s">
        <v>220910</v>
      </c>
    </row>
    <row r="66330" spans="1:10" x14ac:dyDescent="0.35">
      <c r="A66330" s="1" t="s">
        <v>104311</v>
      </c>
      <c r="B66330" s="1" t="s">
        <v>220803</v>
      </c>
      <c r="C66330" s="1" t="s">
        <v>165</v>
      </c>
      <c r="D66330" s="1" t="s">
        <v>12694</v>
      </c>
      <c r="E66330" s="1" t="s">
        <v>220911</v>
      </c>
      <c r="F66330" s="1" t="s">
        <v>220912</v>
      </c>
      <c r="G66330" s="1" t="s">
        <v>220806</v>
      </c>
      <c r="H66330" s="1" t="s">
        <v>220807</v>
      </c>
      <c r="I66330" s="1" t="s">
        <v>220808</v>
      </c>
      <c r="J66330" s="1" t="s">
        <v>220913</v>
      </c>
    </row>
    <row r="66331" spans="1:10" x14ac:dyDescent="0.35">
      <c r="A66331" s="1" t="s">
        <v>104311</v>
      </c>
      <c r="B66331" s="1" t="s">
        <v>220803</v>
      </c>
      <c r="C66331" s="1" t="s">
        <v>170</v>
      </c>
      <c r="D66331" s="1" t="s">
        <v>108312</v>
      </c>
      <c r="E66331" s="1" t="s">
        <v>220914</v>
      </c>
      <c r="F66331" s="1" t="s">
        <v>220915</v>
      </c>
      <c r="G66331" s="1" t="s">
        <v>220806</v>
      </c>
      <c r="H66331" s="1" t="s">
        <v>220807</v>
      </c>
      <c r="I66331" s="1" t="s">
        <v>220808</v>
      </c>
      <c r="J66331" s="1" t="s">
        <v>220916</v>
      </c>
    </row>
    <row r="66332" spans="1:10" x14ac:dyDescent="0.35">
      <c r="A66332" s="1" t="s">
        <v>25401</v>
      </c>
      <c r="B66332" s="1" t="s">
        <v>220803</v>
      </c>
      <c r="C66332" s="1" t="s">
        <v>8</v>
      </c>
      <c r="D66332" s="1" t="s">
        <v>16352</v>
      </c>
      <c r="E66332" s="1" t="s">
        <v>73366</v>
      </c>
      <c r="F66332" s="1" t="s">
        <v>220917</v>
      </c>
      <c r="G66332" s="1" t="s">
        <v>220918</v>
      </c>
      <c r="H66332" s="1" t="s">
        <v>220919</v>
      </c>
      <c r="I66332" s="1" t="s">
        <v>220808</v>
      </c>
      <c r="J66332" s="1" t="s">
        <v>13</v>
      </c>
    </row>
    <row r="66333" spans="1:10" x14ac:dyDescent="0.35">
      <c r="A66333" s="1" t="s">
        <v>25401</v>
      </c>
      <c r="B66333" s="1" t="s">
        <v>220803</v>
      </c>
      <c r="C66333" s="1" t="s">
        <v>15</v>
      </c>
      <c r="D66333" s="1" t="s">
        <v>220920</v>
      </c>
      <c r="E66333" s="1" t="s">
        <v>127831</v>
      </c>
      <c r="F66333" s="1" t="s">
        <v>165271</v>
      </c>
      <c r="G66333" s="1" t="s">
        <v>220918</v>
      </c>
      <c r="H66333" s="1" t="s">
        <v>220919</v>
      </c>
      <c r="I66333" s="1" t="s">
        <v>220808</v>
      </c>
      <c r="J66333" s="1" t="s">
        <v>220921</v>
      </c>
    </row>
    <row r="66334" spans="1:10" x14ac:dyDescent="0.35">
      <c r="A66334" s="1" t="s">
        <v>25401</v>
      </c>
      <c r="B66334" s="1" t="s">
        <v>220803</v>
      </c>
      <c r="C66334" s="1" t="s">
        <v>20</v>
      </c>
      <c r="D66334" s="1" t="s">
        <v>9678</v>
      </c>
      <c r="E66334" s="1" t="s">
        <v>105435</v>
      </c>
      <c r="F66334" s="1" t="s">
        <v>220922</v>
      </c>
      <c r="G66334" s="1" t="s">
        <v>220918</v>
      </c>
      <c r="H66334" s="1" t="s">
        <v>220919</v>
      </c>
      <c r="I66334" s="1" t="s">
        <v>220808</v>
      </c>
      <c r="J66334" s="1" t="s">
        <v>220923</v>
      </c>
    </row>
    <row r="66335" spans="1:10" x14ac:dyDescent="0.35">
      <c r="A66335" s="1" t="s">
        <v>25401</v>
      </c>
      <c r="B66335" s="1" t="s">
        <v>220803</v>
      </c>
      <c r="C66335" s="1" t="s">
        <v>25</v>
      </c>
      <c r="D66335" s="1" t="s">
        <v>159760</v>
      </c>
      <c r="E66335" s="1" t="s">
        <v>107359</v>
      </c>
      <c r="F66335" s="1" t="s">
        <v>220924</v>
      </c>
      <c r="G66335" s="1" t="s">
        <v>220918</v>
      </c>
      <c r="H66335" s="1" t="s">
        <v>220919</v>
      </c>
      <c r="I66335" s="1" t="s">
        <v>220808</v>
      </c>
      <c r="J66335" s="1" t="s">
        <v>220925</v>
      </c>
    </row>
    <row r="66336" spans="1:10" x14ac:dyDescent="0.35">
      <c r="A66336" s="1" t="s">
        <v>25401</v>
      </c>
      <c r="B66336" s="1" t="s">
        <v>220803</v>
      </c>
      <c r="C66336" s="1" t="s">
        <v>30</v>
      </c>
      <c r="D66336" s="1" t="s">
        <v>141763</v>
      </c>
      <c r="E66336" s="1" t="s">
        <v>179238</v>
      </c>
      <c r="F66336" s="1" t="s">
        <v>220926</v>
      </c>
      <c r="G66336" s="1" t="s">
        <v>220918</v>
      </c>
      <c r="H66336" s="1" t="s">
        <v>220919</v>
      </c>
      <c r="I66336" s="1" t="s">
        <v>220808</v>
      </c>
      <c r="J66336" s="1" t="s">
        <v>220927</v>
      </c>
    </row>
    <row r="66337" spans="1:10" x14ac:dyDescent="0.35">
      <c r="A66337" s="1" t="s">
        <v>25401</v>
      </c>
      <c r="B66337" s="1" t="s">
        <v>220803</v>
      </c>
      <c r="C66337" s="1" t="s">
        <v>35</v>
      </c>
      <c r="D66337" s="1" t="s">
        <v>72968</v>
      </c>
      <c r="E66337" s="1" t="s">
        <v>81186</v>
      </c>
      <c r="F66337" s="1" t="s">
        <v>55990</v>
      </c>
      <c r="G66337" s="1" t="s">
        <v>220918</v>
      </c>
      <c r="H66337" s="1" t="s">
        <v>220919</v>
      </c>
      <c r="I66337" s="1" t="s">
        <v>220808</v>
      </c>
      <c r="J66337" s="1" t="s">
        <v>220928</v>
      </c>
    </row>
    <row r="66338" spans="1:10" x14ac:dyDescent="0.35">
      <c r="A66338" s="1" t="s">
        <v>25401</v>
      </c>
      <c r="B66338" s="1" t="s">
        <v>220803</v>
      </c>
      <c r="C66338" s="1" t="s">
        <v>40</v>
      </c>
      <c r="D66338" s="1" t="s">
        <v>28332</v>
      </c>
      <c r="E66338" s="1" t="s">
        <v>196392</v>
      </c>
      <c r="F66338" s="1" t="s">
        <v>220929</v>
      </c>
      <c r="G66338" s="1" t="s">
        <v>220918</v>
      </c>
      <c r="H66338" s="1" t="s">
        <v>220919</v>
      </c>
      <c r="I66338" s="1" t="s">
        <v>220808</v>
      </c>
      <c r="J66338" s="1" t="s">
        <v>220930</v>
      </c>
    </row>
    <row r="66339" spans="1:10" x14ac:dyDescent="0.35">
      <c r="A66339" s="1" t="s">
        <v>25401</v>
      </c>
      <c r="B66339" s="1" t="s">
        <v>220803</v>
      </c>
      <c r="C66339" s="1" t="s">
        <v>45</v>
      </c>
      <c r="D66339" s="1" t="s">
        <v>119583</v>
      </c>
      <c r="E66339" s="1" t="s">
        <v>130208</v>
      </c>
      <c r="F66339" s="1" t="s">
        <v>220931</v>
      </c>
      <c r="G66339" s="1" t="s">
        <v>220918</v>
      </c>
      <c r="H66339" s="1" t="s">
        <v>220919</v>
      </c>
      <c r="I66339" s="1" t="s">
        <v>220808</v>
      </c>
      <c r="J66339" s="1" t="s">
        <v>220932</v>
      </c>
    </row>
    <row r="66340" spans="1:10" x14ac:dyDescent="0.35">
      <c r="A66340" s="1" t="s">
        <v>25401</v>
      </c>
      <c r="B66340" s="1" t="s">
        <v>220803</v>
      </c>
      <c r="C66340" s="1" t="s">
        <v>50</v>
      </c>
      <c r="D66340" s="1" t="s">
        <v>15281</v>
      </c>
      <c r="E66340" s="1" t="s">
        <v>108309</v>
      </c>
      <c r="F66340" s="1" t="s">
        <v>220933</v>
      </c>
      <c r="G66340" s="1" t="s">
        <v>220918</v>
      </c>
      <c r="H66340" s="1" t="s">
        <v>220919</v>
      </c>
      <c r="I66340" s="1" t="s">
        <v>220808</v>
      </c>
      <c r="J66340" s="1" t="s">
        <v>220934</v>
      </c>
    </row>
    <row r="66341" spans="1:10" x14ac:dyDescent="0.35">
      <c r="A66341" s="1" t="s">
        <v>25401</v>
      </c>
      <c r="B66341" s="1" t="s">
        <v>220803</v>
      </c>
      <c r="C66341" s="1" t="s">
        <v>55</v>
      </c>
      <c r="D66341" s="1" t="s">
        <v>123921</v>
      </c>
      <c r="E66341" s="1" t="s">
        <v>220935</v>
      </c>
      <c r="F66341" s="1" t="s">
        <v>220936</v>
      </c>
      <c r="G66341" s="1" t="s">
        <v>220918</v>
      </c>
      <c r="H66341" s="1" t="s">
        <v>220919</v>
      </c>
      <c r="I66341" s="1" t="s">
        <v>220808</v>
      </c>
      <c r="J66341" s="1" t="s">
        <v>220937</v>
      </c>
    </row>
    <row r="66342" spans="1:10" x14ac:dyDescent="0.35">
      <c r="A66342" s="1" t="s">
        <v>25401</v>
      </c>
      <c r="B66342" s="1" t="s">
        <v>220803</v>
      </c>
      <c r="C66342" s="1" t="s">
        <v>60</v>
      </c>
      <c r="D66342" s="1" t="s">
        <v>135866</v>
      </c>
      <c r="E66342" s="1" t="s">
        <v>220938</v>
      </c>
      <c r="F66342" s="1" t="s">
        <v>201746</v>
      </c>
      <c r="G66342" s="1" t="s">
        <v>220918</v>
      </c>
      <c r="H66342" s="1" t="s">
        <v>220919</v>
      </c>
      <c r="I66342" s="1" t="s">
        <v>220808</v>
      </c>
      <c r="J66342" s="1" t="s">
        <v>220939</v>
      </c>
    </row>
    <row r="66343" spans="1:10" x14ac:dyDescent="0.35">
      <c r="A66343" s="1" t="s">
        <v>25401</v>
      </c>
      <c r="B66343" s="1" t="s">
        <v>220803</v>
      </c>
      <c r="C66343" s="1" t="s">
        <v>65</v>
      </c>
      <c r="D66343" s="1" t="s">
        <v>15997</v>
      </c>
      <c r="E66343" s="1" t="s">
        <v>132875</v>
      </c>
      <c r="F66343" s="1" t="s">
        <v>103083</v>
      </c>
      <c r="G66343" s="1" t="s">
        <v>220918</v>
      </c>
      <c r="H66343" s="1" t="s">
        <v>220919</v>
      </c>
      <c r="I66343" s="1" t="s">
        <v>220808</v>
      </c>
      <c r="J66343" s="1" t="s">
        <v>220940</v>
      </c>
    </row>
    <row r="66344" spans="1:10" x14ac:dyDescent="0.35">
      <c r="A66344" s="1" t="s">
        <v>25401</v>
      </c>
      <c r="B66344" s="1" t="s">
        <v>220803</v>
      </c>
      <c r="C66344" s="1" t="s">
        <v>70</v>
      </c>
      <c r="D66344" s="1" t="s">
        <v>36771</v>
      </c>
      <c r="E66344" s="1" t="s">
        <v>220941</v>
      </c>
      <c r="F66344" s="1" t="s">
        <v>220942</v>
      </c>
      <c r="G66344" s="1" t="s">
        <v>220918</v>
      </c>
      <c r="H66344" s="1" t="s">
        <v>220919</v>
      </c>
      <c r="I66344" s="1" t="s">
        <v>220808</v>
      </c>
      <c r="J66344" s="1" t="s">
        <v>220943</v>
      </c>
    </row>
    <row r="66345" spans="1:10" x14ac:dyDescent="0.35">
      <c r="A66345" s="1" t="s">
        <v>25401</v>
      </c>
      <c r="B66345" s="1" t="s">
        <v>220803</v>
      </c>
      <c r="C66345" s="1" t="s">
        <v>75</v>
      </c>
      <c r="D66345" s="1" t="s">
        <v>1485</v>
      </c>
      <c r="E66345" s="1" t="s">
        <v>81143</v>
      </c>
      <c r="F66345" s="1" t="s">
        <v>220944</v>
      </c>
      <c r="G66345" s="1" t="s">
        <v>220918</v>
      </c>
      <c r="H66345" s="1" t="s">
        <v>220919</v>
      </c>
      <c r="I66345" s="1" t="s">
        <v>220808</v>
      </c>
      <c r="J66345" s="1" t="s">
        <v>220945</v>
      </c>
    </row>
    <row r="66346" spans="1:10" x14ac:dyDescent="0.35">
      <c r="A66346" s="1" t="s">
        <v>25401</v>
      </c>
      <c r="B66346" s="1" t="s">
        <v>220803</v>
      </c>
      <c r="C66346" s="1" t="s">
        <v>80</v>
      </c>
      <c r="D66346" s="1" t="s">
        <v>73771</v>
      </c>
      <c r="E66346" s="1" t="s">
        <v>111223</v>
      </c>
      <c r="F66346" s="1" t="s">
        <v>220946</v>
      </c>
      <c r="G66346" s="1" t="s">
        <v>220918</v>
      </c>
      <c r="H66346" s="1" t="s">
        <v>220919</v>
      </c>
      <c r="I66346" s="1" t="s">
        <v>220808</v>
      </c>
      <c r="J66346" s="1" t="s">
        <v>220947</v>
      </c>
    </row>
    <row r="66347" spans="1:10" x14ac:dyDescent="0.35">
      <c r="A66347" s="1" t="s">
        <v>25401</v>
      </c>
      <c r="B66347" s="1" t="s">
        <v>220803</v>
      </c>
      <c r="C66347" s="1" t="s">
        <v>85</v>
      </c>
      <c r="D66347" s="1" t="s">
        <v>36257</v>
      </c>
      <c r="E66347" s="1" t="s">
        <v>78848</v>
      </c>
      <c r="F66347" s="1" t="s">
        <v>220948</v>
      </c>
      <c r="G66347" s="1" t="s">
        <v>220918</v>
      </c>
      <c r="H66347" s="1" t="s">
        <v>220919</v>
      </c>
      <c r="I66347" s="1" t="s">
        <v>220808</v>
      </c>
      <c r="J66347" s="1" t="s">
        <v>220949</v>
      </c>
    </row>
    <row r="66348" spans="1:10" x14ac:dyDescent="0.35">
      <c r="A66348" s="1" t="s">
        <v>25401</v>
      </c>
      <c r="B66348" s="1" t="s">
        <v>220803</v>
      </c>
      <c r="C66348" s="1" t="s">
        <v>90</v>
      </c>
      <c r="D66348" s="1" t="s">
        <v>214570</v>
      </c>
      <c r="E66348" s="1" t="s">
        <v>111186</v>
      </c>
      <c r="F66348" s="1" t="s">
        <v>220950</v>
      </c>
      <c r="G66348" s="1" t="s">
        <v>220918</v>
      </c>
      <c r="H66348" s="1" t="s">
        <v>220919</v>
      </c>
      <c r="I66348" s="1" t="s">
        <v>220808</v>
      </c>
      <c r="J66348" s="1" t="s">
        <v>220951</v>
      </c>
    </row>
    <row r="66349" spans="1:10" x14ac:dyDescent="0.35">
      <c r="A66349" s="1" t="s">
        <v>25401</v>
      </c>
      <c r="B66349" s="1" t="s">
        <v>220803</v>
      </c>
      <c r="C66349" s="1" t="s">
        <v>95</v>
      </c>
      <c r="D66349" s="1" t="s">
        <v>56</v>
      </c>
      <c r="E66349" s="1" t="s">
        <v>127896</v>
      </c>
      <c r="F66349" s="1" t="s">
        <v>220952</v>
      </c>
      <c r="G66349" s="1" t="s">
        <v>220918</v>
      </c>
      <c r="H66349" s="1" t="s">
        <v>220919</v>
      </c>
      <c r="I66349" s="1" t="s">
        <v>220808</v>
      </c>
      <c r="J66349" s="1" t="s">
        <v>220953</v>
      </c>
    </row>
    <row r="66350" spans="1:10" x14ac:dyDescent="0.35">
      <c r="A66350" s="1" t="s">
        <v>25401</v>
      </c>
      <c r="B66350" s="1" t="s">
        <v>220803</v>
      </c>
      <c r="C66350" s="1" t="s">
        <v>100</v>
      </c>
      <c r="D66350" s="1" t="s">
        <v>177537</v>
      </c>
      <c r="E66350" s="1" t="s">
        <v>107404</v>
      </c>
      <c r="F66350" s="1" t="s">
        <v>95754</v>
      </c>
      <c r="G66350" s="1" t="s">
        <v>220918</v>
      </c>
      <c r="H66350" s="1" t="s">
        <v>220919</v>
      </c>
      <c r="I66350" s="1" t="s">
        <v>220808</v>
      </c>
      <c r="J66350" s="1" t="s">
        <v>220954</v>
      </c>
    </row>
    <row r="66351" spans="1:10" x14ac:dyDescent="0.35">
      <c r="A66351" s="1" t="s">
        <v>25401</v>
      </c>
      <c r="B66351" s="1" t="s">
        <v>220803</v>
      </c>
      <c r="C66351" s="1" t="s">
        <v>105</v>
      </c>
      <c r="D66351" s="1" t="s">
        <v>35358</v>
      </c>
      <c r="E66351" s="1" t="s">
        <v>74192</v>
      </c>
      <c r="F66351" s="1" t="s">
        <v>220955</v>
      </c>
      <c r="G66351" s="1" t="s">
        <v>220918</v>
      </c>
      <c r="H66351" s="1" t="s">
        <v>220919</v>
      </c>
      <c r="I66351" s="1" t="s">
        <v>220808</v>
      </c>
      <c r="J66351" s="1" t="s">
        <v>220956</v>
      </c>
    </row>
    <row r="66352" spans="1:10" x14ac:dyDescent="0.35">
      <c r="A66352" s="1" t="s">
        <v>25401</v>
      </c>
      <c r="B66352" s="1" t="s">
        <v>220803</v>
      </c>
      <c r="C66352" s="1" t="s">
        <v>110</v>
      </c>
      <c r="D66352" s="1" t="s">
        <v>43861</v>
      </c>
      <c r="E66352" s="1" t="s">
        <v>106547</v>
      </c>
      <c r="F66352" s="1" t="s">
        <v>220957</v>
      </c>
      <c r="G66352" s="1" t="s">
        <v>220918</v>
      </c>
      <c r="H66352" s="1" t="s">
        <v>220919</v>
      </c>
      <c r="I66352" s="1" t="s">
        <v>220808</v>
      </c>
      <c r="J66352" s="1" t="s">
        <v>220958</v>
      </c>
    </row>
    <row r="66353" spans="1:10" x14ac:dyDescent="0.35">
      <c r="A66353" s="1" t="s">
        <v>25401</v>
      </c>
      <c r="B66353" s="1" t="s">
        <v>220803</v>
      </c>
      <c r="C66353" s="1" t="s">
        <v>115</v>
      </c>
      <c r="D66353" s="1" t="s">
        <v>135138</v>
      </c>
      <c r="E66353" s="1" t="s">
        <v>220959</v>
      </c>
      <c r="F66353" s="1" t="s">
        <v>107389</v>
      </c>
      <c r="G66353" s="1" t="s">
        <v>220918</v>
      </c>
      <c r="H66353" s="1" t="s">
        <v>220919</v>
      </c>
      <c r="I66353" s="1" t="s">
        <v>220808</v>
      </c>
      <c r="J66353" s="1" t="s">
        <v>220960</v>
      </c>
    </row>
    <row r="66354" spans="1:10" x14ac:dyDescent="0.35">
      <c r="A66354" s="1" t="s">
        <v>25401</v>
      </c>
      <c r="B66354" s="1" t="s">
        <v>220803</v>
      </c>
      <c r="C66354" s="1" t="s">
        <v>120</v>
      </c>
      <c r="D66354" s="1" t="s">
        <v>3719</v>
      </c>
      <c r="E66354" s="1" t="s">
        <v>106561</v>
      </c>
      <c r="F66354" s="1" t="s">
        <v>220961</v>
      </c>
      <c r="G66354" s="1" t="s">
        <v>220918</v>
      </c>
      <c r="H66354" s="1" t="s">
        <v>220919</v>
      </c>
      <c r="I66354" s="1" t="s">
        <v>220808</v>
      </c>
      <c r="J66354" s="1" t="s">
        <v>220962</v>
      </c>
    </row>
    <row r="66355" spans="1:10" x14ac:dyDescent="0.35">
      <c r="A66355" s="1" t="s">
        <v>25401</v>
      </c>
      <c r="B66355" s="1" t="s">
        <v>220803</v>
      </c>
      <c r="C66355" s="1" t="s">
        <v>125</v>
      </c>
      <c r="D66355" s="1" t="s">
        <v>191128</v>
      </c>
      <c r="E66355" s="1" t="s">
        <v>107295</v>
      </c>
      <c r="F66355" s="1" t="s">
        <v>220963</v>
      </c>
      <c r="G66355" s="1" t="s">
        <v>220918</v>
      </c>
      <c r="H66355" s="1" t="s">
        <v>220919</v>
      </c>
      <c r="I66355" s="1" t="s">
        <v>220808</v>
      </c>
      <c r="J66355" s="1" t="s">
        <v>220964</v>
      </c>
    </row>
    <row r="66356" spans="1:10" x14ac:dyDescent="0.35">
      <c r="A66356" s="1" t="s">
        <v>25401</v>
      </c>
      <c r="B66356" s="1" t="s">
        <v>220803</v>
      </c>
      <c r="C66356" s="1" t="s">
        <v>130</v>
      </c>
      <c r="D66356" s="1" t="s">
        <v>194112</v>
      </c>
      <c r="E66356" s="1" t="s">
        <v>130008</v>
      </c>
      <c r="F66356" s="1" t="s">
        <v>220965</v>
      </c>
      <c r="G66356" s="1" t="s">
        <v>220918</v>
      </c>
      <c r="H66356" s="1" t="s">
        <v>220919</v>
      </c>
      <c r="I66356" s="1" t="s">
        <v>220808</v>
      </c>
      <c r="J66356" s="1" t="s">
        <v>220966</v>
      </c>
    </row>
    <row r="66357" spans="1:10" x14ac:dyDescent="0.35">
      <c r="A66357" s="1" t="s">
        <v>25401</v>
      </c>
      <c r="B66357" s="1" t="s">
        <v>220803</v>
      </c>
      <c r="C66357" s="1" t="s">
        <v>135</v>
      </c>
      <c r="D66357" s="1" t="s">
        <v>155617</v>
      </c>
      <c r="E66357" s="1" t="s">
        <v>135725</v>
      </c>
      <c r="F66357" s="1" t="s">
        <v>220967</v>
      </c>
      <c r="G66357" s="1" t="s">
        <v>220918</v>
      </c>
      <c r="H66357" s="1" t="s">
        <v>220919</v>
      </c>
      <c r="I66357" s="1" t="s">
        <v>220808</v>
      </c>
      <c r="J66357" s="1" t="s">
        <v>220968</v>
      </c>
    </row>
    <row r="66358" spans="1:10" x14ac:dyDescent="0.35">
      <c r="A66358" s="1" t="s">
        <v>25401</v>
      </c>
      <c r="B66358" s="1" t="s">
        <v>220803</v>
      </c>
      <c r="C66358" s="1" t="s">
        <v>140</v>
      </c>
      <c r="D66358" s="1" t="s">
        <v>126165</v>
      </c>
      <c r="E66358" s="1" t="s">
        <v>132802</v>
      </c>
      <c r="F66358" s="1" t="s">
        <v>220969</v>
      </c>
      <c r="G66358" s="1" t="s">
        <v>220918</v>
      </c>
      <c r="H66358" s="1" t="s">
        <v>220919</v>
      </c>
      <c r="I66358" s="1" t="s">
        <v>220808</v>
      </c>
      <c r="J66358" s="1" t="s">
        <v>220970</v>
      </c>
    </row>
    <row r="66359" spans="1:10" x14ac:dyDescent="0.35">
      <c r="A66359" s="1" t="s">
        <v>25401</v>
      </c>
      <c r="B66359" s="1" t="s">
        <v>220803</v>
      </c>
      <c r="C66359" s="1" t="s">
        <v>145</v>
      </c>
      <c r="D66359" s="1" t="s">
        <v>206632</v>
      </c>
      <c r="E66359" s="1" t="s">
        <v>109783</v>
      </c>
      <c r="F66359" s="1" t="s">
        <v>220971</v>
      </c>
      <c r="G66359" s="1" t="s">
        <v>220918</v>
      </c>
      <c r="H66359" s="1" t="s">
        <v>220919</v>
      </c>
      <c r="I66359" s="1" t="s">
        <v>220808</v>
      </c>
      <c r="J66359" s="1" t="s">
        <v>220972</v>
      </c>
    </row>
    <row r="66360" spans="1:10" x14ac:dyDescent="0.35">
      <c r="A66360" s="1" t="s">
        <v>25401</v>
      </c>
      <c r="B66360" s="1" t="s">
        <v>220803</v>
      </c>
      <c r="C66360" s="1" t="s">
        <v>150</v>
      </c>
      <c r="D66360" s="1" t="s">
        <v>195088</v>
      </c>
      <c r="E66360" s="1" t="s">
        <v>180482</v>
      </c>
      <c r="F66360" s="1" t="s">
        <v>220973</v>
      </c>
      <c r="G66360" s="1" t="s">
        <v>220918</v>
      </c>
      <c r="H66360" s="1" t="s">
        <v>220919</v>
      </c>
      <c r="I66360" s="1" t="s">
        <v>220808</v>
      </c>
      <c r="J66360" s="1" t="s">
        <v>220974</v>
      </c>
    </row>
    <row r="66361" spans="1:10" x14ac:dyDescent="0.35">
      <c r="A66361" s="1" t="s">
        <v>25401</v>
      </c>
      <c r="B66361" s="1" t="s">
        <v>220803</v>
      </c>
      <c r="C66361" s="1" t="s">
        <v>155</v>
      </c>
      <c r="D66361" s="1" t="s">
        <v>135098</v>
      </c>
      <c r="E66361" s="1" t="s">
        <v>126628</v>
      </c>
      <c r="F66361" s="1" t="s">
        <v>220975</v>
      </c>
      <c r="G66361" s="1" t="s">
        <v>220918</v>
      </c>
      <c r="H66361" s="1" t="s">
        <v>220919</v>
      </c>
      <c r="I66361" s="1" t="s">
        <v>220808</v>
      </c>
      <c r="J66361" s="1" t="s">
        <v>220976</v>
      </c>
    </row>
    <row r="66362" spans="1:10" x14ac:dyDescent="0.35">
      <c r="A66362" s="1" t="s">
        <v>25401</v>
      </c>
      <c r="B66362" s="1" t="s">
        <v>220803</v>
      </c>
      <c r="C66362" s="1" t="s">
        <v>160</v>
      </c>
      <c r="D66362" s="1" t="s">
        <v>203214</v>
      </c>
      <c r="E66362" s="1" t="s">
        <v>107313</v>
      </c>
      <c r="F66362" s="1" t="s">
        <v>67663</v>
      </c>
      <c r="G66362" s="1" t="s">
        <v>220918</v>
      </c>
      <c r="H66362" s="1" t="s">
        <v>220919</v>
      </c>
      <c r="I66362" s="1" t="s">
        <v>220808</v>
      </c>
      <c r="J66362" s="1" t="s">
        <v>220977</v>
      </c>
    </row>
    <row r="66363" spans="1:10" x14ac:dyDescent="0.35">
      <c r="A66363" s="1" t="s">
        <v>25401</v>
      </c>
      <c r="B66363" s="1" t="s">
        <v>220803</v>
      </c>
      <c r="C66363" s="1" t="s">
        <v>165</v>
      </c>
      <c r="D66363" s="1" t="s">
        <v>220978</v>
      </c>
      <c r="E66363" s="1" t="s">
        <v>179528</v>
      </c>
      <c r="F66363" s="1" t="s">
        <v>129359</v>
      </c>
      <c r="G66363" s="1" t="s">
        <v>220918</v>
      </c>
      <c r="H66363" s="1" t="s">
        <v>220919</v>
      </c>
      <c r="I66363" s="1" t="s">
        <v>220808</v>
      </c>
      <c r="J66363" s="1" t="s">
        <v>220979</v>
      </c>
    </row>
    <row r="66364" spans="1:10" x14ac:dyDescent="0.35">
      <c r="A66364" s="1" t="s">
        <v>25401</v>
      </c>
      <c r="B66364" s="1" t="s">
        <v>220803</v>
      </c>
      <c r="C66364" s="1" t="s">
        <v>170</v>
      </c>
      <c r="D66364" s="1" t="s">
        <v>220980</v>
      </c>
      <c r="E66364" s="1" t="s">
        <v>127877</v>
      </c>
      <c r="F66364" s="1" t="s">
        <v>176289</v>
      </c>
      <c r="G66364" s="1" t="s">
        <v>220918</v>
      </c>
      <c r="H66364" s="1" t="s">
        <v>220919</v>
      </c>
      <c r="I66364" s="1" t="s">
        <v>220808</v>
      </c>
      <c r="J66364" s="1" t="s">
        <v>220981</v>
      </c>
    </row>
    <row r="66365" spans="1:10" x14ac:dyDescent="0.35">
      <c r="A66365" s="1" t="s">
        <v>142831</v>
      </c>
      <c r="B66365" s="1" t="s">
        <v>220803</v>
      </c>
      <c r="C66365" s="1" t="s">
        <v>8</v>
      </c>
      <c r="D66365" s="1" t="s">
        <v>16005</v>
      </c>
      <c r="E66365" s="1" t="s">
        <v>220982</v>
      </c>
      <c r="F66365" s="1" t="s">
        <v>220983</v>
      </c>
      <c r="G66365" s="1" t="s">
        <v>220984</v>
      </c>
      <c r="H66365" s="1" t="s">
        <v>220985</v>
      </c>
      <c r="I66365" s="1" t="s">
        <v>220808</v>
      </c>
      <c r="J66365" s="1" t="s">
        <v>13</v>
      </c>
    </row>
    <row r="66366" spans="1:10" x14ac:dyDescent="0.35">
      <c r="A66366" s="1" t="s">
        <v>142831</v>
      </c>
      <c r="B66366" s="1" t="s">
        <v>220803</v>
      </c>
      <c r="C66366" s="1" t="s">
        <v>15</v>
      </c>
      <c r="D66366" s="1" t="s">
        <v>220986</v>
      </c>
      <c r="E66366" s="1" t="s">
        <v>220987</v>
      </c>
      <c r="F66366" s="1" t="s">
        <v>220988</v>
      </c>
      <c r="G66366" s="1" t="s">
        <v>220984</v>
      </c>
      <c r="H66366" s="1" t="s">
        <v>220985</v>
      </c>
      <c r="I66366" s="1" t="s">
        <v>220808</v>
      </c>
      <c r="J66366" s="1" t="s">
        <v>220989</v>
      </c>
    </row>
    <row r="66367" spans="1:10" x14ac:dyDescent="0.35">
      <c r="A66367" s="1" t="s">
        <v>142831</v>
      </c>
      <c r="B66367" s="1" t="s">
        <v>220803</v>
      </c>
      <c r="C66367" s="1" t="s">
        <v>20</v>
      </c>
      <c r="D66367" s="1" t="s">
        <v>48919</v>
      </c>
      <c r="E66367" s="1" t="s">
        <v>220990</v>
      </c>
      <c r="F66367" s="1" t="s">
        <v>220991</v>
      </c>
      <c r="G66367" s="1" t="s">
        <v>220984</v>
      </c>
      <c r="H66367" s="1" t="s">
        <v>220985</v>
      </c>
      <c r="I66367" s="1" t="s">
        <v>220808</v>
      </c>
      <c r="J66367" s="1" t="s">
        <v>220992</v>
      </c>
    </row>
    <row r="66368" spans="1:10" x14ac:dyDescent="0.35">
      <c r="A66368" s="1" t="s">
        <v>142831</v>
      </c>
      <c r="B66368" s="1" t="s">
        <v>220803</v>
      </c>
      <c r="C66368" s="1" t="s">
        <v>25</v>
      </c>
      <c r="D66368" s="1" t="s">
        <v>277</v>
      </c>
      <c r="E66368" s="1" t="s">
        <v>220993</v>
      </c>
      <c r="F66368" s="1" t="s">
        <v>220994</v>
      </c>
      <c r="G66368" s="1" t="s">
        <v>220984</v>
      </c>
      <c r="H66368" s="1" t="s">
        <v>220985</v>
      </c>
      <c r="I66368" s="1" t="s">
        <v>220808</v>
      </c>
      <c r="J66368" s="1" t="s">
        <v>220995</v>
      </c>
    </row>
    <row r="66369" spans="1:10" x14ac:dyDescent="0.35">
      <c r="A66369" s="1" t="s">
        <v>142831</v>
      </c>
      <c r="B66369" s="1" t="s">
        <v>220803</v>
      </c>
      <c r="C66369" s="1" t="s">
        <v>30</v>
      </c>
      <c r="D66369" s="1" t="s">
        <v>151566</v>
      </c>
      <c r="E66369" s="1" t="s">
        <v>220996</v>
      </c>
      <c r="F66369" s="1" t="s">
        <v>220997</v>
      </c>
      <c r="G66369" s="1" t="s">
        <v>220984</v>
      </c>
      <c r="H66369" s="1" t="s">
        <v>220985</v>
      </c>
      <c r="I66369" s="1" t="s">
        <v>220808</v>
      </c>
      <c r="J66369" s="1" t="s">
        <v>220998</v>
      </c>
    </row>
    <row r="66370" spans="1:10" x14ac:dyDescent="0.35">
      <c r="A66370" s="1" t="s">
        <v>142831</v>
      </c>
      <c r="B66370" s="1" t="s">
        <v>220803</v>
      </c>
      <c r="C66370" s="1" t="s">
        <v>35</v>
      </c>
      <c r="D66370" s="1" t="s">
        <v>18431</v>
      </c>
      <c r="E66370" s="1" t="s">
        <v>220999</v>
      </c>
      <c r="F66370" s="1" t="s">
        <v>202352</v>
      </c>
      <c r="G66370" s="1" t="s">
        <v>220984</v>
      </c>
      <c r="H66370" s="1" t="s">
        <v>220985</v>
      </c>
      <c r="I66370" s="1" t="s">
        <v>220808</v>
      </c>
      <c r="J66370" s="1" t="s">
        <v>221000</v>
      </c>
    </row>
    <row r="66371" spans="1:10" x14ac:dyDescent="0.35">
      <c r="A66371" s="1" t="s">
        <v>142831</v>
      </c>
      <c r="B66371" s="1" t="s">
        <v>220803</v>
      </c>
      <c r="C66371" s="1" t="s">
        <v>40</v>
      </c>
      <c r="D66371" s="1" t="s">
        <v>151032</v>
      </c>
      <c r="E66371" s="1" t="s">
        <v>221001</v>
      </c>
      <c r="F66371" s="1" t="s">
        <v>221002</v>
      </c>
      <c r="G66371" s="1" t="s">
        <v>220984</v>
      </c>
      <c r="H66371" s="1" t="s">
        <v>220985</v>
      </c>
      <c r="I66371" s="1" t="s">
        <v>220808</v>
      </c>
      <c r="J66371" s="1" t="s">
        <v>221003</v>
      </c>
    </row>
    <row r="66372" spans="1:10" x14ac:dyDescent="0.35">
      <c r="A66372" s="1" t="s">
        <v>142831</v>
      </c>
      <c r="B66372" s="1" t="s">
        <v>220803</v>
      </c>
      <c r="C66372" s="1" t="s">
        <v>45</v>
      </c>
      <c r="D66372" s="1" t="s">
        <v>112934</v>
      </c>
      <c r="E66372" s="1" t="s">
        <v>221004</v>
      </c>
      <c r="F66372" s="1" t="s">
        <v>221005</v>
      </c>
      <c r="G66372" s="1" t="s">
        <v>220984</v>
      </c>
      <c r="H66372" s="1" t="s">
        <v>220985</v>
      </c>
      <c r="I66372" s="1" t="s">
        <v>220808</v>
      </c>
      <c r="J66372" s="1" t="s">
        <v>221006</v>
      </c>
    </row>
    <row r="66373" spans="1:10" x14ac:dyDescent="0.35">
      <c r="A66373" s="1" t="s">
        <v>142831</v>
      </c>
      <c r="B66373" s="1" t="s">
        <v>220803</v>
      </c>
      <c r="C66373" s="1" t="s">
        <v>50</v>
      </c>
      <c r="D66373" s="1" t="s">
        <v>219716</v>
      </c>
      <c r="E66373" s="1" t="s">
        <v>221007</v>
      </c>
      <c r="F66373" s="1" t="s">
        <v>221008</v>
      </c>
      <c r="G66373" s="1" t="s">
        <v>220984</v>
      </c>
      <c r="H66373" s="1" t="s">
        <v>220985</v>
      </c>
      <c r="I66373" s="1" t="s">
        <v>220808</v>
      </c>
      <c r="J66373" s="1" t="s">
        <v>221009</v>
      </c>
    </row>
    <row r="66374" spans="1:10" x14ac:dyDescent="0.35">
      <c r="A66374" s="1" t="s">
        <v>142831</v>
      </c>
      <c r="B66374" s="1" t="s">
        <v>220803</v>
      </c>
      <c r="C66374" s="1" t="s">
        <v>55</v>
      </c>
      <c r="D66374" s="1" t="s">
        <v>173443</v>
      </c>
      <c r="E66374" s="1" t="s">
        <v>221010</v>
      </c>
      <c r="F66374" s="1" t="s">
        <v>221011</v>
      </c>
      <c r="G66374" s="1" t="s">
        <v>220984</v>
      </c>
      <c r="H66374" s="1" t="s">
        <v>220985</v>
      </c>
      <c r="I66374" s="1" t="s">
        <v>220808</v>
      </c>
      <c r="J66374" s="1" t="s">
        <v>221012</v>
      </c>
    </row>
    <row r="66375" spans="1:10" x14ac:dyDescent="0.35">
      <c r="A66375" s="1" t="s">
        <v>142831</v>
      </c>
      <c r="B66375" s="1" t="s">
        <v>220803</v>
      </c>
      <c r="C66375" s="1" t="s">
        <v>60</v>
      </c>
      <c r="D66375" s="1" t="s">
        <v>10385</v>
      </c>
      <c r="E66375" s="1" t="s">
        <v>221013</v>
      </c>
      <c r="F66375" s="1" t="s">
        <v>221014</v>
      </c>
      <c r="G66375" s="1" t="s">
        <v>220984</v>
      </c>
      <c r="H66375" s="1" t="s">
        <v>220985</v>
      </c>
      <c r="I66375" s="1" t="s">
        <v>220808</v>
      </c>
      <c r="J66375" s="1" t="s">
        <v>221015</v>
      </c>
    </row>
    <row r="66376" spans="1:10" x14ac:dyDescent="0.35">
      <c r="A66376" s="1" t="s">
        <v>142831</v>
      </c>
      <c r="B66376" s="1" t="s">
        <v>220803</v>
      </c>
      <c r="C66376" s="1" t="s">
        <v>65</v>
      </c>
      <c r="D66376" s="1" t="s">
        <v>16061</v>
      </c>
      <c r="E66376" s="1" t="s">
        <v>221016</v>
      </c>
      <c r="F66376" s="1" t="s">
        <v>221017</v>
      </c>
      <c r="G66376" s="1" t="s">
        <v>220984</v>
      </c>
      <c r="H66376" s="1" t="s">
        <v>220985</v>
      </c>
      <c r="I66376" s="1" t="s">
        <v>220808</v>
      </c>
      <c r="J66376" s="1" t="s">
        <v>221018</v>
      </c>
    </row>
    <row r="66377" spans="1:10" x14ac:dyDescent="0.35">
      <c r="A66377" s="1" t="s">
        <v>142831</v>
      </c>
      <c r="B66377" s="1" t="s">
        <v>220803</v>
      </c>
      <c r="C66377" s="1" t="s">
        <v>70</v>
      </c>
      <c r="D66377" s="1" t="s">
        <v>37860</v>
      </c>
      <c r="E66377" s="1" t="s">
        <v>221019</v>
      </c>
      <c r="F66377" s="1" t="s">
        <v>221020</v>
      </c>
      <c r="G66377" s="1" t="s">
        <v>220984</v>
      </c>
      <c r="H66377" s="1" t="s">
        <v>220985</v>
      </c>
      <c r="I66377" s="1" t="s">
        <v>220808</v>
      </c>
      <c r="J66377" s="1" t="s">
        <v>221021</v>
      </c>
    </row>
    <row r="66378" spans="1:10" x14ac:dyDescent="0.35">
      <c r="A66378" s="1" t="s">
        <v>142831</v>
      </c>
      <c r="B66378" s="1" t="s">
        <v>220803</v>
      </c>
      <c r="C66378" s="1" t="s">
        <v>75</v>
      </c>
      <c r="D66378" s="1" t="s">
        <v>16235</v>
      </c>
      <c r="E66378" s="1" t="s">
        <v>221022</v>
      </c>
      <c r="F66378" s="1" t="s">
        <v>221023</v>
      </c>
      <c r="G66378" s="1" t="s">
        <v>220984</v>
      </c>
      <c r="H66378" s="1" t="s">
        <v>220985</v>
      </c>
      <c r="I66378" s="1" t="s">
        <v>220808</v>
      </c>
      <c r="J66378" s="1" t="s">
        <v>221024</v>
      </c>
    </row>
    <row r="66379" spans="1:10" x14ac:dyDescent="0.35">
      <c r="A66379" s="1" t="s">
        <v>142831</v>
      </c>
      <c r="B66379" s="1" t="s">
        <v>220803</v>
      </c>
      <c r="C66379" s="1" t="s">
        <v>80</v>
      </c>
      <c r="D66379" s="1" t="s">
        <v>35865</v>
      </c>
      <c r="E66379" s="1" t="s">
        <v>221025</v>
      </c>
      <c r="F66379" s="1" t="s">
        <v>221026</v>
      </c>
      <c r="G66379" s="1" t="s">
        <v>220984</v>
      </c>
      <c r="H66379" s="1" t="s">
        <v>220985</v>
      </c>
      <c r="I66379" s="1" t="s">
        <v>220808</v>
      </c>
      <c r="J66379" s="1" t="s">
        <v>221027</v>
      </c>
    </row>
    <row r="66380" spans="1:10" x14ac:dyDescent="0.35">
      <c r="A66380" s="1" t="s">
        <v>142831</v>
      </c>
      <c r="B66380" s="1" t="s">
        <v>220803</v>
      </c>
      <c r="C66380" s="1" t="s">
        <v>85</v>
      </c>
      <c r="D66380" s="1" t="s">
        <v>31479</v>
      </c>
      <c r="E66380" s="1" t="s">
        <v>221028</v>
      </c>
      <c r="F66380" s="1" t="s">
        <v>221029</v>
      </c>
      <c r="G66380" s="1" t="s">
        <v>220984</v>
      </c>
      <c r="H66380" s="1" t="s">
        <v>220985</v>
      </c>
      <c r="I66380" s="1" t="s">
        <v>220808</v>
      </c>
      <c r="J66380" s="1" t="s">
        <v>221030</v>
      </c>
    </row>
    <row r="66381" spans="1:10" x14ac:dyDescent="0.35">
      <c r="A66381" s="1" t="s">
        <v>142831</v>
      </c>
      <c r="B66381" s="1" t="s">
        <v>220803</v>
      </c>
      <c r="C66381" s="1" t="s">
        <v>90</v>
      </c>
      <c r="D66381" s="1" t="s">
        <v>73810</v>
      </c>
      <c r="E66381" s="1" t="s">
        <v>221031</v>
      </c>
      <c r="F66381" s="1" t="s">
        <v>221032</v>
      </c>
      <c r="G66381" s="1" t="s">
        <v>220984</v>
      </c>
      <c r="H66381" s="1" t="s">
        <v>220985</v>
      </c>
      <c r="I66381" s="1" t="s">
        <v>220808</v>
      </c>
      <c r="J66381" s="1" t="s">
        <v>221033</v>
      </c>
    </row>
    <row r="66382" spans="1:10" x14ac:dyDescent="0.35">
      <c r="A66382" s="1" t="s">
        <v>142831</v>
      </c>
      <c r="B66382" s="1" t="s">
        <v>220803</v>
      </c>
      <c r="C66382" s="1" t="s">
        <v>95</v>
      </c>
      <c r="D66382" s="1" t="s">
        <v>111</v>
      </c>
      <c r="E66382" s="1" t="s">
        <v>221034</v>
      </c>
      <c r="F66382" s="1" t="s">
        <v>221035</v>
      </c>
      <c r="G66382" s="1" t="s">
        <v>220984</v>
      </c>
      <c r="H66382" s="1" t="s">
        <v>220985</v>
      </c>
      <c r="I66382" s="1" t="s">
        <v>220808</v>
      </c>
      <c r="J66382" s="1" t="s">
        <v>221036</v>
      </c>
    </row>
    <row r="66383" spans="1:10" x14ac:dyDescent="0.35">
      <c r="A66383" s="1" t="s">
        <v>142831</v>
      </c>
      <c r="B66383" s="1" t="s">
        <v>220803</v>
      </c>
      <c r="C66383" s="1" t="s">
        <v>100</v>
      </c>
      <c r="D66383" s="1" t="s">
        <v>149907</v>
      </c>
      <c r="E66383" s="1" t="s">
        <v>221037</v>
      </c>
      <c r="F66383" s="1" t="s">
        <v>221038</v>
      </c>
      <c r="G66383" s="1" t="s">
        <v>220984</v>
      </c>
      <c r="H66383" s="1" t="s">
        <v>220985</v>
      </c>
      <c r="I66383" s="1" t="s">
        <v>220808</v>
      </c>
      <c r="J66383" s="1" t="s">
        <v>221039</v>
      </c>
    </row>
    <row r="66384" spans="1:10" x14ac:dyDescent="0.35">
      <c r="A66384" s="1" t="s">
        <v>142831</v>
      </c>
      <c r="B66384" s="1" t="s">
        <v>220803</v>
      </c>
      <c r="C66384" s="1" t="s">
        <v>105</v>
      </c>
      <c r="D66384" s="1" t="s">
        <v>221040</v>
      </c>
      <c r="E66384" s="1" t="s">
        <v>221041</v>
      </c>
      <c r="F66384" s="1" t="s">
        <v>221042</v>
      </c>
      <c r="G66384" s="1" t="s">
        <v>220984</v>
      </c>
      <c r="H66384" s="1" t="s">
        <v>220985</v>
      </c>
      <c r="I66384" s="1" t="s">
        <v>220808</v>
      </c>
      <c r="J66384" s="1" t="s">
        <v>221043</v>
      </c>
    </row>
    <row r="66385" spans="1:10" x14ac:dyDescent="0.35">
      <c r="A66385" s="1" t="s">
        <v>142831</v>
      </c>
      <c r="B66385" s="1" t="s">
        <v>220803</v>
      </c>
      <c r="C66385" s="1" t="s">
        <v>110</v>
      </c>
      <c r="D66385" s="1" t="s">
        <v>153068</v>
      </c>
      <c r="E66385" s="1" t="s">
        <v>221044</v>
      </c>
      <c r="F66385" s="1" t="s">
        <v>221045</v>
      </c>
      <c r="G66385" s="1" t="s">
        <v>220984</v>
      </c>
      <c r="H66385" s="1" t="s">
        <v>220985</v>
      </c>
      <c r="I66385" s="1" t="s">
        <v>220808</v>
      </c>
      <c r="J66385" s="1" t="s">
        <v>221046</v>
      </c>
    </row>
    <row r="66386" spans="1:10" x14ac:dyDescent="0.35">
      <c r="A66386" s="1" t="s">
        <v>142831</v>
      </c>
      <c r="B66386" s="1" t="s">
        <v>220803</v>
      </c>
      <c r="C66386" s="1" t="s">
        <v>115</v>
      </c>
      <c r="D66386" s="1" t="s">
        <v>42670</v>
      </c>
      <c r="E66386" s="1" t="s">
        <v>221047</v>
      </c>
      <c r="F66386" s="1" t="s">
        <v>221048</v>
      </c>
      <c r="G66386" s="1" t="s">
        <v>220984</v>
      </c>
      <c r="H66386" s="1" t="s">
        <v>220985</v>
      </c>
      <c r="I66386" s="1" t="s">
        <v>220808</v>
      </c>
      <c r="J66386" s="1" t="s">
        <v>221049</v>
      </c>
    </row>
    <row r="66387" spans="1:10" x14ac:dyDescent="0.35">
      <c r="A66387" s="1" t="s">
        <v>142831</v>
      </c>
      <c r="B66387" s="1" t="s">
        <v>220803</v>
      </c>
      <c r="C66387" s="1" t="s">
        <v>120</v>
      </c>
      <c r="D66387" s="1" t="s">
        <v>175769</v>
      </c>
      <c r="E66387" s="1" t="s">
        <v>221050</v>
      </c>
      <c r="F66387" s="1" t="s">
        <v>221051</v>
      </c>
      <c r="G66387" s="1" t="s">
        <v>220984</v>
      </c>
      <c r="H66387" s="1" t="s">
        <v>220985</v>
      </c>
      <c r="I66387" s="1" t="s">
        <v>220808</v>
      </c>
      <c r="J66387" s="1" t="s">
        <v>221052</v>
      </c>
    </row>
    <row r="66388" spans="1:10" x14ac:dyDescent="0.35">
      <c r="A66388" s="1" t="s">
        <v>142831</v>
      </c>
      <c r="B66388" s="1" t="s">
        <v>220803</v>
      </c>
      <c r="C66388" s="1" t="s">
        <v>125</v>
      </c>
      <c r="D66388" s="1" t="s">
        <v>221053</v>
      </c>
      <c r="E66388" s="1" t="s">
        <v>221054</v>
      </c>
      <c r="F66388" s="1" t="s">
        <v>221055</v>
      </c>
      <c r="G66388" s="1" t="s">
        <v>220984</v>
      </c>
      <c r="H66388" s="1" t="s">
        <v>220985</v>
      </c>
      <c r="I66388" s="1" t="s">
        <v>220808</v>
      </c>
      <c r="J66388" s="1" t="s">
        <v>221056</v>
      </c>
    </row>
    <row r="66389" spans="1:10" x14ac:dyDescent="0.35">
      <c r="A66389" s="1" t="s">
        <v>142831</v>
      </c>
      <c r="B66389" s="1" t="s">
        <v>220803</v>
      </c>
      <c r="C66389" s="1" t="s">
        <v>130</v>
      </c>
      <c r="D66389" s="1" t="s">
        <v>155378</v>
      </c>
      <c r="E66389" s="1" t="s">
        <v>221057</v>
      </c>
      <c r="F66389" s="1" t="s">
        <v>221058</v>
      </c>
      <c r="G66389" s="1" t="s">
        <v>220984</v>
      </c>
      <c r="H66389" s="1" t="s">
        <v>220985</v>
      </c>
      <c r="I66389" s="1" t="s">
        <v>220808</v>
      </c>
      <c r="J66389" s="1" t="s">
        <v>221059</v>
      </c>
    </row>
    <row r="66390" spans="1:10" x14ac:dyDescent="0.35">
      <c r="A66390" s="1" t="s">
        <v>142831</v>
      </c>
      <c r="B66390" s="1" t="s">
        <v>220803</v>
      </c>
      <c r="C66390" s="1" t="s">
        <v>135</v>
      </c>
      <c r="D66390" s="1" t="s">
        <v>194241</v>
      </c>
      <c r="E66390" s="1" t="s">
        <v>221060</v>
      </c>
      <c r="F66390" s="1" t="s">
        <v>221061</v>
      </c>
      <c r="G66390" s="1" t="s">
        <v>220984</v>
      </c>
      <c r="H66390" s="1" t="s">
        <v>220985</v>
      </c>
      <c r="I66390" s="1" t="s">
        <v>220808</v>
      </c>
      <c r="J66390" s="1" t="s">
        <v>221062</v>
      </c>
    </row>
    <row r="66391" spans="1:10" x14ac:dyDescent="0.35">
      <c r="A66391" s="1" t="s">
        <v>142831</v>
      </c>
      <c r="B66391" s="1" t="s">
        <v>220803</v>
      </c>
      <c r="C66391" s="1" t="s">
        <v>140</v>
      </c>
      <c r="D66391" s="1" t="s">
        <v>18701</v>
      </c>
      <c r="E66391" s="1" t="s">
        <v>221063</v>
      </c>
      <c r="F66391" s="1" t="s">
        <v>221064</v>
      </c>
      <c r="G66391" s="1" t="s">
        <v>220984</v>
      </c>
      <c r="H66391" s="1" t="s">
        <v>220985</v>
      </c>
      <c r="I66391" s="1" t="s">
        <v>220808</v>
      </c>
      <c r="J66391" s="1" t="s">
        <v>221065</v>
      </c>
    </row>
    <row r="66392" spans="1:10" x14ac:dyDescent="0.35">
      <c r="A66392" s="1" t="s">
        <v>142831</v>
      </c>
      <c r="B66392" s="1" t="s">
        <v>220803</v>
      </c>
      <c r="C66392" s="1" t="s">
        <v>145</v>
      </c>
      <c r="D66392" s="1" t="s">
        <v>221066</v>
      </c>
      <c r="E66392" s="1" t="s">
        <v>221067</v>
      </c>
      <c r="F66392" s="1" t="s">
        <v>221068</v>
      </c>
      <c r="G66392" s="1" t="s">
        <v>220984</v>
      </c>
      <c r="H66392" s="1" t="s">
        <v>220985</v>
      </c>
      <c r="I66392" s="1" t="s">
        <v>220808</v>
      </c>
      <c r="J66392" s="1" t="s">
        <v>221069</v>
      </c>
    </row>
    <row r="66393" spans="1:10" x14ac:dyDescent="0.35">
      <c r="A66393" s="1" t="s">
        <v>142831</v>
      </c>
      <c r="B66393" s="1" t="s">
        <v>220803</v>
      </c>
      <c r="C66393" s="1" t="s">
        <v>150</v>
      </c>
      <c r="D66393" s="1" t="s">
        <v>221070</v>
      </c>
      <c r="E66393" s="1" t="s">
        <v>221071</v>
      </c>
      <c r="F66393" s="1" t="s">
        <v>221072</v>
      </c>
      <c r="G66393" s="1" t="s">
        <v>220984</v>
      </c>
      <c r="H66393" s="1" t="s">
        <v>220985</v>
      </c>
      <c r="I66393" s="1" t="s">
        <v>220808</v>
      </c>
      <c r="J66393" s="1" t="s">
        <v>221073</v>
      </c>
    </row>
    <row r="66394" spans="1:10" x14ac:dyDescent="0.35">
      <c r="A66394" s="1" t="s">
        <v>142831</v>
      </c>
      <c r="B66394" s="1" t="s">
        <v>220803</v>
      </c>
      <c r="C66394" s="1" t="s">
        <v>155</v>
      </c>
      <c r="D66394" s="1" t="s">
        <v>37000</v>
      </c>
      <c r="E66394" s="1" t="s">
        <v>221074</v>
      </c>
      <c r="F66394" s="1" t="s">
        <v>221075</v>
      </c>
      <c r="G66394" s="1" t="s">
        <v>220984</v>
      </c>
      <c r="H66394" s="1" t="s">
        <v>220985</v>
      </c>
      <c r="I66394" s="1" t="s">
        <v>220808</v>
      </c>
      <c r="J66394" s="1" t="s">
        <v>221076</v>
      </c>
    </row>
    <row r="66395" spans="1:10" x14ac:dyDescent="0.35">
      <c r="A66395" s="1" t="s">
        <v>142831</v>
      </c>
      <c r="B66395" s="1" t="s">
        <v>220803</v>
      </c>
      <c r="C66395" s="1" t="s">
        <v>160</v>
      </c>
      <c r="D66395" s="1" t="s">
        <v>33087</v>
      </c>
      <c r="E66395" s="1" t="s">
        <v>221077</v>
      </c>
      <c r="F66395" s="1" t="s">
        <v>221078</v>
      </c>
      <c r="G66395" s="1" t="s">
        <v>220984</v>
      </c>
      <c r="H66395" s="1" t="s">
        <v>220985</v>
      </c>
      <c r="I66395" s="1" t="s">
        <v>220808</v>
      </c>
      <c r="J66395" s="1" t="s">
        <v>221079</v>
      </c>
    </row>
    <row r="66396" spans="1:10" x14ac:dyDescent="0.35">
      <c r="A66396" s="1" t="s">
        <v>142831</v>
      </c>
      <c r="B66396" s="1" t="s">
        <v>220803</v>
      </c>
      <c r="C66396" s="1" t="s">
        <v>165</v>
      </c>
      <c r="D66396" s="1" t="s">
        <v>83688</v>
      </c>
      <c r="E66396" s="1" t="s">
        <v>221080</v>
      </c>
      <c r="F66396" s="1" t="s">
        <v>221081</v>
      </c>
      <c r="G66396" s="1" t="s">
        <v>220984</v>
      </c>
      <c r="H66396" s="1" t="s">
        <v>220985</v>
      </c>
      <c r="I66396" s="1" t="s">
        <v>220808</v>
      </c>
      <c r="J66396" s="1" t="s">
        <v>221082</v>
      </c>
    </row>
    <row r="66397" spans="1:10" x14ac:dyDescent="0.35">
      <c r="A66397" s="1" t="s">
        <v>142831</v>
      </c>
      <c r="B66397" s="1" t="s">
        <v>220803</v>
      </c>
      <c r="C66397" s="1" t="s">
        <v>170</v>
      </c>
      <c r="D66397" s="1" t="s">
        <v>221083</v>
      </c>
      <c r="E66397" s="1" t="s">
        <v>221084</v>
      </c>
      <c r="F66397" s="1" t="s">
        <v>221085</v>
      </c>
      <c r="G66397" s="1" t="s">
        <v>220984</v>
      </c>
      <c r="H66397" s="1" t="s">
        <v>220985</v>
      </c>
      <c r="I66397" s="1" t="s">
        <v>220808</v>
      </c>
      <c r="J66397" s="1" t="s">
        <v>221086</v>
      </c>
    </row>
    <row r="66398" spans="1:10" x14ac:dyDescent="0.35">
      <c r="A66398" s="1" t="s">
        <v>122011</v>
      </c>
      <c r="B66398" s="1" t="s">
        <v>220803</v>
      </c>
      <c r="C66398" s="1" t="s">
        <v>8</v>
      </c>
      <c r="D66398" s="1" t="s">
        <v>221087</v>
      </c>
      <c r="E66398" s="1" t="s">
        <v>221088</v>
      </c>
      <c r="F66398" s="1" t="s">
        <v>221089</v>
      </c>
      <c r="G66398" s="1" t="s">
        <v>221090</v>
      </c>
      <c r="H66398" s="1" t="s">
        <v>221091</v>
      </c>
      <c r="I66398" s="1" t="s">
        <v>220808</v>
      </c>
      <c r="J66398" s="1" t="s">
        <v>13</v>
      </c>
    </row>
    <row r="66399" spans="1:10" x14ac:dyDescent="0.35">
      <c r="A66399" s="1" t="s">
        <v>122011</v>
      </c>
      <c r="B66399" s="1" t="s">
        <v>220803</v>
      </c>
      <c r="C66399" s="1" t="s">
        <v>15</v>
      </c>
      <c r="D66399" s="1" t="s">
        <v>30905</v>
      </c>
      <c r="E66399" s="1" t="s">
        <v>221092</v>
      </c>
      <c r="F66399" s="1" t="s">
        <v>221093</v>
      </c>
      <c r="G66399" s="1" t="s">
        <v>221090</v>
      </c>
      <c r="H66399" s="1" t="s">
        <v>221091</v>
      </c>
      <c r="I66399" s="1" t="s">
        <v>220808</v>
      </c>
      <c r="J66399" s="1" t="s">
        <v>221094</v>
      </c>
    </row>
    <row r="66400" spans="1:10" x14ac:dyDescent="0.35">
      <c r="A66400" s="1" t="s">
        <v>122011</v>
      </c>
      <c r="B66400" s="1" t="s">
        <v>220803</v>
      </c>
      <c r="C66400" s="1" t="s">
        <v>20</v>
      </c>
      <c r="D66400" s="1" t="s">
        <v>135068</v>
      </c>
      <c r="E66400" s="1" t="s">
        <v>221095</v>
      </c>
      <c r="F66400" s="1" t="s">
        <v>221096</v>
      </c>
      <c r="G66400" s="1" t="s">
        <v>221090</v>
      </c>
      <c r="H66400" s="1" t="s">
        <v>221091</v>
      </c>
      <c r="I66400" s="1" t="s">
        <v>220808</v>
      </c>
      <c r="J66400" s="1" t="s">
        <v>221097</v>
      </c>
    </row>
    <row r="66401" spans="1:10" x14ac:dyDescent="0.35">
      <c r="A66401" s="1" t="s">
        <v>122011</v>
      </c>
      <c r="B66401" s="1" t="s">
        <v>220803</v>
      </c>
      <c r="C66401" s="1" t="s">
        <v>25</v>
      </c>
      <c r="D66401" s="1" t="s">
        <v>203171</v>
      </c>
      <c r="E66401" s="1" t="s">
        <v>221098</v>
      </c>
      <c r="F66401" s="1" t="s">
        <v>221099</v>
      </c>
      <c r="G66401" s="1" t="s">
        <v>221090</v>
      </c>
      <c r="H66401" s="1" t="s">
        <v>221091</v>
      </c>
      <c r="I66401" s="1" t="s">
        <v>220808</v>
      </c>
      <c r="J66401" s="1" t="s">
        <v>221100</v>
      </c>
    </row>
    <row r="66402" spans="1:10" x14ac:dyDescent="0.35">
      <c r="A66402" s="1" t="s">
        <v>122011</v>
      </c>
      <c r="B66402" s="1" t="s">
        <v>220803</v>
      </c>
      <c r="C66402" s="1" t="s">
        <v>30</v>
      </c>
      <c r="D66402" s="1" t="s">
        <v>17617</v>
      </c>
      <c r="E66402" s="1" t="s">
        <v>221101</v>
      </c>
      <c r="F66402" s="1" t="s">
        <v>221102</v>
      </c>
      <c r="G66402" s="1" t="s">
        <v>221090</v>
      </c>
      <c r="H66402" s="1" t="s">
        <v>221091</v>
      </c>
      <c r="I66402" s="1" t="s">
        <v>220808</v>
      </c>
      <c r="J66402" s="1" t="s">
        <v>221103</v>
      </c>
    </row>
    <row r="66403" spans="1:10" x14ac:dyDescent="0.35">
      <c r="A66403" s="1" t="s">
        <v>122011</v>
      </c>
      <c r="B66403" s="1" t="s">
        <v>220803</v>
      </c>
      <c r="C66403" s="1" t="s">
        <v>35</v>
      </c>
      <c r="D66403" s="1" t="s">
        <v>82213</v>
      </c>
      <c r="E66403" s="1" t="s">
        <v>221104</v>
      </c>
      <c r="F66403" s="1" t="s">
        <v>221105</v>
      </c>
      <c r="G66403" s="1" t="s">
        <v>221090</v>
      </c>
      <c r="H66403" s="1" t="s">
        <v>221091</v>
      </c>
      <c r="I66403" s="1" t="s">
        <v>220808</v>
      </c>
      <c r="J66403" s="1" t="s">
        <v>221106</v>
      </c>
    </row>
    <row r="66404" spans="1:10" x14ac:dyDescent="0.35">
      <c r="A66404" s="1" t="s">
        <v>122011</v>
      </c>
      <c r="B66404" s="1" t="s">
        <v>220803</v>
      </c>
      <c r="C66404" s="1" t="s">
        <v>40</v>
      </c>
      <c r="D66404" s="1" t="s">
        <v>9055</v>
      </c>
      <c r="E66404" s="1" t="s">
        <v>221107</v>
      </c>
      <c r="F66404" s="1" t="s">
        <v>221108</v>
      </c>
      <c r="G66404" s="1" t="s">
        <v>221090</v>
      </c>
      <c r="H66404" s="1" t="s">
        <v>221091</v>
      </c>
      <c r="I66404" s="1" t="s">
        <v>220808</v>
      </c>
      <c r="J66404" s="1" t="s">
        <v>221109</v>
      </c>
    </row>
    <row r="66405" spans="1:10" x14ac:dyDescent="0.35">
      <c r="A66405" s="1" t="s">
        <v>122011</v>
      </c>
      <c r="B66405" s="1" t="s">
        <v>220803</v>
      </c>
      <c r="C66405" s="1" t="s">
        <v>45</v>
      </c>
      <c r="D66405" s="1" t="s">
        <v>42408</v>
      </c>
      <c r="E66405" s="1" t="s">
        <v>221110</v>
      </c>
      <c r="F66405" s="1" t="s">
        <v>221111</v>
      </c>
      <c r="G66405" s="1" t="s">
        <v>221090</v>
      </c>
      <c r="H66405" s="1" t="s">
        <v>221091</v>
      </c>
      <c r="I66405" s="1" t="s">
        <v>220808</v>
      </c>
      <c r="J66405" s="1" t="s">
        <v>221112</v>
      </c>
    </row>
    <row r="66406" spans="1:10" x14ac:dyDescent="0.35">
      <c r="A66406" s="1" t="s">
        <v>122011</v>
      </c>
      <c r="B66406" s="1" t="s">
        <v>220803</v>
      </c>
      <c r="C66406" s="1" t="s">
        <v>50</v>
      </c>
      <c r="D66406" s="1" t="s">
        <v>126172</v>
      </c>
      <c r="E66406" s="1" t="s">
        <v>221113</v>
      </c>
      <c r="F66406" s="1" t="s">
        <v>221114</v>
      </c>
      <c r="G66406" s="1" t="s">
        <v>221090</v>
      </c>
      <c r="H66406" s="1" t="s">
        <v>221091</v>
      </c>
      <c r="I66406" s="1" t="s">
        <v>220808</v>
      </c>
      <c r="J66406" s="1" t="s">
        <v>221115</v>
      </c>
    </row>
    <row r="66407" spans="1:10" x14ac:dyDescent="0.35">
      <c r="A66407" s="1" t="s">
        <v>122011</v>
      </c>
      <c r="B66407" s="1" t="s">
        <v>220803</v>
      </c>
      <c r="C66407" s="1" t="s">
        <v>55</v>
      </c>
      <c r="D66407" s="1" t="s">
        <v>221116</v>
      </c>
      <c r="E66407" s="1" t="s">
        <v>221117</v>
      </c>
      <c r="F66407" s="1" t="s">
        <v>221118</v>
      </c>
      <c r="G66407" s="1" t="s">
        <v>221090</v>
      </c>
      <c r="H66407" s="1" t="s">
        <v>221091</v>
      </c>
      <c r="I66407" s="1" t="s">
        <v>220808</v>
      </c>
      <c r="J66407" s="1" t="s">
        <v>221119</v>
      </c>
    </row>
    <row r="66408" spans="1:10" x14ac:dyDescent="0.35">
      <c r="A66408" s="1" t="s">
        <v>122011</v>
      </c>
      <c r="B66408" s="1" t="s">
        <v>220803</v>
      </c>
      <c r="C66408" s="1" t="s">
        <v>60</v>
      </c>
      <c r="D66408" s="1" t="s">
        <v>155270</v>
      </c>
      <c r="E66408" s="1" t="s">
        <v>221120</v>
      </c>
      <c r="F66408" s="1" t="s">
        <v>221121</v>
      </c>
      <c r="G66408" s="1" t="s">
        <v>221090</v>
      </c>
      <c r="H66408" s="1" t="s">
        <v>221091</v>
      </c>
      <c r="I66408" s="1" t="s">
        <v>220808</v>
      </c>
      <c r="J66408" s="1" t="s">
        <v>221122</v>
      </c>
    </row>
    <row r="66409" spans="1:10" x14ac:dyDescent="0.35">
      <c r="A66409" s="1" t="s">
        <v>122011</v>
      </c>
      <c r="B66409" s="1" t="s">
        <v>220803</v>
      </c>
      <c r="C66409" s="1" t="s">
        <v>65</v>
      </c>
      <c r="D66409" s="1" t="s">
        <v>221123</v>
      </c>
      <c r="E66409" s="1" t="s">
        <v>221124</v>
      </c>
      <c r="F66409" s="1" t="s">
        <v>221125</v>
      </c>
      <c r="G66409" s="1" t="s">
        <v>221090</v>
      </c>
      <c r="H66409" s="1" t="s">
        <v>221091</v>
      </c>
      <c r="I66409" s="1" t="s">
        <v>220808</v>
      </c>
      <c r="J66409" s="1" t="s">
        <v>221126</v>
      </c>
    </row>
    <row r="66410" spans="1:10" x14ac:dyDescent="0.35">
      <c r="A66410" s="1" t="s">
        <v>122011</v>
      </c>
      <c r="B66410" s="1" t="s">
        <v>220803</v>
      </c>
      <c r="C66410" s="1" t="s">
        <v>70</v>
      </c>
      <c r="D66410" s="1" t="s">
        <v>174337</v>
      </c>
      <c r="E66410" s="1" t="s">
        <v>221127</v>
      </c>
      <c r="F66410" s="1" t="s">
        <v>221128</v>
      </c>
      <c r="G66410" s="1" t="s">
        <v>221090</v>
      </c>
      <c r="H66410" s="1" t="s">
        <v>221091</v>
      </c>
      <c r="I66410" s="1" t="s">
        <v>220808</v>
      </c>
      <c r="J66410" s="1" t="s">
        <v>221129</v>
      </c>
    </row>
    <row r="66411" spans="1:10" x14ac:dyDescent="0.35">
      <c r="A66411" s="1" t="s">
        <v>122011</v>
      </c>
      <c r="B66411" s="1" t="s">
        <v>220803</v>
      </c>
      <c r="C66411" s="1" t="s">
        <v>75</v>
      </c>
      <c r="D66411" s="1" t="s">
        <v>46403</v>
      </c>
      <c r="E66411" s="1" t="s">
        <v>221130</v>
      </c>
      <c r="F66411" s="1" t="s">
        <v>221131</v>
      </c>
      <c r="G66411" s="1" t="s">
        <v>221090</v>
      </c>
      <c r="H66411" s="1" t="s">
        <v>221091</v>
      </c>
      <c r="I66411" s="1" t="s">
        <v>220808</v>
      </c>
      <c r="J66411" s="1" t="s">
        <v>221132</v>
      </c>
    </row>
    <row r="66412" spans="1:10" x14ac:dyDescent="0.35">
      <c r="A66412" s="1" t="s">
        <v>122011</v>
      </c>
      <c r="B66412" s="1" t="s">
        <v>220803</v>
      </c>
      <c r="C66412" s="1" t="s">
        <v>80</v>
      </c>
      <c r="D66412" s="1" t="s">
        <v>221133</v>
      </c>
      <c r="E66412" s="1" t="s">
        <v>221134</v>
      </c>
      <c r="F66412" s="1" t="s">
        <v>221135</v>
      </c>
      <c r="G66412" s="1" t="s">
        <v>221090</v>
      </c>
      <c r="H66412" s="1" t="s">
        <v>221091</v>
      </c>
      <c r="I66412" s="1" t="s">
        <v>220808</v>
      </c>
      <c r="J66412" s="1" t="s">
        <v>221136</v>
      </c>
    </row>
    <row r="66413" spans="1:10" x14ac:dyDescent="0.35">
      <c r="A66413" s="1" t="s">
        <v>122011</v>
      </c>
      <c r="B66413" s="1" t="s">
        <v>220803</v>
      </c>
      <c r="C66413" s="1" t="s">
        <v>85</v>
      </c>
      <c r="D66413" s="1" t="s">
        <v>173712</v>
      </c>
      <c r="E66413" s="1" t="s">
        <v>221137</v>
      </c>
      <c r="F66413" s="1" t="s">
        <v>221138</v>
      </c>
      <c r="G66413" s="1" t="s">
        <v>221090</v>
      </c>
      <c r="H66413" s="1" t="s">
        <v>221091</v>
      </c>
      <c r="I66413" s="1" t="s">
        <v>220808</v>
      </c>
      <c r="J66413" s="1" t="s">
        <v>221139</v>
      </c>
    </row>
    <row r="66414" spans="1:10" x14ac:dyDescent="0.35">
      <c r="A66414" s="1" t="s">
        <v>122011</v>
      </c>
      <c r="B66414" s="1" t="s">
        <v>220803</v>
      </c>
      <c r="C66414" s="1" t="s">
        <v>90</v>
      </c>
      <c r="D66414" s="1" t="s">
        <v>198238</v>
      </c>
      <c r="E66414" s="1" t="s">
        <v>221140</v>
      </c>
      <c r="F66414" s="1" t="s">
        <v>221141</v>
      </c>
      <c r="G66414" s="1" t="s">
        <v>221090</v>
      </c>
      <c r="H66414" s="1" t="s">
        <v>221091</v>
      </c>
      <c r="I66414" s="1" t="s">
        <v>220808</v>
      </c>
      <c r="J66414" s="1" t="s">
        <v>221142</v>
      </c>
    </row>
    <row r="66415" spans="1:10" x14ac:dyDescent="0.35">
      <c r="A66415" s="1" t="s">
        <v>122011</v>
      </c>
      <c r="B66415" s="1" t="s">
        <v>220803</v>
      </c>
      <c r="C66415" s="1" t="s">
        <v>95</v>
      </c>
      <c r="D66415" s="1" t="s">
        <v>19211</v>
      </c>
      <c r="E66415" s="1" t="s">
        <v>221143</v>
      </c>
      <c r="F66415" s="1" t="s">
        <v>221144</v>
      </c>
      <c r="G66415" s="1" t="s">
        <v>221090</v>
      </c>
      <c r="H66415" s="1" t="s">
        <v>221091</v>
      </c>
      <c r="I66415" s="1" t="s">
        <v>220808</v>
      </c>
      <c r="J66415" s="1" t="s">
        <v>221145</v>
      </c>
    </row>
    <row r="66416" spans="1:10" x14ac:dyDescent="0.35">
      <c r="A66416" s="1" t="s">
        <v>122011</v>
      </c>
      <c r="B66416" s="1" t="s">
        <v>220803</v>
      </c>
      <c r="C66416" s="1" t="s">
        <v>100</v>
      </c>
      <c r="D66416" s="1" t="s">
        <v>114515</v>
      </c>
      <c r="E66416" s="1" t="s">
        <v>221146</v>
      </c>
      <c r="F66416" s="1" t="s">
        <v>221147</v>
      </c>
      <c r="G66416" s="1" t="s">
        <v>221090</v>
      </c>
      <c r="H66416" s="1" t="s">
        <v>221091</v>
      </c>
      <c r="I66416" s="1" t="s">
        <v>220808</v>
      </c>
      <c r="J66416" s="1" t="s">
        <v>221148</v>
      </c>
    </row>
    <row r="66417" spans="1:10" x14ac:dyDescent="0.35">
      <c r="A66417" s="1" t="s">
        <v>122011</v>
      </c>
      <c r="B66417" s="1" t="s">
        <v>220803</v>
      </c>
      <c r="C66417" s="1" t="s">
        <v>105</v>
      </c>
      <c r="D66417" s="1" t="s">
        <v>98377</v>
      </c>
      <c r="E66417" s="1" t="s">
        <v>221149</v>
      </c>
      <c r="F66417" s="1" t="s">
        <v>221150</v>
      </c>
      <c r="G66417" s="1" t="s">
        <v>221090</v>
      </c>
      <c r="H66417" s="1" t="s">
        <v>221091</v>
      </c>
      <c r="I66417" s="1" t="s">
        <v>220808</v>
      </c>
      <c r="J66417" s="1" t="s">
        <v>221151</v>
      </c>
    </row>
    <row r="66418" spans="1:10" x14ac:dyDescent="0.35">
      <c r="A66418" s="1" t="s">
        <v>122011</v>
      </c>
      <c r="B66418" s="1" t="s">
        <v>220803</v>
      </c>
      <c r="C66418" s="1" t="s">
        <v>110</v>
      </c>
      <c r="D66418" s="1" t="s">
        <v>174126</v>
      </c>
      <c r="E66418" s="1" t="s">
        <v>221152</v>
      </c>
      <c r="F66418" s="1" t="s">
        <v>221153</v>
      </c>
      <c r="G66418" s="1" t="s">
        <v>221090</v>
      </c>
      <c r="H66418" s="1" t="s">
        <v>221091</v>
      </c>
      <c r="I66418" s="1" t="s">
        <v>220808</v>
      </c>
      <c r="J66418" s="1" t="s">
        <v>221154</v>
      </c>
    </row>
    <row r="66419" spans="1:10" x14ac:dyDescent="0.35">
      <c r="A66419" s="1" t="s">
        <v>122011</v>
      </c>
      <c r="B66419" s="1" t="s">
        <v>220803</v>
      </c>
      <c r="C66419" s="1" t="s">
        <v>115</v>
      </c>
      <c r="D66419" s="1" t="s">
        <v>221155</v>
      </c>
      <c r="E66419" s="1" t="s">
        <v>221156</v>
      </c>
      <c r="F66419" s="1" t="s">
        <v>221157</v>
      </c>
      <c r="G66419" s="1" t="s">
        <v>221090</v>
      </c>
      <c r="H66419" s="1" t="s">
        <v>221091</v>
      </c>
      <c r="I66419" s="1" t="s">
        <v>220808</v>
      </c>
      <c r="J66419" s="1" t="s">
        <v>221158</v>
      </c>
    </row>
    <row r="66420" spans="1:10" x14ac:dyDescent="0.35">
      <c r="A66420" s="1" t="s">
        <v>122011</v>
      </c>
      <c r="B66420" s="1" t="s">
        <v>220803</v>
      </c>
      <c r="C66420" s="1" t="s">
        <v>120</v>
      </c>
      <c r="D66420" s="1" t="s">
        <v>221159</v>
      </c>
      <c r="E66420" s="1" t="s">
        <v>221160</v>
      </c>
      <c r="F66420" s="1" t="s">
        <v>221161</v>
      </c>
      <c r="G66420" s="1" t="s">
        <v>221090</v>
      </c>
      <c r="H66420" s="1" t="s">
        <v>221091</v>
      </c>
      <c r="I66420" s="1" t="s">
        <v>220808</v>
      </c>
      <c r="J66420" s="1" t="s">
        <v>221162</v>
      </c>
    </row>
    <row r="66421" spans="1:10" x14ac:dyDescent="0.35">
      <c r="A66421" s="1" t="s">
        <v>122011</v>
      </c>
      <c r="B66421" s="1" t="s">
        <v>220803</v>
      </c>
      <c r="C66421" s="1" t="s">
        <v>125</v>
      </c>
      <c r="D66421" s="1" t="s">
        <v>190189</v>
      </c>
      <c r="E66421" s="1" t="s">
        <v>221163</v>
      </c>
      <c r="F66421" s="1" t="s">
        <v>221164</v>
      </c>
      <c r="G66421" s="1" t="s">
        <v>221090</v>
      </c>
      <c r="H66421" s="1" t="s">
        <v>221091</v>
      </c>
      <c r="I66421" s="1" t="s">
        <v>220808</v>
      </c>
      <c r="J66421" s="1" t="s">
        <v>221165</v>
      </c>
    </row>
    <row r="66422" spans="1:10" x14ac:dyDescent="0.35">
      <c r="A66422" s="1" t="s">
        <v>122011</v>
      </c>
      <c r="B66422" s="1" t="s">
        <v>220803</v>
      </c>
      <c r="C66422" s="1" t="s">
        <v>130</v>
      </c>
      <c r="D66422" s="1" t="s">
        <v>221166</v>
      </c>
      <c r="E66422" s="1" t="s">
        <v>221167</v>
      </c>
      <c r="F66422" s="1" t="s">
        <v>221168</v>
      </c>
      <c r="G66422" s="1" t="s">
        <v>221090</v>
      </c>
      <c r="H66422" s="1" t="s">
        <v>221091</v>
      </c>
      <c r="I66422" s="1" t="s">
        <v>220808</v>
      </c>
      <c r="J66422" s="1" t="s">
        <v>221169</v>
      </c>
    </row>
    <row r="66423" spans="1:10" x14ac:dyDescent="0.35">
      <c r="A66423" s="1" t="s">
        <v>122011</v>
      </c>
      <c r="B66423" s="1" t="s">
        <v>220803</v>
      </c>
      <c r="C66423" s="1" t="s">
        <v>135</v>
      </c>
      <c r="D66423" s="1" t="s">
        <v>221170</v>
      </c>
      <c r="E66423" s="1" t="s">
        <v>221171</v>
      </c>
      <c r="F66423" s="1" t="s">
        <v>221172</v>
      </c>
      <c r="G66423" s="1" t="s">
        <v>221090</v>
      </c>
      <c r="H66423" s="1" t="s">
        <v>221091</v>
      </c>
      <c r="I66423" s="1" t="s">
        <v>220808</v>
      </c>
      <c r="J66423" s="1" t="s">
        <v>221173</v>
      </c>
    </row>
    <row r="66424" spans="1:10" x14ac:dyDescent="0.35">
      <c r="A66424" s="1" t="s">
        <v>122011</v>
      </c>
      <c r="B66424" s="1" t="s">
        <v>220803</v>
      </c>
      <c r="C66424" s="1" t="s">
        <v>140</v>
      </c>
      <c r="D66424" s="1" t="s">
        <v>138093</v>
      </c>
      <c r="E66424" s="1" t="s">
        <v>221174</v>
      </c>
      <c r="F66424" s="1" t="s">
        <v>221175</v>
      </c>
      <c r="G66424" s="1" t="s">
        <v>221090</v>
      </c>
      <c r="H66424" s="1" t="s">
        <v>221091</v>
      </c>
      <c r="I66424" s="1" t="s">
        <v>220808</v>
      </c>
      <c r="J66424" s="1" t="s">
        <v>221176</v>
      </c>
    </row>
    <row r="66425" spans="1:10" x14ac:dyDescent="0.35">
      <c r="A66425" s="1" t="s">
        <v>122011</v>
      </c>
      <c r="B66425" s="1" t="s">
        <v>220803</v>
      </c>
      <c r="C66425" s="1" t="s">
        <v>145</v>
      </c>
      <c r="D66425" s="1" t="s">
        <v>221177</v>
      </c>
      <c r="E66425" s="1" t="s">
        <v>221178</v>
      </c>
      <c r="F66425" s="1" t="s">
        <v>221179</v>
      </c>
      <c r="G66425" s="1" t="s">
        <v>221090</v>
      </c>
      <c r="H66425" s="1" t="s">
        <v>221091</v>
      </c>
      <c r="I66425" s="1" t="s">
        <v>220808</v>
      </c>
      <c r="J66425" s="1" t="s">
        <v>221180</v>
      </c>
    </row>
    <row r="66426" spans="1:10" x14ac:dyDescent="0.35">
      <c r="A66426" s="1" t="s">
        <v>122011</v>
      </c>
      <c r="B66426" s="1" t="s">
        <v>220803</v>
      </c>
      <c r="C66426" s="1" t="s">
        <v>150</v>
      </c>
      <c r="D66426" s="1" t="s">
        <v>98774</v>
      </c>
      <c r="E66426" s="1" t="s">
        <v>221181</v>
      </c>
      <c r="F66426" s="1" t="s">
        <v>221182</v>
      </c>
      <c r="G66426" s="1" t="s">
        <v>221090</v>
      </c>
      <c r="H66426" s="1" t="s">
        <v>221091</v>
      </c>
      <c r="I66426" s="1" t="s">
        <v>220808</v>
      </c>
      <c r="J66426" s="1" t="s">
        <v>221183</v>
      </c>
    </row>
    <row r="66427" spans="1:10" x14ac:dyDescent="0.35">
      <c r="A66427" s="1" t="s">
        <v>122011</v>
      </c>
      <c r="B66427" s="1" t="s">
        <v>220803</v>
      </c>
      <c r="C66427" s="1" t="s">
        <v>155</v>
      </c>
      <c r="D66427" s="1" t="s">
        <v>23460</v>
      </c>
      <c r="E66427" s="1" t="s">
        <v>221184</v>
      </c>
      <c r="F66427" s="1" t="s">
        <v>221185</v>
      </c>
      <c r="G66427" s="1" t="s">
        <v>221090</v>
      </c>
      <c r="H66427" s="1" t="s">
        <v>221091</v>
      </c>
      <c r="I66427" s="1" t="s">
        <v>220808</v>
      </c>
      <c r="J66427" s="1" t="s">
        <v>221186</v>
      </c>
    </row>
    <row r="66428" spans="1:10" x14ac:dyDescent="0.35">
      <c r="A66428" s="1" t="s">
        <v>122011</v>
      </c>
      <c r="B66428" s="1" t="s">
        <v>220803</v>
      </c>
      <c r="C66428" s="1" t="s">
        <v>160</v>
      </c>
      <c r="D66428" s="1" t="s">
        <v>152260</v>
      </c>
      <c r="E66428" s="1" t="s">
        <v>221187</v>
      </c>
      <c r="F66428" s="1" t="s">
        <v>221188</v>
      </c>
      <c r="G66428" s="1" t="s">
        <v>221090</v>
      </c>
      <c r="H66428" s="1" t="s">
        <v>221091</v>
      </c>
      <c r="I66428" s="1" t="s">
        <v>220808</v>
      </c>
      <c r="J66428" s="1" t="s">
        <v>221189</v>
      </c>
    </row>
    <row r="66429" spans="1:10" x14ac:dyDescent="0.35">
      <c r="A66429" s="1" t="s">
        <v>122011</v>
      </c>
      <c r="B66429" s="1" t="s">
        <v>220803</v>
      </c>
      <c r="C66429" s="1" t="s">
        <v>165</v>
      </c>
      <c r="D66429" s="1" t="s">
        <v>62954</v>
      </c>
      <c r="E66429" s="1" t="s">
        <v>221190</v>
      </c>
      <c r="F66429" s="1" t="s">
        <v>221191</v>
      </c>
      <c r="G66429" s="1" t="s">
        <v>221090</v>
      </c>
      <c r="H66429" s="1" t="s">
        <v>221091</v>
      </c>
      <c r="I66429" s="1" t="s">
        <v>220808</v>
      </c>
      <c r="J66429" s="1" t="s">
        <v>221192</v>
      </c>
    </row>
    <row r="66430" spans="1:10" x14ac:dyDescent="0.35">
      <c r="A66430" s="1" t="s">
        <v>122011</v>
      </c>
      <c r="B66430" s="1" t="s">
        <v>220803</v>
      </c>
      <c r="C66430" s="1" t="s">
        <v>170</v>
      </c>
      <c r="D66430" s="1" t="s">
        <v>221193</v>
      </c>
      <c r="E66430" s="1" t="s">
        <v>221194</v>
      </c>
      <c r="F66430" s="1" t="s">
        <v>221195</v>
      </c>
      <c r="G66430" s="1" t="s">
        <v>221090</v>
      </c>
      <c r="H66430" s="1" t="s">
        <v>221091</v>
      </c>
      <c r="I66430" s="1" t="s">
        <v>220808</v>
      </c>
      <c r="J66430" s="1" t="s">
        <v>221196</v>
      </c>
    </row>
    <row r="66431" spans="1:10" x14ac:dyDescent="0.35">
      <c r="A66431" s="1" t="s">
        <v>145639</v>
      </c>
      <c r="B66431" s="1" t="s">
        <v>220803</v>
      </c>
      <c r="C66431" s="1" t="s">
        <v>8</v>
      </c>
      <c r="D66431" s="1" t="s">
        <v>47679</v>
      </c>
      <c r="E66431" s="1" t="s">
        <v>221197</v>
      </c>
      <c r="F66431" s="1" t="s">
        <v>221198</v>
      </c>
      <c r="G66431" s="1" t="s">
        <v>221199</v>
      </c>
      <c r="H66431" s="1" t="s">
        <v>221200</v>
      </c>
      <c r="I66431" s="1" t="s">
        <v>220808</v>
      </c>
      <c r="J66431" s="1" t="s">
        <v>13</v>
      </c>
    </row>
    <row r="66432" spans="1:10" x14ac:dyDescent="0.35">
      <c r="A66432" s="1" t="s">
        <v>145639</v>
      </c>
      <c r="B66432" s="1" t="s">
        <v>220803</v>
      </c>
      <c r="C66432" s="1" t="s">
        <v>15</v>
      </c>
      <c r="D66432" s="1" t="s">
        <v>221201</v>
      </c>
      <c r="E66432" s="1" t="s">
        <v>221202</v>
      </c>
      <c r="F66432" s="1" t="s">
        <v>221203</v>
      </c>
      <c r="G66432" s="1" t="s">
        <v>221199</v>
      </c>
      <c r="H66432" s="1" t="s">
        <v>221200</v>
      </c>
      <c r="I66432" s="1" t="s">
        <v>220808</v>
      </c>
      <c r="J66432" s="1" t="s">
        <v>221204</v>
      </c>
    </row>
    <row r="66433" spans="1:10" x14ac:dyDescent="0.35">
      <c r="A66433" s="1" t="s">
        <v>145639</v>
      </c>
      <c r="B66433" s="1" t="s">
        <v>220803</v>
      </c>
      <c r="C66433" s="1" t="s">
        <v>20</v>
      </c>
      <c r="D66433" s="1" t="s">
        <v>8823</v>
      </c>
      <c r="E66433" s="1" t="s">
        <v>221205</v>
      </c>
      <c r="F66433" s="1" t="s">
        <v>221206</v>
      </c>
      <c r="G66433" s="1" t="s">
        <v>221199</v>
      </c>
      <c r="H66433" s="1" t="s">
        <v>221200</v>
      </c>
      <c r="I66433" s="1" t="s">
        <v>220808</v>
      </c>
      <c r="J66433" s="1" t="s">
        <v>221207</v>
      </c>
    </row>
    <row r="66434" spans="1:10" x14ac:dyDescent="0.35">
      <c r="A66434" s="1" t="s">
        <v>145639</v>
      </c>
      <c r="B66434" s="1" t="s">
        <v>220803</v>
      </c>
      <c r="C66434" s="1" t="s">
        <v>25</v>
      </c>
      <c r="D66434" s="1" t="s">
        <v>679</v>
      </c>
      <c r="E66434" s="1" t="s">
        <v>221208</v>
      </c>
      <c r="F66434" s="1" t="s">
        <v>221209</v>
      </c>
      <c r="G66434" s="1" t="s">
        <v>221199</v>
      </c>
      <c r="H66434" s="1" t="s">
        <v>221200</v>
      </c>
      <c r="I66434" s="1" t="s">
        <v>220808</v>
      </c>
      <c r="J66434" s="1" t="s">
        <v>221210</v>
      </c>
    </row>
    <row r="66435" spans="1:10" x14ac:dyDescent="0.35">
      <c r="A66435" s="1" t="s">
        <v>145639</v>
      </c>
      <c r="B66435" s="1" t="s">
        <v>220803</v>
      </c>
      <c r="C66435" s="1" t="s">
        <v>30</v>
      </c>
      <c r="D66435" s="1" t="s">
        <v>221211</v>
      </c>
      <c r="E66435" s="1" t="s">
        <v>221212</v>
      </c>
      <c r="F66435" s="1" t="s">
        <v>221213</v>
      </c>
      <c r="G66435" s="1" t="s">
        <v>221199</v>
      </c>
      <c r="H66435" s="1" t="s">
        <v>221200</v>
      </c>
      <c r="I66435" s="1" t="s">
        <v>220808</v>
      </c>
      <c r="J66435" s="1" t="s">
        <v>221214</v>
      </c>
    </row>
    <row r="66436" spans="1:10" x14ac:dyDescent="0.35">
      <c r="A66436" s="1" t="s">
        <v>145639</v>
      </c>
      <c r="B66436" s="1" t="s">
        <v>220803</v>
      </c>
      <c r="C66436" s="1" t="s">
        <v>35</v>
      </c>
      <c r="D66436" s="1" t="s">
        <v>169071</v>
      </c>
      <c r="E66436" s="1" t="s">
        <v>221215</v>
      </c>
      <c r="F66436" s="1" t="s">
        <v>221216</v>
      </c>
      <c r="G66436" s="1" t="s">
        <v>221199</v>
      </c>
      <c r="H66436" s="1" t="s">
        <v>221200</v>
      </c>
      <c r="I66436" s="1" t="s">
        <v>220808</v>
      </c>
      <c r="J66436" s="1" t="s">
        <v>221217</v>
      </c>
    </row>
    <row r="66437" spans="1:10" x14ac:dyDescent="0.35">
      <c r="A66437" s="1" t="s">
        <v>145639</v>
      </c>
      <c r="B66437" s="1" t="s">
        <v>220803</v>
      </c>
      <c r="C66437" s="1" t="s">
        <v>40</v>
      </c>
      <c r="D66437" s="1" t="s">
        <v>190244</v>
      </c>
      <c r="E66437" s="1" t="s">
        <v>221218</v>
      </c>
      <c r="F66437" s="1" t="s">
        <v>221219</v>
      </c>
      <c r="G66437" s="1" t="s">
        <v>221199</v>
      </c>
      <c r="H66437" s="1" t="s">
        <v>221200</v>
      </c>
      <c r="I66437" s="1" t="s">
        <v>220808</v>
      </c>
      <c r="J66437" s="1" t="s">
        <v>221220</v>
      </c>
    </row>
    <row r="66438" spans="1:10" x14ac:dyDescent="0.35">
      <c r="A66438" s="1" t="s">
        <v>145639</v>
      </c>
      <c r="B66438" s="1" t="s">
        <v>220803</v>
      </c>
      <c r="C66438" s="1" t="s">
        <v>45</v>
      </c>
      <c r="D66438" s="1" t="s">
        <v>219848</v>
      </c>
      <c r="E66438" s="1" t="s">
        <v>221221</v>
      </c>
      <c r="F66438" s="1" t="s">
        <v>221222</v>
      </c>
      <c r="G66438" s="1" t="s">
        <v>221199</v>
      </c>
      <c r="H66438" s="1" t="s">
        <v>221200</v>
      </c>
      <c r="I66438" s="1" t="s">
        <v>220808</v>
      </c>
      <c r="J66438" s="1" t="s">
        <v>221223</v>
      </c>
    </row>
    <row r="66439" spans="1:10" x14ac:dyDescent="0.35">
      <c r="A66439" s="1" t="s">
        <v>145639</v>
      </c>
      <c r="B66439" s="1" t="s">
        <v>220803</v>
      </c>
      <c r="C66439" s="1" t="s">
        <v>50</v>
      </c>
      <c r="D66439" s="1" t="s">
        <v>150131</v>
      </c>
      <c r="E66439" s="1" t="s">
        <v>221224</v>
      </c>
      <c r="F66439" s="1" t="s">
        <v>221225</v>
      </c>
      <c r="G66439" s="1" t="s">
        <v>221199</v>
      </c>
      <c r="H66439" s="1" t="s">
        <v>221200</v>
      </c>
      <c r="I66439" s="1" t="s">
        <v>220808</v>
      </c>
      <c r="J66439" s="1" t="s">
        <v>221226</v>
      </c>
    </row>
    <row r="66440" spans="1:10" x14ac:dyDescent="0.35">
      <c r="A66440" s="1" t="s">
        <v>145639</v>
      </c>
      <c r="B66440" s="1" t="s">
        <v>220803</v>
      </c>
      <c r="C66440" s="1" t="s">
        <v>55</v>
      </c>
      <c r="D66440" s="1" t="s">
        <v>104993</v>
      </c>
      <c r="E66440" s="1" t="s">
        <v>221227</v>
      </c>
      <c r="F66440" s="1" t="s">
        <v>221228</v>
      </c>
      <c r="G66440" s="1" t="s">
        <v>221199</v>
      </c>
      <c r="H66440" s="1" t="s">
        <v>221200</v>
      </c>
      <c r="I66440" s="1" t="s">
        <v>220808</v>
      </c>
      <c r="J66440" s="1" t="s">
        <v>221229</v>
      </c>
    </row>
    <row r="66441" spans="1:10" x14ac:dyDescent="0.35">
      <c r="A66441" s="1" t="s">
        <v>145639</v>
      </c>
      <c r="B66441" s="1" t="s">
        <v>220803</v>
      </c>
      <c r="C66441" s="1" t="s">
        <v>60</v>
      </c>
      <c r="D66441" s="1" t="s">
        <v>190234</v>
      </c>
      <c r="E66441" s="1" t="s">
        <v>221230</v>
      </c>
      <c r="F66441" s="1" t="s">
        <v>221231</v>
      </c>
      <c r="G66441" s="1" t="s">
        <v>221199</v>
      </c>
      <c r="H66441" s="1" t="s">
        <v>221200</v>
      </c>
      <c r="I66441" s="1" t="s">
        <v>220808</v>
      </c>
      <c r="J66441" s="1" t="s">
        <v>221232</v>
      </c>
    </row>
    <row r="66442" spans="1:10" x14ac:dyDescent="0.35">
      <c r="A66442" s="1" t="s">
        <v>145639</v>
      </c>
      <c r="B66442" s="1" t="s">
        <v>220803</v>
      </c>
      <c r="C66442" s="1" t="s">
        <v>65</v>
      </c>
      <c r="D66442" s="1" t="s">
        <v>864</v>
      </c>
      <c r="E66442" s="1" t="s">
        <v>221233</v>
      </c>
      <c r="F66442" s="1" t="s">
        <v>221234</v>
      </c>
      <c r="G66442" s="1" t="s">
        <v>221199</v>
      </c>
      <c r="H66442" s="1" t="s">
        <v>221200</v>
      </c>
      <c r="I66442" s="1" t="s">
        <v>220808</v>
      </c>
      <c r="J66442" s="1" t="s">
        <v>221235</v>
      </c>
    </row>
    <row r="66443" spans="1:10" x14ac:dyDescent="0.35">
      <c r="A66443" s="1" t="s">
        <v>145639</v>
      </c>
      <c r="B66443" s="1" t="s">
        <v>220803</v>
      </c>
      <c r="C66443" s="1" t="s">
        <v>70</v>
      </c>
      <c r="D66443" s="1" t="s">
        <v>155158</v>
      </c>
      <c r="E66443" s="1" t="s">
        <v>221236</v>
      </c>
      <c r="F66443" s="1" t="s">
        <v>221237</v>
      </c>
      <c r="G66443" s="1" t="s">
        <v>221199</v>
      </c>
      <c r="H66443" s="1" t="s">
        <v>221200</v>
      </c>
      <c r="I66443" s="1" t="s">
        <v>220808</v>
      </c>
      <c r="J66443" s="1" t="s">
        <v>221238</v>
      </c>
    </row>
    <row r="66444" spans="1:10" x14ac:dyDescent="0.35">
      <c r="A66444" s="1" t="s">
        <v>145639</v>
      </c>
      <c r="B66444" s="1" t="s">
        <v>220803</v>
      </c>
      <c r="C66444" s="1" t="s">
        <v>75</v>
      </c>
      <c r="D66444" s="1" t="s">
        <v>71323</v>
      </c>
      <c r="E66444" s="1" t="s">
        <v>221239</v>
      </c>
      <c r="F66444" s="1" t="s">
        <v>221240</v>
      </c>
      <c r="G66444" s="1" t="s">
        <v>221199</v>
      </c>
      <c r="H66444" s="1" t="s">
        <v>221200</v>
      </c>
      <c r="I66444" s="1" t="s">
        <v>220808</v>
      </c>
      <c r="J66444" s="1" t="s">
        <v>221241</v>
      </c>
    </row>
    <row r="66445" spans="1:10" x14ac:dyDescent="0.35">
      <c r="A66445" s="1" t="s">
        <v>145639</v>
      </c>
      <c r="B66445" s="1" t="s">
        <v>220803</v>
      </c>
      <c r="C66445" s="1" t="s">
        <v>80</v>
      </c>
      <c r="D66445" s="1" t="s">
        <v>221242</v>
      </c>
      <c r="E66445" s="1" t="s">
        <v>221243</v>
      </c>
      <c r="F66445" s="1" t="s">
        <v>221244</v>
      </c>
      <c r="G66445" s="1" t="s">
        <v>221199</v>
      </c>
      <c r="H66445" s="1" t="s">
        <v>221200</v>
      </c>
      <c r="I66445" s="1" t="s">
        <v>220808</v>
      </c>
      <c r="J66445" s="1" t="s">
        <v>221245</v>
      </c>
    </row>
    <row r="66446" spans="1:10" x14ac:dyDescent="0.35">
      <c r="A66446" s="1" t="s">
        <v>145639</v>
      </c>
      <c r="B66446" s="1" t="s">
        <v>220803</v>
      </c>
      <c r="C66446" s="1" t="s">
        <v>85</v>
      </c>
      <c r="D66446" s="1" t="s">
        <v>74734</v>
      </c>
      <c r="E66446" s="1" t="s">
        <v>221246</v>
      </c>
      <c r="F66446" s="1" t="s">
        <v>221247</v>
      </c>
      <c r="G66446" s="1" t="s">
        <v>221199</v>
      </c>
      <c r="H66446" s="1" t="s">
        <v>221200</v>
      </c>
      <c r="I66446" s="1" t="s">
        <v>220808</v>
      </c>
      <c r="J66446" s="1" t="s">
        <v>221248</v>
      </c>
    </row>
    <row r="66447" spans="1:10" x14ac:dyDescent="0.35">
      <c r="A66447" s="1" t="s">
        <v>145639</v>
      </c>
      <c r="B66447" s="1" t="s">
        <v>220803</v>
      </c>
      <c r="C66447" s="1" t="s">
        <v>90</v>
      </c>
      <c r="D66447" s="1" t="s">
        <v>221249</v>
      </c>
      <c r="E66447" s="1" t="s">
        <v>221250</v>
      </c>
      <c r="F66447" s="1" t="s">
        <v>221251</v>
      </c>
      <c r="G66447" s="1" t="s">
        <v>221199</v>
      </c>
      <c r="H66447" s="1" t="s">
        <v>221200</v>
      </c>
      <c r="I66447" s="1" t="s">
        <v>220808</v>
      </c>
      <c r="J66447" s="1" t="s">
        <v>221252</v>
      </c>
    </row>
    <row r="66448" spans="1:10" x14ac:dyDescent="0.35">
      <c r="A66448" s="1" t="s">
        <v>145639</v>
      </c>
      <c r="B66448" s="1" t="s">
        <v>220803</v>
      </c>
      <c r="C66448" s="1" t="s">
        <v>95</v>
      </c>
      <c r="D66448" s="1" t="s">
        <v>221253</v>
      </c>
      <c r="E66448" s="1" t="s">
        <v>221254</v>
      </c>
      <c r="F66448" s="1" t="s">
        <v>221255</v>
      </c>
      <c r="G66448" s="1" t="s">
        <v>221199</v>
      </c>
      <c r="H66448" s="1" t="s">
        <v>221200</v>
      </c>
      <c r="I66448" s="1" t="s">
        <v>220808</v>
      </c>
      <c r="J66448" s="1" t="s">
        <v>221256</v>
      </c>
    </row>
    <row r="66449" spans="1:10" x14ac:dyDescent="0.35">
      <c r="A66449" s="1" t="s">
        <v>145639</v>
      </c>
      <c r="B66449" s="1" t="s">
        <v>220803</v>
      </c>
      <c r="C66449" s="1" t="s">
        <v>100</v>
      </c>
      <c r="D66449" s="1" t="s">
        <v>123196</v>
      </c>
      <c r="E66449" s="1" t="s">
        <v>221257</v>
      </c>
      <c r="F66449" s="1" t="s">
        <v>221258</v>
      </c>
      <c r="G66449" s="1" t="s">
        <v>221199</v>
      </c>
      <c r="H66449" s="1" t="s">
        <v>221200</v>
      </c>
      <c r="I66449" s="1" t="s">
        <v>220808</v>
      </c>
      <c r="J66449" s="1" t="s">
        <v>221259</v>
      </c>
    </row>
    <row r="66450" spans="1:10" x14ac:dyDescent="0.35">
      <c r="A66450" s="1" t="s">
        <v>145639</v>
      </c>
      <c r="B66450" s="1" t="s">
        <v>220803</v>
      </c>
      <c r="C66450" s="1" t="s">
        <v>105</v>
      </c>
      <c r="D66450" s="1" t="s">
        <v>3806</v>
      </c>
      <c r="E66450" s="1" t="s">
        <v>221260</v>
      </c>
      <c r="F66450" s="1" t="s">
        <v>221261</v>
      </c>
      <c r="G66450" s="1" t="s">
        <v>221199</v>
      </c>
      <c r="H66450" s="1" t="s">
        <v>221200</v>
      </c>
      <c r="I66450" s="1" t="s">
        <v>220808</v>
      </c>
      <c r="J66450" s="1" t="s">
        <v>221262</v>
      </c>
    </row>
    <row r="66451" spans="1:10" x14ac:dyDescent="0.35">
      <c r="A66451" s="1" t="s">
        <v>145639</v>
      </c>
      <c r="B66451" s="1" t="s">
        <v>220803</v>
      </c>
      <c r="C66451" s="1" t="s">
        <v>110</v>
      </c>
      <c r="D66451" s="1" t="s">
        <v>221263</v>
      </c>
      <c r="E66451" s="1" t="s">
        <v>221264</v>
      </c>
      <c r="F66451" s="1" t="s">
        <v>221265</v>
      </c>
      <c r="G66451" s="1" t="s">
        <v>221199</v>
      </c>
      <c r="H66451" s="1" t="s">
        <v>221200</v>
      </c>
      <c r="I66451" s="1" t="s">
        <v>220808</v>
      </c>
      <c r="J66451" s="1" t="s">
        <v>221266</v>
      </c>
    </row>
    <row r="66452" spans="1:10" x14ac:dyDescent="0.35">
      <c r="A66452" s="1" t="s">
        <v>145639</v>
      </c>
      <c r="B66452" s="1" t="s">
        <v>220803</v>
      </c>
      <c r="C66452" s="1" t="s">
        <v>115</v>
      </c>
      <c r="D66452" s="1" t="s">
        <v>75145</v>
      </c>
      <c r="E66452" s="1" t="s">
        <v>221267</v>
      </c>
      <c r="F66452" s="1" t="s">
        <v>221268</v>
      </c>
      <c r="G66452" s="1" t="s">
        <v>221199</v>
      </c>
      <c r="H66452" s="1" t="s">
        <v>221200</v>
      </c>
      <c r="I66452" s="1" t="s">
        <v>220808</v>
      </c>
      <c r="J66452" s="1" t="s">
        <v>221269</v>
      </c>
    </row>
    <row r="66453" spans="1:10" x14ac:dyDescent="0.35">
      <c r="A66453" s="1" t="s">
        <v>145639</v>
      </c>
      <c r="B66453" s="1" t="s">
        <v>220803</v>
      </c>
      <c r="C66453" s="1" t="s">
        <v>120</v>
      </c>
      <c r="D66453" s="1" t="s">
        <v>209886</v>
      </c>
      <c r="E66453" s="1" t="s">
        <v>221270</v>
      </c>
      <c r="F66453" s="1" t="s">
        <v>221271</v>
      </c>
      <c r="G66453" s="1" t="s">
        <v>221199</v>
      </c>
      <c r="H66453" s="1" t="s">
        <v>221200</v>
      </c>
      <c r="I66453" s="1" t="s">
        <v>220808</v>
      </c>
      <c r="J66453" s="1" t="s">
        <v>221272</v>
      </c>
    </row>
    <row r="66454" spans="1:10" x14ac:dyDescent="0.35">
      <c r="A66454" s="1" t="s">
        <v>145639</v>
      </c>
      <c r="B66454" s="1" t="s">
        <v>220803</v>
      </c>
      <c r="C66454" s="1" t="s">
        <v>125</v>
      </c>
      <c r="D66454" s="1" t="s">
        <v>38514</v>
      </c>
      <c r="E66454" s="1" t="s">
        <v>221273</v>
      </c>
      <c r="F66454" s="1" t="s">
        <v>221274</v>
      </c>
      <c r="G66454" s="1" t="s">
        <v>221199</v>
      </c>
      <c r="H66454" s="1" t="s">
        <v>221200</v>
      </c>
      <c r="I66454" s="1" t="s">
        <v>220808</v>
      </c>
      <c r="J66454" s="1" t="s">
        <v>221275</v>
      </c>
    </row>
    <row r="66455" spans="1:10" x14ac:dyDescent="0.35">
      <c r="A66455" s="1" t="s">
        <v>145639</v>
      </c>
      <c r="B66455" s="1" t="s">
        <v>220803</v>
      </c>
      <c r="C66455" s="1" t="s">
        <v>130</v>
      </c>
      <c r="D66455" s="1" t="s">
        <v>107444</v>
      </c>
      <c r="E66455" s="1" t="s">
        <v>221276</v>
      </c>
      <c r="F66455" s="1" t="s">
        <v>221277</v>
      </c>
      <c r="G66455" s="1" t="s">
        <v>221199</v>
      </c>
      <c r="H66455" s="1" t="s">
        <v>221200</v>
      </c>
      <c r="I66455" s="1" t="s">
        <v>220808</v>
      </c>
      <c r="J66455" s="1" t="s">
        <v>221278</v>
      </c>
    </row>
    <row r="66456" spans="1:10" x14ac:dyDescent="0.35">
      <c r="A66456" s="1" t="s">
        <v>145639</v>
      </c>
      <c r="B66456" s="1" t="s">
        <v>220803</v>
      </c>
      <c r="C66456" s="1" t="s">
        <v>135</v>
      </c>
      <c r="D66456" s="1" t="s">
        <v>192317</v>
      </c>
      <c r="E66456" s="1" t="s">
        <v>221279</v>
      </c>
      <c r="F66456" s="1" t="s">
        <v>221280</v>
      </c>
      <c r="G66456" s="1" t="s">
        <v>221199</v>
      </c>
      <c r="H66456" s="1" t="s">
        <v>221200</v>
      </c>
      <c r="I66456" s="1" t="s">
        <v>220808</v>
      </c>
      <c r="J66456" s="1" t="s">
        <v>221281</v>
      </c>
    </row>
    <row r="66457" spans="1:10" x14ac:dyDescent="0.35">
      <c r="A66457" s="1" t="s">
        <v>145639</v>
      </c>
      <c r="B66457" s="1" t="s">
        <v>220803</v>
      </c>
      <c r="C66457" s="1" t="s">
        <v>140</v>
      </c>
      <c r="D66457" s="1" t="s">
        <v>190316</v>
      </c>
      <c r="E66457" s="1" t="s">
        <v>221282</v>
      </c>
      <c r="F66457" s="1" t="s">
        <v>221283</v>
      </c>
      <c r="G66457" s="1" t="s">
        <v>221199</v>
      </c>
      <c r="H66457" s="1" t="s">
        <v>221200</v>
      </c>
      <c r="I66457" s="1" t="s">
        <v>220808</v>
      </c>
      <c r="J66457" s="1" t="s">
        <v>221284</v>
      </c>
    </row>
    <row r="66458" spans="1:10" x14ac:dyDescent="0.35">
      <c r="A66458" s="1" t="s">
        <v>145639</v>
      </c>
      <c r="B66458" s="1" t="s">
        <v>220803</v>
      </c>
      <c r="C66458" s="1" t="s">
        <v>145</v>
      </c>
      <c r="D66458" s="1" t="s">
        <v>66516</v>
      </c>
      <c r="E66458" s="1" t="s">
        <v>221285</v>
      </c>
      <c r="F66458" s="1" t="s">
        <v>221286</v>
      </c>
      <c r="G66458" s="1" t="s">
        <v>221199</v>
      </c>
      <c r="H66458" s="1" t="s">
        <v>221200</v>
      </c>
      <c r="I66458" s="1" t="s">
        <v>220808</v>
      </c>
      <c r="J66458" s="1" t="s">
        <v>221287</v>
      </c>
    </row>
    <row r="66459" spans="1:10" x14ac:dyDescent="0.35">
      <c r="A66459" s="1" t="s">
        <v>145639</v>
      </c>
      <c r="B66459" s="1" t="s">
        <v>220803</v>
      </c>
      <c r="C66459" s="1" t="s">
        <v>150</v>
      </c>
      <c r="D66459" s="1" t="s">
        <v>221288</v>
      </c>
      <c r="E66459" s="1" t="s">
        <v>221289</v>
      </c>
      <c r="F66459" s="1" t="s">
        <v>221290</v>
      </c>
      <c r="G66459" s="1" t="s">
        <v>221199</v>
      </c>
      <c r="H66459" s="1" t="s">
        <v>221200</v>
      </c>
      <c r="I66459" s="1" t="s">
        <v>220808</v>
      </c>
      <c r="J66459" s="1" t="s">
        <v>221291</v>
      </c>
    </row>
    <row r="66460" spans="1:10" x14ac:dyDescent="0.35">
      <c r="A66460" s="1" t="s">
        <v>145639</v>
      </c>
      <c r="B66460" s="1" t="s">
        <v>220803</v>
      </c>
      <c r="C66460" s="1" t="s">
        <v>155</v>
      </c>
      <c r="D66460" s="1" t="s">
        <v>221292</v>
      </c>
      <c r="E66460" s="1" t="s">
        <v>221293</v>
      </c>
      <c r="F66460" s="1" t="s">
        <v>221294</v>
      </c>
      <c r="G66460" s="1" t="s">
        <v>221199</v>
      </c>
      <c r="H66460" s="1" t="s">
        <v>221200</v>
      </c>
      <c r="I66460" s="1" t="s">
        <v>220808</v>
      </c>
      <c r="J66460" s="1" t="s">
        <v>221295</v>
      </c>
    </row>
    <row r="66461" spans="1:10" x14ac:dyDescent="0.35">
      <c r="A66461" s="1" t="s">
        <v>145639</v>
      </c>
      <c r="B66461" s="1" t="s">
        <v>220803</v>
      </c>
      <c r="C66461" s="1" t="s">
        <v>160</v>
      </c>
      <c r="D66461" s="1" t="s">
        <v>78417</v>
      </c>
      <c r="E66461" s="1" t="s">
        <v>221296</v>
      </c>
      <c r="F66461" s="1" t="s">
        <v>221297</v>
      </c>
      <c r="G66461" s="1" t="s">
        <v>221199</v>
      </c>
      <c r="H66461" s="1" t="s">
        <v>221200</v>
      </c>
      <c r="I66461" s="1" t="s">
        <v>220808</v>
      </c>
      <c r="J66461" s="1" t="s">
        <v>221298</v>
      </c>
    </row>
    <row r="66462" spans="1:10" x14ac:dyDescent="0.35">
      <c r="A66462" s="1" t="s">
        <v>145639</v>
      </c>
      <c r="B66462" s="1" t="s">
        <v>220803</v>
      </c>
      <c r="C66462" s="1" t="s">
        <v>165</v>
      </c>
      <c r="D66462" s="1" t="s">
        <v>221299</v>
      </c>
      <c r="E66462" s="1" t="s">
        <v>221300</v>
      </c>
      <c r="F66462" s="1" t="s">
        <v>221301</v>
      </c>
      <c r="G66462" s="1" t="s">
        <v>221199</v>
      </c>
      <c r="H66462" s="1" t="s">
        <v>221200</v>
      </c>
      <c r="I66462" s="1" t="s">
        <v>220808</v>
      </c>
      <c r="J66462" s="1" t="s">
        <v>221302</v>
      </c>
    </row>
    <row r="66463" spans="1:10" x14ac:dyDescent="0.35">
      <c r="A66463" s="1" t="s">
        <v>145639</v>
      </c>
      <c r="B66463" s="1" t="s">
        <v>220803</v>
      </c>
      <c r="C66463" s="1" t="s">
        <v>170</v>
      </c>
      <c r="D66463" s="1" t="s">
        <v>221303</v>
      </c>
      <c r="E66463" s="1" t="s">
        <v>221304</v>
      </c>
      <c r="F66463" s="1" t="s">
        <v>221305</v>
      </c>
      <c r="G66463" s="1" t="s">
        <v>221199</v>
      </c>
      <c r="H66463" s="1" t="s">
        <v>221200</v>
      </c>
      <c r="I66463" s="1" t="s">
        <v>220808</v>
      </c>
      <c r="J66463" s="1" t="s">
        <v>221306</v>
      </c>
    </row>
    <row r="66464" spans="1:10" x14ac:dyDescent="0.35">
      <c r="A66464" s="1" t="s">
        <v>143221</v>
      </c>
      <c r="B66464" s="1" t="s">
        <v>220803</v>
      </c>
      <c r="C66464" s="1" t="s">
        <v>8</v>
      </c>
      <c r="D66464" s="1" t="s">
        <v>2977</v>
      </c>
      <c r="E66464" s="1" t="s">
        <v>220935</v>
      </c>
      <c r="F66464" s="1" t="s">
        <v>221307</v>
      </c>
      <c r="G66464" s="1" t="s">
        <v>221308</v>
      </c>
      <c r="H66464" s="1" t="s">
        <v>221309</v>
      </c>
      <c r="I66464" s="1" t="s">
        <v>220808</v>
      </c>
      <c r="J66464" s="1" t="s">
        <v>13</v>
      </c>
    </row>
    <row r="66465" spans="1:10" x14ac:dyDescent="0.35">
      <c r="A66465" s="1" t="s">
        <v>143221</v>
      </c>
      <c r="B66465" s="1" t="s">
        <v>220803</v>
      </c>
      <c r="C66465" s="1" t="s">
        <v>15</v>
      </c>
      <c r="D66465" s="1" t="s">
        <v>221310</v>
      </c>
      <c r="E66465" s="1" t="s">
        <v>109502</v>
      </c>
      <c r="F66465" s="1" t="s">
        <v>221311</v>
      </c>
      <c r="G66465" s="1" t="s">
        <v>221308</v>
      </c>
      <c r="H66465" s="1" t="s">
        <v>221309</v>
      </c>
      <c r="I66465" s="1" t="s">
        <v>220808</v>
      </c>
      <c r="J66465" s="1" t="s">
        <v>221312</v>
      </c>
    </row>
    <row r="66466" spans="1:10" x14ac:dyDescent="0.35">
      <c r="A66466" s="1" t="s">
        <v>143221</v>
      </c>
      <c r="B66466" s="1" t="s">
        <v>220803</v>
      </c>
      <c r="C66466" s="1" t="s">
        <v>20</v>
      </c>
      <c r="D66466" s="1" t="s">
        <v>124661</v>
      </c>
      <c r="E66466" s="1" t="s">
        <v>108899</v>
      </c>
      <c r="F66466" s="1" t="s">
        <v>221313</v>
      </c>
      <c r="G66466" s="1" t="s">
        <v>221308</v>
      </c>
      <c r="H66466" s="1" t="s">
        <v>221309</v>
      </c>
      <c r="I66466" s="1" t="s">
        <v>220808</v>
      </c>
      <c r="J66466" s="1" t="s">
        <v>221314</v>
      </c>
    </row>
    <row r="66467" spans="1:10" x14ac:dyDescent="0.35">
      <c r="A66467" s="1" t="s">
        <v>143221</v>
      </c>
      <c r="B66467" s="1" t="s">
        <v>220803</v>
      </c>
      <c r="C66467" s="1" t="s">
        <v>25</v>
      </c>
      <c r="D66467" s="1" t="s">
        <v>396</v>
      </c>
      <c r="E66467" s="1" t="s">
        <v>130011</v>
      </c>
      <c r="F66467" s="1" t="s">
        <v>221315</v>
      </c>
      <c r="G66467" s="1" t="s">
        <v>221308</v>
      </c>
      <c r="H66467" s="1" t="s">
        <v>221309</v>
      </c>
      <c r="I66467" s="1" t="s">
        <v>220808</v>
      </c>
      <c r="J66467" s="1" t="s">
        <v>221316</v>
      </c>
    </row>
    <row r="66468" spans="1:10" x14ac:dyDescent="0.35">
      <c r="A66468" s="1" t="s">
        <v>143221</v>
      </c>
      <c r="B66468" s="1" t="s">
        <v>220803</v>
      </c>
      <c r="C66468" s="1" t="s">
        <v>30</v>
      </c>
      <c r="D66468" s="1" t="s">
        <v>18958</v>
      </c>
      <c r="E66468" s="1" t="s">
        <v>108940</v>
      </c>
      <c r="F66468" s="1" t="s">
        <v>221317</v>
      </c>
      <c r="G66468" s="1" t="s">
        <v>221308</v>
      </c>
      <c r="H66468" s="1" t="s">
        <v>221309</v>
      </c>
      <c r="I66468" s="1" t="s">
        <v>220808</v>
      </c>
      <c r="J66468" s="1" t="s">
        <v>221318</v>
      </c>
    </row>
    <row r="66469" spans="1:10" x14ac:dyDescent="0.35">
      <c r="A66469" s="1" t="s">
        <v>143221</v>
      </c>
      <c r="B66469" s="1" t="s">
        <v>220803</v>
      </c>
      <c r="C66469" s="1" t="s">
        <v>35</v>
      </c>
      <c r="D66469" s="1" t="s">
        <v>75303</v>
      </c>
      <c r="E66469" s="1" t="s">
        <v>132016</v>
      </c>
      <c r="F66469" s="1" t="s">
        <v>221319</v>
      </c>
      <c r="G66469" s="1" t="s">
        <v>221308</v>
      </c>
      <c r="H66469" s="1" t="s">
        <v>221309</v>
      </c>
      <c r="I66469" s="1" t="s">
        <v>220808</v>
      </c>
      <c r="J66469" s="1" t="s">
        <v>221320</v>
      </c>
    </row>
    <row r="66470" spans="1:10" x14ac:dyDescent="0.35">
      <c r="A66470" s="1" t="s">
        <v>143221</v>
      </c>
      <c r="B66470" s="1" t="s">
        <v>220803</v>
      </c>
      <c r="C66470" s="1" t="s">
        <v>40</v>
      </c>
      <c r="D66470" s="1" t="s">
        <v>219826</v>
      </c>
      <c r="E66470" s="1" t="s">
        <v>78866</v>
      </c>
      <c r="F66470" s="1" t="s">
        <v>107613</v>
      </c>
      <c r="G66470" s="1" t="s">
        <v>221308</v>
      </c>
      <c r="H66470" s="1" t="s">
        <v>221309</v>
      </c>
      <c r="I66470" s="1" t="s">
        <v>220808</v>
      </c>
      <c r="J66470" s="1" t="s">
        <v>221321</v>
      </c>
    </row>
    <row r="66471" spans="1:10" x14ac:dyDescent="0.35">
      <c r="A66471" s="1" t="s">
        <v>143221</v>
      </c>
      <c r="B66471" s="1" t="s">
        <v>220803</v>
      </c>
      <c r="C66471" s="1" t="s">
        <v>45</v>
      </c>
      <c r="D66471" s="1" t="s">
        <v>155151</v>
      </c>
      <c r="E66471" s="1" t="s">
        <v>126643</v>
      </c>
      <c r="F66471" s="1" t="s">
        <v>221322</v>
      </c>
      <c r="G66471" s="1" t="s">
        <v>221308</v>
      </c>
      <c r="H66471" s="1" t="s">
        <v>221309</v>
      </c>
      <c r="I66471" s="1" t="s">
        <v>220808</v>
      </c>
      <c r="J66471" s="1" t="s">
        <v>221323</v>
      </c>
    </row>
    <row r="66472" spans="1:10" x14ac:dyDescent="0.35">
      <c r="A66472" s="1" t="s">
        <v>143221</v>
      </c>
      <c r="B66472" s="1" t="s">
        <v>220803</v>
      </c>
      <c r="C66472" s="1" t="s">
        <v>50</v>
      </c>
      <c r="D66472" s="1" t="s">
        <v>221324</v>
      </c>
      <c r="E66472" s="1" t="s">
        <v>78808</v>
      </c>
      <c r="F66472" s="1" t="s">
        <v>221325</v>
      </c>
      <c r="G66472" s="1" t="s">
        <v>221308</v>
      </c>
      <c r="H66472" s="1" t="s">
        <v>221309</v>
      </c>
      <c r="I66472" s="1" t="s">
        <v>220808</v>
      </c>
      <c r="J66472" s="1" t="s">
        <v>216827</v>
      </c>
    </row>
    <row r="66473" spans="1:10" x14ac:dyDescent="0.35">
      <c r="A66473" s="1" t="s">
        <v>143221</v>
      </c>
      <c r="B66473" s="1" t="s">
        <v>220803</v>
      </c>
      <c r="C66473" s="1" t="s">
        <v>55</v>
      </c>
      <c r="D66473" s="1" t="s">
        <v>82213</v>
      </c>
      <c r="E66473" s="1" t="s">
        <v>130208</v>
      </c>
      <c r="F66473" s="1" t="s">
        <v>221326</v>
      </c>
      <c r="G66473" s="1" t="s">
        <v>221308</v>
      </c>
      <c r="H66473" s="1" t="s">
        <v>221309</v>
      </c>
      <c r="I66473" s="1" t="s">
        <v>220808</v>
      </c>
      <c r="J66473" s="1" t="s">
        <v>221327</v>
      </c>
    </row>
    <row r="66474" spans="1:10" x14ac:dyDescent="0.35">
      <c r="A66474" s="1" t="s">
        <v>143221</v>
      </c>
      <c r="B66474" s="1" t="s">
        <v>220803</v>
      </c>
      <c r="C66474" s="1" t="s">
        <v>60</v>
      </c>
      <c r="D66474" s="1" t="s">
        <v>47466</v>
      </c>
      <c r="E66474" s="1" t="s">
        <v>107428</v>
      </c>
      <c r="F66474" s="1" t="s">
        <v>221328</v>
      </c>
      <c r="G66474" s="1" t="s">
        <v>221308</v>
      </c>
      <c r="H66474" s="1" t="s">
        <v>221309</v>
      </c>
      <c r="I66474" s="1" t="s">
        <v>220808</v>
      </c>
      <c r="J66474" s="1" t="s">
        <v>221329</v>
      </c>
    </row>
    <row r="66475" spans="1:10" x14ac:dyDescent="0.35">
      <c r="A66475" s="1" t="s">
        <v>143221</v>
      </c>
      <c r="B66475" s="1" t="s">
        <v>220803</v>
      </c>
      <c r="C66475" s="1" t="s">
        <v>65</v>
      </c>
      <c r="D66475" s="1" t="s">
        <v>42821</v>
      </c>
      <c r="E66475" s="1" t="s">
        <v>126673</v>
      </c>
      <c r="F66475" s="1" t="s">
        <v>221330</v>
      </c>
      <c r="G66475" s="1" t="s">
        <v>221308</v>
      </c>
      <c r="H66475" s="1" t="s">
        <v>221309</v>
      </c>
      <c r="I66475" s="1" t="s">
        <v>220808</v>
      </c>
      <c r="J66475" s="1" t="s">
        <v>221331</v>
      </c>
    </row>
    <row r="66476" spans="1:10" x14ac:dyDescent="0.35">
      <c r="A66476" s="1" t="s">
        <v>143221</v>
      </c>
      <c r="B66476" s="1" t="s">
        <v>220803</v>
      </c>
      <c r="C66476" s="1" t="s">
        <v>70</v>
      </c>
      <c r="D66476" s="1" t="s">
        <v>214757</v>
      </c>
      <c r="E66476" s="1" t="s">
        <v>179528</v>
      </c>
      <c r="F66476" s="1" t="s">
        <v>221332</v>
      </c>
      <c r="G66476" s="1" t="s">
        <v>221308</v>
      </c>
      <c r="H66476" s="1" t="s">
        <v>221309</v>
      </c>
      <c r="I66476" s="1" t="s">
        <v>220808</v>
      </c>
      <c r="J66476" s="1" t="s">
        <v>221333</v>
      </c>
    </row>
    <row r="66477" spans="1:10" x14ac:dyDescent="0.35">
      <c r="A66477" s="1" t="s">
        <v>143221</v>
      </c>
      <c r="B66477" s="1" t="s">
        <v>220803</v>
      </c>
      <c r="C66477" s="1" t="s">
        <v>75</v>
      </c>
      <c r="D66477" s="1" t="s">
        <v>36959</v>
      </c>
      <c r="E66477" s="1" t="s">
        <v>221334</v>
      </c>
      <c r="F66477" s="1" t="s">
        <v>221335</v>
      </c>
      <c r="G66477" s="1" t="s">
        <v>221308</v>
      </c>
      <c r="H66477" s="1" t="s">
        <v>221309</v>
      </c>
      <c r="I66477" s="1" t="s">
        <v>220808</v>
      </c>
      <c r="J66477" s="1" t="s">
        <v>221336</v>
      </c>
    </row>
    <row r="66478" spans="1:10" x14ac:dyDescent="0.35">
      <c r="A66478" s="1" t="s">
        <v>143221</v>
      </c>
      <c r="B66478" s="1" t="s">
        <v>220803</v>
      </c>
      <c r="C66478" s="1" t="s">
        <v>80</v>
      </c>
      <c r="D66478" s="1" t="s">
        <v>71699</v>
      </c>
      <c r="E66478" s="1" t="s">
        <v>109510</v>
      </c>
      <c r="F66478" s="1" t="s">
        <v>221337</v>
      </c>
      <c r="G66478" s="1" t="s">
        <v>221308</v>
      </c>
      <c r="H66478" s="1" t="s">
        <v>221309</v>
      </c>
      <c r="I66478" s="1" t="s">
        <v>220808</v>
      </c>
      <c r="J66478" s="1" t="s">
        <v>221338</v>
      </c>
    </row>
    <row r="66479" spans="1:10" x14ac:dyDescent="0.35">
      <c r="A66479" s="1" t="s">
        <v>143221</v>
      </c>
      <c r="B66479" s="1" t="s">
        <v>220803</v>
      </c>
      <c r="C66479" s="1" t="s">
        <v>85</v>
      </c>
      <c r="D66479" s="1" t="s">
        <v>221339</v>
      </c>
      <c r="E66479" s="1" t="s">
        <v>132805</v>
      </c>
      <c r="F66479" s="1" t="s">
        <v>221340</v>
      </c>
      <c r="G66479" s="1" t="s">
        <v>221308</v>
      </c>
      <c r="H66479" s="1" t="s">
        <v>221309</v>
      </c>
      <c r="I66479" s="1" t="s">
        <v>220808</v>
      </c>
      <c r="J66479" s="1" t="s">
        <v>221341</v>
      </c>
    </row>
    <row r="66480" spans="1:10" x14ac:dyDescent="0.35">
      <c r="A66480" s="1" t="s">
        <v>143221</v>
      </c>
      <c r="B66480" s="1" t="s">
        <v>220803</v>
      </c>
      <c r="C66480" s="1" t="s">
        <v>90</v>
      </c>
      <c r="D66480" s="1" t="s">
        <v>221342</v>
      </c>
      <c r="E66480" s="1" t="s">
        <v>131743</v>
      </c>
      <c r="F66480" s="1" t="s">
        <v>221343</v>
      </c>
      <c r="G66480" s="1" t="s">
        <v>221308</v>
      </c>
      <c r="H66480" s="1" t="s">
        <v>221309</v>
      </c>
      <c r="I66480" s="1" t="s">
        <v>220808</v>
      </c>
      <c r="J66480" s="1" t="s">
        <v>221344</v>
      </c>
    </row>
    <row r="66481" spans="1:10" x14ac:dyDescent="0.35">
      <c r="A66481" s="1" t="s">
        <v>143221</v>
      </c>
      <c r="B66481" s="1" t="s">
        <v>220803</v>
      </c>
      <c r="C66481" s="1" t="s">
        <v>95</v>
      </c>
      <c r="D66481" s="1" t="s">
        <v>221345</v>
      </c>
      <c r="E66481" s="1" t="s">
        <v>81182</v>
      </c>
      <c r="F66481" s="1" t="s">
        <v>221346</v>
      </c>
      <c r="G66481" s="1" t="s">
        <v>221308</v>
      </c>
      <c r="H66481" s="1" t="s">
        <v>221309</v>
      </c>
      <c r="I66481" s="1" t="s">
        <v>220808</v>
      </c>
      <c r="J66481" s="1" t="s">
        <v>221347</v>
      </c>
    </row>
    <row r="66482" spans="1:10" x14ac:dyDescent="0.35">
      <c r="A66482" s="1" t="s">
        <v>143221</v>
      </c>
      <c r="B66482" s="1" t="s">
        <v>220803</v>
      </c>
      <c r="C66482" s="1" t="s">
        <v>100</v>
      </c>
      <c r="D66482" s="1" t="s">
        <v>42218</v>
      </c>
      <c r="E66482" s="1" t="s">
        <v>145955</v>
      </c>
      <c r="F66482" s="1" t="s">
        <v>221348</v>
      </c>
      <c r="G66482" s="1" t="s">
        <v>221308</v>
      </c>
      <c r="H66482" s="1" t="s">
        <v>221309</v>
      </c>
      <c r="I66482" s="1" t="s">
        <v>220808</v>
      </c>
      <c r="J66482" s="1" t="s">
        <v>221349</v>
      </c>
    </row>
    <row r="66483" spans="1:10" x14ac:dyDescent="0.35">
      <c r="A66483" s="1" t="s">
        <v>143221</v>
      </c>
      <c r="B66483" s="1" t="s">
        <v>220803</v>
      </c>
      <c r="C66483" s="1" t="s">
        <v>105</v>
      </c>
      <c r="D66483" s="1" t="s">
        <v>221350</v>
      </c>
      <c r="E66483" s="1" t="s">
        <v>74224</v>
      </c>
      <c r="F66483" s="1" t="s">
        <v>221351</v>
      </c>
      <c r="G66483" s="1" t="s">
        <v>221308</v>
      </c>
      <c r="H66483" s="1" t="s">
        <v>221309</v>
      </c>
      <c r="I66483" s="1" t="s">
        <v>220808</v>
      </c>
      <c r="J66483" s="1" t="s">
        <v>221352</v>
      </c>
    </row>
    <row r="66484" spans="1:10" x14ac:dyDescent="0.35">
      <c r="A66484" s="1" t="s">
        <v>143221</v>
      </c>
      <c r="B66484" s="1" t="s">
        <v>220803</v>
      </c>
      <c r="C66484" s="1" t="s">
        <v>110</v>
      </c>
      <c r="D66484" s="1" t="s">
        <v>174116</v>
      </c>
      <c r="E66484" s="1" t="s">
        <v>179238</v>
      </c>
      <c r="F66484" s="1" t="s">
        <v>221353</v>
      </c>
      <c r="G66484" s="1" t="s">
        <v>221308</v>
      </c>
      <c r="H66484" s="1" t="s">
        <v>221309</v>
      </c>
      <c r="I66484" s="1" t="s">
        <v>220808</v>
      </c>
      <c r="J66484" s="1" t="s">
        <v>221354</v>
      </c>
    </row>
    <row r="66485" spans="1:10" x14ac:dyDescent="0.35">
      <c r="A66485" s="1" t="s">
        <v>143221</v>
      </c>
      <c r="B66485" s="1" t="s">
        <v>220803</v>
      </c>
      <c r="C66485" s="1" t="s">
        <v>115</v>
      </c>
      <c r="D66485" s="1" t="s">
        <v>221355</v>
      </c>
      <c r="E66485" s="1" t="s">
        <v>145926</v>
      </c>
      <c r="F66485" s="1" t="s">
        <v>221356</v>
      </c>
      <c r="G66485" s="1" t="s">
        <v>221308</v>
      </c>
      <c r="H66485" s="1" t="s">
        <v>221309</v>
      </c>
      <c r="I66485" s="1" t="s">
        <v>220808</v>
      </c>
      <c r="J66485" s="1" t="s">
        <v>221357</v>
      </c>
    </row>
    <row r="66486" spans="1:10" x14ac:dyDescent="0.35">
      <c r="A66486" s="1" t="s">
        <v>143221</v>
      </c>
      <c r="B66486" s="1" t="s">
        <v>220803</v>
      </c>
      <c r="C66486" s="1" t="s">
        <v>120</v>
      </c>
      <c r="D66486" s="1" t="s">
        <v>19101</v>
      </c>
      <c r="E66486" s="1" t="s">
        <v>108930</v>
      </c>
      <c r="F66486" s="1" t="s">
        <v>41552</v>
      </c>
      <c r="G66486" s="1" t="s">
        <v>221308</v>
      </c>
      <c r="H66486" s="1" t="s">
        <v>221309</v>
      </c>
      <c r="I66486" s="1" t="s">
        <v>220808</v>
      </c>
      <c r="J66486" s="1" t="s">
        <v>221358</v>
      </c>
    </row>
    <row r="66487" spans="1:10" x14ac:dyDescent="0.35">
      <c r="A66487" s="1" t="s">
        <v>143221</v>
      </c>
      <c r="B66487" s="1" t="s">
        <v>220803</v>
      </c>
      <c r="C66487" s="1" t="s">
        <v>125</v>
      </c>
      <c r="D66487" s="1" t="s">
        <v>107921</v>
      </c>
      <c r="E66487" s="1" t="s">
        <v>180482</v>
      </c>
      <c r="F66487" s="1" t="s">
        <v>152888</v>
      </c>
      <c r="G66487" s="1" t="s">
        <v>221308</v>
      </c>
      <c r="H66487" s="1" t="s">
        <v>221309</v>
      </c>
      <c r="I66487" s="1" t="s">
        <v>220808</v>
      </c>
      <c r="J66487" s="1" t="s">
        <v>221359</v>
      </c>
    </row>
    <row r="66488" spans="1:10" x14ac:dyDescent="0.35">
      <c r="A66488" s="1" t="s">
        <v>143221</v>
      </c>
      <c r="B66488" s="1" t="s">
        <v>220803</v>
      </c>
      <c r="C66488" s="1" t="s">
        <v>130</v>
      </c>
      <c r="D66488" s="1" t="s">
        <v>221360</v>
      </c>
      <c r="E66488" s="1" t="s">
        <v>221361</v>
      </c>
      <c r="F66488" s="1" t="s">
        <v>221362</v>
      </c>
      <c r="G66488" s="1" t="s">
        <v>221308</v>
      </c>
      <c r="H66488" s="1" t="s">
        <v>221309</v>
      </c>
      <c r="I66488" s="1" t="s">
        <v>220808</v>
      </c>
      <c r="J66488" s="1" t="s">
        <v>221363</v>
      </c>
    </row>
    <row r="66489" spans="1:10" x14ac:dyDescent="0.35">
      <c r="A66489" s="1" t="s">
        <v>143221</v>
      </c>
      <c r="B66489" s="1" t="s">
        <v>220803</v>
      </c>
      <c r="C66489" s="1" t="s">
        <v>135</v>
      </c>
      <c r="D66489" s="1" t="s">
        <v>221364</v>
      </c>
      <c r="E66489" s="1" t="s">
        <v>196407</v>
      </c>
      <c r="F66489" s="1" t="s">
        <v>221365</v>
      </c>
      <c r="G66489" s="1" t="s">
        <v>221308</v>
      </c>
      <c r="H66489" s="1" t="s">
        <v>221309</v>
      </c>
      <c r="I66489" s="1" t="s">
        <v>220808</v>
      </c>
      <c r="J66489" s="1" t="s">
        <v>221366</v>
      </c>
    </row>
    <row r="66490" spans="1:10" x14ac:dyDescent="0.35">
      <c r="A66490" s="1" t="s">
        <v>143221</v>
      </c>
      <c r="B66490" s="1" t="s">
        <v>220803</v>
      </c>
      <c r="C66490" s="1" t="s">
        <v>140</v>
      </c>
      <c r="D66490" s="1" t="s">
        <v>106329</v>
      </c>
      <c r="E66490" s="1" t="s">
        <v>108882</v>
      </c>
      <c r="F66490" s="1" t="s">
        <v>221367</v>
      </c>
      <c r="G66490" s="1" t="s">
        <v>221308</v>
      </c>
      <c r="H66490" s="1" t="s">
        <v>221309</v>
      </c>
      <c r="I66490" s="1" t="s">
        <v>220808</v>
      </c>
      <c r="J66490" s="1" t="s">
        <v>221368</v>
      </c>
    </row>
    <row r="66491" spans="1:10" x14ac:dyDescent="0.35">
      <c r="A66491" s="1" t="s">
        <v>143221</v>
      </c>
      <c r="B66491" s="1" t="s">
        <v>220803</v>
      </c>
      <c r="C66491" s="1" t="s">
        <v>145</v>
      </c>
      <c r="D66491" s="1" t="s">
        <v>24301</v>
      </c>
      <c r="E66491" s="1" t="s">
        <v>221369</v>
      </c>
      <c r="F66491" s="1" t="s">
        <v>221370</v>
      </c>
      <c r="G66491" s="1" t="s">
        <v>221308</v>
      </c>
      <c r="H66491" s="1" t="s">
        <v>221309</v>
      </c>
      <c r="I66491" s="1" t="s">
        <v>220808</v>
      </c>
      <c r="J66491" s="1" t="s">
        <v>221371</v>
      </c>
    </row>
    <row r="66492" spans="1:10" x14ac:dyDescent="0.35">
      <c r="A66492" s="1" t="s">
        <v>143221</v>
      </c>
      <c r="B66492" s="1" t="s">
        <v>220803</v>
      </c>
      <c r="C66492" s="1" t="s">
        <v>150</v>
      </c>
      <c r="D66492" s="1" t="s">
        <v>106860</v>
      </c>
      <c r="E66492" s="1" t="s">
        <v>108904</v>
      </c>
      <c r="F66492" s="1" t="s">
        <v>221372</v>
      </c>
      <c r="G66492" s="1" t="s">
        <v>221308</v>
      </c>
      <c r="H66492" s="1" t="s">
        <v>221309</v>
      </c>
      <c r="I66492" s="1" t="s">
        <v>220808</v>
      </c>
      <c r="J66492" s="1" t="s">
        <v>221373</v>
      </c>
    </row>
    <row r="66493" spans="1:10" x14ac:dyDescent="0.35">
      <c r="A66493" s="1" t="s">
        <v>143221</v>
      </c>
      <c r="B66493" s="1" t="s">
        <v>220803</v>
      </c>
      <c r="C66493" s="1" t="s">
        <v>155</v>
      </c>
      <c r="D66493" s="1" t="s">
        <v>221374</v>
      </c>
      <c r="E66493" s="1" t="s">
        <v>109526</v>
      </c>
      <c r="F66493" s="1" t="s">
        <v>221375</v>
      </c>
      <c r="G66493" s="1" t="s">
        <v>221308</v>
      </c>
      <c r="H66493" s="1" t="s">
        <v>221309</v>
      </c>
      <c r="I66493" s="1" t="s">
        <v>220808</v>
      </c>
      <c r="J66493" s="1" t="s">
        <v>221376</v>
      </c>
    </row>
    <row r="66494" spans="1:10" x14ac:dyDescent="0.35">
      <c r="A66494" s="1" t="s">
        <v>143221</v>
      </c>
      <c r="B66494" s="1" t="s">
        <v>220803</v>
      </c>
      <c r="C66494" s="1" t="s">
        <v>160</v>
      </c>
      <c r="D66494" s="1" t="s">
        <v>105261</v>
      </c>
      <c r="E66494" s="1" t="s">
        <v>107323</v>
      </c>
      <c r="F66494" s="1" t="s">
        <v>221377</v>
      </c>
      <c r="G66494" s="1" t="s">
        <v>221308</v>
      </c>
      <c r="H66494" s="1" t="s">
        <v>221309</v>
      </c>
      <c r="I66494" s="1" t="s">
        <v>220808</v>
      </c>
      <c r="J66494" s="1" t="s">
        <v>221378</v>
      </c>
    </row>
    <row r="66495" spans="1:10" x14ac:dyDescent="0.35">
      <c r="A66495" s="1" t="s">
        <v>143221</v>
      </c>
      <c r="B66495" s="1" t="s">
        <v>220803</v>
      </c>
      <c r="C66495" s="1" t="s">
        <v>165</v>
      </c>
      <c r="D66495" s="1" t="s">
        <v>92553</v>
      </c>
      <c r="E66495" s="1" t="s">
        <v>131749</v>
      </c>
      <c r="F66495" s="1" t="s">
        <v>221379</v>
      </c>
      <c r="G66495" s="1" t="s">
        <v>221308</v>
      </c>
      <c r="H66495" s="1" t="s">
        <v>221309</v>
      </c>
      <c r="I66495" s="1" t="s">
        <v>220808</v>
      </c>
      <c r="J66495" s="1" t="s">
        <v>221380</v>
      </c>
    </row>
    <row r="66496" spans="1:10" x14ac:dyDescent="0.35">
      <c r="A66496" s="1" t="s">
        <v>143221</v>
      </c>
      <c r="B66496" s="1" t="s">
        <v>220803</v>
      </c>
      <c r="C66496" s="1" t="s">
        <v>170</v>
      </c>
      <c r="D66496" s="1" t="s">
        <v>132522</v>
      </c>
      <c r="E66496" s="1" t="s">
        <v>106226</v>
      </c>
      <c r="F66496" s="1" t="s">
        <v>54198</v>
      </c>
      <c r="G66496" s="1" t="s">
        <v>221308</v>
      </c>
      <c r="H66496" s="1" t="s">
        <v>221309</v>
      </c>
      <c r="I66496" s="1" t="s">
        <v>220808</v>
      </c>
      <c r="J66496" s="1" t="s">
        <v>221381</v>
      </c>
    </row>
    <row r="66497" spans="1:10" x14ac:dyDescent="0.35">
      <c r="A66497" s="1" t="s">
        <v>44746</v>
      </c>
      <c r="B66497" s="1" t="s">
        <v>220803</v>
      </c>
      <c r="C66497" s="1" t="s">
        <v>8</v>
      </c>
      <c r="D66497" s="1" t="s">
        <v>17175</v>
      </c>
      <c r="E66497" s="1" t="s">
        <v>221382</v>
      </c>
      <c r="F66497" s="1" t="s">
        <v>221383</v>
      </c>
      <c r="G66497" s="1" t="s">
        <v>221384</v>
      </c>
      <c r="H66497" s="1" t="s">
        <v>221385</v>
      </c>
      <c r="I66497" s="1" t="s">
        <v>220808</v>
      </c>
      <c r="J66497" s="1" t="s">
        <v>13</v>
      </c>
    </row>
    <row r="66498" spans="1:10" x14ac:dyDescent="0.35">
      <c r="A66498" s="1" t="s">
        <v>44746</v>
      </c>
      <c r="B66498" s="1" t="s">
        <v>220803</v>
      </c>
      <c r="C66498" s="1" t="s">
        <v>15</v>
      </c>
      <c r="D66498" s="1" t="s">
        <v>17855</v>
      </c>
      <c r="E66498" s="1" t="s">
        <v>221386</v>
      </c>
      <c r="F66498" s="1" t="s">
        <v>221387</v>
      </c>
      <c r="G66498" s="1" t="s">
        <v>221384</v>
      </c>
      <c r="H66498" s="1" t="s">
        <v>221385</v>
      </c>
      <c r="I66498" s="1" t="s">
        <v>220808</v>
      </c>
      <c r="J66498" s="1" t="s">
        <v>221388</v>
      </c>
    </row>
    <row r="66499" spans="1:10" x14ac:dyDescent="0.35">
      <c r="A66499" s="1" t="s">
        <v>44746</v>
      </c>
      <c r="B66499" s="1" t="s">
        <v>220803</v>
      </c>
      <c r="C66499" s="1" t="s">
        <v>20</v>
      </c>
      <c r="D66499" s="1" t="s">
        <v>75292</v>
      </c>
      <c r="E66499" s="1" t="s">
        <v>221389</v>
      </c>
      <c r="F66499" s="1" t="s">
        <v>221390</v>
      </c>
      <c r="G66499" s="1" t="s">
        <v>221384</v>
      </c>
      <c r="H66499" s="1" t="s">
        <v>221385</v>
      </c>
      <c r="I66499" s="1" t="s">
        <v>220808</v>
      </c>
      <c r="J66499" s="1" t="s">
        <v>221391</v>
      </c>
    </row>
    <row r="66500" spans="1:10" x14ac:dyDescent="0.35">
      <c r="A66500" s="1" t="s">
        <v>44746</v>
      </c>
      <c r="B66500" s="1" t="s">
        <v>220803</v>
      </c>
      <c r="C66500" s="1" t="s">
        <v>25</v>
      </c>
      <c r="D66500" s="1" t="s">
        <v>83427</v>
      </c>
      <c r="E66500" s="1" t="s">
        <v>221392</v>
      </c>
      <c r="F66500" s="1" t="s">
        <v>221393</v>
      </c>
      <c r="G66500" s="1" t="s">
        <v>221384</v>
      </c>
      <c r="H66500" s="1" t="s">
        <v>221385</v>
      </c>
      <c r="I66500" s="1" t="s">
        <v>220808</v>
      </c>
      <c r="J66500" s="1" t="s">
        <v>221394</v>
      </c>
    </row>
    <row r="66501" spans="1:10" x14ac:dyDescent="0.35">
      <c r="A66501" s="1" t="s">
        <v>44746</v>
      </c>
      <c r="B66501" s="1" t="s">
        <v>220803</v>
      </c>
      <c r="C66501" s="1" t="s">
        <v>30</v>
      </c>
      <c r="D66501" s="1" t="s">
        <v>30257</v>
      </c>
      <c r="E66501" s="1" t="s">
        <v>221395</v>
      </c>
      <c r="F66501" s="1" t="s">
        <v>221396</v>
      </c>
      <c r="G66501" s="1" t="s">
        <v>221384</v>
      </c>
      <c r="H66501" s="1" t="s">
        <v>221385</v>
      </c>
      <c r="I66501" s="1" t="s">
        <v>220808</v>
      </c>
      <c r="J66501" s="1" t="s">
        <v>221397</v>
      </c>
    </row>
    <row r="66502" spans="1:10" x14ac:dyDescent="0.35">
      <c r="A66502" s="1" t="s">
        <v>44746</v>
      </c>
      <c r="B66502" s="1" t="s">
        <v>220803</v>
      </c>
      <c r="C66502" s="1" t="s">
        <v>35</v>
      </c>
      <c r="D66502" s="1" t="s">
        <v>185018</v>
      </c>
      <c r="E66502" s="1" t="s">
        <v>221398</v>
      </c>
      <c r="F66502" s="1" t="s">
        <v>221399</v>
      </c>
      <c r="G66502" s="1" t="s">
        <v>221384</v>
      </c>
      <c r="H66502" s="1" t="s">
        <v>221385</v>
      </c>
      <c r="I66502" s="1" t="s">
        <v>220808</v>
      </c>
      <c r="J66502" s="1" t="s">
        <v>221400</v>
      </c>
    </row>
    <row r="66503" spans="1:10" x14ac:dyDescent="0.35">
      <c r="A66503" s="1" t="s">
        <v>44746</v>
      </c>
      <c r="B66503" s="1" t="s">
        <v>220803</v>
      </c>
      <c r="C66503" s="1" t="s">
        <v>40</v>
      </c>
      <c r="D66503" s="1" t="s">
        <v>18208</v>
      </c>
      <c r="E66503" s="1" t="s">
        <v>221401</v>
      </c>
      <c r="F66503" s="1" t="s">
        <v>221402</v>
      </c>
      <c r="G66503" s="1" t="s">
        <v>221384</v>
      </c>
      <c r="H66503" s="1" t="s">
        <v>221385</v>
      </c>
      <c r="I66503" s="1" t="s">
        <v>220808</v>
      </c>
      <c r="J66503" s="1" t="s">
        <v>221403</v>
      </c>
    </row>
    <row r="66504" spans="1:10" x14ac:dyDescent="0.35">
      <c r="A66504" s="1" t="s">
        <v>44746</v>
      </c>
      <c r="B66504" s="1" t="s">
        <v>220803</v>
      </c>
      <c r="C66504" s="1" t="s">
        <v>45</v>
      </c>
      <c r="D66504" s="1" t="s">
        <v>181405</v>
      </c>
      <c r="E66504" s="1" t="s">
        <v>221404</v>
      </c>
      <c r="F66504" s="1" t="s">
        <v>221405</v>
      </c>
      <c r="G66504" s="1" t="s">
        <v>221384</v>
      </c>
      <c r="H66504" s="1" t="s">
        <v>221385</v>
      </c>
      <c r="I66504" s="1" t="s">
        <v>220808</v>
      </c>
      <c r="J66504" s="1" t="s">
        <v>221406</v>
      </c>
    </row>
    <row r="66505" spans="1:10" x14ac:dyDescent="0.35">
      <c r="A66505" s="1" t="s">
        <v>44746</v>
      </c>
      <c r="B66505" s="1" t="s">
        <v>220803</v>
      </c>
      <c r="C66505" s="1" t="s">
        <v>50</v>
      </c>
      <c r="D66505" s="1" t="s">
        <v>35982</v>
      </c>
      <c r="E66505" s="1" t="s">
        <v>221407</v>
      </c>
      <c r="F66505" s="1" t="s">
        <v>221408</v>
      </c>
      <c r="G66505" s="1" t="s">
        <v>221384</v>
      </c>
      <c r="H66505" s="1" t="s">
        <v>221385</v>
      </c>
      <c r="I66505" s="1" t="s">
        <v>220808</v>
      </c>
      <c r="J66505" s="1" t="s">
        <v>221409</v>
      </c>
    </row>
    <row r="66506" spans="1:10" x14ac:dyDescent="0.35">
      <c r="A66506" s="1" t="s">
        <v>44746</v>
      </c>
      <c r="B66506" s="1" t="s">
        <v>220803</v>
      </c>
      <c r="C66506" s="1" t="s">
        <v>55</v>
      </c>
      <c r="D66506" s="1" t="s">
        <v>46299</v>
      </c>
      <c r="E66506" s="1" t="s">
        <v>221410</v>
      </c>
      <c r="F66506" s="1" t="s">
        <v>221411</v>
      </c>
      <c r="G66506" s="1" t="s">
        <v>221384</v>
      </c>
      <c r="H66506" s="1" t="s">
        <v>221385</v>
      </c>
      <c r="I66506" s="1" t="s">
        <v>220808</v>
      </c>
      <c r="J66506" s="1" t="s">
        <v>221412</v>
      </c>
    </row>
    <row r="66507" spans="1:10" x14ac:dyDescent="0.35">
      <c r="A66507" s="1" t="s">
        <v>44746</v>
      </c>
      <c r="B66507" s="1" t="s">
        <v>220803</v>
      </c>
      <c r="C66507" s="1" t="s">
        <v>60</v>
      </c>
      <c r="D66507" s="1" t="s">
        <v>74060</v>
      </c>
      <c r="E66507" s="1" t="s">
        <v>221413</v>
      </c>
      <c r="F66507" s="1" t="s">
        <v>221414</v>
      </c>
      <c r="G66507" s="1" t="s">
        <v>221384</v>
      </c>
      <c r="H66507" s="1" t="s">
        <v>221385</v>
      </c>
      <c r="I66507" s="1" t="s">
        <v>220808</v>
      </c>
      <c r="J66507" s="1" t="s">
        <v>221415</v>
      </c>
    </row>
    <row r="66508" spans="1:10" x14ac:dyDescent="0.35">
      <c r="A66508" s="1" t="s">
        <v>44746</v>
      </c>
      <c r="B66508" s="1" t="s">
        <v>220803</v>
      </c>
      <c r="C66508" s="1" t="s">
        <v>65</v>
      </c>
      <c r="D66508" s="1" t="s">
        <v>31292</v>
      </c>
      <c r="E66508" s="1" t="s">
        <v>221416</v>
      </c>
      <c r="F66508" s="1" t="s">
        <v>221417</v>
      </c>
      <c r="G66508" s="1" t="s">
        <v>221384</v>
      </c>
      <c r="H66508" s="1" t="s">
        <v>221385</v>
      </c>
      <c r="I66508" s="1" t="s">
        <v>220808</v>
      </c>
      <c r="J66508" s="1" t="s">
        <v>221418</v>
      </c>
    </row>
    <row r="66509" spans="1:10" x14ac:dyDescent="0.35">
      <c r="A66509" s="1" t="s">
        <v>44746</v>
      </c>
      <c r="B66509" s="1" t="s">
        <v>220803</v>
      </c>
      <c r="C66509" s="1" t="s">
        <v>70</v>
      </c>
      <c r="D66509" s="1" t="s">
        <v>190261</v>
      </c>
      <c r="E66509" s="1" t="s">
        <v>221419</v>
      </c>
      <c r="F66509" s="1" t="s">
        <v>221420</v>
      </c>
      <c r="G66509" s="1" t="s">
        <v>221384</v>
      </c>
      <c r="H66509" s="1" t="s">
        <v>221385</v>
      </c>
      <c r="I66509" s="1" t="s">
        <v>220808</v>
      </c>
      <c r="J66509" s="1" t="s">
        <v>221421</v>
      </c>
    </row>
    <row r="66510" spans="1:10" x14ac:dyDescent="0.35">
      <c r="A66510" s="1" t="s">
        <v>44746</v>
      </c>
      <c r="B66510" s="1" t="s">
        <v>220803</v>
      </c>
      <c r="C66510" s="1" t="s">
        <v>75</v>
      </c>
      <c r="D66510" s="1" t="s">
        <v>221422</v>
      </c>
      <c r="E66510" s="1" t="s">
        <v>221423</v>
      </c>
      <c r="F66510" s="1" t="s">
        <v>221424</v>
      </c>
      <c r="G66510" s="1" t="s">
        <v>221384</v>
      </c>
      <c r="H66510" s="1" t="s">
        <v>221385</v>
      </c>
      <c r="I66510" s="1" t="s">
        <v>220808</v>
      </c>
      <c r="J66510" s="1" t="s">
        <v>221425</v>
      </c>
    </row>
    <row r="66511" spans="1:10" x14ac:dyDescent="0.35">
      <c r="A66511" s="1" t="s">
        <v>44746</v>
      </c>
      <c r="B66511" s="1" t="s">
        <v>220803</v>
      </c>
      <c r="C66511" s="1" t="s">
        <v>80</v>
      </c>
      <c r="D66511" s="1" t="s">
        <v>125389</v>
      </c>
      <c r="E66511" s="1" t="s">
        <v>221426</v>
      </c>
      <c r="F66511" s="1" t="s">
        <v>221427</v>
      </c>
      <c r="G66511" s="1" t="s">
        <v>221384</v>
      </c>
      <c r="H66511" s="1" t="s">
        <v>221385</v>
      </c>
      <c r="I66511" s="1" t="s">
        <v>220808</v>
      </c>
      <c r="J66511" s="1" t="s">
        <v>221428</v>
      </c>
    </row>
    <row r="66512" spans="1:10" x14ac:dyDescent="0.35">
      <c r="A66512" s="1" t="s">
        <v>44746</v>
      </c>
      <c r="B66512" s="1" t="s">
        <v>220803</v>
      </c>
      <c r="C66512" s="1" t="s">
        <v>85</v>
      </c>
      <c r="D66512" s="1" t="s">
        <v>221429</v>
      </c>
      <c r="E66512" s="1" t="s">
        <v>221430</v>
      </c>
      <c r="F66512" s="1" t="s">
        <v>221431</v>
      </c>
      <c r="G66512" s="1" t="s">
        <v>221384</v>
      </c>
      <c r="H66512" s="1" t="s">
        <v>221385</v>
      </c>
      <c r="I66512" s="1" t="s">
        <v>220808</v>
      </c>
      <c r="J66512" s="1" t="s">
        <v>221432</v>
      </c>
    </row>
    <row r="66513" spans="1:10" x14ac:dyDescent="0.35">
      <c r="A66513" s="1" t="s">
        <v>44746</v>
      </c>
      <c r="B66513" s="1" t="s">
        <v>220803</v>
      </c>
      <c r="C66513" s="1" t="s">
        <v>90</v>
      </c>
      <c r="D66513" s="1" t="s">
        <v>193290</v>
      </c>
      <c r="E66513" s="1" t="s">
        <v>221433</v>
      </c>
      <c r="F66513" s="1" t="s">
        <v>221434</v>
      </c>
      <c r="G66513" s="1" t="s">
        <v>221384</v>
      </c>
      <c r="H66513" s="1" t="s">
        <v>221385</v>
      </c>
      <c r="I66513" s="1" t="s">
        <v>220808</v>
      </c>
      <c r="J66513" s="1" t="s">
        <v>221435</v>
      </c>
    </row>
    <row r="66514" spans="1:10" x14ac:dyDescent="0.35">
      <c r="A66514" s="1" t="s">
        <v>44746</v>
      </c>
      <c r="B66514" s="1" t="s">
        <v>220803</v>
      </c>
      <c r="C66514" s="1" t="s">
        <v>95</v>
      </c>
      <c r="D66514" s="1" t="s">
        <v>11470</v>
      </c>
      <c r="E66514" s="1" t="s">
        <v>221436</v>
      </c>
      <c r="F66514" s="1" t="s">
        <v>221437</v>
      </c>
      <c r="G66514" s="1" t="s">
        <v>221384</v>
      </c>
      <c r="H66514" s="1" t="s">
        <v>221385</v>
      </c>
      <c r="I66514" s="1" t="s">
        <v>220808</v>
      </c>
      <c r="J66514" s="1" t="s">
        <v>221438</v>
      </c>
    </row>
    <row r="66515" spans="1:10" x14ac:dyDescent="0.35">
      <c r="A66515" s="1" t="s">
        <v>44746</v>
      </c>
      <c r="B66515" s="1" t="s">
        <v>220803</v>
      </c>
      <c r="C66515" s="1" t="s">
        <v>100</v>
      </c>
      <c r="D66515" s="1" t="s">
        <v>160323</v>
      </c>
      <c r="E66515" s="1" t="s">
        <v>221439</v>
      </c>
      <c r="F66515" s="1" t="s">
        <v>221440</v>
      </c>
      <c r="G66515" s="1" t="s">
        <v>221384</v>
      </c>
      <c r="H66515" s="1" t="s">
        <v>221385</v>
      </c>
      <c r="I66515" s="1" t="s">
        <v>220808</v>
      </c>
      <c r="J66515" s="1" t="s">
        <v>221441</v>
      </c>
    </row>
    <row r="66516" spans="1:10" x14ac:dyDescent="0.35">
      <c r="A66516" s="1" t="s">
        <v>44746</v>
      </c>
      <c r="B66516" s="1" t="s">
        <v>220803</v>
      </c>
      <c r="C66516" s="1" t="s">
        <v>105</v>
      </c>
      <c r="D66516" s="1" t="s">
        <v>221442</v>
      </c>
      <c r="E66516" s="1" t="s">
        <v>221443</v>
      </c>
      <c r="F66516" s="1" t="s">
        <v>221444</v>
      </c>
      <c r="G66516" s="1" t="s">
        <v>221384</v>
      </c>
      <c r="H66516" s="1" t="s">
        <v>221385</v>
      </c>
      <c r="I66516" s="1" t="s">
        <v>220808</v>
      </c>
      <c r="J66516" s="1" t="s">
        <v>221445</v>
      </c>
    </row>
    <row r="66517" spans="1:10" x14ac:dyDescent="0.35">
      <c r="A66517" s="1" t="s">
        <v>44746</v>
      </c>
      <c r="B66517" s="1" t="s">
        <v>220803</v>
      </c>
      <c r="C66517" s="1" t="s">
        <v>110</v>
      </c>
      <c r="D66517" s="1" t="s">
        <v>221446</v>
      </c>
      <c r="E66517" s="1" t="s">
        <v>221447</v>
      </c>
      <c r="F66517" s="1" t="s">
        <v>221448</v>
      </c>
      <c r="G66517" s="1" t="s">
        <v>221384</v>
      </c>
      <c r="H66517" s="1" t="s">
        <v>221385</v>
      </c>
      <c r="I66517" s="1" t="s">
        <v>220808</v>
      </c>
      <c r="J66517" s="1" t="s">
        <v>221449</v>
      </c>
    </row>
    <row r="66518" spans="1:10" x14ac:dyDescent="0.35">
      <c r="A66518" s="1" t="s">
        <v>44746</v>
      </c>
      <c r="B66518" s="1" t="s">
        <v>220803</v>
      </c>
      <c r="C66518" s="1" t="s">
        <v>115</v>
      </c>
      <c r="D66518" s="1" t="s">
        <v>195738</v>
      </c>
      <c r="E66518" s="1" t="s">
        <v>221450</v>
      </c>
      <c r="F66518" s="1" t="s">
        <v>221451</v>
      </c>
      <c r="G66518" s="1" t="s">
        <v>221384</v>
      </c>
      <c r="H66518" s="1" t="s">
        <v>221385</v>
      </c>
      <c r="I66518" s="1" t="s">
        <v>220808</v>
      </c>
      <c r="J66518" s="1" t="s">
        <v>221452</v>
      </c>
    </row>
    <row r="66519" spans="1:10" x14ac:dyDescent="0.35">
      <c r="A66519" s="1" t="s">
        <v>44746</v>
      </c>
      <c r="B66519" s="1" t="s">
        <v>220803</v>
      </c>
      <c r="C66519" s="1" t="s">
        <v>120</v>
      </c>
      <c r="D66519" s="1" t="s">
        <v>221453</v>
      </c>
      <c r="E66519" s="1" t="s">
        <v>221454</v>
      </c>
      <c r="F66519" s="1" t="s">
        <v>221455</v>
      </c>
      <c r="G66519" s="1" t="s">
        <v>221384</v>
      </c>
      <c r="H66519" s="1" t="s">
        <v>221385</v>
      </c>
      <c r="I66519" s="1" t="s">
        <v>220808</v>
      </c>
      <c r="J66519" s="1" t="s">
        <v>221456</v>
      </c>
    </row>
    <row r="66520" spans="1:10" x14ac:dyDescent="0.35">
      <c r="A66520" s="1" t="s">
        <v>44746</v>
      </c>
      <c r="B66520" s="1" t="s">
        <v>220803</v>
      </c>
      <c r="C66520" s="1" t="s">
        <v>125</v>
      </c>
      <c r="D66520" s="1" t="s">
        <v>221457</v>
      </c>
      <c r="E66520" s="1" t="s">
        <v>221458</v>
      </c>
      <c r="F66520" s="1" t="s">
        <v>221459</v>
      </c>
      <c r="G66520" s="1" t="s">
        <v>221384</v>
      </c>
      <c r="H66520" s="1" t="s">
        <v>221385</v>
      </c>
      <c r="I66520" s="1" t="s">
        <v>220808</v>
      </c>
      <c r="J66520" s="1" t="s">
        <v>221460</v>
      </c>
    </row>
    <row r="66521" spans="1:10" x14ac:dyDescent="0.35">
      <c r="A66521" s="1" t="s">
        <v>44746</v>
      </c>
      <c r="B66521" s="1" t="s">
        <v>220803</v>
      </c>
      <c r="C66521" s="1" t="s">
        <v>130</v>
      </c>
      <c r="D66521" s="1" t="s">
        <v>209254</v>
      </c>
      <c r="E66521" s="1" t="s">
        <v>221461</v>
      </c>
      <c r="F66521" s="1" t="s">
        <v>221462</v>
      </c>
      <c r="G66521" s="1" t="s">
        <v>221384</v>
      </c>
      <c r="H66521" s="1" t="s">
        <v>221385</v>
      </c>
      <c r="I66521" s="1" t="s">
        <v>220808</v>
      </c>
      <c r="J66521" s="1" t="s">
        <v>221463</v>
      </c>
    </row>
    <row r="66522" spans="1:10" x14ac:dyDescent="0.35">
      <c r="A66522" s="1" t="s">
        <v>44746</v>
      </c>
      <c r="B66522" s="1" t="s">
        <v>220803</v>
      </c>
      <c r="C66522" s="1" t="s">
        <v>135</v>
      </c>
      <c r="D66522" s="1" t="s">
        <v>84254</v>
      </c>
      <c r="E66522" s="1" t="s">
        <v>221464</v>
      </c>
      <c r="F66522" s="1" t="s">
        <v>221465</v>
      </c>
      <c r="G66522" s="1" t="s">
        <v>221384</v>
      </c>
      <c r="H66522" s="1" t="s">
        <v>221385</v>
      </c>
      <c r="I66522" s="1" t="s">
        <v>220808</v>
      </c>
      <c r="J66522" s="1" t="s">
        <v>221466</v>
      </c>
    </row>
    <row r="66523" spans="1:10" x14ac:dyDescent="0.35">
      <c r="A66523" s="1" t="s">
        <v>44746</v>
      </c>
      <c r="B66523" s="1" t="s">
        <v>220803</v>
      </c>
      <c r="C66523" s="1" t="s">
        <v>140</v>
      </c>
      <c r="D66523" s="1" t="s">
        <v>221467</v>
      </c>
      <c r="E66523" s="1" t="s">
        <v>221468</v>
      </c>
      <c r="F66523" s="1" t="s">
        <v>221469</v>
      </c>
      <c r="G66523" s="1" t="s">
        <v>221384</v>
      </c>
      <c r="H66523" s="1" t="s">
        <v>221385</v>
      </c>
      <c r="I66523" s="1" t="s">
        <v>220808</v>
      </c>
      <c r="J66523" s="1" t="s">
        <v>221470</v>
      </c>
    </row>
    <row r="66524" spans="1:10" x14ac:dyDescent="0.35">
      <c r="A66524" s="1" t="s">
        <v>44746</v>
      </c>
      <c r="B66524" s="1" t="s">
        <v>220803</v>
      </c>
      <c r="C66524" s="1" t="s">
        <v>145</v>
      </c>
      <c r="D66524" s="1" t="s">
        <v>221471</v>
      </c>
      <c r="E66524" s="1" t="s">
        <v>221472</v>
      </c>
      <c r="F66524" s="1" t="s">
        <v>221473</v>
      </c>
      <c r="G66524" s="1" t="s">
        <v>221384</v>
      </c>
      <c r="H66524" s="1" t="s">
        <v>221385</v>
      </c>
      <c r="I66524" s="1" t="s">
        <v>220808</v>
      </c>
      <c r="J66524" s="1" t="s">
        <v>221474</v>
      </c>
    </row>
    <row r="66525" spans="1:10" x14ac:dyDescent="0.35">
      <c r="A66525" s="1" t="s">
        <v>44746</v>
      </c>
      <c r="B66525" s="1" t="s">
        <v>220803</v>
      </c>
      <c r="C66525" s="1" t="s">
        <v>150</v>
      </c>
      <c r="D66525" s="1" t="s">
        <v>221475</v>
      </c>
      <c r="E66525" s="1" t="s">
        <v>221476</v>
      </c>
      <c r="F66525" s="1" t="s">
        <v>221477</v>
      </c>
      <c r="G66525" s="1" t="s">
        <v>221384</v>
      </c>
      <c r="H66525" s="1" t="s">
        <v>221385</v>
      </c>
      <c r="I66525" s="1" t="s">
        <v>220808</v>
      </c>
      <c r="J66525" s="1" t="s">
        <v>221478</v>
      </c>
    </row>
    <row r="66526" spans="1:10" x14ac:dyDescent="0.35">
      <c r="A66526" s="1" t="s">
        <v>44746</v>
      </c>
      <c r="B66526" s="1" t="s">
        <v>220803</v>
      </c>
      <c r="C66526" s="1" t="s">
        <v>155</v>
      </c>
      <c r="D66526" s="1" t="s">
        <v>221479</v>
      </c>
      <c r="E66526" s="1" t="s">
        <v>221480</v>
      </c>
      <c r="F66526" s="1" t="s">
        <v>221481</v>
      </c>
      <c r="G66526" s="1" t="s">
        <v>221384</v>
      </c>
      <c r="H66526" s="1" t="s">
        <v>221385</v>
      </c>
      <c r="I66526" s="1" t="s">
        <v>220808</v>
      </c>
      <c r="J66526" s="1" t="s">
        <v>221482</v>
      </c>
    </row>
    <row r="66527" spans="1:10" x14ac:dyDescent="0.35">
      <c r="A66527" s="1" t="s">
        <v>44746</v>
      </c>
      <c r="B66527" s="1" t="s">
        <v>220803</v>
      </c>
      <c r="C66527" s="1" t="s">
        <v>160</v>
      </c>
      <c r="D66527" s="1" t="s">
        <v>175454</v>
      </c>
      <c r="E66527" s="1" t="s">
        <v>221483</v>
      </c>
      <c r="F66527" s="1" t="s">
        <v>221484</v>
      </c>
      <c r="G66527" s="1" t="s">
        <v>221384</v>
      </c>
      <c r="H66527" s="1" t="s">
        <v>221385</v>
      </c>
      <c r="I66527" s="1" t="s">
        <v>220808</v>
      </c>
      <c r="J66527" s="1" t="s">
        <v>221485</v>
      </c>
    </row>
    <row r="66528" spans="1:10" x14ac:dyDescent="0.35">
      <c r="A66528" s="1" t="s">
        <v>44746</v>
      </c>
      <c r="B66528" s="1" t="s">
        <v>220803</v>
      </c>
      <c r="C66528" s="1" t="s">
        <v>165</v>
      </c>
      <c r="D66528" s="1" t="s">
        <v>130038</v>
      </c>
      <c r="E66528" s="1" t="s">
        <v>221486</v>
      </c>
      <c r="F66528" s="1" t="s">
        <v>221487</v>
      </c>
      <c r="G66528" s="1" t="s">
        <v>221384</v>
      </c>
      <c r="H66528" s="1" t="s">
        <v>221385</v>
      </c>
      <c r="I66528" s="1" t="s">
        <v>220808</v>
      </c>
      <c r="J66528" s="1" t="s">
        <v>221488</v>
      </c>
    </row>
    <row r="66529" spans="1:10" x14ac:dyDescent="0.35">
      <c r="A66529" s="1" t="s">
        <v>44746</v>
      </c>
      <c r="B66529" s="1" t="s">
        <v>220803</v>
      </c>
      <c r="C66529" s="1" t="s">
        <v>170</v>
      </c>
      <c r="D66529" s="1" t="s">
        <v>221489</v>
      </c>
      <c r="E66529" s="1" t="s">
        <v>221490</v>
      </c>
      <c r="F66529" s="1" t="s">
        <v>221491</v>
      </c>
      <c r="G66529" s="1" t="s">
        <v>221384</v>
      </c>
      <c r="H66529" s="1" t="s">
        <v>221385</v>
      </c>
      <c r="I66529" s="1" t="s">
        <v>220808</v>
      </c>
      <c r="J66529" s="1" t="s">
        <v>221492</v>
      </c>
    </row>
    <row r="66530" spans="1:10" x14ac:dyDescent="0.35">
      <c r="A66530" s="1" t="s">
        <v>104431</v>
      </c>
      <c r="B66530" s="1" t="s">
        <v>220803</v>
      </c>
      <c r="C66530" s="1" t="s">
        <v>8</v>
      </c>
      <c r="D66530" s="1" t="s">
        <v>15383</v>
      </c>
      <c r="E66530" s="1" t="s">
        <v>221493</v>
      </c>
      <c r="F66530" s="1" t="s">
        <v>221494</v>
      </c>
      <c r="G66530" s="1" t="s">
        <v>221495</v>
      </c>
      <c r="H66530" s="1" t="s">
        <v>221496</v>
      </c>
      <c r="I66530" s="1" t="s">
        <v>220808</v>
      </c>
      <c r="J66530" s="1" t="s">
        <v>13</v>
      </c>
    </row>
    <row r="66531" spans="1:10" x14ac:dyDescent="0.35">
      <c r="A66531" s="1" t="s">
        <v>104431</v>
      </c>
      <c r="B66531" s="1" t="s">
        <v>220803</v>
      </c>
      <c r="C66531" s="1" t="s">
        <v>15</v>
      </c>
      <c r="D66531" s="1" t="s">
        <v>172156</v>
      </c>
      <c r="E66531" s="1" t="s">
        <v>221497</v>
      </c>
      <c r="F66531" s="1" t="s">
        <v>221498</v>
      </c>
      <c r="G66531" s="1" t="s">
        <v>221495</v>
      </c>
      <c r="H66531" s="1" t="s">
        <v>221496</v>
      </c>
      <c r="I66531" s="1" t="s">
        <v>220808</v>
      </c>
      <c r="J66531" s="1" t="s">
        <v>221499</v>
      </c>
    </row>
    <row r="66532" spans="1:10" x14ac:dyDescent="0.35">
      <c r="A66532" s="1" t="s">
        <v>104431</v>
      </c>
      <c r="B66532" s="1" t="s">
        <v>220803</v>
      </c>
      <c r="C66532" s="1" t="s">
        <v>20</v>
      </c>
      <c r="D66532" s="1" t="s">
        <v>3457</v>
      </c>
      <c r="E66532" s="1" t="s">
        <v>221500</v>
      </c>
      <c r="F66532" s="1" t="s">
        <v>221501</v>
      </c>
      <c r="G66532" s="1" t="s">
        <v>221495</v>
      </c>
      <c r="H66532" s="1" t="s">
        <v>221496</v>
      </c>
      <c r="I66532" s="1" t="s">
        <v>220808</v>
      </c>
      <c r="J66532" s="1" t="s">
        <v>221502</v>
      </c>
    </row>
    <row r="66533" spans="1:10" x14ac:dyDescent="0.35">
      <c r="A66533" s="1" t="s">
        <v>104431</v>
      </c>
      <c r="B66533" s="1" t="s">
        <v>220803</v>
      </c>
      <c r="C66533" s="1" t="s">
        <v>25</v>
      </c>
      <c r="D66533" s="1" t="s">
        <v>31360</v>
      </c>
      <c r="E66533" s="1" t="s">
        <v>221503</v>
      </c>
      <c r="F66533" s="1" t="s">
        <v>221504</v>
      </c>
      <c r="G66533" s="1" t="s">
        <v>221495</v>
      </c>
      <c r="H66533" s="1" t="s">
        <v>221496</v>
      </c>
      <c r="I66533" s="1" t="s">
        <v>220808</v>
      </c>
      <c r="J66533" s="1" t="s">
        <v>221505</v>
      </c>
    </row>
    <row r="66534" spans="1:10" x14ac:dyDescent="0.35">
      <c r="A66534" s="1" t="s">
        <v>104431</v>
      </c>
      <c r="B66534" s="1" t="s">
        <v>220803</v>
      </c>
      <c r="C66534" s="1" t="s">
        <v>30</v>
      </c>
      <c r="D66534" s="1" t="s">
        <v>104144</v>
      </c>
      <c r="E66534" s="1" t="s">
        <v>221506</v>
      </c>
      <c r="F66534" s="1" t="s">
        <v>221507</v>
      </c>
      <c r="G66534" s="1" t="s">
        <v>221495</v>
      </c>
      <c r="H66534" s="1" t="s">
        <v>221496</v>
      </c>
      <c r="I66534" s="1" t="s">
        <v>220808</v>
      </c>
      <c r="J66534" s="1" t="s">
        <v>221508</v>
      </c>
    </row>
    <row r="66535" spans="1:10" x14ac:dyDescent="0.35">
      <c r="A66535" s="1" t="s">
        <v>104431</v>
      </c>
      <c r="B66535" s="1" t="s">
        <v>220803</v>
      </c>
      <c r="C66535" s="1" t="s">
        <v>35</v>
      </c>
      <c r="D66535" s="1" t="s">
        <v>155702</v>
      </c>
      <c r="E66535" s="1" t="s">
        <v>221509</v>
      </c>
      <c r="F66535" s="1" t="s">
        <v>221510</v>
      </c>
      <c r="G66535" s="1" t="s">
        <v>221495</v>
      </c>
      <c r="H66535" s="1" t="s">
        <v>221496</v>
      </c>
      <c r="I66535" s="1" t="s">
        <v>220808</v>
      </c>
      <c r="J66535" s="1" t="s">
        <v>221511</v>
      </c>
    </row>
    <row r="66536" spans="1:10" x14ac:dyDescent="0.35">
      <c r="A66536" s="1" t="s">
        <v>104431</v>
      </c>
      <c r="B66536" s="1" t="s">
        <v>220803</v>
      </c>
      <c r="C66536" s="1" t="s">
        <v>40</v>
      </c>
      <c r="D66536" s="1" t="s">
        <v>177537</v>
      </c>
      <c r="E66536" s="1" t="s">
        <v>221512</v>
      </c>
      <c r="F66536" s="1" t="s">
        <v>221513</v>
      </c>
      <c r="G66536" s="1" t="s">
        <v>221495</v>
      </c>
      <c r="H66536" s="1" t="s">
        <v>221496</v>
      </c>
      <c r="I66536" s="1" t="s">
        <v>220808</v>
      </c>
      <c r="J66536" s="1" t="s">
        <v>221514</v>
      </c>
    </row>
    <row r="66537" spans="1:10" x14ac:dyDescent="0.35">
      <c r="A66537" s="1" t="s">
        <v>104431</v>
      </c>
      <c r="B66537" s="1" t="s">
        <v>220803</v>
      </c>
      <c r="C66537" s="1" t="s">
        <v>45</v>
      </c>
      <c r="D66537" s="1" t="s">
        <v>44205</v>
      </c>
      <c r="E66537" s="1" t="s">
        <v>221515</v>
      </c>
      <c r="F66537" s="1" t="s">
        <v>221516</v>
      </c>
      <c r="G66537" s="1" t="s">
        <v>221495</v>
      </c>
      <c r="H66537" s="1" t="s">
        <v>221496</v>
      </c>
      <c r="I66537" s="1" t="s">
        <v>220808</v>
      </c>
      <c r="J66537" s="1" t="s">
        <v>221517</v>
      </c>
    </row>
    <row r="66538" spans="1:10" x14ac:dyDescent="0.35">
      <c r="A66538" s="1" t="s">
        <v>104431</v>
      </c>
      <c r="B66538" s="1" t="s">
        <v>220803</v>
      </c>
      <c r="C66538" s="1" t="s">
        <v>50</v>
      </c>
      <c r="D66538" s="1" t="s">
        <v>32152</v>
      </c>
      <c r="E66538" s="1" t="s">
        <v>221518</v>
      </c>
      <c r="F66538" s="1" t="s">
        <v>221519</v>
      </c>
      <c r="G66538" s="1" t="s">
        <v>221495</v>
      </c>
      <c r="H66538" s="1" t="s">
        <v>221496</v>
      </c>
      <c r="I66538" s="1" t="s">
        <v>220808</v>
      </c>
      <c r="J66538" s="1" t="s">
        <v>221520</v>
      </c>
    </row>
    <row r="66539" spans="1:10" x14ac:dyDescent="0.35">
      <c r="A66539" s="1" t="s">
        <v>104431</v>
      </c>
      <c r="B66539" s="1" t="s">
        <v>220803</v>
      </c>
      <c r="C66539" s="1" t="s">
        <v>55</v>
      </c>
      <c r="D66539" s="1" t="s">
        <v>3070</v>
      </c>
      <c r="E66539" s="1" t="s">
        <v>221521</v>
      </c>
      <c r="F66539" s="1" t="s">
        <v>221522</v>
      </c>
      <c r="G66539" s="1" t="s">
        <v>221495</v>
      </c>
      <c r="H66539" s="1" t="s">
        <v>221496</v>
      </c>
      <c r="I66539" s="1" t="s">
        <v>220808</v>
      </c>
      <c r="J66539" s="1" t="s">
        <v>221523</v>
      </c>
    </row>
    <row r="66540" spans="1:10" x14ac:dyDescent="0.35">
      <c r="A66540" s="1" t="s">
        <v>104431</v>
      </c>
      <c r="B66540" s="1" t="s">
        <v>220803</v>
      </c>
      <c r="C66540" s="1" t="s">
        <v>60</v>
      </c>
      <c r="D66540" s="1" t="s">
        <v>122131</v>
      </c>
      <c r="E66540" s="1" t="s">
        <v>221524</v>
      </c>
      <c r="F66540" s="1" t="s">
        <v>221525</v>
      </c>
      <c r="G66540" s="1" t="s">
        <v>221495</v>
      </c>
      <c r="H66540" s="1" t="s">
        <v>221496</v>
      </c>
      <c r="I66540" s="1" t="s">
        <v>220808</v>
      </c>
      <c r="J66540" s="1" t="s">
        <v>221526</v>
      </c>
    </row>
    <row r="66541" spans="1:10" x14ac:dyDescent="0.35">
      <c r="A66541" s="1" t="s">
        <v>104431</v>
      </c>
      <c r="B66541" s="1" t="s">
        <v>220803</v>
      </c>
      <c r="C66541" s="1" t="s">
        <v>65</v>
      </c>
      <c r="D66541" s="1" t="s">
        <v>32125</v>
      </c>
      <c r="E66541" s="1" t="s">
        <v>221527</v>
      </c>
      <c r="F66541" s="1" t="s">
        <v>221528</v>
      </c>
      <c r="G66541" s="1" t="s">
        <v>221495</v>
      </c>
      <c r="H66541" s="1" t="s">
        <v>221496</v>
      </c>
      <c r="I66541" s="1" t="s">
        <v>220808</v>
      </c>
      <c r="J66541" s="1" t="s">
        <v>221529</v>
      </c>
    </row>
    <row r="66542" spans="1:10" x14ac:dyDescent="0.35">
      <c r="A66542" s="1" t="s">
        <v>104431</v>
      </c>
      <c r="B66542" s="1" t="s">
        <v>220803</v>
      </c>
      <c r="C66542" s="1" t="s">
        <v>70</v>
      </c>
      <c r="D66542" s="1" t="s">
        <v>5377</v>
      </c>
      <c r="E66542" s="1" t="s">
        <v>221530</v>
      </c>
      <c r="F66542" s="1" t="s">
        <v>221531</v>
      </c>
      <c r="G66542" s="1" t="s">
        <v>221495</v>
      </c>
      <c r="H66542" s="1" t="s">
        <v>221496</v>
      </c>
      <c r="I66542" s="1" t="s">
        <v>220808</v>
      </c>
      <c r="J66542" s="1" t="s">
        <v>221532</v>
      </c>
    </row>
    <row r="66543" spans="1:10" x14ac:dyDescent="0.35">
      <c r="A66543" s="1" t="s">
        <v>104431</v>
      </c>
      <c r="B66543" s="1" t="s">
        <v>220803</v>
      </c>
      <c r="C66543" s="1" t="s">
        <v>75</v>
      </c>
      <c r="D66543" s="1" t="s">
        <v>202394</v>
      </c>
      <c r="E66543" s="1" t="s">
        <v>221533</v>
      </c>
      <c r="F66543" s="1" t="s">
        <v>221534</v>
      </c>
      <c r="G66543" s="1" t="s">
        <v>221495</v>
      </c>
      <c r="H66543" s="1" t="s">
        <v>221496</v>
      </c>
      <c r="I66543" s="1" t="s">
        <v>220808</v>
      </c>
      <c r="J66543" s="1" t="s">
        <v>221535</v>
      </c>
    </row>
    <row r="66544" spans="1:10" x14ac:dyDescent="0.35">
      <c r="A66544" s="1" t="s">
        <v>104431</v>
      </c>
      <c r="B66544" s="1" t="s">
        <v>220803</v>
      </c>
      <c r="C66544" s="1" t="s">
        <v>80</v>
      </c>
      <c r="D66544" s="1" t="s">
        <v>168494</v>
      </c>
      <c r="E66544" s="1" t="s">
        <v>221536</v>
      </c>
      <c r="F66544" s="1" t="s">
        <v>221537</v>
      </c>
      <c r="G66544" s="1" t="s">
        <v>221495</v>
      </c>
      <c r="H66544" s="1" t="s">
        <v>221496</v>
      </c>
      <c r="I66544" s="1" t="s">
        <v>220808</v>
      </c>
      <c r="J66544" s="1" t="s">
        <v>221538</v>
      </c>
    </row>
    <row r="66545" spans="1:10" x14ac:dyDescent="0.35">
      <c r="A66545" s="1" t="s">
        <v>104431</v>
      </c>
      <c r="B66545" s="1" t="s">
        <v>220803</v>
      </c>
      <c r="C66545" s="1" t="s">
        <v>85</v>
      </c>
      <c r="D66545" s="1" t="s">
        <v>218725</v>
      </c>
      <c r="E66545" s="1" t="s">
        <v>221539</v>
      </c>
      <c r="F66545" s="1" t="s">
        <v>221540</v>
      </c>
      <c r="G66545" s="1" t="s">
        <v>221495</v>
      </c>
      <c r="H66545" s="1" t="s">
        <v>221496</v>
      </c>
      <c r="I66545" s="1" t="s">
        <v>220808</v>
      </c>
      <c r="J66545" s="1" t="s">
        <v>221541</v>
      </c>
    </row>
    <row r="66546" spans="1:10" x14ac:dyDescent="0.35">
      <c r="A66546" s="1" t="s">
        <v>104431</v>
      </c>
      <c r="B66546" s="1" t="s">
        <v>220803</v>
      </c>
      <c r="C66546" s="1" t="s">
        <v>90</v>
      </c>
      <c r="D66546" s="1" t="s">
        <v>154295</v>
      </c>
      <c r="E66546" s="1" t="s">
        <v>221542</v>
      </c>
      <c r="F66546" s="1" t="s">
        <v>221543</v>
      </c>
      <c r="G66546" s="1" t="s">
        <v>221495</v>
      </c>
      <c r="H66546" s="1" t="s">
        <v>221496</v>
      </c>
      <c r="I66546" s="1" t="s">
        <v>220808</v>
      </c>
      <c r="J66546" s="1" t="s">
        <v>221544</v>
      </c>
    </row>
    <row r="66547" spans="1:10" x14ac:dyDescent="0.35">
      <c r="A66547" s="1" t="s">
        <v>104431</v>
      </c>
      <c r="B66547" s="1" t="s">
        <v>220803</v>
      </c>
      <c r="C66547" s="1" t="s">
        <v>95</v>
      </c>
      <c r="D66547" s="1" t="s">
        <v>221545</v>
      </c>
      <c r="E66547" s="1" t="s">
        <v>221546</v>
      </c>
      <c r="F66547" s="1" t="s">
        <v>221547</v>
      </c>
      <c r="G66547" s="1" t="s">
        <v>221495</v>
      </c>
      <c r="H66547" s="1" t="s">
        <v>221496</v>
      </c>
      <c r="I66547" s="1" t="s">
        <v>220808</v>
      </c>
      <c r="J66547" s="1" t="s">
        <v>221548</v>
      </c>
    </row>
    <row r="66548" spans="1:10" x14ac:dyDescent="0.35">
      <c r="A66548" s="1" t="s">
        <v>104431</v>
      </c>
      <c r="B66548" s="1" t="s">
        <v>220803</v>
      </c>
      <c r="C66548" s="1" t="s">
        <v>100</v>
      </c>
      <c r="D66548" s="1" t="s">
        <v>141912</v>
      </c>
      <c r="E66548" s="1" t="s">
        <v>221549</v>
      </c>
      <c r="F66548" s="1" t="s">
        <v>221550</v>
      </c>
      <c r="G66548" s="1" t="s">
        <v>221495</v>
      </c>
      <c r="H66548" s="1" t="s">
        <v>221496</v>
      </c>
      <c r="I66548" s="1" t="s">
        <v>220808</v>
      </c>
      <c r="J66548" s="1" t="s">
        <v>221551</v>
      </c>
    </row>
    <row r="66549" spans="1:10" x14ac:dyDescent="0.35">
      <c r="A66549" s="1" t="s">
        <v>104431</v>
      </c>
      <c r="B66549" s="1" t="s">
        <v>220803</v>
      </c>
      <c r="C66549" s="1" t="s">
        <v>105</v>
      </c>
      <c r="D66549" s="1" t="s">
        <v>155360</v>
      </c>
      <c r="E66549" s="1" t="s">
        <v>221552</v>
      </c>
      <c r="F66549" s="1" t="s">
        <v>221553</v>
      </c>
      <c r="G66549" s="1" t="s">
        <v>221495</v>
      </c>
      <c r="H66549" s="1" t="s">
        <v>221496</v>
      </c>
      <c r="I66549" s="1" t="s">
        <v>220808</v>
      </c>
      <c r="J66549" s="1" t="s">
        <v>221554</v>
      </c>
    </row>
    <row r="66550" spans="1:10" x14ac:dyDescent="0.35">
      <c r="A66550" s="1" t="s">
        <v>104431</v>
      </c>
      <c r="B66550" s="1" t="s">
        <v>220803</v>
      </c>
      <c r="C66550" s="1" t="s">
        <v>110</v>
      </c>
      <c r="D66550" s="1" t="s">
        <v>11628</v>
      </c>
      <c r="E66550" s="1" t="s">
        <v>221555</v>
      </c>
      <c r="F66550" s="1" t="s">
        <v>221556</v>
      </c>
      <c r="G66550" s="1" t="s">
        <v>221495</v>
      </c>
      <c r="H66550" s="1" t="s">
        <v>221496</v>
      </c>
      <c r="I66550" s="1" t="s">
        <v>220808</v>
      </c>
      <c r="J66550" s="1" t="s">
        <v>221557</v>
      </c>
    </row>
    <row r="66551" spans="1:10" x14ac:dyDescent="0.35">
      <c r="A66551" s="1" t="s">
        <v>104431</v>
      </c>
      <c r="B66551" s="1" t="s">
        <v>220803</v>
      </c>
      <c r="C66551" s="1" t="s">
        <v>115</v>
      </c>
      <c r="D66551" s="1" t="s">
        <v>213637</v>
      </c>
      <c r="E66551" s="1" t="s">
        <v>221558</v>
      </c>
      <c r="F66551" s="1" t="s">
        <v>221559</v>
      </c>
      <c r="G66551" s="1" t="s">
        <v>221495</v>
      </c>
      <c r="H66551" s="1" t="s">
        <v>221496</v>
      </c>
      <c r="I66551" s="1" t="s">
        <v>220808</v>
      </c>
      <c r="J66551" s="1" t="s">
        <v>221560</v>
      </c>
    </row>
    <row r="66552" spans="1:10" x14ac:dyDescent="0.35">
      <c r="A66552" s="1" t="s">
        <v>104431</v>
      </c>
      <c r="B66552" s="1" t="s">
        <v>220803</v>
      </c>
      <c r="C66552" s="1" t="s">
        <v>120</v>
      </c>
      <c r="D66552" s="1" t="s">
        <v>221561</v>
      </c>
      <c r="E66552" s="1" t="s">
        <v>221562</v>
      </c>
      <c r="F66552" s="1" t="s">
        <v>221563</v>
      </c>
      <c r="G66552" s="1" t="s">
        <v>221495</v>
      </c>
      <c r="H66552" s="1" t="s">
        <v>221496</v>
      </c>
      <c r="I66552" s="1" t="s">
        <v>220808</v>
      </c>
      <c r="J66552" s="1" t="s">
        <v>221564</v>
      </c>
    </row>
    <row r="66553" spans="1:10" x14ac:dyDescent="0.35">
      <c r="A66553" s="1" t="s">
        <v>104431</v>
      </c>
      <c r="B66553" s="1" t="s">
        <v>220803</v>
      </c>
      <c r="C66553" s="1" t="s">
        <v>125</v>
      </c>
      <c r="D66553" s="1" t="s">
        <v>221565</v>
      </c>
      <c r="E66553" s="1" t="s">
        <v>221566</v>
      </c>
      <c r="F66553" s="1" t="s">
        <v>221567</v>
      </c>
      <c r="G66553" s="1" t="s">
        <v>221495</v>
      </c>
      <c r="H66553" s="1" t="s">
        <v>221496</v>
      </c>
      <c r="I66553" s="1" t="s">
        <v>220808</v>
      </c>
      <c r="J66553" s="1" t="s">
        <v>221568</v>
      </c>
    </row>
    <row r="66554" spans="1:10" x14ac:dyDescent="0.35">
      <c r="A66554" s="1" t="s">
        <v>104431</v>
      </c>
      <c r="B66554" s="1" t="s">
        <v>220803</v>
      </c>
      <c r="C66554" s="1" t="s">
        <v>130</v>
      </c>
      <c r="D66554" s="1" t="s">
        <v>221569</v>
      </c>
      <c r="E66554" s="1" t="s">
        <v>221570</v>
      </c>
      <c r="F66554" s="1" t="s">
        <v>221571</v>
      </c>
      <c r="G66554" s="1" t="s">
        <v>221495</v>
      </c>
      <c r="H66554" s="1" t="s">
        <v>221496</v>
      </c>
      <c r="I66554" s="1" t="s">
        <v>220808</v>
      </c>
      <c r="J66554" s="1" t="s">
        <v>221572</v>
      </c>
    </row>
    <row r="66555" spans="1:10" x14ac:dyDescent="0.35">
      <c r="A66555" s="1" t="s">
        <v>104431</v>
      </c>
      <c r="B66555" s="1" t="s">
        <v>220803</v>
      </c>
      <c r="C66555" s="1" t="s">
        <v>135</v>
      </c>
      <c r="D66555" s="1" t="s">
        <v>189890</v>
      </c>
      <c r="E66555" s="1" t="s">
        <v>221573</v>
      </c>
      <c r="F66555" s="1" t="s">
        <v>221574</v>
      </c>
      <c r="G66555" s="1" t="s">
        <v>221495</v>
      </c>
      <c r="H66555" s="1" t="s">
        <v>221496</v>
      </c>
      <c r="I66555" s="1" t="s">
        <v>220808</v>
      </c>
      <c r="J66555" s="1" t="s">
        <v>221575</v>
      </c>
    </row>
    <row r="66556" spans="1:10" x14ac:dyDescent="0.35">
      <c r="A66556" s="1" t="s">
        <v>104431</v>
      </c>
      <c r="B66556" s="1" t="s">
        <v>220803</v>
      </c>
      <c r="C66556" s="1" t="s">
        <v>140</v>
      </c>
      <c r="D66556" s="1" t="s">
        <v>78782</v>
      </c>
      <c r="E66556" s="1" t="s">
        <v>221576</v>
      </c>
      <c r="F66556" s="1" t="s">
        <v>221577</v>
      </c>
      <c r="G66556" s="1" t="s">
        <v>221495</v>
      </c>
      <c r="H66556" s="1" t="s">
        <v>221496</v>
      </c>
      <c r="I66556" s="1" t="s">
        <v>220808</v>
      </c>
      <c r="J66556" s="1" t="s">
        <v>221578</v>
      </c>
    </row>
    <row r="66557" spans="1:10" x14ac:dyDescent="0.35">
      <c r="A66557" s="1" t="s">
        <v>104431</v>
      </c>
      <c r="B66557" s="1" t="s">
        <v>220803</v>
      </c>
      <c r="C66557" s="1" t="s">
        <v>145</v>
      </c>
      <c r="D66557" s="1" t="s">
        <v>221579</v>
      </c>
      <c r="E66557" s="1" t="s">
        <v>221580</v>
      </c>
      <c r="F66557" s="1" t="s">
        <v>221581</v>
      </c>
      <c r="G66557" s="1" t="s">
        <v>221495</v>
      </c>
      <c r="H66557" s="1" t="s">
        <v>221496</v>
      </c>
      <c r="I66557" s="1" t="s">
        <v>220808</v>
      </c>
      <c r="J66557" s="1" t="s">
        <v>221582</v>
      </c>
    </row>
    <row r="66558" spans="1:10" x14ac:dyDescent="0.35">
      <c r="A66558" s="1" t="s">
        <v>104431</v>
      </c>
      <c r="B66558" s="1" t="s">
        <v>220803</v>
      </c>
      <c r="C66558" s="1" t="s">
        <v>150</v>
      </c>
      <c r="D66558" s="1" t="s">
        <v>105752</v>
      </c>
      <c r="E66558" s="1" t="s">
        <v>221583</v>
      </c>
      <c r="F66558" s="1" t="s">
        <v>221584</v>
      </c>
      <c r="G66558" s="1" t="s">
        <v>221495</v>
      </c>
      <c r="H66558" s="1" t="s">
        <v>221496</v>
      </c>
      <c r="I66558" s="1" t="s">
        <v>220808</v>
      </c>
      <c r="J66558" s="1" t="s">
        <v>221585</v>
      </c>
    </row>
    <row r="66559" spans="1:10" x14ac:dyDescent="0.35">
      <c r="A66559" s="1" t="s">
        <v>104431</v>
      </c>
      <c r="B66559" s="1" t="s">
        <v>220803</v>
      </c>
      <c r="C66559" s="1" t="s">
        <v>155</v>
      </c>
      <c r="D66559" s="1" t="s">
        <v>221586</v>
      </c>
      <c r="E66559" s="1" t="s">
        <v>221587</v>
      </c>
      <c r="F66559" s="1" t="s">
        <v>221588</v>
      </c>
      <c r="G66559" s="1" t="s">
        <v>221495</v>
      </c>
      <c r="H66559" s="1" t="s">
        <v>221496</v>
      </c>
      <c r="I66559" s="1" t="s">
        <v>220808</v>
      </c>
      <c r="J66559" s="1" t="s">
        <v>221589</v>
      </c>
    </row>
    <row r="66560" spans="1:10" x14ac:dyDescent="0.35">
      <c r="A66560" s="1" t="s">
        <v>104431</v>
      </c>
      <c r="B66560" s="1" t="s">
        <v>220803</v>
      </c>
      <c r="C66560" s="1" t="s">
        <v>160</v>
      </c>
      <c r="D66560" s="1" t="s">
        <v>221590</v>
      </c>
      <c r="E66560" s="1" t="s">
        <v>221591</v>
      </c>
      <c r="F66560" s="1" t="s">
        <v>221592</v>
      </c>
      <c r="G66560" s="1" t="s">
        <v>221495</v>
      </c>
      <c r="H66560" s="1" t="s">
        <v>221496</v>
      </c>
      <c r="I66560" s="1" t="s">
        <v>220808</v>
      </c>
      <c r="J66560" s="1" t="s">
        <v>221593</v>
      </c>
    </row>
    <row r="66561" spans="1:10" x14ac:dyDescent="0.35">
      <c r="A66561" s="1" t="s">
        <v>104431</v>
      </c>
      <c r="B66561" s="1" t="s">
        <v>220803</v>
      </c>
      <c r="C66561" s="1" t="s">
        <v>165</v>
      </c>
      <c r="D66561" s="1" t="s">
        <v>67920</v>
      </c>
      <c r="E66561" s="1" t="s">
        <v>221594</v>
      </c>
      <c r="F66561" s="1" t="s">
        <v>221595</v>
      </c>
      <c r="G66561" s="1" t="s">
        <v>221495</v>
      </c>
      <c r="H66561" s="1" t="s">
        <v>221496</v>
      </c>
      <c r="I66561" s="1" t="s">
        <v>220808</v>
      </c>
      <c r="J66561" s="1" t="s">
        <v>221596</v>
      </c>
    </row>
    <row r="66562" spans="1:10" x14ac:dyDescent="0.35">
      <c r="A66562" s="1" t="s">
        <v>104431</v>
      </c>
      <c r="B66562" s="1" t="s">
        <v>220803</v>
      </c>
      <c r="C66562" s="1" t="s">
        <v>170</v>
      </c>
      <c r="D66562" s="1" t="s">
        <v>221597</v>
      </c>
      <c r="E66562" s="1" t="s">
        <v>221598</v>
      </c>
      <c r="F66562" s="1" t="s">
        <v>221599</v>
      </c>
      <c r="G66562" s="1" t="s">
        <v>221495</v>
      </c>
      <c r="H66562" s="1" t="s">
        <v>221496</v>
      </c>
      <c r="I66562" s="1" t="s">
        <v>220808</v>
      </c>
      <c r="J66562" s="1" t="s">
        <v>221600</v>
      </c>
    </row>
    <row r="66563" spans="1:10" x14ac:dyDescent="0.35">
      <c r="A66563" s="1" t="s">
        <v>8072</v>
      </c>
      <c r="B66563" s="1" t="s">
        <v>220803</v>
      </c>
      <c r="C66563" s="1" t="s">
        <v>8</v>
      </c>
      <c r="D66563" s="1" t="s">
        <v>31404</v>
      </c>
      <c r="E66563" s="1" t="s">
        <v>221601</v>
      </c>
      <c r="F66563" s="1" t="s">
        <v>221602</v>
      </c>
      <c r="G66563" s="1" t="s">
        <v>221603</v>
      </c>
      <c r="H66563" s="1" t="s">
        <v>221604</v>
      </c>
      <c r="I66563" s="1" t="s">
        <v>220808</v>
      </c>
      <c r="J66563" s="1" t="s">
        <v>13</v>
      </c>
    </row>
    <row r="66564" spans="1:10" x14ac:dyDescent="0.35">
      <c r="A66564" s="1" t="s">
        <v>8072</v>
      </c>
      <c r="B66564" s="1" t="s">
        <v>220803</v>
      </c>
      <c r="C66564" s="1" t="s">
        <v>15</v>
      </c>
      <c r="D66564" s="1" t="s">
        <v>24847</v>
      </c>
      <c r="E66564" s="1" t="s">
        <v>221605</v>
      </c>
      <c r="F66564" s="1" t="s">
        <v>221606</v>
      </c>
      <c r="G66564" s="1" t="s">
        <v>221603</v>
      </c>
      <c r="H66564" s="1" t="s">
        <v>221604</v>
      </c>
      <c r="I66564" s="1" t="s">
        <v>220808</v>
      </c>
      <c r="J66564" s="1" t="s">
        <v>221607</v>
      </c>
    </row>
    <row r="66565" spans="1:10" x14ac:dyDescent="0.35">
      <c r="A66565" s="1" t="s">
        <v>8072</v>
      </c>
      <c r="B66565" s="1" t="s">
        <v>220803</v>
      </c>
      <c r="C66565" s="1" t="s">
        <v>20</v>
      </c>
      <c r="D66565" s="1" t="s">
        <v>74381</v>
      </c>
      <c r="E66565" s="1" t="s">
        <v>221608</v>
      </c>
      <c r="F66565" s="1" t="s">
        <v>221609</v>
      </c>
      <c r="G66565" s="1" t="s">
        <v>221603</v>
      </c>
      <c r="H66565" s="1" t="s">
        <v>221604</v>
      </c>
      <c r="I66565" s="1" t="s">
        <v>220808</v>
      </c>
      <c r="J66565" s="1" t="s">
        <v>221610</v>
      </c>
    </row>
    <row r="66566" spans="1:10" x14ac:dyDescent="0.35">
      <c r="A66566" s="1" t="s">
        <v>8072</v>
      </c>
      <c r="B66566" s="1" t="s">
        <v>220803</v>
      </c>
      <c r="C66566" s="1" t="s">
        <v>25</v>
      </c>
      <c r="D66566" s="1" t="s">
        <v>153821</v>
      </c>
      <c r="E66566" s="1" t="s">
        <v>221611</v>
      </c>
      <c r="F66566" s="1" t="s">
        <v>221612</v>
      </c>
      <c r="G66566" s="1" t="s">
        <v>221603</v>
      </c>
      <c r="H66566" s="1" t="s">
        <v>221604</v>
      </c>
      <c r="I66566" s="1" t="s">
        <v>220808</v>
      </c>
      <c r="J66566" s="1" t="s">
        <v>221613</v>
      </c>
    </row>
    <row r="66567" spans="1:10" x14ac:dyDescent="0.35">
      <c r="A66567" s="1" t="s">
        <v>8072</v>
      </c>
      <c r="B66567" s="1" t="s">
        <v>220803</v>
      </c>
      <c r="C66567" s="1" t="s">
        <v>30</v>
      </c>
      <c r="D66567" s="1" t="s">
        <v>31910</v>
      </c>
      <c r="E66567" s="1" t="s">
        <v>221614</v>
      </c>
      <c r="F66567" s="1" t="s">
        <v>54082</v>
      </c>
      <c r="G66567" s="1" t="s">
        <v>221603</v>
      </c>
      <c r="H66567" s="1" t="s">
        <v>221604</v>
      </c>
      <c r="I66567" s="1" t="s">
        <v>220808</v>
      </c>
      <c r="J66567" s="1" t="s">
        <v>221615</v>
      </c>
    </row>
    <row r="66568" spans="1:10" x14ac:dyDescent="0.35">
      <c r="A66568" s="1" t="s">
        <v>8072</v>
      </c>
      <c r="B66568" s="1" t="s">
        <v>220803</v>
      </c>
      <c r="C66568" s="1" t="s">
        <v>35</v>
      </c>
      <c r="D66568" s="1" t="s">
        <v>221616</v>
      </c>
      <c r="E66568" s="1" t="s">
        <v>221617</v>
      </c>
      <c r="F66568" s="1" t="s">
        <v>221618</v>
      </c>
      <c r="G66568" s="1" t="s">
        <v>221603</v>
      </c>
      <c r="H66568" s="1" t="s">
        <v>221604</v>
      </c>
      <c r="I66568" s="1" t="s">
        <v>220808</v>
      </c>
      <c r="J66568" s="1" t="s">
        <v>221619</v>
      </c>
    </row>
    <row r="66569" spans="1:10" x14ac:dyDescent="0.35">
      <c r="A66569" s="1" t="s">
        <v>8072</v>
      </c>
      <c r="B66569" s="1" t="s">
        <v>220803</v>
      </c>
      <c r="C66569" s="1" t="s">
        <v>40</v>
      </c>
      <c r="D66569" s="1" t="s">
        <v>206638</v>
      </c>
      <c r="E66569" s="1" t="s">
        <v>221620</v>
      </c>
      <c r="F66569" s="1" t="s">
        <v>221621</v>
      </c>
      <c r="G66569" s="1" t="s">
        <v>221603</v>
      </c>
      <c r="H66569" s="1" t="s">
        <v>221604</v>
      </c>
      <c r="I66569" s="1" t="s">
        <v>220808</v>
      </c>
      <c r="J66569" s="1" t="s">
        <v>221622</v>
      </c>
    </row>
    <row r="66570" spans="1:10" x14ac:dyDescent="0.35">
      <c r="A66570" s="1" t="s">
        <v>8072</v>
      </c>
      <c r="B66570" s="1" t="s">
        <v>220803</v>
      </c>
      <c r="C66570" s="1" t="s">
        <v>45</v>
      </c>
      <c r="D66570" s="1" t="s">
        <v>82686</v>
      </c>
      <c r="E66570" s="1" t="s">
        <v>221623</v>
      </c>
      <c r="F66570" s="1" t="s">
        <v>221624</v>
      </c>
      <c r="G66570" s="1" t="s">
        <v>221603</v>
      </c>
      <c r="H66570" s="1" t="s">
        <v>221604</v>
      </c>
      <c r="I66570" s="1" t="s">
        <v>220808</v>
      </c>
      <c r="J66570" s="1" t="s">
        <v>221625</v>
      </c>
    </row>
    <row r="66571" spans="1:10" x14ac:dyDescent="0.35">
      <c r="A66571" s="1" t="s">
        <v>8072</v>
      </c>
      <c r="B66571" s="1" t="s">
        <v>220803</v>
      </c>
      <c r="C66571" s="1" t="s">
        <v>50</v>
      </c>
      <c r="D66571" s="1" t="s">
        <v>221626</v>
      </c>
      <c r="E66571" s="1" t="s">
        <v>221627</v>
      </c>
      <c r="F66571" s="1" t="s">
        <v>221628</v>
      </c>
      <c r="G66571" s="1" t="s">
        <v>221603</v>
      </c>
      <c r="H66571" s="1" t="s">
        <v>221604</v>
      </c>
      <c r="I66571" s="1" t="s">
        <v>220808</v>
      </c>
      <c r="J66571" s="1" t="s">
        <v>221629</v>
      </c>
    </row>
    <row r="66572" spans="1:10" x14ac:dyDescent="0.35">
      <c r="A66572" s="1" t="s">
        <v>8072</v>
      </c>
      <c r="B66572" s="1" t="s">
        <v>220803</v>
      </c>
      <c r="C66572" s="1" t="s">
        <v>55</v>
      </c>
      <c r="D66572" s="1" t="s">
        <v>221630</v>
      </c>
      <c r="E66572" s="1" t="s">
        <v>221631</v>
      </c>
      <c r="F66572" s="1" t="s">
        <v>221632</v>
      </c>
      <c r="G66572" s="1" t="s">
        <v>221603</v>
      </c>
      <c r="H66572" s="1" t="s">
        <v>221604</v>
      </c>
      <c r="I66572" s="1" t="s">
        <v>220808</v>
      </c>
      <c r="J66572" s="1" t="s">
        <v>221633</v>
      </c>
    </row>
    <row r="66573" spans="1:10" x14ac:dyDescent="0.35">
      <c r="A66573" s="1" t="s">
        <v>8072</v>
      </c>
      <c r="B66573" s="1" t="s">
        <v>220803</v>
      </c>
      <c r="C66573" s="1" t="s">
        <v>60</v>
      </c>
      <c r="D66573" s="1" t="s">
        <v>49674</v>
      </c>
      <c r="E66573" s="1" t="s">
        <v>221634</v>
      </c>
      <c r="F66573" s="1" t="s">
        <v>221635</v>
      </c>
      <c r="G66573" s="1" t="s">
        <v>221603</v>
      </c>
      <c r="H66573" s="1" t="s">
        <v>221604</v>
      </c>
      <c r="I66573" s="1" t="s">
        <v>220808</v>
      </c>
      <c r="J66573" s="1" t="s">
        <v>221636</v>
      </c>
    </row>
    <row r="66574" spans="1:10" x14ac:dyDescent="0.35">
      <c r="A66574" s="1" t="s">
        <v>8072</v>
      </c>
      <c r="B66574" s="1" t="s">
        <v>220803</v>
      </c>
      <c r="C66574" s="1" t="s">
        <v>65</v>
      </c>
      <c r="D66574" s="1" t="s">
        <v>171078</v>
      </c>
      <c r="E66574" s="1" t="s">
        <v>221637</v>
      </c>
      <c r="F66574" s="1" t="s">
        <v>221638</v>
      </c>
      <c r="G66574" s="1" t="s">
        <v>221603</v>
      </c>
      <c r="H66574" s="1" t="s">
        <v>221604</v>
      </c>
      <c r="I66574" s="1" t="s">
        <v>220808</v>
      </c>
      <c r="J66574" s="1" t="s">
        <v>221639</v>
      </c>
    </row>
    <row r="66575" spans="1:10" x14ac:dyDescent="0.35">
      <c r="A66575" s="1" t="s">
        <v>8072</v>
      </c>
      <c r="B66575" s="1" t="s">
        <v>220803</v>
      </c>
      <c r="C66575" s="1" t="s">
        <v>70</v>
      </c>
      <c r="D66575" s="1" t="s">
        <v>31327</v>
      </c>
      <c r="E66575" s="1" t="s">
        <v>221640</v>
      </c>
      <c r="F66575" s="1" t="s">
        <v>221641</v>
      </c>
      <c r="G66575" s="1" t="s">
        <v>221603</v>
      </c>
      <c r="H66575" s="1" t="s">
        <v>221604</v>
      </c>
      <c r="I66575" s="1" t="s">
        <v>220808</v>
      </c>
      <c r="J66575" s="1" t="s">
        <v>221642</v>
      </c>
    </row>
    <row r="66576" spans="1:10" x14ac:dyDescent="0.35">
      <c r="A66576" s="1" t="s">
        <v>8072</v>
      </c>
      <c r="B66576" s="1" t="s">
        <v>220803</v>
      </c>
      <c r="C66576" s="1" t="s">
        <v>75</v>
      </c>
      <c r="D66576" s="1" t="s">
        <v>208959</v>
      </c>
      <c r="E66576" s="1" t="s">
        <v>221643</v>
      </c>
      <c r="F66576" s="1" t="s">
        <v>221644</v>
      </c>
      <c r="G66576" s="1" t="s">
        <v>221603</v>
      </c>
      <c r="H66576" s="1" t="s">
        <v>221604</v>
      </c>
      <c r="I66576" s="1" t="s">
        <v>220808</v>
      </c>
      <c r="J66576" s="1" t="s">
        <v>221645</v>
      </c>
    </row>
    <row r="66577" spans="1:10" x14ac:dyDescent="0.35">
      <c r="A66577" s="1" t="s">
        <v>8072</v>
      </c>
      <c r="B66577" s="1" t="s">
        <v>220803</v>
      </c>
      <c r="C66577" s="1" t="s">
        <v>80</v>
      </c>
      <c r="D66577" s="1" t="s">
        <v>172842</v>
      </c>
      <c r="E66577" s="1" t="s">
        <v>221646</v>
      </c>
      <c r="F66577" s="1" t="s">
        <v>221647</v>
      </c>
      <c r="G66577" s="1" t="s">
        <v>221603</v>
      </c>
      <c r="H66577" s="1" t="s">
        <v>221604</v>
      </c>
      <c r="I66577" s="1" t="s">
        <v>220808</v>
      </c>
      <c r="J66577" s="1" t="s">
        <v>221648</v>
      </c>
    </row>
    <row r="66578" spans="1:10" x14ac:dyDescent="0.35">
      <c r="A66578" s="1" t="s">
        <v>8072</v>
      </c>
      <c r="B66578" s="1" t="s">
        <v>220803</v>
      </c>
      <c r="C66578" s="1" t="s">
        <v>85</v>
      </c>
      <c r="D66578" s="1" t="s">
        <v>169011</v>
      </c>
      <c r="E66578" s="1" t="s">
        <v>221649</v>
      </c>
      <c r="F66578" s="1" t="s">
        <v>221650</v>
      </c>
      <c r="G66578" s="1" t="s">
        <v>221603</v>
      </c>
      <c r="H66578" s="1" t="s">
        <v>221604</v>
      </c>
      <c r="I66578" s="1" t="s">
        <v>220808</v>
      </c>
      <c r="J66578" s="1" t="s">
        <v>221651</v>
      </c>
    </row>
    <row r="66579" spans="1:10" x14ac:dyDescent="0.35">
      <c r="A66579" s="1" t="s">
        <v>8072</v>
      </c>
      <c r="B66579" s="1" t="s">
        <v>220803</v>
      </c>
      <c r="C66579" s="1" t="s">
        <v>90</v>
      </c>
      <c r="D66579" s="1" t="s">
        <v>195549</v>
      </c>
      <c r="E66579" s="1" t="s">
        <v>221652</v>
      </c>
      <c r="F66579" s="1" t="s">
        <v>221653</v>
      </c>
      <c r="G66579" s="1" t="s">
        <v>221603</v>
      </c>
      <c r="H66579" s="1" t="s">
        <v>221604</v>
      </c>
      <c r="I66579" s="1" t="s">
        <v>220808</v>
      </c>
      <c r="J66579" s="1" t="s">
        <v>221654</v>
      </c>
    </row>
    <row r="66580" spans="1:10" x14ac:dyDescent="0.35">
      <c r="A66580" s="1" t="s">
        <v>8072</v>
      </c>
      <c r="B66580" s="1" t="s">
        <v>220803</v>
      </c>
      <c r="C66580" s="1" t="s">
        <v>95</v>
      </c>
      <c r="D66580" s="1" t="s">
        <v>154704</v>
      </c>
      <c r="E66580" s="1" t="s">
        <v>221655</v>
      </c>
      <c r="F66580" s="1" t="s">
        <v>221656</v>
      </c>
      <c r="G66580" s="1" t="s">
        <v>221603</v>
      </c>
      <c r="H66580" s="1" t="s">
        <v>221604</v>
      </c>
      <c r="I66580" s="1" t="s">
        <v>220808</v>
      </c>
      <c r="J66580" s="1" t="s">
        <v>221657</v>
      </c>
    </row>
    <row r="66581" spans="1:10" x14ac:dyDescent="0.35">
      <c r="A66581" s="1" t="s">
        <v>8072</v>
      </c>
      <c r="B66581" s="1" t="s">
        <v>220803</v>
      </c>
      <c r="C66581" s="1" t="s">
        <v>100</v>
      </c>
      <c r="D66581" s="1" t="s">
        <v>221658</v>
      </c>
      <c r="E66581" s="1" t="s">
        <v>221659</v>
      </c>
      <c r="F66581" s="1" t="s">
        <v>221660</v>
      </c>
      <c r="G66581" s="1" t="s">
        <v>221603</v>
      </c>
      <c r="H66581" s="1" t="s">
        <v>221604</v>
      </c>
      <c r="I66581" s="1" t="s">
        <v>220808</v>
      </c>
      <c r="J66581" s="1" t="s">
        <v>221661</v>
      </c>
    </row>
    <row r="66582" spans="1:10" x14ac:dyDescent="0.35">
      <c r="A66582" s="1" t="s">
        <v>8072</v>
      </c>
      <c r="B66582" s="1" t="s">
        <v>220803</v>
      </c>
      <c r="C66582" s="1" t="s">
        <v>105</v>
      </c>
      <c r="D66582" s="1" t="s">
        <v>187781</v>
      </c>
      <c r="E66582" s="1" t="s">
        <v>221662</v>
      </c>
      <c r="F66582" s="1" t="s">
        <v>221663</v>
      </c>
      <c r="G66582" s="1" t="s">
        <v>221603</v>
      </c>
      <c r="H66582" s="1" t="s">
        <v>221604</v>
      </c>
      <c r="I66582" s="1" t="s">
        <v>220808</v>
      </c>
      <c r="J66582" s="1" t="s">
        <v>221664</v>
      </c>
    </row>
    <row r="66583" spans="1:10" x14ac:dyDescent="0.35">
      <c r="A66583" s="1" t="s">
        <v>8072</v>
      </c>
      <c r="B66583" s="1" t="s">
        <v>220803</v>
      </c>
      <c r="C66583" s="1" t="s">
        <v>110</v>
      </c>
      <c r="D66583" s="1" t="s">
        <v>152777</v>
      </c>
      <c r="E66583" s="1" t="s">
        <v>221665</v>
      </c>
      <c r="F66583" s="1" t="s">
        <v>221666</v>
      </c>
      <c r="G66583" s="1" t="s">
        <v>221603</v>
      </c>
      <c r="H66583" s="1" t="s">
        <v>221604</v>
      </c>
      <c r="I66583" s="1" t="s">
        <v>220808</v>
      </c>
      <c r="J66583" s="1" t="s">
        <v>221667</v>
      </c>
    </row>
    <row r="66584" spans="1:10" x14ac:dyDescent="0.35">
      <c r="A66584" s="1" t="s">
        <v>8072</v>
      </c>
      <c r="B66584" s="1" t="s">
        <v>220803</v>
      </c>
      <c r="C66584" s="1" t="s">
        <v>115</v>
      </c>
      <c r="D66584" s="1" t="s">
        <v>108438</v>
      </c>
      <c r="E66584" s="1" t="s">
        <v>221668</v>
      </c>
      <c r="F66584" s="1" t="s">
        <v>221669</v>
      </c>
      <c r="G66584" s="1" t="s">
        <v>221603</v>
      </c>
      <c r="H66584" s="1" t="s">
        <v>221604</v>
      </c>
      <c r="I66584" s="1" t="s">
        <v>220808</v>
      </c>
      <c r="J66584" s="1" t="s">
        <v>12282</v>
      </c>
    </row>
    <row r="66585" spans="1:10" x14ac:dyDescent="0.35">
      <c r="A66585" s="1" t="s">
        <v>8072</v>
      </c>
      <c r="B66585" s="1" t="s">
        <v>220803</v>
      </c>
      <c r="C66585" s="1" t="s">
        <v>120</v>
      </c>
      <c r="D66585" s="1" t="s">
        <v>221670</v>
      </c>
      <c r="E66585" s="1" t="s">
        <v>221671</v>
      </c>
      <c r="F66585" s="1" t="s">
        <v>221672</v>
      </c>
      <c r="G66585" s="1" t="s">
        <v>221603</v>
      </c>
      <c r="H66585" s="1" t="s">
        <v>221604</v>
      </c>
      <c r="I66585" s="1" t="s">
        <v>220808</v>
      </c>
      <c r="J66585" s="1" t="s">
        <v>221673</v>
      </c>
    </row>
    <row r="66586" spans="1:10" x14ac:dyDescent="0.35">
      <c r="A66586" s="1" t="s">
        <v>8072</v>
      </c>
      <c r="B66586" s="1" t="s">
        <v>220803</v>
      </c>
      <c r="C66586" s="1" t="s">
        <v>125</v>
      </c>
      <c r="D66586" s="1" t="s">
        <v>108744</v>
      </c>
      <c r="E66586" s="1" t="s">
        <v>221674</v>
      </c>
      <c r="F66586" s="1" t="s">
        <v>221675</v>
      </c>
      <c r="G66586" s="1" t="s">
        <v>221603</v>
      </c>
      <c r="H66586" s="1" t="s">
        <v>221604</v>
      </c>
      <c r="I66586" s="1" t="s">
        <v>220808</v>
      </c>
      <c r="J66586" s="1" t="s">
        <v>221676</v>
      </c>
    </row>
    <row r="66587" spans="1:10" x14ac:dyDescent="0.35">
      <c r="A66587" s="1" t="s">
        <v>8072</v>
      </c>
      <c r="B66587" s="1" t="s">
        <v>220803</v>
      </c>
      <c r="C66587" s="1" t="s">
        <v>130</v>
      </c>
      <c r="D66587" s="1" t="s">
        <v>63916</v>
      </c>
      <c r="E66587" s="1" t="s">
        <v>221677</v>
      </c>
      <c r="F66587" s="1" t="s">
        <v>221678</v>
      </c>
      <c r="G66587" s="1" t="s">
        <v>221603</v>
      </c>
      <c r="H66587" s="1" t="s">
        <v>221604</v>
      </c>
      <c r="I66587" s="1" t="s">
        <v>220808</v>
      </c>
      <c r="J66587" s="1" t="s">
        <v>221679</v>
      </c>
    </row>
    <row r="66588" spans="1:10" x14ac:dyDescent="0.35">
      <c r="A66588" s="1" t="s">
        <v>8072</v>
      </c>
      <c r="B66588" s="1" t="s">
        <v>220803</v>
      </c>
      <c r="C66588" s="1" t="s">
        <v>135</v>
      </c>
      <c r="D66588" s="1" t="s">
        <v>178323</v>
      </c>
      <c r="E66588" s="1" t="s">
        <v>221680</v>
      </c>
      <c r="F66588" s="1" t="s">
        <v>221681</v>
      </c>
      <c r="G66588" s="1" t="s">
        <v>221603</v>
      </c>
      <c r="H66588" s="1" t="s">
        <v>221604</v>
      </c>
      <c r="I66588" s="1" t="s">
        <v>220808</v>
      </c>
      <c r="J66588" s="1" t="s">
        <v>221682</v>
      </c>
    </row>
    <row r="66589" spans="1:10" x14ac:dyDescent="0.35">
      <c r="A66589" s="1" t="s">
        <v>8072</v>
      </c>
      <c r="B66589" s="1" t="s">
        <v>220803</v>
      </c>
      <c r="C66589" s="1" t="s">
        <v>140</v>
      </c>
      <c r="D66589" s="1" t="s">
        <v>184233</v>
      </c>
      <c r="E66589" s="1" t="s">
        <v>221683</v>
      </c>
      <c r="F66589" s="1" t="s">
        <v>221684</v>
      </c>
      <c r="G66589" s="1" t="s">
        <v>221603</v>
      </c>
      <c r="H66589" s="1" t="s">
        <v>221604</v>
      </c>
      <c r="I66589" s="1" t="s">
        <v>220808</v>
      </c>
      <c r="J66589" s="1" t="s">
        <v>221685</v>
      </c>
    </row>
    <row r="66590" spans="1:10" x14ac:dyDescent="0.35">
      <c r="A66590" s="1" t="s">
        <v>8072</v>
      </c>
      <c r="B66590" s="1" t="s">
        <v>220803</v>
      </c>
      <c r="C66590" s="1" t="s">
        <v>145</v>
      </c>
      <c r="D66590" s="1" t="s">
        <v>127834</v>
      </c>
      <c r="E66590" s="1" t="s">
        <v>221686</v>
      </c>
      <c r="F66590" s="1" t="s">
        <v>221687</v>
      </c>
      <c r="G66590" s="1" t="s">
        <v>221603</v>
      </c>
      <c r="H66590" s="1" t="s">
        <v>221604</v>
      </c>
      <c r="I66590" s="1" t="s">
        <v>220808</v>
      </c>
      <c r="J66590" s="1" t="s">
        <v>221688</v>
      </c>
    </row>
    <row r="66591" spans="1:10" x14ac:dyDescent="0.35">
      <c r="A66591" s="1" t="s">
        <v>8072</v>
      </c>
      <c r="B66591" s="1" t="s">
        <v>220803</v>
      </c>
      <c r="C66591" s="1" t="s">
        <v>150</v>
      </c>
      <c r="D66591" s="1" t="s">
        <v>87969</v>
      </c>
      <c r="E66591" s="1" t="s">
        <v>221689</v>
      </c>
      <c r="F66591" s="1" t="s">
        <v>221690</v>
      </c>
      <c r="G66591" s="1" t="s">
        <v>221603</v>
      </c>
      <c r="H66591" s="1" t="s">
        <v>221604</v>
      </c>
      <c r="I66591" s="1" t="s">
        <v>220808</v>
      </c>
      <c r="J66591" s="1" t="s">
        <v>221691</v>
      </c>
    </row>
    <row r="66592" spans="1:10" x14ac:dyDescent="0.35">
      <c r="A66592" s="1" t="s">
        <v>8072</v>
      </c>
      <c r="B66592" s="1" t="s">
        <v>220803</v>
      </c>
      <c r="C66592" s="1" t="s">
        <v>155</v>
      </c>
      <c r="D66592" s="1" t="s">
        <v>77264</v>
      </c>
      <c r="E66592" s="1" t="s">
        <v>221692</v>
      </c>
      <c r="F66592" s="1" t="s">
        <v>221693</v>
      </c>
      <c r="G66592" s="1" t="s">
        <v>221603</v>
      </c>
      <c r="H66592" s="1" t="s">
        <v>221604</v>
      </c>
      <c r="I66592" s="1" t="s">
        <v>220808</v>
      </c>
      <c r="J66592" s="1" t="s">
        <v>221694</v>
      </c>
    </row>
    <row r="66593" spans="1:10" x14ac:dyDescent="0.35">
      <c r="A66593" s="1" t="s">
        <v>8072</v>
      </c>
      <c r="B66593" s="1" t="s">
        <v>220803</v>
      </c>
      <c r="C66593" s="1" t="s">
        <v>160</v>
      </c>
      <c r="D66593" s="1" t="s">
        <v>109404</v>
      </c>
      <c r="E66593" s="1" t="s">
        <v>221695</v>
      </c>
      <c r="F66593" s="1" t="s">
        <v>221696</v>
      </c>
      <c r="G66593" s="1" t="s">
        <v>221603</v>
      </c>
      <c r="H66593" s="1" t="s">
        <v>221604</v>
      </c>
      <c r="I66593" s="1" t="s">
        <v>220808</v>
      </c>
      <c r="J66593" s="1" t="s">
        <v>221697</v>
      </c>
    </row>
    <row r="66594" spans="1:10" x14ac:dyDescent="0.35">
      <c r="A66594" s="1" t="s">
        <v>8072</v>
      </c>
      <c r="B66594" s="1" t="s">
        <v>220803</v>
      </c>
      <c r="C66594" s="1" t="s">
        <v>165</v>
      </c>
      <c r="D66594" s="1" t="s">
        <v>103099</v>
      </c>
      <c r="E66594" s="1" t="s">
        <v>221698</v>
      </c>
      <c r="F66594" s="1" t="s">
        <v>221699</v>
      </c>
      <c r="G66594" s="1" t="s">
        <v>221603</v>
      </c>
      <c r="H66594" s="1" t="s">
        <v>221604</v>
      </c>
      <c r="I66594" s="1" t="s">
        <v>220808</v>
      </c>
      <c r="J66594" s="1" t="s">
        <v>221700</v>
      </c>
    </row>
    <row r="66595" spans="1:10" x14ac:dyDescent="0.35">
      <c r="A66595" s="1" t="s">
        <v>8072</v>
      </c>
      <c r="B66595" s="1" t="s">
        <v>220803</v>
      </c>
      <c r="C66595" s="1" t="s">
        <v>170</v>
      </c>
      <c r="D66595" s="1" t="s">
        <v>221701</v>
      </c>
      <c r="E66595" s="1" t="s">
        <v>221702</v>
      </c>
      <c r="F66595" s="1" t="s">
        <v>221703</v>
      </c>
      <c r="G66595" s="1" t="s">
        <v>221603</v>
      </c>
      <c r="H66595" s="1" t="s">
        <v>221604</v>
      </c>
      <c r="I66595" s="1" t="s">
        <v>220808</v>
      </c>
      <c r="J66595" s="1" t="s">
        <v>221704</v>
      </c>
    </row>
    <row r="66596" spans="1:10" x14ac:dyDescent="0.35">
      <c r="A66596" s="1" t="s">
        <v>8314</v>
      </c>
      <c r="B66596" s="1" t="s">
        <v>220803</v>
      </c>
      <c r="C66596" s="1" t="s">
        <v>8</v>
      </c>
      <c r="D66596" s="1" t="s">
        <v>82102</v>
      </c>
      <c r="E66596" s="1" t="s">
        <v>105408</v>
      </c>
      <c r="F66596" s="1" t="s">
        <v>221705</v>
      </c>
      <c r="G66596" s="1" t="s">
        <v>221706</v>
      </c>
      <c r="H66596" s="1" t="s">
        <v>221707</v>
      </c>
      <c r="I66596" s="1" t="s">
        <v>220808</v>
      </c>
      <c r="J66596" s="1" t="s">
        <v>13</v>
      </c>
    </row>
    <row r="66597" spans="1:10" x14ac:dyDescent="0.35">
      <c r="A66597" s="1" t="s">
        <v>8314</v>
      </c>
      <c r="B66597" s="1" t="s">
        <v>220803</v>
      </c>
      <c r="C66597" s="1" t="s">
        <v>15</v>
      </c>
      <c r="D66597" s="1" t="s">
        <v>221708</v>
      </c>
      <c r="E66597" s="1" t="s">
        <v>107428</v>
      </c>
      <c r="F66597" s="1" t="s">
        <v>23757</v>
      </c>
      <c r="G66597" s="1" t="s">
        <v>221706</v>
      </c>
      <c r="H66597" s="1" t="s">
        <v>221707</v>
      </c>
      <c r="I66597" s="1" t="s">
        <v>220808</v>
      </c>
      <c r="J66597" s="1" t="s">
        <v>221709</v>
      </c>
    </row>
    <row r="66598" spans="1:10" x14ac:dyDescent="0.35">
      <c r="A66598" s="1" t="s">
        <v>8314</v>
      </c>
      <c r="B66598" s="1" t="s">
        <v>220803</v>
      </c>
      <c r="C66598" s="1" t="s">
        <v>20</v>
      </c>
      <c r="D66598" s="1" t="s">
        <v>38063</v>
      </c>
      <c r="E66598" s="1" t="s">
        <v>108875</v>
      </c>
      <c r="F66598" s="1" t="s">
        <v>221710</v>
      </c>
      <c r="G66598" s="1" t="s">
        <v>221706</v>
      </c>
      <c r="H66598" s="1" t="s">
        <v>221707</v>
      </c>
      <c r="I66598" s="1" t="s">
        <v>220808</v>
      </c>
      <c r="J66598" s="1" t="s">
        <v>221711</v>
      </c>
    </row>
    <row r="66599" spans="1:10" x14ac:dyDescent="0.35">
      <c r="A66599" s="1" t="s">
        <v>8314</v>
      </c>
      <c r="B66599" s="1" t="s">
        <v>220803</v>
      </c>
      <c r="C66599" s="1" t="s">
        <v>25</v>
      </c>
      <c r="D66599" s="1" t="s">
        <v>42841</v>
      </c>
      <c r="E66599" s="1" t="s">
        <v>73366</v>
      </c>
      <c r="F66599" s="1" t="s">
        <v>221712</v>
      </c>
      <c r="G66599" s="1" t="s">
        <v>221706</v>
      </c>
      <c r="H66599" s="1" t="s">
        <v>221707</v>
      </c>
      <c r="I66599" s="1" t="s">
        <v>220808</v>
      </c>
      <c r="J66599" s="1" t="s">
        <v>221713</v>
      </c>
    </row>
    <row r="66600" spans="1:10" x14ac:dyDescent="0.35">
      <c r="A66600" s="1" t="s">
        <v>8314</v>
      </c>
      <c r="B66600" s="1" t="s">
        <v>220803</v>
      </c>
      <c r="C66600" s="1" t="s">
        <v>30</v>
      </c>
      <c r="D66600" s="1" t="s">
        <v>221714</v>
      </c>
      <c r="E66600" s="1" t="s">
        <v>133285</v>
      </c>
      <c r="F66600" s="1" t="s">
        <v>221715</v>
      </c>
      <c r="G66600" s="1" t="s">
        <v>221706</v>
      </c>
      <c r="H66600" s="1" t="s">
        <v>221707</v>
      </c>
      <c r="I66600" s="1" t="s">
        <v>220808</v>
      </c>
      <c r="J66600" s="1" t="s">
        <v>221716</v>
      </c>
    </row>
    <row r="66601" spans="1:10" x14ac:dyDescent="0.35">
      <c r="A66601" s="1" t="s">
        <v>8314</v>
      </c>
      <c r="B66601" s="1" t="s">
        <v>220803</v>
      </c>
      <c r="C66601" s="1" t="s">
        <v>35</v>
      </c>
      <c r="D66601" s="1" t="s">
        <v>175680</v>
      </c>
      <c r="E66601" s="1" t="s">
        <v>180414</v>
      </c>
      <c r="F66601" s="1" t="s">
        <v>221717</v>
      </c>
      <c r="G66601" s="1" t="s">
        <v>221706</v>
      </c>
      <c r="H66601" s="1" t="s">
        <v>221707</v>
      </c>
      <c r="I66601" s="1" t="s">
        <v>220808</v>
      </c>
      <c r="J66601" s="1" t="s">
        <v>221718</v>
      </c>
    </row>
    <row r="66602" spans="1:10" x14ac:dyDescent="0.35">
      <c r="A66602" s="1" t="s">
        <v>8314</v>
      </c>
      <c r="B66602" s="1" t="s">
        <v>220803</v>
      </c>
      <c r="C66602" s="1" t="s">
        <v>40</v>
      </c>
      <c r="D66602" s="1" t="s">
        <v>221719</v>
      </c>
      <c r="E66602" s="1" t="s">
        <v>221720</v>
      </c>
      <c r="F66602" s="1" t="s">
        <v>221721</v>
      </c>
      <c r="G66602" s="1" t="s">
        <v>221706</v>
      </c>
      <c r="H66602" s="1" t="s">
        <v>221707</v>
      </c>
      <c r="I66602" s="1" t="s">
        <v>220808</v>
      </c>
      <c r="J66602" s="1" t="s">
        <v>221722</v>
      </c>
    </row>
    <row r="66603" spans="1:10" x14ac:dyDescent="0.35">
      <c r="A66603" s="1" t="s">
        <v>8314</v>
      </c>
      <c r="B66603" s="1" t="s">
        <v>220803</v>
      </c>
      <c r="C66603" s="1" t="s">
        <v>45</v>
      </c>
      <c r="D66603" s="1" t="s">
        <v>107913</v>
      </c>
      <c r="E66603" s="1" t="s">
        <v>78870</v>
      </c>
      <c r="F66603" s="1" t="s">
        <v>221723</v>
      </c>
      <c r="G66603" s="1" t="s">
        <v>221706</v>
      </c>
      <c r="H66603" s="1" t="s">
        <v>221707</v>
      </c>
      <c r="I66603" s="1" t="s">
        <v>220808</v>
      </c>
      <c r="J66603" s="1" t="s">
        <v>221724</v>
      </c>
    </row>
    <row r="66604" spans="1:10" x14ac:dyDescent="0.35">
      <c r="A66604" s="1" t="s">
        <v>8314</v>
      </c>
      <c r="B66604" s="1" t="s">
        <v>220803</v>
      </c>
      <c r="C66604" s="1" t="s">
        <v>50</v>
      </c>
      <c r="D66604" s="1" t="s">
        <v>221725</v>
      </c>
      <c r="E66604" s="1" t="s">
        <v>73366</v>
      </c>
      <c r="F66604" s="1" t="s">
        <v>126963</v>
      </c>
      <c r="G66604" s="1" t="s">
        <v>221706</v>
      </c>
      <c r="H66604" s="1" t="s">
        <v>221707</v>
      </c>
      <c r="I66604" s="1" t="s">
        <v>220808</v>
      </c>
      <c r="J66604" s="1" t="s">
        <v>221726</v>
      </c>
    </row>
    <row r="66605" spans="1:10" x14ac:dyDescent="0.35">
      <c r="A66605" s="1" t="s">
        <v>8314</v>
      </c>
      <c r="B66605" s="1" t="s">
        <v>220803</v>
      </c>
      <c r="C66605" s="1" t="s">
        <v>55</v>
      </c>
      <c r="D66605" s="1" t="s">
        <v>174183</v>
      </c>
      <c r="E66605" s="1" t="s">
        <v>132802</v>
      </c>
      <c r="F66605" s="1" t="s">
        <v>221727</v>
      </c>
      <c r="G66605" s="1" t="s">
        <v>221706</v>
      </c>
      <c r="H66605" s="1" t="s">
        <v>221707</v>
      </c>
      <c r="I66605" s="1" t="s">
        <v>220808</v>
      </c>
      <c r="J66605" s="1" t="s">
        <v>221728</v>
      </c>
    </row>
    <row r="66606" spans="1:10" x14ac:dyDescent="0.35">
      <c r="A66606" s="1" t="s">
        <v>8314</v>
      </c>
      <c r="B66606" s="1" t="s">
        <v>220803</v>
      </c>
      <c r="C66606" s="1" t="s">
        <v>60</v>
      </c>
      <c r="D66606" s="1" t="s">
        <v>221729</v>
      </c>
      <c r="E66606" s="1" t="s">
        <v>106159</v>
      </c>
      <c r="F66606" s="1" t="s">
        <v>137971</v>
      </c>
      <c r="G66606" s="1" t="s">
        <v>221706</v>
      </c>
      <c r="H66606" s="1" t="s">
        <v>221707</v>
      </c>
      <c r="I66606" s="1" t="s">
        <v>220808</v>
      </c>
      <c r="J66606" s="1" t="s">
        <v>221730</v>
      </c>
    </row>
    <row r="66607" spans="1:10" x14ac:dyDescent="0.35">
      <c r="A66607" s="1" t="s">
        <v>8314</v>
      </c>
      <c r="B66607" s="1" t="s">
        <v>220803</v>
      </c>
      <c r="C66607" s="1" t="s">
        <v>65</v>
      </c>
      <c r="D66607" s="1" t="s">
        <v>221731</v>
      </c>
      <c r="E66607" s="1" t="s">
        <v>145058</v>
      </c>
      <c r="F66607" s="1" t="s">
        <v>221732</v>
      </c>
      <c r="G66607" s="1" t="s">
        <v>221706</v>
      </c>
      <c r="H66607" s="1" t="s">
        <v>221707</v>
      </c>
      <c r="I66607" s="1" t="s">
        <v>220808</v>
      </c>
      <c r="J66607" s="1" t="s">
        <v>221733</v>
      </c>
    </row>
    <row r="66608" spans="1:10" x14ac:dyDescent="0.35">
      <c r="A66608" s="1" t="s">
        <v>8314</v>
      </c>
      <c r="B66608" s="1" t="s">
        <v>220803</v>
      </c>
      <c r="C66608" s="1" t="s">
        <v>70</v>
      </c>
      <c r="D66608" s="1" t="s">
        <v>17566</v>
      </c>
      <c r="E66608" s="1" t="s">
        <v>221734</v>
      </c>
      <c r="F66608" s="1" t="s">
        <v>221735</v>
      </c>
      <c r="G66608" s="1" t="s">
        <v>221706</v>
      </c>
      <c r="H66608" s="1" t="s">
        <v>221707</v>
      </c>
      <c r="I66608" s="1" t="s">
        <v>220808</v>
      </c>
      <c r="J66608" s="1" t="s">
        <v>221736</v>
      </c>
    </row>
    <row r="66609" spans="1:10" x14ac:dyDescent="0.35">
      <c r="A66609" s="1" t="s">
        <v>8314</v>
      </c>
      <c r="B66609" s="1" t="s">
        <v>220803</v>
      </c>
      <c r="C66609" s="1" t="s">
        <v>75</v>
      </c>
      <c r="D66609" s="1" t="s">
        <v>221737</v>
      </c>
      <c r="E66609" s="1" t="s">
        <v>221738</v>
      </c>
      <c r="F66609" s="1" t="s">
        <v>101601</v>
      </c>
      <c r="G66609" s="1" t="s">
        <v>221706</v>
      </c>
      <c r="H66609" s="1" t="s">
        <v>221707</v>
      </c>
      <c r="I66609" s="1" t="s">
        <v>220808</v>
      </c>
      <c r="J66609" s="1" t="s">
        <v>221739</v>
      </c>
    </row>
    <row r="66610" spans="1:10" x14ac:dyDescent="0.35">
      <c r="A66610" s="1" t="s">
        <v>8314</v>
      </c>
      <c r="B66610" s="1" t="s">
        <v>220803</v>
      </c>
      <c r="C66610" s="1" t="s">
        <v>80</v>
      </c>
      <c r="D66610" s="1" t="s">
        <v>32316</v>
      </c>
      <c r="E66610" s="1" t="s">
        <v>74192</v>
      </c>
      <c r="F66610" s="1" t="s">
        <v>221740</v>
      </c>
      <c r="G66610" s="1" t="s">
        <v>221706</v>
      </c>
      <c r="H66610" s="1" t="s">
        <v>221707</v>
      </c>
      <c r="I66610" s="1" t="s">
        <v>220808</v>
      </c>
      <c r="J66610" s="1" t="s">
        <v>221741</v>
      </c>
    </row>
    <row r="66611" spans="1:10" x14ac:dyDescent="0.35">
      <c r="A66611" s="1" t="s">
        <v>8314</v>
      </c>
      <c r="B66611" s="1" t="s">
        <v>220803</v>
      </c>
      <c r="C66611" s="1" t="s">
        <v>85</v>
      </c>
      <c r="D66611" s="1" t="s">
        <v>106954</v>
      </c>
      <c r="E66611" s="1" t="s">
        <v>15567</v>
      </c>
      <c r="F66611" s="1" t="s">
        <v>221742</v>
      </c>
      <c r="G66611" s="1" t="s">
        <v>221706</v>
      </c>
      <c r="H66611" s="1" t="s">
        <v>221707</v>
      </c>
      <c r="I66611" s="1" t="s">
        <v>220808</v>
      </c>
      <c r="J66611" s="1" t="s">
        <v>221743</v>
      </c>
    </row>
    <row r="66612" spans="1:10" x14ac:dyDescent="0.35">
      <c r="A66612" s="1" t="s">
        <v>8314</v>
      </c>
      <c r="B66612" s="1" t="s">
        <v>220803</v>
      </c>
      <c r="C66612" s="1" t="s">
        <v>90</v>
      </c>
      <c r="D66612" s="1" t="s">
        <v>221744</v>
      </c>
      <c r="E66612" s="1" t="s">
        <v>106531</v>
      </c>
      <c r="F66612" s="1" t="s">
        <v>221745</v>
      </c>
      <c r="G66612" s="1" t="s">
        <v>221706</v>
      </c>
      <c r="H66612" s="1" t="s">
        <v>221707</v>
      </c>
      <c r="I66612" s="1" t="s">
        <v>220808</v>
      </c>
      <c r="J66612" s="1" t="s">
        <v>221746</v>
      </c>
    </row>
    <row r="66613" spans="1:10" x14ac:dyDescent="0.35">
      <c r="A66613" s="1" t="s">
        <v>8314</v>
      </c>
      <c r="B66613" s="1" t="s">
        <v>220803</v>
      </c>
      <c r="C66613" s="1" t="s">
        <v>95</v>
      </c>
      <c r="D66613" s="1" t="s">
        <v>107804</v>
      </c>
      <c r="E66613" s="1" t="s">
        <v>129971</v>
      </c>
      <c r="F66613" s="1" t="s">
        <v>221747</v>
      </c>
      <c r="G66613" s="1" t="s">
        <v>221706</v>
      </c>
      <c r="H66613" s="1" t="s">
        <v>221707</v>
      </c>
      <c r="I66613" s="1" t="s">
        <v>220808</v>
      </c>
      <c r="J66613" s="1" t="s">
        <v>221748</v>
      </c>
    </row>
    <row r="66614" spans="1:10" x14ac:dyDescent="0.35">
      <c r="A66614" s="1" t="s">
        <v>8314</v>
      </c>
      <c r="B66614" s="1" t="s">
        <v>220803</v>
      </c>
      <c r="C66614" s="1" t="s">
        <v>100</v>
      </c>
      <c r="D66614" s="1" t="s">
        <v>221749</v>
      </c>
      <c r="E66614" s="1" t="s">
        <v>127899</v>
      </c>
      <c r="F66614" s="1" t="s">
        <v>62177</v>
      </c>
      <c r="G66614" s="1" t="s">
        <v>221706</v>
      </c>
      <c r="H66614" s="1" t="s">
        <v>221707</v>
      </c>
      <c r="I66614" s="1" t="s">
        <v>220808</v>
      </c>
      <c r="J66614" s="1" t="s">
        <v>221750</v>
      </c>
    </row>
    <row r="66615" spans="1:10" x14ac:dyDescent="0.35">
      <c r="A66615" s="1" t="s">
        <v>8314</v>
      </c>
      <c r="B66615" s="1" t="s">
        <v>220803</v>
      </c>
      <c r="C66615" s="1" t="s">
        <v>105</v>
      </c>
      <c r="D66615" s="1" t="s">
        <v>133507</v>
      </c>
      <c r="E66615" s="1" t="s">
        <v>78786</v>
      </c>
      <c r="F66615" s="1" t="s">
        <v>221751</v>
      </c>
      <c r="G66615" s="1" t="s">
        <v>221706</v>
      </c>
      <c r="H66615" s="1" t="s">
        <v>221707</v>
      </c>
      <c r="I66615" s="1" t="s">
        <v>220808</v>
      </c>
      <c r="J66615" s="1" t="s">
        <v>221752</v>
      </c>
    </row>
    <row r="66616" spans="1:10" x14ac:dyDescent="0.35">
      <c r="A66616" s="1" t="s">
        <v>8314</v>
      </c>
      <c r="B66616" s="1" t="s">
        <v>220803</v>
      </c>
      <c r="C66616" s="1" t="s">
        <v>110</v>
      </c>
      <c r="D66616" s="1" t="s">
        <v>55641</v>
      </c>
      <c r="E66616" s="1" t="s">
        <v>221720</v>
      </c>
      <c r="F66616" s="1" t="s">
        <v>22654</v>
      </c>
      <c r="G66616" s="1" t="s">
        <v>221706</v>
      </c>
      <c r="H66616" s="1" t="s">
        <v>221707</v>
      </c>
      <c r="I66616" s="1" t="s">
        <v>220808</v>
      </c>
      <c r="J66616" s="1" t="s">
        <v>221753</v>
      </c>
    </row>
    <row r="66617" spans="1:10" x14ac:dyDescent="0.35">
      <c r="A66617" s="1" t="s">
        <v>8314</v>
      </c>
      <c r="B66617" s="1" t="s">
        <v>220803</v>
      </c>
      <c r="C66617" s="1" t="s">
        <v>115</v>
      </c>
      <c r="D66617" s="1" t="s">
        <v>61644</v>
      </c>
      <c r="E66617" s="1" t="s">
        <v>78811</v>
      </c>
      <c r="F66617" s="1" t="s">
        <v>21850</v>
      </c>
      <c r="G66617" s="1" t="s">
        <v>221706</v>
      </c>
      <c r="H66617" s="1" t="s">
        <v>221707</v>
      </c>
      <c r="I66617" s="1" t="s">
        <v>220808</v>
      </c>
      <c r="J66617" s="1" t="s">
        <v>221754</v>
      </c>
    </row>
    <row r="66618" spans="1:10" x14ac:dyDescent="0.35">
      <c r="A66618" s="1" t="s">
        <v>8314</v>
      </c>
      <c r="B66618" s="1" t="s">
        <v>220803</v>
      </c>
      <c r="C66618" s="1" t="s">
        <v>120</v>
      </c>
      <c r="D66618" s="1" t="s">
        <v>130895</v>
      </c>
      <c r="E66618" s="1" t="s">
        <v>109526</v>
      </c>
      <c r="F66618" s="1" t="s">
        <v>221755</v>
      </c>
      <c r="G66618" s="1" t="s">
        <v>221706</v>
      </c>
      <c r="H66618" s="1" t="s">
        <v>221707</v>
      </c>
      <c r="I66618" s="1" t="s">
        <v>220808</v>
      </c>
      <c r="J66618" s="1" t="s">
        <v>221756</v>
      </c>
    </row>
    <row r="66619" spans="1:10" x14ac:dyDescent="0.35">
      <c r="A66619" s="1" t="s">
        <v>8314</v>
      </c>
      <c r="B66619" s="1" t="s">
        <v>220803</v>
      </c>
      <c r="C66619" s="1" t="s">
        <v>125</v>
      </c>
      <c r="D66619" s="1" t="s">
        <v>53753</v>
      </c>
      <c r="E66619" s="1" t="s">
        <v>111167</v>
      </c>
      <c r="F66619" s="1" t="s">
        <v>221757</v>
      </c>
      <c r="G66619" s="1" t="s">
        <v>221706</v>
      </c>
      <c r="H66619" s="1" t="s">
        <v>221707</v>
      </c>
      <c r="I66619" s="1" t="s">
        <v>220808</v>
      </c>
      <c r="J66619" s="1" t="s">
        <v>221758</v>
      </c>
    </row>
    <row r="66620" spans="1:10" x14ac:dyDescent="0.35">
      <c r="A66620" s="1" t="s">
        <v>8314</v>
      </c>
      <c r="B66620" s="1" t="s">
        <v>220803</v>
      </c>
      <c r="C66620" s="1" t="s">
        <v>130</v>
      </c>
      <c r="D66620" s="1" t="s">
        <v>58581</v>
      </c>
      <c r="E66620" s="1" t="s">
        <v>179266</v>
      </c>
      <c r="F66620" s="1" t="s">
        <v>221759</v>
      </c>
      <c r="G66620" s="1" t="s">
        <v>221706</v>
      </c>
      <c r="H66620" s="1" t="s">
        <v>221707</v>
      </c>
      <c r="I66620" s="1" t="s">
        <v>220808</v>
      </c>
      <c r="J66620" s="1" t="s">
        <v>221760</v>
      </c>
    </row>
    <row r="66621" spans="1:10" x14ac:dyDescent="0.35">
      <c r="A66621" s="1" t="s">
        <v>8314</v>
      </c>
      <c r="B66621" s="1" t="s">
        <v>220803</v>
      </c>
      <c r="C66621" s="1" t="s">
        <v>135</v>
      </c>
      <c r="D66621" s="1" t="s">
        <v>65983</v>
      </c>
      <c r="E66621" s="1" t="s">
        <v>131775</v>
      </c>
      <c r="F66621" s="1" t="s">
        <v>221761</v>
      </c>
      <c r="G66621" s="1" t="s">
        <v>221706</v>
      </c>
      <c r="H66621" s="1" t="s">
        <v>221707</v>
      </c>
      <c r="I66621" s="1" t="s">
        <v>220808</v>
      </c>
      <c r="J66621" s="1" t="s">
        <v>221762</v>
      </c>
    </row>
    <row r="66622" spans="1:10" x14ac:dyDescent="0.35">
      <c r="A66622" s="1" t="s">
        <v>8314</v>
      </c>
      <c r="B66622" s="1" t="s">
        <v>220803</v>
      </c>
      <c r="C66622" s="1" t="s">
        <v>140</v>
      </c>
      <c r="D66622" s="1" t="s">
        <v>90811</v>
      </c>
      <c r="E66622" s="1" t="s">
        <v>180444</v>
      </c>
      <c r="F66622" s="1" t="s">
        <v>221763</v>
      </c>
      <c r="G66622" s="1" t="s">
        <v>221706</v>
      </c>
      <c r="H66622" s="1" t="s">
        <v>221707</v>
      </c>
      <c r="I66622" s="1" t="s">
        <v>220808</v>
      </c>
      <c r="J66622" s="1" t="s">
        <v>221764</v>
      </c>
    </row>
    <row r="66623" spans="1:10" x14ac:dyDescent="0.35">
      <c r="A66623" s="1" t="s">
        <v>8314</v>
      </c>
      <c r="B66623" s="1" t="s">
        <v>220803</v>
      </c>
      <c r="C66623" s="1" t="s">
        <v>145</v>
      </c>
      <c r="D66623" s="1" t="s">
        <v>133123</v>
      </c>
      <c r="E66623" s="1" t="s">
        <v>108933</v>
      </c>
      <c r="F66623" s="1" t="s">
        <v>221765</v>
      </c>
      <c r="G66623" s="1" t="s">
        <v>221706</v>
      </c>
      <c r="H66623" s="1" t="s">
        <v>221707</v>
      </c>
      <c r="I66623" s="1" t="s">
        <v>220808</v>
      </c>
      <c r="J66623" s="1" t="s">
        <v>221766</v>
      </c>
    </row>
    <row r="66624" spans="1:10" x14ac:dyDescent="0.35">
      <c r="A66624" s="1" t="s">
        <v>8314</v>
      </c>
      <c r="B66624" s="1" t="s">
        <v>220803</v>
      </c>
      <c r="C66624" s="1" t="s">
        <v>150</v>
      </c>
      <c r="D66624" s="1" t="s">
        <v>66640</v>
      </c>
      <c r="E66624" s="1" t="s">
        <v>107419</v>
      </c>
      <c r="F66624" s="1" t="s">
        <v>221767</v>
      </c>
      <c r="G66624" s="1" t="s">
        <v>221706</v>
      </c>
      <c r="H66624" s="1" t="s">
        <v>221707</v>
      </c>
      <c r="I66624" s="1" t="s">
        <v>220808</v>
      </c>
      <c r="J66624" s="1" t="s">
        <v>221768</v>
      </c>
    </row>
    <row r="66625" spans="1:10" x14ac:dyDescent="0.35">
      <c r="A66625" s="1" t="s">
        <v>8314</v>
      </c>
      <c r="B66625" s="1" t="s">
        <v>220803</v>
      </c>
      <c r="C66625" s="1" t="s">
        <v>155</v>
      </c>
      <c r="D66625" s="1" t="s">
        <v>95376</v>
      </c>
      <c r="E66625" s="1" t="s">
        <v>78863</v>
      </c>
      <c r="F66625" s="1" t="s">
        <v>221769</v>
      </c>
      <c r="G66625" s="1" t="s">
        <v>221706</v>
      </c>
      <c r="H66625" s="1" t="s">
        <v>221707</v>
      </c>
      <c r="I66625" s="1" t="s">
        <v>220808</v>
      </c>
      <c r="J66625" s="1" t="s">
        <v>221770</v>
      </c>
    </row>
    <row r="66626" spans="1:10" x14ac:dyDescent="0.35">
      <c r="A66626" s="1" t="s">
        <v>8314</v>
      </c>
      <c r="B66626" s="1" t="s">
        <v>220803</v>
      </c>
      <c r="C66626" s="1" t="s">
        <v>160</v>
      </c>
      <c r="D66626" s="1" t="s">
        <v>221771</v>
      </c>
      <c r="E66626" s="1" t="s">
        <v>111223</v>
      </c>
      <c r="F66626" s="1" t="s">
        <v>102512</v>
      </c>
      <c r="G66626" s="1" t="s">
        <v>221706</v>
      </c>
      <c r="H66626" s="1" t="s">
        <v>221707</v>
      </c>
      <c r="I66626" s="1" t="s">
        <v>220808</v>
      </c>
      <c r="J66626" s="1" t="s">
        <v>221772</v>
      </c>
    </row>
    <row r="66627" spans="1:10" x14ac:dyDescent="0.35">
      <c r="A66627" s="1" t="s">
        <v>8314</v>
      </c>
      <c r="B66627" s="1" t="s">
        <v>220803</v>
      </c>
      <c r="C66627" s="1" t="s">
        <v>165</v>
      </c>
      <c r="D66627" s="1" t="s">
        <v>69190</v>
      </c>
      <c r="E66627" s="1" t="s">
        <v>130008</v>
      </c>
      <c r="F66627" s="1" t="s">
        <v>221773</v>
      </c>
      <c r="G66627" s="1" t="s">
        <v>221706</v>
      </c>
      <c r="H66627" s="1" t="s">
        <v>221707</v>
      </c>
      <c r="I66627" s="1" t="s">
        <v>220808</v>
      </c>
      <c r="J66627" s="1" t="s">
        <v>221774</v>
      </c>
    </row>
    <row r="66628" spans="1:10" x14ac:dyDescent="0.35">
      <c r="A66628" s="1" t="s">
        <v>8314</v>
      </c>
      <c r="B66628" s="1" t="s">
        <v>220803</v>
      </c>
      <c r="C66628" s="1" t="s">
        <v>170</v>
      </c>
      <c r="D66628" s="1" t="s">
        <v>7665</v>
      </c>
      <c r="E66628" s="1" t="s">
        <v>107638</v>
      </c>
      <c r="F66628" s="1" t="s">
        <v>209387</v>
      </c>
      <c r="G66628" s="1" t="s">
        <v>221706</v>
      </c>
      <c r="H66628" s="1" t="s">
        <v>221707</v>
      </c>
      <c r="I66628" s="1" t="s">
        <v>220808</v>
      </c>
      <c r="J66628" s="1" t="s">
        <v>221775</v>
      </c>
    </row>
    <row r="66629" spans="1:10" x14ac:dyDescent="0.35">
      <c r="A66629" s="1" t="s">
        <v>28428</v>
      </c>
      <c r="B66629" s="1" t="s">
        <v>220803</v>
      </c>
      <c r="C66629" s="1" t="s">
        <v>8</v>
      </c>
      <c r="D66629" s="1" t="s">
        <v>135728</v>
      </c>
      <c r="E66629" s="1" t="s">
        <v>221776</v>
      </c>
      <c r="F66629" s="1" t="s">
        <v>221777</v>
      </c>
      <c r="G66629" s="1" t="s">
        <v>221778</v>
      </c>
      <c r="H66629" s="1" t="s">
        <v>221779</v>
      </c>
      <c r="I66629" s="1" t="s">
        <v>220808</v>
      </c>
      <c r="J66629" s="1" t="s">
        <v>13</v>
      </c>
    </row>
    <row r="66630" spans="1:10" x14ac:dyDescent="0.35">
      <c r="A66630" s="1" t="s">
        <v>28428</v>
      </c>
      <c r="B66630" s="1" t="s">
        <v>220803</v>
      </c>
      <c r="C66630" s="1" t="s">
        <v>15</v>
      </c>
      <c r="D66630" s="1" t="s">
        <v>186916</v>
      </c>
      <c r="E66630" s="1" t="s">
        <v>221780</v>
      </c>
      <c r="F66630" s="1" t="s">
        <v>221781</v>
      </c>
      <c r="G66630" s="1" t="s">
        <v>221778</v>
      </c>
      <c r="H66630" s="1" t="s">
        <v>221779</v>
      </c>
      <c r="I66630" s="1" t="s">
        <v>220808</v>
      </c>
      <c r="J66630" s="1" t="s">
        <v>221782</v>
      </c>
    </row>
    <row r="66631" spans="1:10" x14ac:dyDescent="0.35">
      <c r="A66631" s="1" t="s">
        <v>28428</v>
      </c>
      <c r="B66631" s="1" t="s">
        <v>220803</v>
      </c>
      <c r="C66631" s="1" t="s">
        <v>20</v>
      </c>
      <c r="D66631" s="1" t="s">
        <v>221783</v>
      </c>
      <c r="E66631" s="1" t="s">
        <v>221784</v>
      </c>
      <c r="F66631" s="1" t="s">
        <v>221785</v>
      </c>
      <c r="G66631" s="1" t="s">
        <v>221778</v>
      </c>
      <c r="H66631" s="1" t="s">
        <v>221779</v>
      </c>
      <c r="I66631" s="1" t="s">
        <v>220808</v>
      </c>
      <c r="J66631" s="1" t="s">
        <v>221786</v>
      </c>
    </row>
    <row r="66632" spans="1:10" x14ac:dyDescent="0.35">
      <c r="A66632" s="1" t="s">
        <v>28428</v>
      </c>
      <c r="B66632" s="1" t="s">
        <v>220803</v>
      </c>
      <c r="C66632" s="1" t="s">
        <v>25</v>
      </c>
      <c r="D66632" s="1" t="s">
        <v>30768</v>
      </c>
      <c r="E66632" s="1" t="s">
        <v>221787</v>
      </c>
      <c r="F66632" s="1" t="s">
        <v>221788</v>
      </c>
      <c r="G66632" s="1" t="s">
        <v>221778</v>
      </c>
      <c r="H66632" s="1" t="s">
        <v>221779</v>
      </c>
      <c r="I66632" s="1" t="s">
        <v>220808</v>
      </c>
      <c r="J66632" s="1" t="s">
        <v>221789</v>
      </c>
    </row>
    <row r="66633" spans="1:10" x14ac:dyDescent="0.35">
      <c r="A66633" s="1" t="s">
        <v>28428</v>
      </c>
      <c r="B66633" s="1" t="s">
        <v>220803</v>
      </c>
      <c r="C66633" s="1" t="s">
        <v>30</v>
      </c>
      <c r="D66633" s="1" t="s">
        <v>221790</v>
      </c>
      <c r="E66633" s="1" t="s">
        <v>221791</v>
      </c>
      <c r="F66633" s="1" t="s">
        <v>221792</v>
      </c>
      <c r="G66633" s="1" t="s">
        <v>221778</v>
      </c>
      <c r="H66633" s="1" t="s">
        <v>221779</v>
      </c>
      <c r="I66633" s="1" t="s">
        <v>220808</v>
      </c>
      <c r="J66633" s="1" t="s">
        <v>221793</v>
      </c>
    </row>
    <row r="66634" spans="1:10" x14ac:dyDescent="0.35">
      <c r="A66634" s="1" t="s">
        <v>28428</v>
      </c>
      <c r="B66634" s="1" t="s">
        <v>220803</v>
      </c>
      <c r="C66634" s="1" t="s">
        <v>35</v>
      </c>
      <c r="D66634" s="1" t="s">
        <v>182081</v>
      </c>
      <c r="E66634" s="1" t="s">
        <v>221794</v>
      </c>
      <c r="F66634" s="1" t="s">
        <v>221795</v>
      </c>
      <c r="G66634" s="1" t="s">
        <v>221778</v>
      </c>
      <c r="H66634" s="1" t="s">
        <v>221779</v>
      </c>
      <c r="I66634" s="1" t="s">
        <v>220808</v>
      </c>
      <c r="J66634" s="1" t="s">
        <v>221796</v>
      </c>
    </row>
    <row r="66635" spans="1:10" x14ac:dyDescent="0.35">
      <c r="A66635" s="1" t="s">
        <v>28428</v>
      </c>
      <c r="B66635" s="1" t="s">
        <v>220803</v>
      </c>
      <c r="C66635" s="1" t="s">
        <v>40</v>
      </c>
      <c r="D66635" s="1" t="s">
        <v>221797</v>
      </c>
      <c r="E66635" s="1" t="s">
        <v>221798</v>
      </c>
      <c r="F66635" s="1" t="s">
        <v>221799</v>
      </c>
      <c r="G66635" s="1" t="s">
        <v>221778</v>
      </c>
      <c r="H66635" s="1" t="s">
        <v>221779</v>
      </c>
      <c r="I66635" s="1" t="s">
        <v>220808</v>
      </c>
      <c r="J66635" s="1" t="s">
        <v>221800</v>
      </c>
    </row>
    <row r="66636" spans="1:10" x14ac:dyDescent="0.35">
      <c r="A66636" s="1" t="s">
        <v>28428</v>
      </c>
      <c r="B66636" s="1" t="s">
        <v>220803</v>
      </c>
      <c r="C66636" s="1" t="s">
        <v>45</v>
      </c>
      <c r="D66636" s="1" t="s">
        <v>174232</v>
      </c>
      <c r="E66636" s="1" t="s">
        <v>221801</v>
      </c>
      <c r="F66636" s="1" t="s">
        <v>221802</v>
      </c>
      <c r="G66636" s="1" t="s">
        <v>221778</v>
      </c>
      <c r="H66636" s="1" t="s">
        <v>221779</v>
      </c>
      <c r="I66636" s="1" t="s">
        <v>220808</v>
      </c>
      <c r="J66636" s="1" t="s">
        <v>221803</v>
      </c>
    </row>
    <row r="66637" spans="1:10" x14ac:dyDescent="0.35">
      <c r="A66637" s="1" t="s">
        <v>28428</v>
      </c>
      <c r="B66637" s="1" t="s">
        <v>220803</v>
      </c>
      <c r="C66637" s="1" t="s">
        <v>50</v>
      </c>
      <c r="D66637" s="1" t="s">
        <v>155329</v>
      </c>
      <c r="E66637" s="1" t="s">
        <v>221804</v>
      </c>
      <c r="F66637" s="1" t="s">
        <v>221805</v>
      </c>
      <c r="G66637" s="1" t="s">
        <v>221778</v>
      </c>
      <c r="H66637" s="1" t="s">
        <v>221779</v>
      </c>
      <c r="I66637" s="1" t="s">
        <v>220808</v>
      </c>
      <c r="J66637" s="1" t="s">
        <v>221806</v>
      </c>
    </row>
    <row r="66638" spans="1:10" x14ac:dyDescent="0.35">
      <c r="A66638" s="1" t="s">
        <v>28428</v>
      </c>
      <c r="B66638" s="1" t="s">
        <v>220803</v>
      </c>
      <c r="C66638" s="1" t="s">
        <v>55</v>
      </c>
      <c r="D66638" s="1" t="s">
        <v>221807</v>
      </c>
      <c r="E66638" s="1" t="s">
        <v>221808</v>
      </c>
      <c r="F66638" s="1" t="s">
        <v>221809</v>
      </c>
      <c r="G66638" s="1" t="s">
        <v>221778</v>
      </c>
      <c r="H66638" s="1" t="s">
        <v>221779</v>
      </c>
      <c r="I66638" s="1" t="s">
        <v>220808</v>
      </c>
      <c r="J66638" s="1" t="s">
        <v>221810</v>
      </c>
    </row>
    <row r="66639" spans="1:10" x14ac:dyDescent="0.35">
      <c r="A66639" s="1" t="s">
        <v>28428</v>
      </c>
      <c r="B66639" s="1" t="s">
        <v>220803</v>
      </c>
      <c r="C66639" s="1" t="s">
        <v>60</v>
      </c>
      <c r="D66639" s="1" t="s">
        <v>144906</v>
      </c>
      <c r="E66639" s="1" t="s">
        <v>221811</v>
      </c>
      <c r="F66639" s="1" t="s">
        <v>221812</v>
      </c>
      <c r="G66639" s="1" t="s">
        <v>221778</v>
      </c>
      <c r="H66639" s="1" t="s">
        <v>221779</v>
      </c>
      <c r="I66639" s="1" t="s">
        <v>220808</v>
      </c>
      <c r="J66639" s="1" t="s">
        <v>221813</v>
      </c>
    </row>
    <row r="66640" spans="1:10" x14ac:dyDescent="0.35">
      <c r="A66640" s="1" t="s">
        <v>28428</v>
      </c>
      <c r="B66640" s="1" t="s">
        <v>220803</v>
      </c>
      <c r="C66640" s="1" t="s">
        <v>65</v>
      </c>
      <c r="D66640" s="1" t="s">
        <v>221814</v>
      </c>
      <c r="E66640" s="1" t="s">
        <v>221815</v>
      </c>
      <c r="F66640" s="1" t="s">
        <v>221816</v>
      </c>
      <c r="G66640" s="1" t="s">
        <v>221778</v>
      </c>
      <c r="H66640" s="1" t="s">
        <v>221779</v>
      </c>
      <c r="I66640" s="1" t="s">
        <v>220808</v>
      </c>
      <c r="J66640" s="1" t="s">
        <v>221817</v>
      </c>
    </row>
    <row r="66641" spans="1:10" x14ac:dyDescent="0.35">
      <c r="A66641" s="1" t="s">
        <v>28428</v>
      </c>
      <c r="B66641" s="1" t="s">
        <v>220803</v>
      </c>
      <c r="C66641" s="1" t="s">
        <v>70</v>
      </c>
      <c r="D66641" s="1" t="s">
        <v>35370</v>
      </c>
      <c r="E66641" s="1" t="s">
        <v>221818</v>
      </c>
      <c r="F66641" s="1" t="s">
        <v>221819</v>
      </c>
      <c r="G66641" s="1" t="s">
        <v>221778</v>
      </c>
      <c r="H66641" s="1" t="s">
        <v>221779</v>
      </c>
      <c r="I66641" s="1" t="s">
        <v>220808</v>
      </c>
      <c r="J66641" s="1" t="s">
        <v>221820</v>
      </c>
    </row>
    <row r="66642" spans="1:10" x14ac:dyDescent="0.35">
      <c r="A66642" s="1" t="s">
        <v>28428</v>
      </c>
      <c r="B66642" s="1" t="s">
        <v>220803</v>
      </c>
      <c r="C66642" s="1" t="s">
        <v>75</v>
      </c>
      <c r="D66642" s="1" t="s">
        <v>142238</v>
      </c>
      <c r="E66642" s="1" t="s">
        <v>221821</v>
      </c>
      <c r="F66642" s="1" t="s">
        <v>221822</v>
      </c>
      <c r="G66642" s="1" t="s">
        <v>221778</v>
      </c>
      <c r="H66642" s="1" t="s">
        <v>221779</v>
      </c>
      <c r="I66642" s="1" t="s">
        <v>220808</v>
      </c>
      <c r="J66642" s="1" t="s">
        <v>221823</v>
      </c>
    </row>
    <row r="66643" spans="1:10" x14ac:dyDescent="0.35">
      <c r="A66643" s="1" t="s">
        <v>28428</v>
      </c>
      <c r="B66643" s="1" t="s">
        <v>220803</v>
      </c>
      <c r="C66643" s="1" t="s">
        <v>80</v>
      </c>
      <c r="D66643" s="1" t="s">
        <v>175268</v>
      </c>
      <c r="E66643" s="1" t="s">
        <v>221824</v>
      </c>
      <c r="F66643" s="1" t="s">
        <v>221825</v>
      </c>
      <c r="G66643" s="1" t="s">
        <v>221778</v>
      </c>
      <c r="H66643" s="1" t="s">
        <v>221779</v>
      </c>
      <c r="I66643" s="1" t="s">
        <v>220808</v>
      </c>
      <c r="J66643" s="1" t="s">
        <v>221826</v>
      </c>
    </row>
    <row r="66644" spans="1:10" x14ac:dyDescent="0.35">
      <c r="A66644" s="1" t="s">
        <v>28428</v>
      </c>
      <c r="B66644" s="1" t="s">
        <v>220803</v>
      </c>
      <c r="C66644" s="1" t="s">
        <v>85</v>
      </c>
      <c r="D66644" s="1" t="s">
        <v>154252</v>
      </c>
      <c r="E66644" s="1" t="s">
        <v>221827</v>
      </c>
      <c r="F66644" s="1" t="s">
        <v>221828</v>
      </c>
      <c r="G66644" s="1" t="s">
        <v>221778</v>
      </c>
      <c r="H66644" s="1" t="s">
        <v>221779</v>
      </c>
      <c r="I66644" s="1" t="s">
        <v>220808</v>
      </c>
      <c r="J66644" s="1" t="s">
        <v>221829</v>
      </c>
    </row>
    <row r="66645" spans="1:10" x14ac:dyDescent="0.35">
      <c r="A66645" s="1" t="s">
        <v>28428</v>
      </c>
      <c r="B66645" s="1" t="s">
        <v>220803</v>
      </c>
      <c r="C66645" s="1" t="s">
        <v>90</v>
      </c>
      <c r="D66645" s="1" t="s">
        <v>18188</v>
      </c>
      <c r="E66645" s="1" t="s">
        <v>221830</v>
      </c>
      <c r="F66645" s="1" t="s">
        <v>221831</v>
      </c>
      <c r="G66645" s="1" t="s">
        <v>221778</v>
      </c>
      <c r="H66645" s="1" t="s">
        <v>221779</v>
      </c>
      <c r="I66645" s="1" t="s">
        <v>220808</v>
      </c>
      <c r="J66645" s="1" t="s">
        <v>221832</v>
      </c>
    </row>
    <row r="66646" spans="1:10" x14ac:dyDescent="0.35">
      <c r="A66646" s="1" t="s">
        <v>28428</v>
      </c>
      <c r="B66646" s="1" t="s">
        <v>220803</v>
      </c>
      <c r="C66646" s="1" t="s">
        <v>95</v>
      </c>
      <c r="D66646" s="1" t="s">
        <v>221833</v>
      </c>
      <c r="E66646" s="1" t="s">
        <v>221834</v>
      </c>
      <c r="F66646" s="1" t="s">
        <v>221835</v>
      </c>
      <c r="G66646" s="1" t="s">
        <v>221778</v>
      </c>
      <c r="H66646" s="1" t="s">
        <v>221779</v>
      </c>
      <c r="I66646" s="1" t="s">
        <v>220808</v>
      </c>
      <c r="J66646" s="1" t="s">
        <v>221836</v>
      </c>
    </row>
    <row r="66647" spans="1:10" x14ac:dyDescent="0.35">
      <c r="A66647" s="1" t="s">
        <v>28428</v>
      </c>
      <c r="B66647" s="1" t="s">
        <v>220803</v>
      </c>
      <c r="C66647" s="1" t="s">
        <v>100</v>
      </c>
      <c r="D66647" s="1" t="s">
        <v>42102</v>
      </c>
      <c r="E66647" s="1" t="s">
        <v>221837</v>
      </c>
      <c r="F66647" s="1" t="s">
        <v>221838</v>
      </c>
      <c r="G66647" s="1" t="s">
        <v>221778</v>
      </c>
      <c r="H66647" s="1" t="s">
        <v>221779</v>
      </c>
      <c r="I66647" s="1" t="s">
        <v>220808</v>
      </c>
      <c r="J66647" s="1" t="s">
        <v>221839</v>
      </c>
    </row>
    <row r="66648" spans="1:10" x14ac:dyDescent="0.35">
      <c r="A66648" s="1" t="s">
        <v>28428</v>
      </c>
      <c r="B66648" s="1" t="s">
        <v>220803</v>
      </c>
      <c r="C66648" s="1" t="s">
        <v>105</v>
      </c>
      <c r="D66648" s="1" t="s">
        <v>221840</v>
      </c>
      <c r="E66648" s="1" t="s">
        <v>221841</v>
      </c>
      <c r="F66648" s="1" t="s">
        <v>221842</v>
      </c>
      <c r="G66648" s="1" t="s">
        <v>221778</v>
      </c>
      <c r="H66648" s="1" t="s">
        <v>221779</v>
      </c>
      <c r="I66648" s="1" t="s">
        <v>220808</v>
      </c>
      <c r="J66648" s="1" t="s">
        <v>221843</v>
      </c>
    </row>
    <row r="66649" spans="1:10" x14ac:dyDescent="0.35">
      <c r="A66649" s="1" t="s">
        <v>28428</v>
      </c>
      <c r="B66649" s="1" t="s">
        <v>220803</v>
      </c>
      <c r="C66649" s="1" t="s">
        <v>110</v>
      </c>
      <c r="D66649" s="1" t="s">
        <v>115095</v>
      </c>
      <c r="E66649" s="1" t="s">
        <v>221844</v>
      </c>
      <c r="F66649" s="1" t="s">
        <v>221845</v>
      </c>
      <c r="G66649" s="1" t="s">
        <v>221778</v>
      </c>
      <c r="H66649" s="1" t="s">
        <v>221779</v>
      </c>
      <c r="I66649" s="1" t="s">
        <v>220808</v>
      </c>
      <c r="J66649" s="1" t="s">
        <v>221846</v>
      </c>
    </row>
    <row r="66650" spans="1:10" x14ac:dyDescent="0.35">
      <c r="A66650" s="1" t="s">
        <v>28428</v>
      </c>
      <c r="B66650" s="1" t="s">
        <v>220803</v>
      </c>
      <c r="C66650" s="1" t="s">
        <v>115</v>
      </c>
      <c r="D66650" s="1" t="s">
        <v>176360</v>
      </c>
      <c r="E66650" s="1" t="s">
        <v>221847</v>
      </c>
      <c r="F66650" s="1" t="s">
        <v>221848</v>
      </c>
      <c r="G66650" s="1" t="s">
        <v>221778</v>
      </c>
      <c r="H66650" s="1" t="s">
        <v>221779</v>
      </c>
      <c r="I66650" s="1" t="s">
        <v>220808</v>
      </c>
      <c r="J66650" s="1" t="s">
        <v>221849</v>
      </c>
    </row>
    <row r="66651" spans="1:10" x14ac:dyDescent="0.35">
      <c r="A66651" s="1" t="s">
        <v>28428</v>
      </c>
      <c r="B66651" s="1" t="s">
        <v>220803</v>
      </c>
      <c r="C66651" s="1" t="s">
        <v>120</v>
      </c>
      <c r="D66651" s="1" t="s">
        <v>11683</v>
      </c>
      <c r="E66651" s="1" t="s">
        <v>221850</v>
      </c>
      <c r="F66651" s="1" t="s">
        <v>221851</v>
      </c>
      <c r="G66651" s="1" t="s">
        <v>221778</v>
      </c>
      <c r="H66651" s="1" t="s">
        <v>221779</v>
      </c>
      <c r="I66651" s="1" t="s">
        <v>220808</v>
      </c>
      <c r="J66651" s="1" t="s">
        <v>221852</v>
      </c>
    </row>
    <row r="66652" spans="1:10" x14ac:dyDescent="0.35">
      <c r="A66652" s="1" t="s">
        <v>28428</v>
      </c>
      <c r="B66652" s="1" t="s">
        <v>220803</v>
      </c>
      <c r="C66652" s="1" t="s">
        <v>125</v>
      </c>
      <c r="D66652" s="1" t="s">
        <v>221853</v>
      </c>
      <c r="E66652" s="1" t="s">
        <v>221854</v>
      </c>
      <c r="F66652" s="1" t="s">
        <v>221855</v>
      </c>
      <c r="G66652" s="1" t="s">
        <v>221778</v>
      </c>
      <c r="H66652" s="1" t="s">
        <v>221779</v>
      </c>
      <c r="I66652" s="1" t="s">
        <v>220808</v>
      </c>
      <c r="J66652" s="1" t="s">
        <v>221856</v>
      </c>
    </row>
    <row r="66653" spans="1:10" x14ac:dyDescent="0.35">
      <c r="A66653" s="1" t="s">
        <v>28428</v>
      </c>
      <c r="B66653" s="1" t="s">
        <v>220803</v>
      </c>
      <c r="C66653" s="1" t="s">
        <v>130</v>
      </c>
      <c r="D66653" s="1" t="s">
        <v>60292</v>
      </c>
      <c r="E66653" s="1" t="s">
        <v>221857</v>
      </c>
      <c r="F66653" s="1" t="s">
        <v>221858</v>
      </c>
      <c r="G66653" s="1" t="s">
        <v>221778</v>
      </c>
      <c r="H66653" s="1" t="s">
        <v>221779</v>
      </c>
      <c r="I66653" s="1" t="s">
        <v>220808</v>
      </c>
      <c r="J66653" s="1" t="s">
        <v>221859</v>
      </c>
    </row>
    <row r="66654" spans="1:10" x14ac:dyDescent="0.35">
      <c r="A66654" s="1" t="s">
        <v>28428</v>
      </c>
      <c r="B66654" s="1" t="s">
        <v>220803</v>
      </c>
      <c r="C66654" s="1" t="s">
        <v>135</v>
      </c>
      <c r="D66654" s="1" t="s">
        <v>149855</v>
      </c>
      <c r="E66654" s="1" t="s">
        <v>221860</v>
      </c>
      <c r="F66654" s="1" t="s">
        <v>221861</v>
      </c>
      <c r="G66654" s="1" t="s">
        <v>221778</v>
      </c>
      <c r="H66654" s="1" t="s">
        <v>221779</v>
      </c>
      <c r="I66654" s="1" t="s">
        <v>220808</v>
      </c>
      <c r="J66654" s="1" t="s">
        <v>221862</v>
      </c>
    </row>
    <row r="66655" spans="1:10" x14ac:dyDescent="0.35">
      <c r="A66655" s="1" t="s">
        <v>28428</v>
      </c>
      <c r="B66655" s="1" t="s">
        <v>220803</v>
      </c>
      <c r="C66655" s="1" t="s">
        <v>140</v>
      </c>
      <c r="D66655" s="1" t="s">
        <v>78785</v>
      </c>
      <c r="E66655" s="1" t="s">
        <v>221863</v>
      </c>
      <c r="F66655" s="1" t="s">
        <v>221864</v>
      </c>
      <c r="G66655" s="1" t="s">
        <v>221778</v>
      </c>
      <c r="H66655" s="1" t="s">
        <v>221779</v>
      </c>
      <c r="I66655" s="1" t="s">
        <v>220808</v>
      </c>
      <c r="J66655" s="1" t="s">
        <v>221865</v>
      </c>
    </row>
    <row r="66656" spans="1:10" x14ac:dyDescent="0.35">
      <c r="A66656" s="1" t="s">
        <v>28428</v>
      </c>
      <c r="B66656" s="1" t="s">
        <v>220803</v>
      </c>
      <c r="C66656" s="1" t="s">
        <v>145</v>
      </c>
      <c r="D66656" s="1" t="s">
        <v>84250</v>
      </c>
      <c r="E66656" s="1" t="s">
        <v>221866</v>
      </c>
      <c r="F66656" s="1" t="s">
        <v>221867</v>
      </c>
      <c r="G66656" s="1" t="s">
        <v>221778</v>
      </c>
      <c r="H66656" s="1" t="s">
        <v>221779</v>
      </c>
      <c r="I66656" s="1" t="s">
        <v>220808</v>
      </c>
      <c r="J66656" s="1" t="s">
        <v>221868</v>
      </c>
    </row>
    <row r="66657" spans="1:10" x14ac:dyDescent="0.35">
      <c r="A66657" s="1" t="s">
        <v>28428</v>
      </c>
      <c r="B66657" s="1" t="s">
        <v>220803</v>
      </c>
      <c r="C66657" s="1" t="s">
        <v>150</v>
      </c>
      <c r="D66657" s="1" t="s">
        <v>77313</v>
      </c>
      <c r="E66657" s="1" t="s">
        <v>221869</v>
      </c>
      <c r="F66657" s="1" t="s">
        <v>221870</v>
      </c>
      <c r="G66657" s="1" t="s">
        <v>221778</v>
      </c>
      <c r="H66657" s="1" t="s">
        <v>221779</v>
      </c>
      <c r="I66657" s="1" t="s">
        <v>220808</v>
      </c>
      <c r="J66657" s="1" t="s">
        <v>221871</v>
      </c>
    </row>
    <row r="66658" spans="1:10" x14ac:dyDescent="0.35">
      <c r="A66658" s="1" t="s">
        <v>28428</v>
      </c>
      <c r="B66658" s="1" t="s">
        <v>220803</v>
      </c>
      <c r="C66658" s="1" t="s">
        <v>155</v>
      </c>
      <c r="D66658" s="1" t="s">
        <v>221586</v>
      </c>
      <c r="E66658" s="1" t="s">
        <v>221872</v>
      </c>
      <c r="F66658" s="1" t="s">
        <v>221873</v>
      </c>
      <c r="G66658" s="1" t="s">
        <v>221778</v>
      </c>
      <c r="H66658" s="1" t="s">
        <v>221779</v>
      </c>
      <c r="I66658" s="1" t="s">
        <v>220808</v>
      </c>
      <c r="J66658" s="1" t="s">
        <v>221874</v>
      </c>
    </row>
    <row r="66659" spans="1:10" x14ac:dyDescent="0.35">
      <c r="A66659" s="1" t="s">
        <v>28428</v>
      </c>
      <c r="B66659" s="1" t="s">
        <v>220803</v>
      </c>
      <c r="C66659" s="1" t="s">
        <v>160</v>
      </c>
      <c r="D66659" s="1" t="s">
        <v>221590</v>
      </c>
      <c r="E66659" s="1" t="s">
        <v>221875</v>
      </c>
      <c r="F66659" s="1" t="s">
        <v>221876</v>
      </c>
      <c r="G66659" s="1" t="s">
        <v>221778</v>
      </c>
      <c r="H66659" s="1" t="s">
        <v>221779</v>
      </c>
      <c r="I66659" s="1" t="s">
        <v>220808</v>
      </c>
      <c r="J66659" s="1" t="s">
        <v>221593</v>
      </c>
    </row>
    <row r="66660" spans="1:10" x14ac:dyDescent="0.35">
      <c r="A66660" s="1" t="s">
        <v>28428</v>
      </c>
      <c r="B66660" s="1" t="s">
        <v>220803</v>
      </c>
      <c r="C66660" s="1" t="s">
        <v>165</v>
      </c>
      <c r="D66660" s="1" t="s">
        <v>67920</v>
      </c>
      <c r="E66660" s="1" t="s">
        <v>221877</v>
      </c>
      <c r="F66660" s="1" t="s">
        <v>221878</v>
      </c>
      <c r="G66660" s="1" t="s">
        <v>221778</v>
      </c>
      <c r="H66660" s="1" t="s">
        <v>221779</v>
      </c>
      <c r="I66660" s="1" t="s">
        <v>220808</v>
      </c>
      <c r="J66660" s="1" t="s">
        <v>221596</v>
      </c>
    </row>
    <row r="66661" spans="1:10" x14ac:dyDescent="0.35">
      <c r="A66661" s="1" t="s">
        <v>28428</v>
      </c>
      <c r="B66661" s="1" t="s">
        <v>220803</v>
      </c>
      <c r="C66661" s="1" t="s">
        <v>170</v>
      </c>
      <c r="D66661" s="1" t="s">
        <v>221597</v>
      </c>
      <c r="E66661" s="1" t="s">
        <v>221879</v>
      </c>
      <c r="F66661" s="1" t="s">
        <v>221880</v>
      </c>
      <c r="G66661" s="1" t="s">
        <v>221778</v>
      </c>
      <c r="H66661" s="1" t="s">
        <v>221779</v>
      </c>
      <c r="I66661" s="1" t="s">
        <v>220808</v>
      </c>
      <c r="J66661" s="1" t="s">
        <v>221600</v>
      </c>
    </row>
    <row r="66662" spans="1:10" x14ac:dyDescent="0.35">
      <c r="A66662" s="1" t="s">
        <v>120891</v>
      </c>
      <c r="B66662" s="1" t="s">
        <v>220803</v>
      </c>
      <c r="C66662" s="1" t="s">
        <v>8</v>
      </c>
      <c r="D66662" s="1" t="s">
        <v>221881</v>
      </c>
      <c r="E66662" s="1" t="s">
        <v>221882</v>
      </c>
      <c r="F66662" s="1" t="s">
        <v>221883</v>
      </c>
      <c r="G66662" s="1" t="s">
        <v>221884</v>
      </c>
      <c r="H66662" s="1" t="s">
        <v>221885</v>
      </c>
      <c r="I66662" s="1" t="s">
        <v>220808</v>
      </c>
      <c r="J66662" s="1" t="s">
        <v>13</v>
      </c>
    </row>
    <row r="66663" spans="1:10" x14ac:dyDescent="0.35">
      <c r="A66663" s="1" t="s">
        <v>120891</v>
      </c>
      <c r="B66663" s="1" t="s">
        <v>220803</v>
      </c>
      <c r="C66663" s="1" t="s">
        <v>15</v>
      </c>
      <c r="D66663" s="1" t="s">
        <v>221886</v>
      </c>
      <c r="E66663" s="1" t="s">
        <v>221887</v>
      </c>
      <c r="F66663" s="1" t="s">
        <v>221888</v>
      </c>
      <c r="G66663" s="1" t="s">
        <v>221884</v>
      </c>
      <c r="H66663" s="1" t="s">
        <v>221885</v>
      </c>
      <c r="I66663" s="1" t="s">
        <v>220808</v>
      </c>
      <c r="J66663" s="1" t="s">
        <v>221889</v>
      </c>
    </row>
    <row r="66664" spans="1:10" x14ac:dyDescent="0.35">
      <c r="A66664" s="1" t="s">
        <v>120891</v>
      </c>
      <c r="B66664" s="1" t="s">
        <v>220803</v>
      </c>
      <c r="C66664" s="1" t="s">
        <v>20</v>
      </c>
      <c r="D66664" s="1" t="s">
        <v>221890</v>
      </c>
      <c r="E66664" s="1" t="s">
        <v>221891</v>
      </c>
      <c r="F66664" s="1" t="s">
        <v>221892</v>
      </c>
      <c r="G66664" s="1" t="s">
        <v>221884</v>
      </c>
      <c r="H66664" s="1" t="s">
        <v>221885</v>
      </c>
      <c r="I66664" s="1" t="s">
        <v>220808</v>
      </c>
      <c r="J66664" s="1" t="s">
        <v>221893</v>
      </c>
    </row>
    <row r="66665" spans="1:10" x14ac:dyDescent="0.35">
      <c r="A66665" s="1" t="s">
        <v>120891</v>
      </c>
      <c r="B66665" s="1" t="s">
        <v>220803</v>
      </c>
      <c r="C66665" s="1" t="s">
        <v>25</v>
      </c>
      <c r="D66665" s="1" t="s">
        <v>43857</v>
      </c>
      <c r="E66665" s="1" t="s">
        <v>221894</v>
      </c>
      <c r="F66665" s="1" t="s">
        <v>221895</v>
      </c>
      <c r="G66665" s="1" t="s">
        <v>221884</v>
      </c>
      <c r="H66665" s="1" t="s">
        <v>221885</v>
      </c>
      <c r="I66665" s="1" t="s">
        <v>220808</v>
      </c>
      <c r="J66665" s="1" t="s">
        <v>221896</v>
      </c>
    </row>
    <row r="66666" spans="1:10" x14ac:dyDescent="0.35">
      <c r="A66666" s="1" t="s">
        <v>120891</v>
      </c>
      <c r="B66666" s="1" t="s">
        <v>220803</v>
      </c>
      <c r="C66666" s="1" t="s">
        <v>30</v>
      </c>
      <c r="D66666" s="1" t="s">
        <v>203178</v>
      </c>
      <c r="E66666" s="1" t="s">
        <v>221897</v>
      </c>
      <c r="F66666" s="1" t="s">
        <v>221898</v>
      </c>
      <c r="G66666" s="1" t="s">
        <v>221884</v>
      </c>
      <c r="H66666" s="1" t="s">
        <v>221885</v>
      </c>
      <c r="I66666" s="1" t="s">
        <v>220808</v>
      </c>
      <c r="J66666" s="1" t="s">
        <v>221899</v>
      </c>
    </row>
    <row r="66667" spans="1:10" x14ac:dyDescent="0.35">
      <c r="A66667" s="1" t="s">
        <v>120891</v>
      </c>
      <c r="B66667" s="1" t="s">
        <v>220803</v>
      </c>
      <c r="C66667" s="1" t="s">
        <v>35</v>
      </c>
      <c r="D66667" s="1" t="s">
        <v>183471</v>
      </c>
      <c r="E66667" s="1" t="s">
        <v>221900</v>
      </c>
      <c r="F66667" s="1" t="s">
        <v>221901</v>
      </c>
      <c r="G66667" s="1" t="s">
        <v>221884</v>
      </c>
      <c r="H66667" s="1" t="s">
        <v>221885</v>
      </c>
      <c r="I66667" s="1" t="s">
        <v>220808</v>
      </c>
      <c r="J66667" s="1" t="s">
        <v>221902</v>
      </c>
    </row>
    <row r="66668" spans="1:10" x14ac:dyDescent="0.35">
      <c r="A66668" s="1" t="s">
        <v>120891</v>
      </c>
      <c r="B66668" s="1" t="s">
        <v>220803</v>
      </c>
      <c r="C66668" s="1" t="s">
        <v>40</v>
      </c>
      <c r="D66668" s="1" t="s">
        <v>31541</v>
      </c>
      <c r="E66668" s="1" t="s">
        <v>221903</v>
      </c>
      <c r="F66668" s="1" t="s">
        <v>221904</v>
      </c>
      <c r="G66668" s="1" t="s">
        <v>221884</v>
      </c>
      <c r="H66668" s="1" t="s">
        <v>221885</v>
      </c>
      <c r="I66668" s="1" t="s">
        <v>220808</v>
      </c>
      <c r="J66668" s="1" t="s">
        <v>221905</v>
      </c>
    </row>
    <row r="66669" spans="1:10" x14ac:dyDescent="0.35">
      <c r="A66669" s="1" t="s">
        <v>120891</v>
      </c>
      <c r="B66669" s="1" t="s">
        <v>220803</v>
      </c>
      <c r="C66669" s="1" t="s">
        <v>45</v>
      </c>
      <c r="D66669" s="1" t="s">
        <v>184742</v>
      </c>
      <c r="E66669" s="1" t="s">
        <v>221906</v>
      </c>
      <c r="F66669" s="1" t="s">
        <v>221907</v>
      </c>
      <c r="G66669" s="1" t="s">
        <v>221884</v>
      </c>
      <c r="H66669" s="1" t="s">
        <v>221885</v>
      </c>
      <c r="I66669" s="1" t="s">
        <v>220808</v>
      </c>
      <c r="J66669" s="1" t="s">
        <v>221908</v>
      </c>
    </row>
    <row r="66670" spans="1:10" x14ac:dyDescent="0.35">
      <c r="A66670" s="1" t="s">
        <v>120891</v>
      </c>
      <c r="B66670" s="1" t="s">
        <v>220803</v>
      </c>
      <c r="C66670" s="1" t="s">
        <v>50</v>
      </c>
      <c r="D66670" s="1" t="s">
        <v>141711</v>
      </c>
      <c r="E66670" s="1" t="s">
        <v>221909</v>
      </c>
      <c r="F66670" s="1" t="s">
        <v>221910</v>
      </c>
      <c r="G66670" s="1" t="s">
        <v>221884</v>
      </c>
      <c r="H66670" s="1" t="s">
        <v>221885</v>
      </c>
      <c r="I66670" s="1" t="s">
        <v>220808</v>
      </c>
      <c r="J66670" s="1" t="s">
        <v>221911</v>
      </c>
    </row>
    <row r="66671" spans="1:10" x14ac:dyDescent="0.35">
      <c r="A66671" s="1" t="s">
        <v>120891</v>
      </c>
      <c r="B66671" s="1" t="s">
        <v>220803</v>
      </c>
      <c r="C66671" s="1" t="s">
        <v>55</v>
      </c>
      <c r="D66671" s="1" t="s">
        <v>114596</v>
      </c>
      <c r="E66671" s="1" t="s">
        <v>221912</v>
      </c>
      <c r="F66671" s="1" t="s">
        <v>221913</v>
      </c>
      <c r="G66671" s="1" t="s">
        <v>221884</v>
      </c>
      <c r="H66671" s="1" t="s">
        <v>221885</v>
      </c>
      <c r="I66671" s="1" t="s">
        <v>220808</v>
      </c>
      <c r="J66671" s="1" t="s">
        <v>221914</v>
      </c>
    </row>
    <row r="66672" spans="1:10" x14ac:dyDescent="0.35">
      <c r="A66672" s="1" t="s">
        <v>120891</v>
      </c>
      <c r="B66672" s="1" t="s">
        <v>220803</v>
      </c>
      <c r="C66672" s="1" t="s">
        <v>60</v>
      </c>
      <c r="D66672" s="1" t="s">
        <v>221915</v>
      </c>
      <c r="E66672" s="1" t="s">
        <v>221916</v>
      </c>
      <c r="F66672" s="1" t="s">
        <v>221917</v>
      </c>
      <c r="G66672" s="1" t="s">
        <v>221884</v>
      </c>
      <c r="H66672" s="1" t="s">
        <v>221885</v>
      </c>
      <c r="I66672" s="1" t="s">
        <v>220808</v>
      </c>
      <c r="J66672" s="1" t="s">
        <v>221918</v>
      </c>
    </row>
    <row r="66673" spans="1:10" x14ac:dyDescent="0.35">
      <c r="A66673" s="1" t="s">
        <v>120891</v>
      </c>
      <c r="B66673" s="1" t="s">
        <v>220803</v>
      </c>
      <c r="C66673" s="1" t="s">
        <v>65</v>
      </c>
      <c r="D66673" s="1" t="s">
        <v>116873</v>
      </c>
      <c r="E66673" s="1" t="s">
        <v>221919</v>
      </c>
      <c r="F66673" s="1" t="s">
        <v>221920</v>
      </c>
      <c r="G66673" s="1" t="s">
        <v>221884</v>
      </c>
      <c r="H66673" s="1" t="s">
        <v>221885</v>
      </c>
      <c r="I66673" s="1" t="s">
        <v>220808</v>
      </c>
      <c r="J66673" s="1" t="s">
        <v>221921</v>
      </c>
    </row>
    <row r="66674" spans="1:10" x14ac:dyDescent="0.35">
      <c r="A66674" s="1" t="s">
        <v>120891</v>
      </c>
      <c r="B66674" s="1" t="s">
        <v>220803</v>
      </c>
      <c r="C66674" s="1" t="s">
        <v>70</v>
      </c>
      <c r="D66674" s="1" t="s">
        <v>221242</v>
      </c>
      <c r="E66674" s="1" t="s">
        <v>221922</v>
      </c>
      <c r="F66674" s="1" t="s">
        <v>221923</v>
      </c>
      <c r="G66674" s="1" t="s">
        <v>221884</v>
      </c>
      <c r="H66674" s="1" t="s">
        <v>221885</v>
      </c>
      <c r="I66674" s="1" t="s">
        <v>220808</v>
      </c>
      <c r="J66674" s="1" t="s">
        <v>221924</v>
      </c>
    </row>
    <row r="66675" spans="1:10" x14ac:dyDescent="0.35">
      <c r="A66675" s="1" t="s">
        <v>120891</v>
      </c>
      <c r="B66675" s="1" t="s">
        <v>220803</v>
      </c>
      <c r="C66675" s="1" t="s">
        <v>75</v>
      </c>
      <c r="D66675" s="1" t="s">
        <v>38237</v>
      </c>
      <c r="E66675" s="1" t="s">
        <v>221925</v>
      </c>
      <c r="F66675" s="1" t="s">
        <v>221926</v>
      </c>
      <c r="G66675" s="1" t="s">
        <v>221884</v>
      </c>
      <c r="H66675" s="1" t="s">
        <v>221885</v>
      </c>
      <c r="I66675" s="1" t="s">
        <v>220808</v>
      </c>
      <c r="J66675" s="1" t="s">
        <v>221927</v>
      </c>
    </row>
    <row r="66676" spans="1:10" x14ac:dyDescent="0.35">
      <c r="A66676" s="1" t="s">
        <v>120891</v>
      </c>
      <c r="B66676" s="1" t="s">
        <v>220803</v>
      </c>
      <c r="C66676" s="1" t="s">
        <v>80</v>
      </c>
      <c r="D66676" s="1" t="s">
        <v>70728</v>
      </c>
      <c r="E66676" s="1" t="s">
        <v>221928</v>
      </c>
      <c r="F66676" s="1" t="s">
        <v>221929</v>
      </c>
      <c r="G66676" s="1" t="s">
        <v>221884</v>
      </c>
      <c r="H66676" s="1" t="s">
        <v>221885</v>
      </c>
      <c r="I66676" s="1" t="s">
        <v>220808</v>
      </c>
      <c r="J66676" s="1" t="s">
        <v>221930</v>
      </c>
    </row>
    <row r="66677" spans="1:10" x14ac:dyDescent="0.35">
      <c r="A66677" s="1" t="s">
        <v>120891</v>
      </c>
      <c r="B66677" s="1" t="s">
        <v>220803</v>
      </c>
      <c r="C66677" s="1" t="s">
        <v>85</v>
      </c>
      <c r="D66677" s="1" t="s">
        <v>219911</v>
      </c>
      <c r="E66677" s="1" t="s">
        <v>221931</v>
      </c>
      <c r="F66677" s="1" t="s">
        <v>221932</v>
      </c>
      <c r="G66677" s="1" t="s">
        <v>221884</v>
      </c>
      <c r="H66677" s="1" t="s">
        <v>221885</v>
      </c>
      <c r="I66677" s="1" t="s">
        <v>220808</v>
      </c>
      <c r="J66677" s="1" t="s">
        <v>221933</v>
      </c>
    </row>
    <row r="66678" spans="1:10" x14ac:dyDescent="0.35">
      <c r="A66678" s="1" t="s">
        <v>120891</v>
      </c>
      <c r="B66678" s="1" t="s">
        <v>220803</v>
      </c>
      <c r="C66678" s="1" t="s">
        <v>90</v>
      </c>
      <c r="D66678" s="1" t="s">
        <v>186432</v>
      </c>
      <c r="E66678" s="1" t="s">
        <v>221934</v>
      </c>
      <c r="F66678" s="1" t="s">
        <v>221935</v>
      </c>
      <c r="G66678" s="1" t="s">
        <v>221884</v>
      </c>
      <c r="H66678" s="1" t="s">
        <v>221885</v>
      </c>
      <c r="I66678" s="1" t="s">
        <v>220808</v>
      </c>
      <c r="J66678" s="1" t="s">
        <v>221936</v>
      </c>
    </row>
    <row r="66679" spans="1:10" x14ac:dyDescent="0.35">
      <c r="A66679" s="1" t="s">
        <v>120891</v>
      </c>
      <c r="B66679" s="1" t="s">
        <v>220803</v>
      </c>
      <c r="C66679" s="1" t="s">
        <v>95</v>
      </c>
      <c r="D66679" s="1" t="s">
        <v>177477</v>
      </c>
      <c r="E66679" s="1" t="s">
        <v>221937</v>
      </c>
      <c r="F66679" s="1" t="s">
        <v>221938</v>
      </c>
      <c r="G66679" s="1" t="s">
        <v>221884</v>
      </c>
      <c r="H66679" s="1" t="s">
        <v>221885</v>
      </c>
      <c r="I66679" s="1" t="s">
        <v>220808</v>
      </c>
      <c r="J66679" s="1" t="s">
        <v>221939</v>
      </c>
    </row>
    <row r="66680" spans="1:10" x14ac:dyDescent="0.35">
      <c r="A66680" s="1" t="s">
        <v>120891</v>
      </c>
      <c r="B66680" s="1" t="s">
        <v>220803</v>
      </c>
      <c r="C66680" s="1" t="s">
        <v>100</v>
      </c>
      <c r="D66680" s="1" t="s">
        <v>221940</v>
      </c>
      <c r="E66680" s="1" t="s">
        <v>221941</v>
      </c>
      <c r="F66680" s="1" t="s">
        <v>221942</v>
      </c>
      <c r="G66680" s="1" t="s">
        <v>221884</v>
      </c>
      <c r="H66680" s="1" t="s">
        <v>221885</v>
      </c>
      <c r="I66680" s="1" t="s">
        <v>220808</v>
      </c>
      <c r="J66680" s="1" t="s">
        <v>221943</v>
      </c>
    </row>
    <row r="66681" spans="1:10" x14ac:dyDescent="0.35">
      <c r="A66681" s="1" t="s">
        <v>120891</v>
      </c>
      <c r="B66681" s="1" t="s">
        <v>220803</v>
      </c>
      <c r="C66681" s="1" t="s">
        <v>105</v>
      </c>
      <c r="D66681" s="1" t="s">
        <v>221944</v>
      </c>
      <c r="E66681" s="1" t="s">
        <v>221945</v>
      </c>
      <c r="F66681" s="1" t="s">
        <v>221946</v>
      </c>
      <c r="G66681" s="1" t="s">
        <v>221884</v>
      </c>
      <c r="H66681" s="1" t="s">
        <v>221885</v>
      </c>
      <c r="I66681" s="1" t="s">
        <v>220808</v>
      </c>
      <c r="J66681" s="1" t="s">
        <v>221947</v>
      </c>
    </row>
    <row r="66682" spans="1:10" x14ac:dyDescent="0.35">
      <c r="A66682" s="1" t="s">
        <v>120891</v>
      </c>
      <c r="B66682" s="1" t="s">
        <v>220803</v>
      </c>
      <c r="C66682" s="1" t="s">
        <v>110</v>
      </c>
      <c r="D66682" s="1" t="s">
        <v>128677</v>
      </c>
      <c r="E66682" s="1" t="s">
        <v>221948</v>
      </c>
      <c r="F66682" s="1" t="s">
        <v>221949</v>
      </c>
      <c r="G66682" s="1" t="s">
        <v>221884</v>
      </c>
      <c r="H66682" s="1" t="s">
        <v>221885</v>
      </c>
      <c r="I66682" s="1" t="s">
        <v>220808</v>
      </c>
      <c r="J66682" s="1" t="s">
        <v>221950</v>
      </c>
    </row>
    <row r="66683" spans="1:10" x14ac:dyDescent="0.35">
      <c r="A66683" s="1" t="s">
        <v>120891</v>
      </c>
      <c r="B66683" s="1" t="s">
        <v>220803</v>
      </c>
      <c r="C66683" s="1" t="s">
        <v>115</v>
      </c>
      <c r="D66683" s="1" t="s">
        <v>221951</v>
      </c>
      <c r="E66683" s="1" t="s">
        <v>221952</v>
      </c>
      <c r="F66683" s="1" t="s">
        <v>221953</v>
      </c>
      <c r="G66683" s="1" t="s">
        <v>221884</v>
      </c>
      <c r="H66683" s="1" t="s">
        <v>221885</v>
      </c>
      <c r="I66683" s="1" t="s">
        <v>220808</v>
      </c>
      <c r="J66683" s="1" t="s">
        <v>221954</v>
      </c>
    </row>
    <row r="66684" spans="1:10" x14ac:dyDescent="0.35">
      <c r="A66684" s="1" t="s">
        <v>120891</v>
      </c>
      <c r="B66684" s="1" t="s">
        <v>220803</v>
      </c>
      <c r="C66684" s="1" t="s">
        <v>120</v>
      </c>
      <c r="D66684" s="1" t="s">
        <v>83328</v>
      </c>
      <c r="E66684" s="1" t="s">
        <v>221955</v>
      </c>
      <c r="F66684" s="1" t="s">
        <v>221956</v>
      </c>
      <c r="G66684" s="1" t="s">
        <v>221884</v>
      </c>
      <c r="H66684" s="1" t="s">
        <v>221885</v>
      </c>
      <c r="I66684" s="1" t="s">
        <v>220808</v>
      </c>
      <c r="J66684" s="1" t="s">
        <v>221957</v>
      </c>
    </row>
    <row r="66685" spans="1:10" x14ac:dyDescent="0.35">
      <c r="A66685" s="1" t="s">
        <v>120891</v>
      </c>
      <c r="B66685" s="1" t="s">
        <v>220803</v>
      </c>
      <c r="C66685" s="1" t="s">
        <v>125</v>
      </c>
      <c r="D66685" s="1" t="s">
        <v>105950</v>
      </c>
      <c r="E66685" s="1" t="s">
        <v>221958</v>
      </c>
      <c r="F66685" s="1" t="s">
        <v>221959</v>
      </c>
      <c r="G66685" s="1" t="s">
        <v>221884</v>
      </c>
      <c r="H66685" s="1" t="s">
        <v>221885</v>
      </c>
      <c r="I66685" s="1" t="s">
        <v>220808</v>
      </c>
      <c r="J66685" s="1" t="s">
        <v>221960</v>
      </c>
    </row>
    <row r="66686" spans="1:10" x14ac:dyDescent="0.35">
      <c r="A66686" s="1" t="s">
        <v>120891</v>
      </c>
      <c r="B66686" s="1" t="s">
        <v>220803</v>
      </c>
      <c r="C66686" s="1" t="s">
        <v>130</v>
      </c>
      <c r="D66686" s="1" t="s">
        <v>221961</v>
      </c>
      <c r="E66686" s="1" t="s">
        <v>221962</v>
      </c>
      <c r="F66686" s="1" t="s">
        <v>221963</v>
      </c>
      <c r="G66686" s="1" t="s">
        <v>221884</v>
      </c>
      <c r="H66686" s="1" t="s">
        <v>221885</v>
      </c>
      <c r="I66686" s="1" t="s">
        <v>220808</v>
      </c>
      <c r="J66686" s="1" t="s">
        <v>221964</v>
      </c>
    </row>
    <row r="66687" spans="1:10" x14ac:dyDescent="0.35">
      <c r="A66687" s="1" t="s">
        <v>120891</v>
      </c>
      <c r="B66687" s="1" t="s">
        <v>220803</v>
      </c>
      <c r="C66687" s="1" t="s">
        <v>135</v>
      </c>
      <c r="D66687" s="1" t="s">
        <v>75610</v>
      </c>
      <c r="E66687" s="1" t="s">
        <v>221965</v>
      </c>
      <c r="F66687" s="1" t="s">
        <v>221966</v>
      </c>
      <c r="G66687" s="1" t="s">
        <v>221884</v>
      </c>
      <c r="H66687" s="1" t="s">
        <v>221885</v>
      </c>
      <c r="I66687" s="1" t="s">
        <v>220808</v>
      </c>
      <c r="J66687" s="1" t="s">
        <v>221967</v>
      </c>
    </row>
    <row r="66688" spans="1:10" x14ac:dyDescent="0.35">
      <c r="A66688" s="1" t="s">
        <v>120891</v>
      </c>
      <c r="B66688" s="1" t="s">
        <v>220803</v>
      </c>
      <c r="C66688" s="1" t="s">
        <v>140</v>
      </c>
      <c r="D66688" s="1" t="s">
        <v>221968</v>
      </c>
      <c r="E66688" s="1" t="s">
        <v>221969</v>
      </c>
      <c r="F66688" s="1" t="s">
        <v>221970</v>
      </c>
      <c r="G66688" s="1" t="s">
        <v>221884</v>
      </c>
      <c r="H66688" s="1" t="s">
        <v>221885</v>
      </c>
      <c r="I66688" s="1" t="s">
        <v>220808</v>
      </c>
      <c r="J66688" s="1" t="s">
        <v>221971</v>
      </c>
    </row>
    <row r="66689" spans="1:10" x14ac:dyDescent="0.35">
      <c r="A66689" s="1" t="s">
        <v>120891</v>
      </c>
      <c r="B66689" s="1" t="s">
        <v>220803</v>
      </c>
      <c r="C66689" s="1" t="s">
        <v>145</v>
      </c>
      <c r="D66689" s="1" t="s">
        <v>221972</v>
      </c>
      <c r="E66689" s="1" t="s">
        <v>221973</v>
      </c>
      <c r="F66689" s="1" t="s">
        <v>221974</v>
      </c>
      <c r="G66689" s="1" t="s">
        <v>221884</v>
      </c>
      <c r="H66689" s="1" t="s">
        <v>221885</v>
      </c>
      <c r="I66689" s="1" t="s">
        <v>220808</v>
      </c>
      <c r="J66689" s="1" t="s">
        <v>221975</v>
      </c>
    </row>
    <row r="66690" spans="1:10" x14ac:dyDescent="0.35">
      <c r="A66690" s="1" t="s">
        <v>120891</v>
      </c>
      <c r="B66690" s="1" t="s">
        <v>220803</v>
      </c>
      <c r="C66690" s="1" t="s">
        <v>150</v>
      </c>
      <c r="D66690" s="1" t="s">
        <v>221976</v>
      </c>
      <c r="E66690" s="1" t="s">
        <v>221977</v>
      </c>
      <c r="F66690" s="1" t="s">
        <v>221978</v>
      </c>
      <c r="G66690" s="1" t="s">
        <v>221884</v>
      </c>
      <c r="H66690" s="1" t="s">
        <v>221885</v>
      </c>
      <c r="I66690" s="1" t="s">
        <v>220808</v>
      </c>
      <c r="J66690" s="1" t="s">
        <v>221979</v>
      </c>
    </row>
    <row r="66691" spans="1:10" x14ac:dyDescent="0.35">
      <c r="A66691" s="1" t="s">
        <v>120891</v>
      </c>
      <c r="B66691" s="1" t="s">
        <v>220803</v>
      </c>
      <c r="C66691" s="1" t="s">
        <v>155</v>
      </c>
      <c r="D66691" s="1" t="s">
        <v>33289</v>
      </c>
      <c r="E66691" s="1" t="s">
        <v>221980</v>
      </c>
      <c r="F66691" s="1" t="s">
        <v>221981</v>
      </c>
      <c r="G66691" s="1" t="s">
        <v>221884</v>
      </c>
      <c r="H66691" s="1" t="s">
        <v>221885</v>
      </c>
      <c r="I66691" s="1" t="s">
        <v>220808</v>
      </c>
      <c r="J66691" s="1" t="s">
        <v>221982</v>
      </c>
    </row>
    <row r="66692" spans="1:10" x14ac:dyDescent="0.35">
      <c r="A66692" s="1" t="s">
        <v>120891</v>
      </c>
      <c r="B66692" s="1" t="s">
        <v>220803</v>
      </c>
      <c r="C66692" s="1" t="s">
        <v>160</v>
      </c>
      <c r="D66692" s="1" t="s">
        <v>179831</v>
      </c>
      <c r="E66692" s="1" t="s">
        <v>221983</v>
      </c>
      <c r="F66692" s="1" t="s">
        <v>221984</v>
      </c>
      <c r="G66692" s="1" t="s">
        <v>221884</v>
      </c>
      <c r="H66692" s="1" t="s">
        <v>221885</v>
      </c>
      <c r="I66692" s="1" t="s">
        <v>220808</v>
      </c>
      <c r="J66692" s="1" t="s">
        <v>221985</v>
      </c>
    </row>
    <row r="66693" spans="1:10" x14ac:dyDescent="0.35">
      <c r="A66693" s="1" t="s">
        <v>120891</v>
      </c>
      <c r="B66693" s="1" t="s">
        <v>220803</v>
      </c>
      <c r="C66693" s="1" t="s">
        <v>165</v>
      </c>
      <c r="D66693" s="1" t="s">
        <v>221986</v>
      </c>
      <c r="E66693" s="1" t="s">
        <v>221987</v>
      </c>
      <c r="F66693" s="1" t="s">
        <v>221988</v>
      </c>
      <c r="G66693" s="1" t="s">
        <v>221884</v>
      </c>
      <c r="H66693" s="1" t="s">
        <v>221885</v>
      </c>
      <c r="I66693" s="1" t="s">
        <v>220808</v>
      </c>
      <c r="J66693" s="1" t="s">
        <v>221989</v>
      </c>
    </row>
    <row r="66694" spans="1:10" x14ac:dyDescent="0.35">
      <c r="A66694" s="1" t="s">
        <v>120891</v>
      </c>
      <c r="B66694" s="1" t="s">
        <v>220803</v>
      </c>
      <c r="C66694" s="1" t="s">
        <v>170</v>
      </c>
      <c r="D66694" s="1" t="s">
        <v>178391</v>
      </c>
      <c r="E66694" s="1" t="s">
        <v>221990</v>
      </c>
      <c r="F66694" s="1" t="s">
        <v>221991</v>
      </c>
      <c r="G66694" s="1" t="s">
        <v>221884</v>
      </c>
      <c r="H66694" s="1" t="s">
        <v>221885</v>
      </c>
      <c r="I66694" s="1" t="s">
        <v>220808</v>
      </c>
      <c r="J66694" s="1" t="s">
        <v>221992</v>
      </c>
    </row>
    <row r="66695" spans="1:10" x14ac:dyDescent="0.35">
      <c r="A66695" s="1" t="s">
        <v>111020</v>
      </c>
      <c r="B66695" s="1" t="s">
        <v>220803</v>
      </c>
      <c r="C66695" s="1" t="s">
        <v>8</v>
      </c>
      <c r="D66695" s="1" t="s">
        <v>47225</v>
      </c>
      <c r="E66695" s="1" t="s">
        <v>221993</v>
      </c>
      <c r="F66695" s="1" t="s">
        <v>221994</v>
      </c>
      <c r="G66695" s="1" t="s">
        <v>221995</v>
      </c>
      <c r="H66695" s="1" t="s">
        <v>18696</v>
      </c>
      <c r="I66695" s="1" t="s">
        <v>220808</v>
      </c>
      <c r="J66695" s="1" t="s">
        <v>13</v>
      </c>
    </row>
    <row r="66696" spans="1:10" x14ac:dyDescent="0.35">
      <c r="A66696" s="1" t="s">
        <v>111020</v>
      </c>
      <c r="B66696" s="1" t="s">
        <v>220803</v>
      </c>
      <c r="C66696" s="1" t="s">
        <v>15</v>
      </c>
      <c r="D66696" s="1" t="s">
        <v>72722</v>
      </c>
      <c r="E66696" s="1" t="s">
        <v>221996</v>
      </c>
      <c r="F66696" s="1" t="s">
        <v>221997</v>
      </c>
      <c r="G66696" s="1" t="s">
        <v>221995</v>
      </c>
      <c r="H66696" s="1" t="s">
        <v>18696</v>
      </c>
      <c r="I66696" s="1" t="s">
        <v>220808</v>
      </c>
      <c r="J66696" s="1" t="s">
        <v>221998</v>
      </c>
    </row>
    <row r="66697" spans="1:10" x14ac:dyDescent="0.35">
      <c r="A66697" s="1" t="s">
        <v>111020</v>
      </c>
      <c r="B66697" s="1" t="s">
        <v>220803</v>
      </c>
      <c r="C66697" s="1" t="s">
        <v>20</v>
      </c>
      <c r="D66697" s="1" t="s">
        <v>48387</v>
      </c>
      <c r="E66697" s="1" t="s">
        <v>221999</v>
      </c>
      <c r="F66697" s="1" t="s">
        <v>222000</v>
      </c>
      <c r="G66697" s="1" t="s">
        <v>221995</v>
      </c>
      <c r="H66697" s="1" t="s">
        <v>18696</v>
      </c>
      <c r="I66697" s="1" t="s">
        <v>220808</v>
      </c>
      <c r="J66697" s="1" t="s">
        <v>222001</v>
      </c>
    </row>
    <row r="66698" spans="1:10" x14ac:dyDescent="0.35">
      <c r="A66698" s="1" t="s">
        <v>111020</v>
      </c>
      <c r="B66698" s="1" t="s">
        <v>220803</v>
      </c>
      <c r="C66698" s="1" t="s">
        <v>25</v>
      </c>
      <c r="D66698" s="1" t="s">
        <v>126281</v>
      </c>
      <c r="E66698" s="1" t="s">
        <v>222002</v>
      </c>
      <c r="F66698" s="1" t="s">
        <v>222003</v>
      </c>
      <c r="G66698" s="1" t="s">
        <v>221995</v>
      </c>
      <c r="H66698" s="1" t="s">
        <v>18696</v>
      </c>
      <c r="I66698" s="1" t="s">
        <v>220808</v>
      </c>
      <c r="J66698" s="1" t="s">
        <v>222004</v>
      </c>
    </row>
    <row r="66699" spans="1:10" x14ac:dyDescent="0.35">
      <c r="A66699" s="1" t="s">
        <v>111020</v>
      </c>
      <c r="B66699" s="1" t="s">
        <v>220803</v>
      </c>
      <c r="C66699" s="1" t="s">
        <v>30</v>
      </c>
      <c r="D66699" s="1" t="s">
        <v>36208</v>
      </c>
      <c r="E66699" s="1" t="s">
        <v>222005</v>
      </c>
      <c r="F66699" s="1" t="s">
        <v>222006</v>
      </c>
      <c r="G66699" s="1" t="s">
        <v>221995</v>
      </c>
      <c r="H66699" s="1" t="s">
        <v>18696</v>
      </c>
      <c r="I66699" s="1" t="s">
        <v>220808</v>
      </c>
      <c r="J66699" s="1" t="s">
        <v>222007</v>
      </c>
    </row>
    <row r="66700" spans="1:10" x14ac:dyDescent="0.35">
      <c r="A66700" s="1" t="s">
        <v>111020</v>
      </c>
      <c r="B66700" s="1" t="s">
        <v>220803</v>
      </c>
      <c r="C66700" s="1" t="s">
        <v>35</v>
      </c>
      <c r="D66700" s="1" t="s">
        <v>5774</v>
      </c>
      <c r="E66700" s="1" t="s">
        <v>222008</v>
      </c>
      <c r="F66700" s="1" t="s">
        <v>222009</v>
      </c>
      <c r="G66700" s="1" t="s">
        <v>221995</v>
      </c>
      <c r="H66700" s="1" t="s">
        <v>18696</v>
      </c>
      <c r="I66700" s="1" t="s">
        <v>220808</v>
      </c>
      <c r="J66700" s="1" t="s">
        <v>222010</v>
      </c>
    </row>
    <row r="66701" spans="1:10" x14ac:dyDescent="0.35">
      <c r="A66701" s="1" t="s">
        <v>111020</v>
      </c>
      <c r="B66701" s="1" t="s">
        <v>220803</v>
      </c>
      <c r="C66701" s="1" t="s">
        <v>40</v>
      </c>
      <c r="D66701" s="1" t="s">
        <v>72344</v>
      </c>
      <c r="E66701" s="1" t="s">
        <v>222011</v>
      </c>
      <c r="F66701" s="1" t="s">
        <v>222012</v>
      </c>
      <c r="G66701" s="1" t="s">
        <v>221995</v>
      </c>
      <c r="H66701" s="1" t="s">
        <v>18696</v>
      </c>
      <c r="I66701" s="1" t="s">
        <v>220808</v>
      </c>
      <c r="J66701" s="1" t="s">
        <v>222013</v>
      </c>
    </row>
    <row r="66702" spans="1:10" x14ac:dyDescent="0.35">
      <c r="A66702" s="1" t="s">
        <v>111020</v>
      </c>
      <c r="B66702" s="1" t="s">
        <v>220803</v>
      </c>
      <c r="C66702" s="1" t="s">
        <v>45</v>
      </c>
      <c r="D66702" s="1" t="s">
        <v>119583</v>
      </c>
      <c r="E66702" s="1" t="s">
        <v>222014</v>
      </c>
      <c r="F66702" s="1" t="s">
        <v>222015</v>
      </c>
      <c r="G66702" s="1" t="s">
        <v>221995</v>
      </c>
      <c r="H66702" s="1" t="s">
        <v>18696</v>
      </c>
      <c r="I66702" s="1" t="s">
        <v>220808</v>
      </c>
      <c r="J66702" s="1" t="s">
        <v>222016</v>
      </c>
    </row>
    <row r="66703" spans="1:10" x14ac:dyDescent="0.35">
      <c r="A66703" s="1" t="s">
        <v>111020</v>
      </c>
      <c r="B66703" s="1" t="s">
        <v>220803</v>
      </c>
      <c r="C66703" s="1" t="s">
        <v>50</v>
      </c>
      <c r="D66703" s="1" t="s">
        <v>152406</v>
      </c>
      <c r="E66703" s="1" t="s">
        <v>222017</v>
      </c>
      <c r="F66703" s="1" t="s">
        <v>222018</v>
      </c>
      <c r="G66703" s="1" t="s">
        <v>221995</v>
      </c>
      <c r="H66703" s="1" t="s">
        <v>18696</v>
      </c>
      <c r="I66703" s="1" t="s">
        <v>220808</v>
      </c>
      <c r="J66703" s="1" t="s">
        <v>222019</v>
      </c>
    </row>
    <row r="66704" spans="1:10" x14ac:dyDescent="0.35">
      <c r="A66704" s="1" t="s">
        <v>111020</v>
      </c>
      <c r="B66704" s="1" t="s">
        <v>220803</v>
      </c>
      <c r="C66704" s="1" t="s">
        <v>55</v>
      </c>
      <c r="D66704" s="1" t="s">
        <v>50529</v>
      </c>
      <c r="E66704" s="1" t="s">
        <v>222020</v>
      </c>
      <c r="F66704" s="1" t="s">
        <v>222021</v>
      </c>
      <c r="G66704" s="1" t="s">
        <v>221995</v>
      </c>
      <c r="H66704" s="1" t="s">
        <v>18696</v>
      </c>
      <c r="I66704" s="1" t="s">
        <v>220808</v>
      </c>
      <c r="J66704" s="1" t="s">
        <v>222022</v>
      </c>
    </row>
    <row r="66705" spans="1:10" x14ac:dyDescent="0.35">
      <c r="A66705" s="1" t="s">
        <v>111020</v>
      </c>
      <c r="B66705" s="1" t="s">
        <v>220803</v>
      </c>
      <c r="C66705" s="1" t="s">
        <v>60</v>
      </c>
      <c r="D66705" s="1" t="s">
        <v>48889</v>
      </c>
      <c r="E66705" s="1" t="s">
        <v>222023</v>
      </c>
      <c r="F66705" s="1" t="s">
        <v>222024</v>
      </c>
      <c r="G66705" s="1" t="s">
        <v>221995</v>
      </c>
      <c r="H66705" s="1" t="s">
        <v>18696</v>
      </c>
      <c r="I66705" s="1" t="s">
        <v>220808</v>
      </c>
      <c r="J66705" s="1" t="s">
        <v>222025</v>
      </c>
    </row>
    <row r="66706" spans="1:10" x14ac:dyDescent="0.35">
      <c r="A66706" s="1" t="s">
        <v>111020</v>
      </c>
      <c r="B66706" s="1" t="s">
        <v>220803</v>
      </c>
      <c r="C66706" s="1" t="s">
        <v>65</v>
      </c>
      <c r="D66706" s="1" t="s">
        <v>9574</v>
      </c>
      <c r="E66706" s="1" t="s">
        <v>222026</v>
      </c>
      <c r="F66706" s="1" t="s">
        <v>222027</v>
      </c>
      <c r="G66706" s="1" t="s">
        <v>221995</v>
      </c>
      <c r="H66706" s="1" t="s">
        <v>18696</v>
      </c>
      <c r="I66706" s="1" t="s">
        <v>220808</v>
      </c>
      <c r="J66706" s="1" t="s">
        <v>222028</v>
      </c>
    </row>
    <row r="66707" spans="1:10" x14ac:dyDescent="0.35">
      <c r="A66707" s="1" t="s">
        <v>111020</v>
      </c>
      <c r="B66707" s="1" t="s">
        <v>220803</v>
      </c>
      <c r="C66707" s="1" t="s">
        <v>70</v>
      </c>
      <c r="D66707" s="1" t="s">
        <v>10366</v>
      </c>
      <c r="E66707" s="1" t="s">
        <v>222029</v>
      </c>
      <c r="F66707" s="1" t="s">
        <v>222030</v>
      </c>
      <c r="G66707" s="1" t="s">
        <v>221995</v>
      </c>
      <c r="H66707" s="1" t="s">
        <v>18696</v>
      </c>
      <c r="I66707" s="1" t="s">
        <v>220808</v>
      </c>
      <c r="J66707" s="1" t="s">
        <v>222031</v>
      </c>
    </row>
    <row r="66708" spans="1:10" x14ac:dyDescent="0.35">
      <c r="A66708" s="1" t="s">
        <v>111020</v>
      </c>
      <c r="B66708" s="1" t="s">
        <v>220803</v>
      </c>
      <c r="C66708" s="1" t="s">
        <v>75</v>
      </c>
      <c r="D66708" s="1" t="s">
        <v>222032</v>
      </c>
      <c r="E66708" s="1" t="s">
        <v>222033</v>
      </c>
      <c r="F66708" s="1" t="s">
        <v>222034</v>
      </c>
      <c r="G66708" s="1" t="s">
        <v>221995</v>
      </c>
      <c r="H66708" s="1" t="s">
        <v>18696</v>
      </c>
      <c r="I66708" s="1" t="s">
        <v>220808</v>
      </c>
      <c r="J66708" s="1" t="s">
        <v>222035</v>
      </c>
    </row>
    <row r="66709" spans="1:10" x14ac:dyDescent="0.35">
      <c r="A66709" s="1" t="s">
        <v>111020</v>
      </c>
      <c r="B66709" s="1" t="s">
        <v>220803</v>
      </c>
      <c r="C66709" s="1" t="s">
        <v>80</v>
      </c>
      <c r="D66709" s="1" t="s">
        <v>168537</v>
      </c>
      <c r="E66709" s="1" t="s">
        <v>222036</v>
      </c>
      <c r="F66709" s="1" t="s">
        <v>222037</v>
      </c>
      <c r="G66709" s="1" t="s">
        <v>221995</v>
      </c>
      <c r="H66709" s="1" t="s">
        <v>18696</v>
      </c>
      <c r="I66709" s="1" t="s">
        <v>220808</v>
      </c>
      <c r="J66709" s="1" t="s">
        <v>222038</v>
      </c>
    </row>
    <row r="66710" spans="1:10" x14ac:dyDescent="0.35">
      <c r="A66710" s="1" t="s">
        <v>111020</v>
      </c>
      <c r="B66710" s="1" t="s">
        <v>220803</v>
      </c>
      <c r="C66710" s="1" t="s">
        <v>85</v>
      </c>
      <c r="D66710" s="1" t="s">
        <v>182709</v>
      </c>
      <c r="E66710" s="1" t="s">
        <v>222039</v>
      </c>
      <c r="F66710" s="1" t="s">
        <v>222040</v>
      </c>
      <c r="G66710" s="1" t="s">
        <v>221995</v>
      </c>
      <c r="H66710" s="1" t="s">
        <v>18696</v>
      </c>
      <c r="I66710" s="1" t="s">
        <v>220808</v>
      </c>
      <c r="J66710" s="1" t="s">
        <v>222041</v>
      </c>
    </row>
    <row r="66711" spans="1:10" x14ac:dyDescent="0.35">
      <c r="A66711" s="1" t="s">
        <v>111020</v>
      </c>
      <c r="B66711" s="1" t="s">
        <v>220803</v>
      </c>
      <c r="C66711" s="1" t="s">
        <v>90</v>
      </c>
      <c r="D66711" s="1" t="s">
        <v>201675</v>
      </c>
      <c r="E66711" s="1" t="s">
        <v>222042</v>
      </c>
      <c r="F66711" s="1" t="s">
        <v>222043</v>
      </c>
      <c r="G66711" s="1" t="s">
        <v>221995</v>
      </c>
      <c r="H66711" s="1" t="s">
        <v>18696</v>
      </c>
      <c r="I66711" s="1" t="s">
        <v>220808</v>
      </c>
      <c r="J66711" s="1" t="s">
        <v>222044</v>
      </c>
    </row>
    <row r="66712" spans="1:10" x14ac:dyDescent="0.35">
      <c r="A66712" s="1" t="s">
        <v>111020</v>
      </c>
      <c r="B66712" s="1" t="s">
        <v>220803</v>
      </c>
      <c r="C66712" s="1" t="s">
        <v>95</v>
      </c>
      <c r="D66712" s="1" t="s">
        <v>44433</v>
      </c>
      <c r="E66712" s="1" t="s">
        <v>222045</v>
      </c>
      <c r="F66712" s="1" t="s">
        <v>222046</v>
      </c>
      <c r="G66712" s="1" t="s">
        <v>221995</v>
      </c>
      <c r="H66712" s="1" t="s">
        <v>18696</v>
      </c>
      <c r="I66712" s="1" t="s">
        <v>220808</v>
      </c>
      <c r="J66712" s="1" t="s">
        <v>222047</v>
      </c>
    </row>
    <row r="66713" spans="1:10" x14ac:dyDescent="0.35">
      <c r="A66713" s="1" t="s">
        <v>111020</v>
      </c>
      <c r="B66713" s="1" t="s">
        <v>220803</v>
      </c>
      <c r="C66713" s="1" t="s">
        <v>100</v>
      </c>
      <c r="D66713" s="1" t="s">
        <v>140990</v>
      </c>
      <c r="E66713" s="1" t="s">
        <v>222048</v>
      </c>
      <c r="F66713" s="1" t="s">
        <v>222049</v>
      </c>
      <c r="G66713" s="1" t="s">
        <v>221995</v>
      </c>
      <c r="H66713" s="1" t="s">
        <v>18696</v>
      </c>
      <c r="I66713" s="1" t="s">
        <v>220808</v>
      </c>
      <c r="J66713" s="1" t="s">
        <v>222050</v>
      </c>
    </row>
    <row r="66714" spans="1:10" x14ac:dyDescent="0.35">
      <c r="A66714" s="1" t="s">
        <v>111020</v>
      </c>
      <c r="B66714" s="1" t="s">
        <v>220803</v>
      </c>
      <c r="C66714" s="1" t="s">
        <v>105</v>
      </c>
      <c r="D66714" s="1" t="s">
        <v>153683</v>
      </c>
      <c r="E66714" s="1" t="s">
        <v>222051</v>
      </c>
      <c r="F66714" s="1" t="s">
        <v>222052</v>
      </c>
      <c r="G66714" s="1" t="s">
        <v>221995</v>
      </c>
      <c r="H66714" s="1" t="s">
        <v>18696</v>
      </c>
      <c r="I66714" s="1" t="s">
        <v>220808</v>
      </c>
      <c r="J66714" s="1" t="s">
        <v>222053</v>
      </c>
    </row>
    <row r="66715" spans="1:10" x14ac:dyDescent="0.35">
      <c r="A66715" s="1" t="s">
        <v>111020</v>
      </c>
      <c r="B66715" s="1" t="s">
        <v>220803</v>
      </c>
      <c r="C66715" s="1" t="s">
        <v>110</v>
      </c>
      <c r="D66715" s="1" t="s">
        <v>125326</v>
      </c>
      <c r="E66715" s="1" t="s">
        <v>222054</v>
      </c>
      <c r="F66715" s="1" t="s">
        <v>222055</v>
      </c>
      <c r="G66715" s="1" t="s">
        <v>221995</v>
      </c>
      <c r="H66715" s="1" t="s">
        <v>18696</v>
      </c>
      <c r="I66715" s="1" t="s">
        <v>220808</v>
      </c>
      <c r="J66715" s="1" t="s">
        <v>222056</v>
      </c>
    </row>
    <row r="66716" spans="1:10" x14ac:dyDescent="0.35">
      <c r="A66716" s="1" t="s">
        <v>111020</v>
      </c>
      <c r="B66716" s="1" t="s">
        <v>220803</v>
      </c>
      <c r="C66716" s="1" t="s">
        <v>115</v>
      </c>
      <c r="D66716" s="1" t="s">
        <v>45208</v>
      </c>
      <c r="E66716" s="1" t="s">
        <v>222057</v>
      </c>
      <c r="F66716" s="1" t="s">
        <v>222058</v>
      </c>
      <c r="G66716" s="1" t="s">
        <v>221995</v>
      </c>
      <c r="H66716" s="1" t="s">
        <v>18696</v>
      </c>
      <c r="I66716" s="1" t="s">
        <v>220808</v>
      </c>
      <c r="J66716" s="1" t="s">
        <v>222059</v>
      </c>
    </row>
    <row r="66717" spans="1:10" x14ac:dyDescent="0.35">
      <c r="A66717" s="1" t="s">
        <v>111020</v>
      </c>
      <c r="B66717" s="1" t="s">
        <v>220803</v>
      </c>
      <c r="C66717" s="1" t="s">
        <v>120</v>
      </c>
      <c r="D66717" s="1" t="s">
        <v>82485</v>
      </c>
      <c r="E66717" s="1" t="s">
        <v>222060</v>
      </c>
      <c r="F66717" s="1" t="s">
        <v>222061</v>
      </c>
      <c r="G66717" s="1" t="s">
        <v>221995</v>
      </c>
      <c r="H66717" s="1" t="s">
        <v>18696</v>
      </c>
      <c r="I66717" s="1" t="s">
        <v>220808</v>
      </c>
      <c r="J66717" s="1" t="s">
        <v>222062</v>
      </c>
    </row>
    <row r="66718" spans="1:10" x14ac:dyDescent="0.35">
      <c r="A66718" s="1" t="s">
        <v>111020</v>
      </c>
      <c r="B66718" s="1" t="s">
        <v>220803</v>
      </c>
      <c r="C66718" s="1" t="s">
        <v>125</v>
      </c>
      <c r="D66718" s="1" t="s">
        <v>222063</v>
      </c>
      <c r="E66718" s="1" t="s">
        <v>222064</v>
      </c>
      <c r="F66718" s="1" t="s">
        <v>222065</v>
      </c>
      <c r="G66718" s="1" t="s">
        <v>221995</v>
      </c>
      <c r="H66718" s="1" t="s">
        <v>18696</v>
      </c>
      <c r="I66718" s="1" t="s">
        <v>220808</v>
      </c>
      <c r="J66718" s="1" t="s">
        <v>222066</v>
      </c>
    </row>
    <row r="66719" spans="1:10" x14ac:dyDescent="0.35">
      <c r="A66719" s="1" t="s">
        <v>111020</v>
      </c>
      <c r="B66719" s="1" t="s">
        <v>220803</v>
      </c>
      <c r="C66719" s="1" t="s">
        <v>130</v>
      </c>
      <c r="D66719" s="1" t="s">
        <v>185942</v>
      </c>
      <c r="E66719" s="1" t="s">
        <v>222067</v>
      </c>
      <c r="F66719" s="1" t="s">
        <v>222068</v>
      </c>
      <c r="G66719" s="1" t="s">
        <v>221995</v>
      </c>
      <c r="H66719" s="1" t="s">
        <v>18696</v>
      </c>
      <c r="I66719" s="1" t="s">
        <v>220808</v>
      </c>
      <c r="J66719" s="1" t="s">
        <v>222069</v>
      </c>
    </row>
    <row r="66720" spans="1:10" x14ac:dyDescent="0.35">
      <c r="A66720" s="1" t="s">
        <v>111020</v>
      </c>
      <c r="B66720" s="1" t="s">
        <v>220803</v>
      </c>
      <c r="C66720" s="1" t="s">
        <v>135</v>
      </c>
      <c r="D66720" s="1" t="s">
        <v>43194</v>
      </c>
      <c r="E66720" s="1" t="s">
        <v>222070</v>
      </c>
      <c r="F66720" s="1" t="s">
        <v>222071</v>
      </c>
      <c r="G66720" s="1" t="s">
        <v>221995</v>
      </c>
      <c r="H66720" s="1" t="s">
        <v>18696</v>
      </c>
      <c r="I66720" s="1" t="s">
        <v>220808</v>
      </c>
      <c r="J66720" s="1" t="s">
        <v>222072</v>
      </c>
    </row>
    <row r="66721" spans="1:10" x14ac:dyDescent="0.35">
      <c r="A66721" s="1" t="s">
        <v>111020</v>
      </c>
      <c r="B66721" s="1" t="s">
        <v>220803</v>
      </c>
      <c r="C66721" s="1" t="s">
        <v>140</v>
      </c>
      <c r="D66721" s="1" t="s">
        <v>179377</v>
      </c>
      <c r="E66721" s="1" t="s">
        <v>222073</v>
      </c>
      <c r="F66721" s="1" t="s">
        <v>222074</v>
      </c>
      <c r="G66721" s="1" t="s">
        <v>221995</v>
      </c>
      <c r="H66721" s="1" t="s">
        <v>18696</v>
      </c>
      <c r="I66721" s="1" t="s">
        <v>220808</v>
      </c>
      <c r="J66721" s="1" t="s">
        <v>222075</v>
      </c>
    </row>
    <row r="66722" spans="1:10" x14ac:dyDescent="0.35">
      <c r="A66722" s="1" t="s">
        <v>111020</v>
      </c>
      <c r="B66722" s="1" t="s">
        <v>220803</v>
      </c>
      <c r="C66722" s="1" t="s">
        <v>145</v>
      </c>
      <c r="D66722" s="1" t="s">
        <v>198019</v>
      </c>
      <c r="E66722" s="1" t="s">
        <v>222076</v>
      </c>
      <c r="F66722" s="1" t="s">
        <v>222077</v>
      </c>
      <c r="G66722" s="1" t="s">
        <v>221995</v>
      </c>
      <c r="H66722" s="1" t="s">
        <v>18696</v>
      </c>
      <c r="I66722" s="1" t="s">
        <v>220808</v>
      </c>
      <c r="J66722" s="1" t="s">
        <v>222078</v>
      </c>
    </row>
    <row r="66723" spans="1:10" x14ac:dyDescent="0.35">
      <c r="A66723" s="1" t="s">
        <v>111020</v>
      </c>
      <c r="B66723" s="1" t="s">
        <v>220803</v>
      </c>
      <c r="C66723" s="1" t="s">
        <v>150</v>
      </c>
      <c r="D66723" s="1" t="s">
        <v>177682</v>
      </c>
      <c r="E66723" s="1" t="s">
        <v>165927</v>
      </c>
      <c r="F66723" s="1" t="s">
        <v>222079</v>
      </c>
      <c r="G66723" s="1" t="s">
        <v>221995</v>
      </c>
      <c r="H66723" s="1" t="s">
        <v>18696</v>
      </c>
      <c r="I66723" s="1" t="s">
        <v>220808</v>
      </c>
      <c r="J66723" s="1" t="s">
        <v>222080</v>
      </c>
    </row>
    <row r="66724" spans="1:10" x14ac:dyDescent="0.35">
      <c r="A66724" s="1" t="s">
        <v>111020</v>
      </c>
      <c r="B66724" s="1" t="s">
        <v>220803</v>
      </c>
      <c r="C66724" s="1" t="s">
        <v>155</v>
      </c>
      <c r="D66724" s="1" t="s">
        <v>222081</v>
      </c>
      <c r="E66724" s="1" t="s">
        <v>222082</v>
      </c>
      <c r="F66724" s="1" t="s">
        <v>222083</v>
      </c>
      <c r="G66724" s="1" t="s">
        <v>221995</v>
      </c>
      <c r="H66724" s="1" t="s">
        <v>18696</v>
      </c>
      <c r="I66724" s="1" t="s">
        <v>220808</v>
      </c>
      <c r="J66724" s="1" t="s">
        <v>222084</v>
      </c>
    </row>
    <row r="66725" spans="1:10" x14ac:dyDescent="0.35">
      <c r="A66725" s="1" t="s">
        <v>111020</v>
      </c>
      <c r="B66725" s="1" t="s">
        <v>220803</v>
      </c>
      <c r="C66725" s="1" t="s">
        <v>160</v>
      </c>
      <c r="D66725" s="1" t="s">
        <v>222085</v>
      </c>
      <c r="E66725" s="1" t="s">
        <v>222086</v>
      </c>
      <c r="F66725" s="1" t="s">
        <v>222087</v>
      </c>
      <c r="G66725" s="1" t="s">
        <v>221995</v>
      </c>
      <c r="H66725" s="1" t="s">
        <v>18696</v>
      </c>
      <c r="I66725" s="1" t="s">
        <v>220808</v>
      </c>
      <c r="J66725" s="1" t="s">
        <v>222088</v>
      </c>
    </row>
    <row r="66726" spans="1:10" x14ac:dyDescent="0.35">
      <c r="A66726" s="1" t="s">
        <v>111020</v>
      </c>
      <c r="B66726" s="1" t="s">
        <v>220803</v>
      </c>
      <c r="C66726" s="1" t="s">
        <v>165</v>
      </c>
      <c r="D66726" s="1" t="s">
        <v>43940</v>
      </c>
      <c r="E66726" s="1" t="s">
        <v>222089</v>
      </c>
      <c r="F66726" s="1" t="s">
        <v>222090</v>
      </c>
      <c r="G66726" s="1" t="s">
        <v>221995</v>
      </c>
      <c r="H66726" s="1" t="s">
        <v>18696</v>
      </c>
      <c r="I66726" s="1" t="s">
        <v>220808</v>
      </c>
      <c r="J66726" s="1" t="s">
        <v>222091</v>
      </c>
    </row>
    <row r="66727" spans="1:10" x14ac:dyDescent="0.35">
      <c r="A66727" s="1" t="s">
        <v>111020</v>
      </c>
      <c r="B66727" s="1" t="s">
        <v>220803</v>
      </c>
      <c r="C66727" s="1" t="s">
        <v>170</v>
      </c>
      <c r="D66727" s="1" t="s">
        <v>214258</v>
      </c>
      <c r="E66727" s="1" t="s">
        <v>222092</v>
      </c>
      <c r="F66727" s="1" t="s">
        <v>222093</v>
      </c>
      <c r="G66727" s="1" t="s">
        <v>221995</v>
      </c>
      <c r="H66727" s="1" t="s">
        <v>18696</v>
      </c>
      <c r="I66727" s="1" t="s">
        <v>220808</v>
      </c>
      <c r="J66727" s="1" t="s">
        <v>222094</v>
      </c>
    </row>
    <row r="66728" spans="1:10" x14ac:dyDescent="0.35">
      <c r="A66728" s="1" t="s">
        <v>110094</v>
      </c>
      <c r="B66728" s="1" t="s">
        <v>220803</v>
      </c>
      <c r="C66728" s="1" t="s">
        <v>8</v>
      </c>
      <c r="D66728" s="1" t="s">
        <v>17859</v>
      </c>
      <c r="E66728" s="1" t="s">
        <v>222095</v>
      </c>
      <c r="F66728" s="1" t="s">
        <v>222096</v>
      </c>
      <c r="G66728" s="1" t="s">
        <v>222097</v>
      </c>
      <c r="H66728" s="1" t="s">
        <v>222098</v>
      </c>
      <c r="I66728" s="1" t="s">
        <v>220808</v>
      </c>
      <c r="J66728" s="1" t="s">
        <v>13</v>
      </c>
    </row>
    <row r="66729" spans="1:10" x14ac:dyDescent="0.35">
      <c r="A66729" s="1" t="s">
        <v>110094</v>
      </c>
      <c r="B66729" s="1" t="s">
        <v>220803</v>
      </c>
      <c r="C66729" s="1" t="s">
        <v>15</v>
      </c>
      <c r="D66729" s="1" t="s">
        <v>3136</v>
      </c>
      <c r="E66729" s="1" t="s">
        <v>222099</v>
      </c>
      <c r="F66729" s="1" t="s">
        <v>222100</v>
      </c>
      <c r="G66729" s="1" t="s">
        <v>222097</v>
      </c>
      <c r="H66729" s="1" t="s">
        <v>222098</v>
      </c>
      <c r="I66729" s="1" t="s">
        <v>220808</v>
      </c>
      <c r="J66729" s="1" t="s">
        <v>222101</v>
      </c>
    </row>
    <row r="66730" spans="1:10" x14ac:dyDescent="0.35">
      <c r="A66730" s="1" t="s">
        <v>110094</v>
      </c>
      <c r="B66730" s="1" t="s">
        <v>220803</v>
      </c>
      <c r="C66730" s="1" t="s">
        <v>20</v>
      </c>
      <c r="D66730" s="1" t="s">
        <v>42050</v>
      </c>
      <c r="E66730" s="1" t="s">
        <v>222102</v>
      </c>
      <c r="F66730" s="1" t="s">
        <v>222103</v>
      </c>
      <c r="G66730" s="1" t="s">
        <v>222097</v>
      </c>
      <c r="H66730" s="1" t="s">
        <v>222098</v>
      </c>
      <c r="I66730" s="1" t="s">
        <v>220808</v>
      </c>
      <c r="J66730" s="1" t="s">
        <v>222104</v>
      </c>
    </row>
    <row r="66731" spans="1:10" x14ac:dyDescent="0.35">
      <c r="A66731" s="1" t="s">
        <v>110094</v>
      </c>
      <c r="B66731" s="1" t="s">
        <v>220803</v>
      </c>
      <c r="C66731" s="1" t="s">
        <v>25</v>
      </c>
      <c r="D66731" s="1" t="s">
        <v>37525</v>
      </c>
      <c r="E66731" s="1" t="s">
        <v>222105</v>
      </c>
      <c r="F66731" s="1" t="s">
        <v>222106</v>
      </c>
      <c r="G66731" s="1" t="s">
        <v>222097</v>
      </c>
      <c r="H66731" s="1" t="s">
        <v>222098</v>
      </c>
      <c r="I66731" s="1" t="s">
        <v>220808</v>
      </c>
      <c r="J66731" s="1" t="s">
        <v>222107</v>
      </c>
    </row>
    <row r="66732" spans="1:10" x14ac:dyDescent="0.35">
      <c r="A66732" s="1" t="s">
        <v>110094</v>
      </c>
      <c r="B66732" s="1" t="s">
        <v>220803</v>
      </c>
      <c r="C66732" s="1" t="s">
        <v>30</v>
      </c>
      <c r="D66732" s="1" t="s">
        <v>125535</v>
      </c>
      <c r="E66732" s="1" t="s">
        <v>222108</v>
      </c>
      <c r="F66732" s="1" t="s">
        <v>222109</v>
      </c>
      <c r="G66732" s="1" t="s">
        <v>222097</v>
      </c>
      <c r="H66732" s="1" t="s">
        <v>222098</v>
      </c>
      <c r="I66732" s="1" t="s">
        <v>220808</v>
      </c>
      <c r="J66732" s="1" t="s">
        <v>222110</v>
      </c>
    </row>
    <row r="66733" spans="1:10" x14ac:dyDescent="0.35">
      <c r="A66733" s="1" t="s">
        <v>110094</v>
      </c>
      <c r="B66733" s="1" t="s">
        <v>220803</v>
      </c>
      <c r="C66733" s="1" t="s">
        <v>35</v>
      </c>
      <c r="D66733" s="1" t="s">
        <v>72565</v>
      </c>
      <c r="E66733" s="1" t="s">
        <v>222111</v>
      </c>
      <c r="F66733" s="1" t="s">
        <v>222112</v>
      </c>
      <c r="G66733" s="1" t="s">
        <v>222097</v>
      </c>
      <c r="H66733" s="1" t="s">
        <v>222098</v>
      </c>
      <c r="I66733" s="1" t="s">
        <v>220808</v>
      </c>
      <c r="J66733" s="1" t="s">
        <v>222113</v>
      </c>
    </row>
    <row r="66734" spans="1:10" x14ac:dyDescent="0.35">
      <c r="A66734" s="1" t="s">
        <v>110094</v>
      </c>
      <c r="B66734" s="1" t="s">
        <v>220803</v>
      </c>
      <c r="C66734" s="1" t="s">
        <v>40</v>
      </c>
      <c r="D66734" s="1" t="s">
        <v>153683</v>
      </c>
      <c r="E66734" s="1" t="s">
        <v>222114</v>
      </c>
      <c r="F66734" s="1" t="s">
        <v>222115</v>
      </c>
      <c r="G66734" s="1" t="s">
        <v>222097</v>
      </c>
      <c r="H66734" s="1" t="s">
        <v>222098</v>
      </c>
      <c r="I66734" s="1" t="s">
        <v>220808</v>
      </c>
      <c r="J66734" s="1" t="s">
        <v>222116</v>
      </c>
    </row>
    <row r="66735" spans="1:10" x14ac:dyDescent="0.35">
      <c r="A66735" s="1" t="s">
        <v>110094</v>
      </c>
      <c r="B66735" s="1" t="s">
        <v>220803</v>
      </c>
      <c r="C66735" s="1" t="s">
        <v>45</v>
      </c>
      <c r="D66735" s="1" t="s">
        <v>42646</v>
      </c>
      <c r="E66735" s="1" t="s">
        <v>222117</v>
      </c>
      <c r="F66735" s="1" t="s">
        <v>222118</v>
      </c>
      <c r="G66735" s="1" t="s">
        <v>222097</v>
      </c>
      <c r="H66735" s="1" t="s">
        <v>222098</v>
      </c>
      <c r="I66735" s="1" t="s">
        <v>220808</v>
      </c>
      <c r="J66735" s="1" t="s">
        <v>222119</v>
      </c>
    </row>
    <row r="66736" spans="1:10" x14ac:dyDescent="0.35">
      <c r="A66736" s="1" t="s">
        <v>110094</v>
      </c>
      <c r="B66736" s="1" t="s">
        <v>220803</v>
      </c>
      <c r="C66736" s="1" t="s">
        <v>50</v>
      </c>
      <c r="D66736" s="1" t="s">
        <v>222120</v>
      </c>
      <c r="E66736" s="1" t="s">
        <v>222121</v>
      </c>
      <c r="F66736" s="1" t="s">
        <v>222122</v>
      </c>
      <c r="G66736" s="1" t="s">
        <v>222097</v>
      </c>
      <c r="H66736" s="1" t="s">
        <v>222098</v>
      </c>
      <c r="I66736" s="1" t="s">
        <v>220808</v>
      </c>
      <c r="J66736" s="1" t="s">
        <v>222123</v>
      </c>
    </row>
    <row r="66737" spans="1:10" x14ac:dyDescent="0.35">
      <c r="A66737" s="1" t="s">
        <v>110094</v>
      </c>
      <c r="B66737" s="1" t="s">
        <v>220803</v>
      </c>
      <c r="C66737" s="1" t="s">
        <v>55</v>
      </c>
      <c r="D66737" s="1" t="s">
        <v>187233</v>
      </c>
      <c r="E66737" s="1" t="s">
        <v>222124</v>
      </c>
      <c r="F66737" s="1" t="s">
        <v>222125</v>
      </c>
      <c r="G66737" s="1" t="s">
        <v>222097</v>
      </c>
      <c r="H66737" s="1" t="s">
        <v>222098</v>
      </c>
      <c r="I66737" s="1" t="s">
        <v>220808</v>
      </c>
      <c r="J66737" s="1" t="s">
        <v>222126</v>
      </c>
    </row>
    <row r="66738" spans="1:10" x14ac:dyDescent="0.35">
      <c r="A66738" s="1" t="s">
        <v>110094</v>
      </c>
      <c r="B66738" s="1" t="s">
        <v>220803</v>
      </c>
      <c r="C66738" s="1" t="s">
        <v>60</v>
      </c>
      <c r="D66738" s="1" t="s">
        <v>175268</v>
      </c>
      <c r="E66738" s="1" t="s">
        <v>222127</v>
      </c>
      <c r="F66738" s="1" t="s">
        <v>222128</v>
      </c>
      <c r="G66738" s="1" t="s">
        <v>222097</v>
      </c>
      <c r="H66738" s="1" t="s">
        <v>222098</v>
      </c>
      <c r="I66738" s="1" t="s">
        <v>220808</v>
      </c>
      <c r="J66738" s="1" t="s">
        <v>222129</v>
      </c>
    </row>
    <row r="66739" spans="1:10" x14ac:dyDescent="0.35">
      <c r="A66739" s="1" t="s">
        <v>110094</v>
      </c>
      <c r="B66739" s="1" t="s">
        <v>220803</v>
      </c>
      <c r="C66739" s="1" t="s">
        <v>65</v>
      </c>
      <c r="D66739" s="1" t="s">
        <v>10566</v>
      </c>
      <c r="E66739" s="1" t="s">
        <v>222130</v>
      </c>
      <c r="F66739" s="1" t="s">
        <v>222131</v>
      </c>
      <c r="G66739" s="1" t="s">
        <v>222097</v>
      </c>
      <c r="H66739" s="1" t="s">
        <v>222098</v>
      </c>
      <c r="I66739" s="1" t="s">
        <v>220808</v>
      </c>
      <c r="J66739" s="1" t="s">
        <v>222132</v>
      </c>
    </row>
    <row r="66740" spans="1:10" x14ac:dyDescent="0.35">
      <c r="A66740" s="1" t="s">
        <v>110094</v>
      </c>
      <c r="B66740" s="1" t="s">
        <v>220803</v>
      </c>
      <c r="C66740" s="1" t="s">
        <v>70</v>
      </c>
      <c r="D66740" s="1" t="s">
        <v>185158</v>
      </c>
      <c r="E66740" s="1" t="s">
        <v>222133</v>
      </c>
      <c r="F66740" s="1" t="s">
        <v>222134</v>
      </c>
      <c r="G66740" s="1" t="s">
        <v>222097</v>
      </c>
      <c r="H66740" s="1" t="s">
        <v>222098</v>
      </c>
      <c r="I66740" s="1" t="s">
        <v>220808</v>
      </c>
      <c r="J66740" s="1" t="s">
        <v>222135</v>
      </c>
    </row>
    <row r="66741" spans="1:10" x14ac:dyDescent="0.35">
      <c r="A66741" s="1" t="s">
        <v>110094</v>
      </c>
      <c r="B66741" s="1" t="s">
        <v>220803</v>
      </c>
      <c r="C66741" s="1" t="s">
        <v>75</v>
      </c>
      <c r="D66741" s="1" t="s">
        <v>150737</v>
      </c>
      <c r="E66741" s="1" t="s">
        <v>222136</v>
      </c>
      <c r="F66741" s="1" t="s">
        <v>222137</v>
      </c>
      <c r="G66741" s="1" t="s">
        <v>222097</v>
      </c>
      <c r="H66741" s="1" t="s">
        <v>222098</v>
      </c>
      <c r="I66741" s="1" t="s">
        <v>220808</v>
      </c>
      <c r="J66741" s="1" t="s">
        <v>222138</v>
      </c>
    </row>
    <row r="66742" spans="1:10" x14ac:dyDescent="0.35">
      <c r="A66742" s="1" t="s">
        <v>110094</v>
      </c>
      <c r="B66742" s="1" t="s">
        <v>220803</v>
      </c>
      <c r="C66742" s="1" t="s">
        <v>80</v>
      </c>
      <c r="D66742" s="1" t="s">
        <v>212633</v>
      </c>
      <c r="E66742" s="1" t="s">
        <v>222139</v>
      </c>
      <c r="F66742" s="1" t="s">
        <v>222140</v>
      </c>
      <c r="G66742" s="1" t="s">
        <v>222097</v>
      </c>
      <c r="H66742" s="1" t="s">
        <v>222098</v>
      </c>
      <c r="I66742" s="1" t="s">
        <v>220808</v>
      </c>
      <c r="J66742" s="1" t="s">
        <v>222141</v>
      </c>
    </row>
    <row r="66743" spans="1:10" x14ac:dyDescent="0.35">
      <c r="A66743" s="1" t="s">
        <v>110094</v>
      </c>
      <c r="B66743" s="1" t="s">
        <v>220803</v>
      </c>
      <c r="C66743" s="1" t="s">
        <v>85</v>
      </c>
      <c r="D66743" s="1" t="s">
        <v>154920</v>
      </c>
      <c r="E66743" s="1" t="s">
        <v>222142</v>
      </c>
      <c r="F66743" s="1" t="s">
        <v>222143</v>
      </c>
      <c r="G66743" s="1" t="s">
        <v>222097</v>
      </c>
      <c r="H66743" s="1" t="s">
        <v>222098</v>
      </c>
      <c r="I66743" s="1" t="s">
        <v>220808</v>
      </c>
      <c r="J66743" s="1" t="s">
        <v>222144</v>
      </c>
    </row>
    <row r="66744" spans="1:10" x14ac:dyDescent="0.35">
      <c r="A66744" s="1" t="s">
        <v>110094</v>
      </c>
      <c r="B66744" s="1" t="s">
        <v>220803</v>
      </c>
      <c r="C66744" s="1" t="s">
        <v>90</v>
      </c>
      <c r="D66744" s="1" t="s">
        <v>184796</v>
      </c>
      <c r="E66744" s="1" t="s">
        <v>222145</v>
      </c>
      <c r="F66744" s="1" t="s">
        <v>222146</v>
      </c>
      <c r="G66744" s="1" t="s">
        <v>222097</v>
      </c>
      <c r="H66744" s="1" t="s">
        <v>222098</v>
      </c>
      <c r="I66744" s="1" t="s">
        <v>220808</v>
      </c>
      <c r="J66744" s="1" t="s">
        <v>222147</v>
      </c>
    </row>
    <row r="66745" spans="1:10" x14ac:dyDescent="0.35">
      <c r="A66745" s="1" t="s">
        <v>110094</v>
      </c>
      <c r="B66745" s="1" t="s">
        <v>220803</v>
      </c>
      <c r="C66745" s="1" t="s">
        <v>95</v>
      </c>
      <c r="D66745" s="1" t="s">
        <v>155764</v>
      </c>
      <c r="E66745" s="1" t="s">
        <v>222148</v>
      </c>
      <c r="F66745" s="1" t="s">
        <v>222149</v>
      </c>
      <c r="G66745" s="1" t="s">
        <v>222097</v>
      </c>
      <c r="H66745" s="1" t="s">
        <v>222098</v>
      </c>
      <c r="I66745" s="1" t="s">
        <v>220808</v>
      </c>
      <c r="J66745" s="1" t="s">
        <v>222150</v>
      </c>
    </row>
    <row r="66746" spans="1:10" x14ac:dyDescent="0.35">
      <c r="A66746" s="1" t="s">
        <v>110094</v>
      </c>
      <c r="B66746" s="1" t="s">
        <v>220803</v>
      </c>
      <c r="C66746" s="1" t="s">
        <v>100</v>
      </c>
      <c r="D66746" s="1" t="s">
        <v>222151</v>
      </c>
      <c r="E66746" s="1" t="s">
        <v>108875</v>
      </c>
      <c r="F66746" s="1" t="s">
        <v>222152</v>
      </c>
      <c r="G66746" s="1" t="s">
        <v>222097</v>
      </c>
      <c r="H66746" s="1" t="s">
        <v>222098</v>
      </c>
      <c r="I66746" s="1" t="s">
        <v>220808</v>
      </c>
      <c r="J66746" s="1" t="s">
        <v>222153</v>
      </c>
    </row>
    <row r="66747" spans="1:10" x14ac:dyDescent="0.35">
      <c r="A66747" s="1" t="s">
        <v>110094</v>
      </c>
      <c r="B66747" s="1" t="s">
        <v>220803</v>
      </c>
      <c r="C66747" s="1" t="s">
        <v>105</v>
      </c>
      <c r="D66747" s="1" t="s">
        <v>213116</v>
      </c>
      <c r="E66747" s="1" t="s">
        <v>222154</v>
      </c>
      <c r="F66747" s="1" t="s">
        <v>222155</v>
      </c>
      <c r="G66747" s="1" t="s">
        <v>222097</v>
      </c>
      <c r="H66747" s="1" t="s">
        <v>222098</v>
      </c>
      <c r="I66747" s="1" t="s">
        <v>220808</v>
      </c>
      <c r="J66747" s="1" t="s">
        <v>222156</v>
      </c>
    </row>
    <row r="66748" spans="1:10" x14ac:dyDescent="0.35">
      <c r="A66748" s="1" t="s">
        <v>110094</v>
      </c>
      <c r="B66748" s="1" t="s">
        <v>220803</v>
      </c>
      <c r="C66748" s="1" t="s">
        <v>110</v>
      </c>
      <c r="D66748" s="1" t="s">
        <v>201931</v>
      </c>
      <c r="E66748" s="1" t="s">
        <v>222157</v>
      </c>
      <c r="F66748" s="1" t="s">
        <v>222158</v>
      </c>
      <c r="G66748" s="1" t="s">
        <v>222097</v>
      </c>
      <c r="H66748" s="1" t="s">
        <v>222098</v>
      </c>
      <c r="I66748" s="1" t="s">
        <v>220808</v>
      </c>
      <c r="J66748" s="1" t="s">
        <v>222159</v>
      </c>
    </row>
    <row r="66749" spans="1:10" x14ac:dyDescent="0.35">
      <c r="A66749" s="1" t="s">
        <v>110094</v>
      </c>
      <c r="B66749" s="1" t="s">
        <v>220803</v>
      </c>
      <c r="C66749" s="1" t="s">
        <v>115</v>
      </c>
      <c r="D66749" s="1" t="s">
        <v>49658</v>
      </c>
      <c r="E66749" s="1" t="s">
        <v>222160</v>
      </c>
      <c r="F66749" s="1" t="s">
        <v>222161</v>
      </c>
      <c r="G66749" s="1" t="s">
        <v>222097</v>
      </c>
      <c r="H66749" s="1" t="s">
        <v>222098</v>
      </c>
      <c r="I66749" s="1" t="s">
        <v>220808</v>
      </c>
      <c r="J66749" s="1" t="s">
        <v>222162</v>
      </c>
    </row>
    <row r="66750" spans="1:10" x14ac:dyDescent="0.35">
      <c r="A66750" s="1" t="s">
        <v>110094</v>
      </c>
      <c r="B66750" s="1" t="s">
        <v>220803</v>
      </c>
      <c r="C66750" s="1" t="s">
        <v>120</v>
      </c>
      <c r="D66750" s="1" t="s">
        <v>222163</v>
      </c>
      <c r="E66750" s="1" t="s">
        <v>222164</v>
      </c>
      <c r="F66750" s="1" t="s">
        <v>222165</v>
      </c>
      <c r="G66750" s="1" t="s">
        <v>222097</v>
      </c>
      <c r="H66750" s="1" t="s">
        <v>222098</v>
      </c>
      <c r="I66750" s="1" t="s">
        <v>220808</v>
      </c>
      <c r="J66750" s="1" t="s">
        <v>222166</v>
      </c>
    </row>
    <row r="66751" spans="1:10" x14ac:dyDescent="0.35">
      <c r="A66751" s="1" t="s">
        <v>110094</v>
      </c>
      <c r="B66751" s="1" t="s">
        <v>220803</v>
      </c>
      <c r="C66751" s="1" t="s">
        <v>125</v>
      </c>
      <c r="D66751" s="1" t="s">
        <v>222167</v>
      </c>
      <c r="E66751" s="1" t="s">
        <v>222168</v>
      </c>
      <c r="F66751" s="1" t="s">
        <v>222169</v>
      </c>
      <c r="G66751" s="1" t="s">
        <v>222097</v>
      </c>
      <c r="H66751" s="1" t="s">
        <v>222098</v>
      </c>
      <c r="I66751" s="1" t="s">
        <v>220808</v>
      </c>
      <c r="J66751" s="1" t="s">
        <v>222170</v>
      </c>
    </row>
    <row r="66752" spans="1:10" x14ac:dyDescent="0.35">
      <c r="A66752" s="1" t="s">
        <v>110094</v>
      </c>
      <c r="B66752" s="1" t="s">
        <v>220803</v>
      </c>
      <c r="C66752" s="1" t="s">
        <v>130</v>
      </c>
      <c r="D66752" s="1" t="s">
        <v>31913</v>
      </c>
      <c r="E66752" s="1" t="s">
        <v>222171</v>
      </c>
      <c r="F66752" s="1" t="s">
        <v>222172</v>
      </c>
      <c r="G66752" s="1" t="s">
        <v>222097</v>
      </c>
      <c r="H66752" s="1" t="s">
        <v>222098</v>
      </c>
      <c r="I66752" s="1" t="s">
        <v>220808</v>
      </c>
      <c r="J66752" s="1" t="s">
        <v>222173</v>
      </c>
    </row>
    <row r="66753" spans="1:10" x14ac:dyDescent="0.35">
      <c r="A66753" s="1" t="s">
        <v>110094</v>
      </c>
      <c r="B66753" s="1" t="s">
        <v>220803</v>
      </c>
      <c r="C66753" s="1" t="s">
        <v>135</v>
      </c>
      <c r="D66753" s="1" t="s">
        <v>37007</v>
      </c>
      <c r="E66753" s="1" t="s">
        <v>222174</v>
      </c>
      <c r="F66753" s="1" t="s">
        <v>222175</v>
      </c>
      <c r="G66753" s="1" t="s">
        <v>222097</v>
      </c>
      <c r="H66753" s="1" t="s">
        <v>222098</v>
      </c>
      <c r="I66753" s="1" t="s">
        <v>220808</v>
      </c>
      <c r="J66753" s="1" t="s">
        <v>222176</v>
      </c>
    </row>
    <row r="66754" spans="1:10" x14ac:dyDescent="0.35">
      <c r="A66754" s="1" t="s">
        <v>110094</v>
      </c>
      <c r="B66754" s="1" t="s">
        <v>220803</v>
      </c>
      <c r="C66754" s="1" t="s">
        <v>140</v>
      </c>
      <c r="D66754" s="1" t="s">
        <v>222177</v>
      </c>
      <c r="E66754" s="1" t="s">
        <v>222178</v>
      </c>
      <c r="F66754" s="1" t="s">
        <v>222179</v>
      </c>
      <c r="G66754" s="1" t="s">
        <v>222097</v>
      </c>
      <c r="H66754" s="1" t="s">
        <v>222098</v>
      </c>
      <c r="I66754" s="1" t="s">
        <v>220808</v>
      </c>
      <c r="J66754" s="1" t="s">
        <v>222180</v>
      </c>
    </row>
    <row r="66755" spans="1:10" x14ac:dyDescent="0.35">
      <c r="A66755" s="1" t="s">
        <v>110094</v>
      </c>
      <c r="B66755" s="1" t="s">
        <v>220803</v>
      </c>
      <c r="C66755" s="1" t="s">
        <v>145</v>
      </c>
      <c r="D66755" s="1" t="s">
        <v>46539</v>
      </c>
      <c r="E66755" s="1" t="s">
        <v>222181</v>
      </c>
      <c r="F66755" s="1" t="s">
        <v>222182</v>
      </c>
      <c r="G66755" s="1" t="s">
        <v>222097</v>
      </c>
      <c r="H66755" s="1" t="s">
        <v>222098</v>
      </c>
      <c r="I66755" s="1" t="s">
        <v>220808</v>
      </c>
      <c r="J66755" s="1" t="s">
        <v>222183</v>
      </c>
    </row>
    <row r="66756" spans="1:10" x14ac:dyDescent="0.35">
      <c r="A66756" s="1" t="s">
        <v>110094</v>
      </c>
      <c r="B66756" s="1" t="s">
        <v>220803</v>
      </c>
      <c r="C66756" s="1" t="s">
        <v>150</v>
      </c>
      <c r="D66756" s="1" t="s">
        <v>222184</v>
      </c>
      <c r="E66756" s="1" t="s">
        <v>222185</v>
      </c>
      <c r="F66756" s="1" t="s">
        <v>222186</v>
      </c>
      <c r="G66756" s="1" t="s">
        <v>222097</v>
      </c>
      <c r="H66756" s="1" t="s">
        <v>222098</v>
      </c>
      <c r="I66756" s="1" t="s">
        <v>220808</v>
      </c>
      <c r="J66756" s="1" t="s">
        <v>222187</v>
      </c>
    </row>
    <row r="66757" spans="1:10" x14ac:dyDescent="0.35">
      <c r="A66757" s="1" t="s">
        <v>110094</v>
      </c>
      <c r="B66757" s="1" t="s">
        <v>220803</v>
      </c>
      <c r="C66757" s="1" t="s">
        <v>155</v>
      </c>
      <c r="D66757" s="1" t="s">
        <v>222081</v>
      </c>
      <c r="E66757" s="1" t="s">
        <v>222188</v>
      </c>
      <c r="F66757" s="1" t="s">
        <v>222189</v>
      </c>
      <c r="G66757" s="1" t="s">
        <v>222097</v>
      </c>
      <c r="H66757" s="1" t="s">
        <v>222098</v>
      </c>
      <c r="I66757" s="1" t="s">
        <v>220808</v>
      </c>
      <c r="J66757" s="1" t="s">
        <v>222190</v>
      </c>
    </row>
    <row r="66758" spans="1:10" x14ac:dyDescent="0.35">
      <c r="A66758" s="1" t="s">
        <v>110094</v>
      </c>
      <c r="B66758" s="1" t="s">
        <v>220803</v>
      </c>
      <c r="C66758" s="1" t="s">
        <v>160</v>
      </c>
      <c r="D66758" s="1" t="s">
        <v>222085</v>
      </c>
      <c r="E66758" s="1" t="s">
        <v>222191</v>
      </c>
      <c r="F66758" s="1" t="s">
        <v>222192</v>
      </c>
      <c r="G66758" s="1" t="s">
        <v>222097</v>
      </c>
      <c r="H66758" s="1" t="s">
        <v>222098</v>
      </c>
      <c r="I66758" s="1" t="s">
        <v>220808</v>
      </c>
      <c r="J66758" s="1" t="s">
        <v>222088</v>
      </c>
    </row>
    <row r="66759" spans="1:10" x14ac:dyDescent="0.35">
      <c r="A66759" s="1" t="s">
        <v>110094</v>
      </c>
      <c r="B66759" s="1" t="s">
        <v>220803</v>
      </c>
      <c r="C66759" s="1" t="s">
        <v>165</v>
      </c>
      <c r="D66759" s="1" t="s">
        <v>43940</v>
      </c>
      <c r="E66759" s="1" t="s">
        <v>222193</v>
      </c>
      <c r="F66759" s="1" t="s">
        <v>222194</v>
      </c>
      <c r="G66759" s="1" t="s">
        <v>222097</v>
      </c>
      <c r="H66759" s="1" t="s">
        <v>222098</v>
      </c>
      <c r="I66759" s="1" t="s">
        <v>220808</v>
      </c>
      <c r="J66759" s="1" t="s">
        <v>222091</v>
      </c>
    </row>
    <row r="66760" spans="1:10" x14ac:dyDescent="0.35">
      <c r="A66760" s="1" t="s">
        <v>110094</v>
      </c>
      <c r="B66760" s="1" t="s">
        <v>220803</v>
      </c>
      <c r="C66760" s="1" t="s">
        <v>170</v>
      </c>
      <c r="D66760" s="1" t="s">
        <v>214258</v>
      </c>
      <c r="E66760" s="1" t="s">
        <v>222195</v>
      </c>
      <c r="F66760" s="1" t="s">
        <v>222196</v>
      </c>
      <c r="G66760" s="1" t="s">
        <v>222097</v>
      </c>
      <c r="H66760" s="1" t="s">
        <v>222098</v>
      </c>
      <c r="I66760" s="1" t="s">
        <v>220808</v>
      </c>
      <c r="J66760" s="1" t="s">
        <v>222094</v>
      </c>
    </row>
    <row r="66761" spans="1:10" x14ac:dyDescent="0.35">
      <c r="A66761" s="1" t="s">
        <v>7040</v>
      </c>
      <c r="B66761" s="1" t="s">
        <v>220803</v>
      </c>
      <c r="C66761" s="1" t="s">
        <v>8</v>
      </c>
      <c r="D66761" s="1" t="s">
        <v>82753</v>
      </c>
      <c r="E66761" s="1" t="s">
        <v>222197</v>
      </c>
      <c r="F66761" s="1" t="s">
        <v>222198</v>
      </c>
      <c r="G66761" s="1" t="s">
        <v>222199</v>
      </c>
      <c r="H66761" s="1" t="s">
        <v>222200</v>
      </c>
      <c r="I66761" s="1" t="s">
        <v>220808</v>
      </c>
      <c r="J66761" s="1" t="s">
        <v>13</v>
      </c>
    </row>
    <row r="66762" spans="1:10" x14ac:dyDescent="0.35">
      <c r="A66762" s="1" t="s">
        <v>7040</v>
      </c>
      <c r="B66762" s="1" t="s">
        <v>220803</v>
      </c>
      <c r="C66762" s="1" t="s">
        <v>15</v>
      </c>
      <c r="D66762" s="1" t="s">
        <v>104967</v>
      </c>
      <c r="E66762" s="1" t="s">
        <v>222201</v>
      </c>
      <c r="F66762" s="1" t="s">
        <v>222202</v>
      </c>
      <c r="G66762" s="1" t="s">
        <v>222199</v>
      </c>
      <c r="H66762" s="1" t="s">
        <v>222200</v>
      </c>
      <c r="I66762" s="1" t="s">
        <v>220808</v>
      </c>
      <c r="J66762" s="1" t="s">
        <v>222203</v>
      </c>
    </row>
    <row r="66763" spans="1:10" x14ac:dyDescent="0.35">
      <c r="A66763" s="1" t="s">
        <v>7040</v>
      </c>
      <c r="B66763" s="1" t="s">
        <v>220803</v>
      </c>
      <c r="C66763" s="1" t="s">
        <v>20</v>
      </c>
      <c r="D66763" s="1" t="s">
        <v>135641</v>
      </c>
      <c r="E66763" s="1" t="s">
        <v>222204</v>
      </c>
      <c r="F66763" s="1" t="s">
        <v>222205</v>
      </c>
      <c r="G66763" s="1" t="s">
        <v>222199</v>
      </c>
      <c r="H66763" s="1" t="s">
        <v>222200</v>
      </c>
      <c r="I66763" s="1" t="s">
        <v>220808</v>
      </c>
      <c r="J66763" s="1" t="s">
        <v>222206</v>
      </c>
    </row>
    <row r="66764" spans="1:10" x14ac:dyDescent="0.35">
      <c r="A66764" s="1" t="s">
        <v>7040</v>
      </c>
      <c r="B66764" s="1" t="s">
        <v>220803</v>
      </c>
      <c r="C66764" s="1" t="s">
        <v>25</v>
      </c>
      <c r="D66764" s="1" t="s">
        <v>18879</v>
      </c>
      <c r="E66764" s="1" t="s">
        <v>222207</v>
      </c>
      <c r="F66764" s="1" t="s">
        <v>222208</v>
      </c>
      <c r="G66764" s="1" t="s">
        <v>222199</v>
      </c>
      <c r="H66764" s="1" t="s">
        <v>222200</v>
      </c>
      <c r="I66764" s="1" t="s">
        <v>220808</v>
      </c>
      <c r="J66764" s="1" t="s">
        <v>222209</v>
      </c>
    </row>
    <row r="66765" spans="1:10" x14ac:dyDescent="0.35">
      <c r="A66765" s="1" t="s">
        <v>7040</v>
      </c>
      <c r="B66765" s="1" t="s">
        <v>220803</v>
      </c>
      <c r="C66765" s="1" t="s">
        <v>30</v>
      </c>
      <c r="D66765" s="1" t="s">
        <v>30195</v>
      </c>
      <c r="E66765" s="1" t="s">
        <v>222210</v>
      </c>
      <c r="F66765" s="1" t="s">
        <v>222211</v>
      </c>
      <c r="G66765" s="1" t="s">
        <v>222199</v>
      </c>
      <c r="H66765" s="1" t="s">
        <v>222200</v>
      </c>
      <c r="I66765" s="1" t="s">
        <v>220808</v>
      </c>
      <c r="J66765" s="1" t="s">
        <v>222212</v>
      </c>
    </row>
    <row r="66766" spans="1:10" x14ac:dyDescent="0.35">
      <c r="A66766" s="1" t="s">
        <v>7040</v>
      </c>
      <c r="B66766" s="1" t="s">
        <v>220803</v>
      </c>
      <c r="C66766" s="1" t="s">
        <v>35</v>
      </c>
      <c r="D66766" s="1" t="s">
        <v>213070</v>
      </c>
      <c r="E66766" s="1" t="s">
        <v>222213</v>
      </c>
      <c r="F66766" s="1" t="s">
        <v>222214</v>
      </c>
      <c r="G66766" s="1" t="s">
        <v>222199</v>
      </c>
      <c r="H66766" s="1" t="s">
        <v>222200</v>
      </c>
      <c r="I66766" s="1" t="s">
        <v>220808</v>
      </c>
      <c r="J66766" s="1" t="s">
        <v>222215</v>
      </c>
    </row>
    <row r="66767" spans="1:10" x14ac:dyDescent="0.35">
      <c r="A66767" s="1" t="s">
        <v>7040</v>
      </c>
      <c r="B66767" s="1" t="s">
        <v>220803</v>
      </c>
      <c r="C66767" s="1" t="s">
        <v>40</v>
      </c>
      <c r="D66767" s="1" t="s">
        <v>73466</v>
      </c>
      <c r="E66767" s="1" t="s">
        <v>222216</v>
      </c>
      <c r="F66767" s="1" t="s">
        <v>222217</v>
      </c>
      <c r="G66767" s="1" t="s">
        <v>222199</v>
      </c>
      <c r="H66767" s="1" t="s">
        <v>222200</v>
      </c>
      <c r="I66767" s="1" t="s">
        <v>220808</v>
      </c>
      <c r="J66767" s="1" t="s">
        <v>222218</v>
      </c>
    </row>
    <row r="66768" spans="1:10" x14ac:dyDescent="0.35">
      <c r="A66768" s="1" t="s">
        <v>7040</v>
      </c>
      <c r="B66768" s="1" t="s">
        <v>220803</v>
      </c>
      <c r="C66768" s="1" t="s">
        <v>45</v>
      </c>
      <c r="D66768" s="1" t="s">
        <v>38882</v>
      </c>
      <c r="E66768" s="1" t="s">
        <v>222219</v>
      </c>
      <c r="F66768" s="1" t="s">
        <v>222220</v>
      </c>
      <c r="G66768" s="1" t="s">
        <v>222199</v>
      </c>
      <c r="H66768" s="1" t="s">
        <v>222200</v>
      </c>
      <c r="I66768" s="1" t="s">
        <v>220808</v>
      </c>
      <c r="J66768" s="1" t="s">
        <v>222221</v>
      </c>
    </row>
    <row r="66769" spans="1:10" x14ac:dyDescent="0.35">
      <c r="A66769" s="1" t="s">
        <v>7040</v>
      </c>
      <c r="B66769" s="1" t="s">
        <v>220803</v>
      </c>
      <c r="C66769" s="1" t="s">
        <v>50</v>
      </c>
      <c r="D66769" s="1" t="s">
        <v>24839</v>
      </c>
      <c r="E66769" s="1" t="s">
        <v>222222</v>
      </c>
      <c r="F66769" s="1" t="s">
        <v>222223</v>
      </c>
      <c r="G66769" s="1" t="s">
        <v>222199</v>
      </c>
      <c r="H66769" s="1" t="s">
        <v>222200</v>
      </c>
      <c r="I66769" s="1" t="s">
        <v>220808</v>
      </c>
      <c r="J66769" s="1" t="s">
        <v>222224</v>
      </c>
    </row>
    <row r="66770" spans="1:10" x14ac:dyDescent="0.35">
      <c r="A66770" s="1" t="s">
        <v>7040</v>
      </c>
      <c r="B66770" s="1" t="s">
        <v>220803</v>
      </c>
      <c r="C66770" s="1" t="s">
        <v>55</v>
      </c>
      <c r="D66770" s="1" t="s">
        <v>222225</v>
      </c>
      <c r="E66770" s="1" t="s">
        <v>222226</v>
      </c>
      <c r="F66770" s="1" t="s">
        <v>222227</v>
      </c>
      <c r="G66770" s="1" t="s">
        <v>222199</v>
      </c>
      <c r="H66770" s="1" t="s">
        <v>222200</v>
      </c>
      <c r="I66770" s="1" t="s">
        <v>220808</v>
      </c>
      <c r="J66770" s="1" t="s">
        <v>222228</v>
      </c>
    </row>
    <row r="66771" spans="1:10" x14ac:dyDescent="0.35">
      <c r="A66771" s="1" t="s">
        <v>7040</v>
      </c>
      <c r="B66771" s="1" t="s">
        <v>220803</v>
      </c>
      <c r="C66771" s="1" t="s">
        <v>60</v>
      </c>
      <c r="D66771" s="1" t="s">
        <v>155910</v>
      </c>
      <c r="E66771" s="1" t="s">
        <v>222229</v>
      </c>
      <c r="F66771" s="1" t="s">
        <v>222230</v>
      </c>
      <c r="G66771" s="1" t="s">
        <v>222199</v>
      </c>
      <c r="H66771" s="1" t="s">
        <v>222200</v>
      </c>
      <c r="I66771" s="1" t="s">
        <v>220808</v>
      </c>
      <c r="J66771" s="1" t="s">
        <v>222231</v>
      </c>
    </row>
    <row r="66772" spans="1:10" x14ac:dyDescent="0.35">
      <c r="A66772" s="1" t="s">
        <v>7040</v>
      </c>
      <c r="B66772" s="1" t="s">
        <v>220803</v>
      </c>
      <c r="C66772" s="1" t="s">
        <v>65</v>
      </c>
      <c r="D66772" s="1" t="s">
        <v>31356</v>
      </c>
      <c r="E66772" s="1" t="s">
        <v>222232</v>
      </c>
      <c r="F66772" s="1" t="s">
        <v>222233</v>
      </c>
      <c r="G66772" s="1" t="s">
        <v>222199</v>
      </c>
      <c r="H66772" s="1" t="s">
        <v>222200</v>
      </c>
      <c r="I66772" s="1" t="s">
        <v>220808</v>
      </c>
      <c r="J66772" s="1" t="s">
        <v>222234</v>
      </c>
    </row>
    <row r="66773" spans="1:10" x14ac:dyDescent="0.35">
      <c r="A66773" s="1" t="s">
        <v>7040</v>
      </c>
      <c r="B66773" s="1" t="s">
        <v>220803</v>
      </c>
      <c r="C66773" s="1" t="s">
        <v>70</v>
      </c>
      <c r="D66773" s="1" t="s">
        <v>18470</v>
      </c>
      <c r="E66773" s="1" t="s">
        <v>222235</v>
      </c>
      <c r="F66773" s="1" t="s">
        <v>222236</v>
      </c>
      <c r="G66773" s="1" t="s">
        <v>222199</v>
      </c>
      <c r="H66773" s="1" t="s">
        <v>222200</v>
      </c>
      <c r="I66773" s="1" t="s">
        <v>220808</v>
      </c>
      <c r="J66773" s="1" t="s">
        <v>222237</v>
      </c>
    </row>
    <row r="66774" spans="1:10" x14ac:dyDescent="0.35">
      <c r="A66774" s="1" t="s">
        <v>7040</v>
      </c>
      <c r="B66774" s="1" t="s">
        <v>220803</v>
      </c>
      <c r="C66774" s="1" t="s">
        <v>75</v>
      </c>
      <c r="D66774" s="1" t="s">
        <v>10689</v>
      </c>
      <c r="E66774" s="1" t="s">
        <v>222238</v>
      </c>
      <c r="F66774" s="1" t="s">
        <v>222239</v>
      </c>
      <c r="G66774" s="1" t="s">
        <v>222199</v>
      </c>
      <c r="H66774" s="1" t="s">
        <v>222200</v>
      </c>
      <c r="I66774" s="1" t="s">
        <v>220808</v>
      </c>
      <c r="J66774" s="1" t="s">
        <v>222240</v>
      </c>
    </row>
    <row r="66775" spans="1:10" x14ac:dyDescent="0.35">
      <c r="A66775" s="1" t="s">
        <v>7040</v>
      </c>
      <c r="B66775" s="1" t="s">
        <v>220803</v>
      </c>
      <c r="C66775" s="1" t="s">
        <v>80</v>
      </c>
      <c r="D66775" s="1" t="s">
        <v>3663</v>
      </c>
      <c r="E66775" s="1" t="s">
        <v>222241</v>
      </c>
      <c r="F66775" s="1" t="s">
        <v>222242</v>
      </c>
      <c r="G66775" s="1" t="s">
        <v>222199</v>
      </c>
      <c r="H66775" s="1" t="s">
        <v>222200</v>
      </c>
      <c r="I66775" s="1" t="s">
        <v>220808</v>
      </c>
      <c r="J66775" s="1" t="s">
        <v>222243</v>
      </c>
    </row>
    <row r="66776" spans="1:10" x14ac:dyDescent="0.35">
      <c r="A66776" s="1" t="s">
        <v>7040</v>
      </c>
      <c r="B66776" s="1" t="s">
        <v>220803</v>
      </c>
      <c r="C66776" s="1" t="s">
        <v>85</v>
      </c>
      <c r="D66776" s="1" t="s">
        <v>113317</v>
      </c>
      <c r="E66776" s="1" t="s">
        <v>222244</v>
      </c>
      <c r="F66776" s="1" t="s">
        <v>222245</v>
      </c>
      <c r="G66776" s="1" t="s">
        <v>222199</v>
      </c>
      <c r="H66776" s="1" t="s">
        <v>222200</v>
      </c>
      <c r="I66776" s="1" t="s">
        <v>220808</v>
      </c>
      <c r="J66776" s="1" t="s">
        <v>222246</v>
      </c>
    </row>
    <row r="66777" spans="1:10" x14ac:dyDescent="0.35">
      <c r="A66777" s="1" t="s">
        <v>7040</v>
      </c>
      <c r="B66777" s="1" t="s">
        <v>220803</v>
      </c>
      <c r="C66777" s="1" t="s">
        <v>90</v>
      </c>
      <c r="D66777" s="1" t="s">
        <v>222247</v>
      </c>
      <c r="E66777" s="1" t="s">
        <v>222248</v>
      </c>
      <c r="F66777" s="1" t="s">
        <v>222249</v>
      </c>
      <c r="G66777" s="1" t="s">
        <v>222199</v>
      </c>
      <c r="H66777" s="1" t="s">
        <v>222200</v>
      </c>
      <c r="I66777" s="1" t="s">
        <v>220808</v>
      </c>
      <c r="J66777" s="1" t="s">
        <v>222250</v>
      </c>
    </row>
    <row r="66778" spans="1:10" x14ac:dyDescent="0.35">
      <c r="A66778" s="1" t="s">
        <v>7040</v>
      </c>
      <c r="B66778" s="1" t="s">
        <v>220803</v>
      </c>
      <c r="C66778" s="1" t="s">
        <v>95</v>
      </c>
      <c r="D66778" s="1" t="s">
        <v>19848</v>
      </c>
      <c r="E66778" s="1" t="s">
        <v>222251</v>
      </c>
      <c r="F66778" s="1" t="s">
        <v>222252</v>
      </c>
      <c r="G66778" s="1" t="s">
        <v>222199</v>
      </c>
      <c r="H66778" s="1" t="s">
        <v>222200</v>
      </c>
      <c r="I66778" s="1" t="s">
        <v>220808</v>
      </c>
      <c r="J66778" s="1" t="s">
        <v>222253</v>
      </c>
    </row>
    <row r="66779" spans="1:10" x14ac:dyDescent="0.35">
      <c r="A66779" s="1" t="s">
        <v>7040</v>
      </c>
      <c r="B66779" s="1" t="s">
        <v>220803</v>
      </c>
      <c r="C66779" s="1" t="s">
        <v>100</v>
      </c>
      <c r="D66779" s="1" t="s">
        <v>32020</v>
      </c>
      <c r="E66779" s="1" t="s">
        <v>222254</v>
      </c>
      <c r="F66779" s="1" t="s">
        <v>222255</v>
      </c>
      <c r="G66779" s="1" t="s">
        <v>222199</v>
      </c>
      <c r="H66779" s="1" t="s">
        <v>222200</v>
      </c>
      <c r="I66779" s="1" t="s">
        <v>220808</v>
      </c>
      <c r="J66779" s="1" t="s">
        <v>222256</v>
      </c>
    </row>
    <row r="66780" spans="1:10" x14ac:dyDescent="0.35">
      <c r="A66780" s="1" t="s">
        <v>7040</v>
      </c>
      <c r="B66780" s="1" t="s">
        <v>220803</v>
      </c>
      <c r="C66780" s="1" t="s">
        <v>105</v>
      </c>
      <c r="D66780" s="1" t="s">
        <v>4222</v>
      </c>
      <c r="E66780" s="1" t="s">
        <v>222257</v>
      </c>
      <c r="F66780" s="1" t="s">
        <v>222258</v>
      </c>
      <c r="G66780" s="1" t="s">
        <v>222199</v>
      </c>
      <c r="H66780" s="1" t="s">
        <v>222200</v>
      </c>
      <c r="I66780" s="1" t="s">
        <v>220808</v>
      </c>
      <c r="J66780" s="1" t="s">
        <v>222259</v>
      </c>
    </row>
    <row r="66781" spans="1:10" x14ac:dyDescent="0.35">
      <c r="A66781" s="1" t="s">
        <v>7040</v>
      </c>
      <c r="B66781" s="1" t="s">
        <v>220803</v>
      </c>
      <c r="C66781" s="1" t="s">
        <v>110</v>
      </c>
      <c r="D66781" s="1" t="s">
        <v>73617</v>
      </c>
      <c r="E66781" s="1" t="s">
        <v>222260</v>
      </c>
      <c r="F66781" s="1" t="s">
        <v>222261</v>
      </c>
      <c r="G66781" s="1" t="s">
        <v>222199</v>
      </c>
      <c r="H66781" s="1" t="s">
        <v>222200</v>
      </c>
      <c r="I66781" s="1" t="s">
        <v>220808</v>
      </c>
      <c r="J66781" s="1" t="s">
        <v>222262</v>
      </c>
    </row>
    <row r="66782" spans="1:10" x14ac:dyDescent="0.35">
      <c r="A66782" s="1" t="s">
        <v>7040</v>
      </c>
      <c r="B66782" s="1" t="s">
        <v>220803</v>
      </c>
      <c r="C66782" s="1" t="s">
        <v>115</v>
      </c>
      <c r="D66782" s="1" t="s">
        <v>222263</v>
      </c>
      <c r="E66782" s="1" t="s">
        <v>222264</v>
      </c>
      <c r="F66782" s="1" t="s">
        <v>222265</v>
      </c>
      <c r="G66782" s="1" t="s">
        <v>222199</v>
      </c>
      <c r="H66782" s="1" t="s">
        <v>222200</v>
      </c>
      <c r="I66782" s="1" t="s">
        <v>220808</v>
      </c>
      <c r="J66782" s="1" t="s">
        <v>222266</v>
      </c>
    </row>
    <row r="66783" spans="1:10" x14ac:dyDescent="0.35">
      <c r="A66783" s="1" t="s">
        <v>7040</v>
      </c>
      <c r="B66783" s="1" t="s">
        <v>220803</v>
      </c>
      <c r="C66783" s="1" t="s">
        <v>120</v>
      </c>
      <c r="D66783" s="1" t="s">
        <v>155309</v>
      </c>
      <c r="E66783" s="1" t="s">
        <v>222267</v>
      </c>
      <c r="F66783" s="1" t="s">
        <v>222268</v>
      </c>
      <c r="G66783" s="1" t="s">
        <v>222199</v>
      </c>
      <c r="H66783" s="1" t="s">
        <v>222200</v>
      </c>
      <c r="I66783" s="1" t="s">
        <v>220808</v>
      </c>
      <c r="J66783" s="1" t="s">
        <v>222269</v>
      </c>
    </row>
    <row r="66784" spans="1:10" x14ac:dyDescent="0.35">
      <c r="A66784" s="1" t="s">
        <v>7040</v>
      </c>
      <c r="B66784" s="1" t="s">
        <v>220803</v>
      </c>
      <c r="C66784" s="1" t="s">
        <v>125</v>
      </c>
      <c r="D66784" s="1" t="s">
        <v>16283</v>
      </c>
      <c r="E66784" s="1" t="s">
        <v>222270</v>
      </c>
      <c r="F66784" s="1" t="s">
        <v>222271</v>
      </c>
      <c r="G66784" s="1" t="s">
        <v>222199</v>
      </c>
      <c r="H66784" s="1" t="s">
        <v>222200</v>
      </c>
      <c r="I66784" s="1" t="s">
        <v>220808</v>
      </c>
      <c r="J66784" s="1" t="s">
        <v>222272</v>
      </c>
    </row>
    <row r="66785" spans="1:10" x14ac:dyDescent="0.35">
      <c r="A66785" s="1" t="s">
        <v>7040</v>
      </c>
      <c r="B66785" s="1" t="s">
        <v>220803</v>
      </c>
      <c r="C66785" s="1" t="s">
        <v>130</v>
      </c>
      <c r="D66785" s="1" t="s">
        <v>152946</v>
      </c>
      <c r="E66785" s="1" t="s">
        <v>222273</v>
      </c>
      <c r="F66785" s="1" t="s">
        <v>222274</v>
      </c>
      <c r="G66785" s="1" t="s">
        <v>222199</v>
      </c>
      <c r="H66785" s="1" t="s">
        <v>222200</v>
      </c>
      <c r="I66785" s="1" t="s">
        <v>220808</v>
      </c>
      <c r="J66785" s="1" t="s">
        <v>222275</v>
      </c>
    </row>
    <row r="66786" spans="1:10" x14ac:dyDescent="0.35">
      <c r="A66786" s="1" t="s">
        <v>7040</v>
      </c>
      <c r="B66786" s="1" t="s">
        <v>220803</v>
      </c>
      <c r="C66786" s="1" t="s">
        <v>135</v>
      </c>
      <c r="D66786" s="1" t="s">
        <v>222276</v>
      </c>
      <c r="E66786" s="1" t="s">
        <v>222277</v>
      </c>
      <c r="F66786" s="1" t="s">
        <v>222278</v>
      </c>
      <c r="G66786" s="1" t="s">
        <v>222199</v>
      </c>
      <c r="H66786" s="1" t="s">
        <v>222200</v>
      </c>
      <c r="I66786" s="1" t="s">
        <v>220808</v>
      </c>
      <c r="J66786" s="1" t="s">
        <v>222279</v>
      </c>
    </row>
    <row r="66787" spans="1:10" x14ac:dyDescent="0.35">
      <c r="A66787" s="1" t="s">
        <v>7040</v>
      </c>
      <c r="B66787" s="1" t="s">
        <v>220803</v>
      </c>
      <c r="C66787" s="1" t="s">
        <v>140</v>
      </c>
      <c r="D66787" s="1" t="s">
        <v>160868</v>
      </c>
      <c r="E66787" s="1" t="s">
        <v>222280</v>
      </c>
      <c r="F66787" s="1" t="s">
        <v>222281</v>
      </c>
      <c r="G66787" s="1" t="s">
        <v>222199</v>
      </c>
      <c r="H66787" s="1" t="s">
        <v>222200</v>
      </c>
      <c r="I66787" s="1" t="s">
        <v>220808</v>
      </c>
      <c r="J66787" s="1" t="s">
        <v>222282</v>
      </c>
    </row>
    <row r="66788" spans="1:10" x14ac:dyDescent="0.35">
      <c r="A66788" s="1" t="s">
        <v>7040</v>
      </c>
      <c r="B66788" s="1" t="s">
        <v>220803</v>
      </c>
      <c r="C66788" s="1" t="s">
        <v>145</v>
      </c>
      <c r="D66788" s="1" t="s">
        <v>155650</v>
      </c>
      <c r="E66788" s="1" t="s">
        <v>222283</v>
      </c>
      <c r="F66788" s="1" t="s">
        <v>222284</v>
      </c>
      <c r="G66788" s="1" t="s">
        <v>222199</v>
      </c>
      <c r="H66788" s="1" t="s">
        <v>222200</v>
      </c>
      <c r="I66788" s="1" t="s">
        <v>220808</v>
      </c>
      <c r="J66788" s="1" t="s">
        <v>222285</v>
      </c>
    </row>
    <row r="66789" spans="1:10" x14ac:dyDescent="0.35">
      <c r="A66789" s="1" t="s">
        <v>7040</v>
      </c>
      <c r="B66789" s="1" t="s">
        <v>220803</v>
      </c>
      <c r="C66789" s="1" t="s">
        <v>150</v>
      </c>
      <c r="D66789" s="1" t="s">
        <v>222286</v>
      </c>
      <c r="E66789" s="1" t="s">
        <v>222287</v>
      </c>
      <c r="F66789" s="1" t="s">
        <v>222288</v>
      </c>
      <c r="G66789" s="1" t="s">
        <v>222199</v>
      </c>
      <c r="H66789" s="1" t="s">
        <v>222200</v>
      </c>
      <c r="I66789" s="1" t="s">
        <v>220808</v>
      </c>
      <c r="J66789" s="1" t="s">
        <v>222289</v>
      </c>
    </row>
    <row r="66790" spans="1:10" x14ac:dyDescent="0.35">
      <c r="A66790" s="1" t="s">
        <v>7040</v>
      </c>
      <c r="B66790" s="1" t="s">
        <v>220803</v>
      </c>
      <c r="C66790" s="1" t="s">
        <v>155</v>
      </c>
      <c r="D66790" s="1" t="s">
        <v>222290</v>
      </c>
      <c r="E66790" s="1" t="s">
        <v>222291</v>
      </c>
      <c r="F66790" s="1" t="s">
        <v>222292</v>
      </c>
      <c r="G66790" s="1" t="s">
        <v>222199</v>
      </c>
      <c r="H66790" s="1" t="s">
        <v>222200</v>
      </c>
      <c r="I66790" s="1" t="s">
        <v>220808</v>
      </c>
      <c r="J66790" s="1" t="s">
        <v>222293</v>
      </c>
    </row>
    <row r="66791" spans="1:10" x14ac:dyDescent="0.35">
      <c r="A66791" s="1" t="s">
        <v>7040</v>
      </c>
      <c r="B66791" s="1" t="s">
        <v>220803</v>
      </c>
      <c r="C66791" s="1" t="s">
        <v>160</v>
      </c>
      <c r="D66791" s="1" t="s">
        <v>222294</v>
      </c>
      <c r="E66791" s="1" t="s">
        <v>222295</v>
      </c>
      <c r="F66791" s="1" t="s">
        <v>222296</v>
      </c>
      <c r="G66791" s="1" t="s">
        <v>222199</v>
      </c>
      <c r="H66791" s="1" t="s">
        <v>222200</v>
      </c>
      <c r="I66791" s="1" t="s">
        <v>220808</v>
      </c>
      <c r="J66791" s="1" t="s">
        <v>222297</v>
      </c>
    </row>
    <row r="66792" spans="1:10" x14ac:dyDescent="0.35">
      <c r="A66792" s="1" t="s">
        <v>7040</v>
      </c>
      <c r="B66792" s="1" t="s">
        <v>220803</v>
      </c>
      <c r="C66792" s="1" t="s">
        <v>165</v>
      </c>
      <c r="D66792" s="1" t="s">
        <v>180712</v>
      </c>
      <c r="E66792" s="1" t="s">
        <v>10320</v>
      </c>
      <c r="F66792" s="1" t="s">
        <v>222298</v>
      </c>
      <c r="G66792" s="1" t="s">
        <v>222199</v>
      </c>
      <c r="H66792" s="1" t="s">
        <v>222200</v>
      </c>
      <c r="I66792" s="1" t="s">
        <v>220808</v>
      </c>
      <c r="J66792" s="1" t="s">
        <v>222299</v>
      </c>
    </row>
    <row r="66793" spans="1:10" x14ac:dyDescent="0.35">
      <c r="A66793" s="1" t="s">
        <v>7040</v>
      </c>
      <c r="B66793" s="1" t="s">
        <v>220803</v>
      </c>
      <c r="C66793" s="1" t="s">
        <v>170</v>
      </c>
      <c r="D66793" s="1" t="s">
        <v>214185</v>
      </c>
      <c r="E66793" s="1" t="s">
        <v>222300</v>
      </c>
      <c r="F66793" s="1" t="s">
        <v>222301</v>
      </c>
      <c r="G66793" s="1" t="s">
        <v>222199</v>
      </c>
      <c r="H66793" s="1" t="s">
        <v>222200</v>
      </c>
      <c r="I66793" s="1" t="s">
        <v>220808</v>
      </c>
      <c r="J66793" s="1" t="s">
        <v>222302</v>
      </c>
    </row>
    <row r="66794" spans="1:10" x14ac:dyDescent="0.35">
      <c r="A66794" s="1" t="s">
        <v>143509</v>
      </c>
      <c r="B66794" s="1" t="s">
        <v>220803</v>
      </c>
      <c r="C66794" s="1" t="s">
        <v>8</v>
      </c>
      <c r="D66794" s="1" t="s">
        <v>35069</v>
      </c>
      <c r="E66794" s="1" t="s">
        <v>108896</v>
      </c>
      <c r="F66794" s="1" t="s">
        <v>222303</v>
      </c>
      <c r="G66794" s="1" t="s">
        <v>222304</v>
      </c>
      <c r="H66794" s="1" t="s">
        <v>222305</v>
      </c>
      <c r="I66794" s="1" t="s">
        <v>220808</v>
      </c>
      <c r="J66794" s="1" t="s">
        <v>13</v>
      </c>
    </row>
    <row r="66795" spans="1:10" x14ac:dyDescent="0.35">
      <c r="A66795" s="1" t="s">
        <v>143509</v>
      </c>
      <c r="B66795" s="1" t="s">
        <v>220803</v>
      </c>
      <c r="C66795" s="1" t="s">
        <v>15</v>
      </c>
      <c r="D66795" s="1" t="s">
        <v>156040</v>
      </c>
      <c r="E66795" s="1" t="s">
        <v>221734</v>
      </c>
      <c r="F66795" s="1" t="s">
        <v>222306</v>
      </c>
      <c r="G66795" s="1" t="s">
        <v>222304</v>
      </c>
      <c r="H66795" s="1" t="s">
        <v>222305</v>
      </c>
      <c r="I66795" s="1" t="s">
        <v>220808</v>
      </c>
      <c r="J66795" s="1" t="s">
        <v>222307</v>
      </c>
    </row>
    <row r="66796" spans="1:10" x14ac:dyDescent="0.35">
      <c r="A66796" s="1" t="s">
        <v>143509</v>
      </c>
      <c r="B66796" s="1" t="s">
        <v>220803</v>
      </c>
      <c r="C66796" s="1" t="s">
        <v>20</v>
      </c>
      <c r="D66796" s="1" t="s">
        <v>47698</v>
      </c>
      <c r="E66796" s="1" t="s">
        <v>111227</v>
      </c>
      <c r="F66796" s="1" t="s">
        <v>16288</v>
      </c>
      <c r="G66796" s="1" t="s">
        <v>222304</v>
      </c>
      <c r="H66796" s="1" t="s">
        <v>222305</v>
      </c>
      <c r="I66796" s="1" t="s">
        <v>220808</v>
      </c>
      <c r="J66796" s="1" t="s">
        <v>222308</v>
      </c>
    </row>
    <row r="66797" spans="1:10" x14ac:dyDescent="0.35">
      <c r="A66797" s="1" t="s">
        <v>143509</v>
      </c>
      <c r="B66797" s="1" t="s">
        <v>220803</v>
      </c>
      <c r="C66797" s="1" t="s">
        <v>25</v>
      </c>
      <c r="D66797" s="1" t="s">
        <v>104589</v>
      </c>
      <c r="E66797" s="1" t="s">
        <v>222309</v>
      </c>
      <c r="F66797" s="1" t="s">
        <v>55049</v>
      </c>
      <c r="G66797" s="1" t="s">
        <v>222304</v>
      </c>
      <c r="H66797" s="1" t="s">
        <v>222305</v>
      </c>
      <c r="I66797" s="1" t="s">
        <v>220808</v>
      </c>
      <c r="J66797" s="1" t="s">
        <v>222310</v>
      </c>
    </row>
    <row r="66798" spans="1:10" x14ac:dyDescent="0.35">
      <c r="A66798" s="1" t="s">
        <v>143509</v>
      </c>
      <c r="B66798" s="1" t="s">
        <v>220803</v>
      </c>
      <c r="C66798" s="1" t="s">
        <v>30</v>
      </c>
      <c r="D66798" s="1" t="s">
        <v>119096</v>
      </c>
      <c r="E66798" s="1" t="s">
        <v>127938</v>
      </c>
      <c r="F66798" s="1" t="s">
        <v>15493</v>
      </c>
      <c r="G66798" s="1" t="s">
        <v>222304</v>
      </c>
      <c r="H66798" s="1" t="s">
        <v>222305</v>
      </c>
      <c r="I66798" s="1" t="s">
        <v>220808</v>
      </c>
      <c r="J66798" s="1" t="s">
        <v>222311</v>
      </c>
    </row>
    <row r="66799" spans="1:10" x14ac:dyDescent="0.35">
      <c r="A66799" s="1" t="s">
        <v>143509</v>
      </c>
      <c r="B66799" s="1" t="s">
        <v>220803</v>
      </c>
      <c r="C66799" s="1" t="s">
        <v>35</v>
      </c>
      <c r="D66799" s="1" t="s">
        <v>2967</v>
      </c>
      <c r="E66799" s="1" t="s">
        <v>132803</v>
      </c>
      <c r="F66799" s="1" t="s">
        <v>222312</v>
      </c>
      <c r="G66799" s="1" t="s">
        <v>222304</v>
      </c>
      <c r="H66799" s="1" t="s">
        <v>222305</v>
      </c>
      <c r="I66799" s="1" t="s">
        <v>220808</v>
      </c>
      <c r="J66799" s="1" t="s">
        <v>222313</v>
      </c>
    </row>
    <row r="66800" spans="1:10" x14ac:dyDescent="0.35">
      <c r="A66800" s="1" t="s">
        <v>143509</v>
      </c>
      <c r="B66800" s="1" t="s">
        <v>220803</v>
      </c>
      <c r="C66800" s="1" t="s">
        <v>40</v>
      </c>
      <c r="D66800" s="1" t="s">
        <v>388</v>
      </c>
      <c r="E66800" s="1" t="s">
        <v>222314</v>
      </c>
      <c r="F66800" s="1" t="s">
        <v>222315</v>
      </c>
      <c r="G66800" s="1" t="s">
        <v>222304</v>
      </c>
      <c r="H66800" s="1" t="s">
        <v>222305</v>
      </c>
      <c r="I66800" s="1" t="s">
        <v>220808</v>
      </c>
      <c r="J66800" s="1" t="s">
        <v>222316</v>
      </c>
    </row>
    <row r="66801" spans="1:10" x14ac:dyDescent="0.35">
      <c r="A66801" s="1" t="s">
        <v>143509</v>
      </c>
      <c r="B66801" s="1" t="s">
        <v>220803</v>
      </c>
      <c r="C66801" s="1" t="s">
        <v>45</v>
      </c>
      <c r="D66801" s="1" t="s">
        <v>707</v>
      </c>
      <c r="E66801" s="1" t="s">
        <v>220941</v>
      </c>
      <c r="F66801" s="1" t="s">
        <v>222317</v>
      </c>
      <c r="G66801" s="1" t="s">
        <v>222304</v>
      </c>
      <c r="H66801" s="1" t="s">
        <v>222305</v>
      </c>
      <c r="I66801" s="1" t="s">
        <v>220808</v>
      </c>
      <c r="J66801" s="1" t="s">
        <v>222318</v>
      </c>
    </row>
    <row r="66802" spans="1:10" x14ac:dyDescent="0.35">
      <c r="A66802" s="1" t="s">
        <v>143509</v>
      </c>
      <c r="B66802" s="1" t="s">
        <v>220803</v>
      </c>
      <c r="C66802" s="1" t="s">
        <v>50</v>
      </c>
      <c r="D66802" s="1" t="s">
        <v>118340</v>
      </c>
      <c r="E66802" s="1" t="s">
        <v>126634</v>
      </c>
      <c r="F66802" s="1" t="s">
        <v>222319</v>
      </c>
      <c r="G66802" s="1" t="s">
        <v>222304</v>
      </c>
      <c r="H66802" s="1" t="s">
        <v>222305</v>
      </c>
      <c r="I66802" s="1" t="s">
        <v>220808</v>
      </c>
      <c r="J66802" s="1" t="s">
        <v>222320</v>
      </c>
    </row>
    <row r="66803" spans="1:10" x14ac:dyDescent="0.35">
      <c r="A66803" s="1" t="s">
        <v>143509</v>
      </c>
      <c r="B66803" s="1" t="s">
        <v>220803</v>
      </c>
      <c r="C66803" s="1" t="s">
        <v>55</v>
      </c>
      <c r="D66803" s="1" t="s">
        <v>213922</v>
      </c>
      <c r="E66803" s="1" t="s">
        <v>107638</v>
      </c>
      <c r="F66803" s="1" t="s">
        <v>222321</v>
      </c>
      <c r="G66803" s="1" t="s">
        <v>222304</v>
      </c>
      <c r="H66803" s="1" t="s">
        <v>222305</v>
      </c>
      <c r="I66803" s="1" t="s">
        <v>220808</v>
      </c>
      <c r="J66803" s="1" t="s">
        <v>222322</v>
      </c>
    </row>
    <row r="66804" spans="1:10" x14ac:dyDescent="0.35">
      <c r="A66804" s="1" t="s">
        <v>143509</v>
      </c>
      <c r="B66804" s="1" t="s">
        <v>220803</v>
      </c>
      <c r="C66804" s="1" t="s">
        <v>60</v>
      </c>
      <c r="D66804" s="1" t="s">
        <v>73152</v>
      </c>
      <c r="E66804" s="1" t="s">
        <v>107290</v>
      </c>
      <c r="F66804" s="1" t="s">
        <v>23084</v>
      </c>
      <c r="G66804" s="1" t="s">
        <v>222304</v>
      </c>
      <c r="H66804" s="1" t="s">
        <v>222305</v>
      </c>
      <c r="I66804" s="1" t="s">
        <v>220808</v>
      </c>
      <c r="J66804" s="1" t="s">
        <v>222323</v>
      </c>
    </row>
    <row r="66805" spans="1:10" x14ac:dyDescent="0.35">
      <c r="A66805" s="1" t="s">
        <v>143509</v>
      </c>
      <c r="B66805" s="1" t="s">
        <v>220803</v>
      </c>
      <c r="C66805" s="1" t="s">
        <v>65</v>
      </c>
      <c r="D66805" s="1" t="s">
        <v>38859</v>
      </c>
      <c r="E66805" s="1" t="s">
        <v>131784</v>
      </c>
      <c r="F66805" s="1" t="s">
        <v>222324</v>
      </c>
      <c r="G66805" s="1" t="s">
        <v>222304</v>
      </c>
      <c r="H66805" s="1" t="s">
        <v>222305</v>
      </c>
      <c r="I66805" s="1" t="s">
        <v>220808</v>
      </c>
      <c r="J66805" s="1" t="s">
        <v>222325</v>
      </c>
    </row>
    <row r="66806" spans="1:10" x14ac:dyDescent="0.35">
      <c r="A66806" s="1" t="s">
        <v>143509</v>
      </c>
      <c r="B66806" s="1" t="s">
        <v>220803</v>
      </c>
      <c r="C66806" s="1" t="s">
        <v>70</v>
      </c>
      <c r="D66806" s="1" t="s">
        <v>222326</v>
      </c>
      <c r="E66806" s="1" t="s">
        <v>127836</v>
      </c>
      <c r="F66806" s="1" t="s">
        <v>222327</v>
      </c>
      <c r="G66806" s="1" t="s">
        <v>222304</v>
      </c>
      <c r="H66806" s="1" t="s">
        <v>222305</v>
      </c>
      <c r="I66806" s="1" t="s">
        <v>220808</v>
      </c>
      <c r="J66806" s="1" t="s">
        <v>222328</v>
      </c>
    </row>
    <row r="66807" spans="1:10" x14ac:dyDescent="0.35">
      <c r="A66807" s="1" t="s">
        <v>143509</v>
      </c>
      <c r="B66807" s="1" t="s">
        <v>220803</v>
      </c>
      <c r="C66807" s="1" t="s">
        <v>75</v>
      </c>
      <c r="D66807" s="1" t="s">
        <v>9</v>
      </c>
      <c r="E66807" s="1" t="s">
        <v>111227</v>
      </c>
      <c r="F66807" s="1" t="s">
        <v>222329</v>
      </c>
      <c r="G66807" s="1" t="s">
        <v>222304</v>
      </c>
      <c r="H66807" s="1" t="s">
        <v>222305</v>
      </c>
      <c r="I66807" s="1" t="s">
        <v>220808</v>
      </c>
      <c r="J66807" s="1" t="s">
        <v>222330</v>
      </c>
    </row>
    <row r="66808" spans="1:10" x14ac:dyDescent="0.35">
      <c r="A66808" s="1" t="s">
        <v>143509</v>
      </c>
      <c r="B66808" s="1" t="s">
        <v>220803</v>
      </c>
      <c r="C66808" s="1" t="s">
        <v>80</v>
      </c>
      <c r="D66808" s="1" t="s">
        <v>175630</v>
      </c>
      <c r="E66808" s="1" t="s">
        <v>108912</v>
      </c>
      <c r="F66808" s="1" t="s">
        <v>21968</v>
      </c>
      <c r="G66808" s="1" t="s">
        <v>222304</v>
      </c>
      <c r="H66808" s="1" t="s">
        <v>222305</v>
      </c>
      <c r="I66808" s="1" t="s">
        <v>220808</v>
      </c>
      <c r="J66808" s="1" t="s">
        <v>222331</v>
      </c>
    </row>
    <row r="66809" spans="1:10" x14ac:dyDescent="0.35">
      <c r="A66809" s="1" t="s">
        <v>143509</v>
      </c>
      <c r="B66809" s="1" t="s">
        <v>220803</v>
      </c>
      <c r="C66809" s="1" t="s">
        <v>85</v>
      </c>
      <c r="D66809" s="1" t="s">
        <v>222332</v>
      </c>
      <c r="E66809" s="1" t="s">
        <v>221734</v>
      </c>
      <c r="F66809" s="1" t="s">
        <v>222333</v>
      </c>
      <c r="G66809" s="1" t="s">
        <v>222304</v>
      </c>
      <c r="H66809" s="1" t="s">
        <v>222305</v>
      </c>
      <c r="I66809" s="1" t="s">
        <v>220808</v>
      </c>
      <c r="J66809" s="1" t="s">
        <v>222334</v>
      </c>
    </row>
    <row r="66810" spans="1:10" x14ac:dyDescent="0.35">
      <c r="A66810" s="1" t="s">
        <v>143509</v>
      </c>
      <c r="B66810" s="1" t="s">
        <v>220803</v>
      </c>
      <c r="C66810" s="1" t="s">
        <v>90</v>
      </c>
      <c r="D66810" s="1" t="s">
        <v>9766</v>
      </c>
      <c r="E66810" s="1" t="s">
        <v>133079</v>
      </c>
      <c r="F66810" s="1" t="s">
        <v>222335</v>
      </c>
      <c r="G66810" s="1" t="s">
        <v>222304</v>
      </c>
      <c r="H66810" s="1" t="s">
        <v>222305</v>
      </c>
      <c r="I66810" s="1" t="s">
        <v>220808</v>
      </c>
      <c r="J66810" s="1" t="s">
        <v>222336</v>
      </c>
    </row>
    <row r="66811" spans="1:10" x14ac:dyDescent="0.35">
      <c r="A66811" s="1" t="s">
        <v>143509</v>
      </c>
      <c r="B66811" s="1" t="s">
        <v>220803</v>
      </c>
      <c r="C66811" s="1" t="s">
        <v>95</v>
      </c>
      <c r="D66811" s="1" t="s">
        <v>45928</v>
      </c>
      <c r="E66811" s="1" t="s">
        <v>132794</v>
      </c>
      <c r="F66811" s="1" t="s">
        <v>222337</v>
      </c>
      <c r="G66811" s="1" t="s">
        <v>222304</v>
      </c>
      <c r="H66811" s="1" t="s">
        <v>222305</v>
      </c>
      <c r="I66811" s="1" t="s">
        <v>220808</v>
      </c>
      <c r="J66811" s="1" t="s">
        <v>222338</v>
      </c>
    </row>
    <row r="66812" spans="1:10" x14ac:dyDescent="0.35">
      <c r="A66812" s="1" t="s">
        <v>143509</v>
      </c>
      <c r="B66812" s="1" t="s">
        <v>220803</v>
      </c>
      <c r="C66812" s="1" t="s">
        <v>100</v>
      </c>
      <c r="D66812" s="1" t="s">
        <v>83674</v>
      </c>
      <c r="E66812" s="1" t="s">
        <v>131775</v>
      </c>
      <c r="F66812" s="1" t="s">
        <v>222339</v>
      </c>
      <c r="G66812" s="1" t="s">
        <v>222304</v>
      </c>
      <c r="H66812" s="1" t="s">
        <v>222305</v>
      </c>
      <c r="I66812" s="1" t="s">
        <v>220808</v>
      </c>
      <c r="J66812" s="1" t="s">
        <v>222340</v>
      </c>
    </row>
    <row r="66813" spans="1:10" x14ac:dyDescent="0.35">
      <c r="A66813" s="1" t="s">
        <v>143509</v>
      </c>
      <c r="B66813" s="1" t="s">
        <v>220803</v>
      </c>
      <c r="C66813" s="1" t="s">
        <v>105</v>
      </c>
      <c r="D66813" s="1" t="s">
        <v>34127</v>
      </c>
      <c r="E66813" s="1" t="s">
        <v>111220</v>
      </c>
      <c r="F66813" s="1" t="s">
        <v>222341</v>
      </c>
      <c r="G66813" s="1" t="s">
        <v>222304</v>
      </c>
      <c r="H66813" s="1" t="s">
        <v>222305</v>
      </c>
      <c r="I66813" s="1" t="s">
        <v>220808</v>
      </c>
      <c r="J66813" s="1" t="s">
        <v>222342</v>
      </c>
    </row>
    <row r="66814" spans="1:10" x14ac:dyDescent="0.35">
      <c r="A66814" s="1" t="s">
        <v>143509</v>
      </c>
      <c r="B66814" s="1" t="s">
        <v>220803</v>
      </c>
      <c r="C66814" s="1" t="s">
        <v>110</v>
      </c>
      <c r="D66814" s="1" t="s">
        <v>209223</v>
      </c>
      <c r="E66814" s="1" t="s">
        <v>142680</v>
      </c>
      <c r="F66814" s="1" t="s">
        <v>179934</v>
      </c>
      <c r="G66814" s="1" t="s">
        <v>222304</v>
      </c>
      <c r="H66814" s="1" t="s">
        <v>222305</v>
      </c>
      <c r="I66814" s="1" t="s">
        <v>220808</v>
      </c>
      <c r="J66814" s="1" t="s">
        <v>222343</v>
      </c>
    </row>
    <row r="66815" spans="1:10" x14ac:dyDescent="0.35">
      <c r="A66815" s="1" t="s">
        <v>143509</v>
      </c>
      <c r="B66815" s="1" t="s">
        <v>220803</v>
      </c>
      <c r="C66815" s="1" t="s">
        <v>115</v>
      </c>
      <c r="D66815" s="1" t="s">
        <v>175596</v>
      </c>
      <c r="E66815" s="1" t="s">
        <v>109452</v>
      </c>
      <c r="F66815" s="1" t="s">
        <v>163039</v>
      </c>
      <c r="G66815" s="1" t="s">
        <v>222304</v>
      </c>
      <c r="H66815" s="1" t="s">
        <v>222305</v>
      </c>
      <c r="I66815" s="1" t="s">
        <v>220808</v>
      </c>
      <c r="J66815" s="1" t="s">
        <v>222344</v>
      </c>
    </row>
    <row r="66816" spans="1:10" x14ac:dyDescent="0.35">
      <c r="A66816" s="1" t="s">
        <v>143509</v>
      </c>
      <c r="B66816" s="1" t="s">
        <v>220803</v>
      </c>
      <c r="C66816" s="1" t="s">
        <v>120</v>
      </c>
      <c r="D66816" s="1" t="s">
        <v>222345</v>
      </c>
      <c r="E66816" s="1" t="s">
        <v>131775</v>
      </c>
      <c r="F66816" s="1" t="s">
        <v>222346</v>
      </c>
      <c r="G66816" s="1" t="s">
        <v>222304</v>
      </c>
      <c r="H66816" s="1" t="s">
        <v>222305</v>
      </c>
      <c r="I66816" s="1" t="s">
        <v>220808</v>
      </c>
      <c r="J66816" s="1" t="s">
        <v>222347</v>
      </c>
    </row>
    <row r="66817" spans="1:10" x14ac:dyDescent="0.35">
      <c r="A66817" s="1" t="s">
        <v>143509</v>
      </c>
      <c r="B66817" s="1" t="s">
        <v>220803</v>
      </c>
      <c r="C66817" s="1" t="s">
        <v>125</v>
      </c>
      <c r="D66817" s="1" t="s">
        <v>43320</v>
      </c>
      <c r="E66817" s="1" t="s">
        <v>220941</v>
      </c>
      <c r="F66817" s="1" t="s">
        <v>71216</v>
      </c>
      <c r="G66817" s="1" t="s">
        <v>222304</v>
      </c>
      <c r="H66817" s="1" t="s">
        <v>222305</v>
      </c>
      <c r="I66817" s="1" t="s">
        <v>220808</v>
      </c>
      <c r="J66817" s="1" t="s">
        <v>222348</v>
      </c>
    </row>
    <row r="66818" spans="1:10" x14ac:dyDescent="0.35">
      <c r="A66818" s="1" t="s">
        <v>143509</v>
      </c>
      <c r="B66818" s="1" t="s">
        <v>220803</v>
      </c>
      <c r="C66818" s="1" t="s">
        <v>130</v>
      </c>
      <c r="D66818" s="1" t="s">
        <v>222349</v>
      </c>
      <c r="E66818" s="1" t="s">
        <v>145922</v>
      </c>
      <c r="F66818" s="1" t="s">
        <v>222350</v>
      </c>
      <c r="G66818" s="1" t="s">
        <v>222304</v>
      </c>
      <c r="H66818" s="1" t="s">
        <v>222305</v>
      </c>
      <c r="I66818" s="1" t="s">
        <v>220808</v>
      </c>
      <c r="J66818" s="1" t="s">
        <v>222351</v>
      </c>
    </row>
    <row r="66819" spans="1:10" x14ac:dyDescent="0.35">
      <c r="A66819" s="1" t="s">
        <v>143509</v>
      </c>
      <c r="B66819" s="1" t="s">
        <v>220803</v>
      </c>
      <c r="C66819" s="1" t="s">
        <v>135</v>
      </c>
      <c r="D66819" s="1" t="s">
        <v>222352</v>
      </c>
      <c r="E66819" s="1" t="s">
        <v>222353</v>
      </c>
      <c r="F66819" s="1" t="s">
        <v>68890</v>
      </c>
      <c r="G66819" s="1" t="s">
        <v>222304</v>
      </c>
      <c r="H66819" s="1" t="s">
        <v>222305</v>
      </c>
      <c r="I66819" s="1" t="s">
        <v>220808</v>
      </c>
      <c r="J66819" s="1" t="s">
        <v>222354</v>
      </c>
    </row>
    <row r="66820" spans="1:10" x14ac:dyDescent="0.35">
      <c r="A66820" s="1" t="s">
        <v>143509</v>
      </c>
      <c r="B66820" s="1" t="s">
        <v>220803</v>
      </c>
      <c r="C66820" s="1" t="s">
        <v>140</v>
      </c>
      <c r="D66820" s="1" t="s">
        <v>71596</v>
      </c>
      <c r="E66820" s="1" t="s">
        <v>78811</v>
      </c>
      <c r="F66820" s="1" t="s">
        <v>55501</v>
      </c>
      <c r="G66820" s="1" t="s">
        <v>222304</v>
      </c>
      <c r="H66820" s="1" t="s">
        <v>222305</v>
      </c>
      <c r="I66820" s="1" t="s">
        <v>220808</v>
      </c>
      <c r="J66820" s="1" t="s">
        <v>222355</v>
      </c>
    </row>
    <row r="66821" spans="1:10" x14ac:dyDescent="0.35">
      <c r="A66821" s="1" t="s">
        <v>143509</v>
      </c>
      <c r="B66821" s="1" t="s">
        <v>220803</v>
      </c>
      <c r="C66821" s="1" t="s">
        <v>145</v>
      </c>
      <c r="D66821" s="1" t="s">
        <v>222356</v>
      </c>
      <c r="E66821" s="1" t="s">
        <v>74264</v>
      </c>
      <c r="F66821" s="1" t="s">
        <v>222357</v>
      </c>
      <c r="G66821" s="1" t="s">
        <v>222304</v>
      </c>
      <c r="H66821" s="1" t="s">
        <v>222305</v>
      </c>
      <c r="I66821" s="1" t="s">
        <v>220808</v>
      </c>
      <c r="J66821" s="1" t="s">
        <v>222358</v>
      </c>
    </row>
    <row r="66822" spans="1:10" x14ac:dyDescent="0.35">
      <c r="A66822" s="1" t="s">
        <v>143509</v>
      </c>
      <c r="B66822" s="1" t="s">
        <v>220803</v>
      </c>
      <c r="C66822" s="1" t="s">
        <v>150</v>
      </c>
      <c r="D66822" s="1" t="s">
        <v>155071</v>
      </c>
      <c r="E66822" s="1" t="s">
        <v>107323</v>
      </c>
      <c r="F66822" s="1" t="s">
        <v>222359</v>
      </c>
      <c r="G66822" s="1" t="s">
        <v>222304</v>
      </c>
      <c r="H66822" s="1" t="s">
        <v>222305</v>
      </c>
      <c r="I66822" s="1" t="s">
        <v>220808</v>
      </c>
      <c r="J66822" s="1" t="s">
        <v>222360</v>
      </c>
    </row>
    <row r="66823" spans="1:10" x14ac:dyDescent="0.35">
      <c r="A66823" s="1" t="s">
        <v>143509</v>
      </c>
      <c r="B66823" s="1" t="s">
        <v>220803</v>
      </c>
      <c r="C66823" s="1" t="s">
        <v>155</v>
      </c>
      <c r="D66823" s="1" t="s">
        <v>222361</v>
      </c>
      <c r="E66823" s="1" t="s">
        <v>111213</v>
      </c>
      <c r="F66823" s="1" t="s">
        <v>222362</v>
      </c>
      <c r="G66823" s="1" t="s">
        <v>222304</v>
      </c>
      <c r="H66823" s="1" t="s">
        <v>222305</v>
      </c>
      <c r="I66823" s="1" t="s">
        <v>220808</v>
      </c>
      <c r="J66823" s="1" t="s">
        <v>222363</v>
      </c>
    </row>
    <row r="66824" spans="1:10" x14ac:dyDescent="0.35">
      <c r="A66824" s="1" t="s">
        <v>143509</v>
      </c>
      <c r="B66824" s="1" t="s">
        <v>220803</v>
      </c>
      <c r="C66824" s="1" t="s">
        <v>160</v>
      </c>
      <c r="D66824" s="1" t="s">
        <v>214506</v>
      </c>
      <c r="E66824" s="1" t="s">
        <v>74224</v>
      </c>
      <c r="F66824" s="1" t="s">
        <v>222364</v>
      </c>
      <c r="G66824" s="1" t="s">
        <v>222304</v>
      </c>
      <c r="H66824" s="1" t="s">
        <v>222305</v>
      </c>
      <c r="I66824" s="1" t="s">
        <v>220808</v>
      </c>
      <c r="J66824" s="1" t="s">
        <v>222365</v>
      </c>
    </row>
    <row r="66825" spans="1:10" x14ac:dyDescent="0.35">
      <c r="A66825" s="1" t="s">
        <v>143509</v>
      </c>
      <c r="B66825" s="1" t="s">
        <v>220803</v>
      </c>
      <c r="C66825" s="1" t="s">
        <v>165</v>
      </c>
      <c r="D66825" s="1" t="s">
        <v>108016</v>
      </c>
      <c r="E66825" s="1" t="s">
        <v>130023</v>
      </c>
      <c r="F66825" s="1" t="s">
        <v>21965</v>
      </c>
      <c r="G66825" s="1" t="s">
        <v>222304</v>
      </c>
      <c r="H66825" s="1" t="s">
        <v>222305</v>
      </c>
      <c r="I66825" s="1" t="s">
        <v>220808</v>
      </c>
      <c r="J66825" s="1" t="s">
        <v>222366</v>
      </c>
    </row>
    <row r="66826" spans="1:10" x14ac:dyDescent="0.35">
      <c r="A66826" s="1" t="s">
        <v>143509</v>
      </c>
      <c r="B66826" s="1" t="s">
        <v>220803</v>
      </c>
      <c r="C66826" s="1" t="s">
        <v>170</v>
      </c>
      <c r="D66826" s="1" t="s">
        <v>108747</v>
      </c>
      <c r="E66826" s="1" t="s">
        <v>107629</v>
      </c>
      <c r="F66826" s="1" t="s">
        <v>130847</v>
      </c>
      <c r="G66826" s="1" t="s">
        <v>222304</v>
      </c>
      <c r="H66826" s="1" t="s">
        <v>222305</v>
      </c>
      <c r="I66826" s="1" t="s">
        <v>220808</v>
      </c>
      <c r="J66826" s="1" t="s">
        <v>222367</v>
      </c>
    </row>
    <row r="66827" spans="1:10" x14ac:dyDescent="0.35">
      <c r="A66827" s="1" t="s">
        <v>15063</v>
      </c>
      <c r="B66827" s="1" t="s">
        <v>220803</v>
      </c>
      <c r="C66827" s="1" t="s">
        <v>8</v>
      </c>
      <c r="D66827" s="1" t="s">
        <v>222368</v>
      </c>
      <c r="E66827" s="1" t="s">
        <v>222369</v>
      </c>
      <c r="F66827" s="1" t="s">
        <v>222370</v>
      </c>
      <c r="G66827" s="1" t="s">
        <v>222371</v>
      </c>
      <c r="H66827" s="1" t="s">
        <v>222372</v>
      </c>
      <c r="I66827" s="1" t="s">
        <v>220808</v>
      </c>
      <c r="J66827" s="1" t="s">
        <v>13</v>
      </c>
    </row>
    <row r="66828" spans="1:10" x14ac:dyDescent="0.35">
      <c r="A66828" s="1" t="s">
        <v>15063</v>
      </c>
      <c r="B66828" s="1" t="s">
        <v>220803</v>
      </c>
      <c r="C66828" s="1" t="s">
        <v>15</v>
      </c>
      <c r="D66828" s="1" t="s">
        <v>194294</v>
      </c>
      <c r="E66828" s="1" t="s">
        <v>222373</v>
      </c>
      <c r="F66828" s="1" t="s">
        <v>222374</v>
      </c>
      <c r="G66828" s="1" t="s">
        <v>222371</v>
      </c>
      <c r="H66828" s="1" t="s">
        <v>222372</v>
      </c>
      <c r="I66828" s="1" t="s">
        <v>220808</v>
      </c>
      <c r="J66828" s="1" t="s">
        <v>222375</v>
      </c>
    </row>
    <row r="66829" spans="1:10" x14ac:dyDescent="0.35">
      <c r="A66829" s="1" t="s">
        <v>15063</v>
      </c>
      <c r="B66829" s="1" t="s">
        <v>220803</v>
      </c>
      <c r="C66829" s="1" t="s">
        <v>20</v>
      </c>
      <c r="D66829" s="1" t="s">
        <v>194843</v>
      </c>
      <c r="E66829" s="1" t="s">
        <v>222376</v>
      </c>
      <c r="F66829" s="1" t="s">
        <v>222377</v>
      </c>
      <c r="G66829" s="1" t="s">
        <v>222371</v>
      </c>
      <c r="H66829" s="1" t="s">
        <v>222372</v>
      </c>
      <c r="I66829" s="1" t="s">
        <v>220808</v>
      </c>
      <c r="J66829" s="1" t="s">
        <v>222378</v>
      </c>
    </row>
    <row r="66830" spans="1:10" x14ac:dyDescent="0.35">
      <c r="A66830" s="1" t="s">
        <v>15063</v>
      </c>
      <c r="B66830" s="1" t="s">
        <v>220803</v>
      </c>
      <c r="C66830" s="1" t="s">
        <v>25</v>
      </c>
      <c r="D66830" s="1" t="s">
        <v>5433</v>
      </c>
      <c r="E66830" s="1" t="s">
        <v>222379</v>
      </c>
      <c r="F66830" s="1" t="s">
        <v>222380</v>
      </c>
      <c r="G66830" s="1" t="s">
        <v>222371</v>
      </c>
      <c r="H66830" s="1" t="s">
        <v>222372</v>
      </c>
      <c r="I66830" s="1" t="s">
        <v>220808</v>
      </c>
      <c r="J66830" s="1" t="s">
        <v>222381</v>
      </c>
    </row>
    <row r="66831" spans="1:10" x14ac:dyDescent="0.35">
      <c r="A66831" s="1" t="s">
        <v>15063</v>
      </c>
      <c r="B66831" s="1" t="s">
        <v>220803</v>
      </c>
      <c r="C66831" s="1" t="s">
        <v>30</v>
      </c>
      <c r="D66831" s="1" t="s">
        <v>104397</v>
      </c>
      <c r="E66831" s="1" t="s">
        <v>222382</v>
      </c>
      <c r="F66831" s="1" t="s">
        <v>222383</v>
      </c>
      <c r="G66831" s="1" t="s">
        <v>222371</v>
      </c>
      <c r="H66831" s="1" t="s">
        <v>222372</v>
      </c>
      <c r="I66831" s="1" t="s">
        <v>220808</v>
      </c>
      <c r="J66831" s="1" t="s">
        <v>222384</v>
      </c>
    </row>
    <row r="66832" spans="1:10" x14ac:dyDescent="0.35">
      <c r="A66832" s="1" t="s">
        <v>15063</v>
      </c>
      <c r="B66832" s="1" t="s">
        <v>220803</v>
      </c>
      <c r="C66832" s="1" t="s">
        <v>35</v>
      </c>
      <c r="D66832" s="1" t="s">
        <v>160284</v>
      </c>
      <c r="E66832" s="1" t="s">
        <v>222385</v>
      </c>
      <c r="F66832" s="1" t="s">
        <v>222386</v>
      </c>
      <c r="G66832" s="1" t="s">
        <v>222371</v>
      </c>
      <c r="H66832" s="1" t="s">
        <v>222372</v>
      </c>
      <c r="I66832" s="1" t="s">
        <v>220808</v>
      </c>
      <c r="J66832" s="1" t="s">
        <v>222387</v>
      </c>
    </row>
    <row r="66833" spans="1:10" x14ac:dyDescent="0.35">
      <c r="A66833" s="1" t="s">
        <v>15063</v>
      </c>
      <c r="B66833" s="1" t="s">
        <v>220803</v>
      </c>
      <c r="C66833" s="1" t="s">
        <v>40</v>
      </c>
      <c r="D66833" s="1" t="s">
        <v>19778</v>
      </c>
      <c r="E66833" s="1" t="s">
        <v>222388</v>
      </c>
      <c r="F66833" s="1" t="s">
        <v>222389</v>
      </c>
      <c r="G66833" s="1" t="s">
        <v>222371</v>
      </c>
      <c r="H66833" s="1" t="s">
        <v>222372</v>
      </c>
      <c r="I66833" s="1" t="s">
        <v>220808</v>
      </c>
      <c r="J66833" s="1" t="s">
        <v>222390</v>
      </c>
    </row>
    <row r="66834" spans="1:10" x14ac:dyDescent="0.35">
      <c r="A66834" s="1" t="s">
        <v>15063</v>
      </c>
      <c r="B66834" s="1" t="s">
        <v>220803</v>
      </c>
      <c r="C66834" s="1" t="s">
        <v>45</v>
      </c>
      <c r="D66834" s="1" t="s">
        <v>3016</v>
      </c>
      <c r="E66834" s="1" t="s">
        <v>222391</v>
      </c>
      <c r="F66834" s="1" t="s">
        <v>222392</v>
      </c>
      <c r="G66834" s="1" t="s">
        <v>222371</v>
      </c>
      <c r="H66834" s="1" t="s">
        <v>222372</v>
      </c>
      <c r="I66834" s="1" t="s">
        <v>220808</v>
      </c>
      <c r="J66834" s="1" t="s">
        <v>222393</v>
      </c>
    </row>
    <row r="66835" spans="1:10" x14ac:dyDescent="0.35">
      <c r="A66835" s="1" t="s">
        <v>15063</v>
      </c>
      <c r="B66835" s="1" t="s">
        <v>220803</v>
      </c>
      <c r="C66835" s="1" t="s">
        <v>50</v>
      </c>
      <c r="D66835" s="1" t="s">
        <v>191087</v>
      </c>
      <c r="E66835" s="1" t="s">
        <v>222394</v>
      </c>
      <c r="F66835" s="1" t="s">
        <v>222395</v>
      </c>
      <c r="G66835" s="1" t="s">
        <v>222371</v>
      </c>
      <c r="H66835" s="1" t="s">
        <v>222372</v>
      </c>
      <c r="I66835" s="1" t="s">
        <v>220808</v>
      </c>
      <c r="J66835" s="1" t="s">
        <v>222396</v>
      </c>
    </row>
    <row r="66836" spans="1:10" x14ac:dyDescent="0.35">
      <c r="A66836" s="1" t="s">
        <v>15063</v>
      </c>
      <c r="B66836" s="1" t="s">
        <v>220803</v>
      </c>
      <c r="C66836" s="1" t="s">
        <v>55</v>
      </c>
      <c r="D66836" s="1" t="s">
        <v>222397</v>
      </c>
      <c r="E66836" s="1" t="s">
        <v>222398</v>
      </c>
      <c r="F66836" s="1" t="s">
        <v>222399</v>
      </c>
      <c r="G66836" s="1" t="s">
        <v>222371</v>
      </c>
      <c r="H66836" s="1" t="s">
        <v>222372</v>
      </c>
      <c r="I66836" s="1" t="s">
        <v>220808</v>
      </c>
      <c r="J66836" s="1" t="s">
        <v>222400</v>
      </c>
    </row>
    <row r="66837" spans="1:10" x14ac:dyDescent="0.35">
      <c r="A66837" s="1" t="s">
        <v>15063</v>
      </c>
      <c r="B66837" s="1" t="s">
        <v>220803</v>
      </c>
      <c r="C66837" s="1" t="s">
        <v>60</v>
      </c>
      <c r="D66837" s="1" t="s">
        <v>31296</v>
      </c>
      <c r="E66837" s="1" t="s">
        <v>222401</v>
      </c>
      <c r="F66837" s="1" t="s">
        <v>222402</v>
      </c>
      <c r="G66837" s="1" t="s">
        <v>222371</v>
      </c>
      <c r="H66837" s="1" t="s">
        <v>222372</v>
      </c>
      <c r="I66837" s="1" t="s">
        <v>220808</v>
      </c>
      <c r="J66837" s="1" t="s">
        <v>222403</v>
      </c>
    </row>
    <row r="66838" spans="1:10" x14ac:dyDescent="0.35">
      <c r="A66838" s="1" t="s">
        <v>15063</v>
      </c>
      <c r="B66838" s="1" t="s">
        <v>220803</v>
      </c>
      <c r="C66838" s="1" t="s">
        <v>65</v>
      </c>
      <c r="D66838" s="1" t="s">
        <v>3461</v>
      </c>
      <c r="E66838" s="1" t="s">
        <v>222404</v>
      </c>
      <c r="F66838" s="1" t="s">
        <v>222405</v>
      </c>
      <c r="G66838" s="1" t="s">
        <v>222371</v>
      </c>
      <c r="H66838" s="1" t="s">
        <v>222372</v>
      </c>
      <c r="I66838" s="1" t="s">
        <v>220808</v>
      </c>
      <c r="J66838" s="1" t="s">
        <v>222406</v>
      </c>
    </row>
    <row r="66839" spans="1:10" x14ac:dyDescent="0.35">
      <c r="A66839" s="1" t="s">
        <v>15063</v>
      </c>
      <c r="B66839" s="1" t="s">
        <v>220803</v>
      </c>
      <c r="C66839" s="1" t="s">
        <v>70</v>
      </c>
      <c r="D66839" s="1" t="s">
        <v>42925</v>
      </c>
      <c r="E66839" s="1" t="s">
        <v>222407</v>
      </c>
      <c r="F66839" s="1" t="s">
        <v>222408</v>
      </c>
      <c r="G66839" s="1" t="s">
        <v>222371</v>
      </c>
      <c r="H66839" s="1" t="s">
        <v>222372</v>
      </c>
      <c r="I66839" s="1" t="s">
        <v>220808</v>
      </c>
      <c r="J66839" s="1" t="s">
        <v>222409</v>
      </c>
    </row>
    <row r="66840" spans="1:10" x14ac:dyDescent="0.35">
      <c r="A66840" s="1" t="s">
        <v>15063</v>
      </c>
      <c r="B66840" s="1" t="s">
        <v>220803</v>
      </c>
      <c r="C66840" s="1" t="s">
        <v>75</v>
      </c>
      <c r="D66840" s="1" t="s">
        <v>222410</v>
      </c>
      <c r="E66840" s="1" t="s">
        <v>222411</v>
      </c>
      <c r="F66840" s="1" t="s">
        <v>222412</v>
      </c>
      <c r="G66840" s="1" t="s">
        <v>222371</v>
      </c>
      <c r="H66840" s="1" t="s">
        <v>222372</v>
      </c>
      <c r="I66840" s="1" t="s">
        <v>220808</v>
      </c>
      <c r="J66840" s="1" t="s">
        <v>222413</v>
      </c>
    </row>
    <row r="66841" spans="1:10" x14ac:dyDescent="0.35">
      <c r="A66841" s="1" t="s">
        <v>15063</v>
      </c>
      <c r="B66841" s="1" t="s">
        <v>220803</v>
      </c>
      <c r="C66841" s="1" t="s">
        <v>80</v>
      </c>
      <c r="D66841" s="1" t="s">
        <v>222414</v>
      </c>
      <c r="E66841" s="1" t="s">
        <v>222415</v>
      </c>
      <c r="F66841" s="1" t="s">
        <v>222416</v>
      </c>
      <c r="G66841" s="1" t="s">
        <v>222371</v>
      </c>
      <c r="H66841" s="1" t="s">
        <v>222372</v>
      </c>
      <c r="I66841" s="1" t="s">
        <v>220808</v>
      </c>
      <c r="J66841" s="1" t="s">
        <v>222417</v>
      </c>
    </row>
    <row r="66842" spans="1:10" x14ac:dyDescent="0.35">
      <c r="A66842" s="1" t="s">
        <v>15063</v>
      </c>
      <c r="B66842" s="1" t="s">
        <v>220803</v>
      </c>
      <c r="C66842" s="1" t="s">
        <v>85</v>
      </c>
      <c r="D66842" s="1" t="s">
        <v>156827</v>
      </c>
      <c r="E66842" s="1" t="s">
        <v>222418</v>
      </c>
      <c r="F66842" s="1" t="s">
        <v>222419</v>
      </c>
      <c r="G66842" s="1" t="s">
        <v>222371</v>
      </c>
      <c r="H66842" s="1" t="s">
        <v>222372</v>
      </c>
      <c r="I66842" s="1" t="s">
        <v>220808</v>
      </c>
      <c r="J66842" s="1" t="s">
        <v>222420</v>
      </c>
    </row>
    <row r="66843" spans="1:10" x14ac:dyDescent="0.35">
      <c r="A66843" s="1" t="s">
        <v>15063</v>
      </c>
      <c r="B66843" s="1" t="s">
        <v>220803</v>
      </c>
      <c r="C66843" s="1" t="s">
        <v>90</v>
      </c>
      <c r="D66843" s="1" t="s">
        <v>222421</v>
      </c>
      <c r="E66843" s="1" t="s">
        <v>222422</v>
      </c>
      <c r="F66843" s="1" t="s">
        <v>222423</v>
      </c>
      <c r="G66843" s="1" t="s">
        <v>222371</v>
      </c>
      <c r="H66843" s="1" t="s">
        <v>222372</v>
      </c>
      <c r="I66843" s="1" t="s">
        <v>220808</v>
      </c>
      <c r="J66843" s="1" t="s">
        <v>222424</v>
      </c>
    </row>
    <row r="66844" spans="1:10" x14ac:dyDescent="0.35">
      <c r="A66844" s="1" t="s">
        <v>15063</v>
      </c>
      <c r="B66844" s="1" t="s">
        <v>220803</v>
      </c>
      <c r="C66844" s="1" t="s">
        <v>95</v>
      </c>
      <c r="D66844" s="1" t="s">
        <v>153600</v>
      </c>
      <c r="E66844" s="1" t="s">
        <v>222425</v>
      </c>
      <c r="F66844" s="1" t="s">
        <v>222426</v>
      </c>
      <c r="G66844" s="1" t="s">
        <v>222371</v>
      </c>
      <c r="H66844" s="1" t="s">
        <v>222372</v>
      </c>
      <c r="I66844" s="1" t="s">
        <v>220808</v>
      </c>
      <c r="J66844" s="1" t="s">
        <v>222427</v>
      </c>
    </row>
    <row r="66845" spans="1:10" x14ac:dyDescent="0.35">
      <c r="A66845" s="1" t="s">
        <v>15063</v>
      </c>
      <c r="B66845" s="1" t="s">
        <v>220803</v>
      </c>
      <c r="C66845" s="1" t="s">
        <v>100</v>
      </c>
      <c r="D66845" s="1" t="s">
        <v>185875</v>
      </c>
      <c r="E66845" s="1" t="s">
        <v>222428</v>
      </c>
      <c r="F66845" s="1" t="s">
        <v>222429</v>
      </c>
      <c r="G66845" s="1" t="s">
        <v>222371</v>
      </c>
      <c r="H66845" s="1" t="s">
        <v>222372</v>
      </c>
      <c r="I66845" s="1" t="s">
        <v>220808</v>
      </c>
      <c r="J66845" s="1" t="s">
        <v>222430</v>
      </c>
    </row>
    <row r="66846" spans="1:10" x14ac:dyDescent="0.35">
      <c r="A66846" s="1" t="s">
        <v>15063</v>
      </c>
      <c r="B66846" s="1" t="s">
        <v>220803</v>
      </c>
      <c r="C66846" s="1" t="s">
        <v>105</v>
      </c>
      <c r="D66846" s="1" t="s">
        <v>222431</v>
      </c>
      <c r="E66846" s="1" t="s">
        <v>222432</v>
      </c>
      <c r="F66846" s="1" t="s">
        <v>222433</v>
      </c>
      <c r="G66846" s="1" t="s">
        <v>222371</v>
      </c>
      <c r="H66846" s="1" t="s">
        <v>222372</v>
      </c>
      <c r="I66846" s="1" t="s">
        <v>220808</v>
      </c>
      <c r="J66846" s="1" t="s">
        <v>222434</v>
      </c>
    </row>
    <row r="66847" spans="1:10" x14ac:dyDescent="0.35">
      <c r="A66847" s="1" t="s">
        <v>15063</v>
      </c>
      <c r="B66847" s="1" t="s">
        <v>220803</v>
      </c>
      <c r="C66847" s="1" t="s">
        <v>110</v>
      </c>
      <c r="D66847" s="1" t="s">
        <v>222435</v>
      </c>
      <c r="E66847" s="1" t="s">
        <v>222436</v>
      </c>
      <c r="F66847" s="1" t="s">
        <v>222437</v>
      </c>
      <c r="G66847" s="1" t="s">
        <v>222371</v>
      </c>
      <c r="H66847" s="1" t="s">
        <v>222372</v>
      </c>
      <c r="I66847" s="1" t="s">
        <v>220808</v>
      </c>
      <c r="J66847" s="1" t="s">
        <v>222438</v>
      </c>
    </row>
    <row r="66848" spans="1:10" x14ac:dyDescent="0.35">
      <c r="A66848" s="1" t="s">
        <v>15063</v>
      </c>
      <c r="B66848" s="1" t="s">
        <v>220803</v>
      </c>
      <c r="C66848" s="1" t="s">
        <v>115</v>
      </c>
      <c r="D66848" s="1" t="s">
        <v>222439</v>
      </c>
      <c r="E66848" s="1" t="s">
        <v>222440</v>
      </c>
      <c r="F66848" s="1" t="s">
        <v>222441</v>
      </c>
      <c r="G66848" s="1" t="s">
        <v>222371</v>
      </c>
      <c r="H66848" s="1" t="s">
        <v>222372</v>
      </c>
      <c r="I66848" s="1" t="s">
        <v>220808</v>
      </c>
      <c r="J66848" s="1" t="s">
        <v>222442</v>
      </c>
    </row>
    <row r="66849" spans="1:10" x14ac:dyDescent="0.35">
      <c r="A66849" s="1" t="s">
        <v>15063</v>
      </c>
      <c r="B66849" s="1" t="s">
        <v>220803</v>
      </c>
      <c r="C66849" s="1" t="s">
        <v>120</v>
      </c>
      <c r="D66849" s="1" t="s">
        <v>222443</v>
      </c>
      <c r="E66849" s="1" t="s">
        <v>222444</v>
      </c>
      <c r="F66849" s="1" t="s">
        <v>222445</v>
      </c>
      <c r="G66849" s="1" t="s">
        <v>222371</v>
      </c>
      <c r="H66849" s="1" t="s">
        <v>222372</v>
      </c>
      <c r="I66849" s="1" t="s">
        <v>220808</v>
      </c>
      <c r="J66849" s="1" t="s">
        <v>222446</v>
      </c>
    </row>
    <row r="66850" spans="1:10" x14ac:dyDescent="0.35">
      <c r="A66850" s="1" t="s">
        <v>15063</v>
      </c>
      <c r="B66850" s="1" t="s">
        <v>220803</v>
      </c>
      <c r="C66850" s="1" t="s">
        <v>125</v>
      </c>
      <c r="D66850" s="1" t="s">
        <v>53185</v>
      </c>
      <c r="E66850" s="1" t="s">
        <v>222447</v>
      </c>
      <c r="F66850" s="1" t="s">
        <v>222448</v>
      </c>
      <c r="G66850" s="1" t="s">
        <v>222371</v>
      </c>
      <c r="H66850" s="1" t="s">
        <v>222372</v>
      </c>
      <c r="I66850" s="1" t="s">
        <v>220808</v>
      </c>
      <c r="J66850" s="1" t="s">
        <v>222449</v>
      </c>
    </row>
    <row r="66851" spans="1:10" x14ac:dyDescent="0.35">
      <c r="A66851" s="1" t="s">
        <v>15063</v>
      </c>
      <c r="B66851" s="1" t="s">
        <v>220803</v>
      </c>
      <c r="C66851" s="1" t="s">
        <v>130</v>
      </c>
      <c r="D66851" s="1" t="s">
        <v>108451</v>
      </c>
      <c r="E66851" s="1" t="s">
        <v>222450</v>
      </c>
      <c r="F66851" s="1" t="s">
        <v>222451</v>
      </c>
      <c r="G66851" s="1" t="s">
        <v>222371</v>
      </c>
      <c r="H66851" s="1" t="s">
        <v>222372</v>
      </c>
      <c r="I66851" s="1" t="s">
        <v>220808</v>
      </c>
      <c r="J66851" s="1" t="s">
        <v>222452</v>
      </c>
    </row>
    <row r="66852" spans="1:10" x14ac:dyDescent="0.35">
      <c r="A66852" s="1" t="s">
        <v>15063</v>
      </c>
      <c r="B66852" s="1" t="s">
        <v>220803</v>
      </c>
      <c r="C66852" s="1" t="s">
        <v>135</v>
      </c>
      <c r="D66852" s="1" t="s">
        <v>222453</v>
      </c>
      <c r="E66852" s="1" t="s">
        <v>222454</v>
      </c>
      <c r="F66852" s="1" t="s">
        <v>222455</v>
      </c>
      <c r="G66852" s="1" t="s">
        <v>222371</v>
      </c>
      <c r="H66852" s="1" t="s">
        <v>222372</v>
      </c>
      <c r="I66852" s="1" t="s">
        <v>220808</v>
      </c>
      <c r="J66852" s="1" t="s">
        <v>222456</v>
      </c>
    </row>
    <row r="66853" spans="1:10" x14ac:dyDescent="0.35">
      <c r="A66853" s="1" t="s">
        <v>15063</v>
      </c>
      <c r="B66853" s="1" t="s">
        <v>220803</v>
      </c>
      <c r="C66853" s="1" t="s">
        <v>140</v>
      </c>
      <c r="D66853" s="1" t="s">
        <v>222457</v>
      </c>
      <c r="E66853" s="1" t="s">
        <v>222458</v>
      </c>
      <c r="F66853" s="1" t="s">
        <v>222459</v>
      </c>
      <c r="G66853" s="1" t="s">
        <v>222371</v>
      </c>
      <c r="H66853" s="1" t="s">
        <v>222372</v>
      </c>
      <c r="I66853" s="1" t="s">
        <v>220808</v>
      </c>
      <c r="J66853" s="1" t="s">
        <v>222460</v>
      </c>
    </row>
    <row r="66854" spans="1:10" x14ac:dyDescent="0.35">
      <c r="A66854" s="1" t="s">
        <v>15063</v>
      </c>
      <c r="B66854" s="1" t="s">
        <v>220803</v>
      </c>
      <c r="C66854" s="1" t="s">
        <v>145</v>
      </c>
      <c r="D66854" s="1" t="s">
        <v>18063</v>
      </c>
      <c r="E66854" s="1" t="s">
        <v>222461</v>
      </c>
      <c r="F66854" s="1" t="s">
        <v>222462</v>
      </c>
      <c r="G66854" s="1" t="s">
        <v>222371</v>
      </c>
      <c r="H66854" s="1" t="s">
        <v>222372</v>
      </c>
      <c r="I66854" s="1" t="s">
        <v>220808</v>
      </c>
      <c r="J66854" s="1" t="s">
        <v>222463</v>
      </c>
    </row>
    <row r="66855" spans="1:10" x14ac:dyDescent="0.35">
      <c r="A66855" s="1" t="s">
        <v>15063</v>
      </c>
      <c r="B66855" s="1" t="s">
        <v>220803</v>
      </c>
      <c r="C66855" s="1" t="s">
        <v>150</v>
      </c>
      <c r="D66855" s="1" t="s">
        <v>52957</v>
      </c>
      <c r="E66855" s="1" t="s">
        <v>222464</v>
      </c>
      <c r="F66855" s="1" t="s">
        <v>222465</v>
      </c>
      <c r="G66855" s="1" t="s">
        <v>222371</v>
      </c>
      <c r="H66855" s="1" t="s">
        <v>222372</v>
      </c>
      <c r="I66855" s="1" t="s">
        <v>220808</v>
      </c>
      <c r="J66855" s="1" t="s">
        <v>222466</v>
      </c>
    </row>
    <row r="66856" spans="1:10" x14ac:dyDescent="0.35">
      <c r="A66856" s="1" t="s">
        <v>15063</v>
      </c>
      <c r="B66856" s="1" t="s">
        <v>220803</v>
      </c>
      <c r="C66856" s="1" t="s">
        <v>155</v>
      </c>
      <c r="D66856" s="1" t="s">
        <v>19101</v>
      </c>
      <c r="E66856" s="1" t="s">
        <v>222467</v>
      </c>
      <c r="F66856" s="1" t="s">
        <v>222468</v>
      </c>
      <c r="G66856" s="1" t="s">
        <v>222371</v>
      </c>
      <c r="H66856" s="1" t="s">
        <v>222372</v>
      </c>
      <c r="I66856" s="1" t="s">
        <v>220808</v>
      </c>
      <c r="J66856" s="1" t="s">
        <v>222469</v>
      </c>
    </row>
    <row r="66857" spans="1:10" x14ac:dyDescent="0.35">
      <c r="A66857" s="1" t="s">
        <v>15063</v>
      </c>
      <c r="B66857" s="1" t="s">
        <v>220803</v>
      </c>
      <c r="C66857" s="1" t="s">
        <v>160</v>
      </c>
      <c r="D66857" s="1" t="s">
        <v>222470</v>
      </c>
      <c r="E66857" s="1" t="s">
        <v>222471</v>
      </c>
      <c r="F66857" s="1" t="s">
        <v>222472</v>
      </c>
      <c r="G66857" s="1" t="s">
        <v>222371</v>
      </c>
      <c r="H66857" s="1" t="s">
        <v>222372</v>
      </c>
      <c r="I66857" s="1" t="s">
        <v>220808</v>
      </c>
      <c r="J66857" s="1" t="s">
        <v>222473</v>
      </c>
    </row>
    <row r="66858" spans="1:10" x14ac:dyDescent="0.35">
      <c r="A66858" s="1" t="s">
        <v>15063</v>
      </c>
      <c r="B66858" s="1" t="s">
        <v>220803</v>
      </c>
      <c r="C66858" s="1" t="s">
        <v>165</v>
      </c>
      <c r="D66858" s="1" t="s">
        <v>61810</v>
      </c>
      <c r="E66858" s="1" t="s">
        <v>222474</v>
      </c>
      <c r="F66858" s="1" t="s">
        <v>222475</v>
      </c>
      <c r="G66858" s="1" t="s">
        <v>222371</v>
      </c>
      <c r="H66858" s="1" t="s">
        <v>222372</v>
      </c>
      <c r="I66858" s="1" t="s">
        <v>220808</v>
      </c>
      <c r="J66858" s="1" t="s">
        <v>222476</v>
      </c>
    </row>
    <row r="66859" spans="1:10" x14ac:dyDescent="0.35">
      <c r="A66859" s="1" t="s">
        <v>15063</v>
      </c>
      <c r="B66859" s="1" t="s">
        <v>220803</v>
      </c>
      <c r="C66859" s="1" t="s">
        <v>170</v>
      </c>
      <c r="D66859" s="1" t="s">
        <v>46624</v>
      </c>
      <c r="E66859" s="1" t="s">
        <v>222477</v>
      </c>
      <c r="F66859" s="1" t="s">
        <v>222478</v>
      </c>
      <c r="G66859" s="1" t="s">
        <v>222371</v>
      </c>
      <c r="H66859" s="1" t="s">
        <v>222372</v>
      </c>
      <c r="I66859" s="1" t="s">
        <v>220808</v>
      </c>
      <c r="J66859" s="1" t="s">
        <v>222479</v>
      </c>
    </row>
    <row r="66860" spans="1:10" x14ac:dyDescent="0.35">
      <c r="A66860" s="1" t="s">
        <v>222480</v>
      </c>
      <c r="B66860" s="1" t="s">
        <v>220803</v>
      </c>
      <c r="C66860" s="1" t="s">
        <v>8</v>
      </c>
      <c r="D66860" s="1" t="s">
        <v>118543</v>
      </c>
      <c r="E66860" s="1" t="s">
        <v>222481</v>
      </c>
      <c r="F66860" s="1" t="s">
        <v>222482</v>
      </c>
      <c r="G66860" s="1" t="s">
        <v>222483</v>
      </c>
      <c r="H66860" s="1" t="s">
        <v>222484</v>
      </c>
      <c r="I66860" s="1" t="s">
        <v>220808</v>
      </c>
      <c r="J66860" s="1" t="s">
        <v>13</v>
      </c>
    </row>
    <row r="66861" spans="1:10" x14ac:dyDescent="0.35">
      <c r="A66861" s="1" t="s">
        <v>222480</v>
      </c>
      <c r="B66861" s="1" t="s">
        <v>220803</v>
      </c>
      <c r="C66861" s="1" t="s">
        <v>15</v>
      </c>
      <c r="D66861" s="1" t="s">
        <v>17171</v>
      </c>
      <c r="E66861" s="1" t="s">
        <v>222485</v>
      </c>
      <c r="F66861" s="1" t="s">
        <v>222486</v>
      </c>
      <c r="G66861" s="1" t="s">
        <v>222483</v>
      </c>
      <c r="H66861" s="1" t="s">
        <v>222484</v>
      </c>
      <c r="I66861" s="1" t="s">
        <v>220808</v>
      </c>
      <c r="J66861" s="1" t="s">
        <v>222487</v>
      </c>
    </row>
    <row r="66862" spans="1:10" x14ac:dyDescent="0.35">
      <c r="A66862" s="1" t="s">
        <v>222480</v>
      </c>
      <c r="B66862" s="1" t="s">
        <v>220803</v>
      </c>
      <c r="C66862" s="1" t="s">
        <v>20</v>
      </c>
      <c r="D66862" s="1" t="s">
        <v>206201</v>
      </c>
      <c r="E66862" s="1" t="s">
        <v>222488</v>
      </c>
      <c r="F66862" s="1" t="s">
        <v>222489</v>
      </c>
      <c r="G66862" s="1" t="s">
        <v>222483</v>
      </c>
      <c r="H66862" s="1" t="s">
        <v>222484</v>
      </c>
      <c r="I66862" s="1" t="s">
        <v>220808</v>
      </c>
      <c r="J66862" s="1" t="s">
        <v>222490</v>
      </c>
    </row>
    <row r="66863" spans="1:10" x14ac:dyDescent="0.35">
      <c r="A66863" s="1" t="s">
        <v>222480</v>
      </c>
      <c r="B66863" s="1" t="s">
        <v>220803</v>
      </c>
      <c r="C66863" s="1" t="s">
        <v>25</v>
      </c>
      <c r="D66863" s="1" t="s">
        <v>201675</v>
      </c>
      <c r="E66863" s="1" t="s">
        <v>222491</v>
      </c>
      <c r="F66863" s="1" t="s">
        <v>222492</v>
      </c>
      <c r="G66863" s="1" t="s">
        <v>222483</v>
      </c>
      <c r="H66863" s="1" t="s">
        <v>222484</v>
      </c>
      <c r="I66863" s="1" t="s">
        <v>220808</v>
      </c>
      <c r="J66863" s="1" t="s">
        <v>222493</v>
      </c>
    </row>
    <row r="66864" spans="1:10" x14ac:dyDescent="0.35">
      <c r="A66864" s="1" t="s">
        <v>222480</v>
      </c>
      <c r="B66864" s="1" t="s">
        <v>220803</v>
      </c>
      <c r="C66864" s="1" t="s">
        <v>30</v>
      </c>
      <c r="D66864" s="1" t="s">
        <v>187601</v>
      </c>
      <c r="E66864" s="1" t="s">
        <v>222494</v>
      </c>
      <c r="F66864" s="1" t="s">
        <v>222495</v>
      </c>
      <c r="G66864" s="1" t="s">
        <v>222483</v>
      </c>
      <c r="H66864" s="1" t="s">
        <v>222484</v>
      </c>
      <c r="I66864" s="1" t="s">
        <v>220808</v>
      </c>
      <c r="J66864" s="1" t="s">
        <v>222496</v>
      </c>
    </row>
    <row r="66865" spans="1:10" x14ac:dyDescent="0.35">
      <c r="A66865" s="1" t="s">
        <v>222480</v>
      </c>
      <c r="B66865" s="1" t="s">
        <v>220803</v>
      </c>
      <c r="C66865" s="1" t="s">
        <v>35</v>
      </c>
      <c r="D66865" s="1" t="s">
        <v>74885</v>
      </c>
      <c r="E66865" s="1" t="s">
        <v>222497</v>
      </c>
      <c r="F66865" s="1" t="s">
        <v>222498</v>
      </c>
      <c r="G66865" s="1" t="s">
        <v>222483</v>
      </c>
      <c r="H66865" s="1" t="s">
        <v>222484</v>
      </c>
      <c r="I66865" s="1" t="s">
        <v>220808</v>
      </c>
      <c r="J66865" s="1" t="s">
        <v>222499</v>
      </c>
    </row>
    <row r="66866" spans="1:10" x14ac:dyDescent="0.35">
      <c r="A66866" s="1" t="s">
        <v>222480</v>
      </c>
      <c r="B66866" s="1" t="s">
        <v>220803</v>
      </c>
      <c r="C66866" s="1" t="s">
        <v>40</v>
      </c>
      <c r="D66866" s="1" t="s">
        <v>19596</v>
      </c>
      <c r="E66866" s="1" t="s">
        <v>222500</v>
      </c>
      <c r="F66866" s="1" t="s">
        <v>222501</v>
      </c>
      <c r="G66866" s="1" t="s">
        <v>222483</v>
      </c>
      <c r="H66866" s="1" t="s">
        <v>222484</v>
      </c>
      <c r="I66866" s="1" t="s">
        <v>220808</v>
      </c>
      <c r="J66866" s="1" t="s">
        <v>222502</v>
      </c>
    </row>
    <row r="66867" spans="1:10" x14ac:dyDescent="0.35">
      <c r="A66867" s="1" t="s">
        <v>222480</v>
      </c>
      <c r="B66867" s="1" t="s">
        <v>220803</v>
      </c>
      <c r="C66867" s="1" t="s">
        <v>45</v>
      </c>
      <c r="D66867" s="1" t="s">
        <v>49712</v>
      </c>
      <c r="E66867" s="1" t="s">
        <v>222503</v>
      </c>
      <c r="F66867" s="1" t="s">
        <v>222504</v>
      </c>
      <c r="G66867" s="1" t="s">
        <v>222483</v>
      </c>
      <c r="H66867" s="1" t="s">
        <v>222484</v>
      </c>
      <c r="I66867" s="1" t="s">
        <v>220808</v>
      </c>
      <c r="J66867" s="1" t="s">
        <v>222505</v>
      </c>
    </row>
    <row r="66868" spans="1:10" x14ac:dyDescent="0.35">
      <c r="A66868" s="1" t="s">
        <v>222480</v>
      </c>
      <c r="B66868" s="1" t="s">
        <v>220803</v>
      </c>
      <c r="C66868" s="1" t="s">
        <v>50</v>
      </c>
      <c r="D66868" s="1" t="s">
        <v>71713</v>
      </c>
      <c r="E66868" s="1" t="s">
        <v>222506</v>
      </c>
      <c r="F66868" s="1" t="s">
        <v>222507</v>
      </c>
      <c r="G66868" s="1" t="s">
        <v>222483</v>
      </c>
      <c r="H66868" s="1" t="s">
        <v>222484</v>
      </c>
      <c r="I66868" s="1" t="s">
        <v>220808</v>
      </c>
      <c r="J66868" s="1" t="s">
        <v>222508</v>
      </c>
    </row>
    <row r="66869" spans="1:10" x14ac:dyDescent="0.35">
      <c r="A66869" s="1" t="s">
        <v>222480</v>
      </c>
      <c r="B66869" s="1" t="s">
        <v>220803</v>
      </c>
      <c r="C66869" s="1" t="s">
        <v>55</v>
      </c>
      <c r="D66869" s="1" t="s">
        <v>74231</v>
      </c>
      <c r="E66869" s="1" t="s">
        <v>222509</v>
      </c>
      <c r="F66869" s="1" t="s">
        <v>222510</v>
      </c>
      <c r="G66869" s="1" t="s">
        <v>222483</v>
      </c>
      <c r="H66869" s="1" t="s">
        <v>222484</v>
      </c>
      <c r="I66869" s="1" t="s">
        <v>220808</v>
      </c>
      <c r="J66869" s="1" t="s">
        <v>222511</v>
      </c>
    </row>
    <row r="66870" spans="1:10" x14ac:dyDescent="0.35">
      <c r="A66870" s="1" t="s">
        <v>222480</v>
      </c>
      <c r="B66870" s="1" t="s">
        <v>220803</v>
      </c>
      <c r="C66870" s="1" t="s">
        <v>60</v>
      </c>
      <c r="D66870" s="1" t="s">
        <v>123985</v>
      </c>
      <c r="E66870" s="1" t="s">
        <v>222512</v>
      </c>
      <c r="F66870" s="1" t="s">
        <v>222513</v>
      </c>
      <c r="G66870" s="1" t="s">
        <v>222483</v>
      </c>
      <c r="H66870" s="1" t="s">
        <v>222484</v>
      </c>
      <c r="I66870" s="1" t="s">
        <v>220808</v>
      </c>
      <c r="J66870" s="1" t="s">
        <v>222514</v>
      </c>
    </row>
    <row r="66871" spans="1:10" x14ac:dyDescent="0.35">
      <c r="A66871" s="1" t="s">
        <v>222480</v>
      </c>
      <c r="B66871" s="1" t="s">
        <v>220803</v>
      </c>
      <c r="C66871" s="1" t="s">
        <v>65</v>
      </c>
      <c r="D66871" s="1" t="s">
        <v>222515</v>
      </c>
      <c r="E66871" s="1" t="s">
        <v>222516</v>
      </c>
      <c r="F66871" s="1" t="s">
        <v>222517</v>
      </c>
      <c r="G66871" s="1" t="s">
        <v>222483</v>
      </c>
      <c r="H66871" s="1" t="s">
        <v>222484</v>
      </c>
      <c r="I66871" s="1" t="s">
        <v>220808</v>
      </c>
      <c r="J66871" s="1" t="s">
        <v>222518</v>
      </c>
    </row>
    <row r="66872" spans="1:10" x14ac:dyDescent="0.35">
      <c r="A66872" s="1" t="s">
        <v>222480</v>
      </c>
      <c r="B66872" s="1" t="s">
        <v>220803</v>
      </c>
      <c r="C66872" s="1" t="s">
        <v>70</v>
      </c>
      <c r="D66872" s="1" t="s">
        <v>190244</v>
      </c>
      <c r="E66872" s="1" t="s">
        <v>222519</v>
      </c>
      <c r="F66872" s="1" t="s">
        <v>222520</v>
      </c>
      <c r="G66872" s="1" t="s">
        <v>222483</v>
      </c>
      <c r="H66872" s="1" t="s">
        <v>222484</v>
      </c>
      <c r="I66872" s="1" t="s">
        <v>220808</v>
      </c>
      <c r="J66872" s="1" t="s">
        <v>222521</v>
      </c>
    </row>
    <row r="66873" spans="1:10" x14ac:dyDescent="0.35">
      <c r="A66873" s="1" t="s">
        <v>222480</v>
      </c>
      <c r="B66873" s="1" t="s">
        <v>220803</v>
      </c>
      <c r="C66873" s="1" t="s">
        <v>75</v>
      </c>
      <c r="D66873" s="1" t="s">
        <v>33207</v>
      </c>
      <c r="E66873" s="1" t="s">
        <v>222522</v>
      </c>
      <c r="F66873" s="1" t="s">
        <v>222523</v>
      </c>
      <c r="G66873" s="1" t="s">
        <v>222483</v>
      </c>
      <c r="H66873" s="1" t="s">
        <v>222484</v>
      </c>
      <c r="I66873" s="1" t="s">
        <v>220808</v>
      </c>
      <c r="J66873" s="1" t="s">
        <v>222524</v>
      </c>
    </row>
    <row r="66874" spans="1:10" x14ac:dyDescent="0.35">
      <c r="A66874" s="1" t="s">
        <v>222480</v>
      </c>
      <c r="B66874" s="1" t="s">
        <v>220803</v>
      </c>
      <c r="C66874" s="1" t="s">
        <v>80</v>
      </c>
      <c r="D66874" s="1" t="s">
        <v>32152</v>
      </c>
      <c r="E66874" s="1" t="s">
        <v>222525</v>
      </c>
      <c r="F66874" s="1" t="s">
        <v>222526</v>
      </c>
      <c r="G66874" s="1" t="s">
        <v>222483</v>
      </c>
      <c r="H66874" s="1" t="s">
        <v>222484</v>
      </c>
      <c r="I66874" s="1" t="s">
        <v>220808</v>
      </c>
      <c r="J66874" s="1" t="s">
        <v>222527</v>
      </c>
    </row>
    <row r="66875" spans="1:10" x14ac:dyDescent="0.35">
      <c r="A66875" s="1" t="s">
        <v>222480</v>
      </c>
      <c r="B66875" s="1" t="s">
        <v>220803</v>
      </c>
      <c r="C66875" s="1" t="s">
        <v>85</v>
      </c>
      <c r="D66875" s="1" t="s">
        <v>214688</v>
      </c>
      <c r="E66875" s="1" t="s">
        <v>222528</v>
      </c>
      <c r="F66875" s="1" t="s">
        <v>222529</v>
      </c>
      <c r="G66875" s="1" t="s">
        <v>222483</v>
      </c>
      <c r="H66875" s="1" t="s">
        <v>222484</v>
      </c>
      <c r="I66875" s="1" t="s">
        <v>220808</v>
      </c>
      <c r="J66875" s="1" t="s">
        <v>222530</v>
      </c>
    </row>
    <row r="66876" spans="1:10" x14ac:dyDescent="0.35">
      <c r="A66876" s="1" t="s">
        <v>222480</v>
      </c>
      <c r="B66876" s="1" t="s">
        <v>220803</v>
      </c>
      <c r="C66876" s="1" t="s">
        <v>90</v>
      </c>
      <c r="D66876" s="1" t="s">
        <v>222531</v>
      </c>
      <c r="E66876" s="1" t="s">
        <v>222532</v>
      </c>
      <c r="F66876" s="1" t="s">
        <v>222533</v>
      </c>
      <c r="G66876" s="1" t="s">
        <v>222483</v>
      </c>
      <c r="H66876" s="1" t="s">
        <v>222484</v>
      </c>
      <c r="I66876" s="1" t="s">
        <v>220808</v>
      </c>
      <c r="J66876" s="1" t="s">
        <v>222534</v>
      </c>
    </row>
    <row r="66877" spans="1:10" x14ac:dyDescent="0.35">
      <c r="A66877" s="1" t="s">
        <v>222480</v>
      </c>
      <c r="B66877" s="1" t="s">
        <v>220803</v>
      </c>
      <c r="C66877" s="1" t="s">
        <v>95</v>
      </c>
      <c r="D66877" s="1" t="s">
        <v>142016</v>
      </c>
      <c r="E66877" s="1" t="s">
        <v>222535</v>
      </c>
      <c r="F66877" s="1" t="s">
        <v>222536</v>
      </c>
      <c r="G66877" s="1" t="s">
        <v>222483</v>
      </c>
      <c r="H66877" s="1" t="s">
        <v>222484</v>
      </c>
      <c r="I66877" s="1" t="s">
        <v>220808</v>
      </c>
      <c r="J66877" s="1" t="s">
        <v>222537</v>
      </c>
    </row>
    <row r="66878" spans="1:10" x14ac:dyDescent="0.35">
      <c r="A66878" s="1" t="s">
        <v>222480</v>
      </c>
      <c r="B66878" s="1" t="s">
        <v>220803</v>
      </c>
      <c r="C66878" s="1" t="s">
        <v>100</v>
      </c>
      <c r="D66878" s="1" t="s">
        <v>222538</v>
      </c>
      <c r="E66878" s="1" t="s">
        <v>222539</v>
      </c>
      <c r="F66878" s="1" t="s">
        <v>222540</v>
      </c>
      <c r="G66878" s="1" t="s">
        <v>222483</v>
      </c>
      <c r="H66878" s="1" t="s">
        <v>222484</v>
      </c>
      <c r="I66878" s="1" t="s">
        <v>220808</v>
      </c>
      <c r="J66878" s="1" t="s">
        <v>222541</v>
      </c>
    </row>
    <row r="66879" spans="1:10" x14ac:dyDescent="0.35">
      <c r="A66879" s="1" t="s">
        <v>222480</v>
      </c>
      <c r="B66879" s="1" t="s">
        <v>220803</v>
      </c>
      <c r="C66879" s="1" t="s">
        <v>105</v>
      </c>
      <c r="D66879" s="1" t="s">
        <v>222542</v>
      </c>
      <c r="E66879" s="1" t="s">
        <v>222543</v>
      </c>
      <c r="F66879" s="1" t="s">
        <v>222544</v>
      </c>
      <c r="G66879" s="1" t="s">
        <v>222483</v>
      </c>
      <c r="H66879" s="1" t="s">
        <v>222484</v>
      </c>
      <c r="I66879" s="1" t="s">
        <v>220808</v>
      </c>
      <c r="J66879" s="1" t="s">
        <v>222545</v>
      </c>
    </row>
    <row r="66880" spans="1:10" x14ac:dyDescent="0.35">
      <c r="A66880" s="1" t="s">
        <v>222480</v>
      </c>
      <c r="B66880" s="1" t="s">
        <v>220803</v>
      </c>
      <c r="C66880" s="1" t="s">
        <v>110</v>
      </c>
      <c r="D66880" s="1" t="s">
        <v>82957</v>
      </c>
      <c r="E66880" s="1" t="s">
        <v>222546</v>
      </c>
      <c r="F66880" s="1" t="s">
        <v>222547</v>
      </c>
      <c r="G66880" s="1" t="s">
        <v>222483</v>
      </c>
      <c r="H66880" s="1" t="s">
        <v>222484</v>
      </c>
      <c r="I66880" s="1" t="s">
        <v>220808</v>
      </c>
      <c r="J66880" s="1" t="s">
        <v>222548</v>
      </c>
    </row>
    <row r="66881" spans="1:10" x14ac:dyDescent="0.35">
      <c r="A66881" s="1" t="s">
        <v>222480</v>
      </c>
      <c r="B66881" s="1" t="s">
        <v>220803</v>
      </c>
      <c r="C66881" s="1" t="s">
        <v>115</v>
      </c>
      <c r="D66881" s="1" t="s">
        <v>114827</v>
      </c>
      <c r="E66881" s="1" t="s">
        <v>222549</v>
      </c>
      <c r="F66881" s="1" t="s">
        <v>222550</v>
      </c>
      <c r="G66881" s="1" t="s">
        <v>222483</v>
      </c>
      <c r="H66881" s="1" t="s">
        <v>222484</v>
      </c>
      <c r="I66881" s="1" t="s">
        <v>220808</v>
      </c>
      <c r="J66881" s="1" t="s">
        <v>222551</v>
      </c>
    </row>
    <row r="66882" spans="1:10" x14ac:dyDescent="0.35">
      <c r="A66882" s="1" t="s">
        <v>222480</v>
      </c>
      <c r="B66882" s="1" t="s">
        <v>220803</v>
      </c>
      <c r="C66882" s="1" t="s">
        <v>120</v>
      </c>
      <c r="D66882" s="1" t="s">
        <v>195095</v>
      </c>
      <c r="E66882" s="1" t="s">
        <v>222552</v>
      </c>
      <c r="F66882" s="1" t="s">
        <v>222553</v>
      </c>
      <c r="G66882" s="1" t="s">
        <v>222483</v>
      </c>
      <c r="H66882" s="1" t="s">
        <v>222484</v>
      </c>
      <c r="I66882" s="1" t="s">
        <v>220808</v>
      </c>
      <c r="J66882" s="1" t="s">
        <v>222554</v>
      </c>
    </row>
    <row r="66883" spans="1:10" x14ac:dyDescent="0.35">
      <c r="A66883" s="1" t="s">
        <v>222480</v>
      </c>
      <c r="B66883" s="1" t="s">
        <v>220803</v>
      </c>
      <c r="C66883" s="1" t="s">
        <v>125</v>
      </c>
      <c r="D66883" s="1" t="s">
        <v>222555</v>
      </c>
      <c r="E66883" s="1" t="s">
        <v>222556</v>
      </c>
      <c r="F66883" s="1" t="s">
        <v>222557</v>
      </c>
      <c r="G66883" s="1" t="s">
        <v>222483</v>
      </c>
      <c r="H66883" s="1" t="s">
        <v>222484</v>
      </c>
      <c r="I66883" s="1" t="s">
        <v>220808</v>
      </c>
      <c r="J66883" s="1" t="s">
        <v>222558</v>
      </c>
    </row>
    <row r="66884" spans="1:10" x14ac:dyDescent="0.35">
      <c r="A66884" s="1" t="s">
        <v>222480</v>
      </c>
      <c r="B66884" s="1" t="s">
        <v>220803</v>
      </c>
      <c r="C66884" s="1" t="s">
        <v>130</v>
      </c>
      <c r="D66884" s="1" t="s">
        <v>187080</v>
      </c>
      <c r="E66884" s="1" t="s">
        <v>222559</v>
      </c>
      <c r="F66884" s="1" t="s">
        <v>222560</v>
      </c>
      <c r="G66884" s="1" t="s">
        <v>222483</v>
      </c>
      <c r="H66884" s="1" t="s">
        <v>222484</v>
      </c>
      <c r="I66884" s="1" t="s">
        <v>220808</v>
      </c>
      <c r="J66884" s="1" t="s">
        <v>222561</v>
      </c>
    </row>
    <row r="66885" spans="1:10" x14ac:dyDescent="0.35">
      <c r="A66885" s="1" t="s">
        <v>222480</v>
      </c>
      <c r="B66885" s="1" t="s">
        <v>220803</v>
      </c>
      <c r="C66885" s="1" t="s">
        <v>135</v>
      </c>
      <c r="D66885" s="1" t="s">
        <v>222562</v>
      </c>
      <c r="E66885" s="1" t="s">
        <v>222563</v>
      </c>
      <c r="F66885" s="1" t="s">
        <v>222564</v>
      </c>
      <c r="G66885" s="1" t="s">
        <v>222483</v>
      </c>
      <c r="H66885" s="1" t="s">
        <v>222484</v>
      </c>
      <c r="I66885" s="1" t="s">
        <v>220808</v>
      </c>
      <c r="J66885" s="1" t="s">
        <v>222565</v>
      </c>
    </row>
    <row r="66886" spans="1:10" x14ac:dyDescent="0.35">
      <c r="A66886" s="1" t="s">
        <v>222480</v>
      </c>
      <c r="B66886" s="1" t="s">
        <v>220803</v>
      </c>
      <c r="C66886" s="1" t="s">
        <v>140</v>
      </c>
      <c r="D66886" s="1" t="s">
        <v>108255</v>
      </c>
      <c r="E66886" s="1" t="s">
        <v>222566</v>
      </c>
      <c r="F66886" s="1" t="s">
        <v>222567</v>
      </c>
      <c r="G66886" s="1" t="s">
        <v>222483</v>
      </c>
      <c r="H66886" s="1" t="s">
        <v>222484</v>
      </c>
      <c r="I66886" s="1" t="s">
        <v>220808</v>
      </c>
      <c r="J66886" s="1" t="s">
        <v>222568</v>
      </c>
    </row>
    <row r="66887" spans="1:10" x14ac:dyDescent="0.35">
      <c r="A66887" s="1" t="s">
        <v>222480</v>
      </c>
      <c r="B66887" s="1" t="s">
        <v>220803</v>
      </c>
      <c r="C66887" s="1" t="s">
        <v>145</v>
      </c>
      <c r="D66887" s="1" t="s">
        <v>19031</v>
      </c>
      <c r="E66887" s="1" t="s">
        <v>222569</v>
      </c>
      <c r="F66887" s="1" t="s">
        <v>222570</v>
      </c>
      <c r="G66887" s="1" t="s">
        <v>222483</v>
      </c>
      <c r="H66887" s="1" t="s">
        <v>222484</v>
      </c>
      <c r="I66887" s="1" t="s">
        <v>220808</v>
      </c>
      <c r="J66887" s="1" t="s">
        <v>222571</v>
      </c>
    </row>
    <row r="66888" spans="1:10" x14ac:dyDescent="0.35">
      <c r="A66888" s="1" t="s">
        <v>222480</v>
      </c>
      <c r="B66888" s="1" t="s">
        <v>220803</v>
      </c>
      <c r="C66888" s="1" t="s">
        <v>150</v>
      </c>
      <c r="D66888" s="1" t="s">
        <v>49666</v>
      </c>
      <c r="E66888" s="1" t="s">
        <v>222572</v>
      </c>
      <c r="F66888" s="1" t="s">
        <v>222573</v>
      </c>
      <c r="G66888" s="1" t="s">
        <v>222483</v>
      </c>
      <c r="H66888" s="1" t="s">
        <v>222484</v>
      </c>
      <c r="I66888" s="1" t="s">
        <v>220808</v>
      </c>
      <c r="J66888" s="1" t="s">
        <v>222574</v>
      </c>
    </row>
    <row r="66889" spans="1:10" x14ac:dyDescent="0.35">
      <c r="A66889" s="1" t="s">
        <v>222480</v>
      </c>
      <c r="B66889" s="1" t="s">
        <v>220803</v>
      </c>
      <c r="C66889" s="1" t="s">
        <v>155</v>
      </c>
      <c r="D66889" s="1" t="s">
        <v>105347</v>
      </c>
      <c r="E66889" s="1" t="s">
        <v>222575</v>
      </c>
      <c r="F66889" s="1" t="s">
        <v>222576</v>
      </c>
      <c r="G66889" s="1" t="s">
        <v>222483</v>
      </c>
      <c r="H66889" s="1" t="s">
        <v>222484</v>
      </c>
      <c r="I66889" s="1" t="s">
        <v>220808</v>
      </c>
      <c r="J66889" s="1" t="s">
        <v>222577</v>
      </c>
    </row>
    <row r="66890" spans="1:10" x14ac:dyDescent="0.35">
      <c r="A66890" s="1" t="s">
        <v>222480</v>
      </c>
      <c r="B66890" s="1" t="s">
        <v>220803</v>
      </c>
      <c r="C66890" s="1" t="s">
        <v>160</v>
      </c>
      <c r="D66890" s="1" t="s">
        <v>186988</v>
      </c>
      <c r="E66890" s="1" t="s">
        <v>222578</v>
      </c>
      <c r="F66890" s="1" t="s">
        <v>222579</v>
      </c>
      <c r="G66890" s="1" t="s">
        <v>222483</v>
      </c>
      <c r="H66890" s="1" t="s">
        <v>222484</v>
      </c>
      <c r="I66890" s="1" t="s">
        <v>220808</v>
      </c>
      <c r="J66890" s="1" t="s">
        <v>222580</v>
      </c>
    </row>
    <row r="66891" spans="1:10" x14ac:dyDescent="0.35">
      <c r="A66891" s="1" t="s">
        <v>222480</v>
      </c>
      <c r="B66891" s="1" t="s">
        <v>220803</v>
      </c>
      <c r="C66891" s="1" t="s">
        <v>165</v>
      </c>
      <c r="D66891" s="1" t="s">
        <v>113473</v>
      </c>
      <c r="E66891" s="1" t="s">
        <v>222581</v>
      </c>
      <c r="F66891" s="1" t="s">
        <v>222582</v>
      </c>
      <c r="G66891" s="1" t="s">
        <v>222483</v>
      </c>
      <c r="H66891" s="1" t="s">
        <v>222484</v>
      </c>
      <c r="I66891" s="1" t="s">
        <v>220808</v>
      </c>
      <c r="J66891" s="1" t="s">
        <v>222583</v>
      </c>
    </row>
    <row r="66892" spans="1:10" x14ac:dyDescent="0.35">
      <c r="A66892" s="1" t="s">
        <v>222480</v>
      </c>
      <c r="B66892" s="1" t="s">
        <v>220803</v>
      </c>
      <c r="C66892" s="1" t="s">
        <v>170</v>
      </c>
      <c r="D66892" s="1" t="s">
        <v>222584</v>
      </c>
      <c r="E66892" s="1" t="s">
        <v>222585</v>
      </c>
      <c r="F66892" s="1" t="s">
        <v>222586</v>
      </c>
      <c r="G66892" s="1" t="s">
        <v>222483</v>
      </c>
      <c r="H66892" s="1" t="s">
        <v>222484</v>
      </c>
      <c r="I66892" s="1" t="s">
        <v>220808</v>
      </c>
      <c r="J66892" s="1" t="s">
        <v>222587</v>
      </c>
    </row>
    <row r="66893" spans="1:10" x14ac:dyDescent="0.35">
      <c r="A66893" s="1" t="s">
        <v>157487</v>
      </c>
      <c r="B66893" s="1" t="s">
        <v>220803</v>
      </c>
      <c r="C66893" s="1" t="s">
        <v>8</v>
      </c>
      <c r="D66893" s="1" t="s">
        <v>219377</v>
      </c>
      <c r="E66893" s="1" t="s">
        <v>222588</v>
      </c>
      <c r="F66893" s="1" t="s">
        <v>222589</v>
      </c>
      <c r="G66893" s="1" t="s">
        <v>222590</v>
      </c>
      <c r="H66893" s="1" t="s">
        <v>222591</v>
      </c>
      <c r="I66893" s="1" t="s">
        <v>220808</v>
      </c>
      <c r="J66893" s="1" t="s">
        <v>13</v>
      </c>
    </row>
    <row r="66894" spans="1:10" x14ac:dyDescent="0.35">
      <c r="A66894" s="1" t="s">
        <v>157487</v>
      </c>
      <c r="B66894" s="1" t="s">
        <v>220803</v>
      </c>
      <c r="C66894" s="1" t="s">
        <v>15</v>
      </c>
      <c r="D66894" s="1" t="s">
        <v>222592</v>
      </c>
      <c r="E66894" s="1" t="s">
        <v>222593</v>
      </c>
      <c r="F66894" s="1" t="s">
        <v>222594</v>
      </c>
      <c r="G66894" s="1" t="s">
        <v>222590</v>
      </c>
      <c r="H66894" s="1" t="s">
        <v>222591</v>
      </c>
      <c r="I66894" s="1" t="s">
        <v>220808</v>
      </c>
      <c r="J66894" s="1" t="s">
        <v>222595</v>
      </c>
    </row>
    <row r="66895" spans="1:10" x14ac:dyDescent="0.35">
      <c r="A66895" s="1" t="s">
        <v>157487</v>
      </c>
      <c r="B66895" s="1" t="s">
        <v>220803</v>
      </c>
      <c r="C66895" s="1" t="s">
        <v>20</v>
      </c>
      <c r="D66895" s="1" t="s">
        <v>183100</v>
      </c>
      <c r="E66895" s="1" t="s">
        <v>222596</v>
      </c>
      <c r="F66895" s="1" t="s">
        <v>222597</v>
      </c>
      <c r="G66895" s="1" t="s">
        <v>222590</v>
      </c>
      <c r="H66895" s="1" t="s">
        <v>222591</v>
      </c>
      <c r="I66895" s="1" t="s">
        <v>220808</v>
      </c>
      <c r="J66895" s="1" t="s">
        <v>222598</v>
      </c>
    </row>
    <row r="66896" spans="1:10" x14ac:dyDescent="0.35">
      <c r="A66896" s="1" t="s">
        <v>157487</v>
      </c>
      <c r="B66896" s="1" t="s">
        <v>220803</v>
      </c>
      <c r="C66896" s="1" t="s">
        <v>25</v>
      </c>
      <c r="D66896" s="1" t="s">
        <v>30213</v>
      </c>
      <c r="E66896" s="1" t="s">
        <v>222599</v>
      </c>
      <c r="F66896" s="1" t="s">
        <v>222600</v>
      </c>
      <c r="G66896" s="1" t="s">
        <v>222590</v>
      </c>
      <c r="H66896" s="1" t="s">
        <v>222591</v>
      </c>
      <c r="I66896" s="1" t="s">
        <v>220808</v>
      </c>
      <c r="J66896" s="1" t="s">
        <v>222601</v>
      </c>
    </row>
    <row r="66897" spans="1:10" x14ac:dyDescent="0.35">
      <c r="A66897" s="1" t="s">
        <v>157487</v>
      </c>
      <c r="B66897" s="1" t="s">
        <v>220803</v>
      </c>
      <c r="C66897" s="1" t="s">
        <v>30</v>
      </c>
      <c r="D66897" s="1" t="s">
        <v>202376</v>
      </c>
      <c r="E66897" s="1" t="s">
        <v>222602</v>
      </c>
      <c r="F66897" s="1" t="s">
        <v>222603</v>
      </c>
      <c r="G66897" s="1" t="s">
        <v>222590</v>
      </c>
      <c r="H66897" s="1" t="s">
        <v>222591</v>
      </c>
      <c r="I66897" s="1" t="s">
        <v>220808</v>
      </c>
      <c r="J66897" s="1" t="s">
        <v>222604</v>
      </c>
    </row>
    <row r="66898" spans="1:10" x14ac:dyDescent="0.35">
      <c r="A66898" s="1" t="s">
        <v>157487</v>
      </c>
      <c r="B66898" s="1" t="s">
        <v>220803</v>
      </c>
      <c r="C66898" s="1" t="s">
        <v>35</v>
      </c>
      <c r="D66898" s="1" t="s">
        <v>5389</v>
      </c>
      <c r="E66898" s="1" t="s">
        <v>222605</v>
      </c>
      <c r="F66898" s="1" t="s">
        <v>222606</v>
      </c>
      <c r="G66898" s="1" t="s">
        <v>222590</v>
      </c>
      <c r="H66898" s="1" t="s">
        <v>222591</v>
      </c>
      <c r="I66898" s="1" t="s">
        <v>220808</v>
      </c>
      <c r="J66898" s="1" t="s">
        <v>222607</v>
      </c>
    </row>
    <row r="66899" spans="1:10" x14ac:dyDescent="0.35">
      <c r="A66899" s="1" t="s">
        <v>157487</v>
      </c>
      <c r="B66899" s="1" t="s">
        <v>220803</v>
      </c>
      <c r="C66899" s="1" t="s">
        <v>40</v>
      </c>
      <c r="D66899" s="1" t="s">
        <v>16436</v>
      </c>
      <c r="E66899" s="1" t="s">
        <v>222608</v>
      </c>
      <c r="F66899" s="1" t="s">
        <v>222609</v>
      </c>
      <c r="G66899" s="1" t="s">
        <v>222590</v>
      </c>
      <c r="H66899" s="1" t="s">
        <v>222591</v>
      </c>
      <c r="I66899" s="1" t="s">
        <v>220808</v>
      </c>
      <c r="J66899" s="1" t="s">
        <v>222610</v>
      </c>
    </row>
    <row r="66900" spans="1:10" x14ac:dyDescent="0.35">
      <c r="A66900" s="1" t="s">
        <v>157487</v>
      </c>
      <c r="B66900" s="1" t="s">
        <v>220803</v>
      </c>
      <c r="C66900" s="1" t="s">
        <v>45</v>
      </c>
      <c r="D66900" s="1" t="s">
        <v>32846</v>
      </c>
      <c r="E66900" s="1" t="s">
        <v>222611</v>
      </c>
      <c r="F66900" s="1" t="s">
        <v>222612</v>
      </c>
      <c r="G66900" s="1" t="s">
        <v>222590</v>
      </c>
      <c r="H66900" s="1" t="s">
        <v>222591</v>
      </c>
      <c r="I66900" s="1" t="s">
        <v>220808</v>
      </c>
      <c r="J66900" s="1" t="s">
        <v>222613</v>
      </c>
    </row>
    <row r="66901" spans="1:10" x14ac:dyDescent="0.35">
      <c r="A66901" s="1" t="s">
        <v>157487</v>
      </c>
      <c r="B66901" s="1" t="s">
        <v>220803</v>
      </c>
      <c r="C66901" s="1" t="s">
        <v>50</v>
      </c>
      <c r="D66901" s="1" t="s">
        <v>48849</v>
      </c>
      <c r="E66901" s="1" t="s">
        <v>222614</v>
      </c>
      <c r="F66901" s="1" t="s">
        <v>222615</v>
      </c>
      <c r="G66901" s="1" t="s">
        <v>222590</v>
      </c>
      <c r="H66901" s="1" t="s">
        <v>222591</v>
      </c>
      <c r="I66901" s="1" t="s">
        <v>220808</v>
      </c>
      <c r="J66901" s="1" t="s">
        <v>222616</v>
      </c>
    </row>
    <row r="66902" spans="1:10" x14ac:dyDescent="0.35">
      <c r="A66902" s="1" t="s">
        <v>157487</v>
      </c>
      <c r="B66902" s="1" t="s">
        <v>220803</v>
      </c>
      <c r="C66902" s="1" t="s">
        <v>55</v>
      </c>
      <c r="D66902" s="1" t="s">
        <v>194839</v>
      </c>
      <c r="E66902" s="1" t="s">
        <v>222617</v>
      </c>
      <c r="F66902" s="1" t="s">
        <v>222618</v>
      </c>
      <c r="G66902" s="1" t="s">
        <v>222590</v>
      </c>
      <c r="H66902" s="1" t="s">
        <v>222591</v>
      </c>
      <c r="I66902" s="1" t="s">
        <v>220808</v>
      </c>
      <c r="J66902" s="1" t="s">
        <v>222619</v>
      </c>
    </row>
    <row r="66903" spans="1:10" x14ac:dyDescent="0.35">
      <c r="A66903" s="1" t="s">
        <v>157487</v>
      </c>
      <c r="B66903" s="1" t="s">
        <v>220803</v>
      </c>
      <c r="C66903" s="1" t="s">
        <v>60</v>
      </c>
      <c r="D66903" s="1" t="s">
        <v>222620</v>
      </c>
      <c r="E66903" s="1" t="s">
        <v>222621</v>
      </c>
      <c r="F66903" s="1" t="s">
        <v>222622</v>
      </c>
      <c r="G66903" s="1" t="s">
        <v>222590</v>
      </c>
      <c r="H66903" s="1" t="s">
        <v>222591</v>
      </c>
      <c r="I66903" s="1" t="s">
        <v>220808</v>
      </c>
      <c r="J66903" s="1" t="s">
        <v>222623</v>
      </c>
    </row>
    <row r="66904" spans="1:10" x14ac:dyDescent="0.35">
      <c r="A66904" s="1" t="s">
        <v>157487</v>
      </c>
      <c r="B66904" s="1" t="s">
        <v>220803</v>
      </c>
      <c r="C66904" s="1" t="s">
        <v>65</v>
      </c>
      <c r="D66904" s="1" t="s">
        <v>2421</v>
      </c>
      <c r="E66904" s="1" t="s">
        <v>222624</v>
      </c>
      <c r="F66904" s="1" t="s">
        <v>222625</v>
      </c>
      <c r="G66904" s="1" t="s">
        <v>222590</v>
      </c>
      <c r="H66904" s="1" t="s">
        <v>222591</v>
      </c>
      <c r="I66904" s="1" t="s">
        <v>220808</v>
      </c>
      <c r="J66904" s="1" t="s">
        <v>222626</v>
      </c>
    </row>
    <row r="66905" spans="1:10" x14ac:dyDescent="0.35">
      <c r="A66905" s="1" t="s">
        <v>157487</v>
      </c>
      <c r="B66905" s="1" t="s">
        <v>220803</v>
      </c>
      <c r="C66905" s="1" t="s">
        <v>70</v>
      </c>
      <c r="D66905" s="1" t="s">
        <v>35358</v>
      </c>
      <c r="E66905" s="1" t="s">
        <v>222627</v>
      </c>
      <c r="F66905" s="1" t="s">
        <v>222628</v>
      </c>
      <c r="G66905" s="1" t="s">
        <v>222590</v>
      </c>
      <c r="H66905" s="1" t="s">
        <v>222591</v>
      </c>
      <c r="I66905" s="1" t="s">
        <v>220808</v>
      </c>
      <c r="J66905" s="1" t="s">
        <v>222629</v>
      </c>
    </row>
    <row r="66906" spans="1:10" x14ac:dyDescent="0.35">
      <c r="A66906" s="1" t="s">
        <v>157487</v>
      </c>
      <c r="B66906" s="1" t="s">
        <v>220803</v>
      </c>
      <c r="C66906" s="1" t="s">
        <v>75</v>
      </c>
      <c r="D66906" s="1" t="s">
        <v>47736</v>
      </c>
      <c r="E66906" s="1" t="s">
        <v>222630</v>
      </c>
      <c r="F66906" s="1" t="s">
        <v>222631</v>
      </c>
      <c r="G66906" s="1" t="s">
        <v>222590</v>
      </c>
      <c r="H66906" s="1" t="s">
        <v>222591</v>
      </c>
      <c r="I66906" s="1" t="s">
        <v>220808</v>
      </c>
      <c r="J66906" s="1" t="s">
        <v>222632</v>
      </c>
    </row>
    <row r="66907" spans="1:10" x14ac:dyDescent="0.35">
      <c r="A66907" s="1" t="s">
        <v>157487</v>
      </c>
      <c r="B66907" s="1" t="s">
        <v>220803</v>
      </c>
      <c r="C66907" s="1" t="s">
        <v>80</v>
      </c>
      <c r="D66907" s="1" t="s">
        <v>150485</v>
      </c>
      <c r="E66907" s="1" t="s">
        <v>222633</v>
      </c>
      <c r="F66907" s="1" t="s">
        <v>222634</v>
      </c>
      <c r="G66907" s="1" t="s">
        <v>222590</v>
      </c>
      <c r="H66907" s="1" t="s">
        <v>222591</v>
      </c>
      <c r="I66907" s="1" t="s">
        <v>220808</v>
      </c>
      <c r="J66907" s="1" t="s">
        <v>222635</v>
      </c>
    </row>
    <row r="66908" spans="1:10" x14ac:dyDescent="0.35">
      <c r="A66908" s="1" t="s">
        <v>157487</v>
      </c>
      <c r="B66908" s="1" t="s">
        <v>220803</v>
      </c>
      <c r="C66908" s="1" t="s">
        <v>85</v>
      </c>
      <c r="D66908" s="1" t="s">
        <v>34098</v>
      </c>
      <c r="E66908" s="1" t="s">
        <v>222636</v>
      </c>
      <c r="F66908" s="1" t="s">
        <v>222637</v>
      </c>
      <c r="G66908" s="1" t="s">
        <v>222590</v>
      </c>
      <c r="H66908" s="1" t="s">
        <v>222591</v>
      </c>
      <c r="I66908" s="1" t="s">
        <v>220808</v>
      </c>
      <c r="J66908" s="1" t="s">
        <v>222638</v>
      </c>
    </row>
    <row r="66909" spans="1:10" x14ac:dyDescent="0.35">
      <c r="A66909" s="1" t="s">
        <v>157487</v>
      </c>
      <c r="B66909" s="1" t="s">
        <v>220803</v>
      </c>
      <c r="C66909" s="1" t="s">
        <v>90</v>
      </c>
      <c r="D66909" s="1" t="s">
        <v>210275</v>
      </c>
      <c r="E66909" s="1" t="s">
        <v>222639</v>
      </c>
      <c r="F66909" s="1" t="s">
        <v>222640</v>
      </c>
      <c r="G66909" s="1" t="s">
        <v>222590</v>
      </c>
      <c r="H66909" s="1" t="s">
        <v>222591</v>
      </c>
      <c r="I66909" s="1" t="s">
        <v>220808</v>
      </c>
      <c r="J66909" s="1" t="s">
        <v>222641</v>
      </c>
    </row>
    <row r="66910" spans="1:10" x14ac:dyDescent="0.35">
      <c r="A66910" s="1" t="s">
        <v>157487</v>
      </c>
      <c r="B66910" s="1" t="s">
        <v>220803</v>
      </c>
      <c r="C66910" s="1" t="s">
        <v>95</v>
      </c>
      <c r="D66910" s="1" t="s">
        <v>43928</v>
      </c>
      <c r="E66910" s="1" t="s">
        <v>222642</v>
      </c>
      <c r="F66910" s="1" t="s">
        <v>222643</v>
      </c>
      <c r="G66910" s="1" t="s">
        <v>222590</v>
      </c>
      <c r="H66910" s="1" t="s">
        <v>222591</v>
      </c>
      <c r="I66910" s="1" t="s">
        <v>220808</v>
      </c>
      <c r="J66910" s="1" t="s">
        <v>222644</v>
      </c>
    </row>
    <row r="66911" spans="1:10" x14ac:dyDescent="0.35">
      <c r="A66911" s="1" t="s">
        <v>157487</v>
      </c>
      <c r="B66911" s="1" t="s">
        <v>220803</v>
      </c>
      <c r="C66911" s="1" t="s">
        <v>100</v>
      </c>
      <c r="D66911" s="1" t="s">
        <v>24851</v>
      </c>
      <c r="E66911" s="1" t="s">
        <v>222645</v>
      </c>
      <c r="F66911" s="1" t="s">
        <v>222646</v>
      </c>
      <c r="G66911" s="1" t="s">
        <v>222590</v>
      </c>
      <c r="H66911" s="1" t="s">
        <v>222591</v>
      </c>
      <c r="I66911" s="1" t="s">
        <v>220808</v>
      </c>
      <c r="J66911" s="1" t="s">
        <v>222647</v>
      </c>
    </row>
    <row r="66912" spans="1:10" x14ac:dyDescent="0.35">
      <c r="A66912" s="1" t="s">
        <v>157487</v>
      </c>
      <c r="B66912" s="1" t="s">
        <v>220803</v>
      </c>
      <c r="C66912" s="1" t="s">
        <v>105</v>
      </c>
      <c r="D66912" s="1" t="s">
        <v>33241</v>
      </c>
      <c r="E66912" s="1" t="s">
        <v>222648</v>
      </c>
      <c r="F66912" s="1" t="s">
        <v>222649</v>
      </c>
      <c r="G66912" s="1" t="s">
        <v>222590</v>
      </c>
      <c r="H66912" s="1" t="s">
        <v>222591</v>
      </c>
      <c r="I66912" s="1" t="s">
        <v>220808</v>
      </c>
      <c r="J66912" s="1" t="s">
        <v>222650</v>
      </c>
    </row>
    <row r="66913" spans="1:10" x14ac:dyDescent="0.35">
      <c r="A66913" s="1" t="s">
        <v>157487</v>
      </c>
      <c r="B66913" s="1" t="s">
        <v>220803</v>
      </c>
      <c r="C66913" s="1" t="s">
        <v>110</v>
      </c>
      <c r="D66913" s="1" t="s">
        <v>209856</v>
      </c>
      <c r="E66913" s="1" t="s">
        <v>222651</v>
      </c>
      <c r="F66913" s="1" t="s">
        <v>222652</v>
      </c>
      <c r="G66913" s="1" t="s">
        <v>222590</v>
      </c>
      <c r="H66913" s="1" t="s">
        <v>222591</v>
      </c>
      <c r="I66913" s="1" t="s">
        <v>220808</v>
      </c>
      <c r="J66913" s="1" t="s">
        <v>222653</v>
      </c>
    </row>
    <row r="66914" spans="1:10" x14ac:dyDescent="0.35">
      <c r="A66914" s="1" t="s">
        <v>157487</v>
      </c>
      <c r="B66914" s="1" t="s">
        <v>220803</v>
      </c>
      <c r="C66914" s="1" t="s">
        <v>115</v>
      </c>
      <c r="D66914" s="1" t="s">
        <v>196263</v>
      </c>
      <c r="E66914" s="1" t="s">
        <v>222654</v>
      </c>
      <c r="F66914" s="1" t="s">
        <v>222655</v>
      </c>
      <c r="G66914" s="1" t="s">
        <v>222590</v>
      </c>
      <c r="H66914" s="1" t="s">
        <v>222591</v>
      </c>
      <c r="I66914" s="1" t="s">
        <v>220808</v>
      </c>
      <c r="J66914" s="1" t="s">
        <v>222656</v>
      </c>
    </row>
    <row r="66915" spans="1:10" x14ac:dyDescent="0.35">
      <c r="A66915" s="1" t="s">
        <v>157487</v>
      </c>
      <c r="B66915" s="1" t="s">
        <v>220803</v>
      </c>
      <c r="C66915" s="1" t="s">
        <v>120</v>
      </c>
      <c r="D66915" s="1" t="s">
        <v>210945</v>
      </c>
      <c r="E66915" s="1" t="s">
        <v>222657</v>
      </c>
      <c r="F66915" s="1" t="s">
        <v>222658</v>
      </c>
      <c r="G66915" s="1" t="s">
        <v>222590</v>
      </c>
      <c r="H66915" s="1" t="s">
        <v>222591</v>
      </c>
      <c r="I66915" s="1" t="s">
        <v>220808</v>
      </c>
      <c r="J66915" s="1" t="s">
        <v>222659</v>
      </c>
    </row>
    <row r="66916" spans="1:10" x14ac:dyDescent="0.35">
      <c r="A66916" s="1" t="s">
        <v>157487</v>
      </c>
      <c r="B66916" s="1" t="s">
        <v>220803</v>
      </c>
      <c r="C66916" s="1" t="s">
        <v>125</v>
      </c>
      <c r="D66916" s="1" t="s">
        <v>222660</v>
      </c>
      <c r="E66916" s="1" t="s">
        <v>222661</v>
      </c>
      <c r="F66916" s="1" t="s">
        <v>222662</v>
      </c>
      <c r="G66916" s="1" t="s">
        <v>222590</v>
      </c>
      <c r="H66916" s="1" t="s">
        <v>222591</v>
      </c>
      <c r="I66916" s="1" t="s">
        <v>220808</v>
      </c>
      <c r="J66916" s="1" t="s">
        <v>222663</v>
      </c>
    </row>
    <row r="66917" spans="1:10" x14ac:dyDescent="0.35">
      <c r="A66917" s="1" t="s">
        <v>157487</v>
      </c>
      <c r="B66917" s="1" t="s">
        <v>220803</v>
      </c>
      <c r="C66917" s="1" t="s">
        <v>130</v>
      </c>
      <c r="D66917" s="1" t="s">
        <v>222664</v>
      </c>
      <c r="E66917" s="1" t="s">
        <v>222665</v>
      </c>
      <c r="F66917" s="1" t="s">
        <v>222666</v>
      </c>
      <c r="G66917" s="1" t="s">
        <v>222590</v>
      </c>
      <c r="H66917" s="1" t="s">
        <v>222591</v>
      </c>
      <c r="I66917" s="1" t="s">
        <v>220808</v>
      </c>
      <c r="J66917" s="1" t="s">
        <v>222667</v>
      </c>
    </row>
    <row r="66918" spans="1:10" x14ac:dyDescent="0.35">
      <c r="A66918" s="1" t="s">
        <v>157487</v>
      </c>
      <c r="B66918" s="1" t="s">
        <v>220803</v>
      </c>
      <c r="C66918" s="1" t="s">
        <v>135</v>
      </c>
      <c r="D66918" s="1" t="s">
        <v>18315</v>
      </c>
      <c r="E66918" s="1" t="s">
        <v>222668</v>
      </c>
      <c r="F66918" s="1" t="s">
        <v>222669</v>
      </c>
      <c r="G66918" s="1" t="s">
        <v>222590</v>
      </c>
      <c r="H66918" s="1" t="s">
        <v>222591</v>
      </c>
      <c r="I66918" s="1" t="s">
        <v>220808</v>
      </c>
      <c r="J66918" s="1" t="s">
        <v>222670</v>
      </c>
    </row>
    <row r="66919" spans="1:10" x14ac:dyDescent="0.35">
      <c r="A66919" s="1" t="s">
        <v>157487</v>
      </c>
      <c r="B66919" s="1" t="s">
        <v>220803</v>
      </c>
      <c r="C66919" s="1" t="s">
        <v>140</v>
      </c>
      <c r="D66919" s="1" t="s">
        <v>147953</v>
      </c>
      <c r="E66919" s="1" t="s">
        <v>222671</v>
      </c>
      <c r="F66919" s="1" t="s">
        <v>204510</v>
      </c>
      <c r="G66919" s="1" t="s">
        <v>222590</v>
      </c>
      <c r="H66919" s="1" t="s">
        <v>222591</v>
      </c>
      <c r="I66919" s="1" t="s">
        <v>220808</v>
      </c>
      <c r="J66919" s="1" t="s">
        <v>222672</v>
      </c>
    </row>
    <row r="66920" spans="1:10" x14ac:dyDescent="0.35">
      <c r="A66920" s="1" t="s">
        <v>157487</v>
      </c>
      <c r="B66920" s="1" t="s">
        <v>220803</v>
      </c>
      <c r="C66920" s="1" t="s">
        <v>145</v>
      </c>
      <c r="D66920" s="1" t="s">
        <v>208137</v>
      </c>
      <c r="E66920" s="1" t="s">
        <v>222673</v>
      </c>
      <c r="F66920" s="1" t="s">
        <v>222674</v>
      </c>
      <c r="G66920" s="1" t="s">
        <v>222590</v>
      </c>
      <c r="H66920" s="1" t="s">
        <v>222591</v>
      </c>
      <c r="I66920" s="1" t="s">
        <v>220808</v>
      </c>
      <c r="J66920" s="1" t="s">
        <v>222675</v>
      </c>
    </row>
    <row r="66921" spans="1:10" x14ac:dyDescent="0.35">
      <c r="A66921" s="1" t="s">
        <v>157487</v>
      </c>
      <c r="B66921" s="1" t="s">
        <v>220803</v>
      </c>
      <c r="C66921" s="1" t="s">
        <v>150</v>
      </c>
      <c r="D66921" s="1" t="s">
        <v>222676</v>
      </c>
      <c r="E66921" s="1" t="s">
        <v>222677</v>
      </c>
      <c r="F66921" s="1" t="s">
        <v>222678</v>
      </c>
      <c r="G66921" s="1" t="s">
        <v>222590</v>
      </c>
      <c r="H66921" s="1" t="s">
        <v>222591</v>
      </c>
      <c r="I66921" s="1" t="s">
        <v>220808</v>
      </c>
      <c r="J66921" s="1" t="s">
        <v>222679</v>
      </c>
    </row>
    <row r="66922" spans="1:10" x14ac:dyDescent="0.35">
      <c r="A66922" s="1" t="s">
        <v>157487</v>
      </c>
      <c r="B66922" s="1" t="s">
        <v>220803</v>
      </c>
      <c r="C66922" s="1" t="s">
        <v>155</v>
      </c>
      <c r="D66922" s="1" t="s">
        <v>38662</v>
      </c>
      <c r="E66922" s="1" t="s">
        <v>222680</v>
      </c>
      <c r="F66922" s="1" t="s">
        <v>222681</v>
      </c>
      <c r="G66922" s="1" t="s">
        <v>222590</v>
      </c>
      <c r="H66922" s="1" t="s">
        <v>222591</v>
      </c>
      <c r="I66922" s="1" t="s">
        <v>220808</v>
      </c>
      <c r="J66922" s="1" t="s">
        <v>222682</v>
      </c>
    </row>
    <row r="66923" spans="1:10" x14ac:dyDescent="0.35">
      <c r="A66923" s="1" t="s">
        <v>157487</v>
      </c>
      <c r="B66923" s="1" t="s">
        <v>220803</v>
      </c>
      <c r="C66923" s="1" t="s">
        <v>160</v>
      </c>
      <c r="D66923" s="1" t="s">
        <v>222683</v>
      </c>
      <c r="E66923" s="1" t="s">
        <v>222684</v>
      </c>
      <c r="F66923" s="1" t="s">
        <v>222685</v>
      </c>
      <c r="G66923" s="1" t="s">
        <v>222590</v>
      </c>
      <c r="H66923" s="1" t="s">
        <v>222591</v>
      </c>
      <c r="I66923" s="1" t="s">
        <v>220808</v>
      </c>
      <c r="J66923" s="1" t="s">
        <v>222686</v>
      </c>
    </row>
    <row r="66924" spans="1:10" x14ac:dyDescent="0.35">
      <c r="A66924" s="1" t="s">
        <v>157487</v>
      </c>
      <c r="B66924" s="1" t="s">
        <v>220803</v>
      </c>
      <c r="C66924" s="1" t="s">
        <v>165</v>
      </c>
      <c r="D66924" s="1" t="s">
        <v>33864</v>
      </c>
      <c r="E66924" s="1" t="s">
        <v>222687</v>
      </c>
      <c r="F66924" s="1" t="s">
        <v>222688</v>
      </c>
      <c r="G66924" s="1" t="s">
        <v>222590</v>
      </c>
      <c r="H66924" s="1" t="s">
        <v>222591</v>
      </c>
      <c r="I66924" s="1" t="s">
        <v>220808</v>
      </c>
      <c r="J66924" s="1" t="s">
        <v>222689</v>
      </c>
    </row>
    <row r="66925" spans="1:10" x14ac:dyDescent="0.35">
      <c r="A66925" s="1" t="s">
        <v>157487</v>
      </c>
      <c r="B66925" s="1" t="s">
        <v>220803</v>
      </c>
      <c r="C66925" s="1" t="s">
        <v>170</v>
      </c>
      <c r="D66925" s="1" t="s">
        <v>113261</v>
      </c>
      <c r="E66925" s="1" t="s">
        <v>222690</v>
      </c>
      <c r="F66925" s="1" t="s">
        <v>222691</v>
      </c>
      <c r="G66925" s="1" t="s">
        <v>222590</v>
      </c>
      <c r="H66925" s="1" t="s">
        <v>222591</v>
      </c>
      <c r="I66925" s="1" t="s">
        <v>220808</v>
      </c>
      <c r="J66925" s="1" t="s">
        <v>222692</v>
      </c>
    </row>
    <row r="66926" spans="1:10" x14ac:dyDescent="0.35">
      <c r="A66926" s="1" t="s">
        <v>1568</v>
      </c>
      <c r="B66926" s="1" t="s">
        <v>222693</v>
      </c>
      <c r="C66926" s="1" t="s">
        <v>8</v>
      </c>
      <c r="D66926" s="1" t="s">
        <v>56256</v>
      </c>
      <c r="E66926" s="1" t="s">
        <v>222694</v>
      </c>
      <c r="F66926" s="1" t="s">
        <v>222695</v>
      </c>
      <c r="G66926" s="1" t="s">
        <v>222696</v>
      </c>
      <c r="H66926" s="1" t="s">
        <v>222697</v>
      </c>
      <c r="I66926" s="1" t="s">
        <v>222698</v>
      </c>
      <c r="J66926" s="1" t="s">
        <v>13</v>
      </c>
    </row>
    <row r="66927" spans="1:10" x14ac:dyDescent="0.35">
      <c r="A66927" s="1" t="s">
        <v>1568</v>
      </c>
      <c r="B66927" s="1" t="s">
        <v>222693</v>
      </c>
      <c r="C66927" s="1" t="s">
        <v>15</v>
      </c>
      <c r="D66927" s="1" t="s">
        <v>86248</v>
      </c>
      <c r="E66927" s="1" t="s">
        <v>222699</v>
      </c>
      <c r="F66927" s="1" t="s">
        <v>222700</v>
      </c>
      <c r="G66927" s="1" t="s">
        <v>222696</v>
      </c>
      <c r="H66927" s="1" t="s">
        <v>222697</v>
      </c>
      <c r="I66927" s="1" t="s">
        <v>222698</v>
      </c>
      <c r="J66927" s="1" t="s">
        <v>222701</v>
      </c>
    </row>
    <row r="66928" spans="1:10" x14ac:dyDescent="0.35">
      <c r="A66928" s="1" t="s">
        <v>1568</v>
      </c>
      <c r="B66928" s="1" t="s">
        <v>222693</v>
      </c>
      <c r="C66928" s="1" t="s">
        <v>20</v>
      </c>
      <c r="D66928" s="1" t="s">
        <v>222702</v>
      </c>
      <c r="E66928" s="1" t="s">
        <v>222703</v>
      </c>
      <c r="F66928" s="1" t="s">
        <v>222704</v>
      </c>
      <c r="G66928" s="1" t="s">
        <v>222696</v>
      </c>
      <c r="H66928" s="1" t="s">
        <v>222697</v>
      </c>
      <c r="I66928" s="1" t="s">
        <v>222698</v>
      </c>
      <c r="J66928" s="1" t="s">
        <v>222705</v>
      </c>
    </row>
    <row r="66929" spans="1:10" x14ac:dyDescent="0.35">
      <c r="A66929" s="1" t="s">
        <v>1568</v>
      </c>
      <c r="B66929" s="1" t="s">
        <v>222693</v>
      </c>
      <c r="C66929" s="1" t="s">
        <v>25</v>
      </c>
      <c r="D66929" s="1" t="s">
        <v>222706</v>
      </c>
      <c r="E66929" s="1" t="s">
        <v>222707</v>
      </c>
      <c r="F66929" s="1" t="s">
        <v>222708</v>
      </c>
      <c r="G66929" s="1" t="s">
        <v>222696</v>
      </c>
      <c r="H66929" s="1" t="s">
        <v>222697</v>
      </c>
      <c r="I66929" s="1" t="s">
        <v>222698</v>
      </c>
      <c r="J66929" s="1" t="s">
        <v>222709</v>
      </c>
    </row>
    <row r="66930" spans="1:10" x14ac:dyDescent="0.35">
      <c r="A66930" s="1" t="s">
        <v>1568</v>
      </c>
      <c r="B66930" s="1" t="s">
        <v>222693</v>
      </c>
      <c r="C66930" s="1" t="s">
        <v>30</v>
      </c>
      <c r="D66930" s="1" t="s">
        <v>212254</v>
      </c>
      <c r="E66930" s="1" t="s">
        <v>222710</v>
      </c>
      <c r="F66930" s="1" t="s">
        <v>222711</v>
      </c>
      <c r="G66930" s="1" t="s">
        <v>222696</v>
      </c>
      <c r="H66930" s="1" t="s">
        <v>222697</v>
      </c>
      <c r="I66930" s="1" t="s">
        <v>222698</v>
      </c>
      <c r="J66930" s="1" t="s">
        <v>222712</v>
      </c>
    </row>
    <row r="66931" spans="1:10" x14ac:dyDescent="0.35">
      <c r="A66931" s="1" t="s">
        <v>1568</v>
      </c>
      <c r="B66931" s="1" t="s">
        <v>222693</v>
      </c>
      <c r="C66931" s="1" t="s">
        <v>35</v>
      </c>
      <c r="D66931" s="1" t="s">
        <v>92718</v>
      </c>
      <c r="E66931" s="1" t="s">
        <v>222713</v>
      </c>
      <c r="F66931" s="1" t="s">
        <v>222714</v>
      </c>
      <c r="G66931" s="1" t="s">
        <v>222696</v>
      </c>
      <c r="H66931" s="1" t="s">
        <v>222697</v>
      </c>
      <c r="I66931" s="1" t="s">
        <v>222698</v>
      </c>
      <c r="J66931" s="1" t="s">
        <v>222715</v>
      </c>
    </row>
    <row r="66932" spans="1:10" x14ac:dyDescent="0.35">
      <c r="A66932" s="1" t="s">
        <v>1568</v>
      </c>
      <c r="B66932" s="1" t="s">
        <v>222693</v>
      </c>
      <c r="C66932" s="1" t="s">
        <v>40</v>
      </c>
      <c r="D66932" s="1" t="s">
        <v>90558</v>
      </c>
      <c r="E66932" s="1" t="s">
        <v>222716</v>
      </c>
      <c r="F66932" s="1" t="s">
        <v>222717</v>
      </c>
      <c r="G66932" s="1" t="s">
        <v>222696</v>
      </c>
      <c r="H66932" s="1" t="s">
        <v>222697</v>
      </c>
      <c r="I66932" s="1" t="s">
        <v>222698</v>
      </c>
      <c r="J66932" s="1" t="s">
        <v>222718</v>
      </c>
    </row>
    <row r="66933" spans="1:10" x14ac:dyDescent="0.35">
      <c r="A66933" s="1" t="s">
        <v>1568</v>
      </c>
      <c r="B66933" s="1" t="s">
        <v>222693</v>
      </c>
      <c r="C66933" s="1" t="s">
        <v>45</v>
      </c>
      <c r="D66933" s="1" t="s">
        <v>222719</v>
      </c>
      <c r="E66933" s="1" t="s">
        <v>222720</v>
      </c>
      <c r="F66933" s="1" t="s">
        <v>222721</v>
      </c>
      <c r="G66933" s="1" t="s">
        <v>222696</v>
      </c>
      <c r="H66933" s="1" t="s">
        <v>222697</v>
      </c>
      <c r="I66933" s="1" t="s">
        <v>222698</v>
      </c>
      <c r="J66933" s="1" t="s">
        <v>222722</v>
      </c>
    </row>
    <row r="66934" spans="1:10" x14ac:dyDescent="0.35">
      <c r="A66934" s="1" t="s">
        <v>1568</v>
      </c>
      <c r="B66934" s="1" t="s">
        <v>222693</v>
      </c>
      <c r="C66934" s="1" t="s">
        <v>50</v>
      </c>
      <c r="D66934" s="1" t="s">
        <v>100033</v>
      </c>
      <c r="E66934" s="1" t="s">
        <v>222723</v>
      </c>
      <c r="F66934" s="1" t="s">
        <v>222724</v>
      </c>
      <c r="G66934" s="1" t="s">
        <v>222696</v>
      </c>
      <c r="H66934" s="1" t="s">
        <v>222697</v>
      </c>
      <c r="I66934" s="1" t="s">
        <v>222698</v>
      </c>
      <c r="J66934" s="1" t="s">
        <v>222725</v>
      </c>
    </row>
    <row r="66935" spans="1:10" x14ac:dyDescent="0.35">
      <c r="A66935" s="1" t="s">
        <v>1568</v>
      </c>
      <c r="B66935" s="1" t="s">
        <v>222693</v>
      </c>
      <c r="C66935" s="1" t="s">
        <v>55</v>
      </c>
      <c r="D66935" s="1" t="s">
        <v>20834</v>
      </c>
      <c r="E66935" s="1" t="s">
        <v>222726</v>
      </c>
      <c r="F66935" s="1" t="s">
        <v>222727</v>
      </c>
      <c r="G66935" s="1" t="s">
        <v>222696</v>
      </c>
      <c r="H66935" s="1" t="s">
        <v>222697</v>
      </c>
      <c r="I66935" s="1" t="s">
        <v>222698</v>
      </c>
      <c r="J66935" s="1" t="s">
        <v>222728</v>
      </c>
    </row>
    <row r="66936" spans="1:10" x14ac:dyDescent="0.35">
      <c r="A66936" s="1" t="s">
        <v>1568</v>
      </c>
      <c r="B66936" s="1" t="s">
        <v>222693</v>
      </c>
      <c r="C66936" s="1" t="s">
        <v>60</v>
      </c>
      <c r="D66936" s="1" t="s">
        <v>222729</v>
      </c>
      <c r="E66936" s="1" t="s">
        <v>222730</v>
      </c>
      <c r="F66936" s="1" t="s">
        <v>222731</v>
      </c>
      <c r="G66936" s="1" t="s">
        <v>222696</v>
      </c>
      <c r="H66936" s="1" t="s">
        <v>222697</v>
      </c>
      <c r="I66936" s="1" t="s">
        <v>222698</v>
      </c>
      <c r="J66936" s="1" t="s">
        <v>222732</v>
      </c>
    </row>
    <row r="66937" spans="1:10" x14ac:dyDescent="0.35">
      <c r="A66937" s="1" t="s">
        <v>1568</v>
      </c>
      <c r="B66937" s="1" t="s">
        <v>222693</v>
      </c>
      <c r="C66937" s="1" t="s">
        <v>65</v>
      </c>
      <c r="D66937" s="1" t="s">
        <v>59030</v>
      </c>
      <c r="E66937" s="1" t="s">
        <v>222733</v>
      </c>
      <c r="F66937" s="1" t="s">
        <v>222734</v>
      </c>
      <c r="G66937" s="1" t="s">
        <v>222696</v>
      </c>
      <c r="H66937" s="1" t="s">
        <v>222697</v>
      </c>
      <c r="I66937" s="1" t="s">
        <v>222698</v>
      </c>
      <c r="J66937" s="1" t="s">
        <v>222735</v>
      </c>
    </row>
    <row r="66938" spans="1:10" x14ac:dyDescent="0.35">
      <c r="A66938" s="1" t="s">
        <v>1568</v>
      </c>
      <c r="B66938" s="1" t="s">
        <v>222693</v>
      </c>
      <c r="C66938" s="1" t="s">
        <v>70</v>
      </c>
      <c r="D66938" s="1" t="s">
        <v>128858</v>
      </c>
      <c r="E66938" s="1" t="s">
        <v>222736</v>
      </c>
      <c r="F66938" s="1" t="s">
        <v>222737</v>
      </c>
      <c r="G66938" s="1" t="s">
        <v>222696</v>
      </c>
      <c r="H66938" s="1" t="s">
        <v>222697</v>
      </c>
      <c r="I66938" s="1" t="s">
        <v>222698</v>
      </c>
      <c r="J66938" s="1" t="s">
        <v>222738</v>
      </c>
    </row>
    <row r="66939" spans="1:10" x14ac:dyDescent="0.35">
      <c r="A66939" s="1" t="s">
        <v>1568</v>
      </c>
      <c r="B66939" s="1" t="s">
        <v>222693</v>
      </c>
      <c r="C66939" s="1" t="s">
        <v>75</v>
      </c>
      <c r="D66939" s="1" t="s">
        <v>222739</v>
      </c>
      <c r="E66939" s="1" t="s">
        <v>222740</v>
      </c>
      <c r="F66939" s="1" t="s">
        <v>222741</v>
      </c>
      <c r="G66939" s="1" t="s">
        <v>222696</v>
      </c>
      <c r="H66939" s="1" t="s">
        <v>222697</v>
      </c>
      <c r="I66939" s="1" t="s">
        <v>222698</v>
      </c>
      <c r="J66939" s="1" t="s">
        <v>222742</v>
      </c>
    </row>
    <row r="66940" spans="1:10" x14ac:dyDescent="0.35">
      <c r="A66940" s="1" t="s">
        <v>1568</v>
      </c>
      <c r="B66940" s="1" t="s">
        <v>222693</v>
      </c>
      <c r="C66940" s="1" t="s">
        <v>80</v>
      </c>
      <c r="D66940" s="1" t="s">
        <v>222743</v>
      </c>
      <c r="E66940" s="1" t="s">
        <v>222744</v>
      </c>
      <c r="F66940" s="1" t="s">
        <v>222745</v>
      </c>
      <c r="G66940" s="1" t="s">
        <v>222696</v>
      </c>
      <c r="H66940" s="1" t="s">
        <v>222697</v>
      </c>
      <c r="I66940" s="1" t="s">
        <v>222698</v>
      </c>
      <c r="J66940" s="1" t="s">
        <v>222746</v>
      </c>
    </row>
    <row r="66941" spans="1:10" x14ac:dyDescent="0.35">
      <c r="A66941" s="1" t="s">
        <v>1568</v>
      </c>
      <c r="B66941" s="1" t="s">
        <v>222693</v>
      </c>
      <c r="C66941" s="1" t="s">
        <v>85</v>
      </c>
      <c r="D66941" s="1" t="s">
        <v>18675</v>
      </c>
      <c r="E66941" s="1" t="s">
        <v>222747</v>
      </c>
      <c r="F66941" s="1" t="s">
        <v>222748</v>
      </c>
      <c r="G66941" s="1" t="s">
        <v>222696</v>
      </c>
      <c r="H66941" s="1" t="s">
        <v>222697</v>
      </c>
      <c r="I66941" s="1" t="s">
        <v>222698</v>
      </c>
      <c r="J66941" s="1" t="s">
        <v>222749</v>
      </c>
    </row>
    <row r="66942" spans="1:10" x14ac:dyDescent="0.35">
      <c r="A66942" s="1" t="s">
        <v>1568</v>
      </c>
      <c r="B66942" s="1" t="s">
        <v>222693</v>
      </c>
      <c r="C66942" s="1" t="s">
        <v>90</v>
      </c>
      <c r="D66942" s="1" t="s">
        <v>8542</v>
      </c>
      <c r="E66942" s="1" t="s">
        <v>222750</v>
      </c>
      <c r="F66942" s="1" t="s">
        <v>222751</v>
      </c>
      <c r="G66942" s="1" t="s">
        <v>222696</v>
      </c>
      <c r="H66942" s="1" t="s">
        <v>222697</v>
      </c>
      <c r="I66942" s="1" t="s">
        <v>222698</v>
      </c>
      <c r="J66942" s="1" t="s">
        <v>222752</v>
      </c>
    </row>
    <row r="66943" spans="1:10" x14ac:dyDescent="0.35">
      <c r="A66943" s="1" t="s">
        <v>1568</v>
      </c>
      <c r="B66943" s="1" t="s">
        <v>222693</v>
      </c>
      <c r="C66943" s="1" t="s">
        <v>95</v>
      </c>
      <c r="D66943" s="1" t="s">
        <v>222753</v>
      </c>
      <c r="E66943" s="1" t="s">
        <v>222754</v>
      </c>
      <c r="F66943" s="1" t="s">
        <v>222755</v>
      </c>
      <c r="G66943" s="1" t="s">
        <v>222696</v>
      </c>
      <c r="H66943" s="1" t="s">
        <v>222697</v>
      </c>
      <c r="I66943" s="1" t="s">
        <v>222698</v>
      </c>
      <c r="J66943" s="1" t="s">
        <v>222756</v>
      </c>
    </row>
    <row r="66944" spans="1:10" x14ac:dyDescent="0.35">
      <c r="A66944" s="1" t="s">
        <v>1568</v>
      </c>
      <c r="B66944" s="1" t="s">
        <v>222693</v>
      </c>
      <c r="C66944" s="1" t="s">
        <v>100</v>
      </c>
      <c r="D66944" s="1" t="s">
        <v>222757</v>
      </c>
      <c r="E66944" s="1" t="s">
        <v>222758</v>
      </c>
      <c r="F66944" s="1" t="s">
        <v>222759</v>
      </c>
      <c r="G66944" s="1" t="s">
        <v>222696</v>
      </c>
      <c r="H66944" s="1" t="s">
        <v>222697</v>
      </c>
      <c r="I66944" s="1" t="s">
        <v>222698</v>
      </c>
      <c r="J66944" s="1" t="s">
        <v>222760</v>
      </c>
    </row>
    <row r="66945" spans="1:10" x14ac:dyDescent="0.35">
      <c r="A66945" s="1" t="s">
        <v>1568</v>
      </c>
      <c r="B66945" s="1" t="s">
        <v>222693</v>
      </c>
      <c r="C66945" s="1" t="s">
        <v>105</v>
      </c>
      <c r="D66945" s="1" t="s">
        <v>222761</v>
      </c>
      <c r="E66945" s="1" t="s">
        <v>222762</v>
      </c>
      <c r="F66945" s="1" t="s">
        <v>222763</v>
      </c>
      <c r="G66945" s="1" t="s">
        <v>222696</v>
      </c>
      <c r="H66945" s="1" t="s">
        <v>222697</v>
      </c>
      <c r="I66945" s="1" t="s">
        <v>222698</v>
      </c>
      <c r="J66945" s="1" t="s">
        <v>222764</v>
      </c>
    </row>
    <row r="66946" spans="1:10" x14ac:dyDescent="0.35">
      <c r="A66946" s="1" t="s">
        <v>1568</v>
      </c>
      <c r="B66946" s="1" t="s">
        <v>222693</v>
      </c>
      <c r="C66946" s="1" t="s">
        <v>110</v>
      </c>
      <c r="D66946" s="1" t="s">
        <v>222765</v>
      </c>
      <c r="E66946" s="1" t="s">
        <v>222766</v>
      </c>
      <c r="F66946" s="1" t="s">
        <v>222767</v>
      </c>
      <c r="G66946" s="1" t="s">
        <v>222696</v>
      </c>
      <c r="H66946" s="1" t="s">
        <v>222697</v>
      </c>
      <c r="I66946" s="1" t="s">
        <v>222698</v>
      </c>
      <c r="J66946" s="1" t="s">
        <v>222768</v>
      </c>
    </row>
    <row r="66947" spans="1:10" x14ac:dyDescent="0.35">
      <c r="A66947" s="1" t="s">
        <v>1568</v>
      </c>
      <c r="B66947" s="1" t="s">
        <v>222693</v>
      </c>
      <c r="C66947" s="1" t="s">
        <v>115</v>
      </c>
      <c r="D66947" s="1" t="s">
        <v>222769</v>
      </c>
      <c r="E66947" s="1" t="s">
        <v>222770</v>
      </c>
      <c r="F66947" s="1" t="s">
        <v>222771</v>
      </c>
      <c r="G66947" s="1" t="s">
        <v>222696</v>
      </c>
      <c r="H66947" s="1" t="s">
        <v>222697</v>
      </c>
      <c r="I66947" s="1" t="s">
        <v>222698</v>
      </c>
      <c r="J66947" s="1" t="s">
        <v>222772</v>
      </c>
    </row>
    <row r="66948" spans="1:10" x14ac:dyDescent="0.35">
      <c r="A66948" s="1" t="s">
        <v>1568</v>
      </c>
      <c r="B66948" s="1" t="s">
        <v>222693</v>
      </c>
      <c r="C66948" s="1" t="s">
        <v>120</v>
      </c>
      <c r="D66948" s="1" t="s">
        <v>222773</v>
      </c>
      <c r="E66948" s="1" t="s">
        <v>222774</v>
      </c>
      <c r="F66948" s="1" t="s">
        <v>222775</v>
      </c>
      <c r="G66948" s="1" t="s">
        <v>222696</v>
      </c>
      <c r="H66948" s="1" t="s">
        <v>222697</v>
      </c>
      <c r="I66948" s="1" t="s">
        <v>222698</v>
      </c>
      <c r="J66948" s="1" t="s">
        <v>222776</v>
      </c>
    </row>
    <row r="66949" spans="1:10" x14ac:dyDescent="0.35">
      <c r="A66949" s="1" t="s">
        <v>1568</v>
      </c>
      <c r="B66949" s="1" t="s">
        <v>222693</v>
      </c>
      <c r="C66949" s="1" t="s">
        <v>125</v>
      </c>
      <c r="D66949" s="1" t="s">
        <v>222777</v>
      </c>
      <c r="E66949" s="1" t="s">
        <v>222778</v>
      </c>
      <c r="F66949" s="1" t="s">
        <v>222779</v>
      </c>
      <c r="G66949" s="1" t="s">
        <v>222696</v>
      </c>
      <c r="H66949" s="1" t="s">
        <v>222697</v>
      </c>
      <c r="I66949" s="1" t="s">
        <v>222698</v>
      </c>
      <c r="J66949" s="1" t="s">
        <v>222780</v>
      </c>
    </row>
    <row r="66950" spans="1:10" x14ac:dyDescent="0.35">
      <c r="A66950" s="1" t="s">
        <v>1568</v>
      </c>
      <c r="B66950" s="1" t="s">
        <v>222693</v>
      </c>
      <c r="C66950" s="1" t="s">
        <v>130</v>
      </c>
      <c r="D66950" s="1" t="s">
        <v>222781</v>
      </c>
      <c r="E66950" s="1" t="s">
        <v>222782</v>
      </c>
      <c r="F66950" s="1" t="s">
        <v>222783</v>
      </c>
      <c r="G66950" s="1" t="s">
        <v>222696</v>
      </c>
      <c r="H66950" s="1" t="s">
        <v>222697</v>
      </c>
      <c r="I66950" s="1" t="s">
        <v>222698</v>
      </c>
      <c r="J66950" s="1" t="s">
        <v>222784</v>
      </c>
    </row>
    <row r="66951" spans="1:10" x14ac:dyDescent="0.35">
      <c r="A66951" s="1" t="s">
        <v>1568</v>
      </c>
      <c r="B66951" s="1" t="s">
        <v>222693</v>
      </c>
      <c r="C66951" s="1" t="s">
        <v>135</v>
      </c>
      <c r="D66951" s="1" t="s">
        <v>222785</v>
      </c>
      <c r="E66951" s="1" t="s">
        <v>222786</v>
      </c>
      <c r="F66951" s="1" t="s">
        <v>222787</v>
      </c>
      <c r="G66951" s="1" t="s">
        <v>222696</v>
      </c>
      <c r="H66951" s="1" t="s">
        <v>222697</v>
      </c>
      <c r="I66951" s="1" t="s">
        <v>222698</v>
      </c>
      <c r="J66951" s="1" t="s">
        <v>222788</v>
      </c>
    </row>
    <row r="66952" spans="1:10" x14ac:dyDescent="0.35">
      <c r="A66952" s="1" t="s">
        <v>1568</v>
      </c>
      <c r="B66952" s="1" t="s">
        <v>222693</v>
      </c>
      <c r="C66952" s="1" t="s">
        <v>140</v>
      </c>
      <c r="D66952" s="1" t="s">
        <v>222789</v>
      </c>
      <c r="E66952" s="1" t="s">
        <v>222790</v>
      </c>
      <c r="F66952" s="1" t="s">
        <v>222791</v>
      </c>
      <c r="G66952" s="1" t="s">
        <v>222696</v>
      </c>
      <c r="H66952" s="1" t="s">
        <v>222697</v>
      </c>
      <c r="I66952" s="1" t="s">
        <v>222698</v>
      </c>
      <c r="J66952" s="1" t="s">
        <v>222792</v>
      </c>
    </row>
    <row r="66953" spans="1:10" x14ac:dyDescent="0.35">
      <c r="A66953" s="1" t="s">
        <v>1568</v>
      </c>
      <c r="B66953" s="1" t="s">
        <v>222693</v>
      </c>
      <c r="C66953" s="1" t="s">
        <v>145</v>
      </c>
      <c r="D66953" s="1" t="s">
        <v>222793</v>
      </c>
      <c r="E66953" s="1" t="s">
        <v>222794</v>
      </c>
      <c r="F66953" s="1" t="s">
        <v>222795</v>
      </c>
      <c r="G66953" s="1" t="s">
        <v>222696</v>
      </c>
      <c r="H66953" s="1" t="s">
        <v>222697</v>
      </c>
      <c r="I66953" s="1" t="s">
        <v>222698</v>
      </c>
      <c r="J66953" s="1" t="s">
        <v>222796</v>
      </c>
    </row>
    <row r="66954" spans="1:10" x14ac:dyDescent="0.35">
      <c r="A66954" s="1" t="s">
        <v>1568</v>
      </c>
      <c r="B66954" s="1" t="s">
        <v>222693</v>
      </c>
      <c r="C66954" s="1" t="s">
        <v>150</v>
      </c>
      <c r="D66954" s="1" t="s">
        <v>39548</v>
      </c>
      <c r="E66954" s="1" t="s">
        <v>222797</v>
      </c>
      <c r="F66954" s="1" t="s">
        <v>222798</v>
      </c>
      <c r="G66954" s="1" t="s">
        <v>222696</v>
      </c>
      <c r="H66954" s="1" t="s">
        <v>222697</v>
      </c>
      <c r="I66954" s="1" t="s">
        <v>222698</v>
      </c>
      <c r="J66954" s="1" t="s">
        <v>222799</v>
      </c>
    </row>
    <row r="66955" spans="1:10" x14ac:dyDescent="0.35">
      <c r="A66955" s="1" t="s">
        <v>1568</v>
      </c>
      <c r="B66955" s="1" t="s">
        <v>222693</v>
      </c>
      <c r="C66955" s="1" t="s">
        <v>155</v>
      </c>
      <c r="D66955" s="1" t="s">
        <v>222800</v>
      </c>
      <c r="E66955" s="1" t="s">
        <v>222801</v>
      </c>
      <c r="F66955" s="1" t="s">
        <v>222802</v>
      </c>
      <c r="G66955" s="1" t="s">
        <v>222696</v>
      </c>
      <c r="H66955" s="1" t="s">
        <v>222697</v>
      </c>
      <c r="I66955" s="1" t="s">
        <v>222698</v>
      </c>
      <c r="J66955" s="1" t="s">
        <v>222803</v>
      </c>
    </row>
    <row r="66956" spans="1:10" x14ac:dyDescent="0.35">
      <c r="A66956" s="1" t="s">
        <v>1568</v>
      </c>
      <c r="B66956" s="1" t="s">
        <v>222693</v>
      </c>
      <c r="C66956" s="1" t="s">
        <v>160</v>
      </c>
      <c r="D66956" s="1" t="s">
        <v>222804</v>
      </c>
      <c r="E66956" s="1" t="s">
        <v>222805</v>
      </c>
      <c r="F66956" s="1" t="s">
        <v>222806</v>
      </c>
      <c r="G66956" s="1" t="s">
        <v>222696</v>
      </c>
      <c r="H66956" s="1" t="s">
        <v>222697</v>
      </c>
      <c r="I66956" s="1" t="s">
        <v>222698</v>
      </c>
      <c r="J66956" s="1" t="s">
        <v>222807</v>
      </c>
    </row>
    <row r="66957" spans="1:10" x14ac:dyDescent="0.35">
      <c r="A66957" s="1" t="s">
        <v>1568</v>
      </c>
      <c r="B66957" s="1" t="s">
        <v>222693</v>
      </c>
      <c r="C66957" s="1" t="s">
        <v>165</v>
      </c>
      <c r="D66957" s="1" t="s">
        <v>222808</v>
      </c>
      <c r="E66957" s="1" t="s">
        <v>222809</v>
      </c>
      <c r="F66957" s="1" t="s">
        <v>222810</v>
      </c>
      <c r="G66957" s="1" t="s">
        <v>222696</v>
      </c>
      <c r="H66957" s="1" t="s">
        <v>222697</v>
      </c>
      <c r="I66957" s="1" t="s">
        <v>222698</v>
      </c>
      <c r="J66957" s="1" t="s">
        <v>222811</v>
      </c>
    </row>
    <row r="66958" spans="1:10" x14ac:dyDescent="0.35">
      <c r="A66958" s="1" t="s">
        <v>1568</v>
      </c>
      <c r="B66958" s="1" t="s">
        <v>222693</v>
      </c>
      <c r="C66958" s="1" t="s">
        <v>170</v>
      </c>
      <c r="D66958" s="1" t="s">
        <v>222812</v>
      </c>
      <c r="E66958" s="1" t="s">
        <v>222813</v>
      </c>
      <c r="F66958" s="1" t="s">
        <v>222814</v>
      </c>
      <c r="G66958" s="1" t="s">
        <v>222696</v>
      </c>
      <c r="H66958" s="1" t="s">
        <v>222697</v>
      </c>
      <c r="I66958" s="1" t="s">
        <v>222698</v>
      </c>
      <c r="J66958" s="1" t="s">
        <v>222815</v>
      </c>
    </row>
    <row r="66959" spans="1:10" x14ac:dyDescent="0.35">
      <c r="A66959" s="1" t="s">
        <v>144394</v>
      </c>
      <c r="B66959" s="1" t="s">
        <v>222693</v>
      </c>
      <c r="C66959" s="1" t="s">
        <v>8</v>
      </c>
      <c r="D66959" s="1" t="s">
        <v>222816</v>
      </c>
      <c r="E66959" s="1" t="s">
        <v>222817</v>
      </c>
      <c r="F66959" s="1" t="s">
        <v>222818</v>
      </c>
      <c r="G66959" s="1" t="s">
        <v>222819</v>
      </c>
      <c r="H66959" s="1" t="s">
        <v>222820</v>
      </c>
      <c r="I66959" s="1" t="s">
        <v>222698</v>
      </c>
      <c r="J66959" s="1" t="s">
        <v>13</v>
      </c>
    </row>
    <row r="66960" spans="1:10" x14ac:dyDescent="0.35">
      <c r="A66960" s="1" t="s">
        <v>144394</v>
      </c>
      <c r="B66960" s="1" t="s">
        <v>222693</v>
      </c>
      <c r="C66960" s="1" t="s">
        <v>15</v>
      </c>
      <c r="D66960" s="1" t="s">
        <v>80283</v>
      </c>
      <c r="E66960" s="1" t="s">
        <v>222821</v>
      </c>
      <c r="F66960" s="1" t="s">
        <v>222822</v>
      </c>
      <c r="G66960" s="1" t="s">
        <v>222819</v>
      </c>
      <c r="H66960" s="1" t="s">
        <v>222820</v>
      </c>
      <c r="I66960" s="1" t="s">
        <v>222698</v>
      </c>
      <c r="J66960" s="1" t="s">
        <v>222823</v>
      </c>
    </row>
    <row r="66961" spans="1:10" x14ac:dyDescent="0.35">
      <c r="A66961" s="1" t="s">
        <v>144394</v>
      </c>
      <c r="B66961" s="1" t="s">
        <v>222693</v>
      </c>
      <c r="C66961" s="1" t="s">
        <v>20</v>
      </c>
      <c r="D66961" s="1" t="s">
        <v>136822</v>
      </c>
      <c r="E66961" s="1" t="s">
        <v>222824</v>
      </c>
      <c r="F66961" s="1" t="s">
        <v>222825</v>
      </c>
      <c r="G66961" s="1" t="s">
        <v>222819</v>
      </c>
      <c r="H66961" s="1" t="s">
        <v>222820</v>
      </c>
      <c r="I66961" s="1" t="s">
        <v>222698</v>
      </c>
      <c r="J66961" s="1" t="s">
        <v>222826</v>
      </c>
    </row>
    <row r="66962" spans="1:10" x14ac:dyDescent="0.35">
      <c r="A66962" s="1" t="s">
        <v>144394</v>
      </c>
      <c r="B66962" s="1" t="s">
        <v>222693</v>
      </c>
      <c r="C66962" s="1" t="s">
        <v>25</v>
      </c>
      <c r="D66962" s="1" t="s">
        <v>222827</v>
      </c>
      <c r="E66962" s="1" t="s">
        <v>222828</v>
      </c>
      <c r="F66962" s="1" t="s">
        <v>222829</v>
      </c>
      <c r="G66962" s="1" t="s">
        <v>222819</v>
      </c>
      <c r="H66962" s="1" t="s">
        <v>222820</v>
      </c>
      <c r="I66962" s="1" t="s">
        <v>222698</v>
      </c>
      <c r="J66962" s="1" t="s">
        <v>222830</v>
      </c>
    </row>
    <row r="66963" spans="1:10" x14ac:dyDescent="0.35">
      <c r="A66963" s="1" t="s">
        <v>144394</v>
      </c>
      <c r="B66963" s="1" t="s">
        <v>222693</v>
      </c>
      <c r="C66963" s="1" t="s">
        <v>30</v>
      </c>
      <c r="D66963" s="1" t="s">
        <v>62509</v>
      </c>
      <c r="E66963" s="1" t="s">
        <v>222831</v>
      </c>
      <c r="F66963" s="1" t="s">
        <v>222832</v>
      </c>
      <c r="G66963" s="1" t="s">
        <v>222819</v>
      </c>
      <c r="H66963" s="1" t="s">
        <v>222820</v>
      </c>
      <c r="I66963" s="1" t="s">
        <v>222698</v>
      </c>
      <c r="J66963" s="1" t="s">
        <v>222833</v>
      </c>
    </row>
    <row r="66964" spans="1:10" x14ac:dyDescent="0.35">
      <c r="A66964" s="1" t="s">
        <v>144394</v>
      </c>
      <c r="B66964" s="1" t="s">
        <v>222693</v>
      </c>
      <c r="C66964" s="1" t="s">
        <v>35</v>
      </c>
      <c r="D66964" s="1" t="s">
        <v>103516</v>
      </c>
      <c r="E66964" s="1" t="s">
        <v>154317</v>
      </c>
      <c r="F66964" s="1" t="s">
        <v>222834</v>
      </c>
      <c r="G66964" s="1" t="s">
        <v>222819</v>
      </c>
      <c r="H66964" s="1" t="s">
        <v>222820</v>
      </c>
      <c r="I66964" s="1" t="s">
        <v>222698</v>
      </c>
      <c r="J66964" s="1" t="s">
        <v>222835</v>
      </c>
    </row>
    <row r="66965" spans="1:10" x14ac:dyDescent="0.35">
      <c r="A66965" s="1" t="s">
        <v>144394</v>
      </c>
      <c r="B66965" s="1" t="s">
        <v>222693</v>
      </c>
      <c r="C66965" s="1" t="s">
        <v>40</v>
      </c>
      <c r="D66965" s="1" t="s">
        <v>108064</v>
      </c>
      <c r="E66965" s="1" t="s">
        <v>222836</v>
      </c>
      <c r="F66965" s="1" t="s">
        <v>222837</v>
      </c>
      <c r="G66965" s="1" t="s">
        <v>222819</v>
      </c>
      <c r="H66965" s="1" t="s">
        <v>222820</v>
      </c>
      <c r="I66965" s="1" t="s">
        <v>222698</v>
      </c>
      <c r="J66965" s="1" t="s">
        <v>222838</v>
      </c>
    </row>
    <row r="66966" spans="1:10" x14ac:dyDescent="0.35">
      <c r="A66966" s="1" t="s">
        <v>144394</v>
      </c>
      <c r="B66966" s="1" t="s">
        <v>222693</v>
      </c>
      <c r="C66966" s="1" t="s">
        <v>45</v>
      </c>
      <c r="D66966" s="1" t="s">
        <v>222839</v>
      </c>
      <c r="E66966" s="1" t="s">
        <v>222840</v>
      </c>
      <c r="F66966" s="1" t="s">
        <v>222841</v>
      </c>
      <c r="G66966" s="1" t="s">
        <v>222819</v>
      </c>
      <c r="H66966" s="1" t="s">
        <v>222820</v>
      </c>
      <c r="I66966" s="1" t="s">
        <v>222698</v>
      </c>
      <c r="J66966" s="1" t="s">
        <v>222842</v>
      </c>
    </row>
    <row r="66967" spans="1:10" x14ac:dyDescent="0.35">
      <c r="A66967" s="1" t="s">
        <v>144394</v>
      </c>
      <c r="B66967" s="1" t="s">
        <v>222693</v>
      </c>
      <c r="C66967" s="1" t="s">
        <v>50</v>
      </c>
      <c r="D66967" s="1" t="s">
        <v>57343</v>
      </c>
      <c r="E66967" s="1" t="s">
        <v>222843</v>
      </c>
      <c r="F66967" s="1" t="s">
        <v>222844</v>
      </c>
      <c r="G66967" s="1" t="s">
        <v>222819</v>
      </c>
      <c r="H66967" s="1" t="s">
        <v>222820</v>
      </c>
      <c r="I66967" s="1" t="s">
        <v>222698</v>
      </c>
      <c r="J66967" s="1" t="s">
        <v>222845</v>
      </c>
    </row>
    <row r="66968" spans="1:10" x14ac:dyDescent="0.35">
      <c r="A66968" s="1" t="s">
        <v>144394</v>
      </c>
      <c r="B66968" s="1" t="s">
        <v>222693</v>
      </c>
      <c r="C66968" s="1" t="s">
        <v>55</v>
      </c>
      <c r="D66968" s="1" t="s">
        <v>222846</v>
      </c>
      <c r="E66968" s="1" t="s">
        <v>222847</v>
      </c>
      <c r="F66968" s="1" t="s">
        <v>222848</v>
      </c>
      <c r="G66968" s="1" t="s">
        <v>222819</v>
      </c>
      <c r="H66968" s="1" t="s">
        <v>222820</v>
      </c>
      <c r="I66968" s="1" t="s">
        <v>222698</v>
      </c>
      <c r="J66968" s="1" t="s">
        <v>222849</v>
      </c>
    </row>
    <row r="66969" spans="1:10" x14ac:dyDescent="0.35">
      <c r="A66969" s="1" t="s">
        <v>144394</v>
      </c>
      <c r="B66969" s="1" t="s">
        <v>222693</v>
      </c>
      <c r="C66969" s="1" t="s">
        <v>60</v>
      </c>
      <c r="D66969" s="1" t="s">
        <v>154029</v>
      </c>
      <c r="E66969" s="1" t="s">
        <v>222850</v>
      </c>
      <c r="F66969" s="1" t="s">
        <v>222851</v>
      </c>
      <c r="G66969" s="1" t="s">
        <v>222819</v>
      </c>
      <c r="H66969" s="1" t="s">
        <v>222820</v>
      </c>
      <c r="I66969" s="1" t="s">
        <v>222698</v>
      </c>
      <c r="J66969" s="1" t="s">
        <v>222852</v>
      </c>
    </row>
    <row r="66970" spans="1:10" x14ac:dyDescent="0.35">
      <c r="A66970" s="1" t="s">
        <v>144394</v>
      </c>
      <c r="B66970" s="1" t="s">
        <v>222693</v>
      </c>
      <c r="C66970" s="1" t="s">
        <v>65</v>
      </c>
      <c r="D66970" s="1" t="s">
        <v>222853</v>
      </c>
      <c r="E66970" s="1" t="s">
        <v>222854</v>
      </c>
      <c r="F66970" s="1" t="s">
        <v>222855</v>
      </c>
      <c r="G66970" s="1" t="s">
        <v>222819</v>
      </c>
      <c r="H66970" s="1" t="s">
        <v>222820</v>
      </c>
      <c r="I66970" s="1" t="s">
        <v>222698</v>
      </c>
      <c r="J66970" s="1" t="s">
        <v>222856</v>
      </c>
    </row>
    <row r="66971" spans="1:10" x14ac:dyDescent="0.35">
      <c r="A66971" s="1" t="s">
        <v>144394</v>
      </c>
      <c r="B66971" s="1" t="s">
        <v>222693</v>
      </c>
      <c r="C66971" s="1" t="s">
        <v>70</v>
      </c>
      <c r="D66971" s="1" t="s">
        <v>222857</v>
      </c>
      <c r="E66971" s="1" t="s">
        <v>222858</v>
      </c>
      <c r="F66971" s="1" t="s">
        <v>222859</v>
      </c>
      <c r="G66971" s="1" t="s">
        <v>222819</v>
      </c>
      <c r="H66971" s="1" t="s">
        <v>222820</v>
      </c>
      <c r="I66971" s="1" t="s">
        <v>222698</v>
      </c>
      <c r="J66971" s="1" t="s">
        <v>222860</v>
      </c>
    </row>
    <row r="66972" spans="1:10" x14ac:dyDescent="0.35">
      <c r="A66972" s="1" t="s">
        <v>144394</v>
      </c>
      <c r="B66972" s="1" t="s">
        <v>222693</v>
      </c>
      <c r="C66972" s="1" t="s">
        <v>75</v>
      </c>
      <c r="D66972" s="1" t="s">
        <v>451</v>
      </c>
      <c r="E66972" s="1" t="s">
        <v>222861</v>
      </c>
      <c r="F66972" s="1" t="s">
        <v>222862</v>
      </c>
      <c r="G66972" s="1" t="s">
        <v>222819</v>
      </c>
      <c r="H66972" s="1" t="s">
        <v>222820</v>
      </c>
      <c r="I66972" s="1" t="s">
        <v>222698</v>
      </c>
      <c r="J66972" s="1" t="s">
        <v>222863</v>
      </c>
    </row>
    <row r="66973" spans="1:10" x14ac:dyDescent="0.35">
      <c r="A66973" s="1" t="s">
        <v>144394</v>
      </c>
      <c r="B66973" s="1" t="s">
        <v>222693</v>
      </c>
      <c r="C66973" s="1" t="s">
        <v>80</v>
      </c>
      <c r="D66973" s="1" t="s">
        <v>59056</v>
      </c>
      <c r="E66973" s="1" t="s">
        <v>222864</v>
      </c>
      <c r="F66973" s="1" t="s">
        <v>222865</v>
      </c>
      <c r="G66973" s="1" t="s">
        <v>222819</v>
      </c>
      <c r="H66973" s="1" t="s">
        <v>222820</v>
      </c>
      <c r="I66973" s="1" t="s">
        <v>222698</v>
      </c>
      <c r="J66973" s="1" t="s">
        <v>222866</v>
      </c>
    </row>
    <row r="66974" spans="1:10" x14ac:dyDescent="0.35">
      <c r="A66974" s="1" t="s">
        <v>144394</v>
      </c>
      <c r="B66974" s="1" t="s">
        <v>222693</v>
      </c>
      <c r="C66974" s="1" t="s">
        <v>85</v>
      </c>
      <c r="D66974" s="1" t="s">
        <v>222867</v>
      </c>
      <c r="E66974" s="1" t="s">
        <v>222868</v>
      </c>
      <c r="F66974" s="1" t="s">
        <v>222869</v>
      </c>
      <c r="G66974" s="1" t="s">
        <v>222819</v>
      </c>
      <c r="H66974" s="1" t="s">
        <v>222820</v>
      </c>
      <c r="I66974" s="1" t="s">
        <v>222698</v>
      </c>
      <c r="J66974" s="1" t="s">
        <v>222870</v>
      </c>
    </row>
    <row r="66975" spans="1:10" x14ac:dyDescent="0.35">
      <c r="A66975" s="1" t="s">
        <v>144394</v>
      </c>
      <c r="B66975" s="1" t="s">
        <v>222693</v>
      </c>
      <c r="C66975" s="1" t="s">
        <v>90</v>
      </c>
      <c r="D66975" s="1" t="s">
        <v>222871</v>
      </c>
      <c r="E66975" s="1" t="s">
        <v>222872</v>
      </c>
      <c r="F66975" s="1" t="s">
        <v>222873</v>
      </c>
      <c r="G66975" s="1" t="s">
        <v>222819</v>
      </c>
      <c r="H66975" s="1" t="s">
        <v>222820</v>
      </c>
      <c r="I66975" s="1" t="s">
        <v>222698</v>
      </c>
      <c r="J66975" s="1" t="s">
        <v>222874</v>
      </c>
    </row>
    <row r="66976" spans="1:10" x14ac:dyDescent="0.35">
      <c r="A66976" s="1" t="s">
        <v>144394</v>
      </c>
      <c r="B66976" s="1" t="s">
        <v>222693</v>
      </c>
      <c r="C66976" s="1" t="s">
        <v>95</v>
      </c>
      <c r="D66976" s="1" t="s">
        <v>222875</v>
      </c>
      <c r="E66976" s="1" t="s">
        <v>222876</v>
      </c>
      <c r="F66976" s="1" t="s">
        <v>222877</v>
      </c>
      <c r="G66976" s="1" t="s">
        <v>222819</v>
      </c>
      <c r="H66976" s="1" t="s">
        <v>222820</v>
      </c>
      <c r="I66976" s="1" t="s">
        <v>222698</v>
      </c>
      <c r="J66976" s="1" t="s">
        <v>222878</v>
      </c>
    </row>
    <row r="66977" spans="1:10" x14ac:dyDescent="0.35">
      <c r="A66977" s="1" t="s">
        <v>144394</v>
      </c>
      <c r="B66977" s="1" t="s">
        <v>222693</v>
      </c>
      <c r="C66977" s="1" t="s">
        <v>100</v>
      </c>
      <c r="D66977" s="1" t="s">
        <v>222879</v>
      </c>
      <c r="E66977" s="1" t="s">
        <v>222880</v>
      </c>
      <c r="F66977" s="1" t="s">
        <v>222881</v>
      </c>
      <c r="G66977" s="1" t="s">
        <v>222819</v>
      </c>
      <c r="H66977" s="1" t="s">
        <v>222820</v>
      </c>
      <c r="I66977" s="1" t="s">
        <v>222698</v>
      </c>
      <c r="J66977" s="1" t="s">
        <v>222882</v>
      </c>
    </row>
    <row r="66978" spans="1:10" x14ac:dyDescent="0.35">
      <c r="A66978" s="1" t="s">
        <v>144394</v>
      </c>
      <c r="B66978" s="1" t="s">
        <v>222693</v>
      </c>
      <c r="C66978" s="1" t="s">
        <v>105</v>
      </c>
      <c r="D66978" s="1" t="s">
        <v>222883</v>
      </c>
      <c r="E66978" s="1" t="s">
        <v>222884</v>
      </c>
      <c r="F66978" s="1" t="s">
        <v>222885</v>
      </c>
      <c r="G66978" s="1" t="s">
        <v>222819</v>
      </c>
      <c r="H66978" s="1" t="s">
        <v>222820</v>
      </c>
      <c r="I66978" s="1" t="s">
        <v>222698</v>
      </c>
      <c r="J66978" s="1" t="s">
        <v>222886</v>
      </c>
    </row>
    <row r="66979" spans="1:10" x14ac:dyDescent="0.35">
      <c r="A66979" s="1" t="s">
        <v>144394</v>
      </c>
      <c r="B66979" s="1" t="s">
        <v>222693</v>
      </c>
      <c r="C66979" s="1" t="s">
        <v>110</v>
      </c>
      <c r="D66979" s="1" t="s">
        <v>130744</v>
      </c>
      <c r="E66979" s="1" t="s">
        <v>222887</v>
      </c>
      <c r="F66979" s="1" t="s">
        <v>222888</v>
      </c>
      <c r="G66979" s="1" t="s">
        <v>222819</v>
      </c>
      <c r="H66979" s="1" t="s">
        <v>222820</v>
      </c>
      <c r="I66979" s="1" t="s">
        <v>222698</v>
      </c>
      <c r="J66979" s="1" t="s">
        <v>222889</v>
      </c>
    </row>
    <row r="66980" spans="1:10" x14ac:dyDescent="0.35">
      <c r="A66980" s="1" t="s">
        <v>144394</v>
      </c>
      <c r="B66980" s="1" t="s">
        <v>222693</v>
      </c>
      <c r="C66980" s="1" t="s">
        <v>115</v>
      </c>
      <c r="D66980" s="1" t="s">
        <v>222890</v>
      </c>
      <c r="E66980" s="1" t="s">
        <v>222891</v>
      </c>
      <c r="F66980" s="1" t="s">
        <v>222892</v>
      </c>
      <c r="G66980" s="1" t="s">
        <v>222819</v>
      </c>
      <c r="H66980" s="1" t="s">
        <v>222820</v>
      </c>
      <c r="I66980" s="1" t="s">
        <v>222698</v>
      </c>
      <c r="J66980" s="1" t="s">
        <v>222893</v>
      </c>
    </row>
    <row r="66981" spans="1:10" x14ac:dyDescent="0.35">
      <c r="A66981" s="1" t="s">
        <v>144394</v>
      </c>
      <c r="B66981" s="1" t="s">
        <v>222693</v>
      </c>
      <c r="C66981" s="1" t="s">
        <v>120</v>
      </c>
      <c r="D66981" s="1" t="s">
        <v>222894</v>
      </c>
      <c r="E66981" s="1" t="s">
        <v>222895</v>
      </c>
      <c r="F66981" s="1" t="s">
        <v>222896</v>
      </c>
      <c r="G66981" s="1" t="s">
        <v>222819</v>
      </c>
      <c r="H66981" s="1" t="s">
        <v>222820</v>
      </c>
      <c r="I66981" s="1" t="s">
        <v>222698</v>
      </c>
      <c r="J66981" s="1" t="s">
        <v>222897</v>
      </c>
    </row>
    <row r="66982" spans="1:10" x14ac:dyDescent="0.35">
      <c r="A66982" s="1" t="s">
        <v>144394</v>
      </c>
      <c r="B66982" s="1" t="s">
        <v>222693</v>
      </c>
      <c r="C66982" s="1" t="s">
        <v>125</v>
      </c>
      <c r="D66982" s="1" t="s">
        <v>222898</v>
      </c>
      <c r="E66982" s="1" t="s">
        <v>222899</v>
      </c>
      <c r="F66982" s="1" t="s">
        <v>222900</v>
      </c>
      <c r="G66982" s="1" t="s">
        <v>222819</v>
      </c>
      <c r="H66982" s="1" t="s">
        <v>222820</v>
      </c>
      <c r="I66982" s="1" t="s">
        <v>222698</v>
      </c>
      <c r="J66982" s="1" t="s">
        <v>222901</v>
      </c>
    </row>
    <row r="66983" spans="1:10" x14ac:dyDescent="0.35">
      <c r="A66983" s="1" t="s">
        <v>144394</v>
      </c>
      <c r="B66983" s="1" t="s">
        <v>222693</v>
      </c>
      <c r="C66983" s="1" t="s">
        <v>130</v>
      </c>
      <c r="D66983" s="1" t="s">
        <v>222902</v>
      </c>
      <c r="E66983" s="1" t="s">
        <v>222903</v>
      </c>
      <c r="F66983" s="1" t="s">
        <v>222904</v>
      </c>
      <c r="G66983" s="1" t="s">
        <v>222819</v>
      </c>
      <c r="H66983" s="1" t="s">
        <v>222820</v>
      </c>
      <c r="I66983" s="1" t="s">
        <v>222698</v>
      </c>
      <c r="J66983" s="1" t="s">
        <v>222905</v>
      </c>
    </row>
    <row r="66984" spans="1:10" x14ac:dyDescent="0.35">
      <c r="A66984" s="1" t="s">
        <v>144394</v>
      </c>
      <c r="B66984" s="1" t="s">
        <v>222693</v>
      </c>
      <c r="C66984" s="1" t="s">
        <v>135</v>
      </c>
      <c r="D66984" s="1" t="s">
        <v>40079</v>
      </c>
      <c r="E66984" s="1" t="s">
        <v>222906</v>
      </c>
      <c r="F66984" s="1" t="s">
        <v>222907</v>
      </c>
      <c r="G66984" s="1" t="s">
        <v>222819</v>
      </c>
      <c r="H66984" s="1" t="s">
        <v>222820</v>
      </c>
      <c r="I66984" s="1" t="s">
        <v>222698</v>
      </c>
      <c r="J66984" s="1" t="s">
        <v>222908</v>
      </c>
    </row>
    <row r="66985" spans="1:10" x14ac:dyDescent="0.35">
      <c r="A66985" s="1" t="s">
        <v>144394</v>
      </c>
      <c r="B66985" s="1" t="s">
        <v>222693</v>
      </c>
      <c r="C66985" s="1" t="s">
        <v>140</v>
      </c>
      <c r="D66985" s="1" t="s">
        <v>133762</v>
      </c>
      <c r="E66985" s="1" t="s">
        <v>222909</v>
      </c>
      <c r="F66985" s="1" t="s">
        <v>222910</v>
      </c>
      <c r="G66985" s="1" t="s">
        <v>222819</v>
      </c>
      <c r="H66985" s="1" t="s">
        <v>222820</v>
      </c>
      <c r="I66985" s="1" t="s">
        <v>222698</v>
      </c>
      <c r="J66985" s="1" t="s">
        <v>222911</v>
      </c>
    </row>
    <row r="66986" spans="1:10" x14ac:dyDescent="0.35">
      <c r="A66986" s="1" t="s">
        <v>144394</v>
      </c>
      <c r="B66986" s="1" t="s">
        <v>222693</v>
      </c>
      <c r="C66986" s="1" t="s">
        <v>145</v>
      </c>
      <c r="D66986" s="1" t="s">
        <v>222912</v>
      </c>
      <c r="E66986" s="1" t="s">
        <v>222913</v>
      </c>
      <c r="F66986" s="1" t="s">
        <v>222914</v>
      </c>
      <c r="G66986" s="1" t="s">
        <v>222819</v>
      </c>
      <c r="H66986" s="1" t="s">
        <v>222820</v>
      </c>
      <c r="I66986" s="1" t="s">
        <v>222698</v>
      </c>
      <c r="J66986" s="1" t="s">
        <v>222915</v>
      </c>
    </row>
    <row r="66987" spans="1:10" x14ac:dyDescent="0.35">
      <c r="A66987" s="1" t="s">
        <v>144394</v>
      </c>
      <c r="B66987" s="1" t="s">
        <v>222693</v>
      </c>
      <c r="C66987" s="1" t="s">
        <v>150</v>
      </c>
      <c r="D66987" s="1" t="s">
        <v>222916</v>
      </c>
      <c r="E66987" s="1" t="s">
        <v>222917</v>
      </c>
      <c r="F66987" s="1" t="s">
        <v>222918</v>
      </c>
      <c r="G66987" s="1" t="s">
        <v>222819</v>
      </c>
      <c r="H66987" s="1" t="s">
        <v>222820</v>
      </c>
      <c r="I66987" s="1" t="s">
        <v>222698</v>
      </c>
      <c r="J66987" s="1" t="s">
        <v>222919</v>
      </c>
    </row>
    <row r="66988" spans="1:10" x14ac:dyDescent="0.35">
      <c r="A66988" s="1" t="s">
        <v>144394</v>
      </c>
      <c r="B66988" s="1" t="s">
        <v>222693</v>
      </c>
      <c r="C66988" s="1" t="s">
        <v>155</v>
      </c>
      <c r="D66988" s="1" t="s">
        <v>222920</v>
      </c>
      <c r="E66988" s="1" t="s">
        <v>222921</v>
      </c>
      <c r="F66988" s="1" t="s">
        <v>222922</v>
      </c>
      <c r="G66988" s="1" t="s">
        <v>222819</v>
      </c>
      <c r="H66988" s="1" t="s">
        <v>222820</v>
      </c>
      <c r="I66988" s="1" t="s">
        <v>222698</v>
      </c>
      <c r="J66988" s="1" t="s">
        <v>222923</v>
      </c>
    </row>
    <row r="66989" spans="1:10" x14ac:dyDescent="0.35">
      <c r="A66989" s="1" t="s">
        <v>144394</v>
      </c>
      <c r="B66989" s="1" t="s">
        <v>222693</v>
      </c>
      <c r="C66989" s="1" t="s">
        <v>160</v>
      </c>
      <c r="D66989" s="1" t="s">
        <v>99743</v>
      </c>
      <c r="E66989" s="1" t="s">
        <v>222924</v>
      </c>
      <c r="F66989" s="1" t="s">
        <v>222925</v>
      </c>
      <c r="G66989" s="1" t="s">
        <v>222819</v>
      </c>
      <c r="H66989" s="1" t="s">
        <v>222820</v>
      </c>
      <c r="I66989" s="1" t="s">
        <v>222698</v>
      </c>
      <c r="J66989" s="1" t="s">
        <v>222926</v>
      </c>
    </row>
    <row r="66990" spans="1:10" x14ac:dyDescent="0.35">
      <c r="A66990" s="1" t="s">
        <v>144394</v>
      </c>
      <c r="B66990" s="1" t="s">
        <v>222693</v>
      </c>
      <c r="C66990" s="1" t="s">
        <v>165</v>
      </c>
      <c r="D66990" s="1" t="s">
        <v>65555</v>
      </c>
      <c r="E66990" s="1" t="s">
        <v>222927</v>
      </c>
      <c r="F66990" s="1" t="s">
        <v>222928</v>
      </c>
      <c r="G66990" s="1" t="s">
        <v>222819</v>
      </c>
      <c r="H66990" s="1" t="s">
        <v>222820</v>
      </c>
      <c r="I66990" s="1" t="s">
        <v>222698</v>
      </c>
      <c r="J66990" s="1" t="s">
        <v>222929</v>
      </c>
    </row>
    <row r="66991" spans="1:10" x14ac:dyDescent="0.35">
      <c r="A66991" s="1" t="s">
        <v>144394</v>
      </c>
      <c r="B66991" s="1" t="s">
        <v>222693</v>
      </c>
      <c r="C66991" s="1" t="s">
        <v>170</v>
      </c>
      <c r="D66991" s="1" t="s">
        <v>222930</v>
      </c>
      <c r="E66991" s="1" t="s">
        <v>222931</v>
      </c>
      <c r="F66991" s="1" t="s">
        <v>222932</v>
      </c>
      <c r="G66991" s="1" t="s">
        <v>222819</v>
      </c>
      <c r="H66991" s="1" t="s">
        <v>222820</v>
      </c>
      <c r="I66991" s="1" t="s">
        <v>222698</v>
      </c>
      <c r="J66991" s="1" t="s">
        <v>222933</v>
      </c>
    </row>
    <row r="66992" spans="1:10" x14ac:dyDescent="0.35">
      <c r="A66992" s="1" t="s">
        <v>112190</v>
      </c>
      <c r="B66992" s="1" t="s">
        <v>222693</v>
      </c>
      <c r="C66992" s="1" t="s">
        <v>8</v>
      </c>
      <c r="D66992" s="1" t="s">
        <v>130931</v>
      </c>
      <c r="E66992" s="1" t="s">
        <v>222934</v>
      </c>
      <c r="F66992" s="1" t="s">
        <v>222935</v>
      </c>
      <c r="G66992" s="1" t="s">
        <v>222936</v>
      </c>
      <c r="H66992" s="1" t="s">
        <v>222937</v>
      </c>
      <c r="I66992" s="1" t="s">
        <v>222698</v>
      </c>
      <c r="J66992" s="1" t="s">
        <v>13</v>
      </c>
    </row>
    <row r="66993" spans="1:10" x14ac:dyDescent="0.35">
      <c r="A66993" s="1" t="s">
        <v>112190</v>
      </c>
      <c r="B66993" s="1" t="s">
        <v>222693</v>
      </c>
      <c r="C66993" s="1" t="s">
        <v>15</v>
      </c>
      <c r="D66993" s="1" t="s">
        <v>58186</v>
      </c>
      <c r="E66993" s="1" t="s">
        <v>222938</v>
      </c>
      <c r="F66993" s="1" t="s">
        <v>222939</v>
      </c>
      <c r="G66993" s="1" t="s">
        <v>222936</v>
      </c>
      <c r="H66993" s="1" t="s">
        <v>222937</v>
      </c>
      <c r="I66993" s="1" t="s">
        <v>222698</v>
      </c>
      <c r="J66993" s="1" t="s">
        <v>222940</v>
      </c>
    </row>
    <row r="66994" spans="1:10" x14ac:dyDescent="0.35">
      <c r="A66994" s="1" t="s">
        <v>112190</v>
      </c>
      <c r="B66994" s="1" t="s">
        <v>222693</v>
      </c>
      <c r="C66994" s="1" t="s">
        <v>20</v>
      </c>
      <c r="D66994" s="1" t="s">
        <v>66604</v>
      </c>
      <c r="E66994" s="1" t="s">
        <v>222941</v>
      </c>
      <c r="F66994" s="1" t="s">
        <v>11121</v>
      </c>
      <c r="G66994" s="1" t="s">
        <v>222936</v>
      </c>
      <c r="H66994" s="1" t="s">
        <v>222937</v>
      </c>
      <c r="I66994" s="1" t="s">
        <v>222698</v>
      </c>
      <c r="J66994" s="1" t="s">
        <v>222942</v>
      </c>
    </row>
    <row r="66995" spans="1:10" x14ac:dyDescent="0.35">
      <c r="A66995" s="1" t="s">
        <v>112190</v>
      </c>
      <c r="B66995" s="1" t="s">
        <v>222693</v>
      </c>
      <c r="C66995" s="1" t="s">
        <v>25</v>
      </c>
      <c r="D66995" s="1" t="s">
        <v>127895</v>
      </c>
      <c r="E66995" s="1" t="s">
        <v>222943</v>
      </c>
      <c r="F66995" s="1" t="s">
        <v>222944</v>
      </c>
      <c r="G66995" s="1" t="s">
        <v>222936</v>
      </c>
      <c r="H66995" s="1" t="s">
        <v>222937</v>
      </c>
      <c r="I66995" s="1" t="s">
        <v>222698</v>
      </c>
      <c r="J66995" s="1" t="s">
        <v>222945</v>
      </c>
    </row>
    <row r="66996" spans="1:10" x14ac:dyDescent="0.35">
      <c r="A66996" s="1" t="s">
        <v>112190</v>
      </c>
      <c r="B66996" s="1" t="s">
        <v>222693</v>
      </c>
      <c r="C66996" s="1" t="s">
        <v>30</v>
      </c>
      <c r="D66996" s="1" t="s">
        <v>59546</v>
      </c>
      <c r="E66996" s="1" t="s">
        <v>222946</v>
      </c>
      <c r="F66996" s="1" t="s">
        <v>222947</v>
      </c>
      <c r="G66996" s="1" t="s">
        <v>222936</v>
      </c>
      <c r="H66996" s="1" t="s">
        <v>222937</v>
      </c>
      <c r="I66996" s="1" t="s">
        <v>222698</v>
      </c>
      <c r="J66996" s="1" t="s">
        <v>222948</v>
      </c>
    </row>
    <row r="66997" spans="1:10" x14ac:dyDescent="0.35">
      <c r="A66997" s="1" t="s">
        <v>112190</v>
      </c>
      <c r="B66997" s="1" t="s">
        <v>222693</v>
      </c>
      <c r="C66997" s="1" t="s">
        <v>35</v>
      </c>
      <c r="D66997" s="1" t="s">
        <v>80616</v>
      </c>
      <c r="E66997" s="1" t="s">
        <v>222949</v>
      </c>
      <c r="F66997" s="1" t="s">
        <v>222950</v>
      </c>
      <c r="G66997" s="1" t="s">
        <v>222936</v>
      </c>
      <c r="H66997" s="1" t="s">
        <v>222937</v>
      </c>
      <c r="I66997" s="1" t="s">
        <v>222698</v>
      </c>
      <c r="J66997" s="1" t="s">
        <v>222951</v>
      </c>
    </row>
    <row r="66998" spans="1:10" x14ac:dyDescent="0.35">
      <c r="A66998" s="1" t="s">
        <v>112190</v>
      </c>
      <c r="B66998" s="1" t="s">
        <v>222693</v>
      </c>
      <c r="C66998" s="1" t="s">
        <v>40</v>
      </c>
      <c r="D66998" s="1" t="s">
        <v>92571</v>
      </c>
      <c r="E66998" s="1" t="s">
        <v>222952</v>
      </c>
      <c r="F66998" s="1" t="s">
        <v>222953</v>
      </c>
      <c r="G66998" s="1" t="s">
        <v>222936</v>
      </c>
      <c r="H66998" s="1" t="s">
        <v>222937</v>
      </c>
      <c r="I66998" s="1" t="s">
        <v>222698</v>
      </c>
      <c r="J66998" s="1" t="s">
        <v>222954</v>
      </c>
    </row>
    <row r="66999" spans="1:10" x14ac:dyDescent="0.35">
      <c r="A66999" s="1" t="s">
        <v>112190</v>
      </c>
      <c r="B66999" s="1" t="s">
        <v>222693</v>
      </c>
      <c r="C66999" s="1" t="s">
        <v>45</v>
      </c>
      <c r="D66999" s="1" t="s">
        <v>222955</v>
      </c>
      <c r="E66999" s="1" t="s">
        <v>222956</v>
      </c>
      <c r="F66999" s="1" t="s">
        <v>222957</v>
      </c>
      <c r="G66999" s="1" t="s">
        <v>222936</v>
      </c>
      <c r="H66999" s="1" t="s">
        <v>222937</v>
      </c>
      <c r="I66999" s="1" t="s">
        <v>222698</v>
      </c>
      <c r="J66999" s="1" t="s">
        <v>222958</v>
      </c>
    </row>
    <row r="67000" spans="1:10" x14ac:dyDescent="0.35">
      <c r="A67000" s="1" t="s">
        <v>112190</v>
      </c>
      <c r="B67000" s="1" t="s">
        <v>222693</v>
      </c>
      <c r="C67000" s="1" t="s">
        <v>50</v>
      </c>
      <c r="D67000" s="1" t="s">
        <v>94114</v>
      </c>
      <c r="E67000" s="1" t="s">
        <v>222959</v>
      </c>
      <c r="F67000" s="1" t="s">
        <v>222960</v>
      </c>
      <c r="G67000" s="1" t="s">
        <v>222936</v>
      </c>
      <c r="H67000" s="1" t="s">
        <v>222937</v>
      </c>
      <c r="I67000" s="1" t="s">
        <v>222698</v>
      </c>
      <c r="J67000" s="1" t="s">
        <v>222961</v>
      </c>
    </row>
    <row r="67001" spans="1:10" x14ac:dyDescent="0.35">
      <c r="A67001" s="1" t="s">
        <v>112190</v>
      </c>
      <c r="B67001" s="1" t="s">
        <v>222693</v>
      </c>
      <c r="C67001" s="1" t="s">
        <v>55</v>
      </c>
      <c r="D67001" s="1" t="s">
        <v>67167</v>
      </c>
      <c r="E67001" s="1" t="s">
        <v>222962</v>
      </c>
      <c r="F67001" s="1" t="s">
        <v>222963</v>
      </c>
      <c r="G67001" s="1" t="s">
        <v>222936</v>
      </c>
      <c r="H67001" s="1" t="s">
        <v>222937</v>
      </c>
      <c r="I67001" s="1" t="s">
        <v>222698</v>
      </c>
      <c r="J67001" s="1" t="s">
        <v>222964</v>
      </c>
    </row>
    <row r="67002" spans="1:10" x14ac:dyDescent="0.35">
      <c r="A67002" s="1" t="s">
        <v>112190</v>
      </c>
      <c r="B67002" s="1" t="s">
        <v>222693</v>
      </c>
      <c r="C67002" s="1" t="s">
        <v>60</v>
      </c>
      <c r="D67002" s="1" t="s">
        <v>199691</v>
      </c>
      <c r="E67002" s="1" t="s">
        <v>222965</v>
      </c>
      <c r="F67002" s="1" t="s">
        <v>222966</v>
      </c>
      <c r="G67002" s="1" t="s">
        <v>222936</v>
      </c>
      <c r="H67002" s="1" t="s">
        <v>222937</v>
      </c>
      <c r="I67002" s="1" t="s">
        <v>222698</v>
      </c>
      <c r="J67002" s="1" t="s">
        <v>222967</v>
      </c>
    </row>
    <row r="67003" spans="1:10" x14ac:dyDescent="0.35">
      <c r="A67003" s="1" t="s">
        <v>112190</v>
      </c>
      <c r="B67003" s="1" t="s">
        <v>222693</v>
      </c>
      <c r="C67003" s="1" t="s">
        <v>65</v>
      </c>
      <c r="D67003" s="1" t="s">
        <v>222968</v>
      </c>
      <c r="E67003" s="1" t="s">
        <v>222969</v>
      </c>
      <c r="F67003" s="1" t="s">
        <v>222970</v>
      </c>
      <c r="G67003" s="1" t="s">
        <v>222936</v>
      </c>
      <c r="H67003" s="1" t="s">
        <v>222937</v>
      </c>
      <c r="I67003" s="1" t="s">
        <v>222698</v>
      </c>
      <c r="J67003" s="1" t="s">
        <v>222971</v>
      </c>
    </row>
    <row r="67004" spans="1:10" x14ac:dyDescent="0.35">
      <c r="A67004" s="1" t="s">
        <v>112190</v>
      </c>
      <c r="B67004" s="1" t="s">
        <v>222693</v>
      </c>
      <c r="C67004" s="1" t="s">
        <v>70</v>
      </c>
      <c r="D67004" s="1" t="s">
        <v>99824</v>
      </c>
      <c r="E67004" s="1" t="s">
        <v>222972</v>
      </c>
      <c r="F67004" s="1" t="s">
        <v>222973</v>
      </c>
      <c r="G67004" s="1" t="s">
        <v>222936</v>
      </c>
      <c r="H67004" s="1" t="s">
        <v>222937</v>
      </c>
      <c r="I67004" s="1" t="s">
        <v>222698</v>
      </c>
      <c r="J67004" s="1" t="s">
        <v>222974</v>
      </c>
    </row>
    <row r="67005" spans="1:10" x14ac:dyDescent="0.35">
      <c r="A67005" s="1" t="s">
        <v>112190</v>
      </c>
      <c r="B67005" s="1" t="s">
        <v>222693</v>
      </c>
      <c r="C67005" s="1" t="s">
        <v>75</v>
      </c>
      <c r="D67005" s="1" t="s">
        <v>222975</v>
      </c>
      <c r="E67005" s="1" t="s">
        <v>222976</v>
      </c>
      <c r="F67005" s="1" t="s">
        <v>222977</v>
      </c>
      <c r="G67005" s="1" t="s">
        <v>222936</v>
      </c>
      <c r="H67005" s="1" t="s">
        <v>222937</v>
      </c>
      <c r="I67005" s="1" t="s">
        <v>222698</v>
      </c>
      <c r="J67005" s="1" t="s">
        <v>222978</v>
      </c>
    </row>
    <row r="67006" spans="1:10" x14ac:dyDescent="0.35">
      <c r="A67006" s="1" t="s">
        <v>112190</v>
      </c>
      <c r="B67006" s="1" t="s">
        <v>222693</v>
      </c>
      <c r="C67006" s="1" t="s">
        <v>80</v>
      </c>
      <c r="D67006" s="1" t="s">
        <v>27173</v>
      </c>
      <c r="E67006" s="1" t="s">
        <v>222979</v>
      </c>
      <c r="F67006" s="1" t="s">
        <v>222980</v>
      </c>
      <c r="G67006" s="1" t="s">
        <v>222936</v>
      </c>
      <c r="H67006" s="1" t="s">
        <v>222937</v>
      </c>
      <c r="I67006" s="1" t="s">
        <v>222698</v>
      </c>
      <c r="J67006" s="1" t="s">
        <v>222981</v>
      </c>
    </row>
    <row r="67007" spans="1:10" x14ac:dyDescent="0.35">
      <c r="A67007" s="1" t="s">
        <v>112190</v>
      </c>
      <c r="B67007" s="1" t="s">
        <v>222693</v>
      </c>
      <c r="C67007" s="1" t="s">
        <v>85</v>
      </c>
      <c r="D67007" s="1" t="s">
        <v>14481</v>
      </c>
      <c r="E67007" s="1" t="s">
        <v>222982</v>
      </c>
      <c r="F67007" s="1" t="s">
        <v>222983</v>
      </c>
      <c r="G67007" s="1" t="s">
        <v>222936</v>
      </c>
      <c r="H67007" s="1" t="s">
        <v>222937</v>
      </c>
      <c r="I67007" s="1" t="s">
        <v>222698</v>
      </c>
      <c r="J67007" s="1" t="s">
        <v>222984</v>
      </c>
    </row>
    <row r="67008" spans="1:10" x14ac:dyDescent="0.35">
      <c r="A67008" s="1" t="s">
        <v>112190</v>
      </c>
      <c r="B67008" s="1" t="s">
        <v>222693</v>
      </c>
      <c r="C67008" s="1" t="s">
        <v>90</v>
      </c>
      <c r="D67008" s="1" t="s">
        <v>222985</v>
      </c>
      <c r="E67008" s="1" t="s">
        <v>222986</v>
      </c>
      <c r="F67008" s="1" t="s">
        <v>222987</v>
      </c>
      <c r="G67008" s="1" t="s">
        <v>222936</v>
      </c>
      <c r="H67008" s="1" t="s">
        <v>222937</v>
      </c>
      <c r="I67008" s="1" t="s">
        <v>222698</v>
      </c>
      <c r="J67008" s="1" t="s">
        <v>222988</v>
      </c>
    </row>
    <row r="67009" spans="1:10" x14ac:dyDescent="0.35">
      <c r="A67009" s="1" t="s">
        <v>112190</v>
      </c>
      <c r="B67009" s="1" t="s">
        <v>222693</v>
      </c>
      <c r="C67009" s="1" t="s">
        <v>95</v>
      </c>
      <c r="D67009" s="1" t="s">
        <v>102632</v>
      </c>
      <c r="E67009" s="1" t="s">
        <v>222989</v>
      </c>
      <c r="F67009" s="1" t="s">
        <v>222990</v>
      </c>
      <c r="G67009" s="1" t="s">
        <v>222936</v>
      </c>
      <c r="H67009" s="1" t="s">
        <v>222937</v>
      </c>
      <c r="I67009" s="1" t="s">
        <v>222698</v>
      </c>
      <c r="J67009" s="1" t="s">
        <v>222991</v>
      </c>
    </row>
    <row r="67010" spans="1:10" x14ac:dyDescent="0.35">
      <c r="A67010" s="1" t="s">
        <v>112190</v>
      </c>
      <c r="B67010" s="1" t="s">
        <v>222693</v>
      </c>
      <c r="C67010" s="1" t="s">
        <v>100</v>
      </c>
      <c r="D67010" s="1" t="s">
        <v>222992</v>
      </c>
      <c r="E67010" s="1" t="s">
        <v>222993</v>
      </c>
      <c r="F67010" s="1" t="s">
        <v>222994</v>
      </c>
      <c r="G67010" s="1" t="s">
        <v>222936</v>
      </c>
      <c r="H67010" s="1" t="s">
        <v>222937</v>
      </c>
      <c r="I67010" s="1" t="s">
        <v>222698</v>
      </c>
      <c r="J67010" s="1" t="s">
        <v>222995</v>
      </c>
    </row>
    <row r="67011" spans="1:10" x14ac:dyDescent="0.35">
      <c r="A67011" s="1" t="s">
        <v>112190</v>
      </c>
      <c r="B67011" s="1" t="s">
        <v>222693</v>
      </c>
      <c r="C67011" s="1" t="s">
        <v>105</v>
      </c>
      <c r="D67011" s="1" t="s">
        <v>222996</v>
      </c>
      <c r="E67011" s="1" t="s">
        <v>222997</v>
      </c>
      <c r="F67011" s="1" t="s">
        <v>222998</v>
      </c>
      <c r="G67011" s="1" t="s">
        <v>222936</v>
      </c>
      <c r="H67011" s="1" t="s">
        <v>222937</v>
      </c>
      <c r="I67011" s="1" t="s">
        <v>222698</v>
      </c>
      <c r="J67011" s="1" t="s">
        <v>222999</v>
      </c>
    </row>
    <row r="67012" spans="1:10" x14ac:dyDescent="0.35">
      <c r="A67012" s="1" t="s">
        <v>112190</v>
      </c>
      <c r="B67012" s="1" t="s">
        <v>222693</v>
      </c>
      <c r="C67012" s="1" t="s">
        <v>110</v>
      </c>
      <c r="D67012" s="1" t="s">
        <v>223000</v>
      </c>
      <c r="E67012" s="1" t="s">
        <v>223001</v>
      </c>
      <c r="F67012" s="1" t="s">
        <v>223002</v>
      </c>
      <c r="G67012" s="1" t="s">
        <v>222936</v>
      </c>
      <c r="H67012" s="1" t="s">
        <v>222937</v>
      </c>
      <c r="I67012" s="1" t="s">
        <v>222698</v>
      </c>
      <c r="J67012" s="1" t="s">
        <v>223003</v>
      </c>
    </row>
    <row r="67013" spans="1:10" x14ac:dyDescent="0.35">
      <c r="A67013" s="1" t="s">
        <v>112190</v>
      </c>
      <c r="B67013" s="1" t="s">
        <v>222693</v>
      </c>
      <c r="C67013" s="1" t="s">
        <v>115</v>
      </c>
      <c r="D67013" s="1" t="s">
        <v>79736</v>
      </c>
      <c r="E67013" s="1" t="s">
        <v>223004</v>
      </c>
      <c r="F67013" s="1" t="s">
        <v>108863</v>
      </c>
      <c r="G67013" s="1" t="s">
        <v>222936</v>
      </c>
      <c r="H67013" s="1" t="s">
        <v>222937</v>
      </c>
      <c r="I67013" s="1" t="s">
        <v>222698</v>
      </c>
      <c r="J67013" s="1" t="s">
        <v>223005</v>
      </c>
    </row>
    <row r="67014" spans="1:10" x14ac:dyDescent="0.35">
      <c r="A67014" s="1" t="s">
        <v>112190</v>
      </c>
      <c r="B67014" s="1" t="s">
        <v>222693</v>
      </c>
      <c r="C67014" s="1" t="s">
        <v>120</v>
      </c>
      <c r="D67014" s="1" t="s">
        <v>223006</v>
      </c>
      <c r="E67014" s="1" t="s">
        <v>223007</v>
      </c>
      <c r="F67014" s="1" t="s">
        <v>223008</v>
      </c>
      <c r="G67014" s="1" t="s">
        <v>222936</v>
      </c>
      <c r="H67014" s="1" t="s">
        <v>222937</v>
      </c>
      <c r="I67014" s="1" t="s">
        <v>222698</v>
      </c>
      <c r="J67014" s="1" t="s">
        <v>223009</v>
      </c>
    </row>
    <row r="67015" spans="1:10" x14ac:dyDescent="0.35">
      <c r="A67015" s="1" t="s">
        <v>112190</v>
      </c>
      <c r="B67015" s="1" t="s">
        <v>222693</v>
      </c>
      <c r="C67015" s="1" t="s">
        <v>125</v>
      </c>
      <c r="D67015" s="1" t="s">
        <v>108889</v>
      </c>
      <c r="E67015" s="1" t="s">
        <v>223010</v>
      </c>
      <c r="F67015" s="1" t="s">
        <v>223011</v>
      </c>
      <c r="G67015" s="1" t="s">
        <v>222936</v>
      </c>
      <c r="H67015" s="1" t="s">
        <v>222937</v>
      </c>
      <c r="I67015" s="1" t="s">
        <v>222698</v>
      </c>
      <c r="J67015" s="1" t="s">
        <v>223012</v>
      </c>
    </row>
    <row r="67016" spans="1:10" x14ac:dyDescent="0.35">
      <c r="A67016" s="1" t="s">
        <v>112190</v>
      </c>
      <c r="B67016" s="1" t="s">
        <v>222693</v>
      </c>
      <c r="C67016" s="1" t="s">
        <v>130</v>
      </c>
      <c r="D67016" s="1" t="s">
        <v>223013</v>
      </c>
      <c r="E67016" s="1" t="s">
        <v>223014</v>
      </c>
      <c r="F67016" s="1" t="s">
        <v>223015</v>
      </c>
      <c r="G67016" s="1" t="s">
        <v>222936</v>
      </c>
      <c r="H67016" s="1" t="s">
        <v>222937</v>
      </c>
      <c r="I67016" s="1" t="s">
        <v>222698</v>
      </c>
      <c r="J67016" s="1" t="s">
        <v>223016</v>
      </c>
    </row>
    <row r="67017" spans="1:10" x14ac:dyDescent="0.35">
      <c r="A67017" s="1" t="s">
        <v>112190</v>
      </c>
      <c r="B67017" s="1" t="s">
        <v>222693</v>
      </c>
      <c r="C67017" s="1" t="s">
        <v>135</v>
      </c>
      <c r="D67017" s="1" t="s">
        <v>223017</v>
      </c>
      <c r="E67017" s="1" t="s">
        <v>223018</v>
      </c>
      <c r="F67017" s="1" t="s">
        <v>223019</v>
      </c>
      <c r="G67017" s="1" t="s">
        <v>222936</v>
      </c>
      <c r="H67017" s="1" t="s">
        <v>222937</v>
      </c>
      <c r="I67017" s="1" t="s">
        <v>222698</v>
      </c>
      <c r="J67017" s="1" t="s">
        <v>223020</v>
      </c>
    </row>
    <row r="67018" spans="1:10" x14ac:dyDescent="0.35">
      <c r="A67018" s="1" t="s">
        <v>112190</v>
      </c>
      <c r="B67018" s="1" t="s">
        <v>222693</v>
      </c>
      <c r="C67018" s="1" t="s">
        <v>140</v>
      </c>
      <c r="D67018" s="1" t="s">
        <v>33312</v>
      </c>
      <c r="E67018" s="1" t="s">
        <v>223021</v>
      </c>
      <c r="F67018" s="1" t="s">
        <v>50492</v>
      </c>
      <c r="G67018" s="1" t="s">
        <v>222936</v>
      </c>
      <c r="H67018" s="1" t="s">
        <v>222937</v>
      </c>
      <c r="I67018" s="1" t="s">
        <v>222698</v>
      </c>
      <c r="J67018" s="1" t="s">
        <v>223022</v>
      </c>
    </row>
    <row r="67019" spans="1:10" x14ac:dyDescent="0.35">
      <c r="A67019" s="1" t="s">
        <v>112190</v>
      </c>
      <c r="B67019" s="1" t="s">
        <v>222693</v>
      </c>
      <c r="C67019" s="1" t="s">
        <v>145</v>
      </c>
      <c r="D67019" s="1" t="s">
        <v>164117</v>
      </c>
      <c r="E67019" s="1" t="s">
        <v>223023</v>
      </c>
      <c r="F67019" s="1" t="s">
        <v>223024</v>
      </c>
      <c r="G67019" s="1" t="s">
        <v>222936</v>
      </c>
      <c r="H67019" s="1" t="s">
        <v>222937</v>
      </c>
      <c r="I67019" s="1" t="s">
        <v>222698</v>
      </c>
      <c r="J67019" s="1" t="s">
        <v>223025</v>
      </c>
    </row>
    <row r="67020" spans="1:10" x14ac:dyDescent="0.35">
      <c r="A67020" s="1" t="s">
        <v>112190</v>
      </c>
      <c r="B67020" s="1" t="s">
        <v>222693</v>
      </c>
      <c r="C67020" s="1" t="s">
        <v>150</v>
      </c>
      <c r="D67020" s="1" t="s">
        <v>223026</v>
      </c>
      <c r="E67020" s="1" t="s">
        <v>223027</v>
      </c>
      <c r="F67020" s="1" t="s">
        <v>223028</v>
      </c>
      <c r="G67020" s="1" t="s">
        <v>222936</v>
      </c>
      <c r="H67020" s="1" t="s">
        <v>222937</v>
      </c>
      <c r="I67020" s="1" t="s">
        <v>222698</v>
      </c>
      <c r="J67020" s="1" t="s">
        <v>223029</v>
      </c>
    </row>
    <row r="67021" spans="1:10" x14ac:dyDescent="0.35">
      <c r="A67021" s="1" t="s">
        <v>112190</v>
      </c>
      <c r="B67021" s="1" t="s">
        <v>222693</v>
      </c>
      <c r="C67021" s="1" t="s">
        <v>155</v>
      </c>
      <c r="D67021" s="1" t="s">
        <v>223030</v>
      </c>
      <c r="E67021" s="1" t="s">
        <v>223031</v>
      </c>
      <c r="F67021" s="1" t="s">
        <v>223032</v>
      </c>
      <c r="G67021" s="1" t="s">
        <v>222936</v>
      </c>
      <c r="H67021" s="1" t="s">
        <v>222937</v>
      </c>
      <c r="I67021" s="1" t="s">
        <v>222698</v>
      </c>
      <c r="J67021" s="1" t="s">
        <v>223033</v>
      </c>
    </row>
    <row r="67022" spans="1:10" x14ac:dyDescent="0.35">
      <c r="A67022" s="1" t="s">
        <v>112190</v>
      </c>
      <c r="B67022" s="1" t="s">
        <v>222693</v>
      </c>
      <c r="C67022" s="1" t="s">
        <v>160</v>
      </c>
      <c r="D67022" s="1" t="s">
        <v>92262</v>
      </c>
      <c r="E67022" s="1" t="s">
        <v>223034</v>
      </c>
      <c r="F67022" s="1" t="s">
        <v>223035</v>
      </c>
      <c r="G67022" s="1" t="s">
        <v>222936</v>
      </c>
      <c r="H67022" s="1" t="s">
        <v>222937</v>
      </c>
      <c r="I67022" s="1" t="s">
        <v>222698</v>
      </c>
      <c r="J67022" s="1" t="s">
        <v>223036</v>
      </c>
    </row>
    <row r="67023" spans="1:10" x14ac:dyDescent="0.35">
      <c r="A67023" s="1" t="s">
        <v>112190</v>
      </c>
      <c r="B67023" s="1" t="s">
        <v>222693</v>
      </c>
      <c r="C67023" s="1" t="s">
        <v>165</v>
      </c>
      <c r="D67023" s="1" t="s">
        <v>223037</v>
      </c>
      <c r="E67023" s="1" t="s">
        <v>223038</v>
      </c>
      <c r="F67023" s="1" t="s">
        <v>223039</v>
      </c>
      <c r="G67023" s="1" t="s">
        <v>222936</v>
      </c>
      <c r="H67023" s="1" t="s">
        <v>222937</v>
      </c>
      <c r="I67023" s="1" t="s">
        <v>222698</v>
      </c>
      <c r="J67023" s="1" t="s">
        <v>223040</v>
      </c>
    </row>
    <row r="67024" spans="1:10" x14ac:dyDescent="0.35">
      <c r="A67024" s="1" t="s">
        <v>112190</v>
      </c>
      <c r="B67024" s="1" t="s">
        <v>222693</v>
      </c>
      <c r="C67024" s="1" t="s">
        <v>170</v>
      </c>
      <c r="D67024" s="1" t="s">
        <v>88369</v>
      </c>
      <c r="E67024" s="1" t="s">
        <v>223041</v>
      </c>
      <c r="F67024" s="1" t="s">
        <v>223042</v>
      </c>
      <c r="G67024" s="1" t="s">
        <v>222936</v>
      </c>
      <c r="H67024" s="1" t="s">
        <v>222937</v>
      </c>
      <c r="I67024" s="1" t="s">
        <v>222698</v>
      </c>
      <c r="J67024" s="1" t="s">
        <v>223043</v>
      </c>
    </row>
    <row r="67025" spans="1:10" x14ac:dyDescent="0.35">
      <c r="A67025" s="1" t="s">
        <v>46345</v>
      </c>
      <c r="B67025" s="1" t="s">
        <v>222693</v>
      </c>
      <c r="C67025" s="1" t="s">
        <v>8</v>
      </c>
      <c r="D67025" s="1" t="s">
        <v>139376</v>
      </c>
      <c r="E67025" s="1" t="s">
        <v>223044</v>
      </c>
      <c r="F67025" s="1" t="s">
        <v>223045</v>
      </c>
      <c r="G67025" s="1" t="s">
        <v>223046</v>
      </c>
      <c r="H67025" s="1" t="s">
        <v>223047</v>
      </c>
      <c r="I67025" s="1" t="s">
        <v>222698</v>
      </c>
      <c r="J67025" s="1" t="s">
        <v>13</v>
      </c>
    </row>
    <row r="67026" spans="1:10" x14ac:dyDescent="0.35">
      <c r="A67026" s="1" t="s">
        <v>46345</v>
      </c>
      <c r="B67026" s="1" t="s">
        <v>222693</v>
      </c>
      <c r="C67026" s="1" t="s">
        <v>15</v>
      </c>
      <c r="D67026" s="1" t="s">
        <v>223048</v>
      </c>
      <c r="E67026" s="1" t="s">
        <v>223049</v>
      </c>
      <c r="F67026" s="1" t="s">
        <v>223050</v>
      </c>
      <c r="G67026" s="1" t="s">
        <v>223046</v>
      </c>
      <c r="H67026" s="1" t="s">
        <v>223047</v>
      </c>
      <c r="I67026" s="1" t="s">
        <v>222698</v>
      </c>
      <c r="J67026" s="1" t="s">
        <v>223051</v>
      </c>
    </row>
    <row r="67027" spans="1:10" x14ac:dyDescent="0.35">
      <c r="A67027" s="1" t="s">
        <v>46345</v>
      </c>
      <c r="B67027" s="1" t="s">
        <v>222693</v>
      </c>
      <c r="C67027" s="1" t="s">
        <v>20</v>
      </c>
      <c r="D67027" s="1" t="s">
        <v>130244</v>
      </c>
      <c r="E67027" s="1" t="s">
        <v>223052</v>
      </c>
      <c r="F67027" s="1" t="s">
        <v>223053</v>
      </c>
      <c r="G67027" s="1" t="s">
        <v>223046</v>
      </c>
      <c r="H67027" s="1" t="s">
        <v>223047</v>
      </c>
      <c r="I67027" s="1" t="s">
        <v>222698</v>
      </c>
      <c r="J67027" s="1" t="s">
        <v>223054</v>
      </c>
    </row>
    <row r="67028" spans="1:10" x14ac:dyDescent="0.35">
      <c r="A67028" s="1" t="s">
        <v>46345</v>
      </c>
      <c r="B67028" s="1" t="s">
        <v>222693</v>
      </c>
      <c r="C67028" s="1" t="s">
        <v>25</v>
      </c>
      <c r="D67028" s="1" t="s">
        <v>223055</v>
      </c>
      <c r="E67028" s="1" t="s">
        <v>223056</v>
      </c>
      <c r="F67028" s="1" t="s">
        <v>223057</v>
      </c>
      <c r="G67028" s="1" t="s">
        <v>223046</v>
      </c>
      <c r="H67028" s="1" t="s">
        <v>223047</v>
      </c>
      <c r="I67028" s="1" t="s">
        <v>222698</v>
      </c>
      <c r="J67028" s="1" t="s">
        <v>223058</v>
      </c>
    </row>
    <row r="67029" spans="1:10" x14ac:dyDescent="0.35">
      <c r="A67029" s="1" t="s">
        <v>46345</v>
      </c>
      <c r="B67029" s="1" t="s">
        <v>222693</v>
      </c>
      <c r="C67029" s="1" t="s">
        <v>30</v>
      </c>
      <c r="D67029" s="1" t="s">
        <v>62130</v>
      </c>
      <c r="E67029" s="1" t="s">
        <v>223059</v>
      </c>
      <c r="F67029" s="1" t="s">
        <v>223060</v>
      </c>
      <c r="G67029" s="1" t="s">
        <v>223046</v>
      </c>
      <c r="H67029" s="1" t="s">
        <v>223047</v>
      </c>
      <c r="I67029" s="1" t="s">
        <v>222698</v>
      </c>
      <c r="J67029" s="1" t="s">
        <v>223061</v>
      </c>
    </row>
    <row r="67030" spans="1:10" x14ac:dyDescent="0.35">
      <c r="A67030" s="1" t="s">
        <v>46345</v>
      </c>
      <c r="B67030" s="1" t="s">
        <v>222693</v>
      </c>
      <c r="C67030" s="1" t="s">
        <v>35</v>
      </c>
      <c r="D67030" s="1" t="s">
        <v>223062</v>
      </c>
      <c r="E67030" s="1" t="s">
        <v>223063</v>
      </c>
      <c r="F67030" s="1" t="s">
        <v>223064</v>
      </c>
      <c r="G67030" s="1" t="s">
        <v>223046</v>
      </c>
      <c r="H67030" s="1" t="s">
        <v>223047</v>
      </c>
      <c r="I67030" s="1" t="s">
        <v>222698</v>
      </c>
      <c r="J67030" s="1" t="s">
        <v>223065</v>
      </c>
    </row>
    <row r="67031" spans="1:10" x14ac:dyDescent="0.35">
      <c r="A67031" s="1" t="s">
        <v>46345</v>
      </c>
      <c r="B67031" s="1" t="s">
        <v>222693</v>
      </c>
      <c r="C67031" s="1" t="s">
        <v>40</v>
      </c>
      <c r="D67031" s="1" t="s">
        <v>70381</v>
      </c>
      <c r="E67031" s="1" t="s">
        <v>223066</v>
      </c>
      <c r="F67031" s="1" t="s">
        <v>223067</v>
      </c>
      <c r="G67031" s="1" t="s">
        <v>223046</v>
      </c>
      <c r="H67031" s="1" t="s">
        <v>223047</v>
      </c>
      <c r="I67031" s="1" t="s">
        <v>222698</v>
      </c>
      <c r="J67031" s="1" t="s">
        <v>223068</v>
      </c>
    </row>
    <row r="67032" spans="1:10" x14ac:dyDescent="0.35">
      <c r="A67032" s="1" t="s">
        <v>46345</v>
      </c>
      <c r="B67032" s="1" t="s">
        <v>222693</v>
      </c>
      <c r="C67032" s="1" t="s">
        <v>45</v>
      </c>
      <c r="D67032" s="1" t="s">
        <v>223069</v>
      </c>
      <c r="E67032" s="1" t="s">
        <v>223070</v>
      </c>
      <c r="F67032" s="1" t="s">
        <v>223071</v>
      </c>
      <c r="G67032" s="1" t="s">
        <v>223046</v>
      </c>
      <c r="H67032" s="1" t="s">
        <v>223047</v>
      </c>
      <c r="I67032" s="1" t="s">
        <v>222698</v>
      </c>
      <c r="J67032" s="1" t="s">
        <v>223072</v>
      </c>
    </row>
    <row r="67033" spans="1:10" x14ac:dyDescent="0.35">
      <c r="A67033" s="1" t="s">
        <v>46345</v>
      </c>
      <c r="B67033" s="1" t="s">
        <v>222693</v>
      </c>
      <c r="C67033" s="1" t="s">
        <v>50</v>
      </c>
      <c r="D67033" s="1" t="s">
        <v>471</v>
      </c>
      <c r="E67033" s="1" t="s">
        <v>223073</v>
      </c>
      <c r="F67033" s="1" t="s">
        <v>223074</v>
      </c>
      <c r="G67033" s="1" t="s">
        <v>223046</v>
      </c>
      <c r="H67033" s="1" t="s">
        <v>223047</v>
      </c>
      <c r="I67033" s="1" t="s">
        <v>222698</v>
      </c>
      <c r="J67033" s="1" t="s">
        <v>223075</v>
      </c>
    </row>
    <row r="67034" spans="1:10" x14ac:dyDescent="0.35">
      <c r="A67034" s="1" t="s">
        <v>46345</v>
      </c>
      <c r="B67034" s="1" t="s">
        <v>222693</v>
      </c>
      <c r="C67034" s="1" t="s">
        <v>55</v>
      </c>
      <c r="D67034" s="1" t="s">
        <v>40913</v>
      </c>
      <c r="E67034" s="1" t="s">
        <v>223076</v>
      </c>
      <c r="F67034" s="1" t="s">
        <v>223077</v>
      </c>
      <c r="G67034" s="1" t="s">
        <v>223046</v>
      </c>
      <c r="H67034" s="1" t="s">
        <v>223047</v>
      </c>
      <c r="I67034" s="1" t="s">
        <v>222698</v>
      </c>
      <c r="J67034" s="1" t="s">
        <v>223078</v>
      </c>
    </row>
    <row r="67035" spans="1:10" x14ac:dyDescent="0.35">
      <c r="A67035" s="1" t="s">
        <v>46345</v>
      </c>
      <c r="B67035" s="1" t="s">
        <v>222693</v>
      </c>
      <c r="C67035" s="1" t="s">
        <v>60</v>
      </c>
      <c r="D67035" s="1" t="s">
        <v>95104</v>
      </c>
      <c r="E67035" s="1" t="s">
        <v>223079</v>
      </c>
      <c r="F67035" s="1" t="s">
        <v>223080</v>
      </c>
      <c r="G67035" s="1" t="s">
        <v>223046</v>
      </c>
      <c r="H67035" s="1" t="s">
        <v>223047</v>
      </c>
      <c r="I67035" s="1" t="s">
        <v>222698</v>
      </c>
      <c r="J67035" s="1" t="s">
        <v>223081</v>
      </c>
    </row>
    <row r="67036" spans="1:10" x14ac:dyDescent="0.35">
      <c r="A67036" s="1" t="s">
        <v>46345</v>
      </c>
      <c r="B67036" s="1" t="s">
        <v>222693</v>
      </c>
      <c r="C67036" s="1" t="s">
        <v>65</v>
      </c>
      <c r="D67036" s="1" t="s">
        <v>223082</v>
      </c>
      <c r="E67036" s="1" t="s">
        <v>223083</v>
      </c>
      <c r="F67036" s="1" t="s">
        <v>223084</v>
      </c>
      <c r="G67036" s="1" t="s">
        <v>223046</v>
      </c>
      <c r="H67036" s="1" t="s">
        <v>223047</v>
      </c>
      <c r="I67036" s="1" t="s">
        <v>222698</v>
      </c>
      <c r="J67036" s="1" t="s">
        <v>223085</v>
      </c>
    </row>
    <row r="67037" spans="1:10" x14ac:dyDescent="0.35">
      <c r="A67037" s="1" t="s">
        <v>46345</v>
      </c>
      <c r="B67037" s="1" t="s">
        <v>222693</v>
      </c>
      <c r="C67037" s="1" t="s">
        <v>70</v>
      </c>
      <c r="D67037" s="1" t="s">
        <v>223086</v>
      </c>
      <c r="E67037" s="1" t="s">
        <v>223087</v>
      </c>
      <c r="F67037" s="1" t="s">
        <v>223088</v>
      </c>
      <c r="G67037" s="1" t="s">
        <v>223046</v>
      </c>
      <c r="H67037" s="1" t="s">
        <v>223047</v>
      </c>
      <c r="I67037" s="1" t="s">
        <v>222698</v>
      </c>
      <c r="J67037" s="1" t="s">
        <v>223089</v>
      </c>
    </row>
    <row r="67038" spans="1:10" x14ac:dyDescent="0.35">
      <c r="A67038" s="1" t="s">
        <v>46345</v>
      </c>
      <c r="B67038" s="1" t="s">
        <v>222693</v>
      </c>
      <c r="C67038" s="1" t="s">
        <v>75</v>
      </c>
      <c r="D67038" s="1" t="s">
        <v>223090</v>
      </c>
      <c r="E67038" s="1" t="s">
        <v>223091</v>
      </c>
      <c r="F67038" s="1" t="s">
        <v>223092</v>
      </c>
      <c r="G67038" s="1" t="s">
        <v>223046</v>
      </c>
      <c r="H67038" s="1" t="s">
        <v>223047</v>
      </c>
      <c r="I67038" s="1" t="s">
        <v>222698</v>
      </c>
      <c r="J67038" s="1" t="s">
        <v>223093</v>
      </c>
    </row>
    <row r="67039" spans="1:10" x14ac:dyDescent="0.35">
      <c r="A67039" s="1" t="s">
        <v>46345</v>
      </c>
      <c r="B67039" s="1" t="s">
        <v>222693</v>
      </c>
      <c r="C67039" s="1" t="s">
        <v>80</v>
      </c>
      <c r="D67039" s="1" t="s">
        <v>223094</v>
      </c>
      <c r="E67039" s="1" t="s">
        <v>223095</v>
      </c>
      <c r="F67039" s="1" t="s">
        <v>223096</v>
      </c>
      <c r="G67039" s="1" t="s">
        <v>223046</v>
      </c>
      <c r="H67039" s="1" t="s">
        <v>223047</v>
      </c>
      <c r="I67039" s="1" t="s">
        <v>222698</v>
      </c>
      <c r="J67039" s="1" t="s">
        <v>223097</v>
      </c>
    </row>
    <row r="67040" spans="1:10" x14ac:dyDescent="0.35">
      <c r="A67040" s="1" t="s">
        <v>46345</v>
      </c>
      <c r="B67040" s="1" t="s">
        <v>222693</v>
      </c>
      <c r="C67040" s="1" t="s">
        <v>85</v>
      </c>
      <c r="D67040" s="1" t="s">
        <v>70413</v>
      </c>
      <c r="E67040" s="1" t="s">
        <v>223098</v>
      </c>
      <c r="F67040" s="1" t="s">
        <v>223099</v>
      </c>
      <c r="G67040" s="1" t="s">
        <v>223046</v>
      </c>
      <c r="H67040" s="1" t="s">
        <v>223047</v>
      </c>
      <c r="I67040" s="1" t="s">
        <v>222698</v>
      </c>
      <c r="J67040" s="1" t="s">
        <v>223100</v>
      </c>
    </row>
    <row r="67041" spans="1:10" x14ac:dyDescent="0.35">
      <c r="A67041" s="1" t="s">
        <v>46345</v>
      </c>
      <c r="B67041" s="1" t="s">
        <v>222693</v>
      </c>
      <c r="C67041" s="1" t="s">
        <v>90</v>
      </c>
      <c r="D67041" s="1" t="s">
        <v>223101</v>
      </c>
      <c r="E67041" s="1" t="s">
        <v>223102</v>
      </c>
      <c r="F67041" s="1" t="s">
        <v>223103</v>
      </c>
      <c r="G67041" s="1" t="s">
        <v>223046</v>
      </c>
      <c r="H67041" s="1" t="s">
        <v>223047</v>
      </c>
      <c r="I67041" s="1" t="s">
        <v>222698</v>
      </c>
      <c r="J67041" s="1" t="s">
        <v>223104</v>
      </c>
    </row>
    <row r="67042" spans="1:10" x14ac:dyDescent="0.35">
      <c r="A67042" s="1" t="s">
        <v>46345</v>
      </c>
      <c r="B67042" s="1" t="s">
        <v>222693</v>
      </c>
      <c r="C67042" s="1" t="s">
        <v>95</v>
      </c>
      <c r="D67042" s="1" t="s">
        <v>223105</v>
      </c>
      <c r="E67042" s="1" t="s">
        <v>223106</v>
      </c>
      <c r="F67042" s="1" t="s">
        <v>223107</v>
      </c>
      <c r="G67042" s="1" t="s">
        <v>223046</v>
      </c>
      <c r="H67042" s="1" t="s">
        <v>223047</v>
      </c>
      <c r="I67042" s="1" t="s">
        <v>222698</v>
      </c>
      <c r="J67042" s="1" t="s">
        <v>223108</v>
      </c>
    </row>
    <row r="67043" spans="1:10" x14ac:dyDescent="0.35">
      <c r="A67043" s="1" t="s">
        <v>46345</v>
      </c>
      <c r="B67043" s="1" t="s">
        <v>222693</v>
      </c>
      <c r="C67043" s="1" t="s">
        <v>100</v>
      </c>
      <c r="D67043" s="1" t="s">
        <v>223109</v>
      </c>
      <c r="E67043" s="1" t="s">
        <v>223110</v>
      </c>
      <c r="F67043" s="1" t="s">
        <v>223111</v>
      </c>
      <c r="G67043" s="1" t="s">
        <v>223046</v>
      </c>
      <c r="H67043" s="1" t="s">
        <v>223047</v>
      </c>
      <c r="I67043" s="1" t="s">
        <v>222698</v>
      </c>
      <c r="J67043" s="1" t="s">
        <v>223112</v>
      </c>
    </row>
    <row r="67044" spans="1:10" x14ac:dyDescent="0.35">
      <c r="A67044" s="1" t="s">
        <v>46345</v>
      </c>
      <c r="B67044" s="1" t="s">
        <v>222693</v>
      </c>
      <c r="C67044" s="1" t="s">
        <v>105</v>
      </c>
      <c r="D67044" s="1" t="s">
        <v>223113</v>
      </c>
      <c r="E67044" s="1" t="s">
        <v>223114</v>
      </c>
      <c r="F67044" s="1" t="s">
        <v>223115</v>
      </c>
      <c r="G67044" s="1" t="s">
        <v>223046</v>
      </c>
      <c r="H67044" s="1" t="s">
        <v>223047</v>
      </c>
      <c r="I67044" s="1" t="s">
        <v>222698</v>
      </c>
      <c r="J67044" s="1" t="s">
        <v>223116</v>
      </c>
    </row>
    <row r="67045" spans="1:10" x14ac:dyDescent="0.35">
      <c r="A67045" s="1" t="s">
        <v>46345</v>
      </c>
      <c r="B67045" s="1" t="s">
        <v>222693</v>
      </c>
      <c r="C67045" s="1" t="s">
        <v>110</v>
      </c>
      <c r="D67045" s="1" t="s">
        <v>223117</v>
      </c>
      <c r="E67045" s="1" t="s">
        <v>223118</v>
      </c>
      <c r="F67045" s="1" t="s">
        <v>223119</v>
      </c>
      <c r="G67045" s="1" t="s">
        <v>223046</v>
      </c>
      <c r="H67045" s="1" t="s">
        <v>223047</v>
      </c>
      <c r="I67045" s="1" t="s">
        <v>222698</v>
      </c>
      <c r="J67045" s="1" t="s">
        <v>223120</v>
      </c>
    </row>
    <row r="67046" spans="1:10" x14ac:dyDescent="0.35">
      <c r="A67046" s="1" t="s">
        <v>46345</v>
      </c>
      <c r="B67046" s="1" t="s">
        <v>222693</v>
      </c>
      <c r="C67046" s="1" t="s">
        <v>115</v>
      </c>
      <c r="D67046" s="1" t="s">
        <v>223121</v>
      </c>
      <c r="E67046" s="1" t="s">
        <v>223122</v>
      </c>
      <c r="F67046" s="1" t="s">
        <v>223123</v>
      </c>
      <c r="G67046" s="1" t="s">
        <v>223046</v>
      </c>
      <c r="H67046" s="1" t="s">
        <v>223047</v>
      </c>
      <c r="I67046" s="1" t="s">
        <v>222698</v>
      </c>
      <c r="J67046" s="1" t="s">
        <v>223124</v>
      </c>
    </row>
    <row r="67047" spans="1:10" x14ac:dyDescent="0.35">
      <c r="A67047" s="1" t="s">
        <v>46345</v>
      </c>
      <c r="B67047" s="1" t="s">
        <v>222693</v>
      </c>
      <c r="C67047" s="1" t="s">
        <v>120</v>
      </c>
      <c r="D67047" s="1" t="s">
        <v>223125</v>
      </c>
      <c r="E67047" s="1" t="s">
        <v>223126</v>
      </c>
      <c r="F67047" s="1" t="s">
        <v>223127</v>
      </c>
      <c r="G67047" s="1" t="s">
        <v>223046</v>
      </c>
      <c r="H67047" s="1" t="s">
        <v>223047</v>
      </c>
      <c r="I67047" s="1" t="s">
        <v>222698</v>
      </c>
      <c r="J67047" s="1" t="s">
        <v>223128</v>
      </c>
    </row>
    <row r="67048" spans="1:10" x14ac:dyDescent="0.35">
      <c r="A67048" s="1" t="s">
        <v>46345</v>
      </c>
      <c r="B67048" s="1" t="s">
        <v>222693</v>
      </c>
      <c r="C67048" s="1" t="s">
        <v>125</v>
      </c>
      <c r="D67048" s="1" t="s">
        <v>223129</v>
      </c>
      <c r="E67048" s="1" t="s">
        <v>223130</v>
      </c>
      <c r="F67048" s="1" t="s">
        <v>223131</v>
      </c>
      <c r="G67048" s="1" t="s">
        <v>223046</v>
      </c>
      <c r="H67048" s="1" t="s">
        <v>223047</v>
      </c>
      <c r="I67048" s="1" t="s">
        <v>222698</v>
      </c>
      <c r="J67048" s="1" t="s">
        <v>223132</v>
      </c>
    </row>
    <row r="67049" spans="1:10" x14ac:dyDescent="0.35">
      <c r="A67049" s="1" t="s">
        <v>46345</v>
      </c>
      <c r="B67049" s="1" t="s">
        <v>222693</v>
      </c>
      <c r="C67049" s="1" t="s">
        <v>130</v>
      </c>
      <c r="D67049" s="1" t="s">
        <v>223133</v>
      </c>
      <c r="E67049" s="1" t="s">
        <v>223134</v>
      </c>
      <c r="F67049" s="1" t="s">
        <v>223135</v>
      </c>
      <c r="G67049" s="1" t="s">
        <v>223046</v>
      </c>
      <c r="H67049" s="1" t="s">
        <v>223047</v>
      </c>
      <c r="I67049" s="1" t="s">
        <v>222698</v>
      </c>
      <c r="J67049" s="1" t="s">
        <v>223136</v>
      </c>
    </row>
    <row r="67050" spans="1:10" x14ac:dyDescent="0.35">
      <c r="A67050" s="1" t="s">
        <v>46345</v>
      </c>
      <c r="B67050" s="1" t="s">
        <v>222693</v>
      </c>
      <c r="C67050" s="1" t="s">
        <v>135</v>
      </c>
      <c r="D67050" s="1" t="s">
        <v>126883</v>
      </c>
      <c r="E67050" s="1" t="s">
        <v>223137</v>
      </c>
      <c r="F67050" s="1" t="s">
        <v>223138</v>
      </c>
      <c r="G67050" s="1" t="s">
        <v>223046</v>
      </c>
      <c r="H67050" s="1" t="s">
        <v>223047</v>
      </c>
      <c r="I67050" s="1" t="s">
        <v>222698</v>
      </c>
      <c r="J67050" s="1" t="s">
        <v>223139</v>
      </c>
    </row>
    <row r="67051" spans="1:10" x14ac:dyDescent="0.35">
      <c r="A67051" s="1" t="s">
        <v>46345</v>
      </c>
      <c r="B67051" s="1" t="s">
        <v>222693</v>
      </c>
      <c r="C67051" s="1" t="s">
        <v>140</v>
      </c>
      <c r="D67051" s="1" t="s">
        <v>223140</v>
      </c>
      <c r="E67051" s="1" t="s">
        <v>223141</v>
      </c>
      <c r="F67051" s="1" t="s">
        <v>223142</v>
      </c>
      <c r="G67051" s="1" t="s">
        <v>223046</v>
      </c>
      <c r="H67051" s="1" t="s">
        <v>223047</v>
      </c>
      <c r="I67051" s="1" t="s">
        <v>222698</v>
      </c>
      <c r="J67051" s="1" t="s">
        <v>223143</v>
      </c>
    </row>
    <row r="67052" spans="1:10" x14ac:dyDescent="0.35">
      <c r="A67052" s="1" t="s">
        <v>46345</v>
      </c>
      <c r="B67052" s="1" t="s">
        <v>222693</v>
      </c>
      <c r="C67052" s="1" t="s">
        <v>145</v>
      </c>
      <c r="D67052" s="1" t="s">
        <v>223144</v>
      </c>
      <c r="E67052" s="1" t="s">
        <v>223145</v>
      </c>
      <c r="F67052" s="1" t="s">
        <v>223146</v>
      </c>
      <c r="G67052" s="1" t="s">
        <v>223046</v>
      </c>
      <c r="H67052" s="1" t="s">
        <v>223047</v>
      </c>
      <c r="I67052" s="1" t="s">
        <v>222698</v>
      </c>
      <c r="J67052" s="1" t="s">
        <v>223147</v>
      </c>
    </row>
    <row r="67053" spans="1:10" x14ac:dyDescent="0.35">
      <c r="A67053" s="1" t="s">
        <v>46345</v>
      </c>
      <c r="B67053" s="1" t="s">
        <v>222693</v>
      </c>
      <c r="C67053" s="1" t="s">
        <v>150</v>
      </c>
      <c r="D67053" s="1" t="s">
        <v>223148</v>
      </c>
      <c r="E67053" s="1" t="s">
        <v>223149</v>
      </c>
      <c r="F67053" s="1" t="s">
        <v>223150</v>
      </c>
      <c r="G67053" s="1" t="s">
        <v>223046</v>
      </c>
      <c r="H67053" s="1" t="s">
        <v>223047</v>
      </c>
      <c r="I67053" s="1" t="s">
        <v>222698</v>
      </c>
      <c r="J67053" s="1" t="s">
        <v>223151</v>
      </c>
    </row>
    <row r="67054" spans="1:10" x14ac:dyDescent="0.35">
      <c r="A67054" s="1" t="s">
        <v>46345</v>
      </c>
      <c r="B67054" s="1" t="s">
        <v>222693</v>
      </c>
      <c r="C67054" s="1" t="s">
        <v>155</v>
      </c>
      <c r="D67054" s="1" t="s">
        <v>223152</v>
      </c>
      <c r="E67054" s="1" t="s">
        <v>223153</v>
      </c>
      <c r="F67054" s="1" t="s">
        <v>223154</v>
      </c>
      <c r="G67054" s="1" t="s">
        <v>223046</v>
      </c>
      <c r="H67054" s="1" t="s">
        <v>223047</v>
      </c>
      <c r="I67054" s="1" t="s">
        <v>222698</v>
      </c>
      <c r="J67054" s="1" t="s">
        <v>223155</v>
      </c>
    </row>
    <row r="67055" spans="1:10" x14ac:dyDescent="0.35">
      <c r="A67055" s="1" t="s">
        <v>46345</v>
      </c>
      <c r="B67055" s="1" t="s">
        <v>222693</v>
      </c>
      <c r="C67055" s="1" t="s">
        <v>160</v>
      </c>
      <c r="D67055" s="1" t="s">
        <v>165181</v>
      </c>
      <c r="E67055" s="1" t="s">
        <v>223156</v>
      </c>
      <c r="F67055" s="1" t="s">
        <v>223157</v>
      </c>
      <c r="G67055" s="1" t="s">
        <v>223046</v>
      </c>
      <c r="H67055" s="1" t="s">
        <v>223047</v>
      </c>
      <c r="I67055" s="1" t="s">
        <v>222698</v>
      </c>
      <c r="J67055" s="1" t="s">
        <v>223158</v>
      </c>
    </row>
    <row r="67056" spans="1:10" x14ac:dyDescent="0.35">
      <c r="A67056" s="1" t="s">
        <v>46345</v>
      </c>
      <c r="B67056" s="1" t="s">
        <v>222693</v>
      </c>
      <c r="C67056" s="1" t="s">
        <v>165</v>
      </c>
      <c r="D67056" s="1" t="s">
        <v>223159</v>
      </c>
      <c r="E67056" s="1" t="s">
        <v>223160</v>
      </c>
      <c r="F67056" s="1" t="s">
        <v>223161</v>
      </c>
      <c r="G67056" s="1" t="s">
        <v>223046</v>
      </c>
      <c r="H67056" s="1" t="s">
        <v>223047</v>
      </c>
      <c r="I67056" s="1" t="s">
        <v>222698</v>
      </c>
      <c r="J67056" s="1" t="s">
        <v>223162</v>
      </c>
    </row>
    <row r="67057" spans="1:10" x14ac:dyDescent="0.35">
      <c r="A67057" s="1" t="s">
        <v>46345</v>
      </c>
      <c r="B67057" s="1" t="s">
        <v>222693</v>
      </c>
      <c r="C67057" s="1" t="s">
        <v>170</v>
      </c>
      <c r="D67057" s="1" t="s">
        <v>1047</v>
      </c>
      <c r="E67057" s="1" t="s">
        <v>223163</v>
      </c>
      <c r="F67057" s="1" t="s">
        <v>223164</v>
      </c>
      <c r="G67057" s="1" t="s">
        <v>223046</v>
      </c>
      <c r="H67057" s="1" t="s">
        <v>223047</v>
      </c>
      <c r="I67057" s="1" t="s">
        <v>222698</v>
      </c>
      <c r="J67057" s="1" t="s">
        <v>223165</v>
      </c>
    </row>
    <row r="67058" spans="1:10" x14ac:dyDescent="0.35">
      <c r="A67058" s="1" t="s">
        <v>120490</v>
      </c>
      <c r="B67058" s="1" t="s">
        <v>222693</v>
      </c>
      <c r="C67058" s="1" t="s">
        <v>8</v>
      </c>
      <c r="D67058" s="1" t="s">
        <v>199335</v>
      </c>
      <c r="E67058" s="1" t="s">
        <v>223166</v>
      </c>
      <c r="F67058" s="1" t="s">
        <v>223167</v>
      </c>
      <c r="G67058" s="1" t="s">
        <v>223168</v>
      </c>
      <c r="H67058" s="1" t="s">
        <v>223169</v>
      </c>
      <c r="I67058" s="1" t="s">
        <v>222698</v>
      </c>
      <c r="J67058" s="1" t="s">
        <v>13</v>
      </c>
    </row>
    <row r="67059" spans="1:10" x14ac:dyDescent="0.35">
      <c r="A67059" s="1" t="s">
        <v>120490</v>
      </c>
      <c r="B67059" s="1" t="s">
        <v>222693</v>
      </c>
      <c r="C67059" s="1" t="s">
        <v>15</v>
      </c>
      <c r="D67059" s="1" t="s">
        <v>98182</v>
      </c>
      <c r="E67059" s="1" t="s">
        <v>223170</v>
      </c>
      <c r="F67059" s="1" t="s">
        <v>223171</v>
      </c>
      <c r="G67059" s="1" t="s">
        <v>223168</v>
      </c>
      <c r="H67059" s="1" t="s">
        <v>223169</v>
      </c>
      <c r="I67059" s="1" t="s">
        <v>222698</v>
      </c>
      <c r="J67059" s="1" t="s">
        <v>223172</v>
      </c>
    </row>
    <row r="67060" spans="1:10" x14ac:dyDescent="0.35">
      <c r="A67060" s="1" t="s">
        <v>120490</v>
      </c>
      <c r="B67060" s="1" t="s">
        <v>222693</v>
      </c>
      <c r="C67060" s="1" t="s">
        <v>20</v>
      </c>
      <c r="D67060" s="1" t="s">
        <v>95355</v>
      </c>
      <c r="E67060" s="1" t="s">
        <v>223173</v>
      </c>
      <c r="F67060" s="1" t="s">
        <v>223174</v>
      </c>
      <c r="G67060" s="1" t="s">
        <v>223168</v>
      </c>
      <c r="H67060" s="1" t="s">
        <v>223169</v>
      </c>
      <c r="I67060" s="1" t="s">
        <v>222698</v>
      </c>
      <c r="J67060" s="1" t="s">
        <v>223175</v>
      </c>
    </row>
    <row r="67061" spans="1:10" x14ac:dyDescent="0.35">
      <c r="A67061" s="1" t="s">
        <v>120490</v>
      </c>
      <c r="B67061" s="1" t="s">
        <v>222693</v>
      </c>
      <c r="C67061" s="1" t="s">
        <v>25</v>
      </c>
      <c r="D67061" s="1" t="s">
        <v>223176</v>
      </c>
      <c r="E67061" s="1" t="s">
        <v>223177</v>
      </c>
      <c r="F67061" s="1" t="s">
        <v>223178</v>
      </c>
      <c r="G67061" s="1" t="s">
        <v>223168</v>
      </c>
      <c r="H67061" s="1" t="s">
        <v>223169</v>
      </c>
      <c r="I67061" s="1" t="s">
        <v>222698</v>
      </c>
      <c r="J67061" s="1" t="s">
        <v>223179</v>
      </c>
    </row>
    <row r="67062" spans="1:10" x14ac:dyDescent="0.35">
      <c r="A67062" s="1" t="s">
        <v>120490</v>
      </c>
      <c r="B67062" s="1" t="s">
        <v>222693</v>
      </c>
      <c r="C67062" s="1" t="s">
        <v>30</v>
      </c>
      <c r="D67062" s="1" t="s">
        <v>223180</v>
      </c>
      <c r="E67062" s="1" t="s">
        <v>223181</v>
      </c>
      <c r="F67062" s="1" t="s">
        <v>223182</v>
      </c>
      <c r="G67062" s="1" t="s">
        <v>223168</v>
      </c>
      <c r="H67062" s="1" t="s">
        <v>223169</v>
      </c>
      <c r="I67062" s="1" t="s">
        <v>222698</v>
      </c>
      <c r="J67062" s="1" t="s">
        <v>223183</v>
      </c>
    </row>
    <row r="67063" spans="1:10" x14ac:dyDescent="0.35">
      <c r="A67063" s="1" t="s">
        <v>120490</v>
      </c>
      <c r="B67063" s="1" t="s">
        <v>222693</v>
      </c>
      <c r="C67063" s="1" t="s">
        <v>35</v>
      </c>
      <c r="D67063" s="1" t="s">
        <v>99357</v>
      </c>
      <c r="E67063" s="1" t="s">
        <v>223184</v>
      </c>
      <c r="F67063" s="1" t="s">
        <v>223185</v>
      </c>
      <c r="G67063" s="1" t="s">
        <v>223168</v>
      </c>
      <c r="H67063" s="1" t="s">
        <v>223169</v>
      </c>
      <c r="I67063" s="1" t="s">
        <v>222698</v>
      </c>
      <c r="J67063" s="1" t="s">
        <v>223186</v>
      </c>
    </row>
    <row r="67064" spans="1:10" x14ac:dyDescent="0.35">
      <c r="A67064" s="1" t="s">
        <v>120490</v>
      </c>
      <c r="B67064" s="1" t="s">
        <v>222693</v>
      </c>
      <c r="C67064" s="1" t="s">
        <v>40</v>
      </c>
      <c r="D67064" s="1" t="s">
        <v>223187</v>
      </c>
      <c r="E67064" s="1" t="s">
        <v>223188</v>
      </c>
      <c r="F67064" s="1" t="s">
        <v>223189</v>
      </c>
      <c r="G67064" s="1" t="s">
        <v>223168</v>
      </c>
      <c r="H67064" s="1" t="s">
        <v>223169</v>
      </c>
      <c r="I67064" s="1" t="s">
        <v>222698</v>
      </c>
      <c r="J67064" s="1" t="s">
        <v>223190</v>
      </c>
    </row>
    <row r="67065" spans="1:10" x14ac:dyDescent="0.35">
      <c r="A67065" s="1" t="s">
        <v>120490</v>
      </c>
      <c r="B67065" s="1" t="s">
        <v>222693</v>
      </c>
      <c r="C67065" s="1" t="s">
        <v>45</v>
      </c>
      <c r="D67065" s="1" t="s">
        <v>131633</v>
      </c>
      <c r="E67065" s="1" t="s">
        <v>223191</v>
      </c>
      <c r="F67065" s="1" t="s">
        <v>223192</v>
      </c>
      <c r="G67065" s="1" t="s">
        <v>223168</v>
      </c>
      <c r="H67065" s="1" t="s">
        <v>223169</v>
      </c>
      <c r="I67065" s="1" t="s">
        <v>222698</v>
      </c>
      <c r="J67065" s="1" t="s">
        <v>223193</v>
      </c>
    </row>
    <row r="67066" spans="1:10" x14ac:dyDescent="0.35">
      <c r="A67066" s="1" t="s">
        <v>120490</v>
      </c>
      <c r="B67066" s="1" t="s">
        <v>222693</v>
      </c>
      <c r="C67066" s="1" t="s">
        <v>50</v>
      </c>
      <c r="D67066" s="1" t="s">
        <v>223194</v>
      </c>
      <c r="E67066" s="1" t="s">
        <v>223195</v>
      </c>
      <c r="F67066" s="1" t="s">
        <v>223196</v>
      </c>
      <c r="G67066" s="1" t="s">
        <v>223168</v>
      </c>
      <c r="H67066" s="1" t="s">
        <v>223169</v>
      </c>
      <c r="I67066" s="1" t="s">
        <v>222698</v>
      </c>
      <c r="J67066" s="1" t="s">
        <v>223197</v>
      </c>
    </row>
    <row r="67067" spans="1:10" x14ac:dyDescent="0.35">
      <c r="A67067" s="1" t="s">
        <v>120490</v>
      </c>
      <c r="B67067" s="1" t="s">
        <v>222693</v>
      </c>
      <c r="C67067" s="1" t="s">
        <v>55</v>
      </c>
      <c r="D67067" s="1" t="s">
        <v>134001</v>
      </c>
      <c r="E67067" s="1" t="s">
        <v>223198</v>
      </c>
      <c r="F67067" s="1" t="s">
        <v>223199</v>
      </c>
      <c r="G67067" s="1" t="s">
        <v>223168</v>
      </c>
      <c r="H67067" s="1" t="s">
        <v>223169</v>
      </c>
      <c r="I67067" s="1" t="s">
        <v>222698</v>
      </c>
      <c r="J67067" s="1" t="s">
        <v>223200</v>
      </c>
    </row>
    <row r="67068" spans="1:10" x14ac:dyDescent="0.35">
      <c r="A67068" s="1" t="s">
        <v>120490</v>
      </c>
      <c r="B67068" s="1" t="s">
        <v>222693</v>
      </c>
      <c r="C67068" s="1" t="s">
        <v>60</v>
      </c>
      <c r="D67068" s="1" t="s">
        <v>147024</v>
      </c>
      <c r="E67068" s="1" t="s">
        <v>223201</v>
      </c>
      <c r="F67068" s="1" t="s">
        <v>223202</v>
      </c>
      <c r="G67068" s="1" t="s">
        <v>223168</v>
      </c>
      <c r="H67068" s="1" t="s">
        <v>223169</v>
      </c>
      <c r="I67068" s="1" t="s">
        <v>222698</v>
      </c>
      <c r="J67068" s="1" t="s">
        <v>223203</v>
      </c>
    </row>
    <row r="67069" spans="1:10" x14ac:dyDescent="0.35">
      <c r="A67069" s="1" t="s">
        <v>120490</v>
      </c>
      <c r="B67069" s="1" t="s">
        <v>222693</v>
      </c>
      <c r="C67069" s="1" t="s">
        <v>65</v>
      </c>
      <c r="D67069" s="1" t="s">
        <v>127195</v>
      </c>
      <c r="E67069" s="1" t="s">
        <v>223204</v>
      </c>
      <c r="F67069" s="1" t="s">
        <v>223205</v>
      </c>
      <c r="G67069" s="1" t="s">
        <v>223168</v>
      </c>
      <c r="H67069" s="1" t="s">
        <v>223169</v>
      </c>
      <c r="I67069" s="1" t="s">
        <v>222698</v>
      </c>
      <c r="J67069" s="1" t="s">
        <v>223206</v>
      </c>
    </row>
    <row r="67070" spans="1:10" x14ac:dyDescent="0.35">
      <c r="A67070" s="1" t="s">
        <v>120490</v>
      </c>
      <c r="B67070" s="1" t="s">
        <v>222693</v>
      </c>
      <c r="C67070" s="1" t="s">
        <v>70</v>
      </c>
      <c r="D67070" s="1" t="s">
        <v>163871</v>
      </c>
      <c r="E67070" s="1" t="s">
        <v>223207</v>
      </c>
      <c r="F67070" s="1" t="s">
        <v>223208</v>
      </c>
      <c r="G67070" s="1" t="s">
        <v>223168</v>
      </c>
      <c r="H67070" s="1" t="s">
        <v>223169</v>
      </c>
      <c r="I67070" s="1" t="s">
        <v>222698</v>
      </c>
      <c r="J67070" s="1" t="s">
        <v>223209</v>
      </c>
    </row>
    <row r="67071" spans="1:10" x14ac:dyDescent="0.35">
      <c r="A67071" s="1" t="s">
        <v>120490</v>
      </c>
      <c r="B67071" s="1" t="s">
        <v>222693</v>
      </c>
      <c r="C67071" s="1" t="s">
        <v>75</v>
      </c>
      <c r="D67071" s="1" t="s">
        <v>41213</v>
      </c>
      <c r="E67071" s="1" t="s">
        <v>223210</v>
      </c>
      <c r="F67071" s="1" t="s">
        <v>223211</v>
      </c>
      <c r="G67071" s="1" t="s">
        <v>223168</v>
      </c>
      <c r="H67071" s="1" t="s">
        <v>223169</v>
      </c>
      <c r="I67071" s="1" t="s">
        <v>222698</v>
      </c>
      <c r="J67071" s="1" t="s">
        <v>223212</v>
      </c>
    </row>
    <row r="67072" spans="1:10" x14ac:dyDescent="0.35">
      <c r="A67072" s="1" t="s">
        <v>120490</v>
      </c>
      <c r="B67072" s="1" t="s">
        <v>222693</v>
      </c>
      <c r="C67072" s="1" t="s">
        <v>80</v>
      </c>
      <c r="D67072" s="1" t="s">
        <v>96750</v>
      </c>
      <c r="E67072" s="1" t="s">
        <v>223213</v>
      </c>
      <c r="F67072" s="1" t="s">
        <v>223214</v>
      </c>
      <c r="G67072" s="1" t="s">
        <v>223168</v>
      </c>
      <c r="H67072" s="1" t="s">
        <v>223169</v>
      </c>
      <c r="I67072" s="1" t="s">
        <v>222698</v>
      </c>
      <c r="J67072" s="1" t="s">
        <v>223215</v>
      </c>
    </row>
    <row r="67073" spans="1:10" x14ac:dyDescent="0.35">
      <c r="A67073" s="1" t="s">
        <v>120490</v>
      </c>
      <c r="B67073" s="1" t="s">
        <v>222693</v>
      </c>
      <c r="C67073" s="1" t="s">
        <v>85</v>
      </c>
      <c r="D67073" s="1" t="s">
        <v>89348</v>
      </c>
      <c r="E67073" s="1" t="s">
        <v>223216</v>
      </c>
      <c r="F67073" s="1" t="s">
        <v>223217</v>
      </c>
      <c r="G67073" s="1" t="s">
        <v>223168</v>
      </c>
      <c r="H67073" s="1" t="s">
        <v>223169</v>
      </c>
      <c r="I67073" s="1" t="s">
        <v>222698</v>
      </c>
      <c r="J67073" s="1" t="s">
        <v>223218</v>
      </c>
    </row>
    <row r="67074" spans="1:10" x14ac:dyDescent="0.35">
      <c r="A67074" s="1" t="s">
        <v>120490</v>
      </c>
      <c r="B67074" s="1" t="s">
        <v>222693</v>
      </c>
      <c r="C67074" s="1" t="s">
        <v>90</v>
      </c>
      <c r="D67074" s="1" t="s">
        <v>223219</v>
      </c>
      <c r="E67074" s="1" t="s">
        <v>223220</v>
      </c>
      <c r="F67074" s="1" t="s">
        <v>223221</v>
      </c>
      <c r="G67074" s="1" t="s">
        <v>223168</v>
      </c>
      <c r="H67074" s="1" t="s">
        <v>223169</v>
      </c>
      <c r="I67074" s="1" t="s">
        <v>222698</v>
      </c>
      <c r="J67074" s="1" t="s">
        <v>223222</v>
      </c>
    </row>
    <row r="67075" spans="1:10" x14ac:dyDescent="0.35">
      <c r="A67075" s="1" t="s">
        <v>120490</v>
      </c>
      <c r="B67075" s="1" t="s">
        <v>222693</v>
      </c>
      <c r="C67075" s="1" t="s">
        <v>95</v>
      </c>
      <c r="D67075" s="1" t="s">
        <v>223223</v>
      </c>
      <c r="E67075" s="1" t="s">
        <v>223224</v>
      </c>
      <c r="F67075" s="1" t="s">
        <v>223225</v>
      </c>
      <c r="G67075" s="1" t="s">
        <v>223168</v>
      </c>
      <c r="H67075" s="1" t="s">
        <v>223169</v>
      </c>
      <c r="I67075" s="1" t="s">
        <v>222698</v>
      </c>
      <c r="J67075" s="1" t="s">
        <v>223226</v>
      </c>
    </row>
    <row r="67076" spans="1:10" x14ac:dyDescent="0.35">
      <c r="A67076" s="1" t="s">
        <v>120490</v>
      </c>
      <c r="B67076" s="1" t="s">
        <v>222693</v>
      </c>
      <c r="C67076" s="1" t="s">
        <v>100</v>
      </c>
      <c r="D67076" s="1" t="s">
        <v>223227</v>
      </c>
      <c r="E67076" s="1" t="s">
        <v>223228</v>
      </c>
      <c r="F67076" s="1" t="s">
        <v>223229</v>
      </c>
      <c r="G67076" s="1" t="s">
        <v>223168</v>
      </c>
      <c r="H67076" s="1" t="s">
        <v>223169</v>
      </c>
      <c r="I67076" s="1" t="s">
        <v>222698</v>
      </c>
      <c r="J67076" s="1" t="s">
        <v>223230</v>
      </c>
    </row>
    <row r="67077" spans="1:10" x14ac:dyDescent="0.35">
      <c r="A67077" s="1" t="s">
        <v>120490</v>
      </c>
      <c r="B67077" s="1" t="s">
        <v>222693</v>
      </c>
      <c r="C67077" s="1" t="s">
        <v>105</v>
      </c>
      <c r="D67077" s="1" t="s">
        <v>133825</v>
      </c>
      <c r="E67077" s="1" t="s">
        <v>223231</v>
      </c>
      <c r="F67077" s="1" t="s">
        <v>223232</v>
      </c>
      <c r="G67077" s="1" t="s">
        <v>223168</v>
      </c>
      <c r="H67077" s="1" t="s">
        <v>223169</v>
      </c>
      <c r="I67077" s="1" t="s">
        <v>222698</v>
      </c>
      <c r="J67077" s="1" t="s">
        <v>223233</v>
      </c>
    </row>
    <row r="67078" spans="1:10" x14ac:dyDescent="0.35">
      <c r="A67078" s="1" t="s">
        <v>120490</v>
      </c>
      <c r="B67078" s="1" t="s">
        <v>222693</v>
      </c>
      <c r="C67078" s="1" t="s">
        <v>110</v>
      </c>
      <c r="D67078" s="1" t="s">
        <v>223234</v>
      </c>
      <c r="E67078" s="1" t="s">
        <v>223235</v>
      </c>
      <c r="F67078" s="1" t="s">
        <v>223236</v>
      </c>
      <c r="G67078" s="1" t="s">
        <v>223168</v>
      </c>
      <c r="H67078" s="1" t="s">
        <v>223169</v>
      </c>
      <c r="I67078" s="1" t="s">
        <v>222698</v>
      </c>
      <c r="J67078" s="1" t="s">
        <v>223237</v>
      </c>
    </row>
    <row r="67079" spans="1:10" x14ac:dyDescent="0.35">
      <c r="A67079" s="1" t="s">
        <v>120490</v>
      </c>
      <c r="B67079" s="1" t="s">
        <v>222693</v>
      </c>
      <c r="C67079" s="1" t="s">
        <v>115</v>
      </c>
      <c r="D67079" s="1" t="s">
        <v>130392</v>
      </c>
      <c r="E67079" s="1" t="s">
        <v>223238</v>
      </c>
      <c r="F67079" s="1" t="s">
        <v>223239</v>
      </c>
      <c r="G67079" s="1" t="s">
        <v>223168</v>
      </c>
      <c r="H67079" s="1" t="s">
        <v>223169</v>
      </c>
      <c r="I67079" s="1" t="s">
        <v>222698</v>
      </c>
      <c r="J67079" s="1" t="s">
        <v>223240</v>
      </c>
    </row>
    <row r="67080" spans="1:10" x14ac:dyDescent="0.35">
      <c r="A67080" s="1" t="s">
        <v>120490</v>
      </c>
      <c r="B67080" s="1" t="s">
        <v>222693</v>
      </c>
      <c r="C67080" s="1" t="s">
        <v>120</v>
      </c>
      <c r="D67080" s="1" t="s">
        <v>56439</v>
      </c>
      <c r="E67080" s="1" t="s">
        <v>223241</v>
      </c>
      <c r="F67080" s="1" t="s">
        <v>223242</v>
      </c>
      <c r="G67080" s="1" t="s">
        <v>223168</v>
      </c>
      <c r="H67080" s="1" t="s">
        <v>223169</v>
      </c>
      <c r="I67080" s="1" t="s">
        <v>222698</v>
      </c>
      <c r="J67080" s="1" t="s">
        <v>223243</v>
      </c>
    </row>
    <row r="67081" spans="1:10" x14ac:dyDescent="0.35">
      <c r="A67081" s="1" t="s">
        <v>120490</v>
      </c>
      <c r="B67081" s="1" t="s">
        <v>222693</v>
      </c>
      <c r="C67081" s="1" t="s">
        <v>125</v>
      </c>
      <c r="D67081" s="1" t="s">
        <v>39136</v>
      </c>
      <c r="E67081" s="1" t="s">
        <v>223244</v>
      </c>
      <c r="F67081" s="1" t="s">
        <v>223245</v>
      </c>
      <c r="G67081" s="1" t="s">
        <v>223168</v>
      </c>
      <c r="H67081" s="1" t="s">
        <v>223169</v>
      </c>
      <c r="I67081" s="1" t="s">
        <v>222698</v>
      </c>
      <c r="J67081" s="1" t="s">
        <v>223246</v>
      </c>
    </row>
    <row r="67082" spans="1:10" x14ac:dyDescent="0.35">
      <c r="A67082" s="1" t="s">
        <v>120490</v>
      </c>
      <c r="B67082" s="1" t="s">
        <v>222693</v>
      </c>
      <c r="C67082" s="1" t="s">
        <v>130</v>
      </c>
      <c r="D67082" s="1" t="s">
        <v>223247</v>
      </c>
      <c r="E67082" s="1" t="s">
        <v>223248</v>
      </c>
      <c r="F67082" s="1" t="s">
        <v>223249</v>
      </c>
      <c r="G67082" s="1" t="s">
        <v>223168</v>
      </c>
      <c r="H67082" s="1" t="s">
        <v>223169</v>
      </c>
      <c r="I67082" s="1" t="s">
        <v>222698</v>
      </c>
      <c r="J67082" s="1" t="s">
        <v>223250</v>
      </c>
    </row>
    <row r="67083" spans="1:10" x14ac:dyDescent="0.35">
      <c r="A67083" s="1" t="s">
        <v>120490</v>
      </c>
      <c r="B67083" s="1" t="s">
        <v>222693</v>
      </c>
      <c r="C67083" s="1" t="s">
        <v>135</v>
      </c>
      <c r="D67083" s="1" t="s">
        <v>58625</v>
      </c>
      <c r="E67083" s="1" t="s">
        <v>223251</v>
      </c>
      <c r="F67083" s="1" t="s">
        <v>223252</v>
      </c>
      <c r="G67083" s="1" t="s">
        <v>223168</v>
      </c>
      <c r="H67083" s="1" t="s">
        <v>223169</v>
      </c>
      <c r="I67083" s="1" t="s">
        <v>222698</v>
      </c>
      <c r="J67083" s="1" t="s">
        <v>223253</v>
      </c>
    </row>
    <row r="67084" spans="1:10" x14ac:dyDescent="0.35">
      <c r="A67084" s="1" t="s">
        <v>120490</v>
      </c>
      <c r="B67084" s="1" t="s">
        <v>222693</v>
      </c>
      <c r="C67084" s="1" t="s">
        <v>140</v>
      </c>
      <c r="D67084" s="1" t="s">
        <v>223254</v>
      </c>
      <c r="E67084" s="1" t="s">
        <v>223255</v>
      </c>
      <c r="F67084" s="1" t="s">
        <v>223256</v>
      </c>
      <c r="G67084" s="1" t="s">
        <v>223168</v>
      </c>
      <c r="H67084" s="1" t="s">
        <v>223169</v>
      </c>
      <c r="I67084" s="1" t="s">
        <v>222698</v>
      </c>
      <c r="J67084" s="1" t="s">
        <v>223257</v>
      </c>
    </row>
    <row r="67085" spans="1:10" x14ac:dyDescent="0.35">
      <c r="A67085" s="1" t="s">
        <v>120490</v>
      </c>
      <c r="B67085" s="1" t="s">
        <v>222693</v>
      </c>
      <c r="C67085" s="1" t="s">
        <v>145</v>
      </c>
      <c r="D67085" s="1" t="s">
        <v>134509</v>
      </c>
      <c r="E67085" s="1" t="s">
        <v>223258</v>
      </c>
      <c r="F67085" s="1" t="s">
        <v>223259</v>
      </c>
      <c r="G67085" s="1" t="s">
        <v>223168</v>
      </c>
      <c r="H67085" s="1" t="s">
        <v>223169</v>
      </c>
      <c r="I67085" s="1" t="s">
        <v>222698</v>
      </c>
      <c r="J67085" s="1" t="s">
        <v>223260</v>
      </c>
    </row>
    <row r="67086" spans="1:10" x14ac:dyDescent="0.35">
      <c r="A67086" s="1" t="s">
        <v>120490</v>
      </c>
      <c r="B67086" s="1" t="s">
        <v>222693</v>
      </c>
      <c r="C67086" s="1" t="s">
        <v>150</v>
      </c>
      <c r="D67086" s="1" t="s">
        <v>223261</v>
      </c>
      <c r="E67086" s="1" t="s">
        <v>223262</v>
      </c>
      <c r="F67086" s="1" t="s">
        <v>223263</v>
      </c>
      <c r="G67086" s="1" t="s">
        <v>223168</v>
      </c>
      <c r="H67086" s="1" t="s">
        <v>223169</v>
      </c>
      <c r="I67086" s="1" t="s">
        <v>222698</v>
      </c>
      <c r="J67086" s="1" t="s">
        <v>223264</v>
      </c>
    </row>
    <row r="67087" spans="1:10" x14ac:dyDescent="0.35">
      <c r="A67087" s="1" t="s">
        <v>120490</v>
      </c>
      <c r="B67087" s="1" t="s">
        <v>222693</v>
      </c>
      <c r="C67087" s="1" t="s">
        <v>155</v>
      </c>
      <c r="D67087" s="1" t="s">
        <v>223265</v>
      </c>
      <c r="E67087" s="1" t="s">
        <v>223266</v>
      </c>
      <c r="F67087" s="1" t="s">
        <v>223267</v>
      </c>
      <c r="G67087" s="1" t="s">
        <v>223168</v>
      </c>
      <c r="H67087" s="1" t="s">
        <v>223169</v>
      </c>
      <c r="I67087" s="1" t="s">
        <v>222698</v>
      </c>
      <c r="J67087" s="1" t="s">
        <v>223268</v>
      </c>
    </row>
    <row r="67088" spans="1:10" x14ac:dyDescent="0.35">
      <c r="A67088" s="1" t="s">
        <v>120490</v>
      </c>
      <c r="B67088" s="1" t="s">
        <v>222693</v>
      </c>
      <c r="C67088" s="1" t="s">
        <v>160</v>
      </c>
      <c r="D67088" s="1" t="s">
        <v>191804</v>
      </c>
      <c r="E67088" s="1" t="s">
        <v>223269</v>
      </c>
      <c r="F67088" s="1" t="s">
        <v>223270</v>
      </c>
      <c r="G67088" s="1" t="s">
        <v>223168</v>
      </c>
      <c r="H67088" s="1" t="s">
        <v>223169</v>
      </c>
      <c r="I67088" s="1" t="s">
        <v>222698</v>
      </c>
      <c r="J67088" s="1" t="s">
        <v>223271</v>
      </c>
    </row>
    <row r="67089" spans="1:10" x14ac:dyDescent="0.35">
      <c r="A67089" s="1" t="s">
        <v>120490</v>
      </c>
      <c r="B67089" s="1" t="s">
        <v>222693</v>
      </c>
      <c r="C67089" s="1" t="s">
        <v>165</v>
      </c>
      <c r="D67089" s="1" t="s">
        <v>40890</v>
      </c>
      <c r="E67089" s="1" t="s">
        <v>223272</v>
      </c>
      <c r="F67089" s="1" t="s">
        <v>223273</v>
      </c>
      <c r="G67089" s="1" t="s">
        <v>223168</v>
      </c>
      <c r="H67089" s="1" t="s">
        <v>223169</v>
      </c>
      <c r="I67089" s="1" t="s">
        <v>222698</v>
      </c>
      <c r="J67089" s="1" t="s">
        <v>223274</v>
      </c>
    </row>
    <row r="67090" spans="1:10" x14ac:dyDescent="0.35">
      <c r="A67090" s="1" t="s">
        <v>120490</v>
      </c>
      <c r="B67090" s="1" t="s">
        <v>222693</v>
      </c>
      <c r="C67090" s="1" t="s">
        <v>170</v>
      </c>
      <c r="D67090" s="1" t="s">
        <v>5004</v>
      </c>
      <c r="E67090" s="1" t="s">
        <v>223275</v>
      </c>
      <c r="F67090" s="1" t="s">
        <v>223276</v>
      </c>
      <c r="G67090" s="1" t="s">
        <v>223168</v>
      </c>
      <c r="H67090" s="1" t="s">
        <v>223169</v>
      </c>
      <c r="I67090" s="1" t="s">
        <v>222698</v>
      </c>
      <c r="J67090" s="1" t="s">
        <v>223277</v>
      </c>
    </row>
    <row r="67091" spans="1:10" x14ac:dyDescent="0.35">
      <c r="A67091" s="1" t="s">
        <v>27640</v>
      </c>
      <c r="B67091" s="1" t="s">
        <v>222693</v>
      </c>
      <c r="C67091" s="1" t="s">
        <v>8</v>
      </c>
      <c r="D67091" s="1" t="s">
        <v>223278</v>
      </c>
      <c r="E67091" s="1" t="s">
        <v>223279</v>
      </c>
      <c r="F67091" s="1" t="s">
        <v>223280</v>
      </c>
      <c r="G67091" s="1" t="s">
        <v>223281</v>
      </c>
      <c r="H67091" s="1" t="s">
        <v>223282</v>
      </c>
      <c r="I67091" s="1" t="s">
        <v>222698</v>
      </c>
      <c r="J67091" s="1" t="s">
        <v>13</v>
      </c>
    </row>
    <row r="67092" spans="1:10" x14ac:dyDescent="0.35">
      <c r="A67092" s="1" t="s">
        <v>27640</v>
      </c>
      <c r="B67092" s="1" t="s">
        <v>222693</v>
      </c>
      <c r="C67092" s="1" t="s">
        <v>15</v>
      </c>
      <c r="D67092" s="1" t="s">
        <v>67948</v>
      </c>
      <c r="E67092" s="1" t="s">
        <v>223283</v>
      </c>
      <c r="F67092" s="1" t="s">
        <v>223284</v>
      </c>
      <c r="G67092" s="1" t="s">
        <v>223281</v>
      </c>
      <c r="H67092" s="1" t="s">
        <v>223282</v>
      </c>
      <c r="I67092" s="1" t="s">
        <v>222698</v>
      </c>
      <c r="J67092" s="1" t="s">
        <v>223285</v>
      </c>
    </row>
    <row r="67093" spans="1:10" x14ac:dyDescent="0.35">
      <c r="A67093" s="1" t="s">
        <v>27640</v>
      </c>
      <c r="B67093" s="1" t="s">
        <v>222693</v>
      </c>
      <c r="C67093" s="1" t="s">
        <v>20</v>
      </c>
      <c r="D67093" s="1" t="s">
        <v>92813</v>
      </c>
      <c r="E67093" s="1" t="s">
        <v>223286</v>
      </c>
      <c r="F67093" s="1" t="s">
        <v>223287</v>
      </c>
      <c r="G67093" s="1" t="s">
        <v>223281</v>
      </c>
      <c r="H67093" s="1" t="s">
        <v>223282</v>
      </c>
      <c r="I67093" s="1" t="s">
        <v>222698</v>
      </c>
      <c r="J67093" s="1" t="s">
        <v>223288</v>
      </c>
    </row>
    <row r="67094" spans="1:10" x14ac:dyDescent="0.35">
      <c r="A67094" s="1" t="s">
        <v>27640</v>
      </c>
      <c r="B67094" s="1" t="s">
        <v>222693</v>
      </c>
      <c r="C67094" s="1" t="s">
        <v>25</v>
      </c>
      <c r="D67094" s="1" t="s">
        <v>223289</v>
      </c>
      <c r="E67094" s="1" t="s">
        <v>223290</v>
      </c>
      <c r="F67094" s="1" t="s">
        <v>223291</v>
      </c>
      <c r="G67094" s="1" t="s">
        <v>223281</v>
      </c>
      <c r="H67094" s="1" t="s">
        <v>223282</v>
      </c>
      <c r="I67094" s="1" t="s">
        <v>222698</v>
      </c>
      <c r="J67094" s="1" t="s">
        <v>223292</v>
      </c>
    </row>
    <row r="67095" spans="1:10" x14ac:dyDescent="0.35">
      <c r="A67095" s="1" t="s">
        <v>27640</v>
      </c>
      <c r="B67095" s="1" t="s">
        <v>222693</v>
      </c>
      <c r="C67095" s="1" t="s">
        <v>30</v>
      </c>
      <c r="D67095" s="1" t="s">
        <v>223293</v>
      </c>
      <c r="E67095" s="1" t="s">
        <v>223294</v>
      </c>
      <c r="F67095" s="1" t="s">
        <v>223295</v>
      </c>
      <c r="G67095" s="1" t="s">
        <v>223281</v>
      </c>
      <c r="H67095" s="1" t="s">
        <v>223282</v>
      </c>
      <c r="I67095" s="1" t="s">
        <v>222698</v>
      </c>
      <c r="J67095" s="1" t="s">
        <v>223296</v>
      </c>
    </row>
    <row r="67096" spans="1:10" x14ac:dyDescent="0.35">
      <c r="A67096" s="1" t="s">
        <v>27640</v>
      </c>
      <c r="B67096" s="1" t="s">
        <v>222693</v>
      </c>
      <c r="C67096" s="1" t="s">
        <v>35</v>
      </c>
      <c r="D67096" s="1" t="s">
        <v>81936</v>
      </c>
      <c r="E67096" s="1" t="s">
        <v>223297</v>
      </c>
      <c r="F67096" s="1" t="s">
        <v>223298</v>
      </c>
      <c r="G67096" s="1" t="s">
        <v>223281</v>
      </c>
      <c r="H67096" s="1" t="s">
        <v>223282</v>
      </c>
      <c r="I67096" s="1" t="s">
        <v>222698</v>
      </c>
      <c r="J67096" s="1" t="s">
        <v>177448</v>
      </c>
    </row>
    <row r="67097" spans="1:10" x14ac:dyDescent="0.35">
      <c r="A67097" s="1" t="s">
        <v>27640</v>
      </c>
      <c r="B67097" s="1" t="s">
        <v>222693</v>
      </c>
      <c r="C67097" s="1" t="s">
        <v>40</v>
      </c>
      <c r="D67097" s="1" t="s">
        <v>82616</v>
      </c>
      <c r="E67097" s="1" t="s">
        <v>223299</v>
      </c>
      <c r="F67097" s="1" t="s">
        <v>223300</v>
      </c>
      <c r="G67097" s="1" t="s">
        <v>223281</v>
      </c>
      <c r="H67097" s="1" t="s">
        <v>223282</v>
      </c>
      <c r="I67097" s="1" t="s">
        <v>222698</v>
      </c>
      <c r="J67097" s="1" t="s">
        <v>223301</v>
      </c>
    </row>
    <row r="67098" spans="1:10" x14ac:dyDescent="0.35">
      <c r="A67098" s="1" t="s">
        <v>27640</v>
      </c>
      <c r="B67098" s="1" t="s">
        <v>222693</v>
      </c>
      <c r="C67098" s="1" t="s">
        <v>45</v>
      </c>
      <c r="D67098" s="1" t="s">
        <v>86577</v>
      </c>
      <c r="E67098" s="1" t="s">
        <v>223302</v>
      </c>
      <c r="F67098" s="1" t="s">
        <v>223303</v>
      </c>
      <c r="G67098" s="1" t="s">
        <v>223281</v>
      </c>
      <c r="H67098" s="1" t="s">
        <v>223282</v>
      </c>
      <c r="I67098" s="1" t="s">
        <v>222698</v>
      </c>
      <c r="J67098" s="1" t="s">
        <v>223304</v>
      </c>
    </row>
    <row r="67099" spans="1:10" x14ac:dyDescent="0.35">
      <c r="A67099" s="1" t="s">
        <v>27640</v>
      </c>
      <c r="B67099" s="1" t="s">
        <v>222693</v>
      </c>
      <c r="C67099" s="1" t="s">
        <v>50</v>
      </c>
      <c r="D67099" s="1" t="s">
        <v>223305</v>
      </c>
      <c r="E67099" s="1" t="s">
        <v>223306</v>
      </c>
      <c r="F67099" s="1" t="s">
        <v>223307</v>
      </c>
      <c r="G67099" s="1" t="s">
        <v>223281</v>
      </c>
      <c r="H67099" s="1" t="s">
        <v>223282</v>
      </c>
      <c r="I67099" s="1" t="s">
        <v>222698</v>
      </c>
      <c r="J67099" s="1" t="s">
        <v>223308</v>
      </c>
    </row>
    <row r="67100" spans="1:10" x14ac:dyDescent="0.35">
      <c r="A67100" s="1" t="s">
        <v>27640</v>
      </c>
      <c r="B67100" s="1" t="s">
        <v>222693</v>
      </c>
      <c r="C67100" s="1" t="s">
        <v>55</v>
      </c>
      <c r="D67100" s="1" t="s">
        <v>95923</v>
      </c>
      <c r="E67100" s="1" t="s">
        <v>223309</v>
      </c>
      <c r="F67100" s="1" t="s">
        <v>223310</v>
      </c>
      <c r="G67100" s="1" t="s">
        <v>223281</v>
      </c>
      <c r="H67100" s="1" t="s">
        <v>223282</v>
      </c>
      <c r="I67100" s="1" t="s">
        <v>222698</v>
      </c>
      <c r="J67100" s="1" t="s">
        <v>223311</v>
      </c>
    </row>
    <row r="67101" spans="1:10" x14ac:dyDescent="0.35">
      <c r="A67101" s="1" t="s">
        <v>27640</v>
      </c>
      <c r="B67101" s="1" t="s">
        <v>222693</v>
      </c>
      <c r="C67101" s="1" t="s">
        <v>60</v>
      </c>
      <c r="D67101" s="1" t="s">
        <v>69337</v>
      </c>
      <c r="E67101" s="1" t="s">
        <v>223312</v>
      </c>
      <c r="F67101" s="1" t="s">
        <v>223313</v>
      </c>
      <c r="G67101" s="1" t="s">
        <v>223281</v>
      </c>
      <c r="H67101" s="1" t="s">
        <v>223282</v>
      </c>
      <c r="I67101" s="1" t="s">
        <v>222698</v>
      </c>
      <c r="J67101" s="1" t="s">
        <v>223314</v>
      </c>
    </row>
    <row r="67102" spans="1:10" x14ac:dyDescent="0.35">
      <c r="A67102" s="1" t="s">
        <v>27640</v>
      </c>
      <c r="B67102" s="1" t="s">
        <v>222693</v>
      </c>
      <c r="C67102" s="1" t="s">
        <v>65</v>
      </c>
      <c r="D67102" s="1" t="s">
        <v>166595</v>
      </c>
      <c r="E67102" s="1" t="s">
        <v>223315</v>
      </c>
      <c r="F67102" s="1" t="s">
        <v>223316</v>
      </c>
      <c r="G67102" s="1" t="s">
        <v>223281</v>
      </c>
      <c r="H67102" s="1" t="s">
        <v>223282</v>
      </c>
      <c r="I67102" s="1" t="s">
        <v>222698</v>
      </c>
      <c r="J67102" s="1" t="s">
        <v>223317</v>
      </c>
    </row>
    <row r="67103" spans="1:10" x14ac:dyDescent="0.35">
      <c r="A67103" s="1" t="s">
        <v>27640</v>
      </c>
      <c r="B67103" s="1" t="s">
        <v>222693</v>
      </c>
      <c r="C67103" s="1" t="s">
        <v>70</v>
      </c>
      <c r="D67103" s="1" t="s">
        <v>68608</v>
      </c>
      <c r="E67103" s="1" t="s">
        <v>223318</v>
      </c>
      <c r="F67103" s="1" t="s">
        <v>223319</v>
      </c>
      <c r="G67103" s="1" t="s">
        <v>223281</v>
      </c>
      <c r="H67103" s="1" t="s">
        <v>223282</v>
      </c>
      <c r="I67103" s="1" t="s">
        <v>222698</v>
      </c>
      <c r="J67103" s="1" t="s">
        <v>223320</v>
      </c>
    </row>
    <row r="67104" spans="1:10" x14ac:dyDescent="0.35">
      <c r="A67104" s="1" t="s">
        <v>27640</v>
      </c>
      <c r="B67104" s="1" t="s">
        <v>222693</v>
      </c>
      <c r="C67104" s="1" t="s">
        <v>75</v>
      </c>
      <c r="D67104" s="1" t="s">
        <v>92014</v>
      </c>
      <c r="E67104" s="1" t="s">
        <v>223321</v>
      </c>
      <c r="F67104" s="1" t="s">
        <v>223322</v>
      </c>
      <c r="G67104" s="1" t="s">
        <v>223281</v>
      </c>
      <c r="H67104" s="1" t="s">
        <v>223282</v>
      </c>
      <c r="I67104" s="1" t="s">
        <v>222698</v>
      </c>
      <c r="J67104" s="1" t="s">
        <v>223323</v>
      </c>
    </row>
    <row r="67105" spans="1:10" x14ac:dyDescent="0.35">
      <c r="A67105" s="1" t="s">
        <v>27640</v>
      </c>
      <c r="B67105" s="1" t="s">
        <v>222693</v>
      </c>
      <c r="C67105" s="1" t="s">
        <v>80</v>
      </c>
      <c r="D67105" s="1" t="s">
        <v>223324</v>
      </c>
      <c r="E67105" s="1" t="s">
        <v>223325</v>
      </c>
      <c r="F67105" s="1" t="s">
        <v>223326</v>
      </c>
      <c r="G67105" s="1" t="s">
        <v>223281</v>
      </c>
      <c r="H67105" s="1" t="s">
        <v>223282</v>
      </c>
      <c r="I67105" s="1" t="s">
        <v>222698</v>
      </c>
      <c r="J67105" s="1" t="s">
        <v>223327</v>
      </c>
    </row>
    <row r="67106" spans="1:10" x14ac:dyDescent="0.35">
      <c r="A67106" s="1" t="s">
        <v>27640</v>
      </c>
      <c r="B67106" s="1" t="s">
        <v>222693</v>
      </c>
      <c r="C67106" s="1" t="s">
        <v>85</v>
      </c>
      <c r="D67106" s="1" t="s">
        <v>223328</v>
      </c>
      <c r="E67106" s="1" t="s">
        <v>223329</v>
      </c>
      <c r="F67106" s="1" t="s">
        <v>223330</v>
      </c>
      <c r="G67106" s="1" t="s">
        <v>223281</v>
      </c>
      <c r="H67106" s="1" t="s">
        <v>223282</v>
      </c>
      <c r="I67106" s="1" t="s">
        <v>222698</v>
      </c>
      <c r="J67106" s="1" t="s">
        <v>223331</v>
      </c>
    </row>
    <row r="67107" spans="1:10" x14ac:dyDescent="0.35">
      <c r="A67107" s="1" t="s">
        <v>27640</v>
      </c>
      <c r="B67107" s="1" t="s">
        <v>222693</v>
      </c>
      <c r="C67107" s="1" t="s">
        <v>90</v>
      </c>
      <c r="D67107" s="1" t="s">
        <v>223332</v>
      </c>
      <c r="E67107" s="1" t="s">
        <v>223333</v>
      </c>
      <c r="F67107" s="1" t="s">
        <v>223334</v>
      </c>
      <c r="G67107" s="1" t="s">
        <v>223281</v>
      </c>
      <c r="H67107" s="1" t="s">
        <v>223282</v>
      </c>
      <c r="I67107" s="1" t="s">
        <v>222698</v>
      </c>
      <c r="J67107" s="1" t="s">
        <v>223335</v>
      </c>
    </row>
    <row r="67108" spans="1:10" x14ac:dyDescent="0.35">
      <c r="A67108" s="1" t="s">
        <v>27640</v>
      </c>
      <c r="B67108" s="1" t="s">
        <v>222693</v>
      </c>
      <c r="C67108" s="1" t="s">
        <v>95</v>
      </c>
      <c r="D67108" s="1" t="s">
        <v>223336</v>
      </c>
      <c r="E67108" s="1" t="s">
        <v>223337</v>
      </c>
      <c r="F67108" s="1" t="s">
        <v>223338</v>
      </c>
      <c r="G67108" s="1" t="s">
        <v>223281</v>
      </c>
      <c r="H67108" s="1" t="s">
        <v>223282</v>
      </c>
      <c r="I67108" s="1" t="s">
        <v>222698</v>
      </c>
      <c r="J67108" s="1" t="s">
        <v>223339</v>
      </c>
    </row>
    <row r="67109" spans="1:10" x14ac:dyDescent="0.35">
      <c r="A67109" s="1" t="s">
        <v>27640</v>
      </c>
      <c r="B67109" s="1" t="s">
        <v>222693</v>
      </c>
      <c r="C67109" s="1" t="s">
        <v>100</v>
      </c>
      <c r="D67109" s="1" t="s">
        <v>109470</v>
      </c>
      <c r="E67109" s="1" t="s">
        <v>223340</v>
      </c>
      <c r="F67109" s="1" t="s">
        <v>223341</v>
      </c>
      <c r="G67109" s="1" t="s">
        <v>223281</v>
      </c>
      <c r="H67109" s="1" t="s">
        <v>223282</v>
      </c>
      <c r="I67109" s="1" t="s">
        <v>222698</v>
      </c>
      <c r="J67109" s="1" t="s">
        <v>223342</v>
      </c>
    </row>
    <row r="67110" spans="1:10" x14ac:dyDescent="0.35">
      <c r="A67110" s="1" t="s">
        <v>27640</v>
      </c>
      <c r="B67110" s="1" t="s">
        <v>222693</v>
      </c>
      <c r="C67110" s="1" t="s">
        <v>105</v>
      </c>
      <c r="D67110" s="1" t="s">
        <v>63335</v>
      </c>
      <c r="E67110" s="1" t="s">
        <v>223343</v>
      </c>
      <c r="F67110" s="1" t="s">
        <v>223344</v>
      </c>
      <c r="G67110" s="1" t="s">
        <v>223281</v>
      </c>
      <c r="H67110" s="1" t="s">
        <v>223282</v>
      </c>
      <c r="I67110" s="1" t="s">
        <v>222698</v>
      </c>
      <c r="J67110" s="1" t="s">
        <v>223345</v>
      </c>
    </row>
    <row r="67111" spans="1:10" x14ac:dyDescent="0.35">
      <c r="A67111" s="1" t="s">
        <v>27640</v>
      </c>
      <c r="B67111" s="1" t="s">
        <v>222693</v>
      </c>
      <c r="C67111" s="1" t="s">
        <v>110</v>
      </c>
      <c r="D67111" s="1" t="s">
        <v>75802</v>
      </c>
      <c r="E67111" s="1" t="s">
        <v>223346</v>
      </c>
      <c r="F67111" s="1" t="s">
        <v>223347</v>
      </c>
      <c r="G67111" s="1" t="s">
        <v>223281</v>
      </c>
      <c r="H67111" s="1" t="s">
        <v>223282</v>
      </c>
      <c r="I67111" s="1" t="s">
        <v>222698</v>
      </c>
      <c r="J67111" s="1" t="s">
        <v>223348</v>
      </c>
    </row>
    <row r="67112" spans="1:10" x14ac:dyDescent="0.35">
      <c r="A67112" s="1" t="s">
        <v>27640</v>
      </c>
      <c r="B67112" s="1" t="s">
        <v>222693</v>
      </c>
      <c r="C67112" s="1" t="s">
        <v>115</v>
      </c>
      <c r="D67112" s="1" t="s">
        <v>40262</v>
      </c>
      <c r="E67112" s="1" t="s">
        <v>223349</v>
      </c>
      <c r="F67112" s="1" t="s">
        <v>223350</v>
      </c>
      <c r="G67112" s="1" t="s">
        <v>223281</v>
      </c>
      <c r="H67112" s="1" t="s">
        <v>223282</v>
      </c>
      <c r="I67112" s="1" t="s">
        <v>222698</v>
      </c>
      <c r="J67112" s="1" t="s">
        <v>223351</v>
      </c>
    </row>
    <row r="67113" spans="1:10" x14ac:dyDescent="0.35">
      <c r="A67113" s="1" t="s">
        <v>27640</v>
      </c>
      <c r="B67113" s="1" t="s">
        <v>222693</v>
      </c>
      <c r="C67113" s="1" t="s">
        <v>120</v>
      </c>
      <c r="D67113" s="1" t="s">
        <v>22678</v>
      </c>
      <c r="E67113" s="1" t="s">
        <v>223352</v>
      </c>
      <c r="F67113" s="1" t="s">
        <v>223353</v>
      </c>
      <c r="G67113" s="1" t="s">
        <v>223281</v>
      </c>
      <c r="H67113" s="1" t="s">
        <v>223282</v>
      </c>
      <c r="I67113" s="1" t="s">
        <v>222698</v>
      </c>
      <c r="J67113" s="1" t="s">
        <v>223354</v>
      </c>
    </row>
    <row r="67114" spans="1:10" x14ac:dyDescent="0.35">
      <c r="A67114" s="1" t="s">
        <v>27640</v>
      </c>
      <c r="B67114" s="1" t="s">
        <v>222693</v>
      </c>
      <c r="C67114" s="1" t="s">
        <v>125</v>
      </c>
      <c r="D67114" s="1" t="s">
        <v>223355</v>
      </c>
      <c r="E67114" s="1" t="s">
        <v>223356</v>
      </c>
      <c r="F67114" s="1" t="s">
        <v>223357</v>
      </c>
      <c r="G67114" s="1" t="s">
        <v>223281</v>
      </c>
      <c r="H67114" s="1" t="s">
        <v>223282</v>
      </c>
      <c r="I67114" s="1" t="s">
        <v>222698</v>
      </c>
      <c r="J67114" s="1" t="s">
        <v>223358</v>
      </c>
    </row>
    <row r="67115" spans="1:10" x14ac:dyDescent="0.35">
      <c r="A67115" s="1" t="s">
        <v>27640</v>
      </c>
      <c r="B67115" s="1" t="s">
        <v>222693</v>
      </c>
      <c r="C67115" s="1" t="s">
        <v>130</v>
      </c>
      <c r="D67115" s="1" t="s">
        <v>43605</v>
      </c>
      <c r="E67115" s="1" t="s">
        <v>223359</v>
      </c>
      <c r="F67115" s="1" t="s">
        <v>223360</v>
      </c>
      <c r="G67115" s="1" t="s">
        <v>223281</v>
      </c>
      <c r="H67115" s="1" t="s">
        <v>223282</v>
      </c>
      <c r="I67115" s="1" t="s">
        <v>222698</v>
      </c>
      <c r="J67115" s="1" t="s">
        <v>223361</v>
      </c>
    </row>
    <row r="67116" spans="1:10" x14ac:dyDescent="0.35">
      <c r="A67116" s="1" t="s">
        <v>27640</v>
      </c>
      <c r="B67116" s="1" t="s">
        <v>222693</v>
      </c>
      <c r="C67116" s="1" t="s">
        <v>135</v>
      </c>
      <c r="D67116" s="1" t="s">
        <v>39365</v>
      </c>
      <c r="E67116" s="1" t="s">
        <v>223362</v>
      </c>
      <c r="F67116" s="1" t="s">
        <v>223363</v>
      </c>
      <c r="G67116" s="1" t="s">
        <v>223281</v>
      </c>
      <c r="H67116" s="1" t="s">
        <v>223282</v>
      </c>
      <c r="I67116" s="1" t="s">
        <v>222698</v>
      </c>
      <c r="J67116" s="1" t="s">
        <v>223364</v>
      </c>
    </row>
    <row r="67117" spans="1:10" x14ac:dyDescent="0.35">
      <c r="A67117" s="1" t="s">
        <v>27640</v>
      </c>
      <c r="B67117" s="1" t="s">
        <v>222693</v>
      </c>
      <c r="C67117" s="1" t="s">
        <v>140</v>
      </c>
      <c r="D67117" s="1" t="s">
        <v>87038</v>
      </c>
      <c r="E67117" s="1" t="s">
        <v>223365</v>
      </c>
      <c r="F67117" s="1" t="s">
        <v>223366</v>
      </c>
      <c r="G67117" s="1" t="s">
        <v>223281</v>
      </c>
      <c r="H67117" s="1" t="s">
        <v>223282</v>
      </c>
      <c r="I67117" s="1" t="s">
        <v>222698</v>
      </c>
      <c r="J67117" s="1" t="s">
        <v>223367</v>
      </c>
    </row>
    <row r="67118" spans="1:10" x14ac:dyDescent="0.35">
      <c r="A67118" s="1" t="s">
        <v>27640</v>
      </c>
      <c r="B67118" s="1" t="s">
        <v>222693</v>
      </c>
      <c r="C67118" s="1" t="s">
        <v>145</v>
      </c>
      <c r="D67118" s="1" t="s">
        <v>92987</v>
      </c>
      <c r="E67118" s="1" t="s">
        <v>223368</v>
      </c>
      <c r="F67118" s="1" t="s">
        <v>223369</v>
      </c>
      <c r="G67118" s="1" t="s">
        <v>223281</v>
      </c>
      <c r="H67118" s="1" t="s">
        <v>223282</v>
      </c>
      <c r="I67118" s="1" t="s">
        <v>222698</v>
      </c>
      <c r="J67118" s="1" t="s">
        <v>223370</v>
      </c>
    </row>
    <row r="67119" spans="1:10" x14ac:dyDescent="0.35">
      <c r="A67119" s="1" t="s">
        <v>27640</v>
      </c>
      <c r="B67119" s="1" t="s">
        <v>222693</v>
      </c>
      <c r="C67119" s="1" t="s">
        <v>150</v>
      </c>
      <c r="D67119" s="1" t="s">
        <v>55002</v>
      </c>
      <c r="E67119" s="1" t="s">
        <v>223371</v>
      </c>
      <c r="F67119" s="1" t="s">
        <v>223372</v>
      </c>
      <c r="G67119" s="1" t="s">
        <v>223281</v>
      </c>
      <c r="H67119" s="1" t="s">
        <v>223282</v>
      </c>
      <c r="I67119" s="1" t="s">
        <v>222698</v>
      </c>
      <c r="J67119" s="1" t="s">
        <v>223373</v>
      </c>
    </row>
    <row r="67120" spans="1:10" x14ac:dyDescent="0.35">
      <c r="A67120" s="1" t="s">
        <v>27640</v>
      </c>
      <c r="B67120" s="1" t="s">
        <v>222693</v>
      </c>
      <c r="C67120" s="1" t="s">
        <v>155</v>
      </c>
      <c r="D67120" s="1" t="s">
        <v>66872</v>
      </c>
      <c r="E67120" s="1" t="s">
        <v>223374</v>
      </c>
      <c r="F67120" s="1" t="s">
        <v>223375</v>
      </c>
      <c r="G67120" s="1" t="s">
        <v>223281</v>
      </c>
      <c r="H67120" s="1" t="s">
        <v>223282</v>
      </c>
      <c r="I67120" s="1" t="s">
        <v>222698</v>
      </c>
      <c r="J67120" s="1" t="s">
        <v>223376</v>
      </c>
    </row>
    <row r="67121" spans="1:10" x14ac:dyDescent="0.35">
      <c r="A67121" s="1" t="s">
        <v>27640</v>
      </c>
      <c r="B67121" s="1" t="s">
        <v>222693</v>
      </c>
      <c r="C67121" s="1" t="s">
        <v>160</v>
      </c>
      <c r="D67121" s="1" t="s">
        <v>223377</v>
      </c>
      <c r="E67121" s="1" t="s">
        <v>223378</v>
      </c>
      <c r="F67121" s="1" t="s">
        <v>223379</v>
      </c>
      <c r="G67121" s="1" t="s">
        <v>223281</v>
      </c>
      <c r="H67121" s="1" t="s">
        <v>223282</v>
      </c>
      <c r="I67121" s="1" t="s">
        <v>222698</v>
      </c>
      <c r="J67121" s="1" t="s">
        <v>223380</v>
      </c>
    </row>
    <row r="67122" spans="1:10" x14ac:dyDescent="0.35">
      <c r="A67122" s="1" t="s">
        <v>27640</v>
      </c>
      <c r="B67122" s="1" t="s">
        <v>222693</v>
      </c>
      <c r="C67122" s="1" t="s">
        <v>165</v>
      </c>
      <c r="D67122" s="1" t="s">
        <v>97214</v>
      </c>
      <c r="E67122" s="1" t="s">
        <v>223381</v>
      </c>
      <c r="F67122" s="1" t="s">
        <v>223382</v>
      </c>
      <c r="G67122" s="1" t="s">
        <v>223281</v>
      </c>
      <c r="H67122" s="1" t="s">
        <v>223282</v>
      </c>
      <c r="I67122" s="1" t="s">
        <v>222698</v>
      </c>
      <c r="J67122" s="1" t="s">
        <v>223383</v>
      </c>
    </row>
    <row r="67123" spans="1:10" x14ac:dyDescent="0.35">
      <c r="A67123" s="1" t="s">
        <v>27640</v>
      </c>
      <c r="B67123" s="1" t="s">
        <v>222693</v>
      </c>
      <c r="C67123" s="1" t="s">
        <v>170</v>
      </c>
      <c r="D67123" s="1" t="s">
        <v>223384</v>
      </c>
      <c r="E67123" s="1" t="s">
        <v>223385</v>
      </c>
      <c r="F67123" s="1" t="s">
        <v>223386</v>
      </c>
      <c r="G67123" s="1" t="s">
        <v>223281</v>
      </c>
      <c r="H67123" s="1" t="s">
        <v>223282</v>
      </c>
      <c r="I67123" s="1" t="s">
        <v>222698</v>
      </c>
      <c r="J67123" s="1" t="s">
        <v>223387</v>
      </c>
    </row>
    <row r="67124" spans="1:10" x14ac:dyDescent="0.35">
      <c r="A67124" s="1" t="s">
        <v>223388</v>
      </c>
      <c r="B67124" s="1" t="s">
        <v>222693</v>
      </c>
      <c r="C67124" s="1" t="s">
        <v>8</v>
      </c>
      <c r="D67124" s="1" t="s">
        <v>131342</v>
      </c>
      <c r="E67124" s="1" t="s">
        <v>223389</v>
      </c>
      <c r="F67124" s="1" t="s">
        <v>223390</v>
      </c>
      <c r="G67124" s="1" t="s">
        <v>223391</v>
      </c>
      <c r="H67124" s="1" t="s">
        <v>223392</v>
      </c>
      <c r="I67124" s="1" t="s">
        <v>222698</v>
      </c>
      <c r="J67124" s="1" t="s">
        <v>13</v>
      </c>
    </row>
    <row r="67125" spans="1:10" x14ac:dyDescent="0.35">
      <c r="A67125" s="1" t="s">
        <v>223388</v>
      </c>
      <c r="B67125" s="1" t="s">
        <v>222693</v>
      </c>
      <c r="C67125" s="1" t="s">
        <v>15</v>
      </c>
      <c r="D67125" s="1" t="s">
        <v>69604</v>
      </c>
      <c r="E67125" s="1" t="s">
        <v>223393</v>
      </c>
      <c r="F67125" s="1" t="s">
        <v>223394</v>
      </c>
      <c r="G67125" s="1" t="s">
        <v>223391</v>
      </c>
      <c r="H67125" s="1" t="s">
        <v>223392</v>
      </c>
      <c r="I67125" s="1" t="s">
        <v>222698</v>
      </c>
      <c r="J67125" s="1" t="s">
        <v>223395</v>
      </c>
    </row>
    <row r="67126" spans="1:10" x14ac:dyDescent="0.35">
      <c r="A67126" s="1" t="s">
        <v>223388</v>
      </c>
      <c r="B67126" s="1" t="s">
        <v>222693</v>
      </c>
      <c r="C67126" s="1" t="s">
        <v>20</v>
      </c>
      <c r="D67126" s="1" t="s">
        <v>223396</v>
      </c>
      <c r="E67126" s="1" t="s">
        <v>223397</v>
      </c>
      <c r="F67126" s="1" t="s">
        <v>223398</v>
      </c>
      <c r="G67126" s="1" t="s">
        <v>223391</v>
      </c>
      <c r="H67126" s="1" t="s">
        <v>223392</v>
      </c>
      <c r="I67126" s="1" t="s">
        <v>222698</v>
      </c>
      <c r="J67126" s="1" t="s">
        <v>223399</v>
      </c>
    </row>
    <row r="67127" spans="1:10" x14ac:dyDescent="0.35">
      <c r="A67127" s="1" t="s">
        <v>223388</v>
      </c>
      <c r="B67127" s="1" t="s">
        <v>222693</v>
      </c>
      <c r="C67127" s="1" t="s">
        <v>25</v>
      </c>
      <c r="D67127" s="1" t="s">
        <v>223400</v>
      </c>
      <c r="E67127" s="1" t="s">
        <v>223401</v>
      </c>
      <c r="F67127" s="1" t="s">
        <v>223402</v>
      </c>
      <c r="G67127" s="1" t="s">
        <v>223391</v>
      </c>
      <c r="H67127" s="1" t="s">
        <v>223392</v>
      </c>
      <c r="I67127" s="1" t="s">
        <v>222698</v>
      </c>
      <c r="J67127" s="1" t="s">
        <v>223403</v>
      </c>
    </row>
    <row r="67128" spans="1:10" x14ac:dyDescent="0.35">
      <c r="A67128" s="1" t="s">
        <v>223388</v>
      </c>
      <c r="B67128" s="1" t="s">
        <v>222693</v>
      </c>
      <c r="C67128" s="1" t="s">
        <v>30</v>
      </c>
      <c r="D67128" s="1" t="s">
        <v>21406</v>
      </c>
      <c r="E67128" s="1" t="s">
        <v>223404</v>
      </c>
      <c r="F67128" s="1" t="s">
        <v>223405</v>
      </c>
      <c r="G67128" s="1" t="s">
        <v>223391</v>
      </c>
      <c r="H67128" s="1" t="s">
        <v>223392</v>
      </c>
      <c r="I67128" s="1" t="s">
        <v>222698</v>
      </c>
      <c r="J67128" s="1" t="s">
        <v>223406</v>
      </c>
    </row>
    <row r="67129" spans="1:10" x14ac:dyDescent="0.35">
      <c r="A67129" s="1" t="s">
        <v>223388</v>
      </c>
      <c r="B67129" s="1" t="s">
        <v>222693</v>
      </c>
      <c r="C67129" s="1" t="s">
        <v>35</v>
      </c>
      <c r="D67129" s="1" t="s">
        <v>223407</v>
      </c>
      <c r="E67129" s="1" t="s">
        <v>223408</v>
      </c>
      <c r="F67129" s="1" t="s">
        <v>223409</v>
      </c>
      <c r="G67129" s="1" t="s">
        <v>223391</v>
      </c>
      <c r="H67129" s="1" t="s">
        <v>223392</v>
      </c>
      <c r="I67129" s="1" t="s">
        <v>222698</v>
      </c>
      <c r="J67129" s="1" t="s">
        <v>223410</v>
      </c>
    </row>
    <row r="67130" spans="1:10" x14ac:dyDescent="0.35">
      <c r="A67130" s="1" t="s">
        <v>223388</v>
      </c>
      <c r="B67130" s="1" t="s">
        <v>222693</v>
      </c>
      <c r="C67130" s="1" t="s">
        <v>40</v>
      </c>
      <c r="D67130" s="1" t="s">
        <v>41347</v>
      </c>
      <c r="E67130" s="1" t="s">
        <v>223411</v>
      </c>
      <c r="F67130" s="1" t="s">
        <v>223412</v>
      </c>
      <c r="G67130" s="1" t="s">
        <v>223391</v>
      </c>
      <c r="H67130" s="1" t="s">
        <v>223392</v>
      </c>
      <c r="I67130" s="1" t="s">
        <v>222698</v>
      </c>
      <c r="J67130" s="1" t="s">
        <v>223413</v>
      </c>
    </row>
    <row r="67131" spans="1:10" x14ac:dyDescent="0.35">
      <c r="A67131" s="1" t="s">
        <v>223388</v>
      </c>
      <c r="B67131" s="1" t="s">
        <v>222693</v>
      </c>
      <c r="C67131" s="1" t="s">
        <v>45</v>
      </c>
      <c r="D67131" s="1" t="s">
        <v>76274</v>
      </c>
      <c r="E67131" s="1" t="s">
        <v>223414</v>
      </c>
      <c r="F67131" s="1" t="s">
        <v>223415</v>
      </c>
      <c r="G67131" s="1" t="s">
        <v>223391</v>
      </c>
      <c r="H67131" s="1" t="s">
        <v>223392</v>
      </c>
      <c r="I67131" s="1" t="s">
        <v>222698</v>
      </c>
      <c r="J67131" s="1" t="s">
        <v>223416</v>
      </c>
    </row>
    <row r="67132" spans="1:10" x14ac:dyDescent="0.35">
      <c r="A67132" s="1" t="s">
        <v>223388</v>
      </c>
      <c r="B67132" s="1" t="s">
        <v>222693</v>
      </c>
      <c r="C67132" s="1" t="s">
        <v>50</v>
      </c>
      <c r="D67132" s="1" t="s">
        <v>223417</v>
      </c>
      <c r="E67132" s="1" t="s">
        <v>223418</v>
      </c>
      <c r="F67132" s="1" t="s">
        <v>223419</v>
      </c>
      <c r="G67132" s="1" t="s">
        <v>223391</v>
      </c>
      <c r="H67132" s="1" t="s">
        <v>223392</v>
      </c>
      <c r="I67132" s="1" t="s">
        <v>222698</v>
      </c>
      <c r="J67132" s="1" t="s">
        <v>223420</v>
      </c>
    </row>
    <row r="67133" spans="1:10" x14ac:dyDescent="0.35">
      <c r="A67133" s="1" t="s">
        <v>223388</v>
      </c>
      <c r="B67133" s="1" t="s">
        <v>222693</v>
      </c>
      <c r="C67133" s="1" t="s">
        <v>55</v>
      </c>
      <c r="D67133" s="1" t="s">
        <v>223421</v>
      </c>
      <c r="E67133" s="1" t="s">
        <v>223422</v>
      </c>
      <c r="F67133" s="1" t="s">
        <v>223423</v>
      </c>
      <c r="G67133" s="1" t="s">
        <v>223391</v>
      </c>
      <c r="H67133" s="1" t="s">
        <v>223392</v>
      </c>
      <c r="I67133" s="1" t="s">
        <v>222698</v>
      </c>
      <c r="J67133" s="1" t="s">
        <v>223424</v>
      </c>
    </row>
    <row r="67134" spans="1:10" x14ac:dyDescent="0.35">
      <c r="A67134" s="1" t="s">
        <v>223388</v>
      </c>
      <c r="B67134" s="1" t="s">
        <v>222693</v>
      </c>
      <c r="C67134" s="1" t="s">
        <v>60</v>
      </c>
      <c r="D67134" s="1" t="s">
        <v>223425</v>
      </c>
      <c r="E67134" s="1" t="s">
        <v>223426</v>
      </c>
      <c r="F67134" s="1" t="s">
        <v>223427</v>
      </c>
      <c r="G67134" s="1" t="s">
        <v>223391</v>
      </c>
      <c r="H67134" s="1" t="s">
        <v>223392</v>
      </c>
      <c r="I67134" s="1" t="s">
        <v>222698</v>
      </c>
      <c r="J67134" s="1" t="s">
        <v>223428</v>
      </c>
    </row>
    <row r="67135" spans="1:10" x14ac:dyDescent="0.35">
      <c r="A67135" s="1" t="s">
        <v>223388</v>
      </c>
      <c r="B67135" s="1" t="s">
        <v>222693</v>
      </c>
      <c r="C67135" s="1" t="s">
        <v>65</v>
      </c>
      <c r="D67135" s="1" t="s">
        <v>79411</v>
      </c>
      <c r="E67135" s="1" t="s">
        <v>223429</v>
      </c>
      <c r="F67135" s="1" t="s">
        <v>223430</v>
      </c>
      <c r="G67135" s="1" t="s">
        <v>223391</v>
      </c>
      <c r="H67135" s="1" t="s">
        <v>223392</v>
      </c>
      <c r="I67135" s="1" t="s">
        <v>222698</v>
      </c>
      <c r="J67135" s="1" t="s">
        <v>223431</v>
      </c>
    </row>
    <row r="67136" spans="1:10" x14ac:dyDescent="0.35">
      <c r="A67136" s="1" t="s">
        <v>223388</v>
      </c>
      <c r="B67136" s="1" t="s">
        <v>222693</v>
      </c>
      <c r="C67136" s="1" t="s">
        <v>70</v>
      </c>
      <c r="D67136" s="1" t="s">
        <v>134058</v>
      </c>
      <c r="E67136" s="1" t="s">
        <v>223432</v>
      </c>
      <c r="F67136" s="1" t="s">
        <v>223433</v>
      </c>
      <c r="G67136" s="1" t="s">
        <v>223391</v>
      </c>
      <c r="H67136" s="1" t="s">
        <v>223392</v>
      </c>
      <c r="I67136" s="1" t="s">
        <v>222698</v>
      </c>
      <c r="J67136" s="1" t="s">
        <v>223434</v>
      </c>
    </row>
    <row r="67137" spans="1:10" x14ac:dyDescent="0.35">
      <c r="A67137" s="1" t="s">
        <v>223388</v>
      </c>
      <c r="B67137" s="1" t="s">
        <v>222693</v>
      </c>
      <c r="C67137" s="1" t="s">
        <v>75</v>
      </c>
      <c r="D67137" s="1" t="s">
        <v>54023</v>
      </c>
      <c r="E67137" s="1" t="s">
        <v>223435</v>
      </c>
      <c r="F67137" s="1" t="s">
        <v>223436</v>
      </c>
      <c r="G67137" s="1" t="s">
        <v>223391</v>
      </c>
      <c r="H67137" s="1" t="s">
        <v>223392</v>
      </c>
      <c r="I67137" s="1" t="s">
        <v>222698</v>
      </c>
      <c r="J67137" s="1" t="s">
        <v>223437</v>
      </c>
    </row>
    <row r="67138" spans="1:10" x14ac:dyDescent="0.35">
      <c r="A67138" s="1" t="s">
        <v>223388</v>
      </c>
      <c r="B67138" s="1" t="s">
        <v>222693</v>
      </c>
      <c r="C67138" s="1" t="s">
        <v>80</v>
      </c>
      <c r="D67138" s="1" t="s">
        <v>223438</v>
      </c>
      <c r="E67138" s="1" t="s">
        <v>223439</v>
      </c>
      <c r="F67138" s="1" t="s">
        <v>223440</v>
      </c>
      <c r="G67138" s="1" t="s">
        <v>223391</v>
      </c>
      <c r="H67138" s="1" t="s">
        <v>223392</v>
      </c>
      <c r="I67138" s="1" t="s">
        <v>222698</v>
      </c>
      <c r="J67138" s="1" t="s">
        <v>223441</v>
      </c>
    </row>
    <row r="67139" spans="1:10" x14ac:dyDescent="0.35">
      <c r="A67139" s="1" t="s">
        <v>223388</v>
      </c>
      <c r="B67139" s="1" t="s">
        <v>222693</v>
      </c>
      <c r="C67139" s="1" t="s">
        <v>85</v>
      </c>
      <c r="D67139" s="1" t="s">
        <v>65504</v>
      </c>
      <c r="E67139" s="1" t="s">
        <v>223442</v>
      </c>
      <c r="F67139" s="1" t="s">
        <v>223443</v>
      </c>
      <c r="G67139" s="1" t="s">
        <v>223391</v>
      </c>
      <c r="H67139" s="1" t="s">
        <v>223392</v>
      </c>
      <c r="I67139" s="1" t="s">
        <v>222698</v>
      </c>
      <c r="J67139" s="1" t="s">
        <v>223444</v>
      </c>
    </row>
    <row r="67140" spans="1:10" x14ac:dyDescent="0.35">
      <c r="A67140" s="1" t="s">
        <v>223388</v>
      </c>
      <c r="B67140" s="1" t="s">
        <v>222693</v>
      </c>
      <c r="C67140" s="1" t="s">
        <v>90</v>
      </c>
      <c r="D67140" s="1" t="s">
        <v>223445</v>
      </c>
      <c r="E67140" s="1" t="s">
        <v>223446</v>
      </c>
      <c r="F67140" s="1" t="s">
        <v>223447</v>
      </c>
      <c r="G67140" s="1" t="s">
        <v>223391</v>
      </c>
      <c r="H67140" s="1" t="s">
        <v>223392</v>
      </c>
      <c r="I67140" s="1" t="s">
        <v>222698</v>
      </c>
      <c r="J67140" s="1" t="s">
        <v>223448</v>
      </c>
    </row>
    <row r="67141" spans="1:10" x14ac:dyDescent="0.35">
      <c r="A67141" s="1" t="s">
        <v>223388</v>
      </c>
      <c r="B67141" s="1" t="s">
        <v>222693</v>
      </c>
      <c r="C67141" s="1" t="s">
        <v>95</v>
      </c>
      <c r="D67141" s="1" t="s">
        <v>223449</v>
      </c>
      <c r="E67141" s="1" t="s">
        <v>223450</v>
      </c>
      <c r="F67141" s="1" t="s">
        <v>223451</v>
      </c>
      <c r="G67141" s="1" t="s">
        <v>223391</v>
      </c>
      <c r="H67141" s="1" t="s">
        <v>223392</v>
      </c>
      <c r="I67141" s="1" t="s">
        <v>222698</v>
      </c>
      <c r="J67141" s="1" t="s">
        <v>223452</v>
      </c>
    </row>
    <row r="67142" spans="1:10" x14ac:dyDescent="0.35">
      <c r="A67142" s="1" t="s">
        <v>223388</v>
      </c>
      <c r="B67142" s="1" t="s">
        <v>222693</v>
      </c>
      <c r="C67142" s="1" t="s">
        <v>100</v>
      </c>
      <c r="D67142" s="1" t="s">
        <v>223453</v>
      </c>
      <c r="E67142" s="1" t="s">
        <v>223454</v>
      </c>
      <c r="F67142" s="1" t="s">
        <v>223455</v>
      </c>
      <c r="G67142" s="1" t="s">
        <v>223391</v>
      </c>
      <c r="H67142" s="1" t="s">
        <v>223392</v>
      </c>
      <c r="I67142" s="1" t="s">
        <v>222698</v>
      </c>
      <c r="J67142" s="1" t="s">
        <v>223456</v>
      </c>
    </row>
    <row r="67143" spans="1:10" x14ac:dyDescent="0.35">
      <c r="A67143" s="1" t="s">
        <v>223388</v>
      </c>
      <c r="B67143" s="1" t="s">
        <v>222693</v>
      </c>
      <c r="C67143" s="1" t="s">
        <v>105</v>
      </c>
      <c r="D67143" s="1" t="s">
        <v>223457</v>
      </c>
      <c r="E67143" s="1" t="s">
        <v>223458</v>
      </c>
      <c r="F67143" s="1" t="s">
        <v>223459</v>
      </c>
      <c r="G67143" s="1" t="s">
        <v>223391</v>
      </c>
      <c r="H67143" s="1" t="s">
        <v>223392</v>
      </c>
      <c r="I67143" s="1" t="s">
        <v>222698</v>
      </c>
      <c r="J67143" s="1" t="s">
        <v>223460</v>
      </c>
    </row>
    <row r="67144" spans="1:10" x14ac:dyDescent="0.35">
      <c r="A67144" s="1" t="s">
        <v>223388</v>
      </c>
      <c r="B67144" s="1" t="s">
        <v>222693</v>
      </c>
      <c r="C67144" s="1" t="s">
        <v>110</v>
      </c>
      <c r="D67144" s="1" t="s">
        <v>223461</v>
      </c>
      <c r="E67144" s="1" t="s">
        <v>223462</v>
      </c>
      <c r="F67144" s="1" t="s">
        <v>223463</v>
      </c>
      <c r="G67144" s="1" t="s">
        <v>223391</v>
      </c>
      <c r="H67144" s="1" t="s">
        <v>223392</v>
      </c>
      <c r="I67144" s="1" t="s">
        <v>222698</v>
      </c>
      <c r="J67144" s="1" t="s">
        <v>223464</v>
      </c>
    </row>
    <row r="67145" spans="1:10" x14ac:dyDescent="0.35">
      <c r="A67145" s="1" t="s">
        <v>223388</v>
      </c>
      <c r="B67145" s="1" t="s">
        <v>222693</v>
      </c>
      <c r="C67145" s="1" t="s">
        <v>115</v>
      </c>
      <c r="D67145" s="1" t="s">
        <v>223465</v>
      </c>
      <c r="E67145" s="1" t="s">
        <v>223466</v>
      </c>
      <c r="F67145" s="1" t="s">
        <v>223467</v>
      </c>
      <c r="G67145" s="1" t="s">
        <v>223391</v>
      </c>
      <c r="H67145" s="1" t="s">
        <v>223392</v>
      </c>
      <c r="I67145" s="1" t="s">
        <v>222698</v>
      </c>
      <c r="J67145" s="1" t="s">
        <v>223468</v>
      </c>
    </row>
    <row r="67146" spans="1:10" x14ac:dyDescent="0.35">
      <c r="A67146" s="1" t="s">
        <v>223388</v>
      </c>
      <c r="B67146" s="1" t="s">
        <v>222693</v>
      </c>
      <c r="C67146" s="1" t="s">
        <v>120</v>
      </c>
      <c r="D67146" s="1" t="s">
        <v>223469</v>
      </c>
      <c r="E67146" s="1" t="s">
        <v>223470</v>
      </c>
      <c r="F67146" s="1" t="s">
        <v>223471</v>
      </c>
      <c r="G67146" s="1" t="s">
        <v>223391</v>
      </c>
      <c r="H67146" s="1" t="s">
        <v>223392</v>
      </c>
      <c r="I67146" s="1" t="s">
        <v>222698</v>
      </c>
      <c r="J67146" s="1" t="s">
        <v>223472</v>
      </c>
    </row>
    <row r="67147" spans="1:10" x14ac:dyDescent="0.35">
      <c r="A67147" s="1" t="s">
        <v>223388</v>
      </c>
      <c r="B67147" s="1" t="s">
        <v>222693</v>
      </c>
      <c r="C67147" s="1" t="s">
        <v>125</v>
      </c>
      <c r="D67147" s="1" t="s">
        <v>223473</v>
      </c>
      <c r="E67147" s="1" t="s">
        <v>223474</v>
      </c>
      <c r="F67147" s="1" t="s">
        <v>223475</v>
      </c>
      <c r="G67147" s="1" t="s">
        <v>223391</v>
      </c>
      <c r="H67147" s="1" t="s">
        <v>223392</v>
      </c>
      <c r="I67147" s="1" t="s">
        <v>222698</v>
      </c>
      <c r="J67147" s="1" t="s">
        <v>223476</v>
      </c>
    </row>
    <row r="67148" spans="1:10" x14ac:dyDescent="0.35">
      <c r="A67148" s="1" t="s">
        <v>223388</v>
      </c>
      <c r="B67148" s="1" t="s">
        <v>222693</v>
      </c>
      <c r="C67148" s="1" t="s">
        <v>130</v>
      </c>
      <c r="D67148" s="1" t="s">
        <v>223477</v>
      </c>
      <c r="E67148" s="1" t="s">
        <v>223478</v>
      </c>
      <c r="F67148" s="1" t="s">
        <v>223479</v>
      </c>
      <c r="G67148" s="1" t="s">
        <v>223391</v>
      </c>
      <c r="H67148" s="1" t="s">
        <v>223392</v>
      </c>
      <c r="I67148" s="1" t="s">
        <v>222698</v>
      </c>
      <c r="J67148" s="1" t="s">
        <v>223480</v>
      </c>
    </row>
    <row r="67149" spans="1:10" x14ac:dyDescent="0.35">
      <c r="A67149" s="1" t="s">
        <v>223388</v>
      </c>
      <c r="B67149" s="1" t="s">
        <v>222693</v>
      </c>
      <c r="C67149" s="1" t="s">
        <v>135</v>
      </c>
      <c r="D67149" s="1" t="s">
        <v>223481</v>
      </c>
      <c r="E67149" s="1" t="s">
        <v>223482</v>
      </c>
      <c r="F67149" s="1" t="s">
        <v>223483</v>
      </c>
      <c r="G67149" s="1" t="s">
        <v>223391</v>
      </c>
      <c r="H67149" s="1" t="s">
        <v>223392</v>
      </c>
      <c r="I67149" s="1" t="s">
        <v>222698</v>
      </c>
      <c r="J67149" s="1" t="s">
        <v>223484</v>
      </c>
    </row>
    <row r="67150" spans="1:10" x14ac:dyDescent="0.35">
      <c r="A67150" s="1" t="s">
        <v>223388</v>
      </c>
      <c r="B67150" s="1" t="s">
        <v>222693</v>
      </c>
      <c r="C67150" s="1" t="s">
        <v>140</v>
      </c>
      <c r="D67150" s="1" t="s">
        <v>223485</v>
      </c>
      <c r="E67150" s="1" t="s">
        <v>223486</v>
      </c>
      <c r="F67150" s="1" t="s">
        <v>223487</v>
      </c>
      <c r="G67150" s="1" t="s">
        <v>223391</v>
      </c>
      <c r="H67150" s="1" t="s">
        <v>223392</v>
      </c>
      <c r="I67150" s="1" t="s">
        <v>222698</v>
      </c>
      <c r="J67150" s="1" t="s">
        <v>223488</v>
      </c>
    </row>
    <row r="67151" spans="1:10" x14ac:dyDescent="0.35">
      <c r="A67151" s="1" t="s">
        <v>223388</v>
      </c>
      <c r="B67151" s="1" t="s">
        <v>222693</v>
      </c>
      <c r="C67151" s="1" t="s">
        <v>145</v>
      </c>
      <c r="D67151" s="1" t="s">
        <v>223489</v>
      </c>
      <c r="E67151" s="1" t="s">
        <v>223490</v>
      </c>
      <c r="F67151" s="1" t="s">
        <v>223491</v>
      </c>
      <c r="G67151" s="1" t="s">
        <v>223391</v>
      </c>
      <c r="H67151" s="1" t="s">
        <v>223392</v>
      </c>
      <c r="I67151" s="1" t="s">
        <v>222698</v>
      </c>
      <c r="J67151" s="1" t="s">
        <v>223492</v>
      </c>
    </row>
    <row r="67152" spans="1:10" x14ac:dyDescent="0.35">
      <c r="A67152" s="1" t="s">
        <v>223388</v>
      </c>
      <c r="B67152" s="1" t="s">
        <v>222693</v>
      </c>
      <c r="C67152" s="1" t="s">
        <v>150</v>
      </c>
      <c r="D67152" s="1" t="s">
        <v>223493</v>
      </c>
      <c r="E67152" s="1" t="s">
        <v>223494</v>
      </c>
      <c r="F67152" s="1" t="s">
        <v>223495</v>
      </c>
      <c r="G67152" s="1" t="s">
        <v>223391</v>
      </c>
      <c r="H67152" s="1" t="s">
        <v>223392</v>
      </c>
      <c r="I67152" s="1" t="s">
        <v>222698</v>
      </c>
      <c r="J67152" s="1" t="s">
        <v>223496</v>
      </c>
    </row>
    <row r="67153" spans="1:10" x14ac:dyDescent="0.35">
      <c r="A67153" s="1" t="s">
        <v>223388</v>
      </c>
      <c r="B67153" s="1" t="s">
        <v>222693</v>
      </c>
      <c r="C67153" s="1" t="s">
        <v>155</v>
      </c>
      <c r="D67153" s="1" t="s">
        <v>223497</v>
      </c>
      <c r="E67153" s="1" t="s">
        <v>223498</v>
      </c>
      <c r="F67153" s="1" t="s">
        <v>223499</v>
      </c>
      <c r="G67153" s="1" t="s">
        <v>223391</v>
      </c>
      <c r="H67153" s="1" t="s">
        <v>223392</v>
      </c>
      <c r="I67153" s="1" t="s">
        <v>222698</v>
      </c>
      <c r="J67153" s="1" t="s">
        <v>223500</v>
      </c>
    </row>
    <row r="67154" spans="1:10" x14ac:dyDescent="0.35">
      <c r="A67154" s="1" t="s">
        <v>223388</v>
      </c>
      <c r="B67154" s="1" t="s">
        <v>222693</v>
      </c>
      <c r="C67154" s="1" t="s">
        <v>160</v>
      </c>
      <c r="D67154" s="1" t="s">
        <v>223501</v>
      </c>
      <c r="E67154" s="1" t="s">
        <v>223502</v>
      </c>
      <c r="F67154" s="1" t="s">
        <v>223503</v>
      </c>
      <c r="G67154" s="1" t="s">
        <v>223391</v>
      </c>
      <c r="H67154" s="1" t="s">
        <v>223392</v>
      </c>
      <c r="I67154" s="1" t="s">
        <v>222698</v>
      </c>
      <c r="J67154" s="1" t="s">
        <v>223504</v>
      </c>
    </row>
    <row r="67155" spans="1:10" x14ac:dyDescent="0.35">
      <c r="A67155" s="1" t="s">
        <v>223388</v>
      </c>
      <c r="B67155" s="1" t="s">
        <v>222693</v>
      </c>
      <c r="C67155" s="1" t="s">
        <v>165</v>
      </c>
      <c r="D67155" s="1" t="s">
        <v>223505</v>
      </c>
      <c r="E67155" s="1" t="s">
        <v>223506</v>
      </c>
      <c r="F67155" s="1" t="s">
        <v>223507</v>
      </c>
      <c r="G67155" s="1" t="s">
        <v>223391</v>
      </c>
      <c r="H67155" s="1" t="s">
        <v>223392</v>
      </c>
      <c r="I67155" s="1" t="s">
        <v>222698</v>
      </c>
      <c r="J67155" s="1" t="s">
        <v>223508</v>
      </c>
    </row>
    <row r="67156" spans="1:10" x14ac:dyDescent="0.35">
      <c r="A67156" s="1" t="s">
        <v>223388</v>
      </c>
      <c r="B67156" s="1" t="s">
        <v>222693</v>
      </c>
      <c r="C67156" s="1" t="s">
        <v>170</v>
      </c>
      <c r="D67156" s="1" t="s">
        <v>223509</v>
      </c>
      <c r="E67156" s="1" t="s">
        <v>223510</v>
      </c>
      <c r="F67156" s="1" t="s">
        <v>223511</v>
      </c>
      <c r="G67156" s="1" t="s">
        <v>223391</v>
      </c>
      <c r="H67156" s="1" t="s">
        <v>223392</v>
      </c>
      <c r="I67156" s="1" t="s">
        <v>222698</v>
      </c>
      <c r="J67156" s="1" t="s">
        <v>223512</v>
      </c>
    </row>
    <row r="67157" spans="1:10" x14ac:dyDescent="0.35">
      <c r="A67157" s="1" t="s">
        <v>216904</v>
      </c>
      <c r="B67157" s="1" t="s">
        <v>222693</v>
      </c>
      <c r="C67157" s="1" t="s">
        <v>8</v>
      </c>
      <c r="D67157" s="1" t="s">
        <v>223513</v>
      </c>
      <c r="E67157" s="1" t="s">
        <v>223514</v>
      </c>
      <c r="F67157" s="1" t="s">
        <v>223515</v>
      </c>
      <c r="G67157" s="1" t="s">
        <v>223516</v>
      </c>
      <c r="H67157" s="1" t="s">
        <v>223517</v>
      </c>
      <c r="I67157" s="1" t="s">
        <v>222698</v>
      </c>
      <c r="J67157" s="1" t="s">
        <v>13</v>
      </c>
    </row>
    <row r="67158" spans="1:10" x14ac:dyDescent="0.35">
      <c r="A67158" s="1" t="s">
        <v>216904</v>
      </c>
      <c r="B67158" s="1" t="s">
        <v>222693</v>
      </c>
      <c r="C67158" s="1" t="s">
        <v>15</v>
      </c>
      <c r="D67158" s="1" t="s">
        <v>223518</v>
      </c>
      <c r="E67158" s="1" t="s">
        <v>223519</v>
      </c>
      <c r="F67158" s="1" t="s">
        <v>223520</v>
      </c>
      <c r="G67158" s="1" t="s">
        <v>223516</v>
      </c>
      <c r="H67158" s="1" t="s">
        <v>223517</v>
      </c>
      <c r="I67158" s="1" t="s">
        <v>222698</v>
      </c>
      <c r="J67158" s="1" t="s">
        <v>223521</v>
      </c>
    </row>
    <row r="67159" spans="1:10" x14ac:dyDescent="0.35">
      <c r="A67159" s="1" t="s">
        <v>216904</v>
      </c>
      <c r="B67159" s="1" t="s">
        <v>222693</v>
      </c>
      <c r="C67159" s="1" t="s">
        <v>20</v>
      </c>
      <c r="D67159" s="1" t="s">
        <v>223522</v>
      </c>
      <c r="E67159" s="1" t="s">
        <v>223523</v>
      </c>
      <c r="F67159" s="1" t="s">
        <v>223524</v>
      </c>
      <c r="G67159" s="1" t="s">
        <v>223516</v>
      </c>
      <c r="H67159" s="1" t="s">
        <v>223517</v>
      </c>
      <c r="I67159" s="1" t="s">
        <v>222698</v>
      </c>
      <c r="J67159" s="1" t="s">
        <v>223525</v>
      </c>
    </row>
    <row r="67160" spans="1:10" x14ac:dyDescent="0.35">
      <c r="A67160" s="1" t="s">
        <v>216904</v>
      </c>
      <c r="B67160" s="1" t="s">
        <v>222693</v>
      </c>
      <c r="C67160" s="1" t="s">
        <v>25</v>
      </c>
      <c r="D67160" s="1" t="s">
        <v>66464</v>
      </c>
      <c r="E67160" s="1" t="s">
        <v>223526</v>
      </c>
      <c r="F67160" s="1" t="s">
        <v>223527</v>
      </c>
      <c r="G67160" s="1" t="s">
        <v>223516</v>
      </c>
      <c r="H67160" s="1" t="s">
        <v>223517</v>
      </c>
      <c r="I67160" s="1" t="s">
        <v>222698</v>
      </c>
      <c r="J67160" s="1" t="s">
        <v>223528</v>
      </c>
    </row>
    <row r="67161" spans="1:10" x14ac:dyDescent="0.35">
      <c r="A67161" s="1" t="s">
        <v>216904</v>
      </c>
      <c r="B67161" s="1" t="s">
        <v>222693</v>
      </c>
      <c r="C67161" s="1" t="s">
        <v>30</v>
      </c>
      <c r="D67161" s="1" t="s">
        <v>23607</v>
      </c>
      <c r="E67161" s="1" t="s">
        <v>223529</v>
      </c>
      <c r="F67161" s="1" t="s">
        <v>223530</v>
      </c>
      <c r="G67161" s="1" t="s">
        <v>223516</v>
      </c>
      <c r="H67161" s="1" t="s">
        <v>223517</v>
      </c>
      <c r="I67161" s="1" t="s">
        <v>222698</v>
      </c>
      <c r="J67161" s="1" t="s">
        <v>223531</v>
      </c>
    </row>
    <row r="67162" spans="1:10" x14ac:dyDescent="0.35">
      <c r="A67162" s="1" t="s">
        <v>216904</v>
      </c>
      <c r="B67162" s="1" t="s">
        <v>222693</v>
      </c>
      <c r="C67162" s="1" t="s">
        <v>35</v>
      </c>
      <c r="D67162" s="1" t="s">
        <v>223532</v>
      </c>
      <c r="E67162" s="1" t="s">
        <v>223533</v>
      </c>
      <c r="F67162" s="1" t="s">
        <v>223534</v>
      </c>
      <c r="G67162" s="1" t="s">
        <v>223516</v>
      </c>
      <c r="H67162" s="1" t="s">
        <v>223517</v>
      </c>
      <c r="I67162" s="1" t="s">
        <v>222698</v>
      </c>
      <c r="J67162" s="1" t="s">
        <v>223535</v>
      </c>
    </row>
    <row r="67163" spans="1:10" x14ac:dyDescent="0.35">
      <c r="A67163" s="1" t="s">
        <v>216904</v>
      </c>
      <c r="B67163" s="1" t="s">
        <v>222693</v>
      </c>
      <c r="C67163" s="1" t="s">
        <v>40</v>
      </c>
      <c r="D67163" s="1" t="s">
        <v>223536</v>
      </c>
      <c r="E67163" s="1" t="s">
        <v>223537</v>
      </c>
      <c r="F67163" s="1" t="s">
        <v>223538</v>
      </c>
      <c r="G67163" s="1" t="s">
        <v>223516</v>
      </c>
      <c r="H67163" s="1" t="s">
        <v>223517</v>
      </c>
      <c r="I67163" s="1" t="s">
        <v>222698</v>
      </c>
      <c r="J67163" s="1" t="s">
        <v>223539</v>
      </c>
    </row>
    <row r="67164" spans="1:10" x14ac:dyDescent="0.35">
      <c r="A67164" s="1" t="s">
        <v>216904</v>
      </c>
      <c r="B67164" s="1" t="s">
        <v>222693</v>
      </c>
      <c r="C67164" s="1" t="s">
        <v>45</v>
      </c>
      <c r="D67164" s="1" t="s">
        <v>223540</v>
      </c>
      <c r="E67164" s="1" t="s">
        <v>223541</v>
      </c>
      <c r="F67164" s="1" t="s">
        <v>223542</v>
      </c>
      <c r="G67164" s="1" t="s">
        <v>223516</v>
      </c>
      <c r="H67164" s="1" t="s">
        <v>223517</v>
      </c>
      <c r="I67164" s="1" t="s">
        <v>222698</v>
      </c>
      <c r="J67164" s="1" t="s">
        <v>223543</v>
      </c>
    </row>
    <row r="67165" spans="1:10" x14ac:dyDescent="0.35">
      <c r="A67165" s="1" t="s">
        <v>216904</v>
      </c>
      <c r="B67165" s="1" t="s">
        <v>222693</v>
      </c>
      <c r="C67165" s="1" t="s">
        <v>50</v>
      </c>
      <c r="D67165" s="1" t="s">
        <v>223544</v>
      </c>
      <c r="E67165" s="1" t="s">
        <v>223545</v>
      </c>
      <c r="F67165" s="1" t="s">
        <v>223546</v>
      </c>
      <c r="G67165" s="1" t="s">
        <v>223516</v>
      </c>
      <c r="H67165" s="1" t="s">
        <v>223517</v>
      </c>
      <c r="I67165" s="1" t="s">
        <v>222698</v>
      </c>
      <c r="J67165" s="1" t="s">
        <v>223547</v>
      </c>
    </row>
    <row r="67166" spans="1:10" x14ac:dyDescent="0.35">
      <c r="A67166" s="1" t="s">
        <v>216904</v>
      </c>
      <c r="B67166" s="1" t="s">
        <v>222693</v>
      </c>
      <c r="C67166" s="1" t="s">
        <v>55</v>
      </c>
      <c r="D67166" s="1" t="s">
        <v>223548</v>
      </c>
      <c r="E67166" s="1" t="s">
        <v>223549</v>
      </c>
      <c r="F67166" s="1" t="s">
        <v>223550</v>
      </c>
      <c r="G67166" s="1" t="s">
        <v>223516</v>
      </c>
      <c r="H67166" s="1" t="s">
        <v>223517</v>
      </c>
      <c r="I67166" s="1" t="s">
        <v>222698</v>
      </c>
      <c r="J67166" s="1" t="s">
        <v>223551</v>
      </c>
    </row>
    <row r="67167" spans="1:10" x14ac:dyDescent="0.35">
      <c r="A67167" s="1" t="s">
        <v>216904</v>
      </c>
      <c r="B67167" s="1" t="s">
        <v>222693</v>
      </c>
      <c r="C67167" s="1" t="s">
        <v>60</v>
      </c>
      <c r="D67167" s="1" t="s">
        <v>122411</v>
      </c>
      <c r="E67167" s="1" t="s">
        <v>223552</v>
      </c>
      <c r="F67167" s="1" t="s">
        <v>223553</v>
      </c>
      <c r="G67167" s="1" t="s">
        <v>223516</v>
      </c>
      <c r="H67167" s="1" t="s">
        <v>223517</v>
      </c>
      <c r="I67167" s="1" t="s">
        <v>222698</v>
      </c>
      <c r="J67167" s="1" t="s">
        <v>223554</v>
      </c>
    </row>
    <row r="67168" spans="1:10" x14ac:dyDescent="0.35">
      <c r="A67168" s="1" t="s">
        <v>216904</v>
      </c>
      <c r="B67168" s="1" t="s">
        <v>222693</v>
      </c>
      <c r="C67168" s="1" t="s">
        <v>65</v>
      </c>
      <c r="D67168" s="1" t="s">
        <v>223555</v>
      </c>
      <c r="E67168" s="1" t="s">
        <v>223556</v>
      </c>
      <c r="F67168" s="1" t="s">
        <v>223557</v>
      </c>
      <c r="G67168" s="1" t="s">
        <v>223516</v>
      </c>
      <c r="H67168" s="1" t="s">
        <v>223517</v>
      </c>
      <c r="I67168" s="1" t="s">
        <v>222698</v>
      </c>
      <c r="J67168" s="1" t="s">
        <v>223558</v>
      </c>
    </row>
    <row r="67169" spans="1:10" x14ac:dyDescent="0.35">
      <c r="A67169" s="1" t="s">
        <v>216904</v>
      </c>
      <c r="B67169" s="1" t="s">
        <v>222693</v>
      </c>
      <c r="C67169" s="1" t="s">
        <v>70</v>
      </c>
      <c r="D67169" s="1" t="s">
        <v>223559</v>
      </c>
      <c r="E67169" s="1" t="s">
        <v>223560</v>
      </c>
      <c r="F67169" s="1" t="s">
        <v>223561</v>
      </c>
      <c r="G67169" s="1" t="s">
        <v>223516</v>
      </c>
      <c r="H67169" s="1" t="s">
        <v>223517</v>
      </c>
      <c r="I67169" s="1" t="s">
        <v>222698</v>
      </c>
      <c r="J67169" s="1" t="s">
        <v>223562</v>
      </c>
    </row>
    <row r="67170" spans="1:10" x14ac:dyDescent="0.35">
      <c r="A67170" s="1" t="s">
        <v>216904</v>
      </c>
      <c r="B67170" s="1" t="s">
        <v>222693</v>
      </c>
      <c r="C67170" s="1" t="s">
        <v>75</v>
      </c>
      <c r="D67170" s="1" t="s">
        <v>223563</v>
      </c>
      <c r="E67170" s="1" t="s">
        <v>223564</v>
      </c>
      <c r="F67170" s="1" t="s">
        <v>223565</v>
      </c>
      <c r="G67170" s="1" t="s">
        <v>223516</v>
      </c>
      <c r="H67170" s="1" t="s">
        <v>223517</v>
      </c>
      <c r="I67170" s="1" t="s">
        <v>222698</v>
      </c>
      <c r="J67170" s="1" t="s">
        <v>223566</v>
      </c>
    </row>
    <row r="67171" spans="1:10" x14ac:dyDescent="0.35">
      <c r="A67171" s="1" t="s">
        <v>216904</v>
      </c>
      <c r="B67171" s="1" t="s">
        <v>222693</v>
      </c>
      <c r="C67171" s="1" t="s">
        <v>80</v>
      </c>
      <c r="D67171" s="1" t="s">
        <v>223567</v>
      </c>
      <c r="E67171" s="1" t="s">
        <v>223568</v>
      </c>
      <c r="F67171" s="1" t="s">
        <v>223569</v>
      </c>
      <c r="G67171" s="1" t="s">
        <v>223516</v>
      </c>
      <c r="H67171" s="1" t="s">
        <v>223517</v>
      </c>
      <c r="I67171" s="1" t="s">
        <v>222698</v>
      </c>
      <c r="J67171" s="1" t="s">
        <v>223570</v>
      </c>
    </row>
    <row r="67172" spans="1:10" x14ac:dyDescent="0.35">
      <c r="A67172" s="1" t="s">
        <v>216904</v>
      </c>
      <c r="B67172" s="1" t="s">
        <v>222693</v>
      </c>
      <c r="C67172" s="1" t="s">
        <v>85</v>
      </c>
      <c r="D67172" s="1" t="s">
        <v>223571</v>
      </c>
      <c r="E67172" s="1" t="s">
        <v>223572</v>
      </c>
      <c r="F67172" s="1" t="s">
        <v>223573</v>
      </c>
      <c r="G67172" s="1" t="s">
        <v>223516</v>
      </c>
      <c r="H67172" s="1" t="s">
        <v>223517</v>
      </c>
      <c r="I67172" s="1" t="s">
        <v>222698</v>
      </c>
      <c r="J67172" s="1" t="s">
        <v>223574</v>
      </c>
    </row>
    <row r="67173" spans="1:10" x14ac:dyDescent="0.35">
      <c r="A67173" s="1" t="s">
        <v>216904</v>
      </c>
      <c r="B67173" s="1" t="s">
        <v>222693</v>
      </c>
      <c r="C67173" s="1" t="s">
        <v>90</v>
      </c>
      <c r="D67173" s="1" t="s">
        <v>223575</v>
      </c>
      <c r="E67173" s="1" t="s">
        <v>223576</v>
      </c>
      <c r="F67173" s="1" t="s">
        <v>223577</v>
      </c>
      <c r="G67173" s="1" t="s">
        <v>223516</v>
      </c>
      <c r="H67173" s="1" t="s">
        <v>223517</v>
      </c>
      <c r="I67173" s="1" t="s">
        <v>222698</v>
      </c>
      <c r="J67173" s="1" t="s">
        <v>223578</v>
      </c>
    </row>
    <row r="67174" spans="1:10" x14ac:dyDescent="0.35">
      <c r="A67174" s="1" t="s">
        <v>216904</v>
      </c>
      <c r="B67174" s="1" t="s">
        <v>222693</v>
      </c>
      <c r="C67174" s="1" t="s">
        <v>95</v>
      </c>
      <c r="D67174" s="1" t="s">
        <v>223579</v>
      </c>
      <c r="E67174" s="1" t="s">
        <v>223580</v>
      </c>
      <c r="F67174" s="1" t="s">
        <v>223581</v>
      </c>
      <c r="G67174" s="1" t="s">
        <v>223516</v>
      </c>
      <c r="H67174" s="1" t="s">
        <v>223517</v>
      </c>
      <c r="I67174" s="1" t="s">
        <v>222698</v>
      </c>
      <c r="J67174" s="1" t="s">
        <v>223582</v>
      </c>
    </row>
    <row r="67175" spans="1:10" x14ac:dyDescent="0.35">
      <c r="A67175" s="1" t="s">
        <v>216904</v>
      </c>
      <c r="B67175" s="1" t="s">
        <v>222693</v>
      </c>
      <c r="C67175" s="1" t="s">
        <v>100</v>
      </c>
      <c r="D67175" s="1" t="s">
        <v>223583</v>
      </c>
      <c r="E67175" s="1" t="s">
        <v>223584</v>
      </c>
      <c r="F67175" s="1" t="s">
        <v>223585</v>
      </c>
      <c r="G67175" s="1" t="s">
        <v>223516</v>
      </c>
      <c r="H67175" s="1" t="s">
        <v>223517</v>
      </c>
      <c r="I67175" s="1" t="s">
        <v>222698</v>
      </c>
      <c r="J67175" s="1" t="s">
        <v>223586</v>
      </c>
    </row>
    <row r="67176" spans="1:10" x14ac:dyDescent="0.35">
      <c r="A67176" s="1" t="s">
        <v>216904</v>
      </c>
      <c r="B67176" s="1" t="s">
        <v>222693</v>
      </c>
      <c r="C67176" s="1" t="s">
        <v>105</v>
      </c>
      <c r="D67176" s="1" t="s">
        <v>223587</v>
      </c>
      <c r="E67176" s="1" t="s">
        <v>223588</v>
      </c>
      <c r="F67176" s="1" t="s">
        <v>223589</v>
      </c>
      <c r="G67176" s="1" t="s">
        <v>223516</v>
      </c>
      <c r="H67176" s="1" t="s">
        <v>223517</v>
      </c>
      <c r="I67176" s="1" t="s">
        <v>222698</v>
      </c>
      <c r="J67176" s="1" t="s">
        <v>223590</v>
      </c>
    </row>
    <row r="67177" spans="1:10" x14ac:dyDescent="0.35">
      <c r="A67177" s="1" t="s">
        <v>216904</v>
      </c>
      <c r="B67177" s="1" t="s">
        <v>222693</v>
      </c>
      <c r="C67177" s="1" t="s">
        <v>110</v>
      </c>
      <c r="D67177" s="1" t="s">
        <v>223591</v>
      </c>
      <c r="E67177" s="1" t="s">
        <v>223592</v>
      </c>
      <c r="F67177" s="1" t="s">
        <v>223593</v>
      </c>
      <c r="G67177" s="1" t="s">
        <v>223516</v>
      </c>
      <c r="H67177" s="1" t="s">
        <v>223517</v>
      </c>
      <c r="I67177" s="1" t="s">
        <v>222698</v>
      </c>
      <c r="J67177" s="1" t="s">
        <v>223594</v>
      </c>
    </row>
    <row r="67178" spans="1:10" x14ac:dyDescent="0.35">
      <c r="A67178" s="1" t="s">
        <v>216904</v>
      </c>
      <c r="B67178" s="1" t="s">
        <v>222693</v>
      </c>
      <c r="C67178" s="1" t="s">
        <v>115</v>
      </c>
      <c r="D67178" s="1" t="s">
        <v>223595</v>
      </c>
      <c r="E67178" s="1" t="s">
        <v>223596</v>
      </c>
      <c r="F67178" s="1" t="s">
        <v>223597</v>
      </c>
      <c r="G67178" s="1" t="s">
        <v>223516</v>
      </c>
      <c r="H67178" s="1" t="s">
        <v>223517</v>
      </c>
      <c r="I67178" s="1" t="s">
        <v>222698</v>
      </c>
      <c r="J67178" s="1" t="s">
        <v>223598</v>
      </c>
    </row>
    <row r="67179" spans="1:10" x14ac:dyDescent="0.35">
      <c r="A67179" s="1" t="s">
        <v>216904</v>
      </c>
      <c r="B67179" s="1" t="s">
        <v>222693</v>
      </c>
      <c r="C67179" s="1" t="s">
        <v>120</v>
      </c>
      <c r="D67179" s="1" t="s">
        <v>223599</v>
      </c>
      <c r="E67179" s="1" t="s">
        <v>223600</v>
      </c>
      <c r="F67179" s="1" t="s">
        <v>223601</v>
      </c>
      <c r="G67179" s="1" t="s">
        <v>223516</v>
      </c>
      <c r="H67179" s="1" t="s">
        <v>223517</v>
      </c>
      <c r="I67179" s="1" t="s">
        <v>222698</v>
      </c>
      <c r="J67179" s="1" t="s">
        <v>223602</v>
      </c>
    </row>
    <row r="67180" spans="1:10" x14ac:dyDescent="0.35">
      <c r="A67180" s="1" t="s">
        <v>216904</v>
      </c>
      <c r="B67180" s="1" t="s">
        <v>222693</v>
      </c>
      <c r="C67180" s="1" t="s">
        <v>125</v>
      </c>
      <c r="D67180" s="1" t="s">
        <v>223603</v>
      </c>
      <c r="E67180" s="1" t="s">
        <v>223604</v>
      </c>
      <c r="F67180" s="1" t="s">
        <v>223605</v>
      </c>
      <c r="G67180" s="1" t="s">
        <v>223516</v>
      </c>
      <c r="H67180" s="1" t="s">
        <v>223517</v>
      </c>
      <c r="I67180" s="1" t="s">
        <v>222698</v>
      </c>
      <c r="J67180" s="1" t="s">
        <v>223606</v>
      </c>
    </row>
    <row r="67181" spans="1:10" x14ac:dyDescent="0.35">
      <c r="A67181" s="1" t="s">
        <v>216904</v>
      </c>
      <c r="B67181" s="1" t="s">
        <v>222693</v>
      </c>
      <c r="C67181" s="1" t="s">
        <v>130</v>
      </c>
      <c r="D67181" s="1" t="s">
        <v>223607</v>
      </c>
      <c r="E67181" s="1" t="s">
        <v>223608</v>
      </c>
      <c r="F67181" s="1" t="s">
        <v>223609</v>
      </c>
      <c r="G67181" s="1" t="s">
        <v>223516</v>
      </c>
      <c r="H67181" s="1" t="s">
        <v>223517</v>
      </c>
      <c r="I67181" s="1" t="s">
        <v>222698</v>
      </c>
      <c r="J67181" s="1" t="s">
        <v>223610</v>
      </c>
    </row>
    <row r="67182" spans="1:10" x14ac:dyDescent="0.35">
      <c r="A67182" s="1" t="s">
        <v>216904</v>
      </c>
      <c r="B67182" s="1" t="s">
        <v>222693</v>
      </c>
      <c r="C67182" s="1" t="s">
        <v>135</v>
      </c>
      <c r="D67182" s="1" t="s">
        <v>223611</v>
      </c>
      <c r="E67182" s="1" t="s">
        <v>223612</v>
      </c>
      <c r="F67182" s="1" t="s">
        <v>223613</v>
      </c>
      <c r="G67182" s="1" t="s">
        <v>223516</v>
      </c>
      <c r="H67182" s="1" t="s">
        <v>223517</v>
      </c>
      <c r="I67182" s="1" t="s">
        <v>222698</v>
      </c>
      <c r="J67182" s="1" t="s">
        <v>223614</v>
      </c>
    </row>
    <row r="67183" spans="1:10" x14ac:dyDescent="0.35">
      <c r="A67183" s="1" t="s">
        <v>216904</v>
      </c>
      <c r="B67183" s="1" t="s">
        <v>222693</v>
      </c>
      <c r="C67183" s="1" t="s">
        <v>140</v>
      </c>
      <c r="D67183" s="1" t="s">
        <v>223615</v>
      </c>
      <c r="E67183" s="1" t="s">
        <v>223616</v>
      </c>
      <c r="F67183" s="1" t="s">
        <v>223617</v>
      </c>
      <c r="G67183" s="1" t="s">
        <v>223516</v>
      </c>
      <c r="H67183" s="1" t="s">
        <v>223517</v>
      </c>
      <c r="I67183" s="1" t="s">
        <v>222698</v>
      </c>
      <c r="J67183" s="1" t="s">
        <v>223618</v>
      </c>
    </row>
    <row r="67184" spans="1:10" x14ac:dyDescent="0.35">
      <c r="A67184" s="1" t="s">
        <v>216904</v>
      </c>
      <c r="B67184" s="1" t="s">
        <v>222693</v>
      </c>
      <c r="C67184" s="1" t="s">
        <v>145</v>
      </c>
      <c r="D67184" s="1" t="s">
        <v>223619</v>
      </c>
      <c r="E67184" s="1" t="s">
        <v>223620</v>
      </c>
      <c r="F67184" s="1" t="s">
        <v>223621</v>
      </c>
      <c r="G67184" s="1" t="s">
        <v>223516</v>
      </c>
      <c r="H67184" s="1" t="s">
        <v>223517</v>
      </c>
      <c r="I67184" s="1" t="s">
        <v>222698</v>
      </c>
      <c r="J67184" s="1" t="s">
        <v>223622</v>
      </c>
    </row>
    <row r="67185" spans="1:10" x14ac:dyDescent="0.35">
      <c r="A67185" s="1" t="s">
        <v>216904</v>
      </c>
      <c r="B67185" s="1" t="s">
        <v>222693</v>
      </c>
      <c r="C67185" s="1" t="s">
        <v>150</v>
      </c>
      <c r="D67185" s="1" t="s">
        <v>223623</v>
      </c>
      <c r="E67185" s="1" t="s">
        <v>223624</v>
      </c>
      <c r="F67185" s="1" t="s">
        <v>223625</v>
      </c>
      <c r="G67185" s="1" t="s">
        <v>223516</v>
      </c>
      <c r="H67185" s="1" t="s">
        <v>223517</v>
      </c>
      <c r="I67185" s="1" t="s">
        <v>222698</v>
      </c>
      <c r="J67185" s="1" t="s">
        <v>223626</v>
      </c>
    </row>
    <row r="67186" spans="1:10" x14ac:dyDescent="0.35">
      <c r="A67186" s="1" t="s">
        <v>216904</v>
      </c>
      <c r="B67186" s="1" t="s">
        <v>222693</v>
      </c>
      <c r="C67186" s="1" t="s">
        <v>155</v>
      </c>
      <c r="D67186" s="1" t="s">
        <v>223627</v>
      </c>
      <c r="E67186" s="1" t="s">
        <v>223628</v>
      </c>
      <c r="F67186" s="1" t="s">
        <v>223629</v>
      </c>
      <c r="G67186" s="1" t="s">
        <v>223516</v>
      </c>
      <c r="H67186" s="1" t="s">
        <v>223517</v>
      </c>
      <c r="I67186" s="1" t="s">
        <v>222698</v>
      </c>
      <c r="J67186" s="1" t="s">
        <v>223630</v>
      </c>
    </row>
    <row r="67187" spans="1:10" x14ac:dyDescent="0.35">
      <c r="A67187" s="1" t="s">
        <v>216904</v>
      </c>
      <c r="B67187" s="1" t="s">
        <v>222693</v>
      </c>
      <c r="C67187" s="1" t="s">
        <v>160</v>
      </c>
      <c r="D67187" s="1" t="s">
        <v>223631</v>
      </c>
      <c r="E67187" s="1" t="s">
        <v>223632</v>
      </c>
      <c r="F67187" s="1" t="s">
        <v>223633</v>
      </c>
      <c r="G67187" s="1" t="s">
        <v>223516</v>
      </c>
      <c r="H67187" s="1" t="s">
        <v>223517</v>
      </c>
      <c r="I67187" s="1" t="s">
        <v>222698</v>
      </c>
      <c r="J67187" s="1" t="s">
        <v>223634</v>
      </c>
    </row>
    <row r="67188" spans="1:10" x14ac:dyDescent="0.35">
      <c r="A67188" s="1" t="s">
        <v>216904</v>
      </c>
      <c r="B67188" s="1" t="s">
        <v>222693</v>
      </c>
      <c r="C67188" s="1" t="s">
        <v>165</v>
      </c>
      <c r="D67188" s="1" t="s">
        <v>40828</v>
      </c>
      <c r="E67188" s="1" t="s">
        <v>223635</v>
      </c>
      <c r="F67188" s="1" t="s">
        <v>223636</v>
      </c>
      <c r="G67188" s="1" t="s">
        <v>223516</v>
      </c>
      <c r="H67188" s="1" t="s">
        <v>223517</v>
      </c>
      <c r="I67188" s="1" t="s">
        <v>222698</v>
      </c>
      <c r="J67188" s="1" t="s">
        <v>223637</v>
      </c>
    </row>
    <row r="67189" spans="1:10" x14ac:dyDescent="0.35">
      <c r="A67189" s="1" t="s">
        <v>216904</v>
      </c>
      <c r="B67189" s="1" t="s">
        <v>222693</v>
      </c>
      <c r="C67189" s="1" t="s">
        <v>170</v>
      </c>
      <c r="D67189" s="1" t="s">
        <v>223638</v>
      </c>
      <c r="E67189" s="1" t="s">
        <v>223639</v>
      </c>
      <c r="F67189" s="1" t="s">
        <v>223640</v>
      </c>
      <c r="G67189" s="1" t="s">
        <v>223516</v>
      </c>
      <c r="H67189" s="1" t="s">
        <v>223517</v>
      </c>
      <c r="I67189" s="1" t="s">
        <v>222698</v>
      </c>
      <c r="J67189" s="1" t="s">
        <v>223641</v>
      </c>
    </row>
    <row r="67190" spans="1:10" x14ac:dyDescent="0.35">
      <c r="A67190" s="1" t="s">
        <v>11767</v>
      </c>
      <c r="B67190" s="1" t="s">
        <v>222693</v>
      </c>
      <c r="C67190" s="1" t="s">
        <v>8</v>
      </c>
      <c r="D67190" s="1" t="s">
        <v>223642</v>
      </c>
      <c r="E67190" s="1" t="s">
        <v>223643</v>
      </c>
      <c r="F67190" s="1" t="s">
        <v>223644</v>
      </c>
      <c r="G67190" s="1" t="s">
        <v>223645</v>
      </c>
      <c r="H67190" s="1" t="s">
        <v>223646</v>
      </c>
      <c r="I67190" s="1" t="s">
        <v>222698</v>
      </c>
      <c r="J67190" s="1" t="s">
        <v>13</v>
      </c>
    </row>
    <row r="67191" spans="1:10" x14ac:dyDescent="0.35">
      <c r="A67191" s="1" t="s">
        <v>11767</v>
      </c>
      <c r="B67191" s="1" t="s">
        <v>222693</v>
      </c>
      <c r="C67191" s="1" t="s">
        <v>15</v>
      </c>
      <c r="D67191" s="1" t="s">
        <v>223647</v>
      </c>
      <c r="E67191" s="1" t="s">
        <v>223648</v>
      </c>
      <c r="F67191" s="1" t="s">
        <v>223649</v>
      </c>
      <c r="G67191" s="1" t="s">
        <v>223645</v>
      </c>
      <c r="H67191" s="1" t="s">
        <v>223646</v>
      </c>
      <c r="I67191" s="1" t="s">
        <v>222698</v>
      </c>
      <c r="J67191" s="1" t="s">
        <v>223650</v>
      </c>
    </row>
    <row r="67192" spans="1:10" x14ac:dyDescent="0.35">
      <c r="A67192" s="1" t="s">
        <v>11767</v>
      </c>
      <c r="B67192" s="1" t="s">
        <v>222693</v>
      </c>
      <c r="C67192" s="1" t="s">
        <v>20</v>
      </c>
      <c r="D67192" s="1" t="s">
        <v>223651</v>
      </c>
      <c r="E67192" s="1" t="s">
        <v>223652</v>
      </c>
      <c r="F67192" s="1" t="s">
        <v>223653</v>
      </c>
      <c r="G67192" s="1" t="s">
        <v>223645</v>
      </c>
      <c r="H67192" s="1" t="s">
        <v>223646</v>
      </c>
      <c r="I67192" s="1" t="s">
        <v>222698</v>
      </c>
      <c r="J67192" s="1" t="s">
        <v>223654</v>
      </c>
    </row>
    <row r="67193" spans="1:10" x14ac:dyDescent="0.35">
      <c r="A67193" s="1" t="s">
        <v>11767</v>
      </c>
      <c r="B67193" s="1" t="s">
        <v>222693</v>
      </c>
      <c r="C67193" s="1" t="s">
        <v>25</v>
      </c>
      <c r="D67193" s="1" t="s">
        <v>84539</v>
      </c>
      <c r="E67193" s="1" t="s">
        <v>223655</v>
      </c>
      <c r="F67193" s="1" t="s">
        <v>223656</v>
      </c>
      <c r="G67193" s="1" t="s">
        <v>223645</v>
      </c>
      <c r="H67193" s="1" t="s">
        <v>223646</v>
      </c>
      <c r="I67193" s="1" t="s">
        <v>222698</v>
      </c>
      <c r="J67193" s="1" t="s">
        <v>223657</v>
      </c>
    </row>
    <row r="67194" spans="1:10" x14ac:dyDescent="0.35">
      <c r="A67194" s="1" t="s">
        <v>11767</v>
      </c>
      <c r="B67194" s="1" t="s">
        <v>222693</v>
      </c>
      <c r="C67194" s="1" t="s">
        <v>30</v>
      </c>
      <c r="D67194" s="1" t="s">
        <v>24525</v>
      </c>
      <c r="E67194" s="1" t="s">
        <v>223658</v>
      </c>
      <c r="F67194" s="1" t="s">
        <v>223659</v>
      </c>
      <c r="G67194" s="1" t="s">
        <v>223645</v>
      </c>
      <c r="H67194" s="1" t="s">
        <v>223646</v>
      </c>
      <c r="I67194" s="1" t="s">
        <v>222698</v>
      </c>
      <c r="J67194" s="1" t="s">
        <v>223660</v>
      </c>
    </row>
    <row r="67195" spans="1:10" x14ac:dyDescent="0.35">
      <c r="A67195" s="1" t="s">
        <v>11767</v>
      </c>
      <c r="B67195" s="1" t="s">
        <v>222693</v>
      </c>
      <c r="C67195" s="1" t="s">
        <v>35</v>
      </c>
      <c r="D67195" s="1" t="s">
        <v>223661</v>
      </c>
      <c r="E67195" s="1" t="s">
        <v>223662</v>
      </c>
      <c r="F67195" s="1" t="s">
        <v>223663</v>
      </c>
      <c r="G67195" s="1" t="s">
        <v>223645</v>
      </c>
      <c r="H67195" s="1" t="s">
        <v>223646</v>
      </c>
      <c r="I67195" s="1" t="s">
        <v>222698</v>
      </c>
      <c r="J67195" s="1" t="s">
        <v>223664</v>
      </c>
    </row>
    <row r="67196" spans="1:10" x14ac:dyDescent="0.35">
      <c r="A67196" s="1" t="s">
        <v>11767</v>
      </c>
      <c r="B67196" s="1" t="s">
        <v>222693</v>
      </c>
      <c r="C67196" s="1" t="s">
        <v>40</v>
      </c>
      <c r="D67196" s="1" t="s">
        <v>223665</v>
      </c>
      <c r="E67196" s="1" t="s">
        <v>223666</v>
      </c>
      <c r="F67196" s="1" t="s">
        <v>223667</v>
      </c>
      <c r="G67196" s="1" t="s">
        <v>223645</v>
      </c>
      <c r="H67196" s="1" t="s">
        <v>223646</v>
      </c>
      <c r="I67196" s="1" t="s">
        <v>222698</v>
      </c>
      <c r="J67196" s="1" t="s">
        <v>223668</v>
      </c>
    </row>
    <row r="67197" spans="1:10" x14ac:dyDescent="0.35">
      <c r="A67197" s="1" t="s">
        <v>11767</v>
      </c>
      <c r="B67197" s="1" t="s">
        <v>222693</v>
      </c>
      <c r="C67197" s="1" t="s">
        <v>45</v>
      </c>
      <c r="D67197" s="1" t="s">
        <v>223669</v>
      </c>
      <c r="E67197" s="1" t="s">
        <v>223670</v>
      </c>
      <c r="F67197" s="1" t="s">
        <v>223671</v>
      </c>
      <c r="G67197" s="1" t="s">
        <v>223645</v>
      </c>
      <c r="H67197" s="1" t="s">
        <v>223646</v>
      </c>
      <c r="I67197" s="1" t="s">
        <v>222698</v>
      </c>
      <c r="J67197" s="1" t="s">
        <v>223672</v>
      </c>
    </row>
    <row r="67198" spans="1:10" x14ac:dyDescent="0.35">
      <c r="A67198" s="1" t="s">
        <v>11767</v>
      </c>
      <c r="B67198" s="1" t="s">
        <v>222693</v>
      </c>
      <c r="C67198" s="1" t="s">
        <v>50</v>
      </c>
      <c r="D67198" s="1" t="s">
        <v>124881</v>
      </c>
      <c r="E67198" s="1" t="s">
        <v>223673</v>
      </c>
      <c r="F67198" s="1" t="s">
        <v>223674</v>
      </c>
      <c r="G67198" s="1" t="s">
        <v>223645</v>
      </c>
      <c r="H67198" s="1" t="s">
        <v>223646</v>
      </c>
      <c r="I67198" s="1" t="s">
        <v>222698</v>
      </c>
      <c r="J67198" s="1" t="s">
        <v>223675</v>
      </c>
    </row>
    <row r="67199" spans="1:10" x14ac:dyDescent="0.35">
      <c r="A67199" s="1" t="s">
        <v>11767</v>
      </c>
      <c r="B67199" s="1" t="s">
        <v>222693</v>
      </c>
      <c r="C67199" s="1" t="s">
        <v>55</v>
      </c>
      <c r="D67199" s="1" t="s">
        <v>223676</v>
      </c>
      <c r="E67199" s="1" t="s">
        <v>223677</v>
      </c>
      <c r="F67199" s="1" t="s">
        <v>223678</v>
      </c>
      <c r="G67199" s="1" t="s">
        <v>223645</v>
      </c>
      <c r="H67199" s="1" t="s">
        <v>223646</v>
      </c>
      <c r="I67199" s="1" t="s">
        <v>222698</v>
      </c>
      <c r="J67199" s="1" t="s">
        <v>223679</v>
      </c>
    </row>
    <row r="67200" spans="1:10" x14ac:dyDescent="0.35">
      <c r="A67200" s="1" t="s">
        <v>11767</v>
      </c>
      <c r="B67200" s="1" t="s">
        <v>222693</v>
      </c>
      <c r="C67200" s="1" t="s">
        <v>60</v>
      </c>
      <c r="D67200" s="1" t="s">
        <v>56061</v>
      </c>
      <c r="E67200" s="1" t="s">
        <v>223680</v>
      </c>
      <c r="F67200" s="1" t="s">
        <v>223681</v>
      </c>
      <c r="G67200" s="1" t="s">
        <v>223645</v>
      </c>
      <c r="H67200" s="1" t="s">
        <v>223646</v>
      </c>
      <c r="I67200" s="1" t="s">
        <v>222698</v>
      </c>
      <c r="J67200" s="1" t="s">
        <v>223682</v>
      </c>
    </row>
    <row r="67201" spans="1:10" x14ac:dyDescent="0.35">
      <c r="A67201" s="1" t="s">
        <v>11767</v>
      </c>
      <c r="B67201" s="1" t="s">
        <v>222693</v>
      </c>
      <c r="C67201" s="1" t="s">
        <v>65</v>
      </c>
      <c r="D67201" s="1" t="s">
        <v>223683</v>
      </c>
      <c r="E67201" s="1" t="s">
        <v>223684</v>
      </c>
      <c r="F67201" s="1" t="s">
        <v>223685</v>
      </c>
      <c r="G67201" s="1" t="s">
        <v>223645</v>
      </c>
      <c r="H67201" s="1" t="s">
        <v>223646</v>
      </c>
      <c r="I67201" s="1" t="s">
        <v>222698</v>
      </c>
      <c r="J67201" s="1" t="s">
        <v>223686</v>
      </c>
    </row>
    <row r="67202" spans="1:10" x14ac:dyDescent="0.35">
      <c r="A67202" s="1" t="s">
        <v>11767</v>
      </c>
      <c r="B67202" s="1" t="s">
        <v>222693</v>
      </c>
      <c r="C67202" s="1" t="s">
        <v>70</v>
      </c>
      <c r="D67202" s="1" t="s">
        <v>66461</v>
      </c>
      <c r="E67202" s="1" t="s">
        <v>223687</v>
      </c>
      <c r="F67202" s="1" t="s">
        <v>223688</v>
      </c>
      <c r="G67202" s="1" t="s">
        <v>223645</v>
      </c>
      <c r="H67202" s="1" t="s">
        <v>223646</v>
      </c>
      <c r="I67202" s="1" t="s">
        <v>222698</v>
      </c>
      <c r="J67202" s="1" t="s">
        <v>223689</v>
      </c>
    </row>
    <row r="67203" spans="1:10" x14ac:dyDescent="0.35">
      <c r="A67203" s="1" t="s">
        <v>11767</v>
      </c>
      <c r="B67203" s="1" t="s">
        <v>222693</v>
      </c>
      <c r="C67203" s="1" t="s">
        <v>75</v>
      </c>
      <c r="D67203" s="1" t="s">
        <v>223690</v>
      </c>
      <c r="E67203" s="1" t="s">
        <v>223691</v>
      </c>
      <c r="F67203" s="1" t="s">
        <v>223692</v>
      </c>
      <c r="G67203" s="1" t="s">
        <v>223645</v>
      </c>
      <c r="H67203" s="1" t="s">
        <v>223646</v>
      </c>
      <c r="I67203" s="1" t="s">
        <v>222698</v>
      </c>
      <c r="J67203" s="1" t="s">
        <v>223693</v>
      </c>
    </row>
    <row r="67204" spans="1:10" x14ac:dyDescent="0.35">
      <c r="A67204" s="1" t="s">
        <v>11767</v>
      </c>
      <c r="B67204" s="1" t="s">
        <v>222693</v>
      </c>
      <c r="C67204" s="1" t="s">
        <v>80</v>
      </c>
      <c r="D67204" s="1" t="s">
        <v>39564</v>
      </c>
      <c r="E67204" s="1" t="s">
        <v>223694</v>
      </c>
      <c r="F67204" s="1" t="s">
        <v>223695</v>
      </c>
      <c r="G67204" s="1" t="s">
        <v>223645</v>
      </c>
      <c r="H67204" s="1" t="s">
        <v>223646</v>
      </c>
      <c r="I67204" s="1" t="s">
        <v>222698</v>
      </c>
      <c r="J67204" s="1" t="s">
        <v>223696</v>
      </c>
    </row>
    <row r="67205" spans="1:10" x14ac:dyDescent="0.35">
      <c r="A67205" s="1" t="s">
        <v>11767</v>
      </c>
      <c r="B67205" s="1" t="s">
        <v>222693</v>
      </c>
      <c r="C67205" s="1" t="s">
        <v>85</v>
      </c>
      <c r="D67205" s="1" t="s">
        <v>223697</v>
      </c>
      <c r="E67205" s="1" t="s">
        <v>223698</v>
      </c>
      <c r="F67205" s="1" t="s">
        <v>223699</v>
      </c>
      <c r="G67205" s="1" t="s">
        <v>223645</v>
      </c>
      <c r="H67205" s="1" t="s">
        <v>223646</v>
      </c>
      <c r="I67205" s="1" t="s">
        <v>222698</v>
      </c>
      <c r="J67205" s="1" t="s">
        <v>223700</v>
      </c>
    </row>
    <row r="67206" spans="1:10" x14ac:dyDescent="0.35">
      <c r="A67206" s="1" t="s">
        <v>11767</v>
      </c>
      <c r="B67206" s="1" t="s">
        <v>222693</v>
      </c>
      <c r="C67206" s="1" t="s">
        <v>90</v>
      </c>
      <c r="D67206" s="1" t="s">
        <v>223701</v>
      </c>
      <c r="E67206" s="1" t="s">
        <v>223702</v>
      </c>
      <c r="F67206" s="1" t="s">
        <v>223703</v>
      </c>
      <c r="G67206" s="1" t="s">
        <v>223645</v>
      </c>
      <c r="H67206" s="1" t="s">
        <v>223646</v>
      </c>
      <c r="I67206" s="1" t="s">
        <v>222698</v>
      </c>
      <c r="J67206" s="1" t="s">
        <v>223704</v>
      </c>
    </row>
    <row r="67207" spans="1:10" x14ac:dyDescent="0.35">
      <c r="A67207" s="1" t="s">
        <v>11767</v>
      </c>
      <c r="B67207" s="1" t="s">
        <v>222693</v>
      </c>
      <c r="C67207" s="1" t="s">
        <v>95</v>
      </c>
      <c r="D67207" s="1" t="s">
        <v>223705</v>
      </c>
      <c r="E67207" s="1" t="s">
        <v>223706</v>
      </c>
      <c r="F67207" s="1" t="s">
        <v>223707</v>
      </c>
      <c r="G67207" s="1" t="s">
        <v>223645</v>
      </c>
      <c r="H67207" s="1" t="s">
        <v>223646</v>
      </c>
      <c r="I67207" s="1" t="s">
        <v>222698</v>
      </c>
      <c r="J67207" s="1" t="s">
        <v>223708</v>
      </c>
    </row>
    <row r="67208" spans="1:10" x14ac:dyDescent="0.35">
      <c r="A67208" s="1" t="s">
        <v>11767</v>
      </c>
      <c r="B67208" s="1" t="s">
        <v>222693</v>
      </c>
      <c r="C67208" s="1" t="s">
        <v>100</v>
      </c>
      <c r="D67208" s="1" t="s">
        <v>223709</v>
      </c>
      <c r="E67208" s="1" t="s">
        <v>223710</v>
      </c>
      <c r="F67208" s="1" t="s">
        <v>223711</v>
      </c>
      <c r="G67208" s="1" t="s">
        <v>223645</v>
      </c>
      <c r="H67208" s="1" t="s">
        <v>223646</v>
      </c>
      <c r="I67208" s="1" t="s">
        <v>222698</v>
      </c>
      <c r="J67208" s="1" t="s">
        <v>223712</v>
      </c>
    </row>
    <row r="67209" spans="1:10" x14ac:dyDescent="0.35">
      <c r="A67209" s="1" t="s">
        <v>11767</v>
      </c>
      <c r="B67209" s="1" t="s">
        <v>222693</v>
      </c>
      <c r="C67209" s="1" t="s">
        <v>105</v>
      </c>
      <c r="D67209" s="1" t="s">
        <v>223713</v>
      </c>
      <c r="E67209" s="1" t="s">
        <v>223714</v>
      </c>
      <c r="F67209" s="1" t="s">
        <v>223715</v>
      </c>
      <c r="G67209" s="1" t="s">
        <v>223645</v>
      </c>
      <c r="H67209" s="1" t="s">
        <v>223646</v>
      </c>
      <c r="I67209" s="1" t="s">
        <v>222698</v>
      </c>
      <c r="J67209" s="1" t="s">
        <v>223716</v>
      </c>
    </row>
    <row r="67210" spans="1:10" x14ac:dyDescent="0.35">
      <c r="A67210" s="1" t="s">
        <v>11767</v>
      </c>
      <c r="B67210" s="1" t="s">
        <v>222693</v>
      </c>
      <c r="C67210" s="1" t="s">
        <v>110</v>
      </c>
      <c r="D67210" s="1" t="s">
        <v>162998</v>
      </c>
      <c r="E67210" s="1" t="s">
        <v>223717</v>
      </c>
      <c r="F67210" s="1" t="s">
        <v>223718</v>
      </c>
      <c r="G67210" s="1" t="s">
        <v>223645</v>
      </c>
      <c r="H67210" s="1" t="s">
        <v>223646</v>
      </c>
      <c r="I67210" s="1" t="s">
        <v>222698</v>
      </c>
      <c r="J67210" s="1" t="s">
        <v>223719</v>
      </c>
    </row>
    <row r="67211" spans="1:10" x14ac:dyDescent="0.35">
      <c r="A67211" s="1" t="s">
        <v>11767</v>
      </c>
      <c r="B67211" s="1" t="s">
        <v>222693</v>
      </c>
      <c r="C67211" s="1" t="s">
        <v>115</v>
      </c>
      <c r="D67211" s="1" t="s">
        <v>223720</v>
      </c>
      <c r="E67211" s="1" t="s">
        <v>223721</v>
      </c>
      <c r="F67211" s="1" t="s">
        <v>223722</v>
      </c>
      <c r="G67211" s="1" t="s">
        <v>223645</v>
      </c>
      <c r="H67211" s="1" t="s">
        <v>223646</v>
      </c>
      <c r="I67211" s="1" t="s">
        <v>222698</v>
      </c>
      <c r="J67211" s="1" t="s">
        <v>223723</v>
      </c>
    </row>
    <row r="67212" spans="1:10" x14ac:dyDescent="0.35">
      <c r="A67212" s="1" t="s">
        <v>11767</v>
      </c>
      <c r="B67212" s="1" t="s">
        <v>222693</v>
      </c>
      <c r="C67212" s="1" t="s">
        <v>120</v>
      </c>
      <c r="D67212" s="1" t="s">
        <v>55960</v>
      </c>
      <c r="E67212" s="1" t="s">
        <v>223724</v>
      </c>
      <c r="F67212" s="1" t="s">
        <v>223725</v>
      </c>
      <c r="G67212" s="1" t="s">
        <v>223645</v>
      </c>
      <c r="H67212" s="1" t="s">
        <v>223646</v>
      </c>
      <c r="I67212" s="1" t="s">
        <v>222698</v>
      </c>
      <c r="J67212" s="1" t="s">
        <v>223726</v>
      </c>
    </row>
    <row r="67213" spans="1:10" x14ac:dyDescent="0.35">
      <c r="A67213" s="1" t="s">
        <v>11767</v>
      </c>
      <c r="B67213" s="1" t="s">
        <v>222693</v>
      </c>
      <c r="C67213" s="1" t="s">
        <v>125</v>
      </c>
      <c r="D67213" s="1" t="s">
        <v>223727</v>
      </c>
      <c r="E67213" s="1" t="s">
        <v>223728</v>
      </c>
      <c r="F67213" s="1" t="s">
        <v>223729</v>
      </c>
      <c r="G67213" s="1" t="s">
        <v>223645</v>
      </c>
      <c r="H67213" s="1" t="s">
        <v>223646</v>
      </c>
      <c r="I67213" s="1" t="s">
        <v>222698</v>
      </c>
      <c r="J67213" s="1" t="s">
        <v>223730</v>
      </c>
    </row>
    <row r="67214" spans="1:10" x14ac:dyDescent="0.35">
      <c r="A67214" s="1" t="s">
        <v>11767</v>
      </c>
      <c r="B67214" s="1" t="s">
        <v>222693</v>
      </c>
      <c r="C67214" s="1" t="s">
        <v>130</v>
      </c>
      <c r="D67214" s="1" t="s">
        <v>223731</v>
      </c>
      <c r="E67214" s="1" t="s">
        <v>223732</v>
      </c>
      <c r="F67214" s="1" t="s">
        <v>223733</v>
      </c>
      <c r="G67214" s="1" t="s">
        <v>223645</v>
      </c>
      <c r="H67214" s="1" t="s">
        <v>223646</v>
      </c>
      <c r="I67214" s="1" t="s">
        <v>222698</v>
      </c>
      <c r="J67214" s="1" t="s">
        <v>223734</v>
      </c>
    </row>
    <row r="67215" spans="1:10" x14ac:dyDescent="0.35">
      <c r="A67215" s="1" t="s">
        <v>11767</v>
      </c>
      <c r="B67215" s="1" t="s">
        <v>222693</v>
      </c>
      <c r="C67215" s="1" t="s">
        <v>135</v>
      </c>
      <c r="D67215" s="1" t="s">
        <v>223735</v>
      </c>
      <c r="E67215" s="1" t="s">
        <v>223736</v>
      </c>
      <c r="F67215" s="1" t="s">
        <v>223737</v>
      </c>
      <c r="G67215" s="1" t="s">
        <v>223645</v>
      </c>
      <c r="H67215" s="1" t="s">
        <v>223646</v>
      </c>
      <c r="I67215" s="1" t="s">
        <v>222698</v>
      </c>
      <c r="J67215" s="1" t="s">
        <v>223738</v>
      </c>
    </row>
    <row r="67216" spans="1:10" x14ac:dyDescent="0.35">
      <c r="A67216" s="1" t="s">
        <v>11767</v>
      </c>
      <c r="B67216" s="1" t="s">
        <v>222693</v>
      </c>
      <c r="C67216" s="1" t="s">
        <v>140</v>
      </c>
      <c r="D67216" s="1" t="s">
        <v>223739</v>
      </c>
      <c r="E67216" s="1" t="s">
        <v>223740</v>
      </c>
      <c r="F67216" s="1" t="s">
        <v>223741</v>
      </c>
      <c r="G67216" s="1" t="s">
        <v>223645</v>
      </c>
      <c r="H67216" s="1" t="s">
        <v>223646</v>
      </c>
      <c r="I67216" s="1" t="s">
        <v>222698</v>
      </c>
      <c r="J67216" s="1" t="s">
        <v>223742</v>
      </c>
    </row>
    <row r="67217" spans="1:10" x14ac:dyDescent="0.35">
      <c r="A67217" s="1" t="s">
        <v>11767</v>
      </c>
      <c r="B67217" s="1" t="s">
        <v>222693</v>
      </c>
      <c r="C67217" s="1" t="s">
        <v>145</v>
      </c>
      <c r="D67217" s="1" t="s">
        <v>103869</v>
      </c>
      <c r="E67217" s="1" t="s">
        <v>223743</v>
      </c>
      <c r="F67217" s="1" t="s">
        <v>223744</v>
      </c>
      <c r="G67217" s="1" t="s">
        <v>223645</v>
      </c>
      <c r="H67217" s="1" t="s">
        <v>223646</v>
      </c>
      <c r="I67217" s="1" t="s">
        <v>222698</v>
      </c>
      <c r="J67217" s="1" t="s">
        <v>223745</v>
      </c>
    </row>
    <row r="67218" spans="1:10" x14ac:dyDescent="0.35">
      <c r="A67218" s="1" t="s">
        <v>11767</v>
      </c>
      <c r="B67218" s="1" t="s">
        <v>222693</v>
      </c>
      <c r="C67218" s="1" t="s">
        <v>150</v>
      </c>
      <c r="D67218" s="1" t="s">
        <v>223746</v>
      </c>
      <c r="E67218" s="1" t="s">
        <v>223747</v>
      </c>
      <c r="F67218" s="1" t="s">
        <v>223748</v>
      </c>
      <c r="G67218" s="1" t="s">
        <v>223645</v>
      </c>
      <c r="H67218" s="1" t="s">
        <v>223646</v>
      </c>
      <c r="I67218" s="1" t="s">
        <v>222698</v>
      </c>
      <c r="J67218" s="1" t="s">
        <v>223749</v>
      </c>
    </row>
    <row r="67219" spans="1:10" x14ac:dyDescent="0.35">
      <c r="A67219" s="1" t="s">
        <v>11767</v>
      </c>
      <c r="B67219" s="1" t="s">
        <v>222693</v>
      </c>
      <c r="C67219" s="1" t="s">
        <v>155</v>
      </c>
      <c r="D67219" s="1" t="s">
        <v>163294</v>
      </c>
      <c r="E67219" s="1" t="s">
        <v>223750</v>
      </c>
      <c r="F67219" s="1" t="s">
        <v>223751</v>
      </c>
      <c r="G67219" s="1" t="s">
        <v>223645</v>
      </c>
      <c r="H67219" s="1" t="s">
        <v>223646</v>
      </c>
      <c r="I67219" s="1" t="s">
        <v>222698</v>
      </c>
      <c r="J67219" s="1" t="s">
        <v>223752</v>
      </c>
    </row>
    <row r="67220" spans="1:10" x14ac:dyDescent="0.35">
      <c r="A67220" s="1" t="s">
        <v>11767</v>
      </c>
      <c r="B67220" s="1" t="s">
        <v>222693</v>
      </c>
      <c r="C67220" s="1" t="s">
        <v>160</v>
      </c>
      <c r="D67220" s="1" t="s">
        <v>99909</v>
      </c>
      <c r="E67220" s="1" t="s">
        <v>223753</v>
      </c>
      <c r="F67220" s="1" t="s">
        <v>223754</v>
      </c>
      <c r="G67220" s="1" t="s">
        <v>223645</v>
      </c>
      <c r="H67220" s="1" t="s">
        <v>223646</v>
      </c>
      <c r="I67220" s="1" t="s">
        <v>222698</v>
      </c>
      <c r="J67220" s="1" t="s">
        <v>223755</v>
      </c>
    </row>
    <row r="67221" spans="1:10" x14ac:dyDescent="0.35">
      <c r="A67221" s="1" t="s">
        <v>11767</v>
      </c>
      <c r="B67221" s="1" t="s">
        <v>222693</v>
      </c>
      <c r="C67221" s="1" t="s">
        <v>165</v>
      </c>
      <c r="D67221" s="1" t="s">
        <v>223756</v>
      </c>
      <c r="E67221" s="1" t="s">
        <v>223757</v>
      </c>
      <c r="F67221" s="1" t="s">
        <v>223758</v>
      </c>
      <c r="G67221" s="1" t="s">
        <v>223645</v>
      </c>
      <c r="H67221" s="1" t="s">
        <v>223646</v>
      </c>
      <c r="I67221" s="1" t="s">
        <v>222698</v>
      </c>
      <c r="J67221" s="1" t="s">
        <v>223759</v>
      </c>
    </row>
    <row r="67222" spans="1:10" x14ac:dyDescent="0.35">
      <c r="A67222" s="1" t="s">
        <v>11767</v>
      </c>
      <c r="B67222" s="1" t="s">
        <v>222693</v>
      </c>
      <c r="C67222" s="1" t="s">
        <v>170</v>
      </c>
      <c r="D67222" s="1" t="s">
        <v>223760</v>
      </c>
      <c r="E67222" s="1" t="s">
        <v>223761</v>
      </c>
      <c r="F67222" s="1" t="s">
        <v>223762</v>
      </c>
      <c r="G67222" s="1" t="s">
        <v>223645</v>
      </c>
      <c r="H67222" s="1" t="s">
        <v>223646</v>
      </c>
      <c r="I67222" s="1" t="s">
        <v>222698</v>
      </c>
      <c r="J67222" s="1" t="s">
        <v>223763</v>
      </c>
    </row>
    <row r="67223" spans="1:10" x14ac:dyDescent="0.35">
      <c r="A67223" s="1" t="s">
        <v>46442</v>
      </c>
      <c r="B67223" s="1" t="s">
        <v>222693</v>
      </c>
      <c r="C67223" s="1" t="s">
        <v>8</v>
      </c>
      <c r="D67223" s="1" t="s">
        <v>139519</v>
      </c>
      <c r="E67223" s="1" t="s">
        <v>223764</v>
      </c>
      <c r="F67223" s="1" t="s">
        <v>223765</v>
      </c>
      <c r="G67223" s="1" t="s">
        <v>223766</v>
      </c>
      <c r="H67223" s="1" t="s">
        <v>223767</v>
      </c>
      <c r="I67223" s="1" t="s">
        <v>222698</v>
      </c>
      <c r="J67223" s="1" t="s">
        <v>13</v>
      </c>
    </row>
    <row r="67224" spans="1:10" x14ac:dyDescent="0.35">
      <c r="A67224" s="1" t="s">
        <v>46442</v>
      </c>
      <c r="B67224" s="1" t="s">
        <v>222693</v>
      </c>
      <c r="C67224" s="1" t="s">
        <v>15</v>
      </c>
      <c r="D67224" s="1" t="s">
        <v>223768</v>
      </c>
      <c r="E67224" s="1" t="s">
        <v>223769</v>
      </c>
      <c r="F67224" s="1" t="s">
        <v>223770</v>
      </c>
      <c r="G67224" s="1" t="s">
        <v>223766</v>
      </c>
      <c r="H67224" s="1" t="s">
        <v>223767</v>
      </c>
      <c r="I67224" s="1" t="s">
        <v>222698</v>
      </c>
      <c r="J67224" s="1" t="s">
        <v>223771</v>
      </c>
    </row>
    <row r="67225" spans="1:10" x14ac:dyDescent="0.35">
      <c r="A67225" s="1" t="s">
        <v>46442</v>
      </c>
      <c r="B67225" s="1" t="s">
        <v>222693</v>
      </c>
      <c r="C67225" s="1" t="s">
        <v>20</v>
      </c>
      <c r="D67225" s="1" t="s">
        <v>95802</v>
      </c>
      <c r="E67225" s="1" t="s">
        <v>223772</v>
      </c>
      <c r="F67225" s="1" t="s">
        <v>223773</v>
      </c>
      <c r="G67225" s="1" t="s">
        <v>223766</v>
      </c>
      <c r="H67225" s="1" t="s">
        <v>223767</v>
      </c>
      <c r="I67225" s="1" t="s">
        <v>222698</v>
      </c>
      <c r="J67225" s="1" t="s">
        <v>223774</v>
      </c>
    </row>
    <row r="67226" spans="1:10" x14ac:dyDescent="0.35">
      <c r="A67226" s="1" t="s">
        <v>46442</v>
      </c>
      <c r="B67226" s="1" t="s">
        <v>222693</v>
      </c>
      <c r="C67226" s="1" t="s">
        <v>25</v>
      </c>
      <c r="D67226" s="1" t="s">
        <v>223775</v>
      </c>
      <c r="E67226" s="1" t="s">
        <v>223776</v>
      </c>
      <c r="F67226" s="1" t="s">
        <v>223777</v>
      </c>
      <c r="G67226" s="1" t="s">
        <v>223766</v>
      </c>
      <c r="H67226" s="1" t="s">
        <v>223767</v>
      </c>
      <c r="I67226" s="1" t="s">
        <v>222698</v>
      </c>
      <c r="J67226" s="1" t="s">
        <v>223778</v>
      </c>
    </row>
    <row r="67227" spans="1:10" x14ac:dyDescent="0.35">
      <c r="A67227" s="1" t="s">
        <v>46442</v>
      </c>
      <c r="B67227" s="1" t="s">
        <v>222693</v>
      </c>
      <c r="C67227" s="1" t="s">
        <v>30</v>
      </c>
      <c r="D67227" s="1" t="s">
        <v>223779</v>
      </c>
      <c r="E67227" s="1" t="s">
        <v>223780</v>
      </c>
      <c r="F67227" s="1" t="s">
        <v>223781</v>
      </c>
      <c r="G67227" s="1" t="s">
        <v>223766</v>
      </c>
      <c r="H67227" s="1" t="s">
        <v>223767</v>
      </c>
      <c r="I67227" s="1" t="s">
        <v>222698</v>
      </c>
      <c r="J67227" s="1" t="s">
        <v>223782</v>
      </c>
    </row>
    <row r="67228" spans="1:10" x14ac:dyDescent="0.35">
      <c r="A67228" s="1" t="s">
        <v>46442</v>
      </c>
      <c r="B67228" s="1" t="s">
        <v>222693</v>
      </c>
      <c r="C67228" s="1" t="s">
        <v>35</v>
      </c>
      <c r="D67228" s="1" t="s">
        <v>86707</v>
      </c>
      <c r="E67228" s="1" t="s">
        <v>223783</v>
      </c>
      <c r="F67228" s="1" t="s">
        <v>223784</v>
      </c>
      <c r="G67228" s="1" t="s">
        <v>223766</v>
      </c>
      <c r="H67228" s="1" t="s">
        <v>223767</v>
      </c>
      <c r="I67228" s="1" t="s">
        <v>222698</v>
      </c>
      <c r="J67228" s="1" t="s">
        <v>223785</v>
      </c>
    </row>
    <row r="67229" spans="1:10" x14ac:dyDescent="0.35">
      <c r="A67229" s="1" t="s">
        <v>46442</v>
      </c>
      <c r="B67229" s="1" t="s">
        <v>222693</v>
      </c>
      <c r="C67229" s="1" t="s">
        <v>40</v>
      </c>
      <c r="D67229" s="1" t="s">
        <v>223786</v>
      </c>
      <c r="E67229" s="1" t="s">
        <v>223787</v>
      </c>
      <c r="F67229" s="1" t="s">
        <v>223788</v>
      </c>
      <c r="G67229" s="1" t="s">
        <v>223766</v>
      </c>
      <c r="H67229" s="1" t="s">
        <v>223767</v>
      </c>
      <c r="I67229" s="1" t="s">
        <v>222698</v>
      </c>
      <c r="J67229" s="1" t="s">
        <v>223789</v>
      </c>
    </row>
    <row r="67230" spans="1:10" x14ac:dyDescent="0.35">
      <c r="A67230" s="1" t="s">
        <v>46442</v>
      </c>
      <c r="B67230" s="1" t="s">
        <v>222693</v>
      </c>
      <c r="C67230" s="1" t="s">
        <v>45</v>
      </c>
      <c r="D67230" s="1" t="s">
        <v>137321</v>
      </c>
      <c r="E67230" s="1" t="s">
        <v>223790</v>
      </c>
      <c r="F67230" s="1" t="s">
        <v>223791</v>
      </c>
      <c r="G67230" s="1" t="s">
        <v>223766</v>
      </c>
      <c r="H67230" s="1" t="s">
        <v>223767</v>
      </c>
      <c r="I67230" s="1" t="s">
        <v>222698</v>
      </c>
      <c r="J67230" s="1" t="s">
        <v>223792</v>
      </c>
    </row>
    <row r="67231" spans="1:10" x14ac:dyDescent="0.35">
      <c r="A67231" s="1" t="s">
        <v>46442</v>
      </c>
      <c r="B67231" s="1" t="s">
        <v>222693</v>
      </c>
      <c r="C67231" s="1" t="s">
        <v>50</v>
      </c>
      <c r="D67231" s="1" t="s">
        <v>54516</v>
      </c>
      <c r="E67231" s="1" t="s">
        <v>223793</v>
      </c>
      <c r="F67231" s="1" t="s">
        <v>223794</v>
      </c>
      <c r="G67231" s="1" t="s">
        <v>223766</v>
      </c>
      <c r="H67231" s="1" t="s">
        <v>223767</v>
      </c>
      <c r="I67231" s="1" t="s">
        <v>222698</v>
      </c>
      <c r="J67231" s="1" t="s">
        <v>223795</v>
      </c>
    </row>
    <row r="67232" spans="1:10" x14ac:dyDescent="0.35">
      <c r="A67232" s="1" t="s">
        <v>46442</v>
      </c>
      <c r="B67232" s="1" t="s">
        <v>222693</v>
      </c>
      <c r="C67232" s="1" t="s">
        <v>55</v>
      </c>
      <c r="D67232" s="1" t="s">
        <v>101167</v>
      </c>
      <c r="E67232" s="1" t="s">
        <v>223796</v>
      </c>
      <c r="F67232" s="1" t="s">
        <v>223797</v>
      </c>
      <c r="G67232" s="1" t="s">
        <v>223766</v>
      </c>
      <c r="H67232" s="1" t="s">
        <v>223767</v>
      </c>
      <c r="I67232" s="1" t="s">
        <v>222698</v>
      </c>
      <c r="J67232" s="1" t="s">
        <v>223798</v>
      </c>
    </row>
    <row r="67233" spans="1:10" x14ac:dyDescent="0.35">
      <c r="A67233" s="1" t="s">
        <v>46442</v>
      </c>
      <c r="B67233" s="1" t="s">
        <v>222693</v>
      </c>
      <c r="C67233" s="1" t="s">
        <v>60</v>
      </c>
      <c r="D67233" s="1" t="s">
        <v>223799</v>
      </c>
      <c r="E67233" s="1" t="s">
        <v>223800</v>
      </c>
      <c r="F67233" s="1" t="s">
        <v>223801</v>
      </c>
      <c r="G67233" s="1" t="s">
        <v>223766</v>
      </c>
      <c r="H67233" s="1" t="s">
        <v>223767</v>
      </c>
      <c r="I67233" s="1" t="s">
        <v>222698</v>
      </c>
      <c r="J67233" s="1" t="s">
        <v>223802</v>
      </c>
    </row>
    <row r="67234" spans="1:10" x14ac:dyDescent="0.35">
      <c r="A67234" s="1" t="s">
        <v>46442</v>
      </c>
      <c r="B67234" s="1" t="s">
        <v>222693</v>
      </c>
      <c r="C67234" s="1" t="s">
        <v>65</v>
      </c>
      <c r="D67234" s="1" t="s">
        <v>223803</v>
      </c>
      <c r="E67234" s="1" t="s">
        <v>223804</v>
      </c>
      <c r="F67234" s="1" t="s">
        <v>223805</v>
      </c>
      <c r="G67234" s="1" t="s">
        <v>223766</v>
      </c>
      <c r="H67234" s="1" t="s">
        <v>223767</v>
      </c>
      <c r="I67234" s="1" t="s">
        <v>222698</v>
      </c>
      <c r="J67234" s="1" t="s">
        <v>223806</v>
      </c>
    </row>
    <row r="67235" spans="1:10" x14ac:dyDescent="0.35">
      <c r="A67235" s="1" t="s">
        <v>46442</v>
      </c>
      <c r="B67235" s="1" t="s">
        <v>222693</v>
      </c>
      <c r="C67235" s="1" t="s">
        <v>70</v>
      </c>
      <c r="D67235" s="1" t="s">
        <v>92417</v>
      </c>
      <c r="E67235" s="1" t="s">
        <v>223807</v>
      </c>
      <c r="F67235" s="1" t="s">
        <v>223808</v>
      </c>
      <c r="G67235" s="1" t="s">
        <v>223766</v>
      </c>
      <c r="H67235" s="1" t="s">
        <v>223767</v>
      </c>
      <c r="I67235" s="1" t="s">
        <v>222698</v>
      </c>
      <c r="J67235" s="1" t="s">
        <v>223809</v>
      </c>
    </row>
    <row r="67236" spans="1:10" x14ac:dyDescent="0.35">
      <c r="A67236" s="1" t="s">
        <v>46442</v>
      </c>
      <c r="B67236" s="1" t="s">
        <v>222693</v>
      </c>
      <c r="C67236" s="1" t="s">
        <v>75</v>
      </c>
      <c r="D67236" s="1" t="s">
        <v>136680</v>
      </c>
      <c r="E67236" s="1" t="s">
        <v>223810</v>
      </c>
      <c r="F67236" s="1" t="s">
        <v>223811</v>
      </c>
      <c r="G67236" s="1" t="s">
        <v>223766</v>
      </c>
      <c r="H67236" s="1" t="s">
        <v>223767</v>
      </c>
      <c r="I67236" s="1" t="s">
        <v>222698</v>
      </c>
      <c r="J67236" s="1" t="s">
        <v>223812</v>
      </c>
    </row>
    <row r="67237" spans="1:10" x14ac:dyDescent="0.35">
      <c r="A67237" s="1" t="s">
        <v>46442</v>
      </c>
      <c r="B67237" s="1" t="s">
        <v>222693</v>
      </c>
      <c r="C67237" s="1" t="s">
        <v>80</v>
      </c>
      <c r="D67237" s="1" t="s">
        <v>4666</v>
      </c>
      <c r="E67237" s="1" t="s">
        <v>223813</v>
      </c>
      <c r="F67237" s="1" t="s">
        <v>223814</v>
      </c>
      <c r="G67237" s="1" t="s">
        <v>223766</v>
      </c>
      <c r="H67237" s="1" t="s">
        <v>223767</v>
      </c>
      <c r="I67237" s="1" t="s">
        <v>222698</v>
      </c>
      <c r="J67237" s="1" t="s">
        <v>223815</v>
      </c>
    </row>
    <row r="67238" spans="1:10" x14ac:dyDescent="0.35">
      <c r="A67238" s="1" t="s">
        <v>46442</v>
      </c>
      <c r="B67238" s="1" t="s">
        <v>222693</v>
      </c>
      <c r="C67238" s="1" t="s">
        <v>85</v>
      </c>
      <c r="D67238" s="1" t="s">
        <v>61358</v>
      </c>
      <c r="E67238" s="1" t="s">
        <v>223816</v>
      </c>
      <c r="F67238" s="1" t="s">
        <v>223817</v>
      </c>
      <c r="G67238" s="1" t="s">
        <v>223766</v>
      </c>
      <c r="H67238" s="1" t="s">
        <v>223767</v>
      </c>
      <c r="I67238" s="1" t="s">
        <v>222698</v>
      </c>
      <c r="J67238" s="1" t="s">
        <v>223818</v>
      </c>
    </row>
    <row r="67239" spans="1:10" x14ac:dyDescent="0.35">
      <c r="A67239" s="1" t="s">
        <v>46442</v>
      </c>
      <c r="B67239" s="1" t="s">
        <v>222693</v>
      </c>
      <c r="C67239" s="1" t="s">
        <v>90</v>
      </c>
      <c r="D67239" s="1" t="s">
        <v>22694</v>
      </c>
      <c r="E67239" s="1" t="s">
        <v>223819</v>
      </c>
      <c r="F67239" s="1" t="s">
        <v>223820</v>
      </c>
      <c r="G67239" s="1" t="s">
        <v>223766</v>
      </c>
      <c r="H67239" s="1" t="s">
        <v>223767</v>
      </c>
      <c r="I67239" s="1" t="s">
        <v>222698</v>
      </c>
      <c r="J67239" s="1" t="s">
        <v>223821</v>
      </c>
    </row>
    <row r="67240" spans="1:10" x14ac:dyDescent="0.35">
      <c r="A67240" s="1" t="s">
        <v>46442</v>
      </c>
      <c r="B67240" s="1" t="s">
        <v>222693</v>
      </c>
      <c r="C67240" s="1" t="s">
        <v>95</v>
      </c>
      <c r="D67240" s="1" t="s">
        <v>70587</v>
      </c>
      <c r="E67240" s="1" t="s">
        <v>223822</v>
      </c>
      <c r="F67240" s="1" t="s">
        <v>223823</v>
      </c>
      <c r="G67240" s="1" t="s">
        <v>223766</v>
      </c>
      <c r="H67240" s="1" t="s">
        <v>223767</v>
      </c>
      <c r="I67240" s="1" t="s">
        <v>222698</v>
      </c>
      <c r="J67240" s="1" t="s">
        <v>223824</v>
      </c>
    </row>
    <row r="67241" spans="1:10" x14ac:dyDescent="0.35">
      <c r="A67241" s="1" t="s">
        <v>46442</v>
      </c>
      <c r="B67241" s="1" t="s">
        <v>222693</v>
      </c>
      <c r="C67241" s="1" t="s">
        <v>100</v>
      </c>
      <c r="D67241" s="1" t="s">
        <v>139134</v>
      </c>
      <c r="E67241" s="1" t="s">
        <v>223825</v>
      </c>
      <c r="F67241" s="1" t="s">
        <v>223826</v>
      </c>
      <c r="G67241" s="1" t="s">
        <v>223766</v>
      </c>
      <c r="H67241" s="1" t="s">
        <v>223767</v>
      </c>
      <c r="I67241" s="1" t="s">
        <v>222698</v>
      </c>
      <c r="J67241" s="1" t="s">
        <v>223827</v>
      </c>
    </row>
    <row r="67242" spans="1:10" x14ac:dyDescent="0.35">
      <c r="A67242" s="1" t="s">
        <v>46442</v>
      </c>
      <c r="B67242" s="1" t="s">
        <v>222693</v>
      </c>
      <c r="C67242" s="1" t="s">
        <v>105</v>
      </c>
      <c r="D67242" s="1" t="s">
        <v>87077</v>
      </c>
      <c r="E67242" s="1" t="s">
        <v>223828</v>
      </c>
      <c r="F67242" s="1" t="s">
        <v>223829</v>
      </c>
      <c r="G67242" s="1" t="s">
        <v>223766</v>
      </c>
      <c r="H67242" s="1" t="s">
        <v>223767</v>
      </c>
      <c r="I67242" s="1" t="s">
        <v>222698</v>
      </c>
      <c r="J67242" s="1" t="s">
        <v>223830</v>
      </c>
    </row>
    <row r="67243" spans="1:10" x14ac:dyDescent="0.35">
      <c r="A67243" s="1" t="s">
        <v>46442</v>
      </c>
      <c r="B67243" s="1" t="s">
        <v>222693</v>
      </c>
      <c r="C67243" s="1" t="s">
        <v>110</v>
      </c>
      <c r="D67243" s="1" t="s">
        <v>77673</v>
      </c>
      <c r="E67243" s="1" t="s">
        <v>223831</v>
      </c>
      <c r="F67243" s="1" t="s">
        <v>223832</v>
      </c>
      <c r="G67243" s="1" t="s">
        <v>223766</v>
      </c>
      <c r="H67243" s="1" t="s">
        <v>223767</v>
      </c>
      <c r="I67243" s="1" t="s">
        <v>222698</v>
      </c>
      <c r="J67243" s="1" t="s">
        <v>223833</v>
      </c>
    </row>
    <row r="67244" spans="1:10" x14ac:dyDescent="0.35">
      <c r="A67244" s="1" t="s">
        <v>46442</v>
      </c>
      <c r="B67244" s="1" t="s">
        <v>222693</v>
      </c>
      <c r="C67244" s="1" t="s">
        <v>115</v>
      </c>
      <c r="D67244" s="1" t="s">
        <v>223834</v>
      </c>
      <c r="E67244" s="1" t="s">
        <v>223835</v>
      </c>
      <c r="F67244" s="1" t="s">
        <v>223836</v>
      </c>
      <c r="G67244" s="1" t="s">
        <v>223766</v>
      </c>
      <c r="H67244" s="1" t="s">
        <v>223767</v>
      </c>
      <c r="I67244" s="1" t="s">
        <v>222698</v>
      </c>
      <c r="J67244" s="1" t="s">
        <v>223837</v>
      </c>
    </row>
    <row r="67245" spans="1:10" x14ac:dyDescent="0.35">
      <c r="A67245" s="1" t="s">
        <v>46442</v>
      </c>
      <c r="B67245" s="1" t="s">
        <v>222693</v>
      </c>
      <c r="C67245" s="1" t="s">
        <v>120</v>
      </c>
      <c r="D67245" s="1" t="s">
        <v>55887</v>
      </c>
      <c r="E67245" s="1" t="s">
        <v>223838</v>
      </c>
      <c r="F67245" s="1" t="s">
        <v>223839</v>
      </c>
      <c r="G67245" s="1" t="s">
        <v>223766</v>
      </c>
      <c r="H67245" s="1" t="s">
        <v>223767</v>
      </c>
      <c r="I67245" s="1" t="s">
        <v>222698</v>
      </c>
      <c r="J67245" s="1" t="s">
        <v>223840</v>
      </c>
    </row>
    <row r="67246" spans="1:10" x14ac:dyDescent="0.35">
      <c r="A67246" s="1" t="s">
        <v>46442</v>
      </c>
      <c r="B67246" s="1" t="s">
        <v>222693</v>
      </c>
      <c r="C67246" s="1" t="s">
        <v>125</v>
      </c>
      <c r="D67246" s="1" t="s">
        <v>39794</v>
      </c>
      <c r="E67246" s="1" t="s">
        <v>223841</v>
      </c>
      <c r="F67246" s="1" t="s">
        <v>223842</v>
      </c>
      <c r="G67246" s="1" t="s">
        <v>223766</v>
      </c>
      <c r="H67246" s="1" t="s">
        <v>223767</v>
      </c>
      <c r="I67246" s="1" t="s">
        <v>222698</v>
      </c>
      <c r="J67246" s="1" t="s">
        <v>223843</v>
      </c>
    </row>
    <row r="67247" spans="1:10" x14ac:dyDescent="0.35">
      <c r="A67247" s="1" t="s">
        <v>46442</v>
      </c>
      <c r="B67247" s="1" t="s">
        <v>222693</v>
      </c>
      <c r="C67247" s="1" t="s">
        <v>130</v>
      </c>
      <c r="D67247" s="1" t="s">
        <v>56900</v>
      </c>
      <c r="E67247" s="1" t="s">
        <v>223844</v>
      </c>
      <c r="F67247" s="1" t="s">
        <v>223845</v>
      </c>
      <c r="G67247" s="1" t="s">
        <v>223766</v>
      </c>
      <c r="H67247" s="1" t="s">
        <v>223767</v>
      </c>
      <c r="I67247" s="1" t="s">
        <v>222698</v>
      </c>
      <c r="J67247" s="1" t="s">
        <v>223846</v>
      </c>
    </row>
    <row r="67248" spans="1:10" x14ac:dyDescent="0.35">
      <c r="A67248" s="1" t="s">
        <v>46442</v>
      </c>
      <c r="B67248" s="1" t="s">
        <v>222693</v>
      </c>
      <c r="C67248" s="1" t="s">
        <v>135</v>
      </c>
      <c r="D67248" s="1" t="s">
        <v>85791</v>
      </c>
      <c r="E67248" s="1" t="s">
        <v>223847</v>
      </c>
      <c r="F67248" s="1" t="s">
        <v>223848</v>
      </c>
      <c r="G67248" s="1" t="s">
        <v>223766</v>
      </c>
      <c r="H67248" s="1" t="s">
        <v>223767</v>
      </c>
      <c r="I67248" s="1" t="s">
        <v>222698</v>
      </c>
      <c r="J67248" s="1" t="s">
        <v>223849</v>
      </c>
    </row>
    <row r="67249" spans="1:10" x14ac:dyDescent="0.35">
      <c r="A67249" s="1" t="s">
        <v>46442</v>
      </c>
      <c r="B67249" s="1" t="s">
        <v>222693</v>
      </c>
      <c r="C67249" s="1" t="s">
        <v>140</v>
      </c>
      <c r="D67249" s="1" t="s">
        <v>212888</v>
      </c>
      <c r="E67249" s="1" t="s">
        <v>223850</v>
      </c>
      <c r="F67249" s="1" t="s">
        <v>223851</v>
      </c>
      <c r="G67249" s="1" t="s">
        <v>223766</v>
      </c>
      <c r="H67249" s="1" t="s">
        <v>223767</v>
      </c>
      <c r="I67249" s="1" t="s">
        <v>222698</v>
      </c>
      <c r="J67249" s="1" t="s">
        <v>223852</v>
      </c>
    </row>
    <row r="67250" spans="1:10" x14ac:dyDescent="0.35">
      <c r="A67250" s="1" t="s">
        <v>46442</v>
      </c>
      <c r="B67250" s="1" t="s">
        <v>222693</v>
      </c>
      <c r="C67250" s="1" t="s">
        <v>145</v>
      </c>
      <c r="D67250" s="1" t="s">
        <v>223853</v>
      </c>
      <c r="E67250" s="1" t="s">
        <v>223854</v>
      </c>
      <c r="F67250" s="1" t="s">
        <v>223855</v>
      </c>
      <c r="G67250" s="1" t="s">
        <v>223766</v>
      </c>
      <c r="H67250" s="1" t="s">
        <v>223767</v>
      </c>
      <c r="I67250" s="1" t="s">
        <v>222698</v>
      </c>
      <c r="J67250" s="1" t="s">
        <v>223856</v>
      </c>
    </row>
    <row r="67251" spans="1:10" x14ac:dyDescent="0.35">
      <c r="A67251" s="1" t="s">
        <v>46442</v>
      </c>
      <c r="B67251" s="1" t="s">
        <v>222693</v>
      </c>
      <c r="C67251" s="1" t="s">
        <v>150</v>
      </c>
      <c r="D67251" s="1" t="s">
        <v>162121</v>
      </c>
      <c r="E67251" s="1" t="s">
        <v>223857</v>
      </c>
      <c r="F67251" s="1" t="s">
        <v>223858</v>
      </c>
      <c r="G67251" s="1" t="s">
        <v>223766</v>
      </c>
      <c r="H67251" s="1" t="s">
        <v>223767</v>
      </c>
      <c r="I67251" s="1" t="s">
        <v>222698</v>
      </c>
      <c r="J67251" s="1" t="s">
        <v>223859</v>
      </c>
    </row>
    <row r="67252" spans="1:10" x14ac:dyDescent="0.35">
      <c r="A67252" s="1" t="s">
        <v>46442</v>
      </c>
      <c r="B67252" s="1" t="s">
        <v>222693</v>
      </c>
      <c r="C67252" s="1" t="s">
        <v>155</v>
      </c>
      <c r="D67252" s="1" t="s">
        <v>223860</v>
      </c>
      <c r="E67252" s="1" t="s">
        <v>223861</v>
      </c>
      <c r="F67252" s="1" t="s">
        <v>223862</v>
      </c>
      <c r="G67252" s="1" t="s">
        <v>223766</v>
      </c>
      <c r="H67252" s="1" t="s">
        <v>223767</v>
      </c>
      <c r="I67252" s="1" t="s">
        <v>222698</v>
      </c>
      <c r="J67252" s="1" t="s">
        <v>223863</v>
      </c>
    </row>
    <row r="67253" spans="1:10" x14ac:dyDescent="0.35">
      <c r="A67253" s="1" t="s">
        <v>46442</v>
      </c>
      <c r="B67253" s="1" t="s">
        <v>222693</v>
      </c>
      <c r="C67253" s="1" t="s">
        <v>160</v>
      </c>
      <c r="D67253" s="1" t="s">
        <v>20194</v>
      </c>
      <c r="E67253" s="1" t="s">
        <v>223864</v>
      </c>
      <c r="F67253" s="1" t="s">
        <v>223865</v>
      </c>
      <c r="G67253" s="1" t="s">
        <v>223766</v>
      </c>
      <c r="H67253" s="1" t="s">
        <v>223767</v>
      </c>
      <c r="I67253" s="1" t="s">
        <v>222698</v>
      </c>
      <c r="J67253" s="1" t="s">
        <v>223866</v>
      </c>
    </row>
    <row r="67254" spans="1:10" x14ac:dyDescent="0.35">
      <c r="A67254" s="1" t="s">
        <v>46442</v>
      </c>
      <c r="B67254" s="1" t="s">
        <v>222693</v>
      </c>
      <c r="C67254" s="1" t="s">
        <v>165</v>
      </c>
      <c r="D67254" s="1" t="s">
        <v>63583</v>
      </c>
      <c r="E67254" s="1" t="s">
        <v>223867</v>
      </c>
      <c r="F67254" s="1" t="s">
        <v>223868</v>
      </c>
      <c r="G67254" s="1" t="s">
        <v>223766</v>
      </c>
      <c r="H67254" s="1" t="s">
        <v>223767</v>
      </c>
      <c r="I67254" s="1" t="s">
        <v>222698</v>
      </c>
      <c r="J67254" s="1" t="s">
        <v>223869</v>
      </c>
    </row>
    <row r="67255" spans="1:10" x14ac:dyDescent="0.35">
      <c r="A67255" s="1" t="s">
        <v>46442</v>
      </c>
      <c r="B67255" s="1" t="s">
        <v>222693</v>
      </c>
      <c r="C67255" s="1" t="s">
        <v>170</v>
      </c>
      <c r="D67255" s="1" t="s">
        <v>223870</v>
      </c>
      <c r="E67255" s="1" t="s">
        <v>223871</v>
      </c>
      <c r="F67255" s="1" t="s">
        <v>223872</v>
      </c>
      <c r="G67255" s="1" t="s">
        <v>223766</v>
      </c>
      <c r="H67255" s="1" t="s">
        <v>223767</v>
      </c>
      <c r="I67255" s="1" t="s">
        <v>222698</v>
      </c>
      <c r="J67255" s="1" t="s">
        <v>223873</v>
      </c>
    </row>
    <row r="67256" spans="1:10" x14ac:dyDescent="0.35">
      <c r="A67256" s="1" t="s">
        <v>143088</v>
      </c>
      <c r="B67256" s="1" t="s">
        <v>222693</v>
      </c>
      <c r="C67256" s="1" t="s">
        <v>8</v>
      </c>
      <c r="D67256" s="1" t="s">
        <v>64372</v>
      </c>
      <c r="E67256" s="1" t="s">
        <v>223874</v>
      </c>
      <c r="F67256" s="1" t="s">
        <v>223875</v>
      </c>
      <c r="G67256" s="1" t="s">
        <v>223876</v>
      </c>
      <c r="H67256" s="1" t="s">
        <v>223877</v>
      </c>
      <c r="I67256" s="1" t="s">
        <v>222698</v>
      </c>
      <c r="J67256" s="1" t="s">
        <v>13</v>
      </c>
    </row>
    <row r="67257" spans="1:10" x14ac:dyDescent="0.35">
      <c r="A67257" s="1" t="s">
        <v>143088</v>
      </c>
      <c r="B67257" s="1" t="s">
        <v>222693</v>
      </c>
      <c r="C67257" s="1" t="s">
        <v>15</v>
      </c>
      <c r="D67257" s="1" t="s">
        <v>93246</v>
      </c>
      <c r="E67257" s="1" t="s">
        <v>223878</v>
      </c>
      <c r="F67257" s="1" t="s">
        <v>223879</v>
      </c>
      <c r="G67257" s="1" t="s">
        <v>223876</v>
      </c>
      <c r="H67257" s="1" t="s">
        <v>223877</v>
      </c>
      <c r="I67257" s="1" t="s">
        <v>222698</v>
      </c>
      <c r="J67257" s="1" t="s">
        <v>223880</v>
      </c>
    </row>
    <row r="67258" spans="1:10" x14ac:dyDescent="0.35">
      <c r="A67258" s="1" t="s">
        <v>143088</v>
      </c>
      <c r="B67258" s="1" t="s">
        <v>222693</v>
      </c>
      <c r="C67258" s="1" t="s">
        <v>20</v>
      </c>
      <c r="D67258" s="1" t="s">
        <v>223881</v>
      </c>
      <c r="E67258" s="1" t="s">
        <v>223882</v>
      </c>
      <c r="F67258" s="1" t="s">
        <v>223883</v>
      </c>
      <c r="G67258" s="1" t="s">
        <v>223876</v>
      </c>
      <c r="H67258" s="1" t="s">
        <v>223877</v>
      </c>
      <c r="I67258" s="1" t="s">
        <v>222698</v>
      </c>
      <c r="J67258" s="1" t="s">
        <v>223884</v>
      </c>
    </row>
    <row r="67259" spans="1:10" x14ac:dyDescent="0.35">
      <c r="A67259" s="1" t="s">
        <v>143088</v>
      </c>
      <c r="B67259" s="1" t="s">
        <v>222693</v>
      </c>
      <c r="C67259" s="1" t="s">
        <v>25</v>
      </c>
      <c r="D67259" s="1" t="s">
        <v>223885</v>
      </c>
      <c r="E67259" s="1" t="s">
        <v>223886</v>
      </c>
      <c r="F67259" s="1" t="s">
        <v>223887</v>
      </c>
      <c r="G67259" s="1" t="s">
        <v>223876</v>
      </c>
      <c r="H67259" s="1" t="s">
        <v>223877</v>
      </c>
      <c r="I67259" s="1" t="s">
        <v>222698</v>
      </c>
      <c r="J67259" s="1" t="s">
        <v>223888</v>
      </c>
    </row>
    <row r="67260" spans="1:10" x14ac:dyDescent="0.35">
      <c r="A67260" s="1" t="s">
        <v>143088</v>
      </c>
      <c r="B67260" s="1" t="s">
        <v>222693</v>
      </c>
      <c r="C67260" s="1" t="s">
        <v>30</v>
      </c>
      <c r="D67260" s="1" t="s">
        <v>223889</v>
      </c>
      <c r="E67260" s="1" t="s">
        <v>223890</v>
      </c>
      <c r="F67260" s="1" t="s">
        <v>223891</v>
      </c>
      <c r="G67260" s="1" t="s">
        <v>223876</v>
      </c>
      <c r="H67260" s="1" t="s">
        <v>223877</v>
      </c>
      <c r="I67260" s="1" t="s">
        <v>222698</v>
      </c>
      <c r="J67260" s="1" t="s">
        <v>223892</v>
      </c>
    </row>
    <row r="67261" spans="1:10" x14ac:dyDescent="0.35">
      <c r="A67261" s="1" t="s">
        <v>143088</v>
      </c>
      <c r="B67261" s="1" t="s">
        <v>222693</v>
      </c>
      <c r="C67261" s="1" t="s">
        <v>35</v>
      </c>
      <c r="D67261" s="1" t="s">
        <v>223893</v>
      </c>
      <c r="E67261" s="1" t="s">
        <v>223894</v>
      </c>
      <c r="F67261" s="1" t="s">
        <v>223895</v>
      </c>
      <c r="G67261" s="1" t="s">
        <v>223876</v>
      </c>
      <c r="H67261" s="1" t="s">
        <v>223877</v>
      </c>
      <c r="I67261" s="1" t="s">
        <v>222698</v>
      </c>
      <c r="J67261" s="1" t="s">
        <v>223896</v>
      </c>
    </row>
    <row r="67262" spans="1:10" x14ac:dyDescent="0.35">
      <c r="A67262" s="1" t="s">
        <v>143088</v>
      </c>
      <c r="B67262" s="1" t="s">
        <v>222693</v>
      </c>
      <c r="C67262" s="1" t="s">
        <v>40</v>
      </c>
      <c r="D67262" s="1" t="s">
        <v>223897</v>
      </c>
      <c r="E67262" s="1" t="s">
        <v>223898</v>
      </c>
      <c r="F67262" s="1" t="s">
        <v>223899</v>
      </c>
      <c r="G67262" s="1" t="s">
        <v>223876</v>
      </c>
      <c r="H67262" s="1" t="s">
        <v>223877</v>
      </c>
      <c r="I67262" s="1" t="s">
        <v>222698</v>
      </c>
      <c r="J67262" s="1" t="s">
        <v>223900</v>
      </c>
    </row>
    <row r="67263" spans="1:10" x14ac:dyDescent="0.35">
      <c r="A67263" s="1" t="s">
        <v>143088</v>
      </c>
      <c r="B67263" s="1" t="s">
        <v>222693</v>
      </c>
      <c r="C67263" s="1" t="s">
        <v>45</v>
      </c>
      <c r="D67263" s="1" t="s">
        <v>223901</v>
      </c>
      <c r="E67263" s="1" t="s">
        <v>223902</v>
      </c>
      <c r="F67263" s="1" t="s">
        <v>223903</v>
      </c>
      <c r="G67263" s="1" t="s">
        <v>223876</v>
      </c>
      <c r="H67263" s="1" t="s">
        <v>223877</v>
      </c>
      <c r="I67263" s="1" t="s">
        <v>222698</v>
      </c>
      <c r="J67263" s="1" t="s">
        <v>223904</v>
      </c>
    </row>
    <row r="67264" spans="1:10" x14ac:dyDescent="0.35">
      <c r="A67264" s="1" t="s">
        <v>143088</v>
      </c>
      <c r="B67264" s="1" t="s">
        <v>222693</v>
      </c>
      <c r="C67264" s="1" t="s">
        <v>50</v>
      </c>
      <c r="D67264" s="1" t="s">
        <v>223905</v>
      </c>
      <c r="E67264" s="1" t="s">
        <v>223906</v>
      </c>
      <c r="F67264" s="1" t="s">
        <v>223907</v>
      </c>
      <c r="G67264" s="1" t="s">
        <v>223876</v>
      </c>
      <c r="H67264" s="1" t="s">
        <v>223877</v>
      </c>
      <c r="I67264" s="1" t="s">
        <v>222698</v>
      </c>
      <c r="J67264" s="1" t="s">
        <v>223908</v>
      </c>
    </row>
    <row r="67265" spans="1:10" x14ac:dyDescent="0.35">
      <c r="A67265" s="1" t="s">
        <v>143088</v>
      </c>
      <c r="B67265" s="1" t="s">
        <v>222693</v>
      </c>
      <c r="C67265" s="1" t="s">
        <v>55</v>
      </c>
      <c r="D67265" s="1" t="s">
        <v>223909</v>
      </c>
      <c r="E67265" s="1" t="s">
        <v>223910</v>
      </c>
      <c r="F67265" s="1" t="s">
        <v>223911</v>
      </c>
      <c r="G67265" s="1" t="s">
        <v>223876</v>
      </c>
      <c r="H67265" s="1" t="s">
        <v>223877</v>
      </c>
      <c r="I67265" s="1" t="s">
        <v>222698</v>
      </c>
      <c r="J67265" s="1" t="s">
        <v>223912</v>
      </c>
    </row>
    <row r="67266" spans="1:10" x14ac:dyDescent="0.35">
      <c r="A67266" s="1" t="s">
        <v>143088</v>
      </c>
      <c r="B67266" s="1" t="s">
        <v>222693</v>
      </c>
      <c r="C67266" s="1" t="s">
        <v>60</v>
      </c>
      <c r="D67266" s="1" t="s">
        <v>223913</v>
      </c>
      <c r="E67266" s="1" t="s">
        <v>223914</v>
      </c>
      <c r="F67266" s="1" t="s">
        <v>223915</v>
      </c>
      <c r="G67266" s="1" t="s">
        <v>223876</v>
      </c>
      <c r="H67266" s="1" t="s">
        <v>223877</v>
      </c>
      <c r="I67266" s="1" t="s">
        <v>222698</v>
      </c>
      <c r="J67266" s="1" t="s">
        <v>223916</v>
      </c>
    </row>
    <row r="67267" spans="1:10" x14ac:dyDescent="0.35">
      <c r="A67267" s="1" t="s">
        <v>143088</v>
      </c>
      <c r="B67267" s="1" t="s">
        <v>222693</v>
      </c>
      <c r="C67267" s="1" t="s">
        <v>65</v>
      </c>
      <c r="D67267" s="1" t="s">
        <v>223917</v>
      </c>
      <c r="E67267" s="1" t="s">
        <v>223918</v>
      </c>
      <c r="F67267" s="1" t="s">
        <v>223919</v>
      </c>
      <c r="G67267" s="1" t="s">
        <v>223876</v>
      </c>
      <c r="H67267" s="1" t="s">
        <v>223877</v>
      </c>
      <c r="I67267" s="1" t="s">
        <v>222698</v>
      </c>
      <c r="J67267" s="1" t="s">
        <v>223920</v>
      </c>
    </row>
    <row r="67268" spans="1:10" x14ac:dyDescent="0.35">
      <c r="A67268" s="1" t="s">
        <v>143088</v>
      </c>
      <c r="B67268" s="1" t="s">
        <v>222693</v>
      </c>
      <c r="C67268" s="1" t="s">
        <v>70</v>
      </c>
      <c r="D67268" s="1" t="s">
        <v>223921</v>
      </c>
      <c r="E67268" s="1" t="s">
        <v>223922</v>
      </c>
      <c r="F67268" s="1" t="s">
        <v>223923</v>
      </c>
      <c r="G67268" s="1" t="s">
        <v>223876</v>
      </c>
      <c r="H67268" s="1" t="s">
        <v>223877</v>
      </c>
      <c r="I67268" s="1" t="s">
        <v>222698</v>
      </c>
      <c r="J67268" s="1" t="s">
        <v>223924</v>
      </c>
    </row>
    <row r="67269" spans="1:10" x14ac:dyDescent="0.35">
      <c r="A67269" s="1" t="s">
        <v>143088</v>
      </c>
      <c r="B67269" s="1" t="s">
        <v>222693</v>
      </c>
      <c r="C67269" s="1" t="s">
        <v>75</v>
      </c>
      <c r="D67269" s="1" t="s">
        <v>223925</v>
      </c>
      <c r="E67269" s="1" t="s">
        <v>223926</v>
      </c>
      <c r="F67269" s="1" t="s">
        <v>223927</v>
      </c>
      <c r="G67269" s="1" t="s">
        <v>223876</v>
      </c>
      <c r="H67269" s="1" t="s">
        <v>223877</v>
      </c>
      <c r="I67269" s="1" t="s">
        <v>222698</v>
      </c>
      <c r="J67269" s="1" t="s">
        <v>223928</v>
      </c>
    </row>
    <row r="67270" spans="1:10" x14ac:dyDescent="0.35">
      <c r="A67270" s="1" t="s">
        <v>143088</v>
      </c>
      <c r="B67270" s="1" t="s">
        <v>222693</v>
      </c>
      <c r="C67270" s="1" t="s">
        <v>80</v>
      </c>
      <c r="D67270" s="1" t="s">
        <v>223929</v>
      </c>
      <c r="E67270" s="1" t="s">
        <v>223930</v>
      </c>
      <c r="F67270" s="1" t="s">
        <v>223931</v>
      </c>
      <c r="G67270" s="1" t="s">
        <v>223876</v>
      </c>
      <c r="H67270" s="1" t="s">
        <v>223877</v>
      </c>
      <c r="I67270" s="1" t="s">
        <v>222698</v>
      </c>
      <c r="J67270" s="1" t="s">
        <v>223932</v>
      </c>
    </row>
    <row r="67271" spans="1:10" x14ac:dyDescent="0.35">
      <c r="A67271" s="1" t="s">
        <v>143088</v>
      </c>
      <c r="B67271" s="1" t="s">
        <v>222693</v>
      </c>
      <c r="C67271" s="1" t="s">
        <v>85</v>
      </c>
      <c r="D67271" s="1" t="s">
        <v>164678</v>
      </c>
      <c r="E67271" s="1" t="s">
        <v>223933</v>
      </c>
      <c r="F67271" s="1" t="s">
        <v>223934</v>
      </c>
      <c r="G67271" s="1" t="s">
        <v>223876</v>
      </c>
      <c r="H67271" s="1" t="s">
        <v>223877</v>
      </c>
      <c r="I67271" s="1" t="s">
        <v>222698</v>
      </c>
      <c r="J67271" s="1" t="s">
        <v>223935</v>
      </c>
    </row>
    <row r="67272" spans="1:10" x14ac:dyDescent="0.35">
      <c r="A67272" s="1" t="s">
        <v>143088</v>
      </c>
      <c r="B67272" s="1" t="s">
        <v>222693</v>
      </c>
      <c r="C67272" s="1" t="s">
        <v>90</v>
      </c>
      <c r="D67272" s="1" t="s">
        <v>223936</v>
      </c>
      <c r="E67272" s="1" t="s">
        <v>223937</v>
      </c>
      <c r="F67272" s="1" t="s">
        <v>223938</v>
      </c>
      <c r="G67272" s="1" t="s">
        <v>223876</v>
      </c>
      <c r="H67272" s="1" t="s">
        <v>223877</v>
      </c>
      <c r="I67272" s="1" t="s">
        <v>222698</v>
      </c>
      <c r="J67272" s="1" t="s">
        <v>223939</v>
      </c>
    </row>
    <row r="67273" spans="1:10" x14ac:dyDescent="0.35">
      <c r="A67273" s="1" t="s">
        <v>143088</v>
      </c>
      <c r="B67273" s="1" t="s">
        <v>222693</v>
      </c>
      <c r="C67273" s="1" t="s">
        <v>95</v>
      </c>
      <c r="D67273" s="1" t="s">
        <v>223940</v>
      </c>
      <c r="E67273" s="1" t="s">
        <v>223941</v>
      </c>
      <c r="F67273" s="1" t="s">
        <v>223942</v>
      </c>
      <c r="G67273" s="1" t="s">
        <v>223876</v>
      </c>
      <c r="H67273" s="1" t="s">
        <v>223877</v>
      </c>
      <c r="I67273" s="1" t="s">
        <v>222698</v>
      </c>
      <c r="J67273" s="1" t="s">
        <v>223943</v>
      </c>
    </row>
    <row r="67274" spans="1:10" x14ac:dyDescent="0.35">
      <c r="A67274" s="1" t="s">
        <v>143088</v>
      </c>
      <c r="B67274" s="1" t="s">
        <v>222693</v>
      </c>
      <c r="C67274" s="1" t="s">
        <v>100</v>
      </c>
      <c r="D67274" s="1" t="s">
        <v>223944</v>
      </c>
      <c r="E67274" s="1" t="s">
        <v>223945</v>
      </c>
      <c r="F67274" s="1" t="s">
        <v>223946</v>
      </c>
      <c r="G67274" s="1" t="s">
        <v>223876</v>
      </c>
      <c r="H67274" s="1" t="s">
        <v>223877</v>
      </c>
      <c r="I67274" s="1" t="s">
        <v>222698</v>
      </c>
      <c r="J67274" s="1" t="s">
        <v>223947</v>
      </c>
    </row>
    <row r="67275" spans="1:10" x14ac:dyDescent="0.35">
      <c r="A67275" s="1" t="s">
        <v>143088</v>
      </c>
      <c r="B67275" s="1" t="s">
        <v>222693</v>
      </c>
      <c r="C67275" s="1" t="s">
        <v>105</v>
      </c>
      <c r="D67275" s="1" t="s">
        <v>223948</v>
      </c>
      <c r="E67275" s="1" t="s">
        <v>223949</v>
      </c>
      <c r="F67275" s="1" t="s">
        <v>223950</v>
      </c>
      <c r="G67275" s="1" t="s">
        <v>223876</v>
      </c>
      <c r="H67275" s="1" t="s">
        <v>223877</v>
      </c>
      <c r="I67275" s="1" t="s">
        <v>222698</v>
      </c>
      <c r="J67275" s="1" t="s">
        <v>223951</v>
      </c>
    </row>
    <row r="67276" spans="1:10" x14ac:dyDescent="0.35">
      <c r="A67276" s="1" t="s">
        <v>143088</v>
      </c>
      <c r="B67276" s="1" t="s">
        <v>222693</v>
      </c>
      <c r="C67276" s="1" t="s">
        <v>110</v>
      </c>
      <c r="D67276" s="1" t="s">
        <v>68288</v>
      </c>
      <c r="E67276" s="1" t="s">
        <v>223952</v>
      </c>
      <c r="F67276" s="1" t="s">
        <v>223953</v>
      </c>
      <c r="G67276" s="1" t="s">
        <v>223876</v>
      </c>
      <c r="H67276" s="1" t="s">
        <v>223877</v>
      </c>
      <c r="I67276" s="1" t="s">
        <v>222698</v>
      </c>
      <c r="J67276" s="1" t="s">
        <v>223954</v>
      </c>
    </row>
    <row r="67277" spans="1:10" x14ac:dyDescent="0.35">
      <c r="A67277" s="1" t="s">
        <v>143088</v>
      </c>
      <c r="B67277" s="1" t="s">
        <v>222693</v>
      </c>
      <c r="C67277" s="1" t="s">
        <v>115</v>
      </c>
      <c r="D67277" s="1" t="s">
        <v>223955</v>
      </c>
      <c r="E67277" s="1" t="s">
        <v>76739</v>
      </c>
      <c r="F67277" s="1" t="s">
        <v>223956</v>
      </c>
      <c r="G67277" s="1" t="s">
        <v>223876</v>
      </c>
      <c r="H67277" s="1" t="s">
        <v>223877</v>
      </c>
      <c r="I67277" s="1" t="s">
        <v>222698</v>
      </c>
      <c r="J67277" s="1" t="s">
        <v>223957</v>
      </c>
    </row>
    <row r="67278" spans="1:10" x14ac:dyDescent="0.35">
      <c r="A67278" s="1" t="s">
        <v>143088</v>
      </c>
      <c r="B67278" s="1" t="s">
        <v>222693</v>
      </c>
      <c r="C67278" s="1" t="s">
        <v>120</v>
      </c>
      <c r="D67278" s="1" t="s">
        <v>223958</v>
      </c>
      <c r="E67278" s="1" t="s">
        <v>223959</v>
      </c>
      <c r="F67278" s="1" t="s">
        <v>11825</v>
      </c>
      <c r="G67278" s="1" t="s">
        <v>223876</v>
      </c>
      <c r="H67278" s="1" t="s">
        <v>223877</v>
      </c>
      <c r="I67278" s="1" t="s">
        <v>222698</v>
      </c>
      <c r="J67278" s="1" t="s">
        <v>223960</v>
      </c>
    </row>
    <row r="67279" spans="1:10" x14ac:dyDescent="0.35">
      <c r="A67279" s="1" t="s">
        <v>143088</v>
      </c>
      <c r="B67279" s="1" t="s">
        <v>222693</v>
      </c>
      <c r="C67279" s="1" t="s">
        <v>125</v>
      </c>
      <c r="D67279" s="1" t="s">
        <v>223961</v>
      </c>
      <c r="E67279" s="1" t="s">
        <v>223962</v>
      </c>
      <c r="F67279" s="1" t="s">
        <v>223963</v>
      </c>
      <c r="G67279" s="1" t="s">
        <v>223876</v>
      </c>
      <c r="H67279" s="1" t="s">
        <v>223877</v>
      </c>
      <c r="I67279" s="1" t="s">
        <v>222698</v>
      </c>
      <c r="J67279" s="1" t="s">
        <v>223964</v>
      </c>
    </row>
    <row r="67280" spans="1:10" x14ac:dyDescent="0.35">
      <c r="A67280" s="1" t="s">
        <v>143088</v>
      </c>
      <c r="B67280" s="1" t="s">
        <v>222693</v>
      </c>
      <c r="C67280" s="1" t="s">
        <v>130</v>
      </c>
      <c r="D67280" s="1" t="s">
        <v>162563</v>
      </c>
      <c r="E67280" s="1" t="s">
        <v>223965</v>
      </c>
      <c r="F67280" s="1" t="s">
        <v>223966</v>
      </c>
      <c r="G67280" s="1" t="s">
        <v>223876</v>
      </c>
      <c r="H67280" s="1" t="s">
        <v>223877</v>
      </c>
      <c r="I67280" s="1" t="s">
        <v>222698</v>
      </c>
      <c r="J67280" s="1" t="s">
        <v>223967</v>
      </c>
    </row>
    <row r="67281" spans="1:10" x14ac:dyDescent="0.35">
      <c r="A67281" s="1" t="s">
        <v>143088</v>
      </c>
      <c r="B67281" s="1" t="s">
        <v>222693</v>
      </c>
      <c r="C67281" s="1" t="s">
        <v>135</v>
      </c>
      <c r="D67281" s="1" t="s">
        <v>223968</v>
      </c>
      <c r="E67281" s="1" t="s">
        <v>223969</v>
      </c>
      <c r="F67281" s="1" t="s">
        <v>223970</v>
      </c>
      <c r="G67281" s="1" t="s">
        <v>223876</v>
      </c>
      <c r="H67281" s="1" t="s">
        <v>223877</v>
      </c>
      <c r="I67281" s="1" t="s">
        <v>222698</v>
      </c>
      <c r="J67281" s="1" t="s">
        <v>223971</v>
      </c>
    </row>
    <row r="67282" spans="1:10" x14ac:dyDescent="0.35">
      <c r="A67282" s="1" t="s">
        <v>143088</v>
      </c>
      <c r="B67282" s="1" t="s">
        <v>222693</v>
      </c>
      <c r="C67282" s="1" t="s">
        <v>140</v>
      </c>
      <c r="D67282" s="1" t="s">
        <v>55334</v>
      </c>
      <c r="E67282" s="1" t="s">
        <v>223972</v>
      </c>
      <c r="F67282" s="1" t="s">
        <v>223973</v>
      </c>
      <c r="G67282" s="1" t="s">
        <v>223876</v>
      </c>
      <c r="H67282" s="1" t="s">
        <v>223877</v>
      </c>
      <c r="I67282" s="1" t="s">
        <v>222698</v>
      </c>
      <c r="J67282" s="1" t="s">
        <v>223974</v>
      </c>
    </row>
    <row r="67283" spans="1:10" x14ac:dyDescent="0.35">
      <c r="A67283" s="1" t="s">
        <v>143088</v>
      </c>
      <c r="B67283" s="1" t="s">
        <v>222693</v>
      </c>
      <c r="C67283" s="1" t="s">
        <v>145</v>
      </c>
      <c r="D67283" s="1" t="s">
        <v>223975</v>
      </c>
      <c r="E67283" s="1" t="s">
        <v>223976</v>
      </c>
      <c r="F67283" s="1" t="s">
        <v>223977</v>
      </c>
      <c r="G67283" s="1" t="s">
        <v>223876</v>
      </c>
      <c r="H67283" s="1" t="s">
        <v>223877</v>
      </c>
      <c r="I67283" s="1" t="s">
        <v>222698</v>
      </c>
      <c r="J67283" s="1" t="s">
        <v>223978</v>
      </c>
    </row>
    <row r="67284" spans="1:10" x14ac:dyDescent="0.35">
      <c r="A67284" s="1" t="s">
        <v>143088</v>
      </c>
      <c r="B67284" s="1" t="s">
        <v>222693</v>
      </c>
      <c r="C67284" s="1" t="s">
        <v>150</v>
      </c>
      <c r="D67284" s="1" t="s">
        <v>164830</v>
      </c>
      <c r="E67284" s="1" t="s">
        <v>223979</v>
      </c>
      <c r="F67284" s="1" t="s">
        <v>223980</v>
      </c>
      <c r="G67284" s="1" t="s">
        <v>223876</v>
      </c>
      <c r="H67284" s="1" t="s">
        <v>223877</v>
      </c>
      <c r="I67284" s="1" t="s">
        <v>222698</v>
      </c>
      <c r="J67284" s="1" t="s">
        <v>223981</v>
      </c>
    </row>
    <row r="67285" spans="1:10" x14ac:dyDescent="0.35">
      <c r="A67285" s="1" t="s">
        <v>143088</v>
      </c>
      <c r="B67285" s="1" t="s">
        <v>222693</v>
      </c>
      <c r="C67285" s="1" t="s">
        <v>155</v>
      </c>
      <c r="D67285" s="1" t="s">
        <v>163302</v>
      </c>
      <c r="E67285" s="1" t="s">
        <v>223982</v>
      </c>
      <c r="F67285" s="1" t="s">
        <v>223983</v>
      </c>
      <c r="G67285" s="1" t="s">
        <v>223876</v>
      </c>
      <c r="H67285" s="1" t="s">
        <v>223877</v>
      </c>
      <c r="I67285" s="1" t="s">
        <v>222698</v>
      </c>
      <c r="J67285" s="1" t="s">
        <v>223984</v>
      </c>
    </row>
    <row r="67286" spans="1:10" x14ac:dyDescent="0.35">
      <c r="A67286" s="1" t="s">
        <v>143088</v>
      </c>
      <c r="B67286" s="1" t="s">
        <v>222693</v>
      </c>
      <c r="C67286" s="1" t="s">
        <v>160</v>
      </c>
      <c r="D67286" s="1" t="s">
        <v>11946</v>
      </c>
      <c r="E67286" s="1" t="s">
        <v>223985</v>
      </c>
      <c r="F67286" s="1" t="s">
        <v>223986</v>
      </c>
      <c r="G67286" s="1" t="s">
        <v>223876</v>
      </c>
      <c r="H67286" s="1" t="s">
        <v>223877</v>
      </c>
      <c r="I67286" s="1" t="s">
        <v>222698</v>
      </c>
      <c r="J67286" s="1" t="s">
        <v>223987</v>
      </c>
    </row>
    <row r="67287" spans="1:10" x14ac:dyDescent="0.35">
      <c r="A67287" s="1" t="s">
        <v>143088</v>
      </c>
      <c r="B67287" s="1" t="s">
        <v>222693</v>
      </c>
      <c r="C67287" s="1" t="s">
        <v>165</v>
      </c>
      <c r="D67287" s="1" t="s">
        <v>223988</v>
      </c>
      <c r="E67287" s="1" t="s">
        <v>223989</v>
      </c>
      <c r="F67287" s="1" t="s">
        <v>223990</v>
      </c>
      <c r="G67287" s="1" t="s">
        <v>223876</v>
      </c>
      <c r="H67287" s="1" t="s">
        <v>223877</v>
      </c>
      <c r="I67287" s="1" t="s">
        <v>222698</v>
      </c>
      <c r="J67287" s="1" t="s">
        <v>223991</v>
      </c>
    </row>
    <row r="67288" spans="1:10" x14ac:dyDescent="0.35">
      <c r="A67288" s="1" t="s">
        <v>143088</v>
      </c>
      <c r="B67288" s="1" t="s">
        <v>222693</v>
      </c>
      <c r="C67288" s="1" t="s">
        <v>170</v>
      </c>
      <c r="D67288" s="1" t="s">
        <v>223992</v>
      </c>
      <c r="E67288" s="1" t="s">
        <v>223993</v>
      </c>
      <c r="F67288" s="1" t="s">
        <v>223994</v>
      </c>
      <c r="G67288" s="1" t="s">
        <v>223876</v>
      </c>
      <c r="H67288" s="1" t="s">
        <v>223877</v>
      </c>
      <c r="I67288" s="1" t="s">
        <v>222698</v>
      </c>
      <c r="J67288" s="1" t="s">
        <v>223995</v>
      </c>
    </row>
    <row r="67289" spans="1:10" x14ac:dyDescent="0.35">
      <c r="A67289" s="1" t="s">
        <v>8046</v>
      </c>
      <c r="B67289" s="1" t="s">
        <v>222693</v>
      </c>
      <c r="C67289" s="1" t="s">
        <v>8</v>
      </c>
      <c r="D67289" s="1" t="s">
        <v>95164</v>
      </c>
      <c r="E67289" s="1" t="s">
        <v>223996</v>
      </c>
      <c r="F67289" s="1" t="s">
        <v>223997</v>
      </c>
      <c r="G67289" s="1" t="s">
        <v>223998</v>
      </c>
      <c r="H67289" s="1" t="s">
        <v>223999</v>
      </c>
      <c r="I67289" s="1" t="s">
        <v>222698</v>
      </c>
      <c r="J67289" s="1" t="s">
        <v>13</v>
      </c>
    </row>
    <row r="67290" spans="1:10" x14ac:dyDescent="0.35">
      <c r="A67290" s="1" t="s">
        <v>8046</v>
      </c>
      <c r="B67290" s="1" t="s">
        <v>222693</v>
      </c>
      <c r="C67290" s="1" t="s">
        <v>15</v>
      </c>
      <c r="D67290" s="1" t="s">
        <v>102984</v>
      </c>
      <c r="E67290" s="1" t="s">
        <v>224000</v>
      </c>
      <c r="F67290" s="1" t="s">
        <v>224001</v>
      </c>
      <c r="G67290" s="1" t="s">
        <v>223998</v>
      </c>
      <c r="H67290" s="1" t="s">
        <v>223999</v>
      </c>
      <c r="I67290" s="1" t="s">
        <v>222698</v>
      </c>
      <c r="J67290" s="1" t="s">
        <v>224002</v>
      </c>
    </row>
    <row r="67291" spans="1:10" x14ac:dyDescent="0.35">
      <c r="A67291" s="1" t="s">
        <v>8046</v>
      </c>
      <c r="B67291" s="1" t="s">
        <v>222693</v>
      </c>
      <c r="C67291" s="1" t="s">
        <v>20</v>
      </c>
      <c r="D67291" s="1" t="s">
        <v>224003</v>
      </c>
      <c r="E67291" s="1" t="s">
        <v>224004</v>
      </c>
      <c r="F67291" s="1" t="s">
        <v>224005</v>
      </c>
      <c r="G67291" s="1" t="s">
        <v>223998</v>
      </c>
      <c r="H67291" s="1" t="s">
        <v>223999</v>
      </c>
      <c r="I67291" s="1" t="s">
        <v>222698</v>
      </c>
      <c r="J67291" s="1" t="s">
        <v>224006</v>
      </c>
    </row>
    <row r="67292" spans="1:10" x14ac:dyDescent="0.35">
      <c r="A67292" s="1" t="s">
        <v>8046</v>
      </c>
      <c r="B67292" s="1" t="s">
        <v>222693</v>
      </c>
      <c r="C67292" s="1" t="s">
        <v>25</v>
      </c>
      <c r="D67292" s="1" t="s">
        <v>86332</v>
      </c>
      <c r="E67292" s="1" t="s">
        <v>224007</v>
      </c>
      <c r="F67292" s="1" t="s">
        <v>224008</v>
      </c>
      <c r="G67292" s="1" t="s">
        <v>223998</v>
      </c>
      <c r="H67292" s="1" t="s">
        <v>223999</v>
      </c>
      <c r="I67292" s="1" t="s">
        <v>222698</v>
      </c>
      <c r="J67292" s="1" t="s">
        <v>224009</v>
      </c>
    </row>
    <row r="67293" spans="1:10" x14ac:dyDescent="0.35">
      <c r="A67293" s="1" t="s">
        <v>8046</v>
      </c>
      <c r="B67293" s="1" t="s">
        <v>222693</v>
      </c>
      <c r="C67293" s="1" t="s">
        <v>30</v>
      </c>
      <c r="D67293" s="1" t="s">
        <v>93822</v>
      </c>
      <c r="E67293" s="1" t="s">
        <v>224010</v>
      </c>
      <c r="F67293" s="1" t="s">
        <v>224011</v>
      </c>
      <c r="G67293" s="1" t="s">
        <v>223998</v>
      </c>
      <c r="H67293" s="1" t="s">
        <v>223999</v>
      </c>
      <c r="I67293" s="1" t="s">
        <v>222698</v>
      </c>
      <c r="J67293" s="1" t="s">
        <v>224012</v>
      </c>
    </row>
    <row r="67294" spans="1:10" x14ac:dyDescent="0.35">
      <c r="A67294" s="1" t="s">
        <v>8046</v>
      </c>
      <c r="B67294" s="1" t="s">
        <v>222693</v>
      </c>
      <c r="C67294" s="1" t="s">
        <v>35</v>
      </c>
      <c r="D67294" s="1" t="s">
        <v>94175</v>
      </c>
      <c r="E67294" s="1" t="s">
        <v>224013</v>
      </c>
      <c r="F67294" s="1" t="s">
        <v>224014</v>
      </c>
      <c r="G67294" s="1" t="s">
        <v>223998</v>
      </c>
      <c r="H67294" s="1" t="s">
        <v>223999</v>
      </c>
      <c r="I67294" s="1" t="s">
        <v>222698</v>
      </c>
      <c r="J67294" s="1" t="s">
        <v>224015</v>
      </c>
    </row>
    <row r="67295" spans="1:10" x14ac:dyDescent="0.35">
      <c r="A67295" s="1" t="s">
        <v>8046</v>
      </c>
      <c r="B67295" s="1" t="s">
        <v>222693</v>
      </c>
      <c r="C67295" s="1" t="s">
        <v>40</v>
      </c>
      <c r="D67295" s="1" t="s">
        <v>4842</v>
      </c>
      <c r="E67295" s="1" t="s">
        <v>224016</v>
      </c>
      <c r="F67295" s="1" t="s">
        <v>224017</v>
      </c>
      <c r="G67295" s="1" t="s">
        <v>223998</v>
      </c>
      <c r="H67295" s="1" t="s">
        <v>223999</v>
      </c>
      <c r="I67295" s="1" t="s">
        <v>222698</v>
      </c>
      <c r="J67295" s="1" t="s">
        <v>224018</v>
      </c>
    </row>
    <row r="67296" spans="1:10" x14ac:dyDescent="0.35">
      <c r="A67296" s="1" t="s">
        <v>8046</v>
      </c>
      <c r="B67296" s="1" t="s">
        <v>222693</v>
      </c>
      <c r="C67296" s="1" t="s">
        <v>45</v>
      </c>
      <c r="D67296" s="1" t="s">
        <v>61550</v>
      </c>
      <c r="E67296" s="1" t="s">
        <v>224019</v>
      </c>
      <c r="F67296" s="1" t="s">
        <v>224020</v>
      </c>
      <c r="G67296" s="1" t="s">
        <v>223998</v>
      </c>
      <c r="H67296" s="1" t="s">
        <v>223999</v>
      </c>
      <c r="I67296" s="1" t="s">
        <v>222698</v>
      </c>
      <c r="J67296" s="1" t="s">
        <v>224021</v>
      </c>
    </row>
    <row r="67297" spans="1:10" x14ac:dyDescent="0.35">
      <c r="A67297" s="1" t="s">
        <v>8046</v>
      </c>
      <c r="B67297" s="1" t="s">
        <v>222693</v>
      </c>
      <c r="C67297" s="1" t="s">
        <v>50</v>
      </c>
      <c r="D67297" s="1" t="s">
        <v>199557</v>
      </c>
      <c r="E67297" s="1" t="s">
        <v>224022</v>
      </c>
      <c r="F67297" s="1" t="s">
        <v>224023</v>
      </c>
      <c r="G67297" s="1" t="s">
        <v>223998</v>
      </c>
      <c r="H67297" s="1" t="s">
        <v>223999</v>
      </c>
      <c r="I67297" s="1" t="s">
        <v>222698</v>
      </c>
      <c r="J67297" s="1" t="s">
        <v>224024</v>
      </c>
    </row>
    <row r="67298" spans="1:10" x14ac:dyDescent="0.35">
      <c r="A67298" s="1" t="s">
        <v>8046</v>
      </c>
      <c r="B67298" s="1" t="s">
        <v>222693</v>
      </c>
      <c r="C67298" s="1" t="s">
        <v>55</v>
      </c>
      <c r="D67298" s="1" t="s">
        <v>68980</v>
      </c>
      <c r="E67298" s="1" t="s">
        <v>224025</v>
      </c>
      <c r="F67298" s="1" t="s">
        <v>224026</v>
      </c>
      <c r="G67298" s="1" t="s">
        <v>223998</v>
      </c>
      <c r="H67298" s="1" t="s">
        <v>223999</v>
      </c>
      <c r="I67298" s="1" t="s">
        <v>222698</v>
      </c>
      <c r="J67298" s="1" t="s">
        <v>224027</v>
      </c>
    </row>
    <row r="67299" spans="1:10" x14ac:dyDescent="0.35">
      <c r="A67299" s="1" t="s">
        <v>8046</v>
      </c>
      <c r="B67299" s="1" t="s">
        <v>222693</v>
      </c>
      <c r="C67299" s="1" t="s">
        <v>60</v>
      </c>
      <c r="D67299" s="1" t="s">
        <v>21924</v>
      </c>
      <c r="E67299" s="1" t="s">
        <v>224028</v>
      </c>
      <c r="F67299" s="1" t="s">
        <v>224029</v>
      </c>
      <c r="G67299" s="1" t="s">
        <v>223998</v>
      </c>
      <c r="H67299" s="1" t="s">
        <v>223999</v>
      </c>
      <c r="I67299" s="1" t="s">
        <v>222698</v>
      </c>
      <c r="J67299" s="1" t="s">
        <v>224030</v>
      </c>
    </row>
    <row r="67300" spans="1:10" x14ac:dyDescent="0.35">
      <c r="A67300" s="1" t="s">
        <v>8046</v>
      </c>
      <c r="B67300" s="1" t="s">
        <v>222693</v>
      </c>
      <c r="C67300" s="1" t="s">
        <v>65</v>
      </c>
      <c r="D67300" s="1" t="s">
        <v>224031</v>
      </c>
      <c r="E67300" s="1" t="s">
        <v>224032</v>
      </c>
      <c r="F67300" s="1" t="s">
        <v>224033</v>
      </c>
      <c r="G67300" s="1" t="s">
        <v>223998</v>
      </c>
      <c r="H67300" s="1" t="s">
        <v>223999</v>
      </c>
      <c r="I67300" s="1" t="s">
        <v>222698</v>
      </c>
      <c r="J67300" s="1" t="s">
        <v>224034</v>
      </c>
    </row>
    <row r="67301" spans="1:10" x14ac:dyDescent="0.35">
      <c r="A67301" s="1" t="s">
        <v>8046</v>
      </c>
      <c r="B67301" s="1" t="s">
        <v>222693</v>
      </c>
      <c r="C67301" s="1" t="s">
        <v>70</v>
      </c>
      <c r="D67301" s="1" t="s">
        <v>81639</v>
      </c>
      <c r="E67301" s="1" t="s">
        <v>224035</v>
      </c>
      <c r="F67301" s="1" t="s">
        <v>224036</v>
      </c>
      <c r="G67301" s="1" t="s">
        <v>223998</v>
      </c>
      <c r="H67301" s="1" t="s">
        <v>223999</v>
      </c>
      <c r="I67301" s="1" t="s">
        <v>222698</v>
      </c>
      <c r="J67301" s="1" t="s">
        <v>224037</v>
      </c>
    </row>
    <row r="67302" spans="1:10" x14ac:dyDescent="0.35">
      <c r="A67302" s="1" t="s">
        <v>8046</v>
      </c>
      <c r="B67302" s="1" t="s">
        <v>222693</v>
      </c>
      <c r="C67302" s="1" t="s">
        <v>75</v>
      </c>
      <c r="D67302" s="1" t="s">
        <v>59576</v>
      </c>
      <c r="E67302" s="1" t="s">
        <v>224038</v>
      </c>
      <c r="F67302" s="1" t="s">
        <v>224039</v>
      </c>
      <c r="G67302" s="1" t="s">
        <v>223998</v>
      </c>
      <c r="H67302" s="1" t="s">
        <v>223999</v>
      </c>
      <c r="I67302" s="1" t="s">
        <v>222698</v>
      </c>
      <c r="J67302" s="1" t="s">
        <v>224040</v>
      </c>
    </row>
    <row r="67303" spans="1:10" x14ac:dyDescent="0.35">
      <c r="A67303" s="1" t="s">
        <v>8046</v>
      </c>
      <c r="B67303" s="1" t="s">
        <v>222693</v>
      </c>
      <c r="C67303" s="1" t="s">
        <v>80</v>
      </c>
      <c r="D67303" s="1" t="s">
        <v>224041</v>
      </c>
      <c r="E67303" s="1" t="s">
        <v>224042</v>
      </c>
      <c r="F67303" s="1" t="s">
        <v>224043</v>
      </c>
      <c r="G67303" s="1" t="s">
        <v>223998</v>
      </c>
      <c r="H67303" s="1" t="s">
        <v>223999</v>
      </c>
      <c r="I67303" s="1" t="s">
        <v>222698</v>
      </c>
      <c r="J67303" s="1" t="s">
        <v>224044</v>
      </c>
    </row>
    <row r="67304" spans="1:10" x14ac:dyDescent="0.35">
      <c r="A67304" s="1" t="s">
        <v>8046</v>
      </c>
      <c r="B67304" s="1" t="s">
        <v>222693</v>
      </c>
      <c r="C67304" s="1" t="s">
        <v>85</v>
      </c>
      <c r="D67304" s="1" t="s">
        <v>162707</v>
      </c>
      <c r="E67304" s="1" t="s">
        <v>224045</v>
      </c>
      <c r="F67304" s="1" t="s">
        <v>224046</v>
      </c>
      <c r="G67304" s="1" t="s">
        <v>223998</v>
      </c>
      <c r="H67304" s="1" t="s">
        <v>223999</v>
      </c>
      <c r="I67304" s="1" t="s">
        <v>222698</v>
      </c>
      <c r="J67304" s="1" t="s">
        <v>224047</v>
      </c>
    </row>
    <row r="67305" spans="1:10" x14ac:dyDescent="0.35">
      <c r="A67305" s="1" t="s">
        <v>8046</v>
      </c>
      <c r="B67305" s="1" t="s">
        <v>222693</v>
      </c>
      <c r="C67305" s="1" t="s">
        <v>90</v>
      </c>
      <c r="D67305" s="1" t="s">
        <v>224048</v>
      </c>
      <c r="E67305" s="1" t="s">
        <v>224049</v>
      </c>
      <c r="F67305" s="1" t="s">
        <v>224050</v>
      </c>
      <c r="G67305" s="1" t="s">
        <v>223998</v>
      </c>
      <c r="H67305" s="1" t="s">
        <v>223999</v>
      </c>
      <c r="I67305" s="1" t="s">
        <v>222698</v>
      </c>
      <c r="J67305" s="1" t="s">
        <v>224051</v>
      </c>
    </row>
    <row r="67306" spans="1:10" x14ac:dyDescent="0.35">
      <c r="A67306" s="1" t="s">
        <v>8046</v>
      </c>
      <c r="B67306" s="1" t="s">
        <v>222693</v>
      </c>
      <c r="C67306" s="1" t="s">
        <v>95</v>
      </c>
      <c r="D67306" s="1" t="s">
        <v>67659</v>
      </c>
      <c r="E67306" s="1" t="s">
        <v>224052</v>
      </c>
      <c r="F67306" s="1" t="s">
        <v>224053</v>
      </c>
      <c r="G67306" s="1" t="s">
        <v>223998</v>
      </c>
      <c r="H67306" s="1" t="s">
        <v>223999</v>
      </c>
      <c r="I67306" s="1" t="s">
        <v>222698</v>
      </c>
      <c r="J67306" s="1" t="s">
        <v>224054</v>
      </c>
    </row>
    <row r="67307" spans="1:10" x14ac:dyDescent="0.35">
      <c r="A67307" s="1" t="s">
        <v>8046</v>
      </c>
      <c r="B67307" s="1" t="s">
        <v>222693</v>
      </c>
      <c r="C67307" s="1" t="s">
        <v>100</v>
      </c>
      <c r="D67307" s="1" t="s">
        <v>224055</v>
      </c>
      <c r="E67307" s="1" t="s">
        <v>224056</v>
      </c>
      <c r="F67307" s="1" t="s">
        <v>224057</v>
      </c>
      <c r="G67307" s="1" t="s">
        <v>223998</v>
      </c>
      <c r="H67307" s="1" t="s">
        <v>223999</v>
      </c>
      <c r="I67307" s="1" t="s">
        <v>222698</v>
      </c>
      <c r="J67307" s="1" t="s">
        <v>224058</v>
      </c>
    </row>
    <row r="67308" spans="1:10" x14ac:dyDescent="0.35">
      <c r="A67308" s="1" t="s">
        <v>8046</v>
      </c>
      <c r="B67308" s="1" t="s">
        <v>222693</v>
      </c>
      <c r="C67308" s="1" t="s">
        <v>105</v>
      </c>
      <c r="D67308" s="1" t="s">
        <v>57840</v>
      </c>
      <c r="E67308" s="1" t="s">
        <v>224059</v>
      </c>
      <c r="F67308" s="1" t="s">
        <v>224060</v>
      </c>
      <c r="G67308" s="1" t="s">
        <v>223998</v>
      </c>
      <c r="H67308" s="1" t="s">
        <v>223999</v>
      </c>
      <c r="I67308" s="1" t="s">
        <v>222698</v>
      </c>
      <c r="J67308" s="1" t="s">
        <v>224061</v>
      </c>
    </row>
    <row r="67309" spans="1:10" x14ac:dyDescent="0.35">
      <c r="A67309" s="1" t="s">
        <v>8046</v>
      </c>
      <c r="B67309" s="1" t="s">
        <v>222693</v>
      </c>
      <c r="C67309" s="1" t="s">
        <v>110</v>
      </c>
      <c r="D67309" s="1" t="s">
        <v>199879</v>
      </c>
      <c r="E67309" s="1" t="s">
        <v>224062</v>
      </c>
      <c r="F67309" s="1" t="s">
        <v>224063</v>
      </c>
      <c r="G67309" s="1" t="s">
        <v>223998</v>
      </c>
      <c r="H67309" s="1" t="s">
        <v>223999</v>
      </c>
      <c r="I67309" s="1" t="s">
        <v>222698</v>
      </c>
      <c r="J67309" s="1" t="s">
        <v>224064</v>
      </c>
    </row>
    <row r="67310" spans="1:10" x14ac:dyDescent="0.35">
      <c r="A67310" s="1" t="s">
        <v>8046</v>
      </c>
      <c r="B67310" s="1" t="s">
        <v>222693</v>
      </c>
      <c r="C67310" s="1" t="s">
        <v>115</v>
      </c>
      <c r="D67310" s="1" t="s">
        <v>224065</v>
      </c>
      <c r="E67310" s="1" t="s">
        <v>224066</v>
      </c>
      <c r="F67310" s="1" t="s">
        <v>224067</v>
      </c>
      <c r="G67310" s="1" t="s">
        <v>223998</v>
      </c>
      <c r="H67310" s="1" t="s">
        <v>223999</v>
      </c>
      <c r="I67310" s="1" t="s">
        <v>222698</v>
      </c>
      <c r="J67310" s="1" t="s">
        <v>224068</v>
      </c>
    </row>
    <row r="67311" spans="1:10" x14ac:dyDescent="0.35">
      <c r="A67311" s="1" t="s">
        <v>8046</v>
      </c>
      <c r="B67311" s="1" t="s">
        <v>222693</v>
      </c>
      <c r="C67311" s="1" t="s">
        <v>120</v>
      </c>
      <c r="D67311" s="1" t="s">
        <v>66931</v>
      </c>
      <c r="E67311" s="1" t="s">
        <v>224069</v>
      </c>
      <c r="F67311" s="1" t="s">
        <v>224070</v>
      </c>
      <c r="G67311" s="1" t="s">
        <v>223998</v>
      </c>
      <c r="H67311" s="1" t="s">
        <v>223999</v>
      </c>
      <c r="I67311" s="1" t="s">
        <v>222698</v>
      </c>
      <c r="J67311" s="1" t="s">
        <v>224071</v>
      </c>
    </row>
    <row r="67312" spans="1:10" x14ac:dyDescent="0.35">
      <c r="A67312" s="1" t="s">
        <v>8046</v>
      </c>
      <c r="B67312" s="1" t="s">
        <v>222693</v>
      </c>
      <c r="C67312" s="1" t="s">
        <v>125</v>
      </c>
      <c r="D67312" s="1" t="s">
        <v>58906</v>
      </c>
      <c r="E67312" s="1" t="s">
        <v>224072</v>
      </c>
      <c r="F67312" s="1" t="s">
        <v>224073</v>
      </c>
      <c r="G67312" s="1" t="s">
        <v>223998</v>
      </c>
      <c r="H67312" s="1" t="s">
        <v>223999</v>
      </c>
      <c r="I67312" s="1" t="s">
        <v>222698</v>
      </c>
      <c r="J67312" s="1" t="s">
        <v>224074</v>
      </c>
    </row>
    <row r="67313" spans="1:10" x14ac:dyDescent="0.35">
      <c r="A67313" s="1" t="s">
        <v>8046</v>
      </c>
      <c r="B67313" s="1" t="s">
        <v>222693</v>
      </c>
      <c r="C67313" s="1" t="s">
        <v>130</v>
      </c>
      <c r="D67313" s="1" t="s">
        <v>162720</v>
      </c>
      <c r="E67313" s="1" t="s">
        <v>224075</v>
      </c>
      <c r="F67313" s="1" t="s">
        <v>224076</v>
      </c>
      <c r="G67313" s="1" t="s">
        <v>223998</v>
      </c>
      <c r="H67313" s="1" t="s">
        <v>223999</v>
      </c>
      <c r="I67313" s="1" t="s">
        <v>222698</v>
      </c>
      <c r="J67313" s="1" t="s">
        <v>224077</v>
      </c>
    </row>
    <row r="67314" spans="1:10" x14ac:dyDescent="0.35">
      <c r="A67314" s="1" t="s">
        <v>8046</v>
      </c>
      <c r="B67314" s="1" t="s">
        <v>222693</v>
      </c>
      <c r="C67314" s="1" t="s">
        <v>135</v>
      </c>
      <c r="D67314" s="1" t="s">
        <v>224078</v>
      </c>
      <c r="E67314" s="1" t="s">
        <v>224079</v>
      </c>
      <c r="F67314" s="1" t="s">
        <v>224080</v>
      </c>
      <c r="G67314" s="1" t="s">
        <v>223998</v>
      </c>
      <c r="H67314" s="1" t="s">
        <v>223999</v>
      </c>
      <c r="I67314" s="1" t="s">
        <v>222698</v>
      </c>
      <c r="J67314" s="1" t="s">
        <v>224081</v>
      </c>
    </row>
    <row r="67315" spans="1:10" x14ac:dyDescent="0.35">
      <c r="A67315" s="1" t="s">
        <v>8046</v>
      </c>
      <c r="B67315" s="1" t="s">
        <v>222693</v>
      </c>
      <c r="C67315" s="1" t="s">
        <v>140</v>
      </c>
      <c r="D67315" s="1" t="s">
        <v>224082</v>
      </c>
      <c r="E67315" s="1" t="s">
        <v>224083</v>
      </c>
      <c r="F67315" s="1" t="s">
        <v>224084</v>
      </c>
      <c r="G67315" s="1" t="s">
        <v>223998</v>
      </c>
      <c r="H67315" s="1" t="s">
        <v>223999</v>
      </c>
      <c r="I67315" s="1" t="s">
        <v>222698</v>
      </c>
      <c r="J67315" s="1" t="s">
        <v>224085</v>
      </c>
    </row>
    <row r="67316" spans="1:10" x14ac:dyDescent="0.35">
      <c r="A67316" s="1" t="s">
        <v>8046</v>
      </c>
      <c r="B67316" s="1" t="s">
        <v>222693</v>
      </c>
      <c r="C67316" s="1" t="s">
        <v>145</v>
      </c>
      <c r="D67316" s="1" t="s">
        <v>224086</v>
      </c>
      <c r="E67316" s="1" t="s">
        <v>224087</v>
      </c>
      <c r="F67316" s="1" t="s">
        <v>224088</v>
      </c>
      <c r="G67316" s="1" t="s">
        <v>223998</v>
      </c>
      <c r="H67316" s="1" t="s">
        <v>223999</v>
      </c>
      <c r="I67316" s="1" t="s">
        <v>222698</v>
      </c>
      <c r="J67316" s="1" t="s">
        <v>224089</v>
      </c>
    </row>
    <row r="67317" spans="1:10" x14ac:dyDescent="0.35">
      <c r="A67317" s="1" t="s">
        <v>8046</v>
      </c>
      <c r="B67317" s="1" t="s">
        <v>222693</v>
      </c>
      <c r="C67317" s="1" t="s">
        <v>150</v>
      </c>
      <c r="D67317" s="1" t="s">
        <v>134762</v>
      </c>
      <c r="E67317" s="1" t="s">
        <v>224090</v>
      </c>
      <c r="F67317" s="1" t="s">
        <v>224091</v>
      </c>
      <c r="G67317" s="1" t="s">
        <v>223998</v>
      </c>
      <c r="H67317" s="1" t="s">
        <v>223999</v>
      </c>
      <c r="I67317" s="1" t="s">
        <v>222698</v>
      </c>
      <c r="J67317" s="1" t="s">
        <v>224092</v>
      </c>
    </row>
    <row r="67318" spans="1:10" x14ac:dyDescent="0.35">
      <c r="A67318" s="1" t="s">
        <v>8046</v>
      </c>
      <c r="B67318" s="1" t="s">
        <v>222693</v>
      </c>
      <c r="C67318" s="1" t="s">
        <v>155</v>
      </c>
      <c r="D67318" s="1" t="s">
        <v>76430</v>
      </c>
      <c r="E67318" s="1" t="s">
        <v>224093</v>
      </c>
      <c r="F67318" s="1" t="s">
        <v>224094</v>
      </c>
      <c r="G67318" s="1" t="s">
        <v>223998</v>
      </c>
      <c r="H67318" s="1" t="s">
        <v>223999</v>
      </c>
      <c r="I67318" s="1" t="s">
        <v>222698</v>
      </c>
      <c r="J67318" s="1" t="s">
        <v>224095</v>
      </c>
    </row>
    <row r="67319" spans="1:10" x14ac:dyDescent="0.35">
      <c r="A67319" s="1" t="s">
        <v>8046</v>
      </c>
      <c r="B67319" s="1" t="s">
        <v>222693</v>
      </c>
      <c r="C67319" s="1" t="s">
        <v>160</v>
      </c>
      <c r="D67319" s="1" t="s">
        <v>224096</v>
      </c>
      <c r="E67319" s="1" t="s">
        <v>224097</v>
      </c>
      <c r="F67319" s="1" t="s">
        <v>224098</v>
      </c>
      <c r="G67319" s="1" t="s">
        <v>223998</v>
      </c>
      <c r="H67319" s="1" t="s">
        <v>223999</v>
      </c>
      <c r="I67319" s="1" t="s">
        <v>222698</v>
      </c>
      <c r="J67319" s="1" t="s">
        <v>224099</v>
      </c>
    </row>
    <row r="67320" spans="1:10" x14ac:dyDescent="0.35">
      <c r="A67320" s="1" t="s">
        <v>8046</v>
      </c>
      <c r="B67320" s="1" t="s">
        <v>222693</v>
      </c>
      <c r="C67320" s="1" t="s">
        <v>165</v>
      </c>
      <c r="D67320" s="1" t="s">
        <v>224100</v>
      </c>
      <c r="E67320" s="1" t="s">
        <v>224101</v>
      </c>
      <c r="F67320" s="1" t="s">
        <v>224102</v>
      </c>
      <c r="G67320" s="1" t="s">
        <v>223998</v>
      </c>
      <c r="H67320" s="1" t="s">
        <v>223999</v>
      </c>
      <c r="I67320" s="1" t="s">
        <v>222698</v>
      </c>
      <c r="J67320" s="1" t="s">
        <v>224103</v>
      </c>
    </row>
    <row r="67321" spans="1:10" x14ac:dyDescent="0.35">
      <c r="A67321" s="1" t="s">
        <v>8046</v>
      </c>
      <c r="B67321" s="1" t="s">
        <v>222693</v>
      </c>
      <c r="C67321" s="1" t="s">
        <v>170</v>
      </c>
      <c r="D67321" s="1" t="s">
        <v>224104</v>
      </c>
      <c r="E67321" s="1" t="s">
        <v>224105</v>
      </c>
      <c r="F67321" s="1" t="s">
        <v>224106</v>
      </c>
      <c r="G67321" s="1" t="s">
        <v>223998</v>
      </c>
      <c r="H67321" s="1" t="s">
        <v>223999</v>
      </c>
      <c r="I67321" s="1" t="s">
        <v>222698</v>
      </c>
      <c r="J67321" s="1" t="s">
        <v>224107</v>
      </c>
    </row>
    <row r="67322" spans="1:10" x14ac:dyDescent="0.35">
      <c r="A67322" s="1" t="s">
        <v>4396</v>
      </c>
      <c r="B67322" s="1" t="s">
        <v>222693</v>
      </c>
      <c r="C67322" s="1" t="s">
        <v>8</v>
      </c>
      <c r="D67322" s="1" t="s">
        <v>40358</v>
      </c>
      <c r="E67322" s="1" t="s">
        <v>224108</v>
      </c>
      <c r="F67322" s="1" t="s">
        <v>224109</v>
      </c>
      <c r="G67322" s="1" t="s">
        <v>224110</v>
      </c>
      <c r="H67322" s="1" t="s">
        <v>224111</v>
      </c>
      <c r="I67322" s="1" t="s">
        <v>222698</v>
      </c>
      <c r="J67322" s="1" t="s">
        <v>13</v>
      </c>
    </row>
    <row r="67323" spans="1:10" x14ac:dyDescent="0.35">
      <c r="A67323" s="1" t="s">
        <v>4396</v>
      </c>
      <c r="B67323" s="1" t="s">
        <v>222693</v>
      </c>
      <c r="C67323" s="1" t="s">
        <v>15</v>
      </c>
      <c r="D67323" s="1" t="s">
        <v>224112</v>
      </c>
      <c r="E67323" s="1" t="s">
        <v>224113</v>
      </c>
      <c r="F67323" s="1" t="s">
        <v>224114</v>
      </c>
      <c r="G67323" s="1" t="s">
        <v>224110</v>
      </c>
      <c r="H67323" s="1" t="s">
        <v>224111</v>
      </c>
      <c r="I67323" s="1" t="s">
        <v>222698</v>
      </c>
      <c r="J67323" s="1" t="s">
        <v>224115</v>
      </c>
    </row>
    <row r="67324" spans="1:10" x14ac:dyDescent="0.35">
      <c r="A67324" s="1" t="s">
        <v>4396</v>
      </c>
      <c r="B67324" s="1" t="s">
        <v>222693</v>
      </c>
      <c r="C67324" s="1" t="s">
        <v>20</v>
      </c>
      <c r="D67324" s="1" t="s">
        <v>224116</v>
      </c>
      <c r="E67324" s="1" t="s">
        <v>224117</v>
      </c>
      <c r="F67324" s="1" t="s">
        <v>224118</v>
      </c>
      <c r="G67324" s="1" t="s">
        <v>224110</v>
      </c>
      <c r="H67324" s="1" t="s">
        <v>224111</v>
      </c>
      <c r="I67324" s="1" t="s">
        <v>222698</v>
      </c>
      <c r="J67324" s="1" t="s">
        <v>224119</v>
      </c>
    </row>
    <row r="67325" spans="1:10" x14ac:dyDescent="0.35">
      <c r="A67325" s="1" t="s">
        <v>4396</v>
      </c>
      <c r="B67325" s="1" t="s">
        <v>222693</v>
      </c>
      <c r="C67325" s="1" t="s">
        <v>25</v>
      </c>
      <c r="D67325" s="1" t="s">
        <v>102106</v>
      </c>
      <c r="E67325" s="1" t="s">
        <v>224120</v>
      </c>
      <c r="F67325" s="1" t="s">
        <v>224121</v>
      </c>
      <c r="G67325" s="1" t="s">
        <v>224110</v>
      </c>
      <c r="H67325" s="1" t="s">
        <v>224111</v>
      </c>
      <c r="I67325" s="1" t="s">
        <v>222698</v>
      </c>
      <c r="J67325" s="1" t="s">
        <v>224122</v>
      </c>
    </row>
    <row r="67326" spans="1:10" x14ac:dyDescent="0.35">
      <c r="A67326" s="1" t="s">
        <v>4396</v>
      </c>
      <c r="B67326" s="1" t="s">
        <v>222693</v>
      </c>
      <c r="C67326" s="1" t="s">
        <v>30</v>
      </c>
      <c r="D67326" s="1" t="s">
        <v>224123</v>
      </c>
      <c r="E67326" s="1" t="s">
        <v>224124</v>
      </c>
      <c r="F67326" s="1" t="s">
        <v>224125</v>
      </c>
      <c r="G67326" s="1" t="s">
        <v>224110</v>
      </c>
      <c r="H67326" s="1" t="s">
        <v>224111</v>
      </c>
      <c r="I67326" s="1" t="s">
        <v>222698</v>
      </c>
      <c r="J67326" s="1" t="s">
        <v>224126</v>
      </c>
    </row>
    <row r="67327" spans="1:10" x14ac:dyDescent="0.35">
      <c r="A67327" s="1" t="s">
        <v>4396</v>
      </c>
      <c r="B67327" s="1" t="s">
        <v>222693</v>
      </c>
      <c r="C67327" s="1" t="s">
        <v>35</v>
      </c>
      <c r="D67327" s="1" t="s">
        <v>224127</v>
      </c>
      <c r="E67327" s="1" t="s">
        <v>224128</v>
      </c>
      <c r="F67327" s="1" t="s">
        <v>224129</v>
      </c>
      <c r="G67327" s="1" t="s">
        <v>224110</v>
      </c>
      <c r="H67327" s="1" t="s">
        <v>224111</v>
      </c>
      <c r="I67327" s="1" t="s">
        <v>222698</v>
      </c>
      <c r="J67327" s="1" t="s">
        <v>224130</v>
      </c>
    </row>
    <row r="67328" spans="1:10" x14ac:dyDescent="0.35">
      <c r="A67328" s="1" t="s">
        <v>4396</v>
      </c>
      <c r="B67328" s="1" t="s">
        <v>222693</v>
      </c>
      <c r="C67328" s="1" t="s">
        <v>40</v>
      </c>
      <c r="D67328" s="1" t="s">
        <v>224131</v>
      </c>
      <c r="E67328" s="1" t="s">
        <v>224132</v>
      </c>
      <c r="F67328" s="1" t="s">
        <v>224133</v>
      </c>
      <c r="G67328" s="1" t="s">
        <v>224110</v>
      </c>
      <c r="H67328" s="1" t="s">
        <v>224111</v>
      </c>
      <c r="I67328" s="1" t="s">
        <v>222698</v>
      </c>
      <c r="J67328" s="1" t="s">
        <v>224134</v>
      </c>
    </row>
    <row r="67329" spans="1:10" x14ac:dyDescent="0.35">
      <c r="A67329" s="1" t="s">
        <v>4396</v>
      </c>
      <c r="B67329" s="1" t="s">
        <v>222693</v>
      </c>
      <c r="C67329" s="1" t="s">
        <v>45</v>
      </c>
      <c r="D67329" s="1" t="s">
        <v>224135</v>
      </c>
      <c r="E67329" s="1" t="s">
        <v>224136</v>
      </c>
      <c r="F67329" s="1" t="s">
        <v>224137</v>
      </c>
      <c r="G67329" s="1" t="s">
        <v>224110</v>
      </c>
      <c r="H67329" s="1" t="s">
        <v>224111</v>
      </c>
      <c r="I67329" s="1" t="s">
        <v>222698</v>
      </c>
      <c r="J67329" s="1" t="s">
        <v>224138</v>
      </c>
    </row>
    <row r="67330" spans="1:10" x14ac:dyDescent="0.35">
      <c r="A67330" s="1" t="s">
        <v>4396</v>
      </c>
      <c r="B67330" s="1" t="s">
        <v>222693</v>
      </c>
      <c r="C67330" s="1" t="s">
        <v>50</v>
      </c>
      <c r="D67330" s="1" t="s">
        <v>67709</v>
      </c>
      <c r="E67330" s="1" t="s">
        <v>224139</v>
      </c>
      <c r="F67330" s="1" t="s">
        <v>224140</v>
      </c>
      <c r="G67330" s="1" t="s">
        <v>224110</v>
      </c>
      <c r="H67330" s="1" t="s">
        <v>224111</v>
      </c>
      <c r="I67330" s="1" t="s">
        <v>222698</v>
      </c>
      <c r="J67330" s="1" t="s">
        <v>224141</v>
      </c>
    </row>
    <row r="67331" spans="1:10" x14ac:dyDescent="0.35">
      <c r="A67331" s="1" t="s">
        <v>4396</v>
      </c>
      <c r="B67331" s="1" t="s">
        <v>222693</v>
      </c>
      <c r="C67331" s="1" t="s">
        <v>55</v>
      </c>
      <c r="D67331" s="1" t="s">
        <v>79474</v>
      </c>
      <c r="E67331" s="1" t="s">
        <v>224142</v>
      </c>
      <c r="F67331" s="1" t="s">
        <v>224143</v>
      </c>
      <c r="G67331" s="1" t="s">
        <v>224110</v>
      </c>
      <c r="H67331" s="1" t="s">
        <v>224111</v>
      </c>
      <c r="I67331" s="1" t="s">
        <v>222698</v>
      </c>
      <c r="J67331" s="1" t="s">
        <v>224144</v>
      </c>
    </row>
    <row r="67332" spans="1:10" x14ac:dyDescent="0.35">
      <c r="A67332" s="1" t="s">
        <v>4396</v>
      </c>
      <c r="B67332" s="1" t="s">
        <v>222693</v>
      </c>
      <c r="C67332" s="1" t="s">
        <v>60</v>
      </c>
      <c r="D67332" s="1" t="s">
        <v>224145</v>
      </c>
      <c r="E67332" s="1" t="s">
        <v>224146</v>
      </c>
      <c r="F67332" s="1" t="s">
        <v>224147</v>
      </c>
      <c r="G67332" s="1" t="s">
        <v>224110</v>
      </c>
      <c r="H67332" s="1" t="s">
        <v>224111</v>
      </c>
      <c r="I67332" s="1" t="s">
        <v>222698</v>
      </c>
      <c r="J67332" s="1" t="s">
        <v>224148</v>
      </c>
    </row>
    <row r="67333" spans="1:10" x14ac:dyDescent="0.35">
      <c r="A67333" s="1" t="s">
        <v>4396</v>
      </c>
      <c r="B67333" s="1" t="s">
        <v>222693</v>
      </c>
      <c r="C67333" s="1" t="s">
        <v>65</v>
      </c>
      <c r="D67333" s="1" t="s">
        <v>224149</v>
      </c>
      <c r="E67333" s="1" t="s">
        <v>224150</v>
      </c>
      <c r="F67333" s="1" t="s">
        <v>224151</v>
      </c>
      <c r="G67333" s="1" t="s">
        <v>224110</v>
      </c>
      <c r="H67333" s="1" t="s">
        <v>224111</v>
      </c>
      <c r="I67333" s="1" t="s">
        <v>222698</v>
      </c>
      <c r="J67333" s="1" t="s">
        <v>224152</v>
      </c>
    </row>
    <row r="67334" spans="1:10" x14ac:dyDescent="0.35">
      <c r="A67334" s="1" t="s">
        <v>4396</v>
      </c>
      <c r="B67334" s="1" t="s">
        <v>222693</v>
      </c>
      <c r="C67334" s="1" t="s">
        <v>70</v>
      </c>
      <c r="D67334" s="1" t="s">
        <v>94835</v>
      </c>
      <c r="E67334" s="1" t="s">
        <v>224153</v>
      </c>
      <c r="F67334" s="1" t="s">
        <v>224154</v>
      </c>
      <c r="G67334" s="1" t="s">
        <v>224110</v>
      </c>
      <c r="H67334" s="1" t="s">
        <v>224111</v>
      </c>
      <c r="I67334" s="1" t="s">
        <v>222698</v>
      </c>
      <c r="J67334" s="1" t="s">
        <v>224155</v>
      </c>
    </row>
    <row r="67335" spans="1:10" x14ac:dyDescent="0.35">
      <c r="A67335" s="1" t="s">
        <v>4396</v>
      </c>
      <c r="B67335" s="1" t="s">
        <v>222693</v>
      </c>
      <c r="C67335" s="1" t="s">
        <v>75</v>
      </c>
      <c r="D67335" s="1" t="s">
        <v>164319</v>
      </c>
      <c r="E67335" s="1" t="s">
        <v>224156</v>
      </c>
      <c r="F67335" s="1" t="s">
        <v>224157</v>
      </c>
      <c r="G67335" s="1" t="s">
        <v>224110</v>
      </c>
      <c r="H67335" s="1" t="s">
        <v>224111</v>
      </c>
      <c r="I67335" s="1" t="s">
        <v>222698</v>
      </c>
      <c r="J67335" s="1" t="s">
        <v>224158</v>
      </c>
    </row>
    <row r="67336" spans="1:10" x14ac:dyDescent="0.35">
      <c r="A67336" s="1" t="s">
        <v>4396</v>
      </c>
      <c r="B67336" s="1" t="s">
        <v>222693</v>
      </c>
      <c r="C67336" s="1" t="s">
        <v>80</v>
      </c>
      <c r="D67336" s="1" t="s">
        <v>224159</v>
      </c>
      <c r="E67336" s="1" t="s">
        <v>224160</v>
      </c>
      <c r="F67336" s="1" t="s">
        <v>224161</v>
      </c>
      <c r="G67336" s="1" t="s">
        <v>224110</v>
      </c>
      <c r="H67336" s="1" t="s">
        <v>224111</v>
      </c>
      <c r="I67336" s="1" t="s">
        <v>222698</v>
      </c>
      <c r="J67336" s="1" t="s">
        <v>224162</v>
      </c>
    </row>
    <row r="67337" spans="1:10" x14ac:dyDescent="0.35">
      <c r="A67337" s="1" t="s">
        <v>4396</v>
      </c>
      <c r="B67337" s="1" t="s">
        <v>222693</v>
      </c>
      <c r="C67337" s="1" t="s">
        <v>85</v>
      </c>
      <c r="D67337" s="1" t="s">
        <v>224163</v>
      </c>
      <c r="E67337" s="1" t="s">
        <v>224164</v>
      </c>
      <c r="F67337" s="1" t="s">
        <v>224165</v>
      </c>
      <c r="G67337" s="1" t="s">
        <v>224110</v>
      </c>
      <c r="H67337" s="1" t="s">
        <v>224111</v>
      </c>
      <c r="I67337" s="1" t="s">
        <v>222698</v>
      </c>
      <c r="J67337" s="1" t="s">
        <v>224166</v>
      </c>
    </row>
    <row r="67338" spans="1:10" x14ac:dyDescent="0.35">
      <c r="A67338" s="1" t="s">
        <v>4396</v>
      </c>
      <c r="B67338" s="1" t="s">
        <v>222693</v>
      </c>
      <c r="C67338" s="1" t="s">
        <v>90</v>
      </c>
      <c r="D67338" s="1" t="s">
        <v>224167</v>
      </c>
      <c r="E67338" s="1" t="s">
        <v>224168</v>
      </c>
      <c r="F67338" s="1" t="s">
        <v>224169</v>
      </c>
      <c r="G67338" s="1" t="s">
        <v>224110</v>
      </c>
      <c r="H67338" s="1" t="s">
        <v>224111</v>
      </c>
      <c r="I67338" s="1" t="s">
        <v>222698</v>
      </c>
      <c r="J67338" s="1" t="s">
        <v>224170</v>
      </c>
    </row>
    <row r="67339" spans="1:10" x14ac:dyDescent="0.35">
      <c r="A67339" s="1" t="s">
        <v>4396</v>
      </c>
      <c r="B67339" s="1" t="s">
        <v>222693</v>
      </c>
      <c r="C67339" s="1" t="s">
        <v>95</v>
      </c>
      <c r="D67339" s="1" t="s">
        <v>224171</v>
      </c>
      <c r="E67339" s="1" t="s">
        <v>224172</v>
      </c>
      <c r="F67339" s="1" t="s">
        <v>224173</v>
      </c>
      <c r="G67339" s="1" t="s">
        <v>224110</v>
      </c>
      <c r="H67339" s="1" t="s">
        <v>224111</v>
      </c>
      <c r="I67339" s="1" t="s">
        <v>222698</v>
      </c>
      <c r="J67339" s="1" t="s">
        <v>224174</v>
      </c>
    </row>
    <row r="67340" spans="1:10" x14ac:dyDescent="0.35">
      <c r="A67340" s="1" t="s">
        <v>4396</v>
      </c>
      <c r="B67340" s="1" t="s">
        <v>222693</v>
      </c>
      <c r="C67340" s="1" t="s">
        <v>100</v>
      </c>
      <c r="D67340" s="1" t="s">
        <v>224175</v>
      </c>
      <c r="E67340" s="1" t="s">
        <v>224176</v>
      </c>
      <c r="F67340" s="1" t="s">
        <v>224177</v>
      </c>
      <c r="G67340" s="1" t="s">
        <v>224110</v>
      </c>
      <c r="H67340" s="1" t="s">
        <v>224111</v>
      </c>
      <c r="I67340" s="1" t="s">
        <v>222698</v>
      </c>
      <c r="J67340" s="1" t="s">
        <v>224178</v>
      </c>
    </row>
    <row r="67341" spans="1:10" x14ac:dyDescent="0.35">
      <c r="A67341" s="1" t="s">
        <v>4396</v>
      </c>
      <c r="B67341" s="1" t="s">
        <v>222693</v>
      </c>
      <c r="C67341" s="1" t="s">
        <v>105</v>
      </c>
      <c r="D67341" s="1" t="s">
        <v>224179</v>
      </c>
      <c r="E67341" s="1" t="s">
        <v>224180</v>
      </c>
      <c r="F67341" s="1" t="s">
        <v>224181</v>
      </c>
      <c r="G67341" s="1" t="s">
        <v>224110</v>
      </c>
      <c r="H67341" s="1" t="s">
        <v>224111</v>
      </c>
      <c r="I67341" s="1" t="s">
        <v>222698</v>
      </c>
      <c r="J67341" s="1" t="s">
        <v>224182</v>
      </c>
    </row>
    <row r="67342" spans="1:10" x14ac:dyDescent="0.35">
      <c r="A67342" s="1" t="s">
        <v>4396</v>
      </c>
      <c r="B67342" s="1" t="s">
        <v>222693</v>
      </c>
      <c r="C67342" s="1" t="s">
        <v>110</v>
      </c>
      <c r="D67342" s="1" t="s">
        <v>224183</v>
      </c>
      <c r="E67342" s="1" t="s">
        <v>224184</v>
      </c>
      <c r="F67342" s="1" t="s">
        <v>224185</v>
      </c>
      <c r="G67342" s="1" t="s">
        <v>224110</v>
      </c>
      <c r="H67342" s="1" t="s">
        <v>224111</v>
      </c>
      <c r="I67342" s="1" t="s">
        <v>222698</v>
      </c>
      <c r="J67342" s="1" t="s">
        <v>224186</v>
      </c>
    </row>
    <row r="67343" spans="1:10" x14ac:dyDescent="0.35">
      <c r="A67343" s="1" t="s">
        <v>4396</v>
      </c>
      <c r="B67343" s="1" t="s">
        <v>222693</v>
      </c>
      <c r="C67343" s="1" t="s">
        <v>115</v>
      </c>
      <c r="D67343" s="1" t="s">
        <v>224187</v>
      </c>
      <c r="E67343" s="1" t="s">
        <v>224188</v>
      </c>
      <c r="F67343" s="1" t="s">
        <v>224189</v>
      </c>
      <c r="G67343" s="1" t="s">
        <v>224110</v>
      </c>
      <c r="H67343" s="1" t="s">
        <v>224111</v>
      </c>
      <c r="I67343" s="1" t="s">
        <v>222698</v>
      </c>
      <c r="J67343" s="1" t="s">
        <v>224190</v>
      </c>
    </row>
    <row r="67344" spans="1:10" x14ac:dyDescent="0.35">
      <c r="A67344" s="1" t="s">
        <v>4396</v>
      </c>
      <c r="B67344" s="1" t="s">
        <v>222693</v>
      </c>
      <c r="C67344" s="1" t="s">
        <v>120</v>
      </c>
      <c r="D67344" s="1" t="s">
        <v>224191</v>
      </c>
      <c r="E67344" s="1" t="s">
        <v>224192</v>
      </c>
      <c r="F67344" s="1" t="s">
        <v>224193</v>
      </c>
      <c r="G67344" s="1" t="s">
        <v>224110</v>
      </c>
      <c r="H67344" s="1" t="s">
        <v>224111</v>
      </c>
      <c r="I67344" s="1" t="s">
        <v>222698</v>
      </c>
      <c r="J67344" s="1" t="s">
        <v>224194</v>
      </c>
    </row>
    <row r="67345" spans="1:10" x14ac:dyDescent="0.35">
      <c r="A67345" s="1" t="s">
        <v>4396</v>
      </c>
      <c r="B67345" s="1" t="s">
        <v>222693</v>
      </c>
      <c r="C67345" s="1" t="s">
        <v>125</v>
      </c>
      <c r="D67345" s="1" t="s">
        <v>224195</v>
      </c>
      <c r="E67345" s="1" t="s">
        <v>224196</v>
      </c>
      <c r="F67345" s="1" t="s">
        <v>224197</v>
      </c>
      <c r="G67345" s="1" t="s">
        <v>224110</v>
      </c>
      <c r="H67345" s="1" t="s">
        <v>224111</v>
      </c>
      <c r="I67345" s="1" t="s">
        <v>222698</v>
      </c>
      <c r="J67345" s="1" t="s">
        <v>224198</v>
      </c>
    </row>
    <row r="67346" spans="1:10" x14ac:dyDescent="0.35">
      <c r="A67346" s="1" t="s">
        <v>4396</v>
      </c>
      <c r="B67346" s="1" t="s">
        <v>222693</v>
      </c>
      <c r="C67346" s="1" t="s">
        <v>130</v>
      </c>
      <c r="D67346" s="1" t="s">
        <v>224199</v>
      </c>
      <c r="E67346" s="1" t="s">
        <v>224200</v>
      </c>
      <c r="F67346" s="1" t="s">
        <v>224201</v>
      </c>
      <c r="G67346" s="1" t="s">
        <v>224110</v>
      </c>
      <c r="H67346" s="1" t="s">
        <v>224111</v>
      </c>
      <c r="I67346" s="1" t="s">
        <v>222698</v>
      </c>
      <c r="J67346" s="1" t="s">
        <v>224202</v>
      </c>
    </row>
    <row r="67347" spans="1:10" x14ac:dyDescent="0.35">
      <c r="A67347" s="1" t="s">
        <v>4396</v>
      </c>
      <c r="B67347" s="1" t="s">
        <v>222693</v>
      </c>
      <c r="C67347" s="1" t="s">
        <v>135</v>
      </c>
      <c r="D67347" s="1" t="s">
        <v>12836</v>
      </c>
      <c r="E67347" s="1" t="s">
        <v>224203</v>
      </c>
      <c r="F67347" s="1" t="s">
        <v>224204</v>
      </c>
      <c r="G67347" s="1" t="s">
        <v>224110</v>
      </c>
      <c r="H67347" s="1" t="s">
        <v>224111</v>
      </c>
      <c r="I67347" s="1" t="s">
        <v>222698</v>
      </c>
      <c r="J67347" s="1" t="s">
        <v>224205</v>
      </c>
    </row>
    <row r="67348" spans="1:10" x14ac:dyDescent="0.35">
      <c r="A67348" s="1" t="s">
        <v>4396</v>
      </c>
      <c r="B67348" s="1" t="s">
        <v>222693</v>
      </c>
      <c r="C67348" s="1" t="s">
        <v>140</v>
      </c>
      <c r="D67348" s="1" t="s">
        <v>224206</v>
      </c>
      <c r="E67348" s="1" t="s">
        <v>224207</v>
      </c>
      <c r="F67348" s="1" t="s">
        <v>224208</v>
      </c>
      <c r="G67348" s="1" t="s">
        <v>224110</v>
      </c>
      <c r="H67348" s="1" t="s">
        <v>224111</v>
      </c>
      <c r="I67348" s="1" t="s">
        <v>222698</v>
      </c>
      <c r="J67348" s="1" t="s">
        <v>224209</v>
      </c>
    </row>
    <row r="67349" spans="1:10" x14ac:dyDescent="0.35">
      <c r="A67349" s="1" t="s">
        <v>4396</v>
      </c>
      <c r="B67349" s="1" t="s">
        <v>222693</v>
      </c>
      <c r="C67349" s="1" t="s">
        <v>145</v>
      </c>
      <c r="D67349" s="1" t="s">
        <v>224210</v>
      </c>
      <c r="E67349" s="1" t="s">
        <v>224211</v>
      </c>
      <c r="F67349" s="1" t="s">
        <v>224212</v>
      </c>
      <c r="G67349" s="1" t="s">
        <v>224110</v>
      </c>
      <c r="H67349" s="1" t="s">
        <v>224111</v>
      </c>
      <c r="I67349" s="1" t="s">
        <v>222698</v>
      </c>
      <c r="J67349" s="1" t="s">
        <v>224213</v>
      </c>
    </row>
    <row r="67350" spans="1:10" x14ac:dyDescent="0.35">
      <c r="A67350" s="1" t="s">
        <v>4396</v>
      </c>
      <c r="B67350" s="1" t="s">
        <v>222693</v>
      </c>
      <c r="C67350" s="1" t="s">
        <v>150</v>
      </c>
      <c r="D67350" s="1" t="s">
        <v>224214</v>
      </c>
      <c r="E67350" s="1" t="s">
        <v>224215</v>
      </c>
      <c r="F67350" s="1" t="s">
        <v>224216</v>
      </c>
      <c r="G67350" s="1" t="s">
        <v>224110</v>
      </c>
      <c r="H67350" s="1" t="s">
        <v>224111</v>
      </c>
      <c r="I67350" s="1" t="s">
        <v>222698</v>
      </c>
      <c r="J67350" s="1" t="s">
        <v>224217</v>
      </c>
    </row>
    <row r="67351" spans="1:10" x14ac:dyDescent="0.35">
      <c r="A67351" s="1" t="s">
        <v>4396</v>
      </c>
      <c r="B67351" s="1" t="s">
        <v>222693</v>
      </c>
      <c r="C67351" s="1" t="s">
        <v>155</v>
      </c>
      <c r="D67351" s="1" t="s">
        <v>224218</v>
      </c>
      <c r="E67351" s="1" t="s">
        <v>224219</v>
      </c>
      <c r="F67351" s="1" t="s">
        <v>224220</v>
      </c>
      <c r="G67351" s="1" t="s">
        <v>224110</v>
      </c>
      <c r="H67351" s="1" t="s">
        <v>224111</v>
      </c>
      <c r="I67351" s="1" t="s">
        <v>222698</v>
      </c>
      <c r="J67351" s="1" t="s">
        <v>224221</v>
      </c>
    </row>
    <row r="67352" spans="1:10" x14ac:dyDescent="0.35">
      <c r="A67352" s="1" t="s">
        <v>4396</v>
      </c>
      <c r="B67352" s="1" t="s">
        <v>222693</v>
      </c>
      <c r="C67352" s="1" t="s">
        <v>160</v>
      </c>
      <c r="D67352" s="1" t="s">
        <v>224222</v>
      </c>
      <c r="E67352" s="1" t="s">
        <v>224223</v>
      </c>
      <c r="F67352" s="1" t="s">
        <v>224224</v>
      </c>
      <c r="G67352" s="1" t="s">
        <v>224110</v>
      </c>
      <c r="H67352" s="1" t="s">
        <v>224111</v>
      </c>
      <c r="I67352" s="1" t="s">
        <v>222698</v>
      </c>
      <c r="J67352" s="1" t="s">
        <v>224225</v>
      </c>
    </row>
    <row r="67353" spans="1:10" x14ac:dyDescent="0.35">
      <c r="A67353" s="1" t="s">
        <v>4396</v>
      </c>
      <c r="B67353" s="1" t="s">
        <v>222693</v>
      </c>
      <c r="C67353" s="1" t="s">
        <v>165</v>
      </c>
      <c r="D67353" s="1" t="s">
        <v>224226</v>
      </c>
      <c r="E67353" s="1" t="s">
        <v>224227</v>
      </c>
      <c r="F67353" s="1" t="s">
        <v>224228</v>
      </c>
      <c r="G67353" s="1" t="s">
        <v>224110</v>
      </c>
      <c r="H67353" s="1" t="s">
        <v>224111</v>
      </c>
      <c r="I67353" s="1" t="s">
        <v>222698</v>
      </c>
      <c r="J67353" s="1" t="s">
        <v>224229</v>
      </c>
    </row>
    <row r="67354" spans="1:10" x14ac:dyDescent="0.35">
      <c r="A67354" s="1" t="s">
        <v>4396</v>
      </c>
      <c r="B67354" s="1" t="s">
        <v>222693</v>
      </c>
      <c r="C67354" s="1" t="s">
        <v>170</v>
      </c>
      <c r="D67354" s="1" t="s">
        <v>224230</v>
      </c>
      <c r="E67354" s="1" t="s">
        <v>224231</v>
      </c>
      <c r="F67354" s="1" t="s">
        <v>224232</v>
      </c>
      <c r="G67354" s="1" t="s">
        <v>224110</v>
      </c>
      <c r="H67354" s="1" t="s">
        <v>224111</v>
      </c>
      <c r="I67354" s="1" t="s">
        <v>222698</v>
      </c>
      <c r="J67354" s="1" t="s">
        <v>224233</v>
      </c>
    </row>
    <row r="67355" spans="1:10" x14ac:dyDescent="0.35">
      <c r="A67355" s="1" t="s">
        <v>112232</v>
      </c>
      <c r="B67355" s="1" t="s">
        <v>222693</v>
      </c>
      <c r="C67355" s="1" t="s">
        <v>8</v>
      </c>
      <c r="D67355" s="1" t="s">
        <v>93640</v>
      </c>
      <c r="E67355" s="1" t="s">
        <v>224234</v>
      </c>
      <c r="F67355" s="1" t="s">
        <v>224235</v>
      </c>
      <c r="G67355" s="1" t="s">
        <v>224236</v>
      </c>
      <c r="H67355" s="1" t="s">
        <v>224237</v>
      </c>
      <c r="I67355" s="1" t="s">
        <v>222698</v>
      </c>
      <c r="J67355" s="1" t="s">
        <v>13</v>
      </c>
    </row>
    <row r="67356" spans="1:10" x14ac:dyDescent="0.35">
      <c r="A67356" s="1" t="s">
        <v>112232</v>
      </c>
      <c r="B67356" s="1" t="s">
        <v>222693</v>
      </c>
      <c r="C67356" s="1" t="s">
        <v>15</v>
      </c>
      <c r="D67356" s="1" t="s">
        <v>80084</v>
      </c>
      <c r="E67356" s="1" t="s">
        <v>224238</v>
      </c>
      <c r="F67356" s="1" t="s">
        <v>224239</v>
      </c>
      <c r="G67356" s="1" t="s">
        <v>224236</v>
      </c>
      <c r="H67356" s="1" t="s">
        <v>224237</v>
      </c>
      <c r="I67356" s="1" t="s">
        <v>222698</v>
      </c>
      <c r="J67356" s="1" t="s">
        <v>224240</v>
      </c>
    </row>
    <row r="67357" spans="1:10" x14ac:dyDescent="0.35">
      <c r="A67357" s="1" t="s">
        <v>112232</v>
      </c>
      <c r="B67357" s="1" t="s">
        <v>222693</v>
      </c>
      <c r="C67357" s="1" t="s">
        <v>20</v>
      </c>
      <c r="D67357" s="1" t="s">
        <v>224241</v>
      </c>
      <c r="E67357" s="1" t="s">
        <v>224242</v>
      </c>
      <c r="F67357" s="1" t="s">
        <v>224243</v>
      </c>
      <c r="G67357" s="1" t="s">
        <v>224236</v>
      </c>
      <c r="H67357" s="1" t="s">
        <v>224237</v>
      </c>
      <c r="I67357" s="1" t="s">
        <v>222698</v>
      </c>
      <c r="J67357" s="1" t="s">
        <v>224244</v>
      </c>
    </row>
    <row r="67358" spans="1:10" x14ac:dyDescent="0.35">
      <c r="A67358" s="1" t="s">
        <v>112232</v>
      </c>
      <c r="B67358" s="1" t="s">
        <v>222693</v>
      </c>
      <c r="C67358" s="1" t="s">
        <v>25</v>
      </c>
      <c r="D67358" s="1" t="s">
        <v>76866</v>
      </c>
      <c r="E67358" s="1" t="s">
        <v>224245</v>
      </c>
      <c r="F67358" s="1" t="s">
        <v>224246</v>
      </c>
      <c r="G67358" s="1" t="s">
        <v>224236</v>
      </c>
      <c r="H67358" s="1" t="s">
        <v>224237</v>
      </c>
      <c r="I67358" s="1" t="s">
        <v>222698</v>
      </c>
      <c r="J67358" s="1" t="s">
        <v>224247</v>
      </c>
    </row>
    <row r="67359" spans="1:10" x14ac:dyDescent="0.35">
      <c r="A67359" s="1" t="s">
        <v>112232</v>
      </c>
      <c r="B67359" s="1" t="s">
        <v>222693</v>
      </c>
      <c r="C67359" s="1" t="s">
        <v>30</v>
      </c>
      <c r="D67359" s="1" t="s">
        <v>81181</v>
      </c>
      <c r="E67359" s="1" t="s">
        <v>224248</v>
      </c>
      <c r="F67359" s="1" t="s">
        <v>224249</v>
      </c>
      <c r="G67359" s="1" t="s">
        <v>224236</v>
      </c>
      <c r="H67359" s="1" t="s">
        <v>224237</v>
      </c>
      <c r="I67359" s="1" t="s">
        <v>222698</v>
      </c>
      <c r="J67359" s="1" t="s">
        <v>224250</v>
      </c>
    </row>
    <row r="67360" spans="1:10" x14ac:dyDescent="0.35">
      <c r="A67360" s="1" t="s">
        <v>112232</v>
      </c>
      <c r="B67360" s="1" t="s">
        <v>222693</v>
      </c>
      <c r="C67360" s="1" t="s">
        <v>35</v>
      </c>
      <c r="D67360" s="1" t="s">
        <v>26842</v>
      </c>
      <c r="E67360" s="1" t="s">
        <v>224251</v>
      </c>
      <c r="F67360" s="1" t="s">
        <v>224252</v>
      </c>
      <c r="G67360" s="1" t="s">
        <v>224236</v>
      </c>
      <c r="H67360" s="1" t="s">
        <v>224237</v>
      </c>
      <c r="I67360" s="1" t="s">
        <v>222698</v>
      </c>
      <c r="J67360" s="1" t="s">
        <v>224253</v>
      </c>
    </row>
    <row r="67361" spans="1:10" x14ac:dyDescent="0.35">
      <c r="A67361" s="1" t="s">
        <v>112232</v>
      </c>
      <c r="B67361" s="1" t="s">
        <v>222693</v>
      </c>
      <c r="C67361" s="1" t="s">
        <v>40</v>
      </c>
      <c r="D67361" s="1" t="s">
        <v>224254</v>
      </c>
      <c r="E67361" s="1" t="s">
        <v>224255</v>
      </c>
      <c r="F67361" s="1" t="s">
        <v>224256</v>
      </c>
      <c r="G67361" s="1" t="s">
        <v>224236</v>
      </c>
      <c r="H67361" s="1" t="s">
        <v>224237</v>
      </c>
      <c r="I67361" s="1" t="s">
        <v>222698</v>
      </c>
      <c r="J67361" s="1" t="s">
        <v>224257</v>
      </c>
    </row>
    <row r="67362" spans="1:10" x14ac:dyDescent="0.35">
      <c r="A67362" s="1" t="s">
        <v>112232</v>
      </c>
      <c r="B67362" s="1" t="s">
        <v>222693</v>
      </c>
      <c r="C67362" s="1" t="s">
        <v>45</v>
      </c>
      <c r="D67362" s="1" t="s">
        <v>136870</v>
      </c>
      <c r="E67362" s="1" t="s">
        <v>224258</v>
      </c>
      <c r="F67362" s="1" t="s">
        <v>224259</v>
      </c>
      <c r="G67362" s="1" t="s">
        <v>224236</v>
      </c>
      <c r="H67362" s="1" t="s">
        <v>224237</v>
      </c>
      <c r="I67362" s="1" t="s">
        <v>222698</v>
      </c>
      <c r="J67362" s="1" t="s">
        <v>224260</v>
      </c>
    </row>
    <row r="67363" spans="1:10" x14ac:dyDescent="0.35">
      <c r="A67363" s="1" t="s">
        <v>112232</v>
      </c>
      <c r="B67363" s="1" t="s">
        <v>222693</v>
      </c>
      <c r="C67363" s="1" t="s">
        <v>50</v>
      </c>
      <c r="D67363" s="1" t="s">
        <v>130311</v>
      </c>
      <c r="E67363" s="1" t="s">
        <v>224261</v>
      </c>
      <c r="F67363" s="1" t="s">
        <v>224262</v>
      </c>
      <c r="G67363" s="1" t="s">
        <v>224236</v>
      </c>
      <c r="H67363" s="1" t="s">
        <v>224237</v>
      </c>
      <c r="I67363" s="1" t="s">
        <v>222698</v>
      </c>
      <c r="J67363" s="1" t="s">
        <v>224263</v>
      </c>
    </row>
    <row r="67364" spans="1:10" x14ac:dyDescent="0.35">
      <c r="A67364" s="1" t="s">
        <v>112232</v>
      </c>
      <c r="B67364" s="1" t="s">
        <v>222693</v>
      </c>
      <c r="C67364" s="1" t="s">
        <v>55</v>
      </c>
      <c r="D67364" s="1" t="s">
        <v>81156</v>
      </c>
      <c r="E67364" s="1" t="s">
        <v>224264</v>
      </c>
      <c r="F67364" s="1" t="s">
        <v>224265</v>
      </c>
      <c r="G67364" s="1" t="s">
        <v>224236</v>
      </c>
      <c r="H67364" s="1" t="s">
        <v>224237</v>
      </c>
      <c r="I67364" s="1" t="s">
        <v>222698</v>
      </c>
      <c r="J67364" s="1" t="s">
        <v>224266</v>
      </c>
    </row>
    <row r="67365" spans="1:10" x14ac:dyDescent="0.35">
      <c r="A67365" s="1" t="s">
        <v>112232</v>
      </c>
      <c r="B67365" s="1" t="s">
        <v>222693</v>
      </c>
      <c r="C67365" s="1" t="s">
        <v>60</v>
      </c>
      <c r="D67365" s="1" t="s">
        <v>79369</v>
      </c>
      <c r="E67365" s="1" t="s">
        <v>224267</v>
      </c>
      <c r="F67365" s="1" t="s">
        <v>224268</v>
      </c>
      <c r="G67365" s="1" t="s">
        <v>224236</v>
      </c>
      <c r="H67365" s="1" t="s">
        <v>224237</v>
      </c>
      <c r="I67365" s="1" t="s">
        <v>222698</v>
      </c>
      <c r="J67365" s="1" t="s">
        <v>224269</v>
      </c>
    </row>
    <row r="67366" spans="1:10" x14ac:dyDescent="0.35">
      <c r="A67366" s="1" t="s">
        <v>112232</v>
      </c>
      <c r="B67366" s="1" t="s">
        <v>222693</v>
      </c>
      <c r="C67366" s="1" t="s">
        <v>65</v>
      </c>
      <c r="D67366" s="1" t="s">
        <v>55684</v>
      </c>
      <c r="E67366" s="1" t="s">
        <v>224270</v>
      </c>
      <c r="F67366" s="1" t="s">
        <v>224271</v>
      </c>
      <c r="G67366" s="1" t="s">
        <v>224236</v>
      </c>
      <c r="H67366" s="1" t="s">
        <v>224237</v>
      </c>
      <c r="I67366" s="1" t="s">
        <v>222698</v>
      </c>
      <c r="J67366" s="1" t="s">
        <v>224272</v>
      </c>
    </row>
    <row r="67367" spans="1:10" x14ac:dyDescent="0.35">
      <c r="A67367" s="1" t="s">
        <v>112232</v>
      </c>
      <c r="B67367" s="1" t="s">
        <v>222693</v>
      </c>
      <c r="C67367" s="1" t="s">
        <v>70</v>
      </c>
      <c r="D67367" s="1" t="s">
        <v>224273</v>
      </c>
      <c r="E67367" s="1" t="s">
        <v>224274</v>
      </c>
      <c r="F67367" s="1" t="s">
        <v>224275</v>
      </c>
      <c r="G67367" s="1" t="s">
        <v>224236</v>
      </c>
      <c r="H67367" s="1" t="s">
        <v>224237</v>
      </c>
      <c r="I67367" s="1" t="s">
        <v>222698</v>
      </c>
      <c r="J67367" s="1" t="s">
        <v>224276</v>
      </c>
    </row>
    <row r="67368" spans="1:10" x14ac:dyDescent="0.35">
      <c r="A67368" s="1" t="s">
        <v>112232</v>
      </c>
      <c r="B67368" s="1" t="s">
        <v>222693</v>
      </c>
      <c r="C67368" s="1" t="s">
        <v>75</v>
      </c>
      <c r="D67368" s="1" t="s">
        <v>56595</v>
      </c>
      <c r="E67368" s="1" t="s">
        <v>224277</v>
      </c>
      <c r="F67368" s="1" t="s">
        <v>224278</v>
      </c>
      <c r="G67368" s="1" t="s">
        <v>224236</v>
      </c>
      <c r="H67368" s="1" t="s">
        <v>224237</v>
      </c>
      <c r="I67368" s="1" t="s">
        <v>222698</v>
      </c>
      <c r="J67368" s="1" t="s">
        <v>224279</v>
      </c>
    </row>
    <row r="67369" spans="1:10" x14ac:dyDescent="0.35">
      <c r="A67369" s="1" t="s">
        <v>112232</v>
      </c>
      <c r="B67369" s="1" t="s">
        <v>222693</v>
      </c>
      <c r="C67369" s="1" t="s">
        <v>80</v>
      </c>
      <c r="D67369" s="1" t="s">
        <v>69595</v>
      </c>
      <c r="E67369" s="1" t="s">
        <v>224280</v>
      </c>
      <c r="F67369" s="1" t="s">
        <v>224281</v>
      </c>
      <c r="G67369" s="1" t="s">
        <v>224236</v>
      </c>
      <c r="H67369" s="1" t="s">
        <v>224237</v>
      </c>
      <c r="I67369" s="1" t="s">
        <v>222698</v>
      </c>
      <c r="J67369" s="1" t="s">
        <v>224282</v>
      </c>
    </row>
    <row r="67370" spans="1:10" x14ac:dyDescent="0.35">
      <c r="A67370" s="1" t="s">
        <v>112232</v>
      </c>
      <c r="B67370" s="1" t="s">
        <v>222693</v>
      </c>
      <c r="C67370" s="1" t="s">
        <v>85</v>
      </c>
      <c r="D67370" s="1" t="s">
        <v>224283</v>
      </c>
      <c r="E67370" s="1" t="s">
        <v>224284</v>
      </c>
      <c r="F67370" s="1" t="s">
        <v>224285</v>
      </c>
      <c r="G67370" s="1" t="s">
        <v>224236</v>
      </c>
      <c r="H67370" s="1" t="s">
        <v>224237</v>
      </c>
      <c r="I67370" s="1" t="s">
        <v>222698</v>
      </c>
      <c r="J67370" s="1" t="s">
        <v>224286</v>
      </c>
    </row>
    <row r="67371" spans="1:10" x14ac:dyDescent="0.35">
      <c r="A67371" s="1" t="s">
        <v>112232</v>
      </c>
      <c r="B67371" s="1" t="s">
        <v>222693</v>
      </c>
      <c r="C67371" s="1" t="s">
        <v>90</v>
      </c>
      <c r="D67371" s="1" t="s">
        <v>85182</v>
      </c>
      <c r="E67371" s="1" t="s">
        <v>224287</v>
      </c>
      <c r="F67371" s="1" t="s">
        <v>224288</v>
      </c>
      <c r="G67371" s="1" t="s">
        <v>224236</v>
      </c>
      <c r="H67371" s="1" t="s">
        <v>224237</v>
      </c>
      <c r="I67371" s="1" t="s">
        <v>222698</v>
      </c>
      <c r="J67371" s="1" t="s">
        <v>224289</v>
      </c>
    </row>
    <row r="67372" spans="1:10" x14ac:dyDescent="0.35">
      <c r="A67372" s="1" t="s">
        <v>112232</v>
      </c>
      <c r="B67372" s="1" t="s">
        <v>222693</v>
      </c>
      <c r="C67372" s="1" t="s">
        <v>95</v>
      </c>
      <c r="D67372" s="1" t="s">
        <v>101944</v>
      </c>
      <c r="E67372" s="1" t="s">
        <v>224290</v>
      </c>
      <c r="F67372" s="1" t="s">
        <v>224291</v>
      </c>
      <c r="G67372" s="1" t="s">
        <v>224236</v>
      </c>
      <c r="H67372" s="1" t="s">
        <v>224237</v>
      </c>
      <c r="I67372" s="1" t="s">
        <v>222698</v>
      </c>
      <c r="J67372" s="1" t="s">
        <v>224292</v>
      </c>
    </row>
    <row r="67373" spans="1:10" x14ac:dyDescent="0.35">
      <c r="A67373" s="1" t="s">
        <v>112232</v>
      </c>
      <c r="B67373" s="1" t="s">
        <v>222693</v>
      </c>
      <c r="C67373" s="1" t="s">
        <v>100</v>
      </c>
      <c r="D67373" s="1" t="s">
        <v>20484</v>
      </c>
      <c r="E67373" s="1" t="s">
        <v>224293</v>
      </c>
      <c r="F67373" s="1" t="s">
        <v>224294</v>
      </c>
      <c r="G67373" s="1" t="s">
        <v>224236</v>
      </c>
      <c r="H67373" s="1" t="s">
        <v>224237</v>
      </c>
      <c r="I67373" s="1" t="s">
        <v>222698</v>
      </c>
      <c r="J67373" s="1" t="s">
        <v>224295</v>
      </c>
    </row>
    <row r="67374" spans="1:10" x14ac:dyDescent="0.35">
      <c r="A67374" s="1" t="s">
        <v>112232</v>
      </c>
      <c r="B67374" s="1" t="s">
        <v>222693</v>
      </c>
      <c r="C67374" s="1" t="s">
        <v>105</v>
      </c>
      <c r="D67374" s="1" t="s">
        <v>2750</v>
      </c>
      <c r="E67374" s="1" t="s">
        <v>224296</v>
      </c>
      <c r="F67374" s="1" t="s">
        <v>224297</v>
      </c>
      <c r="G67374" s="1" t="s">
        <v>224236</v>
      </c>
      <c r="H67374" s="1" t="s">
        <v>224237</v>
      </c>
      <c r="I67374" s="1" t="s">
        <v>222698</v>
      </c>
      <c r="J67374" s="1" t="s">
        <v>224298</v>
      </c>
    </row>
    <row r="67375" spans="1:10" x14ac:dyDescent="0.35">
      <c r="A67375" s="1" t="s">
        <v>112232</v>
      </c>
      <c r="B67375" s="1" t="s">
        <v>222693</v>
      </c>
      <c r="C67375" s="1" t="s">
        <v>110</v>
      </c>
      <c r="D67375" s="1" t="s">
        <v>224299</v>
      </c>
      <c r="E67375" s="1" t="s">
        <v>224300</v>
      </c>
      <c r="F67375" s="1" t="s">
        <v>224301</v>
      </c>
      <c r="G67375" s="1" t="s">
        <v>224236</v>
      </c>
      <c r="H67375" s="1" t="s">
        <v>224237</v>
      </c>
      <c r="I67375" s="1" t="s">
        <v>222698</v>
      </c>
      <c r="J67375" s="1" t="s">
        <v>224302</v>
      </c>
    </row>
    <row r="67376" spans="1:10" x14ac:dyDescent="0.35">
      <c r="A67376" s="1" t="s">
        <v>112232</v>
      </c>
      <c r="B67376" s="1" t="s">
        <v>222693</v>
      </c>
      <c r="C67376" s="1" t="s">
        <v>115</v>
      </c>
      <c r="D67376" s="1" t="s">
        <v>91064</v>
      </c>
      <c r="E67376" s="1" t="s">
        <v>224303</v>
      </c>
      <c r="F67376" s="1" t="s">
        <v>224304</v>
      </c>
      <c r="G67376" s="1" t="s">
        <v>224236</v>
      </c>
      <c r="H67376" s="1" t="s">
        <v>224237</v>
      </c>
      <c r="I67376" s="1" t="s">
        <v>222698</v>
      </c>
      <c r="J67376" s="1" t="s">
        <v>224305</v>
      </c>
    </row>
    <row r="67377" spans="1:10" x14ac:dyDescent="0.35">
      <c r="A67377" s="1" t="s">
        <v>112232</v>
      </c>
      <c r="B67377" s="1" t="s">
        <v>222693</v>
      </c>
      <c r="C67377" s="1" t="s">
        <v>120</v>
      </c>
      <c r="D67377" s="1" t="s">
        <v>103934</v>
      </c>
      <c r="E67377" s="1" t="s">
        <v>224306</v>
      </c>
      <c r="F67377" s="1" t="s">
        <v>224307</v>
      </c>
      <c r="G67377" s="1" t="s">
        <v>224236</v>
      </c>
      <c r="H67377" s="1" t="s">
        <v>224237</v>
      </c>
      <c r="I67377" s="1" t="s">
        <v>222698</v>
      </c>
      <c r="J67377" s="1" t="s">
        <v>224308</v>
      </c>
    </row>
    <row r="67378" spans="1:10" x14ac:dyDescent="0.35">
      <c r="A67378" s="1" t="s">
        <v>112232</v>
      </c>
      <c r="B67378" s="1" t="s">
        <v>222693</v>
      </c>
      <c r="C67378" s="1" t="s">
        <v>125</v>
      </c>
      <c r="D67378" s="1" t="s">
        <v>22709</v>
      </c>
      <c r="E67378" s="1" t="s">
        <v>224309</v>
      </c>
      <c r="F67378" s="1" t="s">
        <v>224310</v>
      </c>
      <c r="G67378" s="1" t="s">
        <v>224236</v>
      </c>
      <c r="H67378" s="1" t="s">
        <v>224237</v>
      </c>
      <c r="I67378" s="1" t="s">
        <v>222698</v>
      </c>
      <c r="J67378" s="1" t="s">
        <v>224311</v>
      </c>
    </row>
    <row r="67379" spans="1:10" x14ac:dyDescent="0.35">
      <c r="A67379" s="1" t="s">
        <v>112232</v>
      </c>
      <c r="B67379" s="1" t="s">
        <v>222693</v>
      </c>
      <c r="C67379" s="1" t="s">
        <v>130</v>
      </c>
      <c r="D67379" s="1" t="s">
        <v>56357</v>
      </c>
      <c r="E67379" s="1" t="s">
        <v>224312</v>
      </c>
      <c r="F67379" s="1" t="s">
        <v>224313</v>
      </c>
      <c r="G67379" s="1" t="s">
        <v>224236</v>
      </c>
      <c r="H67379" s="1" t="s">
        <v>224237</v>
      </c>
      <c r="I67379" s="1" t="s">
        <v>222698</v>
      </c>
      <c r="J67379" s="1" t="s">
        <v>224314</v>
      </c>
    </row>
    <row r="67380" spans="1:10" x14ac:dyDescent="0.35">
      <c r="A67380" s="1" t="s">
        <v>112232</v>
      </c>
      <c r="B67380" s="1" t="s">
        <v>222693</v>
      </c>
      <c r="C67380" s="1" t="s">
        <v>135</v>
      </c>
      <c r="D67380" s="1" t="s">
        <v>224315</v>
      </c>
      <c r="E67380" s="1" t="s">
        <v>224316</v>
      </c>
      <c r="F67380" s="1" t="s">
        <v>224317</v>
      </c>
      <c r="G67380" s="1" t="s">
        <v>224236</v>
      </c>
      <c r="H67380" s="1" t="s">
        <v>224237</v>
      </c>
      <c r="I67380" s="1" t="s">
        <v>222698</v>
      </c>
      <c r="J67380" s="1" t="s">
        <v>224318</v>
      </c>
    </row>
    <row r="67381" spans="1:10" x14ac:dyDescent="0.35">
      <c r="A67381" s="1" t="s">
        <v>112232</v>
      </c>
      <c r="B67381" s="1" t="s">
        <v>222693</v>
      </c>
      <c r="C67381" s="1" t="s">
        <v>140</v>
      </c>
      <c r="D67381" s="1" t="s">
        <v>223062</v>
      </c>
      <c r="E67381" s="1" t="s">
        <v>224319</v>
      </c>
      <c r="F67381" s="1" t="s">
        <v>224320</v>
      </c>
      <c r="G67381" s="1" t="s">
        <v>224236</v>
      </c>
      <c r="H67381" s="1" t="s">
        <v>224237</v>
      </c>
      <c r="I67381" s="1" t="s">
        <v>222698</v>
      </c>
      <c r="J67381" s="1" t="s">
        <v>224321</v>
      </c>
    </row>
    <row r="67382" spans="1:10" x14ac:dyDescent="0.35">
      <c r="A67382" s="1" t="s">
        <v>112232</v>
      </c>
      <c r="B67382" s="1" t="s">
        <v>222693</v>
      </c>
      <c r="C67382" s="1" t="s">
        <v>145</v>
      </c>
      <c r="D67382" s="1" t="s">
        <v>60514</v>
      </c>
      <c r="E67382" s="1" t="s">
        <v>224322</v>
      </c>
      <c r="F67382" s="1" t="s">
        <v>224323</v>
      </c>
      <c r="G67382" s="1" t="s">
        <v>224236</v>
      </c>
      <c r="H67382" s="1" t="s">
        <v>224237</v>
      </c>
      <c r="I67382" s="1" t="s">
        <v>222698</v>
      </c>
      <c r="J67382" s="1" t="s">
        <v>224324</v>
      </c>
    </row>
    <row r="67383" spans="1:10" x14ac:dyDescent="0.35">
      <c r="A67383" s="1" t="s">
        <v>112232</v>
      </c>
      <c r="B67383" s="1" t="s">
        <v>222693</v>
      </c>
      <c r="C67383" s="1" t="s">
        <v>150</v>
      </c>
      <c r="D67383" s="1" t="s">
        <v>84450</v>
      </c>
      <c r="E67383" s="1" t="s">
        <v>224325</v>
      </c>
      <c r="F67383" s="1" t="s">
        <v>224326</v>
      </c>
      <c r="G67383" s="1" t="s">
        <v>224236</v>
      </c>
      <c r="H67383" s="1" t="s">
        <v>224237</v>
      </c>
      <c r="I67383" s="1" t="s">
        <v>222698</v>
      </c>
      <c r="J67383" s="1" t="s">
        <v>224327</v>
      </c>
    </row>
    <row r="67384" spans="1:10" x14ac:dyDescent="0.35">
      <c r="A67384" s="1" t="s">
        <v>112232</v>
      </c>
      <c r="B67384" s="1" t="s">
        <v>222693</v>
      </c>
      <c r="C67384" s="1" t="s">
        <v>155</v>
      </c>
      <c r="D67384" s="1" t="s">
        <v>224328</v>
      </c>
      <c r="E67384" s="1" t="s">
        <v>224329</v>
      </c>
      <c r="F67384" s="1" t="s">
        <v>224330</v>
      </c>
      <c r="G67384" s="1" t="s">
        <v>224236</v>
      </c>
      <c r="H67384" s="1" t="s">
        <v>224237</v>
      </c>
      <c r="I67384" s="1" t="s">
        <v>222698</v>
      </c>
      <c r="J67384" s="1" t="s">
        <v>224331</v>
      </c>
    </row>
    <row r="67385" spans="1:10" x14ac:dyDescent="0.35">
      <c r="A67385" s="1" t="s">
        <v>112232</v>
      </c>
      <c r="B67385" s="1" t="s">
        <v>222693</v>
      </c>
      <c r="C67385" s="1" t="s">
        <v>160</v>
      </c>
      <c r="D67385" s="1" t="s">
        <v>224332</v>
      </c>
      <c r="E67385" s="1" t="s">
        <v>224333</v>
      </c>
      <c r="F67385" s="1" t="s">
        <v>224334</v>
      </c>
      <c r="G67385" s="1" t="s">
        <v>224236</v>
      </c>
      <c r="H67385" s="1" t="s">
        <v>224237</v>
      </c>
      <c r="I67385" s="1" t="s">
        <v>222698</v>
      </c>
      <c r="J67385" s="1" t="s">
        <v>224335</v>
      </c>
    </row>
    <row r="67386" spans="1:10" x14ac:dyDescent="0.35">
      <c r="A67386" s="1" t="s">
        <v>112232</v>
      </c>
      <c r="B67386" s="1" t="s">
        <v>222693</v>
      </c>
      <c r="C67386" s="1" t="s">
        <v>165</v>
      </c>
      <c r="D67386" s="1" t="s">
        <v>224336</v>
      </c>
      <c r="E67386" s="1" t="s">
        <v>224337</v>
      </c>
      <c r="F67386" s="1" t="s">
        <v>224338</v>
      </c>
      <c r="G67386" s="1" t="s">
        <v>224236</v>
      </c>
      <c r="H67386" s="1" t="s">
        <v>224237</v>
      </c>
      <c r="I67386" s="1" t="s">
        <v>222698</v>
      </c>
      <c r="J67386" s="1" t="s">
        <v>224339</v>
      </c>
    </row>
    <row r="67387" spans="1:10" x14ac:dyDescent="0.35">
      <c r="A67387" s="1" t="s">
        <v>112232</v>
      </c>
      <c r="B67387" s="1" t="s">
        <v>222693</v>
      </c>
      <c r="C67387" s="1" t="s">
        <v>170</v>
      </c>
      <c r="D67387" s="1" t="s">
        <v>20105</v>
      </c>
      <c r="E67387" s="1" t="s">
        <v>224340</v>
      </c>
      <c r="F67387" s="1" t="s">
        <v>224341</v>
      </c>
      <c r="G67387" s="1" t="s">
        <v>224236</v>
      </c>
      <c r="H67387" s="1" t="s">
        <v>224237</v>
      </c>
      <c r="I67387" s="1" t="s">
        <v>222698</v>
      </c>
      <c r="J67387" s="1" t="s">
        <v>224342</v>
      </c>
    </row>
    <row r="67388" spans="1:10" x14ac:dyDescent="0.35">
      <c r="A67388" s="1" t="s">
        <v>110357</v>
      </c>
      <c r="B67388" s="1" t="s">
        <v>222693</v>
      </c>
      <c r="C67388" s="1" t="s">
        <v>8</v>
      </c>
      <c r="D67388" s="1" t="s">
        <v>59030</v>
      </c>
      <c r="E67388" s="1" t="s">
        <v>224343</v>
      </c>
      <c r="F67388" s="1" t="s">
        <v>224344</v>
      </c>
      <c r="G67388" s="1" t="s">
        <v>224345</v>
      </c>
      <c r="H67388" s="1" t="s">
        <v>224346</v>
      </c>
      <c r="I67388" s="1" t="s">
        <v>222698</v>
      </c>
      <c r="J67388" s="1" t="s">
        <v>13</v>
      </c>
    </row>
    <row r="67389" spans="1:10" x14ac:dyDescent="0.35">
      <c r="A67389" s="1" t="s">
        <v>110357</v>
      </c>
      <c r="B67389" s="1" t="s">
        <v>222693</v>
      </c>
      <c r="C67389" s="1" t="s">
        <v>15</v>
      </c>
      <c r="D67389" s="1" t="s">
        <v>80659</v>
      </c>
      <c r="E67389" s="1" t="s">
        <v>224347</v>
      </c>
      <c r="F67389" s="1" t="s">
        <v>224348</v>
      </c>
      <c r="G67389" s="1" t="s">
        <v>224345</v>
      </c>
      <c r="H67389" s="1" t="s">
        <v>224346</v>
      </c>
      <c r="I67389" s="1" t="s">
        <v>222698</v>
      </c>
      <c r="J67389" s="1" t="s">
        <v>224349</v>
      </c>
    </row>
    <row r="67390" spans="1:10" x14ac:dyDescent="0.35">
      <c r="A67390" s="1" t="s">
        <v>110357</v>
      </c>
      <c r="B67390" s="1" t="s">
        <v>222693</v>
      </c>
      <c r="C67390" s="1" t="s">
        <v>20</v>
      </c>
      <c r="D67390" s="1" t="s">
        <v>90995</v>
      </c>
      <c r="E67390" s="1" t="s">
        <v>224350</v>
      </c>
      <c r="F67390" s="1" t="s">
        <v>224351</v>
      </c>
      <c r="G67390" s="1" t="s">
        <v>224345</v>
      </c>
      <c r="H67390" s="1" t="s">
        <v>224346</v>
      </c>
      <c r="I67390" s="1" t="s">
        <v>222698</v>
      </c>
      <c r="J67390" s="1" t="s">
        <v>224352</v>
      </c>
    </row>
    <row r="67391" spans="1:10" x14ac:dyDescent="0.35">
      <c r="A67391" s="1" t="s">
        <v>110357</v>
      </c>
      <c r="B67391" s="1" t="s">
        <v>222693</v>
      </c>
      <c r="C67391" s="1" t="s">
        <v>25</v>
      </c>
      <c r="D67391" s="1" t="s">
        <v>24144</v>
      </c>
      <c r="E67391" s="1" t="s">
        <v>224353</v>
      </c>
      <c r="F67391" s="1" t="s">
        <v>224354</v>
      </c>
      <c r="G67391" s="1" t="s">
        <v>224345</v>
      </c>
      <c r="H67391" s="1" t="s">
        <v>224346</v>
      </c>
      <c r="I67391" s="1" t="s">
        <v>222698</v>
      </c>
      <c r="J67391" s="1" t="s">
        <v>224355</v>
      </c>
    </row>
    <row r="67392" spans="1:10" x14ac:dyDescent="0.35">
      <c r="A67392" s="1" t="s">
        <v>110357</v>
      </c>
      <c r="B67392" s="1" t="s">
        <v>222693</v>
      </c>
      <c r="C67392" s="1" t="s">
        <v>30</v>
      </c>
      <c r="D67392" s="1" t="s">
        <v>56018</v>
      </c>
      <c r="E67392" s="1" t="s">
        <v>224356</v>
      </c>
      <c r="F67392" s="1" t="s">
        <v>224357</v>
      </c>
      <c r="G67392" s="1" t="s">
        <v>224345</v>
      </c>
      <c r="H67392" s="1" t="s">
        <v>224346</v>
      </c>
      <c r="I67392" s="1" t="s">
        <v>222698</v>
      </c>
      <c r="J67392" s="1" t="s">
        <v>224358</v>
      </c>
    </row>
    <row r="67393" spans="1:10" x14ac:dyDescent="0.35">
      <c r="A67393" s="1" t="s">
        <v>110357</v>
      </c>
      <c r="B67393" s="1" t="s">
        <v>222693</v>
      </c>
      <c r="C67393" s="1" t="s">
        <v>35</v>
      </c>
      <c r="D67393" s="1" t="s">
        <v>224359</v>
      </c>
      <c r="E67393" s="1" t="s">
        <v>224360</v>
      </c>
      <c r="F67393" s="1" t="s">
        <v>224361</v>
      </c>
      <c r="G67393" s="1" t="s">
        <v>224345</v>
      </c>
      <c r="H67393" s="1" t="s">
        <v>224346</v>
      </c>
      <c r="I67393" s="1" t="s">
        <v>222698</v>
      </c>
      <c r="J67393" s="1" t="s">
        <v>224362</v>
      </c>
    </row>
    <row r="67394" spans="1:10" x14ac:dyDescent="0.35">
      <c r="A67394" s="1" t="s">
        <v>110357</v>
      </c>
      <c r="B67394" s="1" t="s">
        <v>222693</v>
      </c>
      <c r="C67394" s="1" t="s">
        <v>40</v>
      </c>
      <c r="D67394" s="1" t="s">
        <v>224363</v>
      </c>
      <c r="E67394" s="1" t="s">
        <v>224364</v>
      </c>
      <c r="F67394" s="1" t="s">
        <v>224365</v>
      </c>
      <c r="G67394" s="1" t="s">
        <v>224345</v>
      </c>
      <c r="H67394" s="1" t="s">
        <v>224346</v>
      </c>
      <c r="I67394" s="1" t="s">
        <v>222698</v>
      </c>
      <c r="J67394" s="1" t="s">
        <v>224366</v>
      </c>
    </row>
    <row r="67395" spans="1:10" x14ac:dyDescent="0.35">
      <c r="A67395" s="1" t="s">
        <v>110357</v>
      </c>
      <c r="B67395" s="1" t="s">
        <v>222693</v>
      </c>
      <c r="C67395" s="1" t="s">
        <v>45</v>
      </c>
      <c r="D67395" s="1" t="s">
        <v>224367</v>
      </c>
      <c r="E67395" s="1" t="s">
        <v>224368</v>
      </c>
      <c r="F67395" s="1" t="s">
        <v>224369</v>
      </c>
      <c r="G67395" s="1" t="s">
        <v>224345</v>
      </c>
      <c r="H67395" s="1" t="s">
        <v>224346</v>
      </c>
      <c r="I67395" s="1" t="s">
        <v>222698</v>
      </c>
      <c r="J67395" s="1" t="s">
        <v>224370</v>
      </c>
    </row>
    <row r="67396" spans="1:10" x14ac:dyDescent="0.35">
      <c r="A67396" s="1" t="s">
        <v>110357</v>
      </c>
      <c r="B67396" s="1" t="s">
        <v>222693</v>
      </c>
      <c r="C67396" s="1" t="s">
        <v>50</v>
      </c>
      <c r="D67396" s="1" t="s">
        <v>67136</v>
      </c>
      <c r="E67396" s="1" t="s">
        <v>224371</v>
      </c>
      <c r="F67396" s="1" t="s">
        <v>224372</v>
      </c>
      <c r="G67396" s="1" t="s">
        <v>224345</v>
      </c>
      <c r="H67396" s="1" t="s">
        <v>224346</v>
      </c>
      <c r="I67396" s="1" t="s">
        <v>222698</v>
      </c>
      <c r="J67396" s="1" t="s">
        <v>224373</v>
      </c>
    </row>
    <row r="67397" spans="1:10" x14ac:dyDescent="0.35">
      <c r="A67397" s="1" t="s">
        <v>110357</v>
      </c>
      <c r="B67397" s="1" t="s">
        <v>222693</v>
      </c>
      <c r="C67397" s="1" t="s">
        <v>55</v>
      </c>
      <c r="D67397" s="1" t="s">
        <v>224374</v>
      </c>
      <c r="E67397" s="1" t="s">
        <v>224375</v>
      </c>
      <c r="F67397" s="1" t="s">
        <v>224376</v>
      </c>
      <c r="G67397" s="1" t="s">
        <v>224345</v>
      </c>
      <c r="H67397" s="1" t="s">
        <v>224346</v>
      </c>
      <c r="I67397" s="1" t="s">
        <v>222698</v>
      </c>
      <c r="J67397" s="1" t="s">
        <v>224377</v>
      </c>
    </row>
    <row r="67398" spans="1:10" x14ac:dyDescent="0.35">
      <c r="A67398" s="1" t="s">
        <v>110357</v>
      </c>
      <c r="B67398" s="1" t="s">
        <v>222693</v>
      </c>
      <c r="C67398" s="1" t="s">
        <v>60</v>
      </c>
      <c r="D67398" s="1" t="s">
        <v>97186</v>
      </c>
      <c r="E67398" s="1" t="s">
        <v>224378</v>
      </c>
      <c r="F67398" s="1" t="s">
        <v>224379</v>
      </c>
      <c r="G67398" s="1" t="s">
        <v>224345</v>
      </c>
      <c r="H67398" s="1" t="s">
        <v>224346</v>
      </c>
      <c r="I67398" s="1" t="s">
        <v>222698</v>
      </c>
      <c r="J67398" s="1" t="s">
        <v>224380</v>
      </c>
    </row>
    <row r="67399" spans="1:10" x14ac:dyDescent="0.35">
      <c r="A67399" s="1" t="s">
        <v>110357</v>
      </c>
      <c r="B67399" s="1" t="s">
        <v>222693</v>
      </c>
      <c r="C67399" s="1" t="s">
        <v>65</v>
      </c>
      <c r="D67399" s="1" t="s">
        <v>97233</v>
      </c>
      <c r="E67399" s="1" t="s">
        <v>224381</v>
      </c>
      <c r="F67399" s="1" t="s">
        <v>224382</v>
      </c>
      <c r="G67399" s="1" t="s">
        <v>224345</v>
      </c>
      <c r="H67399" s="1" t="s">
        <v>224346</v>
      </c>
      <c r="I67399" s="1" t="s">
        <v>222698</v>
      </c>
      <c r="J67399" s="1" t="s">
        <v>224383</v>
      </c>
    </row>
    <row r="67400" spans="1:10" x14ac:dyDescent="0.35">
      <c r="A67400" s="1" t="s">
        <v>110357</v>
      </c>
      <c r="B67400" s="1" t="s">
        <v>222693</v>
      </c>
      <c r="C67400" s="1" t="s">
        <v>70</v>
      </c>
      <c r="D67400" s="1" t="s">
        <v>224384</v>
      </c>
      <c r="E67400" s="1" t="s">
        <v>224385</v>
      </c>
      <c r="F67400" s="1" t="s">
        <v>224386</v>
      </c>
      <c r="G67400" s="1" t="s">
        <v>224345</v>
      </c>
      <c r="H67400" s="1" t="s">
        <v>224346</v>
      </c>
      <c r="I67400" s="1" t="s">
        <v>222698</v>
      </c>
      <c r="J67400" s="1" t="s">
        <v>224387</v>
      </c>
    </row>
    <row r="67401" spans="1:10" x14ac:dyDescent="0.35">
      <c r="A67401" s="1" t="s">
        <v>110357</v>
      </c>
      <c r="B67401" s="1" t="s">
        <v>222693</v>
      </c>
      <c r="C67401" s="1" t="s">
        <v>75</v>
      </c>
      <c r="D67401" s="1" t="s">
        <v>224388</v>
      </c>
      <c r="E67401" s="1" t="s">
        <v>224389</v>
      </c>
      <c r="F67401" s="1" t="s">
        <v>224390</v>
      </c>
      <c r="G67401" s="1" t="s">
        <v>224345</v>
      </c>
      <c r="H67401" s="1" t="s">
        <v>224346</v>
      </c>
      <c r="I67401" s="1" t="s">
        <v>222698</v>
      </c>
      <c r="J67401" s="1" t="s">
        <v>224391</v>
      </c>
    </row>
    <row r="67402" spans="1:10" x14ac:dyDescent="0.35">
      <c r="A67402" s="1" t="s">
        <v>110357</v>
      </c>
      <c r="B67402" s="1" t="s">
        <v>222693</v>
      </c>
      <c r="C67402" s="1" t="s">
        <v>80</v>
      </c>
      <c r="D67402" s="1" t="s">
        <v>23724</v>
      </c>
      <c r="E67402" s="1" t="s">
        <v>224392</v>
      </c>
      <c r="F67402" s="1" t="s">
        <v>224393</v>
      </c>
      <c r="G67402" s="1" t="s">
        <v>224345</v>
      </c>
      <c r="H67402" s="1" t="s">
        <v>224346</v>
      </c>
      <c r="I67402" s="1" t="s">
        <v>222698</v>
      </c>
      <c r="J67402" s="1" t="s">
        <v>224394</v>
      </c>
    </row>
    <row r="67403" spans="1:10" x14ac:dyDescent="0.35">
      <c r="A67403" s="1" t="s">
        <v>110357</v>
      </c>
      <c r="B67403" s="1" t="s">
        <v>222693</v>
      </c>
      <c r="C67403" s="1" t="s">
        <v>85</v>
      </c>
      <c r="D67403" s="1" t="s">
        <v>224395</v>
      </c>
      <c r="E67403" s="1" t="s">
        <v>224396</v>
      </c>
      <c r="F67403" s="1" t="s">
        <v>224397</v>
      </c>
      <c r="G67403" s="1" t="s">
        <v>224345</v>
      </c>
      <c r="H67403" s="1" t="s">
        <v>224346</v>
      </c>
      <c r="I67403" s="1" t="s">
        <v>222698</v>
      </c>
      <c r="J67403" s="1" t="s">
        <v>224398</v>
      </c>
    </row>
    <row r="67404" spans="1:10" x14ac:dyDescent="0.35">
      <c r="A67404" s="1" t="s">
        <v>110357</v>
      </c>
      <c r="B67404" s="1" t="s">
        <v>222693</v>
      </c>
      <c r="C67404" s="1" t="s">
        <v>90</v>
      </c>
      <c r="D67404" s="1" t="s">
        <v>224399</v>
      </c>
      <c r="E67404" s="1" t="s">
        <v>224400</v>
      </c>
      <c r="F67404" s="1" t="s">
        <v>224401</v>
      </c>
      <c r="G67404" s="1" t="s">
        <v>224345</v>
      </c>
      <c r="H67404" s="1" t="s">
        <v>224346</v>
      </c>
      <c r="I67404" s="1" t="s">
        <v>222698</v>
      </c>
      <c r="J67404" s="1" t="s">
        <v>224402</v>
      </c>
    </row>
    <row r="67405" spans="1:10" x14ac:dyDescent="0.35">
      <c r="A67405" s="1" t="s">
        <v>110357</v>
      </c>
      <c r="B67405" s="1" t="s">
        <v>222693</v>
      </c>
      <c r="C67405" s="1" t="s">
        <v>95</v>
      </c>
      <c r="D67405" s="1" t="s">
        <v>224403</v>
      </c>
      <c r="E67405" s="1" t="s">
        <v>224404</v>
      </c>
      <c r="F67405" s="1" t="s">
        <v>224405</v>
      </c>
      <c r="G67405" s="1" t="s">
        <v>224345</v>
      </c>
      <c r="H67405" s="1" t="s">
        <v>224346</v>
      </c>
      <c r="I67405" s="1" t="s">
        <v>222698</v>
      </c>
      <c r="J67405" s="1" t="s">
        <v>224406</v>
      </c>
    </row>
    <row r="67406" spans="1:10" x14ac:dyDescent="0.35">
      <c r="A67406" s="1" t="s">
        <v>110357</v>
      </c>
      <c r="B67406" s="1" t="s">
        <v>222693</v>
      </c>
      <c r="C67406" s="1" t="s">
        <v>100</v>
      </c>
      <c r="D67406" s="1" t="s">
        <v>19973</v>
      </c>
      <c r="E67406" s="1" t="s">
        <v>224407</v>
      </c>
      <c r="F67406" s="1" t="s">
        <v>224408</v>
      </c>
      <c r="G67406" s="1" t="s">
        <v>224345</v>
      </c>
      <c r="H67406" s="1" t="s">
        <v>224346</v>
      </c>
      <c r="I67406" s="1" t="s">
        <v>222698</v>
      </c>
      <c r="J67406" s="1" t="s">
        <v>224409</v>
      </c>
    </row>
    <row r="67407" spans="1:10" x14ac:dyDescent="0.35">
      <c r="A67407" s="1" t="s">
        <v>110357</v>
      </c>
      <c r="B67407" s="1" t="s">
        <v>222693</v>
      </c>
      <c r="C67407" s="1" t="s">
        <v>105</v>
      </c>
      <c r="D67407" s="1" t="s">
        <v>224410</v>
      </c>
      <c r="E67407" s="1" t="s">
        <v>224411</v>
      </c>
      <c r="F67407" s="1" t="s">
        <v>224412</v>
      </c>
      <c r="G67407" s="1" t="s">
        <v>224345</v>
      </c>
      <c r="H67407" s="1" t="s">
        <v>224346</v>
      </c>
      <c r="I67407" s="1" t="s">
        <v>222698</v>
      </c>
      <c r="J67407" s="1" t="s">
        <v>224413</v>
      </c>
    </row>
    <row r="67408" spans="1:10" x14ac:dyDescent="0.35">
      <c r="A67408" s="1" t="s">
        <v>110357</v>
      </c>
      <c r="B67408" s="1" t="s">
        <v>222693</v>
      </c>
      <c r="C67408" s="1" t="s">
        <v>110</v>
      </c>
      <c r="D67408" s="1" t="s">
        <v>224414</v>
      </c>
      <c r="E67408" s="1" t="s">
        <v>224415</v>
      </c>
      <c r="F67408" s="1" t="s">
        <v>224416</v>
      </c>
      <c r="G67408" s="1" t="s">
        <v>224345</v>
      </c>
      <c r="H67408" s="1" t="s">
        <v>224346</v>
      </c>
      <c r="I67408" s="1" t="s">
        <v>222698</v>
      </c>
      <c r="J67408" s="1" t="s">
        <v>224417</v>
      </c>
    </row>
    <row r="67409" spans="1:10" x14ac:dyDescent="0.35">
      <c r="A67409" s="1" t="s">
        <v>110357</v>
      </c>
      <c r="B67409" s="1" t="s">
        <v>222693</v>
      </c>
      <c r="C67409" s="1" t="s">
        <v>115</v>
      </c>
      <c r="D67409" s="1" t="s">
        <v>224418</v>
      </c>
      <c r="E67409" s="1" t="s">
        <v>224419</v>
      </c>
      <c r="F67409" s="1" t="s">
        <v>224420</v>
      </c>
      <c r="G67409" s="1" t="s">
        <v>224345</v>
      </c>
      <c r="H67409" s="1" t="s">
        <v>224346</v>
      </c>
      <c r="I67409" s="1" t="s">
        <v>222698</v>
      </c>
      <c r="J67409" s="1" t="s">
        <v>224421</v>
      </c>
    </row>
    <row r="67410" spans="1:10" x14ac:dyDescent="0.35">
      <c r="A67410" s="1" t="s">
        <v>110357</v>
      </c>
      <c r="B67410" s="1" t="s">
        <v>222693</v>
      </c>
      <c r="C67410" s="1" t="s">
        <v>120</v>
      </c>
      <c r="D67410" s="1" t="s">
        <v>224422</v>
      </c>
      <c r="E67410" s="1" t="s">
        <v>224423</v>
      </c>
      <c r="F67410" s="1" t="s">
        <v>224424</v>
      </c>
      <c r="G67410" s="1" t="s">
        <v>224345</v>
      </c>
      <c r="H67410" s="1" t="s">
        <v>224346</v>
      </c>
      <c r="I67410" s="1" t="s">
        <v>222698</v>
      </c>
      <c r="J67410" s="1" t="s">
        <v>224425</v>
      </c>
    </row>
    <row r="67411" spans="1:10" x14ac:dyDescent="0.35">
      <c r="A67411" s="1" t="s">
        <v>110357</v>
      </c>
      <c r="B67411" s="1" t="s">
        <v>222693</v>
      </c>
      <c r="C67411" s="1" t="s">
        <v>125</v>
      </c>
      <c r="D67411" s="1" t="s">
        <v>224426</v>
      </c>
      <c r="E67411" s="1" t="s">
        <v>224427</v>
      </c>
      <c r="F67411" s="1" t="s">
        <v>224428</v>
      </c>
      <c r="G67411" s="1" t="s">
        <v>224345</v>
      </c>
      <c r="H67411" s="1" t="s">
        <v>224346</v>
      </c>
      <c r="I67411" s="1" t="s">
        <v>222698</v>
      </c>
      <c r="J67411" s="1" t="s">
        <v>224429</v>
      </c>
    </row>
    <row r="67412" spans="1:10" x14ac:dyDescent="0.35">
      <c r="A67412" s="1" t="s">
        <v>110357</v>
      </c>
      <c r="B67412" s="1" t="s">
        <v>222693</v>
      </c>
      <c r="C67412" s="1" t="s">
        <v>130</v>
      </c>
      <c r="D67412" s="1" t="s">
        <v>224430</v>
      </c>
      <c r="E67412" s="1" t="s">
        <v>224431</v>
      </c>
      <c r="F67412" s="1" t="s">
        <v>224432</v>
      </c>
      <c r="G67412" s="1" t="s">
        <v>224345</v>
      </c>
      <c r="H67412" s="1" t="s">
        <v>224346</v>
      </c>
      <c r="I67412" s="1" t="s">
        <v>222698</v>
      </c>
      <c r="J67412" s="1" t="s">
        <v>224433</v>
      </c>
    </row>
    <row r="67413" spans="1:10" x14ac:dyDescent="0.35">
      <c r="A67413" s="1" t="s">
        <v>110357</v>
      </c>
      <c r="B67413" s="1" t="s">
        <v>222693</v>
      </c>
      <c r="C67413" s="1" t="s">
        <v>135</v>
      </c>
      <c r="D67413" s="1" t="s">
        <v>59145</v>
      </c>
      <c r="E67413" s="1" t="s">
        <v>224434</v>
      </c>
      <c r="F67413" s="1" t="s">
        <v>224435</v>
      </c>
      <c r="G67413" s="1" t="s">
        <v>224345</v>
      </c>
      <c r="H67413" s="1" t="s">
        <v>224346</v>
      </c>
      <c r="I67413" s="1" t="s">
        <v>222698</v>
      </c>
      <c r="J67413" s="1" t="s">
        <v>224436</v>
      </c>
    </row>
    <row r="67414" spans="1:10" x14ac:dyDescent="0.35">
      <c r="A67414" s="1" t="s">
        <v>110357</v>
      </c>
      <c r="B67414" s="1" t="s">
        <v>222693</v>
      </c>
      <c r="C67414" s="1" t="s">
        <v>140</v>
      </c>
      <c r="D67414" s="1" t="s">
        <v>224437</v>
      </c>
      <c r="E67414" s="1" t="s">
        <v>224438</v>
      </c>
      <c r="F67414" s="1" t="s">
        <v>224439</v>
      </c>
      <c r="G67414" s="1" t="s">
        <v>224345</v>
      </c>
      <c r="H67414" s="1" t="s">
        <v>224346</v>
      </c>
      <c r="I67414" s="1" t="s">
        <v>222698</v>
      </c>
      <c r="J67414" s="1" t="s">
        <v>224440</v>
      </c>
    </row>
    <row r="67415" spans="1:10" x14ac:dyDescent="0.35">
      <c r="A67415" s="1" t="s">
        <v>110357</v>
      </c>
      <c r="B67415" s="1" t="s">
        <v>222693</v>
      </c>
      <c r="C67415" s="1" t="s">
        <v>145</v>
      </c>
      <c r="D67415" s="1" t="s">
        <v>224441</v>
      </c>
      <c r="E67415" s="1" t="s">
        <v>224442</v>
      </c>
      <c r="F67415" s="1" t="s">
        <v>224443</v>
      </c>
      <c r="G67415" s="1" t="s">
        <v>224345</v>
      </c>
      <c r="H67415" s="1" t="s">
        <v>224346</v>
      </c>
      <c r="I67415" s="1" t="s">
        <v>222698</v>
      </c>
      <c r="J67415" s="1" t="s">
        <v>224444</v>
      </c>
    </row>
    <row r="67416" spans="1:10" x14ac:dyDescent="0.35">
      <c r="A67416" s="1" t="s">
        <v>110357</v>
      </c>
      <c r="B67416" s="1" t="s">
        <v>222693</v>
      </c>
      <c r="C67416" s="1" t="s">
        <v>150</v>
      </c>
      <c r="D67416" s="1" t="s">
        <v>224445</v>
      </c>
      <c r="E67416" s="1" t="s">
        <v>224446</v>
      </c>
      <c r="F67416" s="1" t="s">
        <v>224447</v>
      </c>
      <c r="G67416" s="1" t="s">
        <v>224345</v>
      </c>
      <c r="H67416" s="1" t="s">
        <v>224346</v>
      </c>
      <c r="I67416" s="1" t="s">
        <v>222698</v>
      </c>
      <c r="J67416" s="1" t="s">
        <v>224448</v>
      </c>
    </row>
    <row r="67417" spans="1:10" x14ac:dyDescent="0.35">
      <c r="A67417" s="1" t="s">
        <v>110357</v>
      </c>
      <c r="B67417" s="1" t="s">
        <v>222693</v>
      </c>
      <c r="C67417" s="1" t="s">
        <v>155</v>
      </c>
      <c r="D67417" s="1" t="s">
        <v>224449</v>
      </c>
      <c r="E67417" s="1" t="s">
        <v>224450</v>
      </c>
      <c r="F67417" s="1" t="s">
        <v>224451</v>
      </c>
      <c r="G67417" s="1" t="s">
        <v>224345</v>
      </c>
      <c r="H67417" s="1" t="s">
        <v>224346</v>
      </c>
      <c r="I67417" s="1" t="s">
        <v>222698</v>
      </c>
      <c r="J67417" s="1" t="s">
        <v>224452</v>
      </c>
    </row>
    <row r="67418" spans="1:10" x14ac:dyDescent="0.35">
      <c r="A67418" s="1" t="s">
        <v>110357</v>
      </c>
      <c r="B67418" s="1" t="s">
        <v>222693</v>
      </c>
      <c r="C67418" s="1" t="s">
        <v>160</v>
      </c>
      <c r="D67418" s="1" t="s">
        <v>224453</v>
      </c>
      <c r="E67418" s="1" t="s">
        <v>224454</v>
      </c>
      <c r="F67418" s="1" t="s">
        <v>224455</v>
      </c>
      <c r="G67418" s="1" t="s">
        <v>224345</v>
      </c>
      <c r="H67418" s="1" t="s">
        <v>224346</v>
      </c>
      <c r="I67418" s="1" t="s">
        <v>222698</v>
      </c>
      <c r="J67418" s="1" t="s">
        <v>224456</v>
      </c>
    </row>
    <row r="67419" spans="1:10" x14ac:dyDescent="0.35">
      <c r="A67419" s="1" t="s">
        <v>110357</v>
      </c>
      <c r="B67419" s="1" t="s">
        <v>222693</v>
      </c>
      <c r="C67419" s="1" t="s">
        <v>165</v>
      </c>
      <c r="D67419" s="1" t="s">
        <v>224457</v>
      </c>
      <c r="E67419" s="1" t="s">
        <v>224458</v>
      </c>
      <c r="F67419" s="1" t="s">
        <v>224459</v>
      </c>
      <c r="G67419" s="1" t="s">
        <v>224345</v>
      </c>
      <c r="H67419" s="1" t="s">
        <v>224346</v>
      </c>
      <c r="I67419" s="1" t="s">
        <v>222698</v>
      </c>
      <c r="J67419" s="1" t="s">
        <v>224460</v>
      </c>
    </row>
    <row r="67420" spans="1:10" x14ac:dyDescent="0.35">
      <c r="A67420" s="1" t="s">
        <v>110357</v>
      </c>
      <c r="B67420" s="1" t="s">
        <v>222693</v>
      </c>
      <c r="C67420" s="1" t="s">
        <v>170</v>
      </c>
      <c r="D67420" s="1" t="s">
        <v>224461</v>
      </c>
      <c r="E67420" s="1" t="s">
        <v>224462</v>
      </c>
      <c r="F67420" s="1" t="s">
        <v>224463</v>
      </c>
      <c r="G67420" s="1" t="s">
        <v>224345</v>
      </c>
      <c r="H67420" s="1" t="s">
        <v>224346</v>
      </c>
      <c r="I67420" s="1" t="s">
        <v>222698</v>
      </c>
      <c r="J67420" s="1" t="s">
        <v>224464</v>
      </c>
    </row>
    <row r="67421" spans="1:10" x14ac:dyDescent="0.35">
      <c r="A67421" s="1" t="s">
        <v>8325</v>
      </c>
      <c r="B67421" s="1" t="s">
        <v>222693</v>
      </c>
      <c r="C67421" s="1" t="s">
        <v>8</v>
      </c>
      <c r="D67421" s="1" t="s">
        <v>62381</v>
      </c>
      <c r="E67421" s="1" t="s">
        <v>224465</v>
      </c>
      <c r="F67421" s="1" t="s">
        <v>224466</v>
      </c>
      <c r="G67421" s="1" t="s">
        <v>224467</v>
      </c>
      <c r="H67421" s="1" t="s">
        <v>224468</v>
      </c>
      <c r="I67421" s="1" t="s">
        <v>222698</v>
      </c>
      <c r="J67421" s="1" t="s">
        <v>13</v>
      </c>
    </row>
    <row r="67422" spans="1:10" x14ac:dyDescent="0.35">
      <c r="A67422" s="1" t="s">
        <v>8325</v>
      </c>
      <c r="B67422" s="1" t="s">
        <v>222693</v>
      </c>
      <c r="C67422" s="1" t="s">
        <v>15</v>
      </c>
      <c r="D67422" s="1" t="s">
        <v>224469</v>
      </c>
      <c r="E67422" s="1" t="s">
        <v>224470</v>
      </c>
      <c r="F67422" s="1" t="s">
        <v>224471</v>
      </c>
      <c r="G67422" s="1" t="s">
        <v>224467</v>
      </c>
      <c r="H67422" s="1" t="s">
        <v>224468</v>
      </c>
      <c r="I67422" s="1" t="s">
        <v>222698</v>
      </c>
      <c r="J67422" s="1" t="s">
        <v>224472</v>
      </c>
    </row>
    <row r="67423" spans="1:10" x14ac:dyDescent="0.35">
      <c r="A67423" s="1" t="s">
        <v>8325</v>
      </c>
      <c r="B67423" s="1" t="s">
        <v>222693</v>
      </c>
      <c r="C67423" s="1" t="s">
        <v>20</v>
      </c>
      <c r="D67423" s="1" t="s">
        <v>2738</v>
      </c>
      <c r="E67423" s="1" t="s">
        <v>224473</v>
      </c>
      <c r="F67423" s="1" t="s">
        <v>224474</v>
      </c>
      <c r="G67423" s="1" t="s">
        <v>224467</v>
      </c>
      <c r="H67423" s="1" t="s">
        <v>224468</v>
      </c>
      <c r="I67423" s="1" t="s">
        <v>222698</v>
      </c>
      <c r="J67423" s="1" t="s">
        <v>224475</v>
      </c>
    </row>
    <row r="67424" spans="1:10" x14ac:dyDescent="0.35">
      <c r="A67424" s="1" t="s">
        <v>8325</v>
      </c>
      <c r="B67424" s="1" t="s">
        <v>222693</v>
      </c>
      <c r="C67424" s="1" t="s">
        <v>25</v>
      </c>
      <c r="D67424" s="1" t="s">
        <v>102664</v>
      </c>
      <c r="E67424" s="1" t="s">
        <v>224476</v>
      </c>
      <c r="F67424" s="1" t="s">
        <v>224477</v>
      </c>
      <c r="G67424" s="1" t="s">
        <v>224467</v>
      </c>
      <c r="H67424" s="1" t="s">
        <v>224468</v>
      </c>
      <c r="I67424" s="1" t="s">
        <v>222698</v>
      </c>
      <c r="J67424" s="1" t="s">
        <v>224478</v>
      </c>
    </row>
    <row r="67425" spans="1:10" x14ac:dyDescent="0.35">
      <c r="A67425" s="1" t="s">
        <v>8325</v>
      </c>
      <c r="B67425" s="1" t="s">
        <v>222693</v>
      </c>
      <c r="C67425" s="1" t="s">
        <v>30</v>
      </c>
      <c r="D67425" s="1" t="s">
        <v>166231</v>
      </c>
      <c r="E67425" s="1" t="s">
        <v>224479</v>
      </c>
      <c r="F67425" s="1" t="s">
        <v>224480</v>
      </c>
      <c r="G67425" s="1" t="s">
        <v>224467</v>
      </c>
      <c r="H67425" s="1" t="s">
        <v>224468</v>
      </c>
      <c r="I67425" s="1" t="s">
        <v>222698</v>
      </c>
      <c r="J67425" s="1" t="s">
        <v>224481</v>
      </c>
    </row>
    <row r="67426" spans="1:10" x14ac:dyDescent="0.35">
      <c r="A67426" s="1" t="s">
        <v>8325</v>
      </c>
      <c r="B67426" s="1" t="s">
        <v>222693</v>
      </c>
      <c r="C67426" s="1" t="s">
        <v>35</v>
      </c>
      <c r="D67426" s="1" t="s">
        <v>61768</v>
      </c>
      <c r="E67426" s="1" t="s">
        <v>224482</v>
      </c>
      <c r="F67426" s="1" t="s">
        <v>224483</v>
      </c>
      <c r="G67426" s="1" t="s">
        <v>224467</v>
      </c>
      <c r="H67426" s="1" t="s">
        <v>224468</v>
      </c>
      <c r="I67426" s="1" t="s">
        <v>222698</v>
      </c>
      <c r="J67426" s="1" t="s">
        <v>224484</v>
      </c>
    </row>
    <row r="67427" spans="1:10" x14ac:dyDescent="0.35">
      <c r="A67427" s="1" t="s">
        <v>8325</v>
      </c>
      <c r="B67427" s="1" t="s">
        <v>222693</v>
      </c>
      <c r="C67427" s="1" t="s">
        <v>40</v>
      </c>
      <c r="D67427" s="1" t="s">
        <v>224485</v>
      </c>
      <c r="E67427" s="1" t="s">
        <v>224486</v>
      </c>
      <c r="F67427" s="1" t="s">
        <v>224487</v>
      </c>
      <c r="G67427" s="1" t="s">
        <v>224467</v>
      </c>
      <c r="H67427" s="1" t="s">
        <v>224468</v>
      </c>
      <c r="I67427" s="1" t="s">
        <v>222698</v>
      </c>
      <c r="J67427" s="1" t="s">
        <v>224488</v>
      </c>
    </row>
    <row r="67428" spans="1:10" x14ac:dyDescent="0.35">
      <c r="A67428" s="1" t="s">
        <v>8325</v>
      </c>
      <c r="B67428" s="1" t="s">
        <v>222693</v>
      </c>
      <c r="C67428" s="1" t="s">
        <v>45</v>
      </c>
      <c r="D67428" s="1" t="s">
        <v>66232</v>
      </c>
      <c r="E67428" s="1" t="s">
        <v>224489</v>
      </c>
      <c r="F67428" s="1" t="s">
        <v>224490</v>
      </c>
      <c r="G67428" s="1" t="s">
        <v>224467</v>
      </c>
      <c r="H67428" s="1" t="s">
        <v>224468</v>
      </c>
      <c r="I67428" s="1" t="s">
        <v>222698</v>
      </c>
      <c r="J67428" s="1" t="s">
        <v>224491</v>
      </c>
    </row>
    <row r="67429" spans="1:10" x14ac:dyDescent="0.35">
      <c r="A67429" s="1" t="s">
        <v>8325</v>
      </c>
      <c r="B67429" s="1" t="s">
        <v>222693</v>
      </c>
      <c r="C67429" s="1" t="s">
        <v>50</v>
      </c>
      <c r="D67429" s="1" t="s">
        <v>56624</v>
      </c>
      <c r="E67429" s="1" t="s">
        <v>224492</v>
      </c>
      <c r="F67429" s="1" t="s">
        <v>224493</v>
      </c>
      <c r="G67429" s="1" t="s">
        <v>224467</v>
      </c>
      <c r="H67429" s="1" t="s">
        <v>224468</v>
      </c>
      <c r="I67429" s="1" t="s">
        <v>222698</v>
      </c>
      <c r="J67429" s="1" t="s">
        <v>224494</v>
      </c>
    </row>
    <row r="67430" spans="1:10" x14ac:dyDescent="0.35">
      <c r="A67430" s="1" t="s">
        <v>8325</v>
      </c>
      <c r="B67430" s="1" t="s">
        <v>222693</v>
      </c>
      <c r="C67430" s="1" t="s">
        <v>55</v>
      </c>
      <c r="D67430" s="1" t="s">
        <v>69808</v>
      </c>
      <c r="E67430" s="1" t="s">
        <v>224495</v>
      </c>
      <c r="F67430" s="1" t="s">
        <v>224496</v>
      </c>
      <c r="G67430" s="1" t="s">
        <v>224467</v>
      </c>
      <c r="H67430" s="1" t="s">
        <v>224468</v>
      </c>
      <c r="I67430" s="1" t="s">
        <v>222698</v>
      </c>
      <c r="J67430" s="1" t="s">
        <v>224497</v>
      </c>
    </row>
    <row r="67431" spans="1:10" x14ac:dyDescent="0.35">
      <c r="A67431" s="1" t="s">
        <v>8325</v>
      </c>
      <c r="B67431" s="1" t="s">
        <v>222693</v>
      </c>
      <c r="C67431" s="1" t="s">
        <v>60</v>
      </c>
      <c r="D67431" s="1" t="s">
        <v>81054</v>
      </c>
      <c r="E67431" s="1" t="s">
        <v>224498</v>
      </c>
      <c r="F67431" s="1" t="s">
        <v>224499</v>
      </c>
      <c r="G67431" s="1" t="s">
        <v>224467</v>
      </c>
      <c r="H67431" s="1" t="s">
        <v>224468</v>
      </c>
      <c r="I67431" s="1" t="s">
        <v>222698</v>
      </c>
      <c r="J67431" s="1" t="s">
        <v>224500</v>
      </c>
    </row>
    <row r="67432" spans="1:10" x14ac:dyDescent="0.35">
      <c r="A67432" s="1" t="s">
        <v>8325</v>
      </c>
      <c r="B67432" s="1" t="s">
        <v>222693</v>
      </c>
      <c r="C67432" s="1" t="s">
        <v>65</v>
      </c>
      <c r="D67432" s="1" t="s">
        <v>224501</v>
      </c>
      <c r="E67432" s="1" t="s">
        <v>224502</v>
      </c>
      <c r="F67432" s="1" t="s">
        <v>224503</v>
      </c>
      <c r="G67432" s="1" t="s">
        <v>224467</v>
      </c>
      <c r="H67432" s="1" t="s">
        <v>224468</v>
      </c>
      <c r="I67432" s="1" t="s">
        <v>222698</v>
      </c>
      <c r="J67432" s="1" t="s">
        <v>224504</v>
      </c>
    </row>
    <row r="67433" spans="1:10" x14ac:dyDescent="0.35">
      <c r="A67433" s="1" t="s">
        <v>8325</v>
      </c>
      <c r="B67433" s="1" t="s">
        <v>222693</v>
      </c>
      <c r="C67433" s="1" t="s">
        <v>70</v>
      </c>
      <c r="D67433" s="1" t="s">
        <v>224505</v>
      </c>
      <c r="E67433" s="1" t="s">
        <v>224506</v>
      </c>
      <c r="F67433" s="1" t="s">
        <v>224507</v>
      </c>
      <c r="G67433" s="1" t="s">
        <v>224467</v>
      </c>
      <c r="H67433" s="1" t="s">
        <v>224468</v>
      </c>
      <c r="I67433" s="1" t="s">
        <v>222698</v>
      </c>
      <c r="J67433" s="1" t="s">
        <v>224508</v>
      </c>
    </row>
    <row r="67434" spans="1:10" x14ac:dyDescent="0.35">
      <c r="A67434" s="1" t="s">
        <v>8325</v>
      </c>
      <c r="B67434" s="1" t="s">
        <v>222693</v>
      </c>
      <c r="C67434" s="1" t="s">
        <v>75</v>
      </c>
      <c r="D67434" s="1" t="s">
        <v>224509</v>
      </c>
      <c r="E67434" s="1" t="s">
        <v>224510</v>
      </c>
      <c r="F67434" s="1" t="s">
        <v>224511</v>
      </c>
      <c r="G67434" s="1" t="s">
        <v>224467</v>
      </c>
      <c r="H67434" s="1" t="s">
        <v>224468</v>
      </c>
      <c r="I67434" s="1" t="s">
        <v>222698</v>
      </c>
      <c r="J67434" s="1" t="s">
        <v>224512</v>
      </c>
    </row>
    <row r="67435" spans="1:10" x14ac:dyDescent="0.35">
      <c r="A67435" s="1" t="s">
        <v>8325</v>
      </c>
      <c r="B67435" s="1" t="s">
        <v>222693</v>
      </c>
      <c r="C67435" s="1" t="s">
        <v>80</v>
      </c>
      <c r="D67435" s="1" t="s">
        <v>224513</v>
      </c>
      <c r="E67435" s="1" t="s">
        <v>224514</v>
      </c>
      <c r="F67435" s="1" t="s">
        <v>224515</v>
      </c>
      <c r="G67435" s="1" t="s">
        <v>224467</v>
      </c>
      <c r="H67435" s="1" t="s">
        <v>224468</v>
      </c>
      <c r="I67435" s="1" t="s">
        <v>222698</v>
      </c>
      <c r="J67435" s="1" t="s">
        <v>224516</v>
      </c>
    </row>
    <row r="67436" spans="1:10" x14ac:dyDescent="0.35">
      <c r="A67436" s="1" t="s">
        <v>8325</v>
      </c>
      <c r="B67436" s="1" t="s">
        <v>222693</v>
      </c>
      <c r="C67436" s="1" t="s">
        <v>85</v>
      </c>
      <c r="D67436" s="1" t="s">
        <v>224517</v>
      </c>
      <c r="E67436" s="1" t="s">
        <v>224518</v>
      </c>
      <c r="F67436" s="1" t="s">
        <v>224519</v>
      </c>
      <c r="G67436" s="1" t="s">
        <v>224467</v>
      </c>
      <c r="H67436" s="1" t="s">
        <v>224468</v>
      </c>
      <c r="I67436" s="1" t="s">
        <v>222698</v>
      </c>
      <c r="J67436" s="1" t="s">
        <v>224520</v>
      </c>
    </row>
    <row r="67437" spans="1:10" x14ac:dyDescent="0.35">
      <c r="A67437" s="1" t="s">
        <v>8325</v>
      </c>
      <c r="B67437" s="1" t="s">
        <v>222693</v>
      </c>
      <c r="C67437" s="1" t="s">
        <v>90</v>
      </c>
      <c r="D67437" s="1" t="s">
        <v>224521</v>
      </c>
      <c r="E67437" s="1" t="s">
        <v>224522</v>
      </c>
      <c r="F67437" s="1" t="s">
        <v>224523</v>
      </c>
      <c r="G67437" s="1" t="s">
        <v>224467</v>
      </c>
      <c r="H67437" s="1" t="s">
        <v>224468</v>
      </c>
      <c r="I67437" s="1" t="s">
        <v>222698</v>
      </c>
      <c r="J67437" s="1" t="s">
        <v>224524</v>
      </c>
    </row>
    <row r="67438" spans="1:10" x14ac:dyDescent="0.35">
      <c r="A67438" s="1" t="s">
        <v>8325</v>
      </c>
      <c r="B67438" s="1" t="s">
        <v>222693</v>
      </c>
      <c r="C67438" s="1" t="s">
        <v>95</v>
      </c>
      <c r="D67438" s="1" t="s">
        <v>224525</v>
      </c>
      <c r="E67438" s="1" t="s">
        <v>224526</v>
      </c>
      <c r="F67438" s="1" t="s">
        <v>224527</v>
      </c>
      <c r="G67438" s="1" t="s">
        <v>224467</v>
      </c>
      <c r="H67438" s="1" t="s">
        <v>224468</v>
      </c>
      <c r="I67438" s="1" t="s">
        <v>222698</v>
      </c>
      <c r="J67438" s="1" t="s">
        <v>224528</v>
      </c>
    </row>
    <row r="67439" spans="1:10" x14ac:dyDescent="0.35">
      <c r="A67439" s="1" t="s">
        <v>8325</v>
      </c>
      <c r="B67439" s="1" t="s">
        <v>222693</v>
      </c>
      <c r="C67439" s="1" t="s">
        <v>100</v>
      </c>
      <c r="D67439" s="1" t="s">
        <v>224529</v>
      </c>
      <c r="E67439" s="1" t="s">
        <v>224530</v>
      </c>
      <c r="F67439" s="1" t="s">
        <v>224531</v>
      </c>
      <c r="G67439" s="1" t="s">
        <v>224467</v>
      </c>
      <c r="H67439" s="1" t="s">
        <v>224468</v>
      </c>
      <c r="I67439" s="1" t="s">
        <v>222698</v>
      </c>
      <c r="J67439" s="1" t="s">
        <v>224532</v>
      </c>
    </row>
    <row r="67440" spans="1:10" x14ac:dyDescent="0.35">
      <c r="A67440" s="1" t="s">
        <v>8325</v>
      </c>
      <c r="B67440" s="1" t="s">
        <v>222693</v>
      </c>
      <c r="C67440" s="1" t="s">
        <v>105</v>
      </c>
      <c r="D67440" s="1" t="s">
        <v>224533</v>
      </c>
      <c r="E67440" s="1" t="s">
        <v>224534</v>
      </c>
      <c r="F67440" s="1" t="s">
        <v>224535</v>
      </c>
      <c r="G67440" s="1" t="s">
        <v>224467</v>
      </c>
      <c r="H67440" s="1" t="s">
        <v>224468</v>
      </c>
      <c r="I67440" s="1" t="s">
        <v>222698</v>
      </c>
      <c r="J67440" s="1" t="s">
        <v>224536</v>
      </c>
    </row>
    <row r="67441" spans="1:10" x14ac:dyDescent="0.35">
      <c r="A67441" s="1" t="s">
        <v>8325</v>
      </c>
      <c r="B67441" s="1" t="s">
        <v>222693</v>
      </c>
      <c r="C67441" s="1" t="s">
        <v>110</v>
      </c>
      <c r="D67441" s="1" t="s">
        <v>224537</v>
      </c>
      <c r="E67441" s="1" t="s">
        <v>224538</v>
      </c>
      <c r="F67441" s="1" t="s">
        <v>224539</v>
      </c>
      <c r="G67441" s="1" t="s">
        <v>224467</v>
      </c>
      <c r="H67441" s="1" t="s">
        <v>224468</v>
      </c>
      <c r="I67441" s="1" t="s">
        <v>222698</v>
      </c>
      <c r="J67441" s="1" t="s">
        <v>224540</v>
      </c>
    </row>
    <row r="67442" spans="1:10" x14ac:dyDescent="0.35">
      <c r="A67442" s="1" t="s">
        <v>8325</v>
      </c>
      <c r="B67442" s="1" t="s">
        <v>222693</v>
      </c>
      <c r="C67442" s="1" t="s">
        <v>115</v>
      </c>
      <c r="D67442" s="1" t="s">
        <v>224541</v>
      </c>
      <c r="E67442" s="1" t="s">
        <v>224542</v>
      </c>
      <c r="F67442" s="1" t="s">
        <v>224543</v>
      </c>
      <c r="G67442" s="1" t="s">
        <v>224467</v>
      </c>
      <c r="H67442" s="1" t="s">
        <v>224468</v>
      </c>
      <c r="I67442" s="1" t="s">
        <v>222698</v>
      </c>
      <c r="J67442" s="1" t="s">
        <v>224544</v>
      </c>
    </row>
    <row r="67443" spans="1:10" x14ac:dyDescent="0.35">
      <c r="A67443" s="1" t="s">
        <v>8325</v>
      </c>
      <c r="B67443" s="1" t="s">
        <v>222693</v>
      </c>
      <c r="C67443" s="1" t="s">
        <v>120</v>
      </c>
      <c r="D67443" s="1" t="s">
        <v>224545</v>
      </c>
      <c r="E67443" s="1" t="s">
        <v>224546</v>
      </c>
      <c r="F67443" s="1" t="s">
        <v>224547</v>
      </c>
      <c r="G67443" s="1" t="s">
        <v>224467</v>
      </c>
      <c r="H67443" s="1" t="s">
        <v>224468</v>
      </c>
      <c r="I67443" s="1" t="s">
        <v>222698</v>
      </c>
      <c r="J67443" s="1" t="s">
        <v>224548</v>
      </c>
    </row>
    <row r="67444" spans="1:10" x14ac:dyDescent="0.35">
      <c r="A67444" s="1" t="s">
        <v>8325</v>
      </c>
      <c r="B67444" s="1" t="s">
        <v>222693</v>
      </c>
      <c r="C67444" s="1" t="s">
        <v>125</v>
      </c>
      <c r="D67444" s="1" t="s">
        <v>162871</v>
      </c>
      <c r="E67444" s="1" t="s">
        <v>224549</v>
      </c>
      <c r="F67444" s="1" t="s">
        <v>224550</v>
      </c>
      <c r="G67444" s="1" t="s">
        <v>224467</v>
      </c>
      <c r="H67444" s="1" t="s">
        <v>224468</v>
      </c>
      <c r="I67444" s="1" t="s">
        <v>222698</v>
      </c>
      <c r="J67444" s="1" t="s">
        <v>224551</v>
      </c>
    </row>
    <row r="67445" spans="1:10" x14ac:dyDescent="0.35">
      <c r="A67445" s="1" t="s">
        <v>8325</v>
      </c>
      <c r="B67445" s="1" t="s">
        <v>222693</v>
      </c>
      <c r="C67445" s="1" t="s">
        <v>130</v>
      </c>
      <c r="D67445" s="1" t="s">
        <v>224552</v>
      </c>
      <c r="E67445" s="1" t="s">
        <v>224553</v>
      </c>
      <c r="F67445" s="1" t="s">
        <v>224554</v>
      </c>
      <c r="G67445" s="1" t="s">
        <v>224467</v>
      </c>
      <c r="H67445" s="1" t="s">
        <v>224468</v>
      </c>
      <c r="I67445" s="1" t="s">
        <v>222698</v>
      </c>
      <c r="J67445" s="1" t="s">
        <v>224555</v>
      </c>
    </row>
    <row r="67446" spans="1:10" x14ac:dyDescent="0.35">
      <c r="A67446" s="1" t="s">
        <v>8325</v>
      </c>
      <c r="B67446" s="1" t="s">
        <v>222693</v>
      </c>
      <c r="C67446" s="1" t="s">
        <v>135</v>
      </c>
      <c r="D67446" s="1" t="s">
        <v>11906</v>
      </c>
      <c r="E67446" s="1" t="s">
        <v>224556</v>
      </c>
      <c r="F67446" s="1" t="s">
        <v>224557</v>
      </c>
      <c r="G67446" s="1" t="s">
        <v>224467</v>
      </c>
      <c r="H67446" s="1" t="s">
        <v>224468</v>
      </c>
      <c r="I67446" s="1" t="s">
        <v>222698</v>
      </c>
      <c r="J67446" s="1" t="s">
        <v>224558</v>
      </c>
    </row>
    <row r="67447" spans="1:10" x14ac:dyDescent="0.35">
      <c r="A67447" s="1" t="s">
        <v>8325</v>
      </c>
      <c r="B67447" s="1" t="s">
        <v>222693</v>
      </c>
      <c r="C67447" s="1" t="s">
        <v>140</v>
      </c>
      <c r="D67447" s="1" t="s">
        <v>126954</v>
      </c>
      <c r="E67447" s="1" t="s">
        <v>224559</v>
      </c>
      <c r="F67447" s="1" t="s">
        <v>224560</v>
      </c>
      <c r="G67447" s="1" t="s">
        <v>224467</v>
      </c>
      <c r="H67447" s="1" t="s">
        <v>224468</v>
      </c>
      <c r="I67447" s="1" t="s">
        <v>222698</v>
      </c>
      <c r="J67447" s="1" t="s">
        <v>224561</v>
      </c>
    </row>
    <row r="67448" spans="1:10" x14ac:dyDescent="0.35">
      <c r="A67448" s="1" t="s">
        <v>8325</v>
      </c>
      <c r="B67448" s="1" t="s">
        <v>222693</v>
      </c>
      <c r="C67448" s="1" t="s">
        <v>145</v>
      </c>
      <c r="D67448" s="1" t="s">
        <v>126879</v>
      </c>
      <c r="E67448" s="1" t="s">
        <v>224562</v>
      </c>
      <c r="F67448" s="1" t="s">
        <v>224563</v>
      </c>
      <c r="G67448" s="1" t="s">
        <v>224467</v>
      </c>
      <c r="H67448" s="1" t="s">
        <v>224468</v>
      </c>
      <c r="I67448" s="1" t="s">
        <v>222698</v>
      </c>
      <c r="J67448" s="1" t="s">
        <v>224564</v>
      </c>
    </row>
    <row r="67449" spans="1:10" x14ac:dyDescent="0.35">
      <c r="A67449" s="1" t="s">
        <v>8325</v>
      </c>
      <c r="B67449" s="1" t="s">
        <v>222693</v>
      </c>
      <c r="C67449" s="1" t="s">
        <v>150</v>
      </c>
      <c r="D67449" s="1" t="s">
        <v>224565</v>
      </c>
      <c r="E67449" s="1" t="s">
        <v>224566</v>
      </c>
      <c r="F67449" s="1" t="s">
        <v>224567</v>
      </c>
      <c r="G67449" s="1" t="s">
        <v>224467</v>
      </c>
      <c r="H67449" s="1" t="s">
        <v>224468</v>
      </c>
      <c r="I67449" s="1" t="s">
        <v>222698</v>
      </c>
      <c r="J67449" s="1" t="s">
        <v>224568</v>
      </c>
    </row>
    <row r="67450" spans="1:10" x14ac:dyDescent="0.35">
      <c r="A67450" s="1" t="s">
        <v>8325</v>
      </c>
      <c r="B67450" s="1" t="s">
        <v>222693</v>
      </c>
      <c r="C67450" s="1" t="s">
        <v>155</v>
      </c>
      <c r="D67450" s="1" t="s">
        <v>224569</v>
      </c>
      <c r="E67450" s="1" t="s">
        <v>224570</v>
      </c>
      <c r="F67450" s="1" t="s">
        <v>224571</v>
      </c>
      <c r="G67450" s="1" t="s">
        <v>224467</v>
      </c>
      <c r="H67450" s="1" t="s">
        <v>224468</v>
      </c>
      <c r="I67450" s="1" t="s">
        <v>222698</v>
      </c>
      <c r="J67450" s="1" t="s">
        <v>224572</v>
      </c>
    </row>
    <row r="67451" spans="1:10" x14ac:dyDescent="0.35">
      <c r="A67451" s="1" t="s">
        <v>8325</v>
      </c>
      <c r="B67451" s="1" t="s">
        <v>222693</v>
      </c>
      <c r="C67451" s="1" t="s">
        <v>160</v>
      </c>
      <c r="D67451" s="1" t="s">
        <v>224573</v>
      </c>
      <c r="E67451" s="1" t="s">
        <v>224574</v>
      </c>
      <c r="F67451" s="1" t="s">
        <v>224575</v>
      </c>
      <c r="G67451" s="1" t="s">
        <v>224467</v>
      </c>
      <c r="H67451" s="1" t="s">
        <v>224468</v>
      </c>
      <c r="I67451" s="1" t="s">
        <v>222698</v>
      </c>
      <c r="J67451" s="1" t="s">
        <v>224576</v>
      </c>
    </row>
    <row r="67452" spans="1:10" x14ac:dyDescent="0.35">
      <c r="A67452" s="1" t="s">
        <v>8325</v>
      </c>
      <c r="B67452" s="1" t="s">
        <v>222693</v>
      </c>
      <c r="C67452" s="1" t="s">
        <v>165</v>
      </c>
      <c r="D67452" s="1" t="s">
        <v>224577</v>
      </c>
      <c r="E67452" s="1" t="s">
        <v>224578</v>
      </c>
      <c r="F67452" s="1" t="s">
        <v>224579</v>
      </c>
      <c r="G67452" s="1" t="s">
        <v>224467</v>
      </c>
      <c r="H67452" s="1" t="s">
        <v>224468</v>
      </c>
      <c r="I67452" s="1" t="s">
        <v>222698</v>
      </c>
      <c r="J67452" s="1" t="s">
        <v>224580</v>
      </c>
    </row>
    <row r="67453" spans="1:10" x14ac:dyDescent="0.35">
      <c r="A67453" s="1" t="s">
        <v>8325</v>
      </c>
      <c r="B67453" s="1" t="s">
        <v>222693</v>
      </c>
      <c r="C67453" s="1" t="s">
        <v>170</v>
      </c>
      <c r="D67453" s="1" t="s">
        <v>224581</v>
      </c>
      <c r="E67453" s="1" t="s">
        <v>224582</v>
      </c>
      <c r="F67453" s="1" t="s">
        <v>224583</v>
      </c>
      <c r="G67453" s="1" t="s">
        <v>224467</v>
      </c>
      <c r="H67453" s="1" t="s">
        <v>224468</v>
      </c>
      <c r="I67453" s="1" t="s">
        <v>222698</v>
      </c>
      <c r="J67453" s="1" t="s">
        <v>224584</v>
      </c>
    </row>
    <row r="67454" spans="1:10" x14ac:dyDescent="0.35">
      <c r="A67454" s="1" t="s">
        <v>45831</v>
      </c>
      <c r="B67454" s="1" t="s">
        <v>222693</v>
      </c>
      <c r="C67454" s="1" t="s">
        <v>8</v>
      </c>
      <c r="D67454" s="1" t="s">
        <v>224585</v>
      </c>
      <c r="E67454" s="1" t="s">
        <v>224586</v>
      </c>
      <c r="F67454" s="1" t="s">
        <v>224587</v>
      </c>
      <c r="G67454" s="1" t="s">
        <v>224588</v>
      </c>
      <c r="H67454" s="1" t="s">
        <v>224589</v>
      </c>
      <c r="I67454" s="1" t="s">
        <v>222698</v>
      </c>
      <c r="J67454" s="1" t="s">
        <v>13</v>
      </c>
    </row>
    <row r="67455" spans="1:10" x14ac:dyDescent="0.35">
      <c r="A67455" s="1" t="s">
        <v>45831</v>
      </c>
      <c r="B67455" s="1" t="s">
        <v>222693</v>
      </c>
      <c r="C67455" s="1" t="s">
        <v>15</v>
      </c>
      <c r="D67455" s="1" t="s">
        <v>86567</v>
      </c>
      <c r="E67455" s="1" t="s">
        <v>224590</v>
      </c>
      <c r="F67455" s="1" t="s">
        <v>224591</v>
      </c>
      <c r="G67455" s="1" t="s">
        <v>224588</v>
      </c>
      <c r="H67455" s="1" t="s">
        <v>224589</v>
      </c>
      <c r="I67455" s="1" t="s">
        <v>222698</v>
      </c>
      <c r="J67455" s="1" t="s">
        <v>224592</v>
      </c>
    </row>
    <row r="67456" spans="1:10" x14ac:dyDescent="0.35">
      <c r="A67456" s="1" t="s">
        <v>45831</v>
      </c>
      <c r="B67456" s="1" t="s">
        <v>222693</v>
      </c>
      <c r="C67456" s="1" t="s">
        <v>20</v>
      </c>
      <c r="D67456" s="1" t="s">
        <v>54398</v>
      </c>
      <c r="E67456" s="1" t="s">
        <v>224593</v>
      </c>
      <c r="F67456" s="1" t="s">
        <v>224594</v>
      </c>
      <c r="G67456" s="1" t="s">
        <v>224588</v>
      </c>
      <c r="H67456" s="1" t="s">
        <v>224589</v>
      </c>
      <c r="I67456" s="1" t="s">
        <v>222698</v>
      </c>
      <c r="J67456" s="1" t="s">
        <v>224595</v>
      </c>
    </row>
    <row r="67457" spans="1:10" x14ac:dyDescent="0.35">
      <c r="A67457" s="1" t="s">
        <v>45831</v>
      </c>
      <c r="B67457" s="1" t="s">
        <v>222693</v>
      </c>
      <c r="C67457" s="1" t="s">
        <v>25</v>
      </c>
      <c r="D67457" s="1" t="s">
        <v>224596</v>
      </c>
      <c r="E67457" s="1" t="s">
        <v>224597</v>
      </c>
      <c r="F67457" s="1" t="s">
        <v>224598</v>
      </c>
      <c r="G67457" s="1" t="s">
        <v>224588</v>
      </c>
      <c r="H67457" s="1" t="s">
        <v>224589</v>
      </c>
      <c r="I67457" s="1" t="s">
        <v>222698</v>
      </c>
      <c r="J67457" s="1" t="s">
        <v>224599</v>
      </c>
    </row>
    <row r="67458" spans="1:10" x14ac:dyDescent="0.35">
      <c r="A67458" s="1" t="s">
        <v>45831</v>
      </c>
      <c r="B67458" s="1" t="s">
        <v>222693</v>
      </c>
      <c r="C67458" s="1" t="s">
        <v>30</v>
      </c>
      <c r="D67458" s="1" t="s">
        <v>209819</v>
      </c>
      <c r="E67458" s="1" t="s">
        <v>224600</v>
      </c>
      <c r="F67458" s="1" t="s">
        <v>224601</v>
      </c>
      <c r="G67458" s="1" t="s">
        <v>224588</v>
      </c>
      <c r="H67458" s="1" t="s">
        <v>224589</v>
      </c>
      <c r="I67458" s="1" t="s">
        <v>222698</v>
      </c>
      <c r="J67458" s="1" t="s">
        <v>224602</v>
      </c>
    </row>
    <row r="67459" spans="1:10" x14ac:dyDescent="0.35">
      <c r="A67459" s="1" t="s">
        <v>45831</v>
      </c>
      <c r="B67459" s="1" t="s">
        <v>222693</v>
      </c>
      <c r="C67459" s="1" t="s">
        <v>35</v>
      </c>
      <c r="D67459" s="1" t="s">
        <v>68505</v>
      </c>
      <c r="E67459" s="1" t="s">
        <v>224603</v>
      </c>
      <c r="F67459" s="1" t="s">
        <v>224604</v>
      </c>
      <c r="G67459" s="1" t="s">
        <v>224588</v>
      </c>
      <c r="H67459" s="1" t="s">
        <v>224589</v>
      </c>
      <c r="I67459" s="1" t="s">
        <v>222698</v>
      </c>
      <c r="J67459" s="1" t="s">
        <v>224605</v>
      </c>
    </row>
    <row r="67460" spans="1:10" x14ac:dyDescent="0.35">
      <c r="A67460" s="1" t="s">
        <v>45831</v>
      </c>
      <c r="B67460" s="1" t="s">
        <v>222693</v>
      </c>
      <c r="C67460" s="1" t="s">
        <v>40</v>
      </c>
      <c r="D67460" s="1" t="s">
        <v>224606</v>
      </c>
      <c r="E67460" s="1" t="s">
        <v>224607</v>
      </c>
      <c r="F67460" s="1" t="s">
        <v>224608</v>
      </c>
      <c r="G67460" s="1" t="s">
        <v>224588</v>
      </c>
      <c r="H67460" s="1" t="s">
        <v>224589</v>
      </c>
      <c r="I67460" s="1" t="s">
        <v>222698</v>
      </c>
      <c r="J67460" s="1" t="s">
        <v>224609</v>
      </c>
    </row>
    <row r="67461" spans="1:10" x14ac:dyDescent="0.35">
      <c r="A67461" s="1" t="s">
        <v>45831</v>
      </c>
      <c r="B67461" s="1" t="s">
        <v>222693</v>
      </c>
      <c r="C67461" s="1" t="s">
        <v>45</v>
      </c>
      <c r="D67461" s="1" t="s">
        <v>66262</v>
      </c>
      <c r="E67461" s="1" t="s">
        <v>224610</v>
      </c>
      <c r="F67461" s="1" t="s">
        <v>224611</v>
      </c>
      <c r="G67461" s="1" t="s">
        <v>224588</v>
      </c>
      <c r="H67461" s="1" t="s">
        <v>224589</v>
      </c>
      <c r="I67461" s="1" t="s">
        <v>222698</v>
      </c>
      <c r="J67461" s="1" t="s">
        <v>224612</v>
      </c>
    </row>
    <row r="67462" spans="1:10" x14ac:dyDescent="0.35">
      <c r="A67462" s="1" t="s">
        <v>45831</v>
      </c>
      <c r="B67462" s="1" t="s">
        <v>222693</v>
      </c>
      <c r="C67462" s="1" t="s">
        <v>50</v>
      </c>
      <c r="D67462" s="1" t="s">
        <v>66765</v>
      </c>
      <c r="E67462" s="1" t="s">
        <v>224613</v>
      </c>
      <c r="F67462" s="1" t="s">
        <v>224614</v>
      </c>
      <c r="G67462" s="1" t="s">
        <v>224588</v>
      </c>
      <c r="H67462" s="1" t="s">
        <v>224589</v>
      </c>
      <c r="I67462" s="1" t="s">
        <v>222698</v>
      </c>
      <c r="J67462" s="1" t="s">
        <v>224615</v>
      </c>
    </row>
    <row r="67463" spans="1:10" x14ac:dyDescent="0.35">
      <c r="A67463" s="1" t="s">
        <v>45831</v>
      </c>
      <c r="B67463" s="1" t="s">
        <v>222693</v>
      </c>
      <c r="C67463" s="1" t="s">
        <v>55</v>
      </c>
      <c r="D67463" s="1" t="s">
        <v>139239</v>
      </c>
      <c r="E67463" s="1" t="s">
        <v>224616</v>
      </c>
      <c r="F67463" s="1" t="s">
        <v>224617</v>
      </c>
      <c r="G67463" s="1" t="s">
        <v>224588</v>
      </c>
      <c r="H67463" s="1" t="s">
        <v>224589</v>
      </c>
      <c r="I67463" s="1" t="s">
        <v>222698</v>
      </c>
      <c r="J67463" s="1" t="s">
        <v>224618</v>
      </c>
    </row>
    <row r="67464" spans="1:10" x14ac:dyDescent="0.35">
      <c r="A67464" s="1" t="s">
        <v>45831</v>
      </c>
      <c r="B67464" s="1" t="s">
        <v>222693</v>
      </c>
      <c r="C67464" s="1" t="s">
        <v>60</v>
      </c>
      <c r="D67464" s="1" t="s">
        <v>68249</v>
      </c>
      <c r="E67464" s="1" t="s">
        <v>224619</v>
      </c>
      <c r="F67464" s="1" t="s">
        <v>224620</v>
      </c>
      <c r="G67464" s="1" t="s">
        <v>224588</v>
      </c>
      <c r="H67464" s="1" t="s">
        <v>224589</v>
      </c>
      <c r="I67464" s="1" t="s">
        <v>222698</v>
      </c>
      <c r="J67464" s="1" t="s">
        <v>224621</v>
      </c>
    </row>
    <row r="67465" spans="1:10" x14ac:dyDescent="0.35">
      <c r="A67465" s="1" t="s">
        <v>45831</v>
      </c>
      <c r="B67465" s="1" t="s">
        <v>222693</v>
      </c>
      <c r="C67465" s="1" t="s">
        <v>65</v>
      </c>
      <c r="D67465" s="1" t="s">
        <v>224622</v>
      </c>
      <c r="E67465" s="1" t="s">
        <v>224623</v>
      </c>
      <c r="F67465" s="1" t="s">
        <v>224624</v>
      </c>
      <c r="G67465" s="1" t="s">
        <v>224588</v>
      </c>
      <c r="H67465" s="1" t="s">
        <v>224589</v>
      </c>
      <c r="I67465" s="1" t="s">
        <v>222698</v>
      </c>
      <c r="J67465" s="1" t="s">
        <v>224625</v>
      </c>
    </row>
    <row r="67466" spans="1:10" x14ac:dyDescent="0.35">
      <c r="A67466" s="1" t="s">
        <v>45831</v>
      </c>
      <c r="B67466" s="1" t="s">
        <v>222693</v>
      </c>
      <c r="C67466" s="1" t="s">
        <v>70</v>
      </c>
      <c r="D67466" s="1" t="s">
        <v>57676</v>
      </c>
      <c r="E67466" s="1" t="s">
        <v>224626</v>
      </c>
      <c r="F67466" s="1" t="s">
        <v>224627</v>
      </c>
      <c r="G67466" s="1" t="s">
        <v>224588</v>
      </c>
      <c r="H67466" s="1" t="s">
        <v>224589</v>
      </c>
      <c r="I67466" s="1" t="s">
        <v>222698</v>
      </c>
      <c r="J67466" s="1" t="s">
        <v>224628</v>
      </c>
    </row>
    <row r="67467" spans="1:10" x14ac:dyDescent="0.35">
      <c r="A67467" s="1" t="s">
        <v>45831</v>
      </c>
      <c r="B67467" s="1" t="s">
        <v>222693</v>
      </c>
      <c r="C67467" s="1" t="s">
        <v>75</v>
      </c>
      <c r="D67467" s="1" t="s">
        <v>13443</v>
      </c>
      <c r="E67467" s="1" t="s">
        <v>224629</v>
      </c>
      <c r="F67467" s="1" t="s">
        <v>224630</v>
      </c>
      <c r="G67467" s="1" t="s">
        <v>224588</v>
      </c>
      <c r="H67467" s="1" t="s">
        <v>224589</v>
      </c>
      <c r="I67467" s="1" t="s">
        <v>222698</v>
      </c>
      <c r="J67467" s="1" t="s">
        <v>224631</v>
      </c>
    </row>
    <row r="67468" spans="1:10" x14ac:dyDescent="0.35">
      <c r="A67468" s="1" t="s">
        <v>45831</v>
      </c>
      <c r="B67468" s="1" t="s">
        <v>222693</v>
      </c>
      <c r="C67468" s="1" t="s">
        <v>80</v>
      </c>
      <c r="D67468" s="1" t="s">
        <v>85880</v>
      </c>
      <c r="E67468" s="1" t="s">
        <v>224632</v>
      </c>
      <c r="F67468" s="1" t="s">
        <v>224633</v>
      </c>
      <c r="G67468" s="1" t="s">
        <v>224588</v>
      </c>
      <c r="H67468" s="1" t="s">
        <v>224589</v>
      </c>
      <c r="I67468" s="1" t="s">
        <v>222698</v>
      </c>
      <c r="J67468" s="1" t="s">
        <v>224634</v>
      </c>
    </row>
    <row r="67469" spans="1:10" x14ac:dyDescent="0.35">
      <c r="A67469" s="1" t="s">
        <v>45831</v>
      </c>
      <c r="B67469" s="1" t="s">
        <v>222693</v>
      </c>
      <c r="C67469" s="1" t="s">
        <v>85</v>
      </c>
      <c r="D67469" s="1" t="s">
        <v>224635</v>
      </c>
      <c r="E67469" s="1" t="s">
        <v>224636</v>
      </c>
      <c r="F67469" s="1" t="s">
        <v>224637</v>
      </c>
      <c r="G67469" s="1" t="s">
        <v>224588</v>
      </c>
      <c r="H67469" s="1" t="s">
        <v>224589</v>
      </c>
      <c r="I67469" s="1" t="s">
        <v>222698</v>
      </c>
      <c r="J67469" s="1" t="s">
        <v>224638</v>
      </c>
    </row>
    <row r="67470" spans="1:10" x14ac:dyDescent="0.35">
      <c r="A67470" s="1" t="s">
        <v>45831</v>
      </c>
      <c r="B67470" s="1" t="s">
        <v>222693</v>
      </c>
      <c r="C67470" s="1" t="s">
        <v>90</v>
      </c>
      <c r="D67470" s="1" t="s">
        <v>81066</v>
      </c>
      <c r="E67470" s="1" t="s">
        <v>224639</v>
      </c>
      <c r="F67470" s="1" t="s">
        <v>224640</v>
      </c>
      <c r="G67470" s="1" t="s">
        <v>224588</v>
      </c>
      <c r="H67470" s="1" t="s">
        <v>224589</v>
      </c>
      <c r="I67470" s="1" t="s">
        <v>222698</v>
      </c>
      <c r="J67470" s="1" t="s">
        <v>224641</v>
      </c>
    </row>
    <row r="67471" spans="1:10" x14ac:dyDescent="0.35">
      <c r="A67471" s="1" t="s">
        <v>45831</v>
      </c>
      <c r="B67471" s="1" t="s">
        <v>222693</v>
      </c>
      <c r="C67471" s="1" t="s">
        <v>95</v>
      </c>
      <c r="D67471" s="1" t="s">
        <v>78367</v>
      </c>
      <c r="E67471" s="1" t="s">
        <v>224642</v>
      </c>
      <c r="F67471" s="1" t="s">
        <v>224643</v>
      </c>
      <c r="G67471" s="1" t="s">
        <v>224588</v>
      </c>
      <c r="H67471" s="1" t="s">
        <v>224589</v>
      </c>
      <c r="I67471" s="1" t="s">
        <v>222698</v>
      </c>
      <c r="J67471" s="1" t="s">
        <v>224644</v>
      </c>
    </row>
    <row r="67472" spans="1:10" x14ac:dyDescent="0.35">
      <c r="A67472" s="1" t="s">
        <v>45831</v>
      </c>
      <c r="B67472" s="1" t="s">
        <v>222693</v>
      </c>
      <c r="C67472" s="1" t="s">
        <v>100</v>
      </c>
      <c r="D67472" s="1" t="s">
        <v>189775</v>
      </c>
      <c r="E67472" s="1" t="s">
        <v>224645</v>
      </c>
      <c r="F67472" s="1" t="s">
        <v>224646</v>
      </c>
      <c r="G67472" s="1" t="s">
        <v>224588</v>
      </c>
      <c r="H67472" s="1" t="s">
        <v>224589</v>
      </c>
      <c r="I67472" s="1" t="s">
        <v>222698</v>
      </c>
      <c r="J67472" s="1" t="s">
        <v>224647</v>
      </c>
    </row>
    <row r="67473" spans="1:10" x14ac:dyDescent="0.35">
      <c r="A67473" s="1" t="s">
        <v>45831</v>
      </c>
      <c r="B67473" s="1" t="s">
        <v>222693</v>
      </c>
      <c r="C67473" s="1" t="s">
        <v>105</v>
      </c>
      <c r="D67473" s="1" t="s">
        <v>88852</v>
      </c>
      <c r="E67473" s="1" t="s">
        <v>224648</v>
      </c>
      <c r="F67473" s="1" t="s">
        <v>224649</v>
      </c>
      <c r="G67473" s="1" t="s">
        <v>224588</v>
      </c>
      <c r="H67473" s="1" t="s">
        <v>224589</v>
      </c>
      <c r="I67473" s="1" t="s">
        <v>222698</v>
      </c>
      <c r="J67473" s="1" t="s">
        <v>224650</v>
      </c>
    </row>
    <row r="67474" spans="1:10" x14ac:dyDescent="0.35">
      <c r="A67474" s="1" t="s">
        <v>45831</v>
      </c>
      <c r="B67474" s="1" t="s">
        <v>222693</v>
      </c>
      <c r="C67474" s="1" t="s">
        <v>110</v>
      </c>
      <c r="D67474" s="1" t="s">
        <v>224651</v>
      </c>
      <c r="E67474" s="1" t="s">
        <v>224652</v>
      </c>
      <c r="F67474" s="1" t="s">
        <v>224653</v>
      </c>
      <c r="G67474" s="1" t="s">
        <v>224588</v>
      </c>
      <c r="H67474" s="1" t="s">
        <v>224589</v>
      </c>
      <c r="I67474" s="1" t="s">
        <v>222698</v>
      </c>
      <c r="J67474" s="1" t="s">
        <v>224654</v>
      </c>
    </row>
    <row r="67475" spans="1:10" x14ac:dyDescent="0.35">
      <c r="A67475" s="1" t="s">
        <v>45831</v>
      </c>
      <c r="B67475" s="1" t="s">
        <v>222693</v>
      </c>
      <c r="C67475" s="1" t="s">
        <v>115</v>
      </c>
      <c r="D67475" s="1" t="s">
        <v>102620</v>
      </c>
      <c r="E67475" s="1" t="s">
        <v>224655</v>
      </c>
      <c r="F67475" s="1" t="s">
        <v>224656</v>
      </c>
      <c r="G67475" s="1" t="s">
        <v>224588</v>
      </c>
      <c r="H67475" s="1" t="s">
        <v>224589</v>
      </c>
      <c r="I67475" s="1" t="s">
        <v>222698</v>
      </c>
      <c r="J67475" s="1" t="s">
        <v>224657</v>
      </c>
    </row>
    <row r="67476" spans="1:10" x14ac:dyDescent="0.35">
      <c r="A67476" s="1" t="s">
        <v>45831</v>
      </c>
      <c r="B67476" s="1" t="s">
        <v>222693</v>
      </c>
      <c r="C67476" s="1" t="s">
        <v>120</v>
      </c>
      <c r="D67476" s="1" t="s">
        <v>22433</v>
      </c>
      <c r="E67476" s="1" t="s">
        <v>224658</v>
      </c>
      <c r="F67476" s="1" t="s">
        <v>224659</v>
      </c>
      <c r="G67476" s="1" t="s">
        <v>224588</v>
      </c>
      <c r="H67476" s="1" t="s">
        <v>224589</v>
      </c>
      <c r="I67476" s="1" t="s">
        <v>222698</v>
      </c>
      <c r="J67476" s="1" t="s">
        <v>224660</v>
      </c>
    </row>
    <row r="67477" spans="1:10" x14ac:dyDescent="0.35">
      <c r="A67477" s="1" t="s">
        <v>45831</v>
      </c>
      <c r="B67477" s="1" t="s">
        <v>222693</v>
      </c>
      <c r="C67477" s="1" t="s">
        <v>125</v>
      </c>
      <c r="D67477" s="1" t="s">
        <v>63088</v>
      </c>
      <c r="E67477" s="1" t="s">
        <v>224661</v>
      </c>
      <c r="F67477" s="1" t="s">
        <v>224662</v>
      </c>
      <c r="G67477" s="1" t="s">
        <v>224588</v>
      </c>
      <c r="H67477" s="1" t="s">
        <v>224589</v>
      </c>
      <c r="I67477" s="1" t="s">
        <v>222698</v>
      </c>
      <c r="J67477" s="1" t="s">
        <v>224663</v>
      </c>
    </row>
    <row r="67478" spans="1:10" x14ac:dyDescent="0.35">
      <c r="A67478" s="1" t="s">
        <v>45831</v>
      </c>
      <c r="B67478" s="1" t="s">
        <v>222693</v>
      </c>
      <c r="C67478" s="1" t="s">
        <v>130</v>
      </c>
      <c r="D67478" s="1" t="s">
        <v>224664</v>
      </c>
      <c r="E67478" s="1" t="s">
        <v>224665</v>
      </c>
      <c r="F67478" s="1" t="s">
        <v>224666</v>
      </c>
      <c r="G67478" s="1" t="s">
        <v>224588</v>
      </c>
      <c r="H67478" s="1" t="s">
        <v>224589</v>
      </c>
      <c r="I67478" s="1" t="s">
        <v>222698</v>
      </c>
      <c r="J67478" s="1" t="s">
        <v>224667</v>
      </c>
    </row>
    <row r="67479" spans="1:10" x14ac:dyDescent="0.35">
      <c r="A67479" s="1" t="s">
        <v>45831</v>
      </c>
      <c r="B67479" s="1" t="s">
        <v>222693</v>
      </c>
      <c r="C67479" s="1" t="s">
        <v>135</v>
      </c>
      <c r="D67479" s="1" t="s">
        <v>133464</v>
      </c>
      <c r="E67479" s="1" t="s">
        <v>224668</v>
      </c>
      <c r="F67479" s="1" t="s">
        <v>224669</v>
      </c>
      <c r="G67479" s="1" t="s">
        <v>224588</v>
      </c>
      <c r="H67479" s="1" t="s">
        <v>224589</v>
      </c>
      <c r="I67479" s="1" t="s">
        <v>222698</v>
      </c>
      <c r="J67479" s="1" t="s">
        <v>224670</v>
      </c>
    </row>
    <row r="67480" spans="1:10" x14ac:dyDescent="0.35">
      <c r="A67480" s="1" t="s">
        <v>45831</v>
      </c>
      <c r="B67480" s="1" t="s">
        <v>222693</v>
      </c>
      <c r="C67480" s="1" t="s">
        <v>140</v>
      </c>
      <c r="D67480" s="1" t="s">
        <v>94559</v>
      </c>
      <c r="E67480" s="1" t="s">
        <v>224671</v>
      </c>
      <c r="F67480" s="1" t="s">
        <v>224672</v>
      </c>
      <c r="G67480" s="1" t="s">
        <v>224588</v>
      </c>
      <c r="H67480" s="1" t="s">
        <v>224589</v>
      </c>
      <c r="I67480" s="1" t="s">
        <v>222698</v>
      </c>
      <c r="J67480" s="1" t="s">
        <v>224673</v>
      </c>
    </row>
    <row r="67481" spans="1:10" x14ac:dyDescent="0.35">
      <c r="A67481" s="1" t="s">
        <v>45831</v>
      </c>
      <c r="B67481" s="1" t="s">
        <v>222693</v>
      </c>
      <c r="C67481" s="1" t="s">
        <v>145</v>
      </c>
      <c r="D67481" s="1" t="s">
        <v>224674</v>
      </c>
      <c r="E67481" s="1" t="s">
        <v>224675</v>
      </c>
      <c r="F67481" s="1" t="s">
        <v>224676</v>
      </c>
      <c r="G67481" s="1" t="s">
        <v>224588</v>
      </c>
      <c r="H67481" s="1" t="s">
        <v>224589</v>
      </c>
      <c r="I67481" s="1" t="s">
        <v>222698</v>
      </c>
      <c r="J67481" s="1" t="s">
        <v>224677</v>
      </c>
    </row>
    <row r="67482" spans="1:10" x14ac:dyDescent="0.35">
      <c r="A67482" s="1" t="s">
        <v>45831</v>
      </c>
      <c r="B67482" s="1" t="s">
        <v>222693</v>
      </c>
      <c r="C67482" s="1" t="s">
        <v>150</v>
      </c>
      <c r="D67482" s="1" t="s">
        <v>224678</v>
      </c>
      <c r="E67482" s="1" t="s">
        <v>224679</v>
      </c>
      <c r="F67482" s="1" t="s">
        <v>224680</v>
      </c>
      <c r="G67482" s="1" t="s">
        <v>224588</v>
      </c>
      <c r="H67482" s="1" t="s">
        <v>224589</v>
      </c>
      <c r="I67482" s="1" t="s">
        <v>222698</v>
      </c>
      <c r="J67482" s="1" t="s">
        <v>224681</v>
      </c>
    </row>
    <row r="67483" spans="1:10" x14ac:dyDescent="0.35">
      <c r="A67483" s="1" t="s">
        <v>45831</v>
      </c>
      <c r="B67483" s="1" t="s">
        <v>222693</v>
      </c>
      <c r="C67483" s="1" t="s">
        <v>155</v>
      </c>
      <c r="D67483" s="1" t="s">
        <v>18671</v>
      </c>
      <c r="E67483" s="1" t="s">
        <v>224682</v>
      </c>
      <c r="F67483" s="1" t="s">
        <v>224683</v>
      </c>
      <c r="G67483" s="1" t="s">
        <v>224588</v>
      </c>
      <c r="H67483" s="1" t="s">
        <v>224589</v>
      </c>
      <c r="I67483" s="1" t="s">
        <v>222698</v>
      </c>
      <c r="J67483" s="1" t="s">
        <v>224684</v>
      </c>
    </row>
    <row r="67484" spans="1:10" x14ac:dyDescent="0.35">
      <c r="A67484" s="1" t="s">
        <v>45831</v>
      </c>
      <c r="B67484" s="1" t="s">
        <v>222693</v>
      </c>
      <c r="C67484" s="1" t="s">
        <v>160</v>
      </c>
      <c r="D67484" s="1" t="s">
        <v>224685</v>
      </c>
      <c r="E67484" s="1" t="s">
        <v>224686</v>
      </c>
      <c r="F67484" s="1" t="s">
        <v>224687</v>
      </c>
      <c r="G67484" s="1" t="s">
        <v>224588</v>
      </c>
      <c r="H67484" s="1" t="s">
        <v>224589</v>
      </c>
      <c r="I67484" s="1" t="s">
        <v>222698</v>
      </c>
      <c r="J67484" s="1" t="s">
        <v>224688</v>
      </c>
    </row>
    <row r="67485" spans="1:10" x14ac:dyDescent="0.35">
      <c r="A67485" s="1" t="s">
        <v>45831</v>
      </c>
      <c r="B67485" s="1" t="s">
        <v>222693</v>
      </c>
      <c r="C67485" s="1" t="s">
        <v>165</v>
      </c>
      <c r="D67485" s="1" t="s">
        <v>224689</v>
      </c>
      <c r="E67485" s="1" t="s">
        <v>224690</v>
      </c>
      <c r="F67485" s="1" t="s">
        <v>224691</v>
      </c>
      <c r="G67485" s="1" t="s">
        <v>224588</v>
      </c>
      <c r="H67485" s="1" t="s">
        <v>224589</v>
      </c>
      <c r="I67485" s="1" t="s">
        <v>222698</v>
      </c>
      <c r="J67485" s="1" t="s">
        <v>224692</v>
      </c>
    </row>
    <row r="67486" spans="1:10" x14ac:dyDescent="0.35">
      <c r="A67486" s="1" t="s">
        <v>45831</v>
      </c>
      <c r="B67486" s="1" t="s">
        <v>222693</v>
      </c>
      <c r="C67486" s="1" t="s">
        <v>170</v>
      </c>
      <c r="D67486" s="1" t="s">
        <v>224693</v>
      </c>
      <c r="E67486" s="1" t="s">
        <v>224694</v>
      </c>
      <c r="F67486" s="1" t="s">
        <v>224695</v>
      </c>
      <c r="G67486" s="1" t="s">
        <v>224588</v>
      </c>
      <c r="H67486" s="1" t="s">
        <v>224589</v>
      </c>
      <c r="I67486" s="1" t="s">
        <v>222698</v>
      </c>
      <c r="J67486" s="1" t="s">
        <v>224696</v>
      </c>
    </row>
    <row r="67487" spans="1:10" x14ac:dyDescent="0.35">
      <c r="A67487" s="1" t="s">
        <v>119140</v>
      </c>
      <c r="B67487" s="1" t="s">
        <v>222693</v>
      </c>
      <c r="C67487" s="1" t="s">
        <v>8</v>
      </c>
      <c r="D67487" s="1" t="s">
        <v>79190</v>
      </c>
      <c r="E67487" s="1" t="s">
        <v>224697</v>
      </c>
      <c r="F67487" s="1" t="s">
        <v>224698</v>
      </c>
      <c r="G67487" s="1" t="s">
        <v>224699</v>
      </c>
      <c r="H67487" s="1" t="s">
        <v>224700</v>
      </c>
      <c r="I67487" s="1" t="s">
        <v>222698</v>
      </c>
      <c r="J67487" s="1" t="s">
        <v>13</v>
      </c>
    </row>
    <row r="67488" spans="1:10" x14ac:dyDescent="0.35">
      <c r="A67488" s="1" t="s">
        <v>119140</v>
      </c>
      <c r="B67488" s="1" t="s">
        <v>222693</v>
      </c>
      <c r="C67488" s="1" t="s">
        <v>15</v>
      </c>
      <c r="D67488" s="1" t="s">
        <v>66005</v>
      </c>
      <c r="E67488" s="1" t="s">
        <v>224701</v>
      </c>
      <c r="F67488" s="1" t="s">
        <v>224702</v>
      </c>
      <c r="G67488" s="1" t="s">
        <v>224699</v>
      </c>
      <c r="H67488" s="1" t="s">
        <v>224700</v>
      </c>
      <c r="I67488" s="1" t="s">
        <v>222698</v>
      </c>
      <c r="J67488" s="1" t="s">
        <v>224703</v>
      </c>
    </row>
    <row r="67489" spans="1:10" x14ac:dyDescent="0.35">
      <c r="A67489" s="1" t="s">
        <v>119140</v>
      </c>
      <c r="B67489" s="1" t="s">
        <v>222693</v>
      </c>
      <c r="C67489" s="1" t="s">
        <v>20</v>
      </c>
      <c r="D67489" s="1" t="s">
        <v>136237</v>
      </c>
      <c r="E67489" s="1" t="s">
        <v>224704</v>
      </c>
      <c r="F67489" s="1" t="s">
        <v>224705</v>
      </c>
      <c r="G67489" s="1" t="s">
        <v>224699</v>
      </c>
      <c r="H67489" s="1" t="s">
        <v>224700</v>
      </c>
      <c r="I67489" s="1" t="s">
        <v>222698</v>
      </c>
      <c r="J67489" s="1" t="s">
        <v>224706</v>
      </c>
    </row>
    <row r="67490" spans="1:10" x14ac:dyDescent="0.35">
      <c r="A67490" s="1" t="s">
        <v>119140</v>
      </c>
      <c r="B67490" s="1" t="s">
        <v>222693</v>
      </c>
      <c r="C67490" s="1" t="s">
        <v>25</v>
      </c>
      <c r="D67490" s="1" t="s">
        <v>63501</v>
      </c>
      <c r="E67490" s="1" t="s">
        <v>224707</v>
      </c>
      <c r="F67490" s="1" t="s">
        <v>224708</v>
      </c>
      <c r="G67490" s="1" t="s">
        <v>224699</v>
      </c>
      <c r="H67490" s="1" t="s">
        <v>224700</v>
      </c>
      <c r="I67490" s="1" t="s">
        <v>222698</v>
      </c>
      <c r="J67490" s="1" t="s">
        <v>224709</v>
      </c>
    </row>
    <row r="67491" spans="1:10" x14ac:dyDescent="0.35">
      <c r="A67491" s="1" t="s">
        <v>119140</v>
      </c>
      <c r="B67491" s="1" t="s">
        <v>222693</v>
      </c>
      <c r="C67491" s="1" t="s">
        <v>30</v>
      </c>
      <c r="D67491" s="1" t="s">
        <v>107182</v>
      </c>
      <c r="E67491" s="1" t="s">
        <v>224710</v>
      </c>
      <c r="F67491" s="1" t="s">
        <v>224711</v>
      </c>
      <c r="G67491" s="1" t="s">
        <v>224699</v>
      </c>
      <c r="H67491" s="1" t="s">
        <v>224700</v>
      </c>
      <c r="I67491" s="1" t="s">
        <v>222698</v>
      </c>
      <c r="J67491" s="1" t="s">
        <v>143567</v>
      </c>
    </row>
    <row r="67492" spans="1:10" x14ac:dyDescent="0.35">
      <c r="A67492" s="1" t="s">
        <v>119140</v>
      </c>
      <c r="B67492" s="1" t="s">
        <v>222693</v>
      </c>
      <c r="C67492" s="1" t="s">
        <v>35</v>
      </c>
      <c r="D67492" s="1" t="s">
        <v>55771</v>
      </c>
      <c r="E67492" s="1" t="s">
        <v>224712</v>
      </c>
      <c r="F67492" s="1" t="s">
        <v>224713</v>
      </c>
      <c r="G67492" s="1" t="s">
        <v>224699</v>
      </c>
      <c r="H67492" s="1" t="s">
        <v>224700</v>
      </c>
      <c r="I67492" s="1" t="s">
        <v>222698</v>
      </c>
      <c r="J67492" s="1" t="s">
        <v>224714</v>
      </c>
    </row>
    <row r="67493" spans="1:10" x14ac:dyDescent="0.35">
      <c r="A67493" s="1" t="s">
        <v>119140</v>
      </c>
      <c r="B67493" s="1" t="s">
        <v>222693</v>
      </c>
      <c r="C67493" s="1" t="s">
        <v>40</v>
      </c>
      <c r="D67493" s="1" t="s">
        <v>224715</v>
      </c>
      <c r="E67493" s="1" t="s">
        <v>224716</v>
      </c>
      <c r="F67493" s="1" t="s">
        <v>224717</v>
      </c>
      <c r="G67493" s="1" t="s">
        <v>224699</v>
      </c>
      <c r="H67493" s="1" t="s">
        <v>224700</v>
      </c>
      <c r="I67493" s="1" t="s">
        <v>222698</v>
      </c>
      <c r="J67493" s="1" t="s">
        <v>224718</v>
      </c>
    </row>
    <row r="67494" spans="1:10" x14ac:dyDescent="0.35">
      <c r="A67494" s="1" t="s">
        <v>119140</v>
      </c>
      <c r="B67494" s="1" t="s">
        <v>222693</v>
      </c>
      <c r="C67494" s="1" t="s">
        <v>45</v>
      </c>
      <c r="D67494" s="1" t="s">
        <v>224719</v>
      </c>
      <c r="E67494" s="1" t="s">
        <v>224720</v>
      </c>
      <c r="F67494" s="1" t="s">
        <v>224721</v>
      </c>
      <c r="G67494" s="1" t="s">
        <v>224699</v>
      </c>
      <c r="H67494" s="1" t="s">
        <v>224700</v>
      </c>
      <c r="I67494" s="1" t="s">
        <v>222698</v>
      </c>
      <c r="J67494" s="1" t="s">
        <v>224722</v>
      </c>
    </row>
    <row r="67495" spans="1:10" x14ac:dyDescent="0.35">
      <c r="A67495" s="1" t="s">
        <v>119140</v>
      </c>
      <c r="B67495" s="1" t="s">
        <v>222693</v>
      </c>
      <c r="C67495" s="1" t="s">
        <v>50</v>
      </c>
      <c r="D67495" s="1" t="s">
        <v>224723</v>
      </c>
      <c r="E67495" s="1" t="s">
        <v>224724</v>
      </c>
      <c r="F67495" s="1" t="s">
        <v>224725</v>
      </c>
      <c r="G67495" s="1" t="s">
        <v>224699</v>
      </c>
      <c r="H67495" s="1" t="s">
        <v>224700</v>
      </c>
      <c r="I67495" s="1" t="s">
        <v>222698</v>
      </c>
      <c r="J67495" s="1" t="s">
        <v>224726</v>
      </c>
    </row>
    <row r="67496" spans="1:10" x14ac:dyDescent="0.35">
      <c r="A67496" s="1" t="s">
        <v>119140</v>
      </c>
      <c r="B67496" s="1" t="s">
        <v>222693</v>
      </c>
      <c r="C67496" s="1" t="s">
        <v>55</v>
      </c>
      <c r="D67496" s="1" t="s">
        <v>24497</v>
      </c>
      <c r="E67496" s="1" t="s">
        <v>224727</v>
      </c>
      <c r="F67496" s="1" t="s">
        <v>224728</v>
      </c>
      <c r="G67496" s="1" t="s">
        <v>224699</v>
      </c>
      <c r="H67496" s="1" t="s">
        <v>224700</v>
      </c>
      <c r="I67496" s="1" t="s">
        <v>222698</v>
      </c>
      <c r="J67496" s="1" t="s">
        <v>224729</v>
      </c>
    </row>
    <row r="67497" spans="1:10" x14ac:dyDescent="0.35">
      <c r="A67497" s="1" t="s">
        <v>119140</v>
      </c>
      <c r="B67497" s="1" t="s">
        <v>222693</v>
      </c>
      <c r="C67497" s="1" t="s">
        <v>60</v>
      </c>
      <c r="D67497" s="1" t="s">
        <v>12343</v>
      </c>
      <c r="E67497" s="1" t="s">
        <v>224730</v>
      </c>
      <c r="F67497" s="1" t="s">
        <v>224731</v>
      </c>
      <c r="G67497" s="1" t="s">
        <v>224699</v>
      </c>
      <c r="H67497" s="1" t="s">
        <v>224700</v>
      </c>
      <c r="I67497" s="1" t="s">
        <v>222698</v>
      </c>
      <c r="J67497" s="1" t="s">
        <v>224732</v>
      </c>
    </row>
    <row r="67498" spans="1:10" x14ac:dyDescent="0.35">
      <c r="A67498" s="1" t="s">
        <v>119140</v>
      </c>
      <c r="B67498" s="1" t="s">
        <v>222693</v>
      </c>
      <c r="C67498" s="1" t="s">
        <v>65</v>
      </c>
      <c r="D67498" s="1" t="s">
        <v>26487</v>
      </c>
      <c r="E67498" s="1" t="s">
        <v>224733</v>
      </c>
      <c r="F67498" s="1" t="s">
        <v>224734</v>
      </c>
      <c r="G67498" s="1" t="s">
        <v>224699</v>
      </c>
      <c r="H67498" s="1" t="s">
        <v>224700</v>
      </c>
      <c r="I67498" s="1" t="s">
        <v>222698</v>
      </c>
      <c r="J67498" s="1" t="s">
        <v>224735</v>
      </c>
    </row>
    <row r="67499" spans="1:10" x14ac:dyDescent="0.35">
      <c r="A67499" s="1" t="s">
        <v>119140</v>
      </c>
      <c r="B67499" s="1" t="s">
        <v>222693</v>
      </c>
      <c r="C67499" s="1" t="s">
        <v>70</v>
      </c>
      <c r="D67499" s="1" t="s">
        <v>163214</v>
      </c>
      <c r="E67499" s="1" t="s">
        <v>224736</v>
      </c>
      <c r="F67499" s="1" t="s">
        <v>224737</v>
      </c>
      <c r="G67499" s="1" t="s">
        <v>224699</v>
      </c>
      <c r="H67499" s="1" t="s">
        <v>224700</v>
      </c>
      <c r="I67499" s="1" t="s">
        <v>222698</v>
      </c>
      <c r="J67499" s="1" t="s">
        <v>224738</v>
      </c>
    </row>
    <row r="67500" spans="1:10" x14ac:dyDescent="0.35">
      <c r="A67500" s="1" t="s">
        <v>119140</v>
      </c>
      <c r="B67500" s="1" t="s">
        <v>222693</v>
      </c>
      <c r="C67500" s="1" t="s">
        <v>75</v>
      </c>
      <c r="D67500" s="1" t="s">
        <v>224739</v>
      </c>
      <c r="E67500" s="1" t="s">
        <v>224740</v>
      </c>
      <c r="F67500" s="1" t="s">
        <v>224741</v>
      </c>
      <c r="G67500" s="1" t="s">
        <v>224699</v>
      </c>
      <c r="H67500" s="1" t="s">
        <v>224700</v>
      </c>
      <c r="I67500" s="1" t="s">
        <v>222698</v>
      </c>
      <c r="J67500" s="1" t="s">
        <v>224742</v>
      </c>
    </row>
    <row r="67501" spans="1:10" x14ac:dyDescent="0.35">
      <c r="A67501" s="1" t="s">
        <v>119140</v>
      </c>
      <c r="B67501" s="1" t="s">
        <v>222693</v>
      </c>
      <c r="C67501" s="1" t="s">
        <v>80</v>
      </c>
      <c r="D67501" s="1" t="s">
        <v>224743</v>
      </c>
      <c r="E67501" s="1" t="s">
        <v>224744</v>
      </c>
      <c r="F67501" s="1" t="s">
        <v>224745</v>
      </c>
      <c r="G67501" s="1" t="s">
        <v>224699</v>
      </c>
      <c r="H67501" s="1" t="s">
        <v>224700</v>
      </c>
      <c r="I67501" s="1" t="s">
        <v>222698</v>
      </c>
      <c r="J67501" s="1" t="s">
        <v>224746</v>
      </c>
    </row>
    <row r="67502" spans="1:10" x14ac:dyDescent="0.35">
      <c r="A67502" s="1" t="s">
        <v>119140</v>
      </c>
      <c r="B67502" s="1" t="s">
        <v>222693</v>
      </c>
      <c r="C67502" s="1" t="s">
        <v>85</v>
      </c>
      <c r="D67502" s="1" t="s">
        <v>163463</v>
      </c>
      <c r="E67502" s="1" t="s">
        <v>224747</v>
      </c>
      <c r="F67502" s="1" t="s">
        <v>224748</v>
      </c>
      <c r="G67502" s="1" t="s">
        <v>224699</v>
      </c>
      <c r="H67502" s="1" t="s">
        <v>224700</v>
      </c>
      <c r="I67502" s="1" t="s">
        <v>222698</v>
      </c>
      <c r="J67502" s="1" t="s">
        <v>224749</v>
      </c>
    </row>
    <row r="67503" spans="1:10" x14ac:dyDescent="0.35">
      <c r="A67503" s="1" t="s">
        <v>119140</v>
      </c>
      <c r="B67503" s="1" t="s">
        <v>222693</v>
      </c>
      <c r="C67503" s="1" t="s">
        <v>90</v>
      </c>
      <c r="D67503" s="1" t="s">
        <v>224750</v>
      </c>
      <c r="E67503" s="1" t="s">
        <v>224751</v>
      </c>
      <c r="F67503" s="1" t="s">
        <v>224752</v>
      </c>
      <c r="G67503" s="1" t="s">
        <v>224699</v>
      </c>
      <c r="H67503" s="1" t="s">
        <v>224700</v>
      </c>
      <c r="I67503" s="1" t="s">
        <v>222698</v>
      </c>
      <c r="J67503" s="1" t="s">
        <v>224753</v>
      </c>
    </row>
    <row r="67504" spans="1:10" x14ac:dyDescent="0.35">
      <c r="A67504" s="1" t="s">
        <v>119140</v>
      </c>
      <c r="B67504" s="1" t="s">
        <v>222693</v>
      </c>
      <c r="C67504" s="1" t="s">
        <v>95</v>
      </c>
      <c r="D67504" s="1" t="s">
        <v>224754</v>
      </c>
      <c r="E67504" s="1" t="s">
        <v>224755</v>
      </c>
      <c r="F67504" s="1" t="s">
        <v>224756</v>
      </c>
      <c r="G67504" s="1" t="s">
        <v>224699</v>
      </c>
      <c r="H67504" s="1" t="s">
        <v>224700</v>
      </c>
      <c r="I67504" s="1" t="s">
        <v>222698</v>
      </c>
      <c r="J67504" s="1" t="s">
        <v>224757</v>
      </c>
    </row>
    <row r="67505" spans="1:10" x14ac:dyDescent="0.35">
      <c r="A67505" s="1" t="s">
        <v>119140</v>
      </c>
      <c r="B67505" s="1" t="s">
        <v>222693</v>
      </c>
      <c r="C67505" s="1" t="s">
        <v>100</v>
      </c>
      <c r="D67505" s="1" t="s">
        <v>224758</v>
      </c>
      <c r="E67505" s="1" t="s">
        <v>224759</v>
      </c>
      <c r="F67505" s="1" t="s">
        <v>224760</v>
      </c>
      <c r="G67505" s="1" t="s">
        <v>224699</v>
      </c>
      <c r="H67505" s="1" t="s">
        <v>224700</v>
      </c>
      <c r="I67505" s="1" t="s">
        <v>222698</v>
      </c>
      <c r="J67505" s="1" t="s">
        <v>224761</v>
      </c>
    </row>
    <row r="67506" spans="1:10" x14ac:dyDescent="0.35">
      <c r="A67506" s="1" t="s">
        <v>119140</v>
      </c>
      <c r="B67506" s="1" t="s">
        <v>222693</v>
      </c>
      <c r="C67506" s="1" t="s">
        <v>105</v>
      </c>
      <c r="D67506" s="1" t="s">
        <v>224762</v>
      </c>
      <c r="E67506" s="1" t="s">
        <v>224763</v>
      </c>
      <c r="F67506" s="1" t="s">
        <v>224764</v>
      </c>
      <c r="G67506" s="1" t="s">
        <v>224699</v>
      </c>
      <c r="H67506" s="1" t="s">
        <v>224700</v>
      </c>
      <c r="I67506" s="1" t="s">
        <v>222698</v>
      </c>
      <c r="J67506" s="1" t="s">
        <v>224765</v>
      </c>
    </row>
    <row r="67507" spans="1:10" x14ac:dyDescent="0.35">
      <c r="A67507" s="1" t="s">
        <v>119140</v>
      </c>
      <c r="B67507" s="1" t="s">
        <v>222693</v>
      </c>
      <c r="C67507" s="1" t="s">
        <v>110</v>
      </c>
      <c r="D67507" s="1" t="s">
        <v>224766</v>
      </c>
      <c r="E67507" s="1" t="s">
        <v>224767</v>
      </c>
      <c r="F67507" s="1" t="s">
        <v>224768</v>
      </c>
      <c r="G67507" s="1" t="s">
        <v>224699</v>
      </c>
      <c r="H67507" s="1" t="s">
        <v>224700</v>
      </c>
      <c r="I67507" s="1" t="s">
        <v>222698</v>
      </c>
      <c r="J67507" s="1" t="s">
        <v>224769</v>
      </c>
    </row>
    <row r="67508" spans="1:10" x14ac:dyDescent="0.35">
      <c r="A67508" s="1" t="s">
        <v>119140</v>
      </c>
      <c r="B67508" s="1" t="s">
        <v>222693</v>
      </c>
      <c r="C67508" s="1" t="s">
        <v>115</v>
      </c>
      <c r="D67508" s="1" t="s">
        <v>224770</v>
      </c>
      <c r="E67508" s="1" t="s">
        <v>224771</v>
      </c>
      <c r="F67508" s="1" t="s">
        <v>224772</v>
      </c>
      <c r="G67508" s="1" t="s">
        <v>224699</v>
      </c>
      <c r="H67508" s="1" t="s">
        <v>224700</v>
      </c>
      <c r="I67508" s="1" t="s">
        <v>222698</v>
      </c>
      <c r="J67508" s="1" t="s">
        <v>224773</v>
      </c>
    </row>
    <row r="67509" spans="1:10" x14ac:dyDescent="0.35">
      <c r="A67509" s="1" t="s">
        <v>119140</v>
      </c>
      <c r="B67509" s="1" t="s">
        <v>222693</v>
      </c>
      <c r="C67509" s="1" t="s">
        <v>120</v>
      </c>
      <c r="D67509" s="1" t="s">
        <v>224774</v>
      </c>
      <c r="E67509" s="1" t="s">
        <v>224775</v>
      </c>
      <c r="F67509" s="1" t="s">
        <v>224776</v>
      </c>
      <c r="G67509" s="1" t="s">
        <v>224699</v>
      </c>
      <c r="H67509" s="1" t="s">
        <v>224700</v>
      </c>
      <c r="I67509" s="1" t="s">
        <v>222698</v>
      </c>
      <c r="J67509" s="1" t="s">
        <v>224777</v>
      </c>
    </row>
    <row r="67510" spans="1:10" x14ac:dyDescent="0.35">
      <c r="A67510" s="1" t="s">
        <v>119140</v>
      </c>
      <c r="B67510" s="1" t="s">
        <v>222693</v>
      </c>
      <c r="C67510" s="1" t="s">
        <v>125</v>
      </c>
      <c r="D67510" s="1" t="s">
        <v>224778</v>
      </c>
      <c r="E67510" s="1" t="s">
        <v>224779</v>
      </c>
      <c r="F67510" s="1" t="s">
        <v>224780</v>
      </c>
      <c r="G67510" s="1" t="s">
        <v>224699</v>
      </c>
      <c r="H67510" s="1" t="s">
        <v>224700</v>
      </c>
      <c r="I67510" s="1" t="s">
        <v>222698</v>
      </c>
      <c r="J67510" s="1" t="s">
        <v>224781</v>
      </c>
    </row>
    <row r="67511" spans="1:10" x14ac:dyDescent="0.35">
      <c r="A67511" s="1" t="s">
        <v>119140</v>
      </c>
      <c r="B67511" s="1" t="s">
        <v>222693</v>
      </c>
      <c r="C67511" s="1" t="s">
        <v>130</v>
      </c>
      <c r="D67511" s="1" t="s">
        <v>224782</v>
      </c>
      <c r="E67511" s="1" t="s">
        <v>224783</v>
      </c>
      <c r="F67511" s="1" t="s">
        <v>224784</v>
      </c>
      <c r="G67511" s="1" t="s">
        <v>224699</v>
      </c>
      <c r="H67511" s="1" t="s">
        <v>224700</v>
      </c>
      <c r="I67511" s="1" t="s">
        <v>222698</v>
      </c>
      <c r="J67511" s="1" t="s">
        <v>224785</v>
      </c>
    </row>
    <row r="67512" spans="1:10" x14ac:dyDescent="0.35">
      <c r="A67512" s="1" t="s">
        <v>119140</v>
      </c>
      <c r="B67512" s="1" t="s">
        <v>222693</v>
      </c>
      <c r="C67512" s="1" t="s">
        <v>135</v>
      </c>
      <c r="D67512" s="1" t="s">
        <v>224786</v>
      </c>
      <c r="E67512" s="1" t="s">
        <v>224787</v>
      </c>
      <c r="F67512" s="1" t="s">
        <v>224788</v>
      </c>
      <c r="G67512" s="1" t="s">
        <v>224699</v>
      </c>
      <c r="H67512" s="1" t="s">
        <v>224700</v>
      </c>
      <c r="I67512" s="1" t="s">
        <v>222698</v>
      </c>
      <c r="J67512" s="1" t="s">
        <v>224789</v>
      </c>
    </row>
    <row r="67513" spans="1:10" x14ac:dyDescent="0.35">
      <c r="A67513" s="1" t="s">
        <v>119140</v>
      </c>
      <c r="B67513" s="1" t="s">
        <v>222693</v>
      </c>
      <c r="C67513" s="1" t="s">
        <v>140</v>
      </c>
      <c r="D67513" s="1" t="s">
        <v>224790</v>
      </c>
      <c r="E67513" s="1" t="s">
        <v>224791</v>
      </c>
      <c r="F67513" s="1" t="s">
        <v>224792</v>
      </c>
      <c r="G67513" s="1" t="s">
        <v>224699</v>
      </c>
      <c r="H67513" s="1" t="s">
        <v>224700</v>
      </c>
      <c r="I67513" s="1" t="s">
        <v>222698</v>
      </c>
      <c r="J67513" s="1" t="s">
        <v>224793</v>
      </c>
    </row>
    <row r="67514" spans="1:10" x14ac:dyDescent="0.35">
      <c r="A67514" s="1" t="s">
        <v>119140</v>
      </c>
      <c r="B67514" s="1" t="s">
        <v>222693</v>
      </c>
      <c r="C67514" s="1" t="s">
        <v>145</v>
      </c>
      <c r="D67514" s="1" t="s">
        <v>224794</v>
      </c>
      <c r="E67514" s="1" t="s">
        <v>224795</v>
      </c>
      <c r="F67514" s="1" t="s">
        <v>224796</v>
      </c>
      <c r="G67514" s="1" t="s">
        <v>224699</v>
      </c>
      <c r="H67514" s="1" t="s">
        <v>224700</v>
      </c>
      <c r="I67514" s="1" t="s">
        <v>222698</v>
      </c>
      <c r="J67514" s="1" t="s">
        <v>224797</v>
      </c>
    </row>
    <row r="67515" spans="1:10" x14ac:dyDescent="0.35">
      <c r="A67515" s="1" t="s">
        <v>119140</v>
      </c>
      <c r="B67515" s="1" t="s">
        <v>222693</v>
      </c>
      <c r="C67515" s="1" t="s">
        <v>150</v>
      </c>
      <c r="D67515" s="1" t="s">
        <v>224798</v>
      </c>
      <c r="E67515" s="1" t="s">
        <v>224799</v>
      </c>
      <c r="F67515" s="1" t="s">
        <v>224800</v>
      </c>
      <c r="G67515" s="1" t="s">
        <v>224699</v>
      </c>
      <c r="H67515" s="1" t="s">
        <v>224700</v>
      </c>
      <c r="I67515" s="1" t="s">
        <v>222698</v>
      </c>
      <c r="J67515" s="1" t="s">
        <v>224801</v>
      </c>
    </row>
    <row r="67516" spans="1:10" x14ac:dyDescent="0.35">
      <c r="A67516" s="1" t="s">
        <v>119140</v>
      </c>
      <c r="B67516" s="1" t="s">
        <v>222693</v>
      </c>
      <c r="C67516" s="1" t="s">
        <v>155</v>
      </c>
      <c r="D67516" s="1" t="s">
        <v>224802</v>
      </c>
      <c r="E67516" s="1" t="s">
        <v>224803</v>
      </c>
      <c r="F67516" s="1" t="s">
        <v>224804</v>
      </c>
      <c r="G67516" s="1" t="s">
        <v>224699</v>
      </c>
      <c r="H67516" s="1" t="s">
        <v>224700</v>
      </c>
      <c r="I67516" s="1" t="s">
        <v>222698</v>
      </c>
      <c r="J67516" s="1" t="s">
        <v>224805</v>
      </c>
    </row>
    <row r="67517" spans="1:10" x14ac:dyDescent="0.35">
      <c r="A67517" s="1" t="s">
        <v>119140</v>
      </c>
      <c r="B67517" s="1" t="s">
        <v>222693</v>
      </c>
      <c r="C67517" s="1" t="s">
        <v>160</v>
      </c>
      <c r="D67517" s="1" t="s">
        <v>224806</v>
      </c>
      <c r="E67517" s="1" t="s">
        <v>224807</v>
      </c>
      <c r="F67517" s="1" t="s">
        <v>224808</v>
      </c>
      <c r="G67517" s="1" t="s">
        <v>224699</v>
      </c>
      <c r="H67517" s="1" t="s">
        <v>224700</v>
      </c>
      <c r="I67517" s="1" t="s">
        <v>222698</v>
      </c>
      <c r="J67517" s="1" t="s">
        <v>224809</v>
      </c>
    </row>
    <row r="67518" spans="1:10" x14ac:dyDescent="0.35">
      <c r="A67518" s="1" t="s">
        <v>119140</v>
      </c>
      <c r="B67518" s="1" t="s">
        <v>222693</v>
      </c>
      <c r="C67518" s="1" t="s">
        <v>165</v>
      </c>
      <c r="D67518" s="1" t="s">
        <v>224810</v>
      </c>
      <c r="E67518" s="1" t="s">
        <v>224811</v>
      </c>
      <c r="F67518" s="1" t="s">
        <v>224812</v>
      </c>
      <c r="G67518" s="1" t="s">
        <v>224699</v>
      </c>
      <c r="H67518" s="1" t="s">
        <v>224700</v>
      </c>
      <c r="I67518" s="1" t="s">
        <v>222698</v>
      </c>
      <c r="J67518" s="1" t="s">
        <v>224813</v>
      </c>
    </row>
    <row r="67519" spans="1:10" x14ac:dyDescent="0.35">
      <c r="A67519" s="1" t="s">
        <v>119140</v>
      </c>
      <c r="B67519" s="1" t="s">
        <v>222693</v>
      </c>
      <c r="C67519" s="1" t="s">
        <v>170</v>
      </c>
      <c r="D67519" s="1" t="s">
        <v>224814</v>
      </c>
      <c r="E67519" s="1" t="s">
        <v>224815</v>
      </c>
      <c r="F67519" s="1" t="s">
        <v>224816</v>
      </c>
      <c r="G67519" s="1" t="s">
        <v>224699</v>
      </c>
      <c r="H67519" s="1" t="s">
        <v>224700</v>
      </c>
      <c r="I67519" s="1" t="s">
        <v>222698</v>
      </c>
      <c r="J67519" s="1" t="s">
        <v>224817</v>
      </c>
    </row>
    <row r="67520" spans="1:10" x14ac:dyDescent="0.35">
      <c r="A67520" s="1" t="s">
        <v>8758</v>
      </c>
      <c r="B67520" s="1" t="s">
        <v>222693</v>
      </c>
      <c r="C67520" s="1" t="s">
        <v>8</v>
      </c>
      <c r="D67520" s="1" t="s">
        <v>198970</v>
      </c>
      <c r="E67520" s="1" t="s">
        <v>224818</v>
      </c>
      <c r="F67520" s="1" t="s">
        <v>224819</v>
      </c>
      <c r="G67520" s="1" t="s">
        <v>224820</v>
      </c>
      <c r="H67520" s="1" t="s">
        <v>224821</v>
      </c>
      <c r="I67520" s="1" t="s">
        <v>222698</v>
      </c>
      <c r="J67520" s="1" t="s">
        <v>13</v>
      </c>
    </row>
    <row r="67521" spans="1:10" x14ac:dyDescent="0.35">
      <c r="A67521" s="1" t="s">
        <v>8758</v>
      </c>
      <c r="B67521" s="1" t="s">
        <v>222693</v>
      </c>
      <c r="C67521" s="1" t="s">
        <v>15</v>
      </c>
      <c r="D67521" s="1" t="s">
        <v>104017</v>
      </c>
      <c r="E67521" s="1" t="s">
        <v>224822</v>
      </c>
      <c r="F67521" s="1" t="s">
        <v>224823</v>
      </c>
      <c r="G67521" s="1" t="s">
        <v>224820</v>
      </c>
      <c r="H67521" s="1" t="s">
        <v>224821</v>
      </c>
      <c r="I67521" s="1" t="s">
        <v>222698</v>
      </c>
      <c r="J67521" s="1" t="s">
        <v>224824</v>
      </c>
    </row>
    <row r="67522" spans="1:10" x14ac:dyDescent="0.35">
      <c r="A67522" s="1" t="s">
        <v>8758</v>
      </c>
      <c r="B67522" s="1" t="s">
        <v>222693</v>
      </c>
      <c r="C67522" s="1" t="s">
        <v>20</v>
      </c>
      <c r="D67522" s="1" t="s">
        <v>103181</v>
      </c>
      <c r="E67522" s="1" t="s">
        <v>224825</v>
      </c>
      <c r="F67522" s="1" t="s">
        <v>224826</v>
      </c>
      <c r="G67522" s="1" t="s">
        <v>224820</v>
      </c>
      <c r="H67522" s="1" t="s">
        <v>224821</v>
      </c>
      <c r="I67522" s="1" t="s">
        <v>222698</v>
      </c>
      <c r="J67522" s="1" t="s">
        <v>224827</v>
      </c>
    </row>
    <row r="67523" spans="1:10" x14ac:dyDescent="0.35">
      <c r="A67523" s="1" t="s">
        <v>8758</v>
      </c>
      <c r="B67523" s="1" t="s">
        <v>222693</v>
      </c>
      <c r="C67523" s="1" t="s">
        <v>25</v>
      </c>
      <c r="D67523" s="1" t="s">
        <v>138796</v>
      </c>
      <c r="E67523" s="1" t="s">
        <v>224828</v>
      </c>
      <c r="F67523" s="1" t="s">
        <v>224829</v>
      </c>
      <c r="G67523" s="1" t="s">
        <v>224820</v>
      </c>
      <c r="H67523" s="1" t="s">
        <v>224821</v>
      </c>
      <c r="I67523" s="1" t="s">
        <v>222698</v>
      </c>
      <c r="J67523" s="1" t="s">
        <v>224830</v>
      </c>
    </row>
    <row r="67524" spans="1:10" x14ac:dyDescent="0.35">
      <c r="A67524" s="1" t="s">
        <v>8758</v>
      </c>
      <c r="B67524" s="1" t="s">
        <v>222693</v>
      </c>
      <c r="C67524" s="1" t="s">
        <v>30</v>
      </c>
      <c r="D67524" s="1" t="s">
        <v>77439</v>
      </c>
      <c r="E67524" s="1" t="s">
        <v>224831</v>
      </c>
      <c r="F67524" s="1" t="s">
        <v>224832</v>
      </c>
      <c r="G67524" s="1" t="s">
        <v>224820</v>
      </c>
      <c r="H67524" s="1" t="s">
        <v>224821</v>
      </c>
      <c r="I67524" s="1" t="s">
        <v>222698</v>
      </c>
      <c r="J67524" s="1" t="s">
        <v>224833</v>
      </c>
    </row>
    <row r="67525" spans="1:10" x14ac:dyDescent="0.35">
      <c r="A67525" s="1" t="s">
        <v>8758</v>
      </c>
      <c r="B67525" s="1" t="s">
        <v>222693</v>
      </c>
      <c r="C67525" s="1" t="s">
        <v>35</v>
      </c>
      <c r="D67525" s="1" t="s">
        <v>224834</v>
      </c>
      <c r="E67525" s="1" t="s">
        <v>224835</v>
      </c>
      <c r="F67525" s="1" t="s">
        <v>224836</v>
      </c>
      <c r="G67525" s="1" t="s">
        <v>224820</v>
      </c>
      <c r="H67525" s="1" t="s">
        <v>224821</v>
      </c>
      <c r="I67525" s="1" t="s">
        <v>222698</v>
      </c>
      <c r="J67525" s="1" t="s">
        <v>224837</v>
      </c>
    </row>
    <row r="67526" spans="1:10" x14ac:dyDescent="0.35">
      <c r="A67526" s="1" t="s">
        <v>8758</v>
      </c>
      <c r="B67526" s="1" t="s">
        <v>222693</v>
      </c>
      <c r="C67526" s="1" t="s">
        <v>40</v>
      </c>
      <c r="D67526" s="1" t="s">
        <v>167522</v>
      </c>
      <c r="E67526" s="1" t="s">
        <v>224838</v>
      </c>
      <c r="F67526" s="1" t="s">
        <v>224839</v>
      </c>
      <c r="G67526" s="1" t="s">
        <v>224820</v>
      </c>
      <c r="H67526" s="1" t="s">
        <v>224821</v>
      </c>
      <c r="I67526" s="1" t="s">
        <v>222698</v>
      </c>
      <c r="J67526" s="1" t="s">
        <v>224840</v>
      </c>
    </row>
    <row r="67527" spans="1:10" x14ac:dyDescent="0.35">
      <c r="A67527" s="1" t="s">
        <v>8758</v>
      </c>
      <c r="B67527" s="1" t="s">
        <v>222693</v>
      </c>
      <c r="C67527" s="1" t="s">
        <v>45</v>
      </c>
      <c r="D67527" s="1" t="s">
        <v>56916</v>
      </c>
      <c r="E67527" s="1" t="s">
        <v>224841</v>
      </c>
      <c r="F67527" s="1" t="s">
        <v>224842</v>
      </c>
      <c r="G67527" s="1" t="s">
        <v>224820</v>
      </c>
      <c r="H67527" s="1" t="s">
        <v>224821</v>
      </c>
      <c r="I67527" s="1" t="s">
        <v>222698</v>
      </c>
      <c r="J67527" s="1" t="s">
        <v>224843</v>
      </c>
    </row>
    <row r="67528" spans="1:10" x14ac:dyDescent="0.35">
      <c r="A67528" s="1" t="s">
        <v>8758</v>
      </c>
      <c r="B67528" s="1" t="s">
        <v>222693</v>
      </c>
      <c r="C67528" s="1" t="s">
        <v>50</v>
      </c>
      <c r="D67528" s="1" t="s">
        <v>140837</v>
      </c>
      <c r="E67528" s="1" t="s">
        <v>224844</v>
      </c>
      <c r="F67528" s="1" t="s">
        <v>224845</v>
      </c>
      <c r="G67528" s="1" t="s">
        <v>224820</v>
      </c>
      <c r="H67528" s="1" t="s">
        <v>224821</v>
      </c>
      <c r="I67528" s="1" t="s">
        <v>222698</v>
      </c>
      <c r="J67528" s="1" t="s">
        <v>224846</v>
      </c>
    </row>
    <row r="67529" spans="1:10" x14ac:dyDescent="0.35">
      <c r="A67529" s="1" t="s">
        <v>8758</v>
      </c>
      <c r="B67529" s="1" t="s">
        <v>222693</v>
      </c>
      <c r="C67529" s="1" t="s">
        <v>55</v>
      </c>
      <c r="D67529" s="1" t="s">
        <v>103439</v>
      </c>
      <c r="E67529" s="1" t="s">
        <v>224847</v>
      </c>
      <c r="F67529" s="1" t="s">
        <v>224848</v>
      </c>
      <c r="G67529" s="1" t="s">
        <v>224820</v>
      </c>
      <c r="H67529" s="1" t="s">
        <v>224821</v>
      </c>
      <c r="I67529" s="1" t="s">
        <v>222698</v>
      </c>
      <c r="J67529" s="1" t="s">
        <v>224849</v>
      </c>
    </row>
    <row r="67530" spans="1:10" x14ac:dyDescent="0.35">
      <c r="A67530" s="1" t="s">
        <v>8758</v>
      </c>
      <c r="B67530" s="1" t="s">
        <v>222693</v>
      </c>
      <c r="C67530" s="1" t="s">
        <v>60</v>
      </c>
      <c r="D67530" s="1" t="s">
        <v>134112</v>
      </c>
      <c r="E67530" s="1" t="s">
        <v>224850</v>
      </c>
      <c r="F67530" s="1" t="s">
        <v>224851</v>
      </c>
      <c r="G67530" s="1" t="s">
        <v>224820</v>
      </c>
      <c r="H67530" s="1" t="s">
        <v>224821</v>
      </c>
      <c r="I67530" s="1" t="s">
        <v>222698</v>
      </c>
      <c r="J67530" s="1" t="s">
        <v>224852</v>
      </c>
    </row>
    <row r="67531" spans="1:10" x14ac:dyDescent="0.35">
      <c r="A67531" s="1" t="s">
        <v>8758</v>
      </c>
      <c r="B67531" s="1" t="s">
        <v>222693</v>
      </c>
      <c r="C67531" s="1" t="s">
        <v>65</v>
      </c>
      <c r="D67531" s="1" t="s">
        <v>69000</v>
      </c>
      <c r="E67531" s="1" t="s">
        <v>224853</v>
      </c>
      <c r="F67531" s="1" t="s">
        <v>224854</v>
      </c>
      <c r="G67531" s="1" t="s">
        <v>224820</v>
      </c>
      <c r="H67531" s="1" t="s">
        <v>224821</v>
      </c>
      <c r="I67531" s="1" t="s">
        <v>222698</v>
      </c>
      <c r="J67531" s="1" t="s">
        <v>224855</v>
      </c>
    </row>
    <row r="67532" spans="1:10" x14ac:dyDescent="0.35">
      <c r="A67532" s="1" t="s">
        <v>8758</v>
      </c>
      <c r="B67532" s="1" t="s">
        <v>222693</v>
      </c>
      <c r="C67532" s="1" t="s">
        <v>70</v>
      </c>
      <c r="D67532" s="1" t="s">
        <v>165992</v>
      </c>
      <c r="E67532" s="1" t="s">
        <v>224856</v>
      </c>
      <c r="F67532" s="1" t="s">
        <v>224857</v>
      </c>
      <c r="G67532" s="1" t="s">
        <v>224820</v>
      </c>
      <c r="H67532" s="1" t="s">
        <v>224821</v>
      </c>
      <c r="I67532" s="1" t="s">
        <v>222698</v>
      </c>
      <c r="J67532" s="1" t="s">
        <v>224858</v>
      </c>
    </row>
    <row r="67533" spans="1:10" x14ac:dyDescent="0.35">
      <c r="A67533" s="1" t="s">
        <v>8758</v>
      </c>
      <c r="B67533" s="1" t="s">
        <v>222693</v>
      </c>
      <c r="C67533" s="1" t="s">
        <v>75</v>
      </c>
      <c r="D67533" s="1" t="s">
        <v>224859</v>
      </c>
      <c r="E67533" s="1" t="s">
        <v>224860</v>
      </c>
      <c r="F67533" s="1" t="s">
        <v>224861</v>
      </c>
      <c r="G67533" s="1" t="s">
        <v>224820</v>
      </c>
      <c r="H67533" s="1" t="s">
        <v>224821</v>
      </c>
      <c r="I67533" s="1" t="s">
        <v>222698</v>
      </c>
      <c r="J67533" s="1" t="s">
        <v>224862</v>
      </c>
    </row>
    <row r="67534" spans="1:10" x14ac:dyDescent="0.35">
      <c r="A67534" s="1" t="s">
        <v>8758</v>
      </c>
      <c r="B67534" s="1" t="s">
        <v>222693</v>
      </c>
      <c r="C67534" s="1" t="s">
        <v>80</v>
      </c>
      <c r="D67534" s="1" t="s">
        <v>224863</v>
      </c>
      <c r="E67534" s="1" t="s">
        <v>224864</v>
      </c>
      <c r="F67534" s="1" t="s">
        <v>224865</v>
      </c>
      <c r="G67534" s="1" t="s">
        <v>224820</v>
      </c>
      <c r="H67534" s="1" t="s">
        <v>224821</v>
      </c>
      <c r="I67534" s="1" t="s">
        <v>222698</v>
      </c>
      <c r="J67534" s="1" t="s">
        <v>224866</v>
      </c>
    </row>
    <row r="67535" spans="1:10" x14ac:dyDescent="0.35">
      <c r="A67535" s="1" t="s">
        <v>8758</v>
      </c>
      <c r="B67535" s="1" t="s">
        <v>222693</v>
      </c>
      <c r="C67535" s="1" t="s">
        <v>85</v>
      </c>
      <c r="D67535" s="1" t="s">
        <v>206316</v>
      </c>
      <c r="E67535" s="1" t="s">
        <v>224867</v>
      </c>
      <c r="F67535" s="1" t="s">
        <v>224868</v>
      </c>
      <c r="G67535" s="1" t="s">
        <v>224820</v>
      </c>
      <c r="H67535" s="1" t="s">
        <v>224821</v>
      </c>
      <c r="I67535" s="1" t="s">
        <v>222698</v>
      </c>
      <c r="J67535" s="1" t="s">
        <v>224869</v>
      </c>
    </row>
    <row r="67536" spans="1:10" x14ac:dyDescent="0.35">
      <c r="A67536" s="1" t="s">
        <v>8758</v>
      </c>
      <c r="B67536" s="1" t="s">
        <v>222693</v>
      </c>
      <c r="C67536" s="1" t="s">
        <v>90</v>
      </c>
      <c r="D67536" s="1" t="s">
        <v>224870</v>
      </c>
      <c r="E67536" s="1" t="s">
        <v>224871</v>
      </c>
      <c r="F67536" s="1" t="s">
        <v>224872</v>
      </c>
      <c r="G67536" s="1" t="s">
        <v>224820</v>
      </c>
      <c r="H67536" s="1" t="s">
        <v>224821</v>
      </c>
      <c r="I67536" s="1" t="s">
        <v>222698</v>
      </c>
      <c r="J67536" s="1" t="s">
        <v>224873</v>
      </c>
    </row>
    <row r="67537" spans="1:10" x14ac:dyDescent="0.35">
      <c r="A67537" s="1" t="s">
        <v>8758</v>
      </c>
      <c r="B67537" s="1" t="s">
        <v>222693</v>
      </c>
      <c r="C67537" s="1" t="s">
        <v>95</v>
      </c>
      <c r="D67537" s="1" t="s">
        <v>224874</v>
      </c>
      <c r="E67537" s="1" t="s">
        <v>224875</v>
      </c>
      <c r="F67537" s="1" t="s">
        <v>224876</v>
      </c>
      <c r="G67537" s="1" t="s">
        <v>224820</v>
      </c>
      <c r="H67537" s="1" t="s">
        <v>224821</v>
      </c>
      <c r="I67537" s="1" t="s">
        <v>222698</v>
      </c>
      <c r="J67537" s="1" t="s">
        <v>224877</v>
      </c>
    </row>
    <row r="67538" spans="1:10" x14ac:dyDescent="0.35">
      <c r="A67538" s="1" t="s">
        <v>8758</v>
      </c>
      <c r="B67538" s="1" t="s">
        <v>222693</v>
      </c>
      <c r="C67538" s="1" t="s">
        <v>100</v>
      </c>
      <c r="D67538" s="1" t="s">
        <v>224878</v>
      </c>
      <c r="E67538" s="1" t="s">
        <v>224879</v>
      </c>
      <c r="F67538" s="1" t="s">
        <v>224880</v>
      </c>
      <c r="G67538" s="1" t="s">
        <v>224820</v>
      </c>
      <c r="H67538" s="1" t="s">
        <v>224821</v>
      </c>
      <c r="I67538" s="1" t="s">
        <v>222698</v>
      </c>
      <c r="J67538" s="1" t="s">
        <v>224881</v>
      </c>
    </row>
    <row r="67539" spans="1:10" x14ac:dyDescent="0.35">
      <c r="A67539" s="1" t="s">
        <v>8758</v>
      </c>
      <c r="B67539" s="1" t="s">
        <v>222693</v>
      </c>
      <c r="C67539" s="1" t="s">
        <v>105</v>
      </c>
      <c r="D67539" s="1" t="s">
        <v>224882</v>
      </c>
      <c r="E67539" s="1" t="s">
        <v>224883</v>
      </c>
      <c r="F67539" s="1" t="s">
        <v>224884</v>
      </c>
      <c r="G67539" s="1" t="s">
        <v>224820</v>
      </c>
      <c r="H67539" s="1" t="s">
        <v>224821</v>
      </c>
      <c r="I67539" s="1" t="s">
        <v>222698</v>
      </c>
      <c r="J67539" s="1" t="s">
        <v>224885</v>
      </c>
    </row>
    <row r="67540" spans="1:10" x14ac:dyDescent="0.35">
      <c r="A67540" s="1" t="s">
        <v>8758</v>
      </c>
      <c r="B67540" s="1" t="s">
        <v>222693</v>
      </c>
      <c r="C67540" s="1" t="s">
        <v>110</v>
      </c>
      <c r="D67540" s="1" t="s">
        <v>224886</v>
      </c>
      <c r="E67540" s="1" t="s">
        <v>224887</v>
      </c>
      <c r="F67540" s="1" t="s">
        <v>224888</v>
      </c>
      <c r="G67540" s="1" t="s">
        <v>224820</v>
      </c>
      <c r="H67540" s="1" t="s">
        <v>224821</v>
      </c>
      <c r="I67540" s="1" t="s">
        <v>222698</v>
      </c>
      <c r="J67540" s="1" t="s">
        <v>224889</v>
      </c>
    </row>
    <row r="67541" spans="1:10" x14ac:dyDescent="0.35">
      <c r="A67541" s="1" t="s">
        <v>8758</v>
      </c>
      <c r="B67541" s="1" t="s">
        <v>222693</v>
      </c>
      <c r="C67541" s="1" t="s">
        <v>115</v>
      </c>
      <c r="D67541" s="1" t="s">
        <v>224890</v>
      </c>
      <c r="E67541" s="1" t="s">
        <v>224891</v>
      </c>
      <c r="F67541" s="1" t="s">
        <v>224892</v>
      </c>
      <c r="G67541" s="1" t="s">
        <v>224820</v>
      </c>
      <c r="H67541" s="1" t="s">
        <v>224821</v>
      </c>
      <c r="I67541" s="1" t="s">
        <v>222698</v>
      </c>
      <c r="J67541" s="1" t="s">
        <v>224893</v>
      </c>
    </row>
    <row r="67542" spans="1:10" x14ac:dyDescent="0.35">
      <c r="A67542" s="1" t="s">
        <v>8758</v>
      </c>
      <c r="B67542" s="1" t="s">
        <v>222693</v>
      </c>
      <c r="C67542" s="1" t="s">
        <v>120</v>
      </c>
      <c r="D67542" s="1" t="s">
        <v>224894</v>
      </c>
      <c r="E67542" s="1" t="s">
        <v>224895</v>
      </c>
      <c r="F67542" s="1" t="s">
        <v>224896</v>
      </c>
      <c r="G67542" s="1" t="s">
        <v>224820</v>
      </c>
      <c r="H67542" s="1" t="s">
        <v>224821</v>
      </c>
      <c r="I67542" s="1" t="s">
        <v>222698</v>
      </c>
      <c r="J67542" s="1" t="s">
        <v>224897</v>
      </c>
    </row>
    <row r="67543" spans="1:10" x14ac:dyDescent="0.35">
      <c r="A67543" s="1" t="s">
        <v>8758</v>
      </c>
      <c r="B67543" s="1" t="s">
        <v>222693</v>
      </c>
      <c r="C67543" s="1" t="s">
        <v>125</v>
      </c>
      <c r="D67543" s="1" t="s">
        <v>224898</v>
      </c>
      <c r="E67543" s="1" t="s">
        <v>224899</v>
      </c>
      <c r="F67543" s="1" t="s">
        <v>224900</v>
      </c>
      <c r="G67543" s="1" t="s">
        <v>224820</v>
      </c>
      <c r="H67543" s="1" t="s">
        <v>224821</v>
      </c>
      <c r="I67543" s="1" t="s">
        <v>222698</v>
      </c>
      <c r="J67543" s="1" t="s">
        <v>224901</v>
      </c>
    </row>
    <row r="67544" spans="1:10" x14ac:dyDescent="0.35">
      <c r="A67544" s="1" t="s">
        <v>8758</v>
      </c>
      <c r="B67544" s="1" t="s">
        <v>222693</v>
      </c>
      <c r="C67544" s="1" t="s">
        <v>130</v>
      </c>
      <c r="D67544" s="1" t="s">
        <v>87580</v>
      </c>
      <c r="E67544" s="1" t="s">
        <v>224902</v>
      </c>
      <c r="F67544" s="1" t="s">
        <v>224903</v>
      </c>
      <c r="G67544" s="1" t="s">
        <v>224820</v>
      </c>
      <c r="H67544" s="1" t="s">
        <v>224821</v>
      </c>
      <c r="I67544" s="1" t="s">
        <v>222698</v>
      </c>
      <c r="J67544" s="1" t="s">
        <v>224904</v>
      </c>
    </row>
    <row r="67545" spans="1:10" x14ac:dyDescent="0.35">
      <c r="A67545" s="1" t="s">
        <v>8758</v>
      </c>
      <c r="B67545" s="1" t="s">
        <v>222693</v>
      </c>
      <c r="C67545" s="1" t="s">
        <v>135</v>
      </c>
      <c r="D67545" s="1" t="s">
        <v>224905</v>
      </c>
      <c r="E67545" s="1" t="s">
        <v>224906</v>
      </c>
      <c r="F67545" s="1" t="s">
        <v>224907</v>
      </c>
      <c r="G67545" s="1" t="s">
        <v>224820</v>
      </c>
      <c r="H67545" s="1" t="s">
        <v>224821</v>
      </c>
      <c r="I67545" s="1" t="s">
        <v>222698</v>
      </c>
      <c r="J67545" s="1" t="s">
        <v>224908</v>
      </c>
    </row>
    <row r="67546" spans="1:10" x14ac:dyDescent="0.35">
      <c r="A67546" s="1" t="s">
        <v>8758</v>
      </c>
      <c r="B67546" s="1" t="s">
        <v>222693</v>
      </c>
      <c r="C67546" s="1" t="s">
        <v>140</v>
      </c>
      <c r="D67546" s="1" t="s">
        <v>224909</v>
      </c>
      <c r="E67546" s="1" t="s">
        <v>224910</v>
      </c>
      <c r="F67546" s="1" t="s">
        <v>224911</v>
      </c>
      <c r="G67546" s="1" t="s">
        <v>224820</v>
      </c>
      <c r="H67546" s="1" t="s">
        <v>224821</v>
      </c>
      <c r="I67546" s="1" t="s">
        <v>222698</v>
      </c>
      <c r="J67546" s="1" t="s">
        <v>224912</v>
      </c>
    </row>
    <row r="67547" spans="1:10" x14ac:dyDescent="0.35">
      <c r="A67547" s="1" t="s">
        <v>8758</v>
      </c>
      <c r="B67547" s="1" t="s">
        <v>222693</v>
      </c>
      <c r="C67547" s="1" t="s">
        <v>145</v>
      </c>
      <c r="D67547" s="1" t="s">
        <v>224913</v>
      </c>
      <c r="E67547" s="1" t="s">
        <v>224914</v>
      </c>
      <c r="F67547" s="1" t="s">
        <v>224915</v>
      </c>
      <c r="G67547" s="1" t="s">
        <v>224820</v>
      </c>
      <c r="H67547" s="1" t="s">
        <v>224821</v>
      </c>
      <c r="I67547" s="1" t="s">
        <v>222698</v>
      </c>
      <c r="J67547" s="1" t="s">
        <v>224916</v>
      </c>
    </row>
    <row r="67548" spans="1:10" x14ac:dyDescent="0.35">
      <c r="A67548" s="1" t="s">
        <v>8758</v>
      </c>
      <c r="B67548" s="1" t="s">
        <v>222693</v>
      </c>
      <c r="C67548" s="1" t="s">
        <v>150</v>
      </c>
      <c r="D67548" s="1" t="s">
        <v>130751</v>
      </c>
      <c r="E67548" s="1" t="s">
        <v>224917</v>
      </c>
      <c r="F67548" s="1" t="s">
        <v>224918</v>
      </c>
      <c r="G67548" s="1" t="s">
        <v>224820</v>
      </c>
      <c r="H67548" s="1" t="s">
        <v>224821</v>
      </c>
      <c r="I67548" s="1" t="s">
        <v>222698</v>
      </c>
      <c r="J67548" s="1" t="s">
        <v>224919</v>
      </c>
    </row>
    <row r="67549" spans="1:10" x14ac:dyDescent="0.35">
      <c r="A67549" s="1" t="s">
        <v>8758</v>
      </c>
      <c r="B67549" s="1" t="s">
        <v>222693</v>
      </c>
      <c r="C67549" s="1" t="s">
        <v>155</v>
      </c>
      <c r="D67549" s="1" t="s">
        <v>60054</v>
      </c>
      <c r="E67549" s="1" t="s">
        <v>224920</v>
      </c>
      <c r="F67549" s="1" t="s">
        <v>224921</v>
      </c>
      <c r="G67549" s="1" t="s">
        <v>224820</v>
      </c>
      <c r="H67549" s="1" t="s">
        <v>224821</v>
      </c>
      <c r="I67549" s="1" t="s">
        <v>222698</v>
      </c>
      <c r="J67549" s="1" t="s">
        <v>224922</v>
      </c>
    </row>
    <row r="67550" spans="1:10" x14ac:dyDescent="0.35">
      <c r="A67550" s="1" t="s">
        <v>8758</v>
      </c>
      <c r="B67550" s="1" t="s">
        <v>222693</v>
      </c>
      <c r="C67550" s="1" t="s">
        <v>160</v>
      </c>
      <c r="D67550" s="1" t="s">
        <v>224923</v>
      </c>
      <c r="E67550" s="1" t="s">
        <v>224924</v>
      </c>
      <c r="F67550" s="1" t="s">
        <v>224925</v>
      </c>
      <c r="G67550" s="1" t="s">
        <v>224820</v>
      </c>
      <c r="H67550" s="1" t="s">
        <v>224821</v>
      </c>
      <c r="I67550" s="1" t="s">
        <v>222698</v>
      </c>
      <c r="J67550" s="1" t="s">
        <v>224926</v>
      </c>
    </row>
    <row r="67551" spans="1:10" x14ac:dyDescent="0.35">
      <c r="A67551" s="1" t="s">
        <v>8758</v>
      </c>
      <c r="B67551" s="1" t="s">
        <v>222693</v>
      </c>
      <c r="C67551" s="1" t="s">
        <v>165</v>
      </c>
      <c r="D67551" s="1" t="s">
        <v>224927</v>
      </c>
      <c r="E67551" s="1" t="s">
        <v>224928</v>
      </c>
      <c r="F67551" s="1" t="s">
        <v>224929</v>
      </c>
      <c r="G67551" s="1" t="s">
        <v>224820</v>
      </c>
      <c r="H67551" s="1" t="s">
        <v>224821</v>
      </c>
      <c r="I67551" s="1" t="s">
        <v>222698</v>
      </c>
      <c r="J67551" s="1" t="s">
        <v>224930</v>
      </c>
    </row>
    <row r="67552" spans="1:10" x14ac:dyDescent="0.35">
      <c r="A67552" s="1" t="s">
        <v>8758</v>
      </c>
      <c r="B67552" s="1" t="s">
        <v>222693</v>
      </c>
      <c r="C67552" s="1" t="s">
        <v>170</v>
      </c>
      <c r="D67552" s="1" t="s">
        <v>224931</v>
      </c>
      <c r="E67552" s="1" t="s">
        <v>224932</v>
      </c>
      <c r="F67552" s="1" t="s">
        <v>224933</v>
      </c>
      <c r="G67552" s="1" t="s">
        <v>224820</v>
      </c>
      <c r="H67552" s="1" t="s">
        <v>224821</v>
      </c>
      <c r="I67552" s="1" t="s">
        <v>222698</v>
      </c>
      <c r="J67552" s="1" t="s">
        <v>224934</v>
      </c>
    </row>
    <row r="67553" spans="1:10" x14ac:dyDescent="0.35">
      <c r="A67553" s="1" t="s">
        <v>143971</v>
      </c>
      <c r="B67553" s="1" t="s">
        <v>222693</v>
      </c>
      <c r="C67553" s="1" t="s">
        <v>8</v>
      </c>
      <c r="D67553" s="1" t="s">
        <v>63706</v>
      </c>
      <c r="E67553" s="1" t="s">
        <v>224935</v>
      </c>
      <c r="F67553" s="1" t="s">
        <v>224936</v>
      </c>
      <c r="G67553" s="1" t="s">
        <v>224937</v>
      </c>
      <c r="H67553" s="1" t="s">
        <v>224938</v>
      </c>
      <c r="I67553" s="1" t="s">
        <v>222698</v>
      </c>
      <c r="J67553" s="1" t="s">
        <v>13</v>
      </c>
    </row>
    <row r="67554" spans="1:10" x14ac:dyDescent="0.35">
      <c r="A67554" s="1" t="s">
        <v>143971</v>
      </c>
      <c r="B67554" s="1" t="s">
        <v>222693</v>
      </c>
      <c r="C67554" s="1" t="s">
        <v>15</v>
      </c>
      <c r="D67554" s="1" t="s">
        <v>15141</v>
      </c>
      <c r="E67554" s="1" t="s">
        <v>224939</v>
      </c>
      <c r="F67554" s="1" t="s">
        <v>224940</v>
      </c>
      <c r="G67554" s="1" t="s">
        <v>224937</v>
      </c>
      <c r="H67554" s="1" t="s">
        <v>224938</v>
      </c>
      <c r="I67554" s="1" t="s">
        <v>222698</v>
      </c>
      <c r="J67554" s="1" t="s">
        <v>224941</v>
      </c>
    </row>
    <row r="67555" spans="1:10" x14ac:dyDescent="0.35">
      <c r="A67555" s="1" t="s">
        <v>143971</v>
      </c>
      <c r="B67555" s="1" t="s">
        <v>222693</v>
      </c>
      <c r="C67555" s="1" t="s">
        <v>20</v>
      </c>
      <c r="D67555" s="1" t="s">
        <v>224942</v>
      </c>
      <c r="E67555" s="1" t="s">
        <v>224943</v>
      </c>
      <c r="F67555" s="1" t="s">
        <v>224944</v>
      </c>
      <c r="G67555" s="1" t="s">
        <v>224937</v>
      </c>
      <c r="H67555" s="1" t="s">
        <v>224938</v>
      </c>
      <c r="I67555" s="1" t="s">
        <v>222698</v>
      </c>
      <c r="J67555" s="1" t="s">
        <v>224945</v>
      </c>
    </row>
    <row r="67556" spans="1:10" x14ac:dyDescent="0.35">
      <c r="A67556" s="1" t="s">
        <v>143971</v>
      </c>
      <c r="B67556" s="1" t="s">
        <v>222693</v>
      </c>
      <c r="C67556" s="1" t="s">
        <v>25</v>
      </c>
      <c r="D67556" s="1" t="s">
        <v>65402</v>
      </c>
      <c r="E67556" s="1" t="s">
        <v>224946</v>
      </c>
      <c r="F67556" s="1" t="s">
        <v>224947</v>
      </c>
      <c r="G67556" s="1" t="s">
        <v>224937</v>
      </c>
      <c r="H67556" s="1" t="s">
        <v>224938</v>
      </c>
      <c r="I67556" s="1" t="s">
        <v>222698</v>
      </c>
      <c r="J67556" s="1" t="s">
        <v>224948</v>
      </c>
    </row>
    <row r="67557" spans="1:10" x14ac:dyDescent="0.35">
      <c r="A67557" s="1" t="s">
        <v>143971</v>
      </c>
      <c r="B67557" s="1" t="s">
        <v>222693</v>
      </c>
      <c r="C67557" s="1" t="s">
        <v>30</v>
      </c>
      <c r="D67557" s="1" t="s">
        <v>94024</v>
      </c>
      <c r="E67557" s="1" t="s">
        <v>224949</v>
      </c>
      <c r="F67557" s="1" t="s">
        <v>224950</v>
      </c>
      <c r="G67557" s="1" t="s">
        <v>224937</v>
      </c>
      <c r="H67557" s="1" t="s">
        <v>224938</v>
      </c>
      <c r="I67557" s="1" t="s">
        <v>222698</v>
      </c>
      <c r="J67557" s="1" t="s">
        <v>224951</v>
      </c>
    </row>
    <row r="67558" spans="1:10" x14ac:dyDescent="0.35">
      <c r="A67558" s="1" t="s">
        <v>143971</v>
      </c>
      <c r="B67558" s="1" t="s">
        <v>222693</v>
      </c>
      <c r="C67558" s="1" t="s">
        <v>35</v>
      </c>
      <c r="D67558" s="1" t="s">
        <v>58868</v>
      </c>
      <c r="E67558" s="1" t="s">
        <v>224952</v>
      </c>
      <c r="F67558" s="1" t="s">
        <v>224953</v>
      </c>
      <c r="G67558" s="1" t="s">
        <v>224937</v>
      </c>
      <c r="H67558" s="1" t="s">
        <v>224938</v>
      </c>
      <c r="I67558" s="1" t="s">
        <v>222698</v>
      </c>
      <c r="J67558" s="1" t="s">
        <v>224954</v>
      </c>
    </row>
    <row r="67559" spans="1:10" x14ac:dyDescent="0.35">
      <c r="A67559" s="1" t="s">
        <v>143971</v>
      </c>
      <c r="B67559" s="1" t="s">
        <v>222693</v>
      </c>
      <c r="C67559" s="1" t="s">
        <v>40</v>
      </c>
      <c r="D67559" s="1" t="s">
        <v>91683</v>
      </c>
      <c r="E67559" s="1" t="s">
        <v>224955</v>
      </c>
      <c r="F67559" s="1" t="s">
        <v>224956</v>
      </c>
      <c r="G67559" s="1" t="s">
        <v>224937</v>
      </c>
      <c r="H67559" s="1" t="s">
        <v>224938</v>
      </c>
      <c r="I67559" s="1" t="s">
        <v>222698</v>
      </c>
      <c r="J67559" s="1" t="s">
        <v>224957</v>
      </c>
    </row>
    <row r="67560" spans="1:10" x14ac:dyDescent="0.35">
      <c r="A67560" s="1" t="s">
        <v>143971</v>
      </c>
      <c r="B67560" s="1" t="s">
        <v>222693</v>
      </c>
      <c r="C67560" s="1" t="s">
        <v>45</v>
      </c>
      <c r="D67560" s="1" t="s">
        <v>15164</v>
      </c>
      <c r="E67560" s="1" t="s">
        <v>224958</v>
      </c>
      <c r="F67560" s="1" t="s">
        <v>224959</v>
      </c>
      <c r="G67560" s="1" t="s">
        <v>224937</v>
      </c>
      <c r="H67560" s="1" t="s">
        <v>224938</v>
      </c>
      <c r="I67560" s="1" t="s">
        <v>222698</v>
      </c>
      <c r="J67560" s="1" t="s">
        <v>224960</v>
      </c>
    </row>
    <row r="67561" spans="1:10" x14ac:dyDescent="0.35">
      <c r="A67561" s="1" t="s">
        <v>143971</v>
      </c>
      <c r="B67561" s="1" t="s">
        <v>222693</v>
      </c>
      <c r="C67561" s="1" t="s">
        <v>50</v>
      </c>
      <c r="D67561" s="1" t="s">
        <v>224961</v>
      </c>
      <c r="E67561" s="1" t="s">
        <v>224962</v>
      </c>
      <c r="F67561" s="1" t="s">
        <v>224963</v>
      </c>
      <c r="G67561" s="1" t="s">
        <v>224937</v>
      </c>
      <c r="H67561" s="1" t="s">
        <v>224938</v>
      </c>
      <c r="I67561" s="1" t="s">
        <v>222698</v>
      </c>
      <c r="J67561" s="1" t="s">
        <v>224964</v>
      </c>
    </row>
    <row r="67562" spans="1:10" x14ac:dyDescent="0.35">
      <c r="A67562" s="1" t="s">
        <v>143971</v>
      </c>
      <c r="B67562" s="1" t="s">
        <v>222693</v>
      </c>
      <c r="C67562" s="1" t="s">
        <v>55</v>
      </c>
      <c r="D67562" s="1" t="s">
        <v>224965</v>
      </c>
      <c r="E67562" s="1" t="s">
        <v>224966</v>
      </c>
      <c r="F67562" s="1" t="s">
        <v>224967</v>
      </c>
      <c r="G67562" s="1" t="s">
        <v>224937</v>
      </c>
      <c r="H67562" s="1" t="s">
        <v>224938</v>
      </c>
      <c r="I67562" s="1" t="s">
        <v>222698</v>
      </c>
      <c r="J67562" s="1" t="s">
        <v>224968</v>
      </c>
    </row>
    <row r="67563" spans="1:10" x14ac:dyDescent="0.35">
      <c r="A67563" s="1" t="s">
        <v>143971</v>
      </c>
      <c r="B67563" s="1" t="s">
        <v>222693</v>
      </c>
      <c r="C67563" s="1" t="s">
        <v>60</v>
      </c>
      <c r="D67563" s="1" t="s">
        <v>224969</v>
      </c>
      <c r="E67563" s="1" t="s">
        <v>224970</v>
      </c>
      <c r="F67563" s="1" t="s">
        <v>224971</v>
      </c>
      <c r="G67563" s="1" t="s">
        <v>224937</v>
      </c>
      <c r="H67563" s="1" t="s">
        <v>224938</v>
      </c>
      <c r="I67563" s="1" t="s">
        <v>222698</v>
      </c>
      <c r="J67563" s="1" t="s">
        <v>224972</v>
      </c>
    </row>
    <row r="67564" spans="1:10" x14ac:dyDescent="0.35">
      <c r="A67564" s="1" t="s">
        <v>143971</v>
      </c>
      <c r="B67564" s="1" t="s">
        <v>222693</v>
      </c>
      <c r="C67564" s="1" t="s">
        <v>65</v>
      </c>
      <c r="D67564" s="1" t="s">
        <v>19919</v>
      </c>
      <c r="E67564" s="1" t="s">
        <v>224973</v>
      </c>
      <c r="F67564" s="1" t="s">
        <v>224974</v>
      </c>
      <c r="G67564" s="1" t="s">
        <v>224937</v>
      </c>
      <c r="H67564" s="1" t="s">
        <v>224938</v>
      </c>
      <c r="I67564" s="1" t="s">
        <v>222698</v>
      </c>
      <c r="J67564" s="1" t="s">
        <v>224975</v>
      </c>
    </row>
    <row r="67565" spans="1:10" x14ac:dyDescent="0.35">
      <c r="A67565" s="1" t="s">
        <v>143971</v>
      </c>
      <c r="B67565" s="1" t="s">
        <v>222693</v>
      </c>
      <c r="C67565" s="1" t="s">
        <v>70</v>
      </c>
      <c r="D67565" s="1" t="s">
        <v>224976</v>
      </c>
      <c r="E67565" s="1" t="s">
        <v>224977</v>
      </c>
      <c r="F67565" s="1" t="s">
        <v>224978</v>
      </c>
      <c r="G67565" s="1" t="s">
        <v>224937</v>
      </c>
      <c r="H67565" s="1" t="s">
        <v>224938</v>
      </c>
      <c r="I67565" s="1" t="s">
        <v>222698</v>
      </c>
      <c r="J67565" s="1" t="s">
        <v>224979</v>
      </c>
    </row>
    <row r="67566" spans="1:10" x14ac:dyDescent="0.35">
      <c r="A67566" s="1" t="s">
        <v>143971</v>
      </c>
      <c r="B67566" s="1" t="s">
        <v>222693</v>
      </c>
      <c r="C67566" s="1" t="s">
        <v>75</v>
      </c>
      <c r="D67566" s="1" t="s">
        <v>77473</v>
      </c>
      <c r="E67566" s="1" t="s">
        <v>224980</v>
      </c>
      <c r="F67566" s="1" t="s">
        <v>224981</v>
      </c>
      <c r="G67566" s="1" t="s">
        <v>224937</v>
      </c>
      <c r="H67566" s="1" t="s">
        <v>224938</v>
      </c>
      <c r="I67566" s="1" t="s">
        <v>222698</v>
      </c>
      <c r="J67566" s="1" t="s">
        <v>224982</v>
      </c>
    </row>
    <row r="67567" spans="1:10" x14ac:dyDescent="0.35">
      <c r="A67567" s="1" t="s">
        <v>143971</v>
      </c>
      <c r="B67567" s="1" t="s">
        <v>222693</v>
      </c>
      <c r="C67567" s="1" t="s">
        <v>80</v>
      </c>
      <c r="D67567" s="1" t="s">
        <v>41486</v>
      </c>
      <c r="E67567" s="1" t="s">
        <v>224983</v>
      </c>
      <c r="F67567" s="1" t="s">
        <v>224984</v>
      </c>
      <c r="G67567" s="1" t="s">
        <v>224937</v>
      </c>
      <c r="H67567" s="1" t="s">
        <v>224938</v>
      </c>
      <c r="I67567" s="1" t="s">
        <v>222698</v>
      </c>
      <c r="J67567" s="1" t="s">
        <v>224985</v>
      </c>
    </row>
    <row r="67568" spans="1:10" x14ac:dyDescent="0.35">
      <c r="A67568" s="1" t="s">
        <v>143971</v>
      </c>
      <c r="B67568" s="1" t="s">
        <v>222693</v>
      </c>
      <c r="C67568" s="1" t="s">
        <v>85</v>
      </c>
      <c r="D67568" s="1" t="s">
        <v>5028</v>
      </c>
      <c r="E67568" s="1" t="s">
        <v>224986</v>
      </c>
      <c r="F67568" s="1" t="s">
        <v>224987</v>
      </c>
      <c r="G67568" s="1" t="s">
        <v>224937</v>
      </c>
      <c r="H67568" s="1" t="s">
        <v>224938</v>
      </c>
      <c r="I67568" s="1" t="s">
        <v>222698</v>
      </c>
      <c r="J67568" s="1" t="s">
        <v>224988</v>
      </c>
    </row>
    <row r="67569" spans="1:10" x14ac:dyDescent="0.35">
      <c r="A67569" s="1" t="s">
        <v>143971</v>
      </c>
      <c r="B67569" s="1" t="s">
        <v>222693</v>
      </c>
      <c r="C67569" s="1" t="s">
        <v>90</v>
      </c>
      <c r="D67569" s="1" t="s">
        <v>224989</v>
      </c>
      <c r="E67569" s="1" t="s">
        <v>224990</v>
      </c>
      <c r="F67569" s="1" t="s">
        <v>224991</v>
      </c>
      <c r="G67569" s="1" t="s">
        <v>224937</v>
      </c>
      <c r="H67569" s="1" t="s">
        <v>224938</v>
      </c>
      <c r="I67569" s="1" t="s">
        <v>222698</v>
      </c>
      <c r="J67569" s="1" t="s">
        <v>224992</v>
      </c>
    </row>
    <row r="67570" spans="1:10" x14ac:dyDescent="0.35">
      <c r="A67570" s="1" t="s">
        <v>143971</v>
      </c>
      <c r="B67570" s="1" t="s">
        <v>222693</v>
      </c>
      <c r="C67570" s="1" t="s">
        <v>95</v>
      </c>
      <c r="D67570" s="1" t="s">
        <v>103454</v>
      </c>
      <c r="E67570" s="1" t="s">
        <v>224993</v>
      </c>
      <c r="F67570" s="1" t="s">
        <v>224994</v>
      </c>
      <c r="G67570" s="1" t="s">
        <v>224937</v>
      </c>
      <c r="H67570" s="1" t="s">
        <v>224938</v>
      </c>
      <c r="I67570" s="1" t="s">
        <v>222698</v>
      </c>
      <c r="J67570" s="1" t="s">
        <v>224995</v>
      </c>
    </row>
    <row r="67571" spans="1:10" x14ac:dyDescent="0.35">
      <c r="A67571" s="1" t="s">
        <v>143971</v>
      </c>
      <c r="B67571" s="1" t="s">
        <v>222693</v>
      </c>
      <c r="C67571" s="1" t="s">
        <v>100</v>
      </c>
      <c r="D67571" s="1" t="s">
        <v>224996</v>
      </c>
      <c r="E67571" s="1" t="s">
        <v>224997</v>
      </c>
      <c r="F67571" s="1" t="s">
        <v>224998</v>
      </c>
      <c r="G67571" s="1" t="s">
        <v>224937</v>
      </c>
      <c r="H67571" s="1" t="s">
        <v>224938</v>
      </c>
      <c r="I67571" s="1" t="s">
        <v>222698</v>
      </c>
      <c r="J67571" s="1" t="s">
        <v>224999</v>
      </c>
    </row>
    <row r="67572" spans="1:10" x14ac:dyDescent="0.35">
      <c r="A67572" s="1" t="s">
        <v>143971</v>
      </c>
      <c r="B67572" s="1" t="s">
        <v>222693</v>
      </c>
      <c r="C67572" s="1" t="s">
        <v>105</v>
      </c>
      <c r="D67572" s="1" t="s">
        <v>225000</v>
      </c>
      <c r="E67572" s="1" t="s">
        <v>225001</v>
      </c>
      <c r="F67572" s="1" t="s">
        <v>225002</v>
      </c>
      <c r="G67572" s="1" t="s">
        <v>224937</v>
      </c>
      <c r="H67572" s="1" t="s">
        <v>224938</v>
      </c>
      <c r="I67572" s="1" t="s">
        <v>222698</v>
      </c>
      <c r="J67572" s="1" t="s">
        <v>225003</v>
      </c>
    </row>
    <row r="67573" spans="1:10" x14ac:dyDescent="0.35">
      <c r="A67573" s="1" t="s">
        <v>143971</v>
      </c>
      <c r="B67573" s="1" t="s">
        <v>222693</v>
      </c>
      <c r="C67573" s="1" t="s">
        <v>110</v>
      </c>
      <c r="D67573" s="1" t="s">
        <v>225004</v>
      </c>
      <c r="E67573" s="1" t="s">
        <v>225005</v>
      </c>
      <c r="F67573" s="1" t="s">
        <v>225006</v>
      </c>
      <c r="G67573" s="1" t="s">
        <v>224937</v>
      </c>
      <c r="H67573" s="1" t="s">
        <v>224938</v>
      </c>
      <c r="I67573" s="1" t="s">
        <v>222698</v>
      </c>
      <c r="J67573" s="1" t="s">
        <v>225007</v>
      </c>
    </row>
    <row r="67574" spans="1:10" x14ac:dyDescent="0.35">
      <c r="A67574" s="1" t="s">
        <v>143971</v>
      </c>
      <c r="B67574" s="1" t="s">
        <v>222693</v>
      </c>
      <c r="C67574" s="1" t="s">
        <v>115</v>
      </c>
      <c r="D67574" s="1" t="s">
        <v>225008</v>
      </c>
      <c r="E67574" s="1" t="s">
        <v>225009</v>
      </c>
      <c r="F67574" s="1" t="s">
        <v>225010</v>
      </c>
      <c r="G67574" s="1" t="s">
        <v>224937</v>
      </c>
      <c r="H67574" s="1" t="s">
        <v>224938</v>
      </c>
      <c r="I67574" s="1" t="s">
        <v>222698</v>
      </c>
      <c r="J67574" s="1" t="s">
        <v>225011</v>
      </c>
    </row>
    <row r="67575" spans="1:10" x14ac:dyDescent="0.35">
      <c r="A67575" s="1" t="s">
        <v>143971</v>
      </c>
      <c r="B67575" s="1" t="s">
        <v>222693</v>
      </c>
      <c r="C67575" s="1" t="s">
        <v>120</v>
      </c>
      <c r="D67575" s="1" t="s">
        <v>225012</v>
      </c>
      <c r="E67575" s="1" t="s">
        <v>225013</v>
      </c>
      <c r="F67575" s="1" t="s">
        <v>225014</v>
      </c>
      <c r="G67575" s="1" t="s">
        <v>224937</v>
      </c>
      <c r="H67575" s="1" t="s">
        <v>224938</v>
      </c>
      <c r="I67575" s="1" t="s">
        <v>222698</v>
      </c>
      <c r="J67575" s="1" t="s">
        <v>225015</v>
      </c>
    </row>
    <row r="67576" spans="1:10" x14ac:dyDescent="0.35">
      <c r="A67576" s="1" t="s">
        <v>143971</v>
      </c>
      <c r="B67576" s="1" t="s">
        <v>222693</v>
      </c>
      <c r="C67576" s="1" t="s">
        <v>125</v>
      </c>
      <c r="D67576" s="1" t="s">
        <v>225016</v>
      </c>
      <c r="E67576" s="1" t="s">
        <v>225017</v>
      </c>
      <c r="F67576" s="1" t="s">
        <v>225018</v>
      </c>
      <c r="G67576" s="1" t="s">
        <v>224937</v>
      </c>
      <c r="H67576" s="1" t="s">
        <v>224938</v>
      </c>
      <c r="I67576" s="1" t="s">
        <v>222698</v>
      </c>
      <c r="J67576" s="1" t="s">
        <v>225019</v>
      </c>
    </row>
    <row r="67577" spans="1:10" x14ac:dyDescent="0.35">
      <c r="A67577" s="1" t="s">
        <v>143971</v>
      </c>
      <c r="B67577" s="1" t="s">
        <v>222693</v>
      </c>
      <c r="C67577" s="1" t="s">
        <v>130</v>
      </c>
      <c r="D67577" s="1" t="s">
        <v>225020</v>
      </c>
      <c r="E67577" s="1" t="s">
        <v>225021</v>
      </c>
      <c r="F67577" s="1" t="s">
        <v>225022</v>
      </c>
      <c r="G67577" s="1" t="s">
        <v>224937</v>
      </c>
      <c r="H67577" s="1" t="s">
        <v>224938</v>
      </c>
      <c r="I67577" s="1" t="s">
        <v>222698</v>
      </c>
      <c r="J67577" s="1" t="s">
        <v>225023</v>
      </c>
    </row>
    <row r="67578" spans="1:10" x14ac:dyDescent="0.35">
      <c r="A67578" s="1" t="s">
        <v>143971</v>
      </c>
      <c r="B67578" s="1" t="s">
        <v>222693</v>
      </c>
      <c r="C67578" s="1" t="s">
        <v>135</v>
      </c>
      <c r="D67578" s="1" t="s">
        <v>225024</v>
      </c>
      <c r="E67578" s="1" t="s">
        <v>225025</v>
      </c>
      <c r="F67578" s="1" t="s">
        <v>225026</v>
      </c>
      <c r="G67578" s="1" t="s">
        <v>224937</v>
      </c>
      <c r="H67578" s="1" t="s">
        <v>224938</v>
      </c>
      <c r="I67578" s="1" t="s">
        <v>222698</v>
      </c>
      <c r="J67578" s="1" t="s">
        <v>225027</v>
      </c>
    </row>
    <row r="67579" spans="1:10" x14ac:dyDescent="0.35">
      <c r="A67579" s="1" t="s">
        <v>143971</v>
      </c>
      <c r="B67579" s="1" t="s">
        <v>222693</v>
      </c>
      <c r="C67579" s="1" t="s">
        <v>140</v>
      </c>
      <c r="D67579" s="1" t="s">
        <v>225028</v>
      </c>
      <c r="E67579" s="1" t="s">
        <v>225029</v>
      </c>
      <c r="F67579" s="1" t="s">
        <v>225030</v>
      </c>
      <c r="G67579" s="1" t="s">
        <v>224937</v>
      </c>
      <c r="H67579" s="1" t="s">
        <v>224938</v>
      </c>
      <c r="I67579" s="1" t="s">
        <v>222698</v>
      </c>
      <c r="J67579" s="1" t="s">
        <v>225031</v>
      </c>
    </row>
    <row r="67580" spans="1:10" x14ac:dyDescent="0.35">
      <c r="A67580" s="1" t="s">
        <v>143971</v>
      </c>
      <c r="B67580" s="1" t="s">
        <v>222693</v>
      </c>
      <c r="C67580" s="1" t="s">
        <v>145</v>
      </c>
      <c r="D67580" s="1" t="s">
        <v>225032</v>
      </c>
      <c r="E67580" s="1" t="s">
        <v>225033</v>
      </c>
      <c r="F67580" s="1" t="s">
        <v>225034</v>
      </c>
      <c r="G67580" s="1" t="s">
        <v>224937</v>
      </c>
      <c r="H67580" s="1" t="s">
        <v>224938</v>
      </c>
      <c r="I67580" s="1" t="s">
        <v>222698</v>
      </c>
      <c r="J67580" s="1" t="s">
        <v>225035</v>
      </c>
    </row>
    <row r="67581" spans="1:10" x14ac:dyDescent="0.35">
      <c r="A67581" s="1" t="s">
        <v>143971</v>
      </c>
      <c r="B67581" s="1" t="s">
        <v>222693</v>
      </c>
      <c r="C67581" s="1" t="s">
        <v>150</v>
      </c>
      <c r="D67581" s="1" t="s">
        <v>225036</v>
      </c>
      <c r="E67581" s="1" t="s">
        <v>225037</v>
      </c>
      <c r="F67581" s="1" t="s">
        <v>225038</v>
      </c>
      <c r="G67581" s="1" t="s">
        <v>224937</v>
      </c>
      <c r="H67581" s="1" t="s">
        <v>224938</v>
      </c>
      <c r="I67581" s="1" t="s">
        <v>222698</v>
      </c>
      <c r="J67581" s="1" t="s">
        <v>225039</v>
      </c>
    </row>
    <row r="67582" spans="1:10" x14ac:dyDescent="0.35">
      <c r="A67582" s="1" t="s">
        <v>143971</v>
      </c>
      <c r="B67582" s="1" t="s">
        <v>222693</v>
      </c>
      <c r="C67582" s="1" t="s">
        <v>155</v>
      </c>
      <c r="D67582" s="1" t="s">
        <v>225040</v>
      </c>
      <c r="E67582" s="1" t="s">
        <v>225041</v>
      </c>
      <c r="F67582" s="1" t="s">
        <v>225042</v>
      </c>
      <c r="G67582" s="1" t="s">
        <v>224937</v>
      </c>
      <c r="H67582" s="1" t="s">
        <v>224938</v>
      </c>
      <c r="I67582" s="1" t="s">
        <v>222698</v>
      </c>
      <c r="J67582" s="1" t="s">
        <v>225043</v>
      </c>
    </row>
    <row r="67583" spans="1:10" x14ac:dyDescent="0.35">
      <c r="A67583" s="1" t="s">
        <v>143971</v>
      </c>
      <c r="B67583" s="1" t="s">
        <v>222693</v>
      </c>
      <c r="C67583" s="1" t="s">
        <v>160</v>
      </c>
      <c r="D67583" s="1" t="s">
        <v>225044</v>
      </c>
      <c r="E67583" s="1" t="s">
        <v>225045</v>
      </c>
      <c r="F67583" s="1" t="s">
        <v>225046</v>
      </c>
      <c r="G67583" s="1" t="s">
        <v>224937</v>
      </c>
      <c r="H67583" s="1" t="s">
        <v>224938</v>
      </c>
      <c r="I67583" s="1" t="s">
        <v>222698</v>
      </c>
      <c r="J67583" s="1" t="s">
        <v>225047</v>
      </c>
    </row>
    <row r="67584" spans="1:10" x14ac:dyDescent="0.35">
      <c r="A67584" s="1" t="s">
        <v>143971</v>
      </c>
      <c r="B67584" s="1" t="s">
        <v>222693</v>
      </c>
      <c r="C67584" s="1" t="s">
        <v>165</v>
      </c>
      <c r="D67584" s="1" t="s">
        <v>225048</v>
      </c>
      <c r="E67584" s="1" t="s">
        <v>225049</v>
      </c>
      <c r="F67584" s="1" t="s">
        <v>225050</v>
      </c>
      <c r="G67584" s="1" t="s">
        <v>224937</v>
      </c>
      <c r="H67584" s="1" t="s">
        <v>224938</v>
      </c>
      <c r="I67584" s="1" t="s">
        <v>222698</v>
      </c>
      <c r="J67584" s="1" t="s">
        <v>225051</v>
      </c>
    </row>
    <row r="67585" spans="1:10" x14ac:dyDescent="0.35">
      <c r="A67585" s="1" t="s">
        <v>143971</v>
      </c>
      <c r="B67585" s="1" t="s">
        <v>222693</v>
      </c>
      <c r="C67585" s="1" t="s">
        <v>170</v>
      </c>
      <c r="D67585" s="1" t="s">
        <v>225052</v>
      </c>
      <c r="E67585" s="1" t="s">
        <v>225053</v>
      </c>
      <c r="F67585" s="1" t="s">
        <v>225054</v>
      </c>
      <c r="G67585" s="1" t="s">
        <v>224937</v>
      </c>
      <c r="H67585" s="1" t="s">
        <v>224938</v>
      </c>
      <c r="I67585" s="1" t="s">
        <v>222698</v>
      </c>
      <c r="J67585" s="1" t="s">
        <v>225055</v>
      </c>
    </row>
    <row r="67586" spans="1:10" x14ac:dyDescent="0.35">
      <c r="A67586" s="1" t="s">
        <v>2047</v>
      </c>
      <c r="B67586" s="1" t="s">
        <v>222693</v>
      </c>
      <c r="C67586" s="1" t="s">
        <v>8</v>
      </c>
      <c r="D67586" s="1" t="s">
        <v>225056</v>
      </c>
      <c r="E67586" s="1" t="s">
        <v>225057</v>
      </c>
      <c r="F67586" s="1" t="s">
        <v>225058</v>
      </c>
      <c r="G67586" s="1" t="s">
        <v>225059</v>
      </c>
      <c r="H67586" s="1" t="s">
        <v>225060</v>
      </c>
      <c r="I67586" s="1" t="s">
        <v>222698</v>
      </c>
      <c r="J67586" s="1" t="s">
        <v>13</v>
      </c>
    </row>
    <row r="67587" spans="1:10" x14ac:dyDescent="0.35">
      <c r="A67587" s="1" t="s">
        <v>2047</v>
      </c>
      <c r="B67587" s="1" t="s">
        <v>222693</v>
      </c>
      <c r="C67587" s="1" t="s">
        <v>15</v>
      </c>
      <c r="D67587" s="1" t="s">
        <v>225061</v>
      </c>
      <c r="E67587" s="1" t="s">
        <v>225062</v>
      </c>
      <c r="F67587" s="1" t="s">
        <v>225063</v>
      </c>
      <c r="G67587" s="1" t="s">
        <v>225059</v>
      </c>
      <c r="H67587" s="1" t="s">
        <v>225060</v>
      </c>
      <c r="I67587" s="1" t="s">
        <v>222698</v>
      </c>
      <c r="J67587" s="1" t="s">
        <v>225064</v>
      </c>
    </row>
    <row r="67588" spans="1:10" x14ac:dyDescent="0.35">
      <c r="A67588" s="1" t="s">
        <v>2047</v>
      </c>
      <c r="B67588" s="1" t="s">
        <v>222693</v>
      </c>
      <c r="C67588" s="1" t="s">
        <v>20</v>
      </c>
      <c r="D67588" s="1" t="s">
        <v>93793</v>
      </c>
      <c r="E67588" s="1" t="s">
        <v>225065</v>
      </c>
      <c r="F67588" s="1" t="s">
        <v>225066</v>
      </c>
      <c r="G67588" s="1" t="s">
        <v>225059</v>
      </c>
      <c r="H67588" s="1" t="s">
        <v>225060</v>
      </c>
      <c r="I67588" s="1" t="s">
        <v>222698</v>
      </c>
      <c r="J67588" s="1" t="s">
        <v>225067</v>
      </c>
    </row>
    <row r="67589" spans="1:10" x14ac:dyDescent="0.35">
      <c r="A67589" s="1" t="s">
        <v>2047</v>
      </c>
      <c r="B67589" s="1" t="s">
        <v>222693</v>
      </c>
      <c r="C67589" s="1" t="s">
        <v>25</v>
      </c>
      <c r="D67589" s="1" t="s">
        <v>225068</v>
      </c>
      <c r="E67589" s="1" t="s">
        <v>225069</v>
      </c>
      <c r="F67589" s="1" t="s">
        <v>225070</v>
      </c>
      <c r="G67589" s="1" t="s">
        <v>225059</v>
      </c>
      <c r="H67589" s="1" t="s">
        <v>225060</v>
      </c>
      <c r="I67589" s="1" t="s">
        <v>222698</v>
      </c>
      <c r="J67589" s="1" t="s">
        <v>225071</v>
      </c>
    </row>
    <row r="67590" spans="1:10" x14ac:dyDescent="0.35">
      <c r="A67590" s="1" t="s">
        <v>2047</v>
      </c>
      <c r="B67590" s="1" t="s">
        <v>222693</v>
      </c>
      <c r="C67590" s="1" t="s">
        <v>30</v>
      </c>
      <c r="D67590" s="1" t="s">
        <v>225072</v>
      </c>
      <c r="E67590" s="1" t="s">
        <v>225073</v>
      </c>
      <c r="F67590" s="1" t="s">
        <v>225074</v>
      </c>
      <c r="G67590" s="1" t="s">
        <v>225059</v>
      </c>
      <c r="H67590" s="1" t="s">
        <v>225060</v>
      </c>
      <c r="I67590" s="1" t="s">
        <v>222698</v>
      </c>
      <c r="J67590" s="1" t="s">
        <v>225075</v>
      </c>
    </row>
    <row r="67591" spans="1:10" x14ac:dyDescent="0.35">
      <c r="A67591" s="1" t="s">
        <v>2047</v>
      </c>
      <c r="B67591" s="1" t="s">
        <v>222693</v>
      </c>
      <c r="C67591" s="1" t="s">
        <v>35</v>
      </c>
      <c r="D67591" s="1" t="s">
        <v>225076</v>
      </c>
      <c r="E67591" s="1" t="s">
        <v>225077</v>
      </c>
      <c r="F67591" s="1" t="s">
        <v>225078</v>
      </c>
      <c r="G67591" s="1" t="s">
        <v>225059</v>
      </c>
      <c r="H67591" s="1" t="s">
        <v>225060</v>
      </c>
      <c r="I67591" s="1" t="s">
        <v>222698</v>
      </c>
      <c r="J67591" s="1" t="s">
        <v>225079</v>
      </c>
    </row>
    <row r="67592" spans="1:10" x14ac:dyDescent="0.35">
      <c r="A67592" s="1" t="s">
        <v>2047</v>
      </c>
      <c r="B67592" s="1" t="s">
        <v>222693</v>
      </c>
      <c r="C67592" s="1" t="s">
        <v>40</v>
      </c>
      <c r="D67592" s="1" t="s">
        <v>225080</v>
      </c>
      <c r="E67592" s="1" t="s">
        <v>225081</v>
      </c>
      <c r="F67592" s="1" t="s">
        <v>225082</v>
      </c>
      <c r="G67592" s="1" t="s">
        <v>225059</v>
      </c>
      <c r="H67592" s="1" t="s">
        <v>225060</v>
      </c>
      <c r="I67592" s="1" t="s">
        <v>222698</v>
      </c>
      <c r="J67592" s="1" t="s">
        <v>225083</v>
      </c>
    </row>
    <row r="67593" spans="1:10" x14ac:dyDescent="0.35">
      <c r="A67593" s="1" t="s">
        <v>2047</v>
      </c>
      <c r="B67593" s="1" t="s">
        <v>222693</v>
      </c>
      <c r="C67593" s="1" t="s">
        <v>45</v>
      </c>
      <c r="D67593" s="1" t="s">
        <v>225084</v>
      </c>
      <c r="E67593" s="1" t="s">
        <v>225085</v>
      </c>
      <c r="F67593" s="1" t="s">
        <v>225086</v>
      </c>
      <c r="G67593" s="1" t="s">
        <v>225059</v>
      </c>
      <c r="H67593" s="1" t="s">
        <v>225060</v>
      </c>
      <c r="I67593" s="1" t="s">
        <v>222698</v>
      </c>
      <c r="J67593" s="1" t="s">
        <v>225087</v>
      </c>
    </row>
    <row r="67594" spans="1:10" x14ac:dyDescent="0.35">
      <c r="A67594" s="1" t="s">
        <v>2047</v>
      </c>
      <c r="B67594" s="1" t="s">
        <v>222693</v>
      </c>
      <c r="C67594" s="1" t="s">
        <v>50</v>
      </c>
      <c r="D67594" s="1" t="s">
        <v>225088</v>
      </c>
      <c r="E67594" s="1" t="s">
        <v>225089</v>
      </c>
      <c r="F67594" s="1" t="s">
        <v>225090</v>
      </c>
      <c r="G67594" s="1" t="s">
        <v>225059</v>
      </c>
      <c r="H67594" s="1" t="s">
        <v>225060</v>
      </c>
      <c r="I67594" s="1" t="s">
        <v>222698</v>
      </c>
      <c r="J67594" s="1" t="s">
        <v>225091</v>
      </c>
    </row>
    <row r="67595" spans="1:10" x14ac:dyDescent="0.35">
      <c r="A67595" s="1" t="s">
        <v>2047</v>
      </c>
      <c r="B67595" s="1" t="s">
        <v>222693</v>
      </c>
      <c r="C67595" s="1" t="s">
        <v>55</v>
      </c>
      <c r="D67595" s="1" t="s">
        <v>225092</v>
      </c>
      <c r="E67595" s="1" t="s">
        <v>225093</v>
      </c>
      <c r="F67595" s="1" t="s">
        <v>225094</v>
      </c>
      <c r="G67595" s="1" t="s">
        <v>225059</v>
      </c>
      <c r="H67595" s="1" t="s">
        <v>225060</v>
      </c>
      <c r="I67595" s="1" t="s">
        <v>222698</v>
      </c>
      <c r="J67595" s="1" t="s">
        <v>225095</v>
      </c>
    </row>
    <row r="67596" spans="1:10" x14ac:dyDescent="0.35">
      <c r="A67596" s="1" t="s">
        <v>2047</v>
      </c>
      <c r="B67596" s="1" t="s">
        <v>222693</v>
      </c>
      <c r="C67596" s="1" t="s">
        <v>60</v>
      </c>
      <c r="D67596" s="1" t="s">
        <v>26052</v>
      </c>
      <c r="E67596" s="1" t="s">
        <v>225096</v>
      </c>
      <c r="F67596" s="1" t="s">
        <v>225097</v>
      </c>
      <c r="G67596" s="1" t="s">
        <v>225059</v>
      </c>
      <c r="H67596" s="1" t="s">
        <v>225060</v>
      </c>
      <c r="I67596" s="1" t="s">
        <v>222698</v>
      </c>
      <c r="J67596" s="1" t="s">
        <v>110267</v>
      </c>
    </row>
    <row r="67597" spans="1:10" x14ac:dyDescent="0.35">
      <c r="A67597" s="1" t="s">
        <v>2047</v>
      </c>
      <c r="B67597" s="1" t="s">
        <v>222693</v>
      </c>
      <c r="C67597" s="1" t="s">
        <v>65</v>
      </c>
      <c r="D67597" s="1" t="s">
        <v>83934</v>
      </c>
      <c r="E67597" s="1" t="s">
        <v>225098</v>
      </c>
      <c r="F67597" s="1" t="s">
        <v>225099</v>
      </c>
      <c r="G67597" s="1" t="s">
        <v>225059</v>
      </c>
      <c r="H67597" s="1" t="s">
        <v>225060</v>
      </c>
      <c r="I67597" s="1" t="s">
        <v>222698</v>
      </c>
      <c r="J67597" s="1" t="s">
        <v>225100</v>
      </c>
    </row>
    <row r="67598" spans="1:10" x14ac:dyDescent="0.35">
      <c r="A67598" s="1" t="s">
        <v>2047</v>
      </c>
      <c r="B67598" s="1" t="s">
        <v>222693</v>
      </c>
      <c r="C67598" s="1" t="s">
        <v>70</v>
      </c>
      <c r="D67598" s="1" t="s">
        <v>132984</v>
      </c>
      <c r="E67598" s="1" t="s">
        <v>225101</v>
      </c>
      <c r="F67598" s="1" t="s">
        <v>225102</v>
      </c>
      <c r="G67598" s="1" t="s">
        <v>225059</v>
      </c>
      <c r="H67598" s="1" t="s">
        <v>225060</v>
      </c>
      <c r="I67598" s="1" t="s">
        <v>222698</v>
      </c>
      <c r="J67598" s="1" t="s">
        <v>225103</v>
      </c>
    </row>
    <row r="67599" spans="1:10" x14ac:dyDescent="0.35">
      <c r="A67599" s="1" t="s">
        <v>2047</v>
      </c>
      <c r="B67599" s="1" t="s">
        <v>222693</v>
      </c>
      <c r="C67599" s="1" t="s">
        <v>75</v>
      </c>
      <c r="D67599" s="1" t="s">
        <v>63023</v>
      </c>
      <c r="E67599" s="1" t="s">
        <v>225104</v>
      </c>
      <c r="F67599" s="1" t="s">
        <v>225105</v>
      </c>
      <c r="G67599" s="1" t="s">
        <v>225059</v>
      </c>
      <c r="H67599" s="1" t="s">
        <v>225060</v>
      </c>
      <c r="I67599" s="1" t="s">
        <v>222698</v>
      </c>
      <c r="J67599" s="1" t="s">
        <v>225106</v>
      </c>
    </row>
    <row r="67600" spans="1:10" x14ac:dyDescent="0.35">
      <c r="A67600" s="1" t="s">
        <v>2047</v>
      </c>
      <c r="B67600" s="1" t="s">
        <v>222693</v>
      </c>
      <c r="C67600" s="1" t="s">
        <v>80</v>
      </c>
      <c r="D67600" s="1" t="s">
        <v>225107</v>
      </c>
      <c r="E67600" s="1" t="s">
        <v>225108</v>
      </c>
      <c r="F67600" s="1" t="s">
        <v>225109</v>
      </c>
      <c r="G67600" s="1" t="s">
        <v>225059</v>
      </c>
      <c r="H67600" s="1" t="s">
        <v>225060</v>
      </c>
      <c r="I67600" s="1" t="s">
        <v>222698</v>
      </c>
      <c r="J67600" s="1" t="s">
        <v>225110</v>
      </c>
    </row>
    <row r="67601" spans="1:10" x14ac:dyDescent="0.35">
      <c r="A67601" s="1" t="s">
        <v>2047</v>
      </c>
      <c r="B67601" s="1" t="s">
        <v>222693</v>
      </c>
      <c r="C67601" s="1" t="s">
        <v>85</v>
      </c>
      <c r="D67601" s="1" t="s">
        <v>225111</v>
      </c>
      <c r="E67601" s="1" t="s">
        <v>225112</v>
      </c>
      <c r="F67601" s="1" t="s">
        <v>225113</v>
      </c>
      <c r="G67601" s="1" t="s">
        <v>225059</v>
      </c>
      <c r="H67601" s="1" t="s">
        <v>225060</v>
      </c>
      <c r="I67601" s="1" t="s">
        <v>222698</v>
      </c>
      <c r="J67601" s="1" t="s">
        <v>225114</v>
      </c>
    </row>
    <row r="67602" spans="1:10" x14ac:dyDescent="0.35">
      <c r="A67602" s="1" t="s">
        <v>2047</v>
      </c>
      <c r="B67602" s="1" t="s">
        <v>222693</v>
      </c>
      <c r="C67602" s="1" t="s">
        <v>90</v>
      </c>
      <c r="D67602" s="1" t="s">
        <v>164435</v>
      </c>
      <c r="E67602" s="1" t="s">
        <v>225115</v>
      </c>
      <c r="F67602" s="1" t="s">
        <v>225116</v>
      </c>
      <c r="G67602" s="1" t="s">
        <v>225059</v>
      </c>
      <c r="H67602" s="1" t="s">
        <v>225060</v>
      </c>
      <c r="I67602" s="1" t="s">
        <v>222698</v>
      </c>
      <c r="J67602" s="1" t="s">
        <v>225117</v>
      </c>
    </row>
    <row r="67603" spans="1:10" x14ac:dyDescent="0.35">
      <c r="A67603" s="1" t="s">
        <v>2047</v>
      </c>
      <c r="B67603" s="1" t="s">
        <v>222693</v>
      </c>
      <c r="C67603" s="1" t="s">
        <v>95</v>
      </c>
      <c r="D67603" s="1" t="s">
        <v>70107</v>
      </c>
      <c r="E67603" s="1" t="s">
        <v>225118</v>
      </c>
      <c r="F67603" s="1" t="s">
        <v>225119</v>
      </c>
      <c r="G67603" s="1" t="s">
        <v>225059</v>
      </c>
      <c r="H67603" s="1" t="s">
        <v>225060</v>
      </c>
      <c r="I67603" s="1" t="s">
        <v>222698</v>
      </c>
      <c r="J67603" s="1" t="s">
        <v>225120</v>
      </c>
    </row>
    <row r="67604" spans="1:10" x14ac:dyDescent="0.35">
      <c r="A67604" s="1" t="s">
        <v>2047</v>
      </c>
      <c r="B67604" s="1" t="s">
        <v>222693</v>
      </c>
      <c r="C67604" s="1" t="s">
        <v>100</v>
      </c>
      <c r="D67604" s="1" t="s">
        <v>103684</v>
      </c>
      <c r="E67604" s="1" t="s">
        <v>225121</v>
      </c>
      <c r="F67604" s="1" t="s">
        <v>225122</v>
      </c>
      <c r="G67604" s="1" t="s">
        <v>225059</v>
      </c>
      <c r="H67604" s="1" t="s">
        <v>225060</v>
      </c>
      <c r="I67604" s="1" t="s">
        <v>222698</v>
      </c>
      <c r="J67604" s="1" t="s">
        <v>225123</v>
      </c>
    </row>
    <row r="67605" spans="1:10" x14ac:dyDescent="0.35">
      <c r="A67605" s="1" t="s">
        <v>2047</v>
      </c>
      <c r="B67605" s="1" t="s">
        <v>222693</v>
      </c>
      <c r="C67605" s="1" t="s">
        <v>105</v>
      </c>
      <c r="D67605" s="1" t="s">
        <v>58568</v>
      </c>
      <c r="E67605" s="1" t="s">
        <v>225124</v>
      </c>
      <c r="F67605" s="1" t="s">
        <v>225125</v>
      </c>
      <c r="G67605" s="1" t="s">
        <v>225059</v>
      </c>
      <c r="H67605" s="1" t="s">
        <v>225060</v>
      </c>
      <c r="I67605" s="1" t="s">
        <v>222698</v>
      </c>
      <c r="J67605" s="1" t="s">
        <v>225126</v>
      </c>
    </row>
    <row r="67606" spans="1:10" x14ac:dyDescent="0.35">
      <c r="A67606" s="1" t="s">
        <v>2047</v>
      </c>
      <c r="B67606" s="1" t="s">
        <v>222693</v>
      </c>
      <c r="C67606" s="1" t="s">
        <v>110</v>
      </c>
      <c r="D67606" s="1" t="s">
        <v>84424</v>
      </c>
      <c r="E67606" s="1" t="s">
        <v>225127</v>
      </c>
      <c r="F67606" s="1" t="s">
        <v>225128</v>
      </c>
      <c r="G67606" s="1" t="s">
        <v>225059</v>
      </c>
      <c r="H67606" s="1" t="s">
        <v>225060</v>
      </c>
      <c r="I67606" s="1" t="s">
        <v>222698</v>
      </c>
      <c r="J67606" s="1" t="s">
        <v>225129</v>
      </c>
    </row>
    <row r="67607" spans="1:10" x14ac:dyDescent="0.35">
      <c r="A67607" s="1" t="s">
        <v>2047</v>
      </c>
      <c r="B67607" s="1" t="s">
        <v>222693</v>
      </c>
      <c r="C67607" s="1" t="s">
        <v>115</v>
      </c>
      <c r="D67607" s="1" t="s">
        <v>225130</v>
      </c>
      <c r="E67607" s="1" t="s">
        <v>225131</v>
      </c>
      <c r="F67607" s="1" t="s">
        <v>225132</v>
      </c>
      <c r="G67607" s="1" t="s">
        <v>225059</v>
      </c>
      <c r="H67607" s="1" t="s">
        <v>225060</v>
      </c>
      <c r="I67607" s="1" t="s">
        <v>222698</v>
      </c>
      <c r="J67607" s="1" t="s">
        <v>225133</v>
      </c>
    </row>
    <row r="67608" spans="1:10" x14ac:dyDescent="0.35">
      <c r="A67608" s="1" t="s">
        <v>2047</v>
      </c>
      <c r="B67608" s="1" t="s">
        <v>222693</v>
      </c>
      <c r="C67608" s="1" t="s">
        <v>120</v>
      </c>
      <c r="D67608" s="1" t="s">
        <v>76530</v>
      </c>
      <c r="E67608" s="1" t="s">
        <v>225134</v>
      </c>
      <c r="F67608" s="1" t="s">
        <v>225135</v>
      </c>
      <c r="G67608" s="1" t="s">
        <v>225059</v>
      </c>
      <c r="H67608" s="1" t="s">
        <v>225060</v>
      </c>
      <c r="I67608" s="1" t="s">
        <v>222698</v>
      </c>
      <c r="J67608" s="1" t="s">
        <v>225136</v>
      </c>
    </row>
    <row r="67609" spans="1:10" x14ac:dyDescent="0.35">
      <c r="A67609" s="1" t="s">
        <v>2047</v>
      </c>
      <c r="B67609" s="1" t="s">
        <v>222693</v>
      </c>
      <c r="C67609" s="1" t="s">
        <v>125</v>
      </c>
      <c r="D67609" s="1" t="s">
        <v>129575</v>
      </c>
      <c r="E67609" s="1" t="s">
        <v>225137</v>
      </c>
      <c r="F67609" s="1" t="s">
        <v>225138</v>
      </c>
      <c r="G67609" s="1" t="s">
        <v>225059</v>
      </c>
      <c r="H67609" s="1" t="s">
        <v>225060</v>
      </c>
      <c r="I67609" s="1" t="s">
        <v>222698</v>
      </c>
      <c r="J67609" s="1" t="s">
        <v>225139</v>
      </c>
    </row>
    <row r="67610" spans="1:10" x14ac:dyDescent="0.35">
      <c r="A67610" s="1" t="s">
        <v>2047</v>
      </c>
      <c r="B67610" s="1" t="s">
        <v>222693</v>
      </c>
      <c r="C67610" s="1" t="s">
        <v>130</v>
      </c>
      <c r="D67610" s="1" t="s">
        <v>91458</v>
      </c>
      <c r="E67610" s="1" t="s">
        <v>225140</v>
      </c>
      <c r="F67610" s="1" t="s">
        <v>225141</v>
      </c>
      <c r="G67610" s="1" t="s">
        <v>225059</v>
      </c>
      <c r="H67610" s="1" t="s">
        <v>225060</v>
      </c>
      <c r="I67610" s="1" t="s">
        <v>222698</v>
      </c>
      <c r="J67610" s="1" t="s">
        <v>225142</v>
      </c>
    </row>
    <row r="67611" spans="1:10" x14ac:dyDescent="0.35">
      <c r="A67611" s="1" t="s">
        <v>2047</v>
      </c>
      <c r="B67611" s="1" t="s">
        <v>222693</v>
      </c>
      <c r="C67611" s="1" t="s">
        <v>135</v>
      </c>
      <c r="D67611" s="1" t="s">
        <v>225143</v>
      </c>
      <c r="E67611" s="1" t="s">
        <v>225144</v>
      </c>
      <c r="F67611" s="1" t="s">
        <v>225145</v>
      </c>
      <c r="G67611" s="1" t="s">
        <v>225059</v>
      </c>
      <c r="H67611" s="1" t="s">
        <v>225060</v>
      </c>
      <c r="I67611" s="1" t="s">
        <v>222698</v>
      </c>
      <c r="J67611" s="1" t="s">
        <v>225146</v>
      </c>
    </row>
    <row r="67612" spans="1:10" x14ac:dyDescent="0.35">
      <c r="A67612" s="1" t="s">
        <v>2047</v>
      </c>
      <c r="B67612" s="1" t="s">
        <v>222693</v>
      </c>
      <c r="C67612" s="1" t="s">
        <v>140</v>
      </c>
      <c r="D67612" s="1" t="s">
        <v>84416</v>
      </c>
      <c r="E67612" s="1" t="s">
        <v>225147</v>
      </c>
      <c r="F67612" s="1" t="s">
        <v>225148</v>
      </c>
      <c r="G67612" s="1" t="s">
        <v>225059</v>
      </c>
      <c r="H67612" s="1" t="s">
        <v>225060</v>
      </c>
      <c r="I67612" s="1" t="s">
        <v>222698</v>
      </c>
      <c r="J67612" s="1" t="s">
        <v>225149</v>
      </c>
    </row>
    <row r="67613" spans="1:10" x14ac:dyDescent="0.35">
      <c r="A67613" s="1" t="s">
        <v>2047</v>
      </c>
      <c r="B67613" s="1" t="s">
        <v>222693</v>
      </c>
      <c r="C67613" s="1" t="s">
        <v>145</v>
      </c>
      <c r="D67613" s="1" t="s">
        <v>225150</v>
      </c>
      <c r="E67613" s="1" t="s">
        <v>225151</v>
      </c>
      <c r="F67613" s="1" t="s">
        <v>225152</v>
      </c>
      <c r="G67613" s="1" t="s">
        <v>225059</v>
      </c>
      <c r="H67613" s="1" t="s">
        <v>225060</v>
      </c>
      <c r="I67613" s="1" t="s">
        <v>222698</v>
      </c>
      <c r="J67613" s="1" t="s">
        <v>225153</v>
      </c>
    </row>
    <row r="67614" spans="1:10" x14ac:dyDescent="0.35">
      <c r="A67614" s="1" t="s">
        <v>2047</v>
      </c>
      <c r="B67614" s="1" t="s">
        <v>222693</v>
      </c>
      <c r="C67614" s="1" t="s">
        <v>150</v>
      </c>
      <c r="D67614" s="1" t="s">
        <v>105907</v>
      </c>
      <c r="E67614" s="1" t="s">
        <v>225154</v>
      </c>
      <c r="F67614" s="1" t="s">
        <v>225155</v>
      </c>
      <c r="G67614" s="1" t="s">
        <v>225059</v>
      </c>
      <c r="H67614" s="1" t="s">
        <v>225060</v>
      </c>
      <c r="I67614" s="1" t="s">
        <v>222698</v>
      </c>
      <c r="J67614" s="1" t="s">
        <v>225156</v>
      </c>
    </row>
    <row r="67615" spans="1:10" x14ac:dyDescent="0.35">
      <c r="A67615" s="1" t="s">
        <v>2047</v>
      </c>
      <c r="B67615" s="1" t="s">
        <v>222693</v>
      </c>
      <c r="C67615" s="1" t="s">
        <v>155</v>
      </c>
      <c r="D67615" s="1" t="s">
        <v>225157</v>
      </c>
      <c r="E67615" s="1" t="s">
        <v>225158</v>
      </c>
      <c r="F67615" s="1" t="s">
        <v>225159</v>
      </c>
      <c r="G67615" s="1" t="s">
        <v>225059</v>
      </c>
      <c r="H67615" s="1" t="s">
        <v>225060</v>
      </c>
      <c r="I67615" s="1" t="s">
        <v>222698</v>
      </c>
      <c r="J67615" s="1" t="s">
        <v>225160</v>
      </c>
    </row>
    <row r="67616" spans="1:10" x14ac:dyDescent="0.35">
      <c r="A67616" s="1" t="s">
        <v>2047</v>
      </c>
      <c r="B67616" s="1" t="s">
        <v>222693</v>
      </c>
      <c r="C67616" s="1" t="s">
        <v>160</v>
      </c>
      <c r="D67616" s="1" t="s">
        <v>225161</v>
      </c>
      <c r="E67616" s="1" t="s">
        <v>225162</v>
      </c>
      <c r="F67616" s="1" t="s">
        <v>225163</v>
      </c>
      <c r="G67616" s="1" t="s">
        <v>225059</v>
      </c>
      <c r="H67616" s="1" t="s">
        <v>225060</v>
      </c>
      <c r="I67616" s="1" t="s">
        <v>222698</v>
      </c>
      <c r="J67616" s="1" t="s">
        <v>225164</v>
      </c>
    </row>
    <row r="67617" spans="1:10" x14ac:dyDescent="0.35">
      <c r="A67617" s="1" t="s">
        <v>2047</v>
      </c>
      <c r="B67617" s="1" t="s">
        <v>222693</v>
      </c>
      <c r="C67617" s="1" t="s">
        <v>165</v>
      </c>
      <c r="D67617" s="1" t="s">
        <v>224989</v>
      </c>
      <c r="E67617" s="1" t="s">
        <v>225165</v>
      </c>
      <c r="F67617" s="1" t="s">
        <v>225166</v>
      </c>
      <c r="G67617" s="1" t="s">
        <v>225059</v>
      </c>
      <c r="H67617" s="1" t="s">
        <v>225060</v>
      </c>
      <c r="I67617" s="1" t="s">
        <v>222698</v>
      </c>
      <c r="J67617" s="1" t="s">
        <v>225167</v>
      </c>
    </row>
    <row r="67618" spans="1:10" x14ac:dyDescent="0.35">
      <c r="A67618" s="1" t="s">
        <v>2047</v>
      </c>
      <c r="B67618" s="1" t="s">
        <v>222693</v>
      </c>
      <c r="C67618" s="1" t="s">
        <v>170</v>
      </c>
      <c r="D67618" s="1" t="s">
        <v>225168</v>
      </c>
      <c r="E67618" s="1" t="s">
        <v>225169</v>
      </c>
      <c r="F67618" s="1" t="s">
        <v>225170</v>
      </c>
      <c r="G67618" s="1" t="s">
        <v>225059</v>
      </c>
      <c r="H67618" s="1" t="s">
        <v>225060</v>
      </c>
      <c r="I67618" s="1" t="s">
        <v>222698</v>
      </c>
      <c r="J67618" s="1" t="s">
        <v>225171</v>
      </c>
    </row>
    <row r="67619" spans="1:10" x14ac:dyDescent="0.35">
      <c r="A67619" s="1" t="s">
        <v>44380</v>
      </c>
      <c r="B67619" s="1" t="s">
        <v>222693</v>
      </c>
      <c r="C67619" s="1" t="s">
        <v>8</v>
      </c>
      <c r="D67619" s="1" t="s">
        <v>225172</v>
      </c>
      <c r="E67619" s="1" t="s">
        <v>225173</v>
      </c>
      <c r="F67619" s="1" t="s">
        <v>225174</v>
      </c>
      <c r="G67619" s="1" t="s">
        <v>225175</v>
      </c>
      <c r="H67619" s="1" t="s">
        <v>225176</v>
      </c>
      <c r="I67619" s="1" t="s">
        <v>222698</v>
      </c>
      <c r="J67619" s="1" t="s">
        <v>13</v>
      </c>
    </row>
    <row r="67620" spans="1:10" x14ac:dyDescent="0.35">
      <c r="A67620" s="1" t="s">
        <v>44380</v>
      </c>
      <c r="B67620" s="1" t="s">
        <v>222693</v>
      </c>
      <c r="C67620" s="1" t="s">
        <v>15</v>
      </c>
      <c r="D67620" s="1" t="s">
        <v>79419</v>
      </c>
      <c r="E67620" s="1" t="s">
        <v>225177</v>
      </c>
      <c r="F67620" s="1" t="s">
        <v>225178</v>
      </c>
      <c r="G67620" s="1" t="s">
        <v>225175</v>
      </c>
      <c r="H67620" s="1" t="s">
        <v>225176</v>
      </c>
      <c r="I67620" s="1" t="s">
        <v>222698</v>
      </c>
      <c r="J67620" s="1" t="s">
        <v>225179</v>
      </c>
    </row>
    <row r="67621" spans="1:10" x14ac:dyDescent="0.35">
      <c r="A67621" s="1" t="s">
        <v>44380</v>
      </c>
      <c r="B67621" s="1" t="s">
        <v>222693</v>
      </c>
      <c r="C67621" s="1" t="s">
        <v>20</v>
      </c>
      <c r="D67621" s="1" t="s">
        <v>225180</v>
      </c>
      <c r="E67621" s="1" t="s">
        <v>225181</v>
      </c>
      <c r="F67621" s="1" t="s">
        <v>225182</v>
      </c>
      <c r="G67621" s="1" t="s">
        <v>225175</v>
      </c>
      <c r="H67621" s="1" t="s">
        <v>225176</v>
      </c>
      <c r="I67621" s="1" t="s">
        <v>222698</v>
      </c>
      <c r="J67621" s="1" t="s">
        <v>225183</v>
      </c>
    </row>
    <row r="67622" spans="1:10" x14ac:dyDescent="0.35">
      <c r="A67622" s="1" t="s">
        <v>44380</v>
      </c>
      <c r="B67622" s="1" t="s">
        <v>222693</v>
      </c>
      <c r="C67622" s="1" t="s">
        <v>25</v>
      </c>
      <c r="D67622" s="1" t="s">
        <v>225184</v>
      </c>
      <c r="E67622" s="1" t="s">
        <v>225185</v>
      </c>
      <c r="F67622" s="1" t="s">
        <v>225186</v>
      </c>
      <c r="G67622" s="1" t="s">
        <v>225175</v>
      </c>
      <c r="H67622" s="1" t="s">
        <v>225176</v>
      </c>
      <c r="I67622" s="1" t="s">
        <v>222698</v>
      </c>
      <c r="J67622" s="1" t="s">
        <v>225187</v>
      </c>
    </row>
    <row r="67623" spans="1:10" x14ac:dyDescent="0.35">
      <c r="A67623" s="1" t="s">
        <v>44380</v>
      </c>
      <c r="B67623" s="1" t="s">
        <v>222693</v>
      </c>
      <c r="C67623" s="1" t="s">
        <v>30</v>
      </c>
      <c r="D67623" s="1" t="s">
        <v>225188</v>
      </c>
      <c r="E67623" s="1" t="s">
        <v>225189</v>
      </c>
      <c r="F67623" s="1" t="s">
        <v>225190</v>
      </c>
      <c r="G67623" s="1" t="s">
        <v>225175</v>
      </c>
      <c r="H67623" s="1" t="s">
        <v>225176</v>
      </c>
      <c r="I67623" s="1" t="s">
        <v>222698</v>
      </c>
      <c r="J67623" s="1" t="s">
        <v>225191</v>
      </c>
    </row>
    <row r="67624" spans="1:10" x14ac:dyDescent="0.35">
      <c r="A67624" s="1" t="s">
        <v>44380</v>
      </c>
      <c r="B67624" s="1" t="s">
        <v>222693</v>
      </c>
      <c r="C67624" s="1" t="s">
        <v>35</v>
      </c>
      <c r="D67624" s="1" t="s">
        <v>225192</v>
      </c>
      <c r="E67624" s="1" t="s">
        <v>225193</v>
      </c>
      <c r="F67624" s="1" t="s">
        <v>225194</v>
      </c>
      <c r="G67624" s="1" t="s">
        <v>225175</v>
      </c>
      <c r="H67624" s="1" t="s">
        <v>225176</v>
      </c>
      <c r="I67624" s="1" t="s">
        <v>222698</v>
      </c>
      <c r="J67624" s="1" t="s">
        <v>225195</v>
      </c>
    </row>
    <row r="67625" spans="1:10" x14ac:dyDescent="0.35">
      <c r="A67625" s="1" t="s">
        <v>44380</v>
      </c>
      <c r="B67625" s="1" t="s">
        <v>222693</v>
      </c>
      <c r="C67625" s="1" t="s">
        <v>40</v>
      </c>
      <c r="D67625" s="1" t="s">
        <v>225196</v>
      </c>
      <c r="E67625" s="1" t="s">
        <v>225197</v>
      </c>
      <c r="F67625" s="1" t="s">
        <v>225198</v>
      </c>
      <c r="G67625" s="1" t="s">
        <v>225175</v>
      </c>
      <c r="H67625" s="1" t="s">
        <v>225176</v>
      </c>
      <c r="I67625" s="1" t="s">
        <v>222698</v>
      </c>
      <c r="J67625" s="1" t="s">
        <v>225199</v>
      </c>
    </row>
    <row r="67626" spans="1:10" x14ac:dyDescent="0.35">
      <c r="A67626" s="1" t="s">
        <v>44380</v>
      </c>
      <c r="B67626" s="1" t="s">
        <v>222693</v>
      </c>
      <c r="C67626" s="1" t="s">
        <v>45</v>
      </c>
      <c r="D67626" s="1" t="s">
        <v>225200</v>
      </c>
      <c r="E67626" s="1" t="s">
        <v>225201</v>
      </c>
      <c r="F67626" s="1" t="s">
        <v>225202</v>
      </c>
      <c r="G67626" s="1" t="s">
        <v>225175</v>
      </c>
      <c r="H67626" s="1" t="s">
        <v>225176</v>
      </c>
      <c r="I67626" s="1" t="s">
        <v>222698</v>
      </c>
      <c r="J67626" s="1" t="s">
        <v>225203</v>
      </c>
    </row>
    <row r="67627" spans="1:10" x14ac:dyDescent="0.35">
      <c r="A67627" s="1" t="s">
        <v>44380</v>
      </c>
      <c r="B67627" s="1" t="s">
        <v>222693</v>
      </c>
      <c r="C67627" s="1" t="s">
        <v>50</v>
      </c>
      <c r="D67627" s="1" t="s">
        <v>23364</v>
      </c>
      <c r="E67627" s="1" t="s">
        <v>225204</v>
      </c>
      <c r="F67627" s="1" t="s">
        <v>225205</v>
      </c>
      <c r="G67627" s="1" t="s">
        <v>225175</v>
      </c>
      <c r="H67627" s="1" t="s">
        <v>225176</v>
      </c>
      <c r="I67627" s="1" t="s">
        <v>222698</v>
      </c>
      <c r="J67627" s="1" t="s">
        <v>225206</v>
      </c>
    </row>
    <row r="67628" spans="1:10" x14ac:dyDescent="0.35">
      <c r="A67628" s="1" t="s">
        <v>44380</v>
      </c>
      <c r="B67628" s="1" t="s">
        <v>222693</v>
      </c>
      <c r="C67628" s="1" t="s">
        <v>55</v>
      </c>
      <c r="D67628" s="1" t="s">
        <v>225207</v>
      </c>
      <c r="E67628" s="1" t="s">
        <v>225208</v>
      </c>
      <c r="F67628" s="1" t="s">
        <v>225209</v>
      </c>
      <c r="G67628" s="1" t="s">
        <v>225175</v>
      </c>
      <c r="H67628" s="1" t="s">
        <v>225176</v>
      </c>
      <c r="I67628" s="1" t="s">
        <v>222698</v>
      </c>
      <c r="J67628" s="1" t="s">
        <v>225210</v>
      </c>
    </row>
    <row r="67629" spans="1:10" x14ac:dyDescent="0.35">
      <c r="A67629" s="1" t="s">
        <v>44380</v>
      </c>
      <c r="B67629" s="1" t="s">
        <v>222693</v>
      </c>
      <c r="C67629" s="1" t="s">
        <v>60</v>
      </c>
      <c r="D67629" s="1" t="s">
        <v>225211</v>
      </c>
      <c r="E67629" s="1" t="s">
        <v>225212</v>
      </c>
      <c r="F67629" s="1" t="s">
        <v>225213</v>
      </c>
      <c r="G67629" s="1" t="s">
        <v>225175</v>
      </c>
      <c r="H67629" s="1" t="s">
        <v>225176</v>
      </c>
      <c r="I67629" s="1" t="s">
        <v>222698</v>
      </c>
      <c r="J67629" s="1" t="s">
        <v>225214</v>
      </c>
    </row>
    <row r="67630" spans="1:10" x14ac:dyDescent="0.35">
      <c r="A67630" s="1" t="s">
        <v>44380</v>
      </c>
      <c r="B67630" s="1" t="s">
        <v>222693</v>
      </c>
      <c r="C67630" s="1" t="s">
        <v>65</v>
      </c>
      <c r="D67630" s="1" t="s">
        <v>40434</v>
      </c>
      <c r="E67630" s="1" t="s">
        <v>225215</v>
      </c>
      <c r="F67630" s="1" t="s">
        <v>225216</v>
      </c>
      <c r="G67630" s="1" t="s">
        <v>225175</v>
      </c>
      <c r="H67630" s="1" t="s">
        <v>225176</v>
      </c>
      <c r="I67630" s="1" t="s">
        <v>222698</v>
      </c>
      <c r="J67630" s="1" t="s">
        <v>225217</v>
      </c>
    </row>
    <row r="67631" spans="1:10" x14ac:dyDescent="0.35">
      <c r="A67631" s="1" t="s">
        <v>44380</v>
      </c>
      <c r="B67631" s="1" t="s">
        <v>222693</v>
      </c>
      <c r="C67631" s="1" t="s">
        <v>70</v>
      </c>
      <c r="D67631" s="1" t="s">
        <v>21041</v>
      </c>
      <c r="E67631" s="1" t="s">
        <v>225218</v>
      </c>
      <c r="F67631" s="1" t="s">
        <v>225219</v>
      </c>
      <c r="G67631" s="1" t="s">
        <v>225175</v>
      </c>
      <c r="H67631" s="1" t="s">
        <v>225176</v>
      </c>
      <c r="I67631" s="1" t="s">
        <v>222698</v>
      </c>
      <c r="J67631" s="1" t="s">
        <v>225220</v>
      </c>
    </row>
    <row r="67632" spans="1:10" x14ac:dyDescent="0.35">
      <c r="A67632" s="1" t="s">
        <v>44380</v>
      </c>
      <c r="B67632" s="1" t="s">
        <v>222693</v>
      </c>
      <c r="C67632" s="1" t="s">
        <v>75</v>
      </c>
      <c r="D67632" s="1" t="s">
        <v>225221</v>
      </c>
      <c r="E67632" s="1" t="s">
        <v>225222</v>
      </c>
      <c r="F67632" s="1" t="s">
        <v>225223</v>
      </c>
      <c r="G67632" s="1" t="s">
        <v>225175</v>
      </c>
      <c r="H67632" s="1" t="s">
        <v>225176</v>
      </c>
      <c r="I67632" s="1" t="s">
        <v>222698</v>
      </c>
      <c r="J67632" s="1" t="s">
        <v>225224</v>
      </c>
    </row>
    <row r="67633" spans="1:10" x14ac:dyDescent="0.35">
      <c r="A67633" s="1" t="s">
        <v>44380</v>
      </c>
      <c r="B67633" s="1" t="s">
        <v>222693</v>
      </c>
      <c r="C67633" s="1" t="s">
        <v>80</v>
      </c>
      <c r="D67633" s="1" t="s">
        <v>225225</v>
      </c>
      <c r="E67633" s="1" t="s">
        <v>225226</v>
      </c>
      <c r="F67633" s="1" t="s">
        <v>225227</v>
      </c>
      <c r="G67633" s="1" t="s">
        <v>225175</v>
      </c>
      <c r="H67633" s="1" t="s">
        <v>225176</v>
      </c>
      <c r="I67633" s="1" t="s">
        <v>222698</v>
      </c>
      <c r="J67633" s="1" t="s">
        <v>225228</v>
      </c>
    </row>
    <row r="67634" spans="1:10" x14ac:dyDescent="0.35">
      <c r="A67634" s="1" t="s">
        <v>44380</v>
      </c>
      <c r="B67634" s="1" t="s">
        <v>222693</v>
      </c>
      <c r="C67634" s="1" t="s">
        <v>85</v>
      </c>
      <c r="D67634" s="1" t="s">
        <v>225229</v>
      </c>
      <c r="E67634" s="1" t="s">
        <v>225230</v>
      </c>
      <c r="F67634" s="1" t="s">
        <v>225231</v>
      </c>
      <c r="G67634" s="1" t="s">
        <v>225175</v>
      </c>
      <c r="H67634" s="1" t="s">
        <v>225176</v>
      </c>
      <c r="I67634" s="1" t="s">
        <v>222698</v>
      </c>
      <c r="J67634" s="1" t="s">
        <v>225232</v>
      </c>
    </row>
    <row r="67635" spans="1:10" x14ac:dyDescent="0.35">
      <c r="A67635" s="1" t="s">
        <v>44380</v>
      </c>
      <c r="B67635" s="1" t="s">
        <v>222693</v>
      </c>
      <c r="C67635" s="1" t="s">
        <v>90</v>
      </c>
      <c r="D67635" s="1" t="s">
        <v>225233</v>
      </c>
      <c r="E67635" s="1" t="s">
        <v>225234</v>
      </c>
      <c r="F67635" s="1" t="s">
        <v>225235</v>
      </c>
      <c r="G67635" s="1" t="s">
        <v>225175</v>
      </c>
      <c r="H67635" s="1" t="s">
        <v>225176</v>
      </c>
      <c r="I67635" s="1" t="s">
        <v>222698</v>
      </c>
      <c r="J67635" s="1" t="s">
        <v>225236</v>
      </c>
    </row>
    <row r="67636" spans="1:10" x14ac:dyDescent="0.35">
      <c r="A67636" s="1" t="s">
        <v>44380</v>
      </c>
      <c r="B67636" s="1" t="s">
        <v>222693</v>
      </c>
      <c r="C67636" s="1" t="s">
        <v>95</v>
      </c>
      <c r="D67636" s="1" t="s">
        <v>225237</v>
      </c>
      <c r="E67636" s="1" t="s">
        <v>225238</v>
      </c>
      <c r="F67636" s="1" t="s">
        <v>225239</v>
      </c>
      <c r="G67636" s="1" t="s">
        <v>225175</v>
      </c>
      <c r="H67636" s="1" t="s">
        <v>225176</v>
      </c>
      <c r="I67636" s="1" t="s">
        <v>222698</v>
      </c>
      <c r="J67636" s="1" t="s">
        <v>225240</v>
      </c>
    </row>
    <row r="67637" spans="1:10" x14ac:dyDescent="0.35">
      <c r="A67637" s="1" t="s">
        <v>44380</v>
      </c>
      <c r="B67637" s="1" t="s">
        <v>222693</v>
      </c>
      <c r="C67637" s="1" t="s">
        <v>100</v>
      </c>
      <c r="D67637" s="1" t="s">
        <v>225241</v>
      </c>
      <c r="E67637" s="1" t="s">
        <v>225242</v>
      </c>
      <c r="F67637" s="1" t="s">
        <v>225243</v>
      </c>
      <c r="G67637" s="1" t="s">
        <v>225175</v>
      </c>
      <c r="H67637" s="1" t="s">
        <v>225176</v>
      </c>
      <c r="I67637" s="1" t="s">
        <v>222698</v>
      </c>
      <c r="J67637" s="1" t="s">
        <v>225244</v>
      </c>
    </row>
    <row r="67638" spans="1:10" x14ac:dyDescent="0.35">
      <c r="A67638" s="1" t="s">
        <v>44380</v>
      </c>
      <c r="B67638" s="1" t="s">
        <v>222693</v>
      </c>
      <c r="C67638" s="1" t="s">
        <v>105</v>
      </c>
      <c r="D67638" s="1" t="s">
        <v>225245</v>
      </c>
      <c r="E67638" s="1" t="s">
        <v>225246</v>
      </c>
      <c r="F67638" s="1" t="s">
        <v>225247</v>
      </c>
      <c r="G67638" s="1" t="s">
        <v>225175</v>
      </c>
      <c r="H67638" s="1" t="s">
        <v>225176</v>
      </c>
      <c r="I67638" s="1" t="s">
        <v>222698</v>
      </c>
      <c r="J67638" s="1" t="s">
        <v>225248</v>
      </c>
    </row>
    <row r="67639" spans="1:10" x14ac:dyDescent="0.35">
      <c r="A67639" s="1" t="s">
        <v>44380</v>
      </c>
      <c r="B67639" s="1" t="s">
        <v>222693</v>
      </c>
      <c r="C67639" s="1" t="s">
        <v>110</v>
      </c>
      <c r="D67639" s="1" t="s">
        <v>225249</v>
      </c>
      <c r="E67639" s="1" t="s">
        <v>225250</v>
      </c>
      <c r="F67639" s="1" t="s">
        <v>225251</v>
      </c>
      <c r="G67639" s="1" t="s">
        <v>225175</v>
      </c>
      <c r="H67639" s="1" t="s">
        <v>225176</v>
      </c>
      <c r="I67639" s="1" t="s">
        <v>222698</v>
      </c>
      <c r="J67639" s="1" t="s">
        <v>225252</v>
      </c>
    </row>
    <row r="67640" spans="1:10" x14ac:dyDescent="0.35">
      <c r="A67640" s="1" t="s">
        <v>44380</v>
      </c>
      <c r="B67640" s="1" t="s">
        <v>222693</v>
      </c>
      <c r="C67640" s="1" t="s">
        <v>115</v>
      </c>
      <c r="D67640" s="1" t="s">
        <v>21821</v>
      </c>
      <c r="E67640" s="1" t="s">
        <v>225253</v>
      </c>
      <c r="F67640" s="1" t="s">
        <v>225254</v>
      </c>
      <c r="G67640" s="1" t="s">
        <v>225175</v>
      </c>
      <c r="H67640" s="1" t="s">
        <v>225176</v>
      </c>
      <c r="I67640" s="1" t="s">
        <v>222698</v>
      </c>
      <c r="J67640" s="1" t="s">
        <v>225255</v>
      </c>
    </row>
    <row r="67641" spans="1:10" x14ac:dyDescent="0.35">
      <c r="A67641" s="1" t="s">
        <v>44380</v>
      </c>
      <c r="B67641" s="1" t="s">
        <v>222693</v>
      </c>
      <c r="C67641" s="1" t="s">
        <v>120</v>
      </c>
      <c r="D67641" s="1" t="s">
        <v>225256</v>
      </c>
      <c r="E67641" s="1" t="s">
        <v>225257</v>
      </c>
      <c r="F67641" s="1" t="s">
        <v>225258</v>
      </c>
      <c r="G67641" s="1" t="s">
        <v>225175</v>
      </c>
      <c r="H67641" s="1" t="s">
        <v>225176</v>
      </c>
      <c r="I67641" s="1" t="s">
        <v>222698</v>
      </c>
      <c r="J67641" s="1" t="s">
        <v>225259</v>
      </c>
    </row>
    <row r="67642" spans="1:10" x14ac:dyDescent="0.35">
      <c r="A67642" s="1" t="s">
        <v>44380</v>
      </c>
      <c r="B67642" s="1" t="s">
        <v>222693</v>
      </c>
      <c r="C67642" s="1" t="s">
        <v>125</v>
      </c>
      <c r="D67642" s="1" t="s">
        <v>225260</v>
      </c>
      <c r="E67642" s="1" t="s">
        <v>225261</v>
      </c>
      <c r="F67642" s="1" t="s">
        <v>225262</v>
      </c>
      <c r="G67642" s="1" t="s">
        <v>225175</v>
      </c>
      <c r="H67642" s="1" t="s">
        <v>225176</v>
      </c>
      <c r="I67642" s="1" t="s">
        <v>222698</v>
      </c>
      <c r="J67642" s="1" t="s">
        <v>225263</v>
      </c>
    </row>
    <row r="67643" spans="1:10" x14ac:dyDescent="0.35">
      <c r="A67643" s="1" t="s">
        <v>44380</v>
      </c>
      <c r="B67643" s="1" t="s">
        <v>222693</v>
      </c>
      <c r="C67643" s="1" t="s">
        <v>130</v>
      </c>
      <c r="D67643" s="1" t="s">
        <v>225264</v>
      </c>
      <c r="E67643" s="1" t="s">
        <v>225265</v>
      </c>
      <c r="F67643" s="1" t="s">
        <v>225266</v>
      </c>
      <c r="G67643" s="1" t="s">
        <v>225175</v>
      </c>
      <c r="H67643" s="1" t="s">
        <v>225176</v>
      </c>
      <c r="I67643" s="1" t="s">
        <v>222698</v>
      </c>
      <c r="J67643" s="1" t="s">
        <v>225267</v>
      </c>
    </row>
    <row r="67644" spans="1:10" x14ac:dyDescent="0.35">
      <c r="A67644" s="1" t="s">
        <v>44380</v>
      </c>
      <c r="B67644" s="1" t="s">
        <v>222693</v>
      </c>
      <c r="C67644" s="1" t="s">
        <v>135</v>
      </c>
      <c r="D67644" s="1" t="s">
        <v>225268</v>
      </c>
      <c r="E67644" s="1" t="s">
        <v>225269</v>
      </c>
      <c r="F67644" s="1" t="s">
        <v>225270</v>
      </c>
      <c r="G67644" s="1" t="s">
        <v>225175</v>
      </c>
      <c r="H67644" s="1" t="s">
        <v>225176</v>
      </c>
      <c r="I67644" s="1" t="s">
        <v>222698</v>
      </c>
      <c r="J67644" s="1" t="s">
        <v>225271</v>
      </c>
    </row>
    <row r="67645" spans="1:10" x14ac:dyDescent="0.35">
      <c r="A67645" s="1" t="s">
        <v>44380</v>
      </c>
      <c r="B67645" s="1" t="s">
        <v>222693</v>
      </c>
      <c r="C67645" s="1" t="s">
        <v>140</v>
      </c>
      <c r="D67645" s="1" t="s">
        <v>225272</v>
      </c>
      <c r="E67645" s="1" t="s">
        <v>225273</v>
      </c>
      <c r="F67645" s="1" t="s">
        <v>225274</v>
      </c>
      <c r="G67645" s="1" t="s">
        <v>225175</v>
      </c>
      <c r="H67645" s="1" t="s">
        <v>225176</v>
      </c>
      <c r="I67645" s="1" t="s">
        <v>222698</v>
      </c>
      <c r="J67645" s="1" t="s">
        <v>225275</v>
      </c>
    </row>
    <row r="67646" spans="1:10" x14ac:dyDescent="0.35">
      <c r="A67646" s="1" t="s">
        <v>44380</v>
      </c>
      <c r="B67646" s="1" t="s">
        <v>222693</v>
      </c>
      <c r="C67646" s="1" t="s">
        <v>145</v>
      </c>
      <c r="D67646" s="1" t="s">
        <v>225276</v>
      </c>
      <c r="E67646" s="1" t="s">
        <v>225277</v>
      </c>
      <c r="F67646" s="1" t="s">
        <v>225278</v>
      </c>
      <c r="G67646" s="1" t="s">
        <v>225175</v>
      </c>
      <c r="H67646" s="1" t="s">
        <v>225176</v>
      </c>
      <c r="I67646" s="1" t="s">
        <v>222698</v>
      </c>
      <c r="J67646" s="1" t="s">
        <v>225279</v>
      </c>
    </row>
    <row r="67647" spans="1:10" x14ac:dyDescent="0.35">
      <c r="A67647" s="1" t="s">
        <v>44380</v>
      </c>
      <c r="B67647" s="1" t="s">
        <v>222693</v>
      </c>
      <c r="C67647" s="1" t="s">
        <v>150</v>
      </c>
      <c r="D67647" s="1" t="s">
        <v>225280</v>
      </c>
      <c r="E67647" s="1" t="s">
        <v>225281</v>
      </c>
      <c r="F67647" s="1" t="s">
        <v>225282</v>
      </c>
      <c r="G67647" s="1" t="s">
        <v>225175</v>
      </c>
      <c r="H67647" s="1" t="s">
        <v>225176</v>
      </c>
      <c r="I67647" s="1" t="s">
        <v>222698</v>
      </c>
      <c r="J67647" s="1" t="s">
        <v>225283</v>
      </c>
    </row>
    <row r="67648" spans="1:10" x14ac:dyDescent="0.35">
      <c r="A67648" s="1" t="s">
        <v>44380</v>
      </c>
      <c r="B67648" s="1" t="s">
        <v>222693</v>
      </c>
      <c r="C67648" s="1" t="s">
        <v>155</v>
      </c>
      <c r="D67648" s="1" t="s">
        <v>225284</v>
      </c>
      <c r="E67648" s="1" t="s">
        <v>225285</v>
      </c>
      <c r="F67648" s="1" t="s">
        <v>225286</v>
      </c>
      <c r="G67648" s="1" t="s">
        <v>225175</v>
      </c>
      <c r="H67648" s="1" t="s">
        <v>225176</v>
      </c>
      <c r="I67648" s="1" t="s">
        <v>222698</v>
      </c>
      <c r="J67648" s="1" t="s">
        <v>225287</v>
      </c>
    </row>
    <row r="67649" spans="1:10" x14ac:dyDescent="0.35">
      <c r="A67649" s="1" t="s">
        <v>44380</v>
      </c>
      <c r="B67649" s="1" t="s">
        <v>222693</v>
      </c>
      <c r="C67649" s="1" t="s">
        <v>160</v>
      </c>
      <c r="D67649" s="1" t="s">
        <v>225288</v>
      </c>
      <c r="E67649" s="1" t="s">
        <v>225289</v>
      </c>
      <c r="F67649" s="1" t="s">
        <v>225290</v>
      </c>
      <c r="G67649" s="1" t="s">
        <v>225175</v>
      </c>
      <c r="H67649" s="1" t="s">
        <v>225176</v>
      </c>
      <c r="I67649" s="1" t="s">
        <v>222698</v>
      </c>
      <c r="J67649" s="1" t="s">
        <v>225291</v>
      </c>
    </row>
    <row r="67650" spans="1:10" x14ac:dyDescent="0.35">
      <c r="A67650" s="1" t="s">
        <v>44380</v>
      </c>
      <c r="B67650" s="1" t="s">
        <v>222693</v>
      </c>
      <c r="C67650" s="1" t="s">
        <v>165</v>
      </c>
      <c r="D67650" s="1" t="s">
        <v>225292</v>
      </c>
      <c r="E67650" s="1" t="s">
        <v>225293</v>
      </c>
      <c r="F67650" s="1" t="s">
        <v>225294</v>
      </c>
      <c r="G67650" s="1" t="s">
        <v>225175</v>
      </c>
      <c r="H67650" s="1" t="s">
        <v>225176</v>
      </c>
      <c r="I67650" s="1" t="s">
        <v>222698</v>
      </c>
      <c r="J67650" s="1" t="s">
        <v>225295</v>
      </c>
    </row>
    <row r="67651" spans="1:10" x14ac:dyDescent="0.35">
      <c r="A67651" s="1" t="s">
        <v>44380</v>
      </c>
      <c r="B67651" s="1" t="s">
        <v>222693</v>
      </c>
      <c r="C67651" s="1" t="s">
        <v>170</v>
      </c>
      <c r="D67651" s="1" t="s">
        <v>225296</v>
      </c>
      <c r="E67651" s="1" t="s">
        <v>225297</v>
      </c>
      <c r="F67651" s="1" t="s">
        <v>225298</v>
      </c>
      <c r="G67651" s="1" t="s">
        <v>225175</v>
      </c>
      <c r="H67651" s="1" t="s">
        <v>225176</v>
      </c>
      <c r="I67651" s="1" t="s">
        <v>222698</v>
      </c>
      <c r="J67651" s="1" t="s">
        <v>225299</v>
      </c>
    </row>
    <row r="67652" spans="1:10" x14ac:dyDescent="0.35">
      <c r="A67652" s="1" t="s">
        <v>4042</v>
      </c>
      <c r="B67652" s="1" t="s">
        <v>222693</v>
      </c>
      <c r="C67652" s="1" t="s">
        <v>8</v>
      </c>
      <c r="D67652" s="1" t="s">
        <v>107403</v>
      </c>
      <c r="E67652" s="1" t="s">
        <v>225300</v>
      </c>
      <c r="F67652" s="1" t="s">
        <v>225301</v>
      </c>
      <c r="G67652" s="1" t="s">
        <v>225302</v>
      </c>
      <c r="H67652" s="1" t="s">
        <v>225303</v>
      </c>
      <c r="I67652" s="1" t="s">
        <v>222698</v>
      </c>
      <c r="J67652" s="1" t="s">
        <v>13</v>
      </c>
    </row>
    <row r="67653" spans="1:10" x14ac:dyDescent="0.35">
      <c r="A67653" s="1" t="s">
        <v>4042</v>
      </c>
      <c r="B67653" s="1" t="s">
        <v>222693</v>
      </c>
      <c r="C67653" s="1" t="s">
        <v>15</v>
      </c>
      <c r="D67653" s="1" t="s">
        <v>138261</v>
      </c>
      <c r="E67653" s="1" t="s">
        <v>225304</v>
      </c>
      <c r="F67653" s="1" t="s">
        <v>225305</v>
      </c>
      <c r="G67653" s="1" t="s">
        <v>225302</v>
      </c>
      <c r="H67653" s="1" t="s">
        <v>225303</v>
      </c>
      <c r="I67653" s="1" t="s">
        <v>222698</v>
      </c>
      <c r="J67653" s="1" t="s">
        <v>225306</v>
      </c>
    </row>
    <row r="67654" spans="1:10" x14ac:dyDescent="0.35">
      <c r="A67654" s="1" t="s">
        <v>4042</v>
      </c>
      <c r="B67654" s="1" t="s">
        <v>222693</v>
      </c>
      <c r="C67654" s="1" t="s">
        <v>20</v>
      </c>
      <c r="D67654" s="1" t="s">
        <v>139217</v>
      </c>
      <c r="E67654" s="1" t="s">
        <v>225307</v>
      </c>
      <c r="F67654" s="1" t="s">
        <v>225308</v>
      </c>
      <c r="G67654" s="1" t="s">
        <v>225302</v>
      </c>
      <c r="H67654" s="1" t="s">
        <v>225303</v>
      </c>
      <c r="I67654" s="1" t="s">
        <v>222698</v>
      </c>
      <c r="J67654" s="1" t="s">
        <v>225309</v>
      </c>
    </row>
    <row r="67655" spans="1:10" x14ac:dyDescent="0.35">
      <c r="A67655" s="1" t="s">
        <v>4042</v>
      </c>
      <c r="B67655" s="1" t="s">
        <v>222693</v>
      </c>
      <c r="C67655" s="1" t="s">
        <v>25</v>
      </c>
      <c r="D67655" s="1" t="s">
        <v>7752</v>
      </c>
      <c r="E67655" s="1" t="s">
        <v>225310</v>
      </c>
      <c r="F67655" s="1" t="s">
        <v>225311</v>
      </c>
      <c r="G67655" s="1" t="s">
        <v>225302</v>
      </c>
      <c r="H67655" s="1" t="s">
        <v>225303</v>
      </c>
      <c r="I67655" s="1" t="s">
        <v>222698</v>
      </c>
      <c r="J67655" s="1" t="s">
        <v>225312</v>
      </c>
    </row>
    <row r="67656" spans="1:10" x14ac:dyDescent="0.35">
      <c r="A67656" s="1" t="s">
        <v>4042</v>
      </c>
      <c r="B67656" s="1" t="s">
        <v>222693</v>
      </c>
      <c r="C67656" s="1" t="s">
        <v>30</v>
      </c>
      <c r="D67656" s="1" t="s">
        <v>225313</v>
      </c>
      <c r="E67656" s="1" t="s">
        <v>225314</v>
      </c>
      <c r="F67656" s="1" t="s">
        <v>225315</v>
      </c>
      <c r="G67656" s="1" t="s">
        <v>225302</v>
      </c>
      <c r="H67656" s="1" t="s">
        <v>225303</v>
      </c>
      <c r="I67656" s="1" t="s">
        <v>222698</v>
      </c>
      <c r="J67656" s="1" t="s">
        <v>225316</v>
      </c>
    </row>
    <row r="67657" spans="1:10" x14ac:dyDescent="0.35">
      <c r="A67657" s="1" t="s">
        <v>4042</v>
      </c>
      <c r="B67657" s="1" t="s">
        <v>222693</v>
      </c>
      <c r="C67657" s="1" t="s">
        <v>35</v>
      </c>
      <c r="D67657" s="1" t="s">
        <v>96255</v>
      </c>
      <c r="E67657" s="1" t="s">
        <v>225317</v>
      </c>
      <c r="F67657" s="1" t="s">
        <v>225318</v>
      </c>
      <c r="G67657" s="1" t="s">
        <v>225302</v>
      </c>
      <c r="H67657" s="1" t="s">
        <v>225303</v>
      </c>
      <c r="I67657" s="1" t="s">
        <v>222698</v>
      </c>
      <c r="J67657" s="1" t="s">
        <v>225319</v>
      </c>
    </row>
    <row r="67658" spans="1:10" x14ac:dyDescent="0.35">
      <c r="A67658" s="1" t="s">
        <v>4042</v>
      </c>
      <c r="B67658" s="1" t="s">
        <v>222693</v>
      </c>
      <c r="C67658" s="1" t="s">
        <v>40</v>
      </c>
      <c r="D67658" s="1" t="s">
        <v>63778</v>
      </c>
      <c r="E67658" s="1" t="s">
        <v>225320</v>
      </c>
      <c r="F67658" s="1" t="s">
        <v>225321</v>
      </c>
      <c r="G67658" s="1" t="s">
        <v>225302</v>
      </c>
      <c r="H67658" s="1" t="s">
        <v>225303</v>
      </c>
      <c r="I67658" s="1" t="s">
        <v>222698</v>
      </c>
      <c r="J67658" s="1" t="s">
        <v>225322</v>
      </c>
    </row>
    <row r="67659" spans="1:10" x14ac:dyDescent="0.35">
      <c r="A67659" s="1" t="s">
        <v>4042</v>
      </c>
      <c r="B67659" s="1" t="s">
        <v>222693</v>
      </c>
      <c r="C67659" s="1" t="s">
        <v>45</v>
      </c>
      <c r="D67659" s="1" t="s">
        <v>62980</v>
      </c>
      <c r="E67659" s="1" t="s">
        <v>225323</v>
      </c>
      <c r="F67659" s="1" t="s">
        <v>225324</v>
      </c>
      <c r="G67659" s="1" t="s">
        <v>225302</v>
      </c>
      <c r="H67659" s="1" t="s">
        <v>225303</v>
      </c>
      <c r="I67659" s="1" t="s">
        <v>222698</v>
      </c>
      <c r="J67659" s="1" t="s">
        <v>225325</v>
      </c>
    </row>
    <row r="67660" spans="1:10" x14ac:dyDescent="0.35">
      <c r="A67660" s="1" t="s">
        <v>4042</v>
      </c>
      <c r="B67660" s="1" t="s">
        <v>222693</v>
      </c>
      <c r="C67660" s="1" t="s">
        <v>50</v>
      </c>
      <c r="D67660" s="1" t="s">
        <v>225326</v>
      </c>
      <c r="E67660" s="1" t="s">
        <v>225327</v>
      </c>
      <c r="F67660" s="1" t="s">
        <v>225328</v>
      </c>
      <c r="G67660" s="1" t="s">
        <v>225302</v>
      </c>
      <c r="H67660" s="1" t="s">
        <v>225303</v>
      </c>
      <c r="I67660" s="1" t="s">
        <v>222698</v>
      </c>
      <c r="J67660" s="1" t="s">
        <v>225329</v>
      </c>
    </row>
    <row r="67661" spans="1:10" x14ac:dyDescent="0.35">
      <c r="A67661" s="1" t="s">
        <v>4042</v>
      </c>
      <c r="B67661" s="1" t="s">
        <v>222693</v>
      </c>
      <c r="C67661" s="1" t="s">
        <v>55</v>
      </c>
      <c r="D67661" s="1" t="s">
        <v>66919</v>
      </c>
      <c r="E67661" s="1" t="s">
        <v>225330</v>
      </c>
      <c r="F67661" s="1" t="s">
        <v>225331</v>
      </c>
      <c r="G67661" s="1" t="s">
        <v>225302</v>
      </c>
      <c r="H67661" s="1" t="s">
        <v>225303</v>
      </c>
      <c r="I67661" s="1" t="s">
        <v>222698</v>
      </c>
      <c r="J67661" s="1" t="s">
        <v>225332</v>
      </c>
    </row>
    <row r="67662" spans="1:10" x14ac:dyDescent="0.35">
      <c r="A67662" s="1" t="s">
        <v>4042</v>
      </c>
      <c r="B67662" s="1" t="s">
        <v>222693</v>
      </c>
      <c r="C67662" s="1" t="s">
        <v>60</v>
      </c>
      <c r="D67662" s="1" t="s">
        <v>225333</v>
      </c>
      <c r="E67662" s="1" t="s">
        <v>225334</v>
      </c>
      <c r="F67662" s="1" t="s">
        <v>225335</v>
      </c>
      <c r="G67662" s="1" t="s">
        <v>225302</v>
      </c>
      <c r="H67662" s="1" t="s">
        <v>225303</v>
      </c>
      <c r="I67662" s="1" t="s">
        <v>222698</v>
      </c>
      <c r="J67662" s="1" t="s">
        <v>225336</v>
      </c>
    </row>
    <row r="67663" spans="1:10" x14ac:dyDescent="0.35">
      <c r="A67663" s="1" t="s">
        <v>4042</v>
      </c>
      <c r="B67663" s="1" t="s">
        <v>222693</v>
      </c>
      <c r="C67663" s="1" t="s">
        <v>65</v>
      </c>
      <c r="D67663" s="1" t="s">
        <v>130112</v>
      </c>
      <c r="E67663" s="1" t="s">
        <v>225337</v>
      </c>
      <c r="F67663" s="1" t="s">
        <v>225338</v>
      </c>
      <c r="G67663" s="1" t="s">
        <v>225302</v>
      </c>
      <c r="H67663" s="1" t="s">
        <v>225303</v>
      </c>
      <c r="I67663" s="1" t="s">
        <v>222698</v>
      </c>
      <c r="J67663" s="1" t="s">
        <v>225339</v>
      </c>
    </row>
    <row r="67664" spans="1:10" x14ac:dyDescent="0.35">
      <c r="A67664" s="1" t="s">
        <v>4042</v>
      </c>
      <c r="B67664" s="1" t="s">
        <v>222693</v>
      </c>
      <c r="C67664" s="1" t="s">
        <v>70</v>
      </c>
      <c r="D67664" s="1" t="s">
        <v>162110</v>
      </c>
      <c r="E67664" s="1" t="s">
        <v>225340</v>
      </c>
      <c r="F67664" s="1" t="s">
        <v>225341</v>
      </c>
      <c r="G67664" s="1" t="s">
        <v>225302</v>
      </c>
      <c r="H67664" s="1" t="s">
        <v>225303</v>
      </c>
      <c r="I67664" s="1" t="s">
        <v>222698</v>
      </c>
      <c r="J67664" s="1" t="s">
        <v>225342</v>
      </c>
    </row>
    <row r="67665" spans="1:10" x14ac:dyDescent="0.35">
      <c r="A67665" s="1" t="s">
        <v>4042</v>
      </c>
      <c r="B67665" s="1" t="s">
        <v>222693</v>
      </c>
      <c r="C67665" s="1" t="s">
        <v>75</v>
      </c>
      <c r="D67665" s="1" t="s">
        <v>129834</v>
      </c>
      <c r="E67665" s="1" t="s">
        <v>225343</v>
      </c>
      <c r="F67665" s="1" t="s">
        <v>225344</v>
      </c>
      <c r="G67665" s="1" t="s">
        <v>225302</v>
      </c>
      <c r="H67665" s="1" t="s">
        <v>225303</v>
      </c>
      <c r="I67665" s="1" t="s">
        <v>222698</v>
      </c>
      <c r="J67665" s="1" t="s">
        <v>225345</v>
      </c>
    </row>
    <row r="67666" spans="1:10" x14ac:dyDescent="0.35">
      <c r="A67666" s="1" t="s">
        <v>4042</v>
      </c>
      <c r="B67666" s="1" t="s">
        <v>222693</v>
      </c>
      <c r="C67666" s="1" t="s">
        <v>80</v>
      </c>
      <c r="D67666" s="1" t="s">
        <v>225346</v>
      </c>
      <c r="E67666" s="1" t="s">
        <v>225347</v>
      </c>
      <c r="F67666" s="1" t="s">
        <v>225348</v>
      </c>
      <c r="G67666" s="1" t="s">
        <v>225302</v>
      </c>
      <c r="H67666" s="1" t="s">
        <v>225303</v>
      </c>
      <c r="I67666" s="1" t="s">
        <v>222698</v>
      </c>
      <c r="J67666" s="1" t="s">
        <v>225349</v>
      </c>
    </row>
    <row r="67667" spans="1:10" x14ac:dyDescent="0.35">
      <c r="A67667" s="1" t="s">
        <v>4042</v>
      </c>
      <c r="B67667" s="1" t="s">
        <v>222693</v>
      </c>
      <c r="C67667" s="1" t="s">
        <v>85</v>
      </c>
      <c r="D67667" s="1" t="s">
        <v>225350</v>
      </c>
      <c r="E67667" s="1" t="s">
        <v>225351</v>
      </c>
      <c r="F67667" s="1" t="s">
        <v>225352</v>
      </c>
      <c r="G67667" s="1" t="s">
        <v>225302</v>
      </c>
      <c r="H67667" s="1" t="s">
        <v>225303</v>
      </c>
      <c r="I67667" s="1" t="s">
        <v>222698</v>
      </c>
      <c r="J67667" s="1" t="s">
        <v>225353</v>
      </c>
    </row>
    <row r="67668" spans="1:10" x14ac:dyDescent="0.35">
      <c r="A67668" s="1" t="s">
        <v>4042</v>
      </c>
      <c r="B67668" s="1" t="s">
        <v>222693</v>
      </c>
      <c r="C67668" s="1" t="s">
        <v>90</v>
      </c>
      <c r="D67668" s="1" t="s">
        <v>225354</v>
      </c>
      <c r="E67668" s="1" t="s">
        <v>225355</v>
      </c>
      <c r="F67668" s="1" t="s">
        <v>225356</v>
      </c>
      <c r="G67668" s="1" t="s">
        <v>225302</v>
      </c>
      <c r="H67668" s="1" t="s">
        <v>225303</v>
      </c>
      <c r="I67668" s="1" t="s">
        <v>222698</v>
      </c>
      <c r="J67668" s="1" t="s">
        <v>225357</v>
      </c>
    </row>
    <row r="67669" spans="1:10" x14ac:dyDescent="0.35">
      <c r="A67669" s="1" t="s">
        <v>4042</v>
      </c>
      <c r="B67669" s="1" t="s">
        <v>222693</v>
      </c>
      <c r="C67669" s="1" t="s">
        <v>95</v>
      </c>
      <c r="D67669" s="1" t="s">
        <v>134791</v>
      </c>
      <c r="E67669" s="1" t="s">
        <v>225358</v>
      </c>
      <c r="F67669" s="1" t="s">
        <v>225359</v>
      </c>
      <c r="G67669" s="1" t="s">
        <v>225302</v>
      </c>
      <c r="H67669" s="1" t="s">
        <v>225303</v>
      </c>
      <c r="I67669" s="1" t="s">
        <v>222698</v>
      </c>
      <c r="J67669" s="1" t="s">
        <v>225360</v>
      </c>
    </row>
    <row r="67670" spans="1:10" x14ac:dyDescent="0.35">
      <c r="A67670" s="1" t="s">
        <v>4042</v>
      </c>
      <c r="B67670" s="1" t="s">
        <v>222693</v>
      </c>
      <c r="C67670" s="1" t="s">
        <v>100</v>
      </c>
      <c r="D67670" s="1" t="s">
        <v>225361</v>
      </c>
      <c r="E67670" s="1" t="s">
        <v>225362</v>
      </c>
      <c r="F67670" s="1" t="s">
        <v>225363</v>
      </c>
      <c r="G67670" s="1" t="s">
        <v>225302</v>
      </c>
      <c r="H67670" s="1" t="s">
        <v>225303</v>
      </c>
      <c r="I67670" s="1" t="s">
        <v>222698</v>
      </c>
      <c r="J67670" s="1" t="s">
        <v>225364</v>
      </c>
    </row>
    <row r="67671" spans="1:10" x14ac:dyDescent="0.35">
      <c r="A67671" s="1" t="s">
        <v>4042</v>
      </c>
      <c r="B67671" s="1" t="s">
        <v>222693</v>
      </c>
      <c r="C67671" s="1" t="s">
        <v>105</v>
      </c>
      <c r="D67671" s="1" t="s">
        <v>55465</v>
      </c>
      <c r="E67671" s="1" t="s">
        <v>225365</v>
      </c>
      <c r="F67671" s="1" t="s">
        <v>225366</v>
      </c>
      <c r="G67671" s="1" t="s">
        <v>225302</v>
      </c>
      <c r="H67671" s="1" t="s">
        <v>225303</v>
      </c>
      <c r="I67671" s="1" t="s">
        <v>222698</v>
      </c>
      <c r="J67671" s="1" t="s">
        <v>225367</v>
      </c>
    </row>
    <row r="67672" spans="1:10" x14ac:dyDescent="0.35">
      <c r="A67672" s="1" t="s">
        <v>4042</v>
      </c>
      <c r="B67672" s="1" t="s">
        <v>222693</v>
      </c>
      <c r="C67672" s="1" t="s">
        <v>110</v>
      </c>
      <c r="D67672" s="1" t="s">
        <v>225368</v>
      </c>
      <c r="E67672" s="1" t="s">
        <v>225369</v>
      </c>
      <c r="F67672" s="1" t="s">
        <v>225370</v>
      </c>
      <c r="G67672" s="1" t="s">
        <v>225302</v>
      </c>
      <c r="H67672" s="1" t="s">
        <v>225303</v>
      </c>
      <c r="I67672" s="1" t="s">
        <v>222698</v>
      </c>
      <c r="J67672" s="1" t="s">
        <v>225371</v>
      </c>
    </row>
    <row r="67673" spans="1:10" x14ac:dyDescent="0.35">
      <c r="A67673" s="1" t="s">
        <v>4042</v>
      </c>
      <c r="B67673" s="1" t="s">
        <v>222693</v>
      </c>
      <c r="C67673" s="1" t="s">
        <v>115</v>
      </c>
      <c r="D67673" s="1" t="s">
        <v>225372</v>
      </c>
      <c r="E67673" s="1" t="s">
        <v>225373</v>
      </c>
      <c r="F67673" s="1" t="s">
        <v>225374</v>
      </c>
      <c r="G67673" s="1" t="s">
        <v>225302</v>
      </c>
      <c r="H67673" s="1" t="s">
        <v>225303</v>
      </c>
      <c r="I67673" s="1" t="s">
        <v>222698</v>
      </c>
      <c r="J67673" s="1" t="s">
        <v>225375</v>
      </c>
    </row>
    <row r="67674" spans="1:10" x14ac:dyDescent="0.35">
      <c r="A67674" s="1" t="s">
        <v>4042</v>
      </c>
      <c r="B67674" s="1" t="s">
        <v>222693</v>
      </c>
      <c r="C67674" s="1" t="s">
        <v>120</v>
      </c>
      <c r="D67674" s="1" t="s">
        <v>19273</v>
      </c>
      <c r="E67674" s="1" t="s">
        <v>225376</v>
      </c>
      <c r="F67674" s="1" t="s">
        <v>225377</v>
      </c>
      <c r="G67674" s="1" t="s">
        <v>225302</v>
      </c>
      <c r="H67674" s="1" t="s">
        <v>225303</v>
      </c>
      <c r="I67674" s="1" t="s">
        <v>222698</v>
      </c>
      <c r="J67674" s="1" t="s">
        <v>225378</v>
      </c>
    </row>
    <row r="67675" spans="1:10" x14ac:dyDescent="0.35">
      <c r="A67675" s="1" t="s">
        <v>4042</v>
      </c>
      <c r="B67675" s="1" t="s">
        <v>222693</v>
      </c>
      <c r="C67675" s="1" t="s">
        <v>125</v>
      </c>
      <c r="D67675" s="1" t="s">
        <v>225379</v>
      </c>
      <c r="E67675" s="1" t="s">
        <v>225380</v>
      </c>
      <c r="F67675" s="1" t="s">
        <v>225381</v>
      </c>
      <c r="G67675" s="1" t="s">
        <v>225302</v>
      </c>
      <c r="H67675" s="1" t="s">
        <v>225303</v>
      </c>
      <c r="I67675" s="1" t="s">
        <v>222698</v>
      </c>
      <c r="J67675" s="1" t="s">
        <v>225382</v>
      </c>
    </row>
    <row r="67676" spans="1:10" x14ac:dyDescent="0.35">
      <c r="A67676" s="1" t="s">
        <v>4042</v>
      </c>
      <c r="B67676" s="1" t="s">
        <v>222693</v>
      </c>
      <c r="C67676" s="1" t="s">
        <v>130</v>
      </c>
      <c r="D67676" s="1" t="s">
        <v>65237</v>
      </c>
      <c r="E67676" s="1" t="s">
        <v>225383</v>
      </c>
      <c r="F67676" s="1" t="s">
        <v>225384</v>
      </c>
      <c r="G67676" s="1" t="s">
        <v>225302</v>
      </c>
      <c r="H67676" s="1" t="s">
        <v>225303</v>
      </c>
      <c r="I67676" s="1" t="s">
        <v>222698</v>
      </c>
      <c r="J67676" s="1" t="s">
        <v>225385</v>
      </c>
    </row>
    <row r="67677" spans="1:10" x14ac:dyDescent="0.35">
      <c r="A67677" s="1" t="s">
        <v>4042</v>
      </c>
      <c r="B67677" s="1" t="s">
        <v>222693</v>
      </c>
      <c r="C67677" s="1" t="s">
        <v>135</v>
      </c>
      <c r="D67677" s="1" t="s">
        <v>225386</v>
      </c>
      <c r="E67677" s="1" t="s">
        <v>225387</v>
      </c>
      <c r="F67677" s="1" t="s">
        <v>225388</v>
      </c>
      <c r="G67677" s="1" t="s">
        <v>225302</v>
      </c>
      <c r="H67677" s="1" t="s">
        <v>225303</v>
      </c>
      <c r="I67677" s="1" t="s">
        <v>222698</v>
      </c>
      <c r="J67677" s="1" t="s">
        <v>225389</v>
      </c>
    </row>
    <row r="67678" spans="1:10" x14ac:dyDescent="0.35">
      <c r="A67678" s="1" t="s">
        <v>4042</v>
      </c>
      <c r="B67678" s="1" t="s">
        <v>222693</v>
      </c>
      <c r="C67678" s="1" t="s">
        <v>140</v>
      </c>
      <c r="D67678" s="1" t="s">
        <v>225390</v>
      </c>
      <c r="E67678" s="1" t="s">
        <v>225391</v>
      </c>
      <c r="F67678" s="1" t="s">
        <v>225392</v>
      </c>
      <c r="G67678" s="1" t="s">
        <v>225302</v>
      </c>
      <c r="H67678" s="1" t="s">
        <v>225303</v>
      </c>
      <c r="I67678" s="1" t="s">
        <v>222698</v>
      </c>
      <c r="J67678" s="1" t="s">
        <v>225393</v>
      </c>
    </row>
    <row r="67679" spans="1:10" x14ac:dyDescent="0.35">
      <c r="A67679" s="1" t="s">
        <v>4042</v>
      </c>
      <c r="B67679" s="1" t="s">
        <v>222693</v>
      </c>
      <c r="C67679" s="1" t="s">
        <v>145</v>
      </c>
      <c r="D67679" s="1" t="s">
        <v>225394</v>
      </c>
      <c r="E67679" s="1" t="s">
        <v>225395</v>
      </c>
      <c r="F67679" s="1" t="s">
        <v>225396</v>
      </c>
      <c r="G67679" s="1" t="s">
        <v>225302</v>
      </c>
      <c r="H67679" s="1" t="s">
        <v>225303</v>
      </c>
      <c r="I67679" s="1" t="s">
        <v>222698</v>
      </c>
      <c r="J67679" s="1" t="s">
        <v>225397</v>
      </c>
    </row>
    <row r="67680" spans="1:10" x14ac:dyDescent="0.35">
      <c r="A67680" s="1" t="s">
        <v>4042</v>
      </c>
      <c r="B67680" s="1" t="s">
        <v>222693</v>
      </c>
      <c r="C67680" s="1" t="s">
        <v>150</v>
      </c>
      <c r="D67680" s="1" t="s">
        <v>225398</v>
      </c>
      <c r="E67680" s="1" t="s">
        <v>225399</v>
      </c>
      <c r="F67680" s="1" t="s">
        <v>225400</v>
      </c>
      <c r="G67680" s="1" t="s">
        <v>225302</v>
      </c>
      <c r="H67680" s="1" t="s">
        <v>225303</v>
      </c>
      <c r="I67680" s="1" t="s">
        <v>222698</v>
      </c>
      <c r="J67680" s="1" t="s">
        <v>225401</v>
      </c>
    </row>
    <row r="67681" spans="1:10" x14ac:dyDescent="0.35">
      <c r="A67681" s="1" t="s">
        <v>4042</v>
      </c>
      <c r="B67681" s="1" t="s">
        <v>222693</v>
      </c>
      <c r="C67681" s="1" t="s">
        <v>155</v>
      </c>
      <c r="D67681" s="1" t="s">
        <v>225402</v>
      </c>
      <c r="E67681" s="1" t="s">
        <v>225403</v>
      </c>
      <c r="F67681" s="1" t="s">
        <v>225404</v>
      </c>
      <c r="G67681" s="1" t="s">
        <v>225302</v>
      </c>
      <c r="H67681" s="1" t="s">
        <v>225303</v>
      </c>
      <c r="I67681" s="1" t="s">
        <v>222698</v>
      </c>
      <c r="J67681" s="1" t="s">
        <v>225405</v>
      </c>
    </row>
    <row r="67682" spans="1:10" x14ac:dyDescent="0.35">
      <c r="A67682" s="1" t="s">
        <v>4042</v>
      </c>
      <c r="B67682" s="1" t="s">
        <v>222693</v>
      </c>
      <c r="C67682" s="1" t="s">
        <v>160</v>
      </c>
      <c r="D67682" s="1" t="s">
        <v>126918</v>
      </c>
      <c r="E67682" s="1" t="s">
        <v>225406</v>
      </c>
      <c r="F67682" s="1" t="s">
        <v>225407</v>
      </c>
      <c r="G67682" s="1" t="s">
        <v>225302</v>
      </c>
      <c r="H67682" s="1" t="s">
        <v>225303</v>
      </c>
      <c r="I67682" s="1" t="s">
        <v>222698</v>
      </c>
      <c r="J67682" s="1" t="s">
        <v>225408</v>
      </c>
    </row>
    <row r="67683" spans="1:10" x14ac:dyDescent="0.35">
      <c r="A67683" s="1" t="s">
        <v>4042</v>
      </c>
      <c r="B67683" s="1" t="s">
        <v>222693</v>
      </c>
      <c r="C67683" s="1" t="s">
        <v>165</v>
      </c>
      <c r="D67683" s="1" t="s">
        <v>225409</v>
      </c>
      <c r="E67683" s="1" t="s">
        <v>225410</v>
      </c>
      <c r="F67683" s="1" t="s">
        <v>225411</v>
      </c>
      <c r="G67683" s="1" t="s">
        <v>225302</v>
      </c>
      <c r="H67683" s="1" t="s">
        <v>225303</v>
      </c>
      <c r="I67683" s="1" t="s">
        <v>222698</v>
      </c>
      <c r="J67683" s="1" t="s">
        <v>225412</v>
      </c>
    </row>
    <row r="67684" spans="1:10" x14ac:dyDescent="0.35">
      <c r="A67684" s="1" t="s">
        <v>4042</v>
      </c>
      <c r="B67684" s="1" t="s">
        <v>222693</v>
      </c>
      <c r="C67684" s="1" t="s">
        <v>170</v>
      </c>
      <c r="D67684" s="1" t="s">
        <v>225413</v>
      </c>
      <c r="E67684" s="1" t="s">
        <v>225414</v>
      </c>
      <c r="F67684" s="1" t="s">
        <v>225415</v>
      </c>
      <c r="G67684" s="1" t="s">
        <v>225302</v>
      </c>
      <c r="H67684" s="1" t="s">
        <v>225303</v>
      </c>
      <c r="I67684" s="1" t="s">
        <v>222698</v>
      </c>
      <c r="J67684" s="1" t="s">
        <v>225416</v>
      </c>
    </row>
    <row r="67685" spans="1:10" x14ac:dyDescent="0.35">
      <c r="A67685" s="1" t="s">
        <v>9979</v>
      </c>
      <c r="B67685" s="1" t="s">
        <v>222693</v>
      </c>
      <c r="C67685" s="1" t="s">
        <v>8</v>
      </c>
      <c r="D67685" s="1" t="s">
        <v>60251</v>
      </c>
      <c r="E67685" s="1" t="s">
        <v>225417</v>
      </c>
      <c r="F67685" s="1" t="s">
        <v>225418</v>
      </c>
      <c r="G67685" s="1" t="s">
        <v>225419</v>
      </c>
      <c r="H67685" s="1" t="s">
        <v>225420</v>
      </c>
      <c r="I67685" s="1" t="s">
        <v>222698</v>
      </c>
      <c r="J67685" s="1" t="s">
        <v>13</v>
      </c>
    </row>
    <row r="67686" spans="1:10" x14ac:dyDescent="0.35">
      <c r="A67686" s="1" t="s">
        <v>9979</v>
      </c>
      <c r="B67686" s="1" t="s">
        <v>222693</v>
      </c>
      <c r="C67686" s="1" t="s">
        <v>15</v>
      </c>
      <c r="D67686" s="1" t="s">
        <v>225421</v>
      </c>
      <c r="E67686" s="1" t="s">
        <v>225422</v>
      </c>
      <c r="F67686" s="1" t="s">
        <v>225423</v>
      </c>
      <c r="G67686" s="1" t="s">
        <v>225419</v>
      </c>
      <c r="H67686" s="1" t="s">
        <v>225420</v>
      </c>
      <c r="I67686" s="1" t="s">
        <v>222698</v>
      </c>
      <c r="J67686" s="1" t="s">
        <v>225424</v>
      </c>
    </row>
    <row r="67687" spans="1:10" x14ac:dyDescent="0.35">
      <c r="A67687" s="1" t="s">
        <v>9979</v>
      </c>
      <c r="B67687" s="1" t="s">
        <v>222693</v>
      </c>
      <c r="C67687" s="1" t="s">
        <v>20</v>
      </c>
      <c r="D67687" s="1" t="s">
        <v>137150</v>
      </c>
      <c r="E67687" s="1" t="s">
        <v>225425</v>
      </c>
      <c r="F67687" s="1" t="s">
        <v>225426</v>
      </c>
      <c r="G67687" s="1" t="s">
        <v>225419</v>
      </c>
      <c r="H67687" s="1" t="s">
        <v>225420</v>
      </c>
      <c r="I67687" s="1" t="s">
        <v>222698</v>
      </c>
      <c r="J67687" s="1" t="s">
        <v>225427</v>
      </c>
    </row>
    <row r="67688" spans="1:10" x14ac:dyDescent="0.35">
      <c r="A67688" s="1" t="s">
        <v>9979</v>
      </c>
      <c r="B67688" s="1" t="s">
        <v>222693</v>
      </c>
      <c r="C67688" s="1" t="s">
        <v>25</v>
      </c>
      <c r="D67688" s="1" t="s">
        <v>225428</v>
      </c>
      <c r="E67688" s="1" t="s">
        <v>225429</v>
      </c>
      <c r="F67688" s="1" t="s">
        <v>225430</v>
      </c>
      <c r="G67688" s="1" t="s">
        <v>225419</v>
      </c>
      <c r="H67688" s="1" t="s">
        <v>225420</v>
      </c>
      <c r="I67688" s="1" t="s">
        <v>222698</v>
      </c>
      <c r="J67688" s="1" t="s">
        <v>225431</v>
      </c>
    </row>
    <row r="67689" spans="1:10" x14ac:dyDescent="0.35">
      <c r="A67689" s="1" t="s">
        <v>9979</v>
      </c>
      <c r="B67689" s="1" t="s">
        <v>222693</v>
      </c>
      <c r="C67689" s="1" t="s">
        <v>30</v>
      </c>
      <c r="D67689" s="1" t="s">
        <v>225432</v>
      </c>
      <c r="E67689" s="1" t="s">
        <v>225433</v>
      </c>
      <c r="F67689" s="1" t="s">
        <v>225434</v>
      </c>
      <c r="G67689" s="1" t="s">
        <v>225419</v>
      </c>
      <c r="H67689" s="1" t="s">
        <v>225420</v>
      </c>
      <c r="I67689" s="1" t="s">
        <v>222698</v>
      </c>
      <c r="J67689" s="1" t="s">
        <v>225435</v>
      </c>
    </row>
    <row r="67690" spans="1:10" x14ac:dyDescent="0.35">
      <c r="A67690" s="1" t="s">
        <v>9979</v>
      </c>
      <c r="B67690" s="1" t="s">
        <v>222693</v>
      </c>
      <c r="C67690" s="1" t="s">
        <v>35</v>
      </c>
      <c r="D67690" s="1" t="s">
        <v>225436</v>
      </c>
      <c r="E67690" s="1" t="s">
        <v>225437</v>
      </c>
      <c r="F67690" s="1" t="s">
        <v>225438</v>
      </c>
      <c r="G67690" s="1" t="s">
        <v>225419</v>
      </c>
      <c r="H67690" s="1" t="s">
        <v>225420</v>
      </c>
      <c r="I67690" s="1" t="s">
        <v>222698</v>
      </c>
      <c r="J67690" s="1" t="s">
        <v>225439</v>
      </c>
    </row>
    <row r="67691" spans="1:10" x14ac:dyDescent="0.35">
      <c r="A67691" s="1" t="s">
        <v>9979</v>
      </c>
      <c r="B67691" s="1" t="s">
        <v>222693</v>
      </c>
      <c r="C67691" s="1" t="s">
        <v>40</v>
      </c>
      <c r="D67691" s="1" t="s">
        <v>55073</v>
      </c>
      <c r="E67691" s="1" t="s">
        <v>225440</v>
      </c>
      <c r="F67691" s="1" t="s">
        <v>225441</v>
      </c>
      <c r="G67691" s="1" t="s">
        <v>225419</v>
      </c>
      <c r="H67691" s="1" t="s">
        <v>225420</v>
      </c>
      <c r="I67691" s="1" t="s">
        <v>222698</v>
      </c>
      <c r="J67691" s="1" t="s">
        <v>225442</v>
      </c>
    </row>
    <row r="67692" spans="1:10" x14ac:dyDescent="0.35">
      <c r="A67692" s="1" t="s">
        <v>9979</v>
      </c>
      <c r="B67692" s="1" t="s">
        <v>222693</v>
      </c>
      <c r="C67692" s="1" t="s">
        <v>45</v>
      </c>
      <c r="D67692" s="1" t="s">
        <v>83848</v>
      </c>
      <c r="E67692" s="1" t="s">
        <v>225443</v>
      </c>
      <c r="F67692" s="1" t="s">
        <v>225444</v>
      </c>
      <c r="G67692" s="1" t="s">
        <v>225419</v>
      </c>
      <c r="H67692" s="1" t="s">
        <v>225420</v>
      </c>
      <c r="I67692" s="1" t="s">
        <v>222698</v>
      </c>
      <c r="J67692" s="1" t="s">
        <v>225445</v>
      </c>
    </row>
    <row r="67693" spans="1:10" x14ac:dyDescent="0.35">
      <c r="A67693" s="1" t="s">
        <v>9979</v>
      </c>
      <c r="B67693" s="1" t="s">
        <v>222693</v>
      </c>
      <c r="C67693" s="1" t="s">
        <v>50</v>
      </c>
      <c r="D67693" s="1" t="s">
        <v>225446</v>
      </c>
      <c r="E67693" s="1" t="s">
        <v>225447</v>
      </c>
      <c r="F67693" s="1" t="s">
        <v>225448</v>
      </c>
      <c r="G67693" s="1" t="s">
        <v>225419</v>
      </c>
      <c r="H67693" s="1" t="s">
        <v>225420</v>
      </c>
      <c r="I67693" s="1" t="s">
        <v>222698</v>
      </c>
      <c r="J67693" s="1" t="s">
        <v>225449</v>
      </c>
    </row>
    <row r="67694" spans="1:10" x14ac:dyDescent="0.35">
      <c r="A67694" s="1" t="s">
        <v>9979</v>
      </c>
      <c r="B67694" s="1" t="s">
        <v>222693</v>
      </c>
      <c r="C67694" s="1" t="s">
        <v>55</v>
      </c>
      <c r="D67694" s="1" t="s">
        <v>225450</v>
      </c>
      <c r="E67694" s="1" t="s">
        <v>225451</v>
      </c>
      <c r="F67694" s="1" t="s">
        <v>225452</v>
      </c>
      <c r="G67694" s="1" t="s">
        <v>225419</v>
      </c>
      <c r="H67694" s="1" t="s">
        <v>225420</v>
      </c>
      <c r="I67694" s="1" t="s">
        <v>222698</v>
      </c>
      <c r="J67694" s="1" t="s">
        <v>225453</v>
      </c>
    </row>
    <row r="67695" spans="1:10" x14ac:dyDescent="0.35">
      <c r="A67695" s="1" t="s">
        <v>9979</v>
      </c>
      <c r="B67695" s="1" t="s">
        <v>222693</v>
      </c>
      <c r="C67695" s="1" t="s">
        <v>60</v>
      </c>
      <c r="D67695" s="1" t="s">
        <v>225454</v>
      </c>
      <c r="E67695" s="1" t="s">
        <v>225455</v>
      </c>
      <c r="F67695" s="1" t="s">
        <v>225456</v>
      </c>
      <c r="G67695" s="1" t="s">
        <v>225419</v>
      </c>
      <c r="H67695" s="1" t="s">
        <v>225420</v>
      </c>
      <c r="I67695" s="1" t="s">
        <v>222698</v>
      </c>
      <c r="J67695" s="1" t="s">
        <v>225457</v>
      </c>
    </row>
    <row r="67696" spans="1:10" x14ac:dyDescent="0.35">
      <c r="A67696" s="1" t="s">
        <v>9979</v>
      </c>
      <c r="B67696" s="1" t="s">
        <v>222693</v>
      </c>
      <c r="C67696" s="1" t="s">
        <v>65</v>
      </c>
      <c r="D67696" s="1" t="s">
        <v>100986</v>
      </c>
      <c r="E67696" s="1" t="s">
        <v>225458</v>
      </c>
      <c r="F67696" s="1" t="s">
        <v>225459</v>
      </c>
      <c r="G67696" s="1" t="s">
        <v>225419</v>
      </c>
      <c r="H67696" s="1" t="s">
        <v>225420</v>
      </c>
      <c r="I67696" s="1" t="s">
        <v>222698</v>
      </c>
      <c r="J67696" s="1" t="s">
        <v>225460</v>
      </c>
    </row>
    <row r="67697" spans="1:10" x14ac:dyDescent="0.35">
      <c r="A67697" s="1" t="s">
        <v>9979</v>
      </c>
      <c r="B67697" s="1" t="s">
        <v>222693</v>
      </c>
      <c r="C67697" s="1" t="s">
        <v>70</v>
      </c>
      <c r="D67697" s="1" t="s">
        <v>225461</v>
      </c>
      <c r="E67697" s="1" t="s">
        <v>225462</v>
      </c>
      <c r="F67697" s="1" t="s">
        <v>225463</v>
      </c>
      <c r="G67697" s="1" t="s">
        <v>225419</v>
      </c>
      <c r="H67697" s="1" t="s">
        <v>225420</v>
      </c>
      <c r="I67697" s="1" t="s">
        <v>222698</v>
      </c>
      <c r="J67697" s="1" t="s">
        <v>225464</v>
      </c>
    </row>
    <row r="67698" spans="1:10" x14ac:dyDescent="0.35">
      <c r="A67698" s="1" t="s">
        <v>9979</v>
      </c>
      <c r="B67698" s="1" t="s">
        <v>222693</v>
      </c>
      <c r="C67698" s="1" t="s">
        <v>75</v>
      </c>
      <c r="D67698" s="1" t="s">
        <v>225465</v>
      </c>
      <c r="E67698" s="1" t="s">
        <v>225466</v>
      </c>
      <c r="F67698" s="1" t="s">
        <v>27778</v>
      </c>
      <c r="G67698" s="1" t="s">
        <v>225419</v>
      </c>
      <c r="H67698" s="1" t="s">
        <v>225420</v>
      </c>
      <c r="I67698" s="1" t="s">
        <v>222698</v>
      </c>
      <c r="J67698" s="1" t="s">
        <v>225467</v>
      </c>
    </row>
    <row r="67699" spans="1:10" x14ac:dyDescent="0.35">
      <c r="A67699" s="1" t="s">
        <v>9979</v>
      </c>
      <c r="B67699" s="1" t="s">
        <v>222693</v>
      </c>
      <c r="C67699" s="1" t="s">
        <v>80</v>
      </c>
      <c r="D67699" s="1" t="s">
        <v>225468</v>
      </c>
      <c r="E67699" s="1" t="s">
        <v>225469</v>
      </c>
      <c r="F67699" s="1" t="s">
        <v>225470</v>
      </c>
      <c r="G67699" s="1" t="s">
        <v>225419</v>
      </c>
      <c r="H67699" s="1" t="s">
        <v>225420</v>
      </c>
      <c r="I67699" s="1" t="s">
        <v>222698</v>
      </c>
      <c r="J67699" s="1" t="s">
        <v>225471</v>
      </c>
    </row>
    <row r="67700" spans="1:10" x14ac:dyDescent="0.35">
      <c r="A67700" s="1" t="s">
        <v>9979</v>
      </c>
      <c r="B67700" s="1" t="s">
        <v>222693</v>
      </c>
      <c r="C67700" s="1" t="s">
        <v>85</v>
      </c>
      <c r="D67700" s="1" t="s">
        <v>225472</v>
      </c>
      <c r="E67700" s="1" t="s">
        <v>225473</v>
      </c>
      <c r="F67700" s="1" t="s">
        <v>225474</v>
      </c>
      <c r="G67700" s="1" t="s">
        <v>225419</v>
      </c>
      <c r="H67700" s="1" t="s">
        <v>225420</v>
      </c>
      <c r="I67700" s="1" t="s">
        <v>222698</v>
      </c>
      <c r="J67700" s="1" t="s">
        <v>225475</v>
      </c>
    </row>
    <row r="67701" spans="1:10" x14ac:dyDescent="0.35">
      <c r="A67701" s="1" t="s">
        <v>9979</v>
      </c>
      <c r="B67701" s="1" t="s">
        <v>222693</v>
      </c>
      <c r="C67701" s="1" t="s">
        <v>90</v>
      </c>
      <c r="D67701" s="1" t="s">
        <v>63140</v>
      </c>
      <c r="E67701" s="1" t="s">
        <v>225476</v>
      </c>
      <c r="F67701" s="1" t="s">
        <v>225477</v>
      </c>
      <c r="G67701" s="1" t="s">
        <v>225419</v>
      </c>
      <c r="H67701" s="1" t="s">
        <v>225420</v>
      </c>
      <c r="I67701" s="1" t="s">
        <v>222698</v>
      </c>
      <c r="J67701" s="1" t="s">
        <v>225478</v>
      </c>
    </row>
    <row r="67702" spans="1:10" x14ac:dyDescent="0.35">
      <c r="A67702" s="1" t="s">
        <v>9979</v>
      </c>
      <c r="B67702" s="1" t="s">
        <v>222693</v>
      </c>
      <c r="C67702" s="1" t="s">
        <v>95</v>
      </c>
      <c r="D67702" s="1" t="s">
        <v>223690</v>
      </c>
      <c r="E67702" s="1" t="s">
        <v>225479</v>
      </c>
      <c r="F67702" s="1" t="s">
        <v>225480</v>
      </c>
      <c r="G67702" s="1" t="s">
        <v>225419</v>
      </c>
      <c r="H67702" s="1" t="s">
        <v>225420</v>
      </c>
      <c r="I67702" s="1" t="s">
        <v>222698</v>
      </c>
      <c r="J67702" s="1" t="s">
        <v>225481</v>
      </c>
    </row>
    <row r="67703" spans="1:10" x14ac:dyDescent="0.35">
      <c r="A67703" s="1" t="s">
        <v>9979</v>
      </c>
      <c r="B67703" s="1" t="s">
        <v>222693</v>
      </c>
      <c r="C67703" s="1" t="s">
        <v>100</v>
      </c>
      <c r="D67703" s="1" t="s">
        <v>225482</v>
      </c>
      <c r="E67703" s="1" t="s">
        <v>225483</v>
      </c>
      <c r="F67703" s="1" t="s">
        <v>225484</v>
      </c>
      <c r="G67703" s="1" t="s">
        <v>225419</v>
      </c>
      <c r="H67703" s="1" t="s">
        <v>225420</v>
      </c>
      <c r="I67703" s="1" t="s">
        <v>222698</v>
      </c>
      <c r="J67703" s="1" t="s">
        <v>225485</v>
      </c>
    </row>
    <row r="67704" spans="1:10" x14ac:dyDescent="0.35">
      <c r="A67704" s="1" t="s">
        <v>9979</v>
      </c>
      <c r="B67704" s="1" t="s">
        <v>222693</v>
      </c>
      <c r="C67704" s="1" t="s">
        <v>105</v>
      </c>
      <c r="D67704" s="1" t="s">
        <v>225486</v>
      </c>
      <c r="E67704" s="1" t="s">
        <v>225487</v>
      </c>
      <c r="F67704" s="1" t="s">
        <v>225488</v>
      </c>
      <c r="G67704" s="1" t="s">
        <v>225419</v>
      </c>
      <c r="H67704" s="1" t="s">
        <v>225420</v>
      </c>
      <c r="I67704" s="1" t="s">
        <v>222698</v>
      </c>
      <c r="J67704" s="1" t="s">
        <v>225489</v>
      </c>
    </row>
    <row r="67705" spans="1:10" x14ac:dyDescent="0.35">
      <c r="A67705" s="1" t="s">
        <v>9979</v>
      </c>
      <c r="B67705" s="1" t="s">
        <v>222693</v>
      </c>
      <c r="C67705" s="1" t="s">
        <v>110</v>
      </c>
      <c r="D67705" s="1" t="s">
        <v>225490</v>
      </c>
      <c r="E67705" s="1" t="s">
        <v>225491</v>
      </c>
      <c r="F67705" s="1" t="s">
        <v>225492</v>
      </c>
      <c r="G67705" s="1" t="s">
        <v>225419</v>
      </c>
      <c r="H67705" s="1" t="s">
        <v>225420</v>
      </c>
      <c r="I67705" s="1" t="s">
        <v>222698</v>
      </c>
      <c r="J67705" s="1" t="s">
        <v>225493</v>
      </c>
    </row>
    <row r="67706" spans="1:10" x14ac:dyDescent="0.35">
      <c r="A67706" s="1" t="s">
        <v>9979</v>
      </c>
      <c r="B67706" s="1" t="s">
        <v>222693</v>
      </c>
      <c r="C67706" s="1" t="s">
        <v>115</v>
      </c>
      <c r="D67706" s="1" t="s">
        <v>225494</v>
      </c>
      <c r="E67706" s="1" t="s">
        <v>225495</v>
      </c>
      <c r="F67706" s="1" t="s">
        <v>225496</v>
      </c>
      <c r="G67706" s="1" t="s">
        <v>225419</v>
      </c>
      <c r="H67706" s="1" t="s">
        <v>225420</v>
      </c>
      <c r="I67706" s="1" t="s">
        <v>222698</v>
      </c>
      <c r="J67706" s="1" t="s">
        <v>225497</v>
      </c>
    </row>
    <row r="67707" spans="1:10" x14ac:dyDescent="0.35">
      <c r="A67707" s="1" t="s">
        <v>9979</v>
      </c>
      <c r="B67707" s="1" t="s">
        <v>222693</v>
      </c>
      <c r="C67707" s="1" t="s">
        <v>120</v>
      </c>
      <c r="D67707" s="1" t="s">
        <v>127401</v>
      </c>
      <c r="E67707" s="1" t="s">
        <v>225498</v>
      </c>
      <c r="F67707" s="1" t="s">
        <v>225499</v>
      </c>
      <c r="G67707" s="1" t="s">
        <v>225419</v>
      </c>
      <c r="H67707" s="1" t="s">
        <v>225420</v>
      </c>
      <c r="I67707" s="1" t="s">
        <v>222698</v>
      </c>
      <c r="J67707" s="1" t="s">
        <v>225500</v>
      </c>
    </row>
    <row r="67708" spans="1:10" x14ac:dyDescent="0.35">
      <c r="A67708" s="1" t="s">
        <v>9979</v>
      </c>
      <c r="B67708" s="1" t="s">
        <v>222693</v>
      </c>
      <c r="C67708" s="1" t="s">
        <v>125</v>
      </c>
      <c r="D67708" s="1" t="s">
        <v>225501</v>
      </c>
      <c r="E67708" s="1" t="s">
        <v>225502</v>
      </c>
      <c r="F67708" s="1" t="s">
        <v>225503</v>
      </c>
      <c r="G67708" s="1" t="s">
        <v>225419</v>
      </c>
      <c r="H67708" s="1" t="s">
        <v>225420</v>
      </c>
      <c r="I67708" s="1" t="s">
        <v>222698</v>
      </c>
      <c r="J67708" s="1" t="s">
        <v>225504</v>
      </c>
    </row>
    <row r="67709" spans="1:10" x14ac:dyDescent="0.35">
      <c r="A67709" s="1" t="s">
        <v>9979</v>
      </c>
      <c r="B67709" s="1" t="s">
        <v>222693</v>
      </c>
      <c r="C67709" s="1" t="s">
        <v>130</v>
      </c>
      <c r="D67709" s="1" t="s">
        <v>102040</v>
      </c>
      <c r="E67709" s="1" t="s">
        <v>225505</v>
      </c>
      <c r="F67709" s="1" t="s">
        <v>225506</v>
      </c>
      <c r="G67709" s="1" t="s">
        <v>225419</v>
      </c>
      <c r="H67709" s="1" t="s">
        <v>225420</v>
      </c>
      <c r="I67709" s="1" t="s">
        <v>222698</v>
      </c>
      <c r="J67709" s="1" t="s">
        <v>225507</v>
      </c>
    </row>
    <row r="67710" spans="1:10" x14ac:dyDescent="0.35">
      <c r="A67710" s="1" t="s">
        <v>9979</v>
      </c>
      <c r="B67710" s="1" t="s">
        <v>222693</v>
      </c>
      <c r="C67710" s="1" t="s">
        <v>135</v>
      </c>
      <c r="D67710" s="1" t="s">
        <v>225508</v>
      </c>
      <c r="E67710" s="1" t="s">
        <v>225509</v>
      </c>
      <c r="F67710" s="1" t="s">
        <v>225510</v>
      </c>
      <c r="G67710" s="1" t="s">
        <v>225419</v>
      </c>
      <c r="H67710" s="1" t="s">
        <v>225420</v>
      </c>
      <c r="I67710" s="1" t="s">
        <v>222698</v>
      </c>
      <c r="J67710" s="1" t="s">
        <v>225511</v>
      </c>
    </row>
    <row r="67711" spans="1:10" x14ac:dyDescent="0.35">
      <c r="A67711" s="1" t="s">
        <v>9979</v>
      </c>
      <c r="B67711" s="1" t="s">
        <v>222693</v>
      </c>
      <c r="C67711" s="1" t="s">
        <v>140</v>
      </c>
      <c r="D67711" s="1" t="s">
        <v>225512</v>
      </c>
      <c r="E67711" s="1" t="s">
        <v>225513</v>
      </c>
      <c r="F67711" s="1" t="s">
        <v>225514</v>
      </c>
      <c r="G67711" s="1" t="s">
        <v>225419</v>
      </c>
      <c r="H67711" s="1" t="s">
        <v>225420</v>
      </c>
      <c r="I67711" s="1" t="s">
        <v>222698</v>
      </c>
      <c r="J67711" s="1" t="s">
        <v>225515</v>
      </c>
    </row>
    <row r="67712" spans="1:10" x14ac:dyDescent="0.35">
      <c r="A67712" s="1" t="s">
        <v>9979</v>
      </c>
      <c r="B67712" s="1" t="s">
        <v>222693</v>
      </c>
      <c r="C67712" s="1" t="s">
        <v>145</v>
      </c>
      <c r="D67712" s="1" t="s">
        <v>225516</v>
      </c>
      <c r="E67712" s="1" t="s">
        <v>225517</v>
      </c>
      <c r="F67712" s="1" t="s">
        <v>225518</v>
      </c>
      <c r="G67712" s="1" t="s">
        <v>225419</v>
      </c>
      <c r="H67712" s="1" t="s">
        <v>225420</v>
      </c>
      <c r="I67712" s="1" t="s">
        <v>222698</v>
      </c>
      <c r="J67712" s="1" t="s">
        <v>225519</v>
      </c>
    </row>
    <row r="67713" spans="1:10" x14ac:dyDescent="0.35">
      <c r="A67713" s="1" t="s">
        <v>9979</v>
      </c>
      <c r="B67713" s="1" t="s">
        <v>222693</v>
      </c>
      <c r="C67713" s="1" t="s">
        <v>150</v>
      </c>
      <c r="D67713" s="1" t="s">
        <v>225520</v>
      </c>
      <c r="E67713" s="1" t="s">
        <v>225521</v>
      </c>
      <c r="F67713" s="1" t="s">
        <v>225522</v>
      </c>
      <c r="G67713" s="1" t="s">
        <v>225419</v>
      </c>
      <c r="H67713" s="1" t="s">
        <v>225420</v>
      </c>
      <c r="I67713" s="1" t="s">
        <v>222698</v>
      </c>
      <c r="J67713" s="1" t="s">
        <v>225523</v>
      </c>
    </row>
    <row r="67714" spans="1:10" x14ac:dyDescent="0.35">
      <c r="A67714" s="1" t="s">
        <v>9979</v>
      </c>
      <c r="B67714" s="1" t="s">
        <v>222693</v>
      </c>
      <c r="C67714" s="1" t="s">
        <v>155</v>
      </c>
      <c r="D67714" s="1" t="s">
        <v>225524</v>
      </c>
      <c r="E67714" s="1" t="s">
        <v>225525</v>
      </c>
      <c r="F67714" s="1" t="s">
        <v>225526</v>
      </c>
      <c r="G67714" s="1" t="s">
        <v>225419</v>
      </c>
      <c r="H67714" s="1" t="s">
        <v>225420</v>
      </c>
      <c r="I67714" s="1" t="s">
        <v>222698</v>
      </c>
      <c r="J67714" s="1" t="s">
        <v>225527</v>
      </c>
    </row>
    <row r="67715" spans="1:10" x14ac:dyDescent="0.35">
      <c r="A67715" s="1" t="s">
        <v>9979</v>
      </c>
      <c r="B67715" s="1" t="s">
        <v>222693</v>
      </c>
      <c r="C67715" s="1" t="s">
        <v>160</v>
      </c>
      <c r="D67715" s="1" t="s">
        <v>75910</v>
      </c>
      <c r="E67715" s="1" t="s">
        <v>225528</v>
      </c>
      <c r="F67715" s="1" t="s">
        <v>225529</v>
      </c>
      <c r="G67715" s="1" t="s">
        <v>225419</v>
      </c>
      <c r="H67715" s="1" t="s">
        <v>225420</v>
      </c>
      <c r="I67715" s="1" t="s">
        <v>222698</v>
      </c>
      <c r="J67715" s="1" t="s">
        <v>225530</v>
      </c>
    </row>
    <row r="67716" spans="1:10" x14ac:dyDescent="0.35">
      <c r="A67716" s="1" t="s">
        <v>9979</v>
      </c>
      <c r="B67716" s="1" t="s">
        <v>222693</v>
      </c>
      <c r="C67716" s="1" t="s">
        <v>165</v>
      </c>
      <c r="D67716" s="1" t="s">
        <v>225531</v>
      </c>
      <c r="E67716" s="1" t="s">
        <v>225532</v>
      </c>
      <c r="F67716" s="1" t="s">
        <v>225533</v>
      </c>
      <c r="G67716" s="1" t="s">
        <v>225419</v>
      </c>
      <c r="H67716" s="1" t="s">
        <v>225420</v>
      </c>
      <c r="I67716" s="1" t="s">
        <v>222698</v>
      </c>
      <c r="J67716" s="1" t="s">
        <v>225534</v>
      </c>
    </row>
    <row r="67717" spans="1:10" x14ac:dyDescent="0.35">
      <c r="A67717" s="1" t="s">
        <v>9979</v>
      </c>
      <c r="B67717" s="1" t="s">
        <v>222693</v>
      </c>
      <c r="C67717" s="1" t="s">
        <v>170</v>
      </c>
      <c r="D67717" s="1" t="s">
        <v>225535</v>
      </c>
      <c r="E67717" s="1" t="s">
        <v>225536</v>
      </c>
      <c r="F67717" s="1" t="s">
        <v>225537</v>
      </c>
      <c r="G67717" s="1" t="s">
        <v>225419</v>
      </c>
      <c r="H67717" s="1" t="s">
        <v>225420</v>
      </c>
      <c r="I67717" s="1" t="s">
        <v>222698</v>
      </c>
      <c r="J67717" s="1" t="s">
        <v>225538</v>
      </c>
    </row>
    <row r="67718" spans="1:10" x14ac:dyDescent="0.35">
      <c r="A67718" s="1" t="s">
        <v>27771</v>
      </c>
      <c r="B67718" s="1" t="s">
        <v>222693</v>
      </c>
      <c r="C67718" s="1" t="s">
        <v>8</v>
      </c>
      <c r="D67718" s="1" t="s">
        <v>60090</v>
      </c>
      <c r="E67718" s="1" t="s">
        <v>225539</v>
      </c>
      <c r="F67718" s="1" t="s">
        <v>225540</v>
      </c>
      <c r="G67718" s="1" t="s">
        <v>225541</v>
      </c>
      <c r="H67718" s="1" t="s">
        <v>225542</v>
      </c>
      <c r="I67718" s="1" t="s">
        <v>222698</v>
      </c>
      <c r="J67718" s="1" t="s">
        <v>13</v>
      </c>
    </row>
    <row r="67719" spans="1:10" x14ac:dyDescent="0.35">
      <c r="A67719" s="1" t="s">
        <v>27771</v>
      </c>
      <c r="B67719" s="1" t="s">
        <v>222693</v>
      </c>
      <c r="C67719" s="1" t="s">
        <v>15</v>
      </c>
      <c r="D67719" s="1" t="s">
        <v>96973</v>
      </c>
      <c r="E67719" s="1" t="s">
        <v>225543</v>
      </c>
      <c r="F67719" s="1" t="s">
        <v>225544</v>
      </c>
      <c r="G67719" s="1" t="s">
        <v>225541</v>
      </c>
      <c r="H67719" s="1" t="s">
        <v>225542</v>
      </c>
      <c r="I67719" s="1" t="s">
        <v>222698</v>
      </c>
      <c r="J67719" s="1" t="s">
        <v>225545</v>
      </c>
    </row>
    <row r="67720" spans="1:10" x14ac:dyDescent="0.35">
      <c r="A67720" s="1" t="s">
        <v>27771</v>
      </c>
      <c r="B67720" s="1" t="s">
        <v>222693</v>
      </c>
      <c r="C67720" s="1" t="s">
        <v>20</v>
      </c>
      <c r="D67720" s="1" t="s">
        <v>225546</v>
      </c>
      <c r="E67720" s="1" t="s">
        <v>225547</v>
      </c>
      <c r="F67720" s="1" t="s">
        <v>225548</v>
      </c>
      <c r="G67720" s="1" t="s">
        <v>225541</v>
      </c>
      <c r="H67720" s="1" t="s">
        <v>225542</v>
      </c>
      <c r="I67720" s="1" t="s">
        <v>222698</v>
      </c>
      <c r="J67720" s="1" t="s">
        <v>225549</v>
      </c>
    </row>
    <row r="67721" spans="1:10" x14ac:dyDescent="0.35">
      <c r="A67721" s="1" t="s">
        <v>27771</v>
      </c>
      <c r="B67721" s="1" t="s">
        <v>222693</v>
      </c>
      <c r="C67721" s="1" t="s">
        <v>25</v>
      </c>
      <c r="D67721" s="1" t="s">
        <v>54382</v>
      </c>
      <c r="E67721" s="1" t="s">
        <v>225550</v>
      </c>
      <c r="F67721" s="1" t="s">
        <v>225551</v>
      </c>
      <c r="G67721" s="1" t="s">
        <v>225541</v>
      </c>
      <c r="H67721" s="1" t="s">
        <v>225542</v>
      </c>
      <c r="I67721" s="1" t="s">
        <v>222698</v>
      </c>
      <c r="J67721" s="1" t="s">
        <v>225552</v>
      </c>
    </row>
    <row r="67722" spans="1:10" x14ac:dyDescent="0.35">
      <c r="A67722" s="1" t="s">
        <v>27771</v>
      </c>
      <c r="B67722" s="1" t="s">
        <v>222693</v>
      </c>
      <c r="C67722" s="1" t="s">
        <v>30</v>
      </c>
      <c r="D67722" s="1" t="s">
        <v>225553</v>
      </c>
      <c r="E67722" s="1" t="s">
        <v>225554</v>
      </c>
      <c r="F67722" s="1" t="s">
        <v>225555</v>
      </c>
      <c r="G67722" s="1" t="s">
        <v>225541</v>
      </c>
      <c r="H67722" s="1" t="s">
        <v>225542</v>
      </c>
      <c r="I67722" s="1" t="s">
        <v>222698</v>
      </c>
      <c r="J67722" s="1" t="s">
        <v>225556</v>
      </c>
    </row>
    <row r="67723" spans="1:10" x14ac:dyDescent="0.35">
      <c r="A67723" s="1" t="s">
        <v>27771</v>
      </c>
      <c r="B67723" s="1" t="s">
        <v>222693</v>
      </c>
      <c r="C67723" s="1" t="s">
        <v>35</v>
      </c>
      <c r="D67723" s="1" t="s">
        <v>67110</v>
      </c>
      <c r="E67723" s="1" t="s">
        <v>225557</v>
      </c>
      <c r="F67723" s="1" t="s">
        <v>225558</v>
      </c>
      <c r="G67723" s="1" t="s">
        <v>225541</v>
      </c>
      <c r="H67723" s="1" t="s">
        <v>225542</v>
      </c>
      <c r="I67723" s="1" t="s">
        <v>222698</v>
      </c>
      <c r="J67723" s="1" t="s">
        <v>225559</v>
      </c>
    </row>
    <row r="67724" spans="1:10" x14ac:dyDescent="0.35">
      <c r="A67724" s="1" t="s">
        <v>27771</v>
      </c>
      <c r="B67724" s="1" t="s">
        <v>222693</v>
      </c>
      <c r="C67724" s="1" t="s">
        <v>40</v>
      </c>
      <c r="D67724" s="1" t="s">
        <v>91955</v>
      </c>
      <c r="E67724" s="1" t="s">
        <v>225560</v>
      </c>
      <c r="F67724" s="1" t="s">
        <v>225561</v>
      </c>
      <c r="G67724" s="1" t="s">
        <v>225541</v>
      </c>
      <c r="H67724" s="1" t="s">
        <v>225542</v>
      </c>
      <c r="I67724" s="1" t="s">
        <v>222698</v>
      </c>
      <c r="J67724" s="1" t="s">
        <v>225562</v>
      </c>
    </row>
    <row r="67725" spans="1:10" x14ac:dyDescent="0.35">
      <c r="A67725" s="1" t="s">
        <v>27771</v>
      </c>
      <c r="B67725" s="1" t="s">
        <v>222693</v>
      </c>
      <c r="C67725" s="1" t="s">
        <v>45</v>
      </c>
      <c r="D67725" s="1" t="s">
        <v>60801</v>
      </c>
      <c r="E67725" s="1" t="s">
        <v>225563</v>
      </c>
      <c r="F67725" s="1" t="s">
        <v>225564</v>
      </c>
      <c r="G67725" s="1" t="s">
        <v>225541</v>
      </c>
      <c r="H67725" s="1" t="s">
        <v>225542</v>
      </c>
      <c r="I67725" s="1" t="s">
        <v>222698</v>
      </c>
      <c r="J67725" s="1" t="s">
        <v>225565</v>
      </c>
    </row>
    <row r="67726" spans="1:10" x14ac:dyDescent="0.35">
      <c r="A67726" s="1" t="s">
        <v>27771</v>
      </c>
      <c r="B67726" s="1" t="s">
        <v>222693</v>
      </c>
      <c r="C67726" s="1" t="s">
        <v>50</v>
      </c>
      <c r="D67726" s="1" t="s">
        <v>55519</v>
      </c>
      <c r="E67726" s="1" t="s">
        <v>225566</v>
      </c>
      <c r="F67726" s="1" t="s">
        <v>225567</v>
      </c>
      <c r="G67726" s="1" t="s">
        <v>225541</v>
      </c>
      <c r="H67726" s="1" t="s">
        <v>225542</v>
      </c>
      <c r="I67726" s="1" t="s">
        <v>222698</v>
      </c>
      <c r="J67726" s="1" t="s">
        <v>225568</v>
      </c>
    </row>
    <row r="67727" spans="1:10" x14ac:dyDescent="0.35">
      <c r="A67727" s="1" t="s">
        <v>27771</v>
      </c>
      <c r="B67727" s="1" t="s">
        <v>222693</v>
      </c>
      <c r="C67727" s="1" t="s">
        <v>55</v>
      </c>
      <c r="D67727" s="1" t="s">
        <v>97802</v>
      </c>
      <c r="E67727" s="1" t="s">
        <v>225569</v>
      </c>
      <c r="F67727" s="1" t="s">
        <v>225570</v>
      </c>
      <c r="G67727" s="1" t="s">
        <v>225541</v>
      </c>
      <c r="H67727" s="1" t="s">
        <v>225542</v>
      </c>
      <c r="I67727" s="1" t="s">
        <v>222698</v>
      </c>
      <c r="J67727" s="1" t="s">
        <v>225571</v>
      </c>
    </row>
    <row r="67728" spans="1:10" x14ac:dyDescent="0.35">
      <c r="A67728" s="1" t="s">
        <v>27771</v>
      </c>
      <c r="B67728" s="1" t="s">
        <v>222693</v>
      </c>
      <c r="C67728" s="1" t="s">
        <v>60</v>
      </c>
      <c r="D67728" s="1" t="s">
        <v>225572</v>
      </c>
      <c r="E67728" s="1" t="s">
        <v>225573</v>
      </c>
      <c r="F67728" s="1" t="s">
        <v>225574</v>
      </c>
      <c r="G67728" s="1" t="s">
        <v>225541</v>
      </c>
      <c r="H67728" s="1" t="s">
        <v>225542</v>
      </c>
      <c r="I67728" s="1" t="s">
        <v>222698</v>
      </c>
      <c r="J67728" s="1" t="s">
        <v>225575</v>
      </c>
    </row>
    <row r="67729" spans="1:10" x14ac:dyDescent="0.35">
      <c r="A67729" s="1" t="s">
        <v>27771</v>
      </c>
      <c r="B67729" s="1" t="s">
        <v>222693</v>
      </c>
      <c r="C67729" s="1" t="s">
        <v>65</v>
      </c>
      <c r="D67729" s="1" t="s">
        <v>106497</v>
      </c>
      <c r="E67729" s="1" t="s">
        <v>225576</v>
      </c>
      <c r="F67729" s="1" t="s">
        <v>225577</v>
      </c>
      <c r="G67729" s="1" t="s">
        <v>225541</v>
      </c>
      <c r="H67729" s="1" t="s">
        <v>225542</v>
      </c>
      <c r="I67729" s="1" t="s">
        <v>222698</v>
      </c>
      <c r="J67729" s="1" t="s">
        <v>225578</v>
      </c>
    </row>
    <row r="67730" spans="1:10" x14ac:dyDescent="0.35">
      <c r="A67730" s="1" t="s">
        <v>27771</v>
      </c>
      <c r="B67730" s="1" t="s">
        <v>222693</v>
      </c>
      <c r="C67730" s="1" t="s">
        <v>70</v>
      </c>
      <c r="D67730" s="1" t="s">
        <v>54436</v>
      </c>
      <c r="E67730" s="1" t="s">
        <v>225579</v>
      </c>
      <c r="F67730" s="1" t="s">
        <v>225580</v>
      </c>
      <c r="G67730" s="1" t="s">
        <v>225541</v>
      </c>
      <c r="H67730" s="1" t="s">
        <v>225542</v>
      </c>
      <c r="I67730" s="1" t="s">
        <v>222698</v>
      </c>
      <c r="J67730" s="1" t="s">
        <v>225581</v>
      </c>
    </row>
    <row r="67731" spans="1:10" x14ac:dyDescent="0.35">
      <c r="A67731" s="1" t="s">
        <v>27771</v>
      </c>
      <c r="B67731" s="1" t="s">
        <v>222693</v>
      </c>
      <c r="C67731" s="1" t="s">
        <v>75</v>
      </c>
      <c r="D67731" s="1" t="s">
        <v>134288</v>
      </c>
      <c r="E67731" s="1" t="s">
        <v>225582</v>
      </c>
      <c r="F67731" s="1" t="s">
        <v>225583</v>
      </c>
      <c r="G67731" s="1" t="s">
        <v>225541</v>
      </c>
      <c r="H67731" s="1" t="s">
        <v>225542</v>
      </c>
      <c r="I67731" s="1" t="s">
        <v>222698</v>
      </c>
      <c r="J67731" s="1" t="s">
        <v>225584</v>
      </c>
    </row>
    <row r="67732" spans="1:10" x14ac:dyDescent="0.35">
      <c r="A67732" s="1" t="s">
        <v>27771</v>
      </c>
      <c r="B67732" s="1" t="s">
        <v>222693</v>
      </c>
      <c r="C67732" s="1" t="s">
        <v>80</v>
      </c>
      <c r="D67732" s="1" t="s">
        <v>225585</v>
      </c>
      <c r="E67732" s="1" t="s">
        <v>225586</v>
      </c>
      <c r="F67732" s="1" t="s">
        <v>225587</v>
      </c>
      <c r="G67732" s="1" t="s">
        <v>225541</v>
      </c>
      <c r="H67732" s="1" t="s">
        <v>225542</v>
      </c>
      <c r="I67732" s="1" t="s">
        <v>222698</v>
      </c>
      <c r="J67732" s="1" t="s">
        <v>225588</v>
      </c>
    </row>
    <row r="67733" spans="1:10" x14ac:dyDescent="0.35">
      <c r="A67733" s="1" t="s">
        <v>27771</v>
      </c>
      <c r="B67733" s="1" t="s">
        <v>222693</v>
      </c>
      <c r="C67733" s="1" t="s">
        <v>85</v>
      </c>
      <c r="D67733" s="1" t="s">
        <v>90299</v>
      </c>
      <c r="E67733" s="1" t="s">
        <v>225589</v>
      </c>
      <c r="F67733" s="1" t="s">
        <v>225590</v>
      </c>
      <c r="G67733" s="1" t="s">
        <v>225541</v>
      </c>
      <c r="H67733" s="1" t="s">
        <v>225542</v>
      </c>
      <c r="I67733" s="1" t="s">
        <v>222698</v>
      </c>
      <c r="J67733" s="1" t="s">
        <v>225591</v>
      </c>
    </row>
    <row r="67734" spans="1:10" x14ac:dyDescent="0.35">
      <c r="A67734" s="1" t="s">
        <v>27771</v>
      </c>
      <c r="B67734" s="1" t="s">
        <v>222693</v>
      </c>
      <c r="C67734" s="1" t="s">
        <v>90</v>
      </c>
      <c r="D67734" s="1" t="s">
        <v>225592</v>
      </c>
      <c r="E67734" s="1" t="s">
        <v>225593</v>
      </c>
      <c r="F67734" s="1" t="s">
        <v>225594</v>
      </c>
      <c r="G67734" s="1" t="s">
        <v>225541</v>
      </c>
      <c r="H67734" s="1" t="s">
        <v>225542</v>
      </c>
      <c r="I67734" s="1" t="s">
        <v>222698</v>
      </c>
      <c r="J67734" s="1" t="s">
        <v>225595</v>
      </c>
    </row>
    <row r="67735" spans="1:10" x14ac:dyDescent="0.35">
      <c r="A67735" s="1" t="s">
        <v>27771</v>
      </c>
      <c r="B67735" s="1" t="s">
        <v>222693</v>
      </c>
      <c r="C67735" s="1" t="s">
        <v>95</v>
      </c>
      <c r="D67735" s="1" t="s">
        <v>90731</v>
      </c>
      <c r="E67735" s="1" t="s">
        <v>225596</v>
      </c>
      <c r="F67735" s="1" t="s">
        <v>225597</v>
      </c>
      <c r="G67735" s="1" t="s">
        <v>225541</v>
      </c>
      <c r="H67735" s="1" t="s">
        <v>225542</v>
      </c>
      <c r="I67735" s="1" t="s">
        <v>222698</v>
      </c>
      <c r="J67735" s="1" t="s">
        <v>225598</v>
      </c>
    </row>
    <row r="67736" spans="1:10" x14ac:dyDescent="0.35">
      <c r="A67736" s="1" t="s">
        <v>27771</v>
      </c>
      <c r="B67736" s="1" t="s">
        <v>222693</v>
      </c>
      <c r="C67736" s="1" t="s">
        <v>100</v>
      </c>
      <c r="D67736" s="1" t="s">
        <v>225599</v>
      </c>
      <c r="E67736" s="1" t="s">
        <v>225600</v>
      </c>
      <c r="F67736" s="1" t="s">
        <v>225601</v>
      </c>
      <c r="G67736" s="1" t="s">
        <v>225541</v>
      </c>
      <c r="H67736" s="1" t="s">
        <v>225542</v>
      </c>
      <c r="I67736" s="1" t="s">
        <v>222698</v>
      </c>
      <c r="J67736" s="1" t="s">
        <v>225602</v>
      </c>
    </row>
    <row r="67737" spans="1:10" x14ac:dyDescent="0.35">
      <c r="A67737" s="1" t="s">
        <v>27771</v>
      </c>
      <c r="B67737" s="1" t="s">
        <v>222693</v>
      </c>
      <c r="C67737" s="1" t="s">
        <v>105</v>
      </c>
      <c r="D67737" s="1" t="s">
        <v>87686</v>
      </c>
      <c r="E67737" s="1" t="s">
        <v>225603</v>
      </c>
      <c r="F67737" s="1" t="s">
        <v>225604</v>
      </c>
      <c r="G67737" s="1" t="s">
        <v>225541</v>
      </c>
      <c r="H67737" s="1" t="s">
        <v>225542</v>
      </c>
      <c r="I67737" s="1" t="s">
        <v>222698</v>
      </c>
      <c r="J67737" s="1" t="s">
        <v>225605</v>
      </c>
    </row>
    <row r="67738" spans="1:10" x14ac:dyDescent="0.35">
      <c r="A67738" s="1" t="s">
        <v>27771</v>
      </c>
      <c r="B67738" s="1" t="s">
        <v>222693</v>
      </c>
      <c r="C67738" s="1" t="s">
        <v>110</v>
      </c>
      <c r="D67738" s="1" t="s">
        <v>225606</v>
      </c>
      <c r="E67738" s="1" t="s">
        <v>225607</v>
      </c>
      <c r="F67738" s="1" t="s">
        <v>225608</v>
      </c>
      <c r="G67738" s="1" t="s">
        <v>225541</v>
      </c>
      <c r="H67738" s="1" t="s">
        <v>225542</v>
      </c>
      <c r="I67738" s="1" t="s">
        <v>222698</v>
      </c>
      <c r="J67738" s="1" t="s">
        <v>225609</v>
      </c>
    </row>
    <row r="67739" spans="1:10" x14ac:dyDescent="0.35">
      <c r="A67739" s="1" t="s">
        <v>27771</v>
      </c>
      <c r="B67739" s="1" t="s">
        <v>222693</v>
      </c>
      <c r="C67739" s="1" t="s">
        <v>115</v>
      </c>
      <c r="D67739" s="1" t="s">
        <v>225610</v>
      </c>
      <c r="E67739" s="1" t="s">
        <v>225611</v>
      </c>
      <c r="F67739" s="1" t="s">
        <v>225612</v>
      </c>
      <c r="G67739" s="1" t="s">
        <v>225541</v>
      </c>
      <c r="H67739" s="1" t="s">
        <v>225542</v>
      </c>
      <c r="I67739" s="1" t="s">
        <v>222698</v>
      </c>
      <c r="J67739" s="1" t="s">
        <v>225613</v>
      </c>
    </row>
    <row r="67740" spans="1:10" x14ac:dyDescent="0.35">
      <c r="A67740" s="1" t="s">
        <v>27771</v>
      </c>
      <c r="B67740" s="1" t="s">
        <v>222693</v>
      </c>
      <c r="C67740" s="1" t="s">
        <v>120</v>
      </c>
      <c r="D67740" s="1" t="s">
        <v>225614</v>
      </c>
      <c r="E67740" s="1" t="s">
        <v>225615</v>
      </c>
      <c r="F67740" s="1" t="s">
        <v>225616</v>
      </c>
      <c r="G67740" s="1" t="s">
        <v>225541</v>
      </c>
      <c r="H67740" s="1" t="s">
        <v>225542</v>
      </c>
      <c r="I67740" s="1" t="s">
        <v>222698</v>
      </c>
      <c r="J67740" s="1" t="s">
        <v>225617</v>
      </c>
    </row>
    <row r="67741" spans="1:10" x14ac:dyDescent="0.35">
      <c r="A67741" s="1" t="s">
        <v>27771</v>
      </c>
      <c r="B67741" s="1" t="s">
        <v>222693</v>
      </c>
      <c r="C67741" s="1" t="s">
        <v>125</v>
      </c>
      <c r="D67741" s="1" t="s">
        <v>69950</v>
      </c>
      <c r="E67741" s="1" t="s">
        <v>225618</v>
      </c>
      <c r="F67741" s="1" t="s">
        <v>225619</v>
      </c>
      <c r="G67741" s="1" t="s">
        <v>225541</v>
      </c>
      <c r="H67741" s="1" t="s">
        <v>225542</v>
      </c>
      <c r="I67741" s="1" t="s">
        <v>222698</v>
      </c>
      <c r="J67741" s="1" t="s">
        <v>225620</v>
      </c>
    </row>
    <row r="67742" spans="1:10" x14ac:dyDescent="0.35">
      <c r="A67742" s="1" t="s">
        <v>27771</v>
      </c>
      <c r="B67742" s="1" t="s">
        <v>222693</v>
      </c>
      <c r="C67742" s="1" t="s">
        <v>130</v>
      </c>
      <c r="D67742" s="1" t="s">
        <v>225621</v>
      </c>
      <c r="E67742" s="1" t="s">
        <v>225622</v>
      </c>
      <c r="F67742" s="1" t="s">
        <v>225623</v>
      </c>
      <c r="G67742" s="1" t="s">
        <v>225541</v>
      </c>
      <c r="H67742" s="1" t="s">
        <v>225542</v>
      </c>
      <c r="I67742" s="1" t="s">
        <v>222698</v>
      </c>
      <c r="J67742" s="1" t="s">
        <v>225624</v>
      </c>
    </row>
    <row r="67743" spans="1:10" x14ac:dyDescent="0.35">
      <c r="A67743" s="1" t="s">
        <v>27771</v>
      </c>
      <c r="B67743" s="1" t="s">
        <v>222693</v>
      </c>
      <c r="C67743" s="1" t="s">
        <v>135</v>
      </c>
      <c r="D67743" s="1" t="s">
        <v>66941</v>
      </c>
      <c r="E67743" s="1" t="s">
        <v>225625</v>
      </c>
      <c r="F67743" s="1" t="s">
        <v>225626</v>
      </c>
      <c r="G67743" s="1" t="s">
        <v>225541</v>
      </c>
      <c r="H67743" s="1" t="s">
        <v>225542</v>
      </c>
      <c r="I67743" s="1" t="s">
        <v>222698</v>
      </c>
      <c r="J67743" s="1" t="s">
        <v>225627</v>
      </c>
    </row>
    <row r="67744" spans="1:10" x14ac:dyDescent="0.35">
      <c r="A67744" s="1" t="s">
        <v>27771</v>
      </c>
      <c r="B67744" s="1" t="s">
        <v>222693</v>
      </c>
      <c r="C67744" s="1" t="s">
        <v>140</v>
      </c>
      <c r="D67744" s="1" t="s">
        <v>16727</v>
      </c>
      <c r="E67744" s="1" t="s">
        <v>225628</v>
      </c>
      <c r="F67744" s="1" t="s">
        <v>225629</v>
      </c>
      <c r="G67744" s="1" t="s">
        <v>225541</v>
      </c>
      <c r="H67744" s="1" t="s">
        <v>225542</v>
      </c>
      <c r="I67744" s="1" t="s">
        <v>222698</v>
      </c>
      <c r="J67744" s="1" t="s">
        <v>225630</v>
      </c>
    </row>
    <row r="67745" spans="1:10" x14ac:dyDescent="0.35">
      <c r="A67745" s="1" t="s">
        <v>27771</v>
      </c>
      <c r="B67745" s="1" t="s">
        <v>222693</v>
      </c>
      <c r="C67745" s="1" t="s">
        <v>145</v>
      </c>
      <c r="D67745" s="1" t="s">
        <v>225631</v>
      </c>
      <c r="E67745" s="1" t="s">
        <v>225632</v>
      </c>
      <c r="F67745" s="1" t="s">
        <v>225633</v>
      </c>
      <c r="G67745" s="1" t="s">
        <v>225541</v>
      </c>
      <c r="H67745" s="1" t="s">
        <v>225542</v>
      </c>
      <c r="I67745" s="1" t="s">
        <v>222698</v>
      </c>
      <c r="J67745" s="1" t="s">
        <v>225634</v>
      </c>
    </row>
    <row r="67746" spans="1:10" x14ac:dyDescent="0.35">
      <c r="A67746" s="1" t="s">
        <v>27771</v>
      </c>
      <c r="B67746" s="1" t="s">
        <v>222693</v>
      </c>
      <c r="C67746" s="1" t="s">
        <v>150</v>
      </c>
      <c r="D67746" s="1" t="s">
        <v>225635</v>
      </c>
      <c r="E67746" s="1" t="s">
        <v>225636</v>
      </c>
      <c r="F67746" s="1" t="s">
        <v>225637</v>
      </c>
      <c r="G67746" s="1" t="s">
        <v>225541</v>
      </c>
      <c r="H67746" s="1" t="s">
        <v>225542</v>
      </c>
      <c r="I67746" s="1" t="s">
        <v>222698</v>
      </c>
      <c r="J67746" s="1" t="s">
        <v>225638</v>
      </c>
    </row>
    <row r="67747" spans="1:10" x14ac:dyDescent="0.35">
      <c r="A67747" s="1" t="s">
        <v>27771</v>
      </c>
      <c r="B67747" s="1" t="s">
        <v>222693</v>
      </c>
      <c r="C67747" s="1" t="s">
        <v>155</v>
      </c>
      <c r="D67747" s="1" t="s">
        <v>89258</v>
      </c>
      <c r="E67747" s="1" t="s">
        <v>225639</v>
      </c>
      <c r="F67747" s="1" t="s">
        <v>225640</v>
      </c>
      <c r="G67747" s="1" t="s">
        <v>225541</v>
      </c>
      <c r="H67747" s="1" t="s">
        <v>225542</v>
      </c>
      <c r="I67747" s="1" t="s">
        <v>222698</v>
      </c>
      <c r="J67747" s="1" t="s">
        <v>225641</v>
      </c>
    </row>
    <row r="67748" spans="1:10" x14ac:dyDescent="0.35">
      <c r="A67748" s="1" t="s">
        <v>27771</v>
      </c>
      <c r="B67748" s="1" t="s">
        <v>222693</v>
      </c>
      <c r="C67748" s="1" t="s">
        <v>160</v>
      </c>
      <c r="D67748" s="1" t="s">
        <v>225642</v>
      </c>
      <c r="E67748" s="1" t="s">
        <v>225643</v>
      </c>
      <c r="F67748" s="1" t="s">
        <v>225644</v>
      </c>
      <c r="G67748" s="1" t="s">
        <v>225541</v>
      </c>
      <c r="H67748" s="1" t="s">
        <v>225542</v>
      </c>
      <c r="I67748" s="1" t="s">
        <v>222698</v>
      </c>
      <c r="J67748" s="1" t="s">
        <v>225645</v>
      </c>
    </row>
    <row r="67749" spans="1:10" x14ac:dyDescent="0.35">
      <c r="A67749" s="1" t="s">
        <v>27771</v>
      </c>
      <c r="B67749" s="1" t="s">
        <v>222693</v>
      </c>
      <c r="C67749" s="1" t="s">
        <v>165</v>
      </c>
      <c r="D67749" s="1" t="s">
        <v>225646</v>
      </c>
      <c r="E67749" s="1" t="s">
        <v>225647</v>
      </c>
      <c r="F67749" s="1" t="s">
        <v>225648</v>
      </c>
      <c r="G67749" s="1" t="s">
        <v>225541</v>
      </c>
      <c r="H67749" s="1" t="s">
        <v>225542</v>
      </c>
      <c r="I67749" s="1" t="s">
        <v>222698</v>
      </c>
      <c r="J67749" s="1" t="s">
        <v>225649</v>
      </c>
    </row>
    <row r="67750" spans="1:10" x14ac:dyDescent="0.35">
      <c r="A67750" s="1" t="s">
        <v>27771</v>
      </c>
      <c r="B67750" s="1" t="s">
        <v>222693</v>
      </c>
      <c r="C67750" s="1" t="s">
        <v>170</v>
      </c>
      <c r="D67750" s="1" t="s">
        <v>225650</v>
      </c>
      <c r="E67750" s="1" t="s">
        <v>225651</v>
      </c>
      <c r="F67750" s="1" t="s">
        <v>225652</v>
      </c>
      <c r="G67750" s="1" t="s">
        <v>225541</v>
      </c>
      <c r="H67750" s="1" t="s">
        <v>225542</v>
      </c>
      <c r="I67750" s="1" t="s">
        <v>222698</v>
      </c>
      <c r="J67750" s="1" t="s">
        <v>225653</v>
      </c>
    </row>
    <row r="67751" spans="1:10" x14ac:dyDescent="0.35">
      <c r="A67751" s="1" t="s">
        <v>8766</v>
      </c>
      <c r="B67751" s="1" t="s">
        <v>222693</v>
      </c>
      <c r="C67751" s="1" t="s">
        <v>8</v>
      </c>
      <c r="D67751" s="1" t="s">
        <v>225654</v>
      </c>
      <c r="E67751" s="1" t="s">
        <v>225655</v>
      </c>
      <c r="F67751" s="1" t="s">
        <v>225656</v>
      </c>
      <c r="G67751" s="1" t="s">
        <v>225657</v>
      </c>
      <c r="H67751" s="1" t="s">
        <v>225658</v>
      </c>
      <c r="I67751" s="1" t="s">
        <v>222698</v>
      </c>
      <c r="J67751" s="1" t="s">
        <v>13</v>
      </c>
    </row>
    <row r="67752" spans="1:10" x14ac:dyDescent="0.35">
      <c r="A67752" s="1" t="s">
        <v>8766</v>
      </c>
      <c r="B67752" s="1" t="s">
        <v>222693</v>
      </c>
      <c r="C67752" s="1" t="s">
        <v>15</v>
      </c>
      <c r="D67752" s="1" t="s">
        <v>134058</v>
      </c>
      <c r="E67752" s="1" t="s">
        <v>225659</v>
      </c>
      <c r="F67752" s="1" t="s">
        <v>225660</v>
      </c>
      <c r="G67752" s="1" t="s">
        <v>225657</v>
      </c>
      <c r="H67752" s="1" t="s">
        <v>225658</v>
      </c>
      <c r="I67752" s="1" t="s">
        <v>222698</v>
      </c>
      <c r="J67752" s="1" t="s">
        <v>225661</v>
      </c>
    </row>
    <row r="67753" spans="1:10" x14ac:dyDescent="0.35">
      <c r="A67753" s="1" t="s">
        <v>8766</v>
      </c>
      <c r="B67753" s="1" t="s">
        <v>222693</v>
      </c>
      <c r="C67753" s="1" t="s">
        <v>20</v>
      </c>
      <c r="D67753" s="1" t="s">
        <v>66311</v>
      </c>
      <c r="E67753" s="1" t="s">
        <v>225662</v>
      </c>
      <c r="F67753" s="1" t="s">
        <v>225663</v>
      </c>
      <c r="G67753" s="1" t="s">
        <v>225657</v>
      </c>
      <c r="H67753" s="1" t="s">
        <v>225658</v>
      </c>
      <c r="I67753" s="1" t="s">
        <v>222698</v>
      </c>
      <c r="J67753" s="1" t="s">
        <v>225664</v>
      </c>
    </row>
    <row r="67754" spans="1:10" x14ac:dyDescent="0.35">
      <c r="A67754" s="1" t="s">
        <v>8766</v>
      </c>
      <c r="B67754" s="1" t="s">
        <v>222693</v>
      </c>
      <c r="C67754" s="1" t="s">
        <v>25</v>
      </c>
      <c r="D67754" s="1" t="s">
        <v>225665</v>
      </c>
      <c r="E67754" s="1" t="s">
        <v>225666</v>
      </c>
      <c r="F67754" s="1" t="s">
        <v>225667</v>
      </c>
      <c r="G67754" s="1" t="s">
        <v>225657</v>
      </c>
      <c r="H67754" s="1" t="s">
        <v>225658</v>
      </c>
      <c r="I67754" s="1" t="s">
        <v>222698</v>
      </c>
      <c r="J67754" s="1" t="s">
        <v>225668</v>
      </c>
    </row>
    <row r="67755" spans="1:10" x14ac:dyDescent="0.35">
      <c r="A67755" s="1" t="s">
        <v>8766</v>
      </c>
      <c r="B67755" s="1" t="s">
        <v>222693</v>
      </c>
      <c r="C67755" s="1" t="s">
        <v>30</v>
      </c>
      <c r="D67755" s="1" t="s">
        <v>225669</v>
      </c>
      <c r="E67755" s="1" t="s">
        <v>225670</v>
      </c>
      <c r="F67755" s="1" t="s">
        <v>225671</v>
      </c>
      <c r="G67755" s="1" t="s">
        <v>225657</v>
      </c>
      <c r="H67755" s="1" t="s">
        <v>225658</v>
      </c>
      <c r="I67755" s="1" t="s">
        <v>222698</v>
      </c>
      <c r="J67755" s="1" t="s">
        <v>225672</v>
      </c>
    </row>
    <row r="67756" spans="1:10" x14ac:dyDescent="0.35">
      <c r="A67756" s="1" t="s">
        <v>8766</v>
      </c>
      <c r="B67756" s="1" t="s">
        <v>222693</v>
      </c>
      <c r="C67756" s="1" t="s">
        <v>35</v>
      </c>
      <c r="D67756" s="1" t="s">
        <v>225673</v>
      </c>
      <c r="E67756" s="1" t="s">
        <v>225674</v>
      </c>
      <c r="F67756" s="1" t="s">
        <v>225675</v>
      </c>
      <c r="G67756" s="1" t="s">
        <v>225657</v>
      </c>
      <c r="H67756" s="1" t="s">
        <v>225658</v>
      </c>
      <c r="I67756" s="1" t="s">
        <v>222698</v>
      </c>
      <c r="J67756" s="1" t="s">
        <v>225676</v>
      </c>
    </row>
    <row r="67757" spans="1:10" x14ac:dyDescent="0.35">
      <c r="A67757" s="1" t="s">
        <v>8766</v>
      </c>
      <c r="B67757" s="1" t="s">
        <v>222693</v>
      </c>
      <c r="C67757" s="1" t="s">
        <v>40</v>
      </c>
      <c r="D67757" s="1" t="s">
        <v>225677</v>
      </c>
      <c r="E67757" s="1" t="s">
        <v>225678</v>
      </c>
      <c r="F67757" s="1" t="s">
        <v>225679</v>
      </c>
      <c r="G67757" s="1" t="s">
        <v>225657</v>
      </c>
      <c r="H67757" s="1" t="s">
        <v>225658</v>
      </c>
      <c r="I67757" s="1" t="s">
        <v>222698</v>
      </c>
      <c r="J67757" s="1" t="s">
        <v>225680</v>
      </c>
    </row>
    <row r="67758" spans="1:10" x14ac:dyDescent="0.35">
      <c r="A67758" s="1" t="s">
        <v>8766</v>
      </c>
      <c r="B67758" s="1" t="s">
        <v>222693</v>
      </c>
      <c r="C67758" s="1" t="s">
        <v>45</v>
      </c>
      <c r="D67758" s="1" t="s">
        <v>225681</v>
      </c>
      <c r="E67758" s="1" t="s">
        <v>225682</v>
      </c>
      <c r="F67758" s="1" t="s">
        <v>225683</v>
      </c>
      <c r="G67758" s="1" t="s">
        <v>225657</v>
      </c>
      <c r="H67758" s="1" t="s">
        <v>225658</v>
      </c>
      <c r="I67758" s="1" t="s">
        <v>222698</v>
      </c>
      <c r="J67758" s="1" t="s">
        <v>225684</v>
      </c>
    </row>
    <row r="67759" spans="1:10" x14ac:dyDescent="0.35">
      <c r="A67759" s="1" t="s">
        <v>8766</v>
      </c>
      <c r="B67759" s="1" t="s">
        <v>222693</v>
      </c>
      <c r="C67759" s="1" t="s">
        <v>50</v>
      </c>
      <c r="D67759" s="1" t="s">
        <v>225685</v>
      </c>
      <c r="E67759" s="1" t="s">
        <v>225686</v>
      </c>
      <c r="F67759" s="1" t="s">
        <v>225687</v>
      </c>
      <c r="G67759" s="1" t="s">
        <v>225657</v>
      </c>
      <c r="H67759" s="1" t="s">
        <v>225658</v>
      </c>
      <c r="I67759" s="1" t="s">
        <v>222698</v>
      </c>
      <c r="J67759" s="1" t="s">
        <v>225688</v>
      </c>
    </row>
    <row r="67760" spans="1:10" x14ac:dyDescent="0.35">
      <c r="A67760" s="1" t="s">
        <v>8766</v>
      </c>
      <c r="B67760" s="1" t="s">
        <v>222693</v>
      </c>
      <c r="C67760" s="1" t="s">
        <v>55</v>
      </c>
      <c r="D67760" s="1" t="s">
        <v>225689</v>
      </c>
      <c r="E67760" s="1" t="s">
        <v>225690</v>
      </c>
      <c r="F67760" s="1" t="s">
        <v>225691</v>
      </c>
      <c r="G67760" s="1" t="s">
        <v>225657</v>
      </c>
      <c r="H67760" s="1" t="s">
        <v>225658</v>
      </c>
      <c r="I67760" s="1" t="s">
        <v>222698</v>
      </c>
      <c r="J67760" s="1" t="s">
        <v>225692</v>
      </c>
    </row>
    <row r="67761" spans="1:10" x14ac:dyDescent="0.35">
      <c r="A67761" s="1" t="s">
        <v>8766</v>
      </c>
      <c r="B67761" s="1" t="s">
        <v>222693</v>
      </c>
      <c r="C67761" s="1" t="s">
        <v>60</v>
      </c>
      <c r="D67761" s="1" t="s">
        <v>225693</v>
      </c>
      <c r="E67761" s="1" t="s">
        <v>225694</v>
      </c>
      <c r="F67761" s="1" t="s">
        <v>225695</v>
      </c>
      <c r="G67761" s="1" t="s">
        <v>225657</v>
      </c>
      <c r="H67761" s="1" t="s">
        <v>225658</v>
      </c>
      <c r="I67761" s="1" t="s">
        <v>222698</v>
      </c>
      <c r="J67761" s="1" t="s">
        <v>225696</v>
      </c>
    </row>
    <row r="67762" spans="1:10" x14ac:dyDescent="0.35">
      <c r="A67762" s="1" t="s">
        <v>8766</v>
      </c>
      <c r="B67762" s="1" t="s">
        <v>222693</v>
      </c>
      <c r="C67762" s="1" t="s">
        <v>65</v>
      </c>
      <c r="D67762" s="1" t="s">
        <v>225697</v>
      </c>
      <c r="E67762" s="1" t="s">
        <v>225698</v>
      </c>
      <c r="F67762" s="1" t="s">
        <v>225699</v>
      </c>
      <c r="G67762" s="1" t="s">
        <v>225657</v>
      </c>
      <c r="H67762" s="1" t="s">
        <v>225658</v>
      </c>
      <c r="I67762" s="1" t="s">
        <v>222698</v>
      </c>
      <c r="J67762" s="1" t="s">
        <v>225700</v>
      </c>
    </row>
    <row r="67763" spans="1:10" x14ac:dyDescent="0.35">
      <c r="A67763" s="1" t="s">
        <v>8766</v>
      </c>
      <c r="B67763" s="1" t="s">
        <v>222693</v>
      </c>
      <c r="C67763" s="1" t="s">
        <v>70</v>
      </c>
      <c r="D67763" s="1" t="s">
        <v>225701</v>
      </c>
      <c r="E67763" s="1" t="s">
        <v>225702</v>
      </c>
      <c r="F67763" s="1" t="s">
        <v>225703</v>
      </c>
      <c r="G67763" s="1" t="s">
        <v>225657</v>
      </c>
      <c r="H67763" s="1" t="s">
        <v>225658</v>
      </c>
      <c r="I67763" s="1" t="s">
        <v>222698</v>
      </c>
      <c r="J67763" s="1" t="s">
        <v>225704</v>
      </c>
    </row>
    <row r="67764" spans="1:10" x14ac:dyDescent="0.35">
      <c r="A67764" s="1" t="s">
        <v>8766</v>
      </c>
      <c r="B67764" s="1" t="s">
        <v>222693</v>
      </c>
      <c r="C67764" s="1" t="s">
        <v>75</v>
      </c>
      <c r="D67764" s="1" t="s">
        <v>225705</v>
      </c>
      <c r="E67764" s="1" t="s">
        <v>225706</v>
      </c>
      <c r="F67764" s="1" t="s">
        <v>225707</v>
      </c>
      <c r="G67764" s="1" t="s">
        <v>225657</v>
      </c>
      <c r="H67764" s="1" t="s">
        <v>225658</v>
      </c>
      <c r="I67764" s="1" t="s">
        <v>222698</v>
      </c>
      <c r="J67764" s="1" t="s">
        <v>225708</v>
      </c>
    </row>
    <row r="67765" spans="1:10" x14ac:dyDescent="0.35">
      <c r="A67765" s="1" t="s">
        <v>8766</v>
      </c>
      <c r="B67765" s="1" t="s">
        <v>222693</v>
      </c>
      <c r="C67765" s="1" t="s">
        <v>80</v>
      </c>
      <c r="D67765" s="1" t="s">
        <v>225709</v>
      </c>
      <c r="E67765" s="1" t="s">
        <v>225710</v>
      </c>
      <c r="F67765" s="1" t="s">
        <v>225711</v>
      </c>
      <c r="G67765" s="1" t="s">
        <v>225657</v>
      </c>
      <c r="H67765" s="1" t="s">
        <v>225658</v>
      </c>
      <c r="I67765" s="1" t="s">
        <v>222698</v>
      </c>
      <c r="J67765" s="1" t="s">
        <v>225712</v>
      </c>
    </row>
    <row r="67766" spans="1:10" x14ac:dyDescent="0.35">
      <c r="A67766" s="1" t="s">
        <v>8766</v>
      </c>
      <c r="B67766" s="1" t="s">
        <v>222693</v>
      </c>
      <c r="C67766" s="1" t="s">
        <v>85</v>
      </c>
      <c r="D67766" s="1" t="s">
        <v>225713</v>
      </c>
      <c r="E67766" s="1" t="s">
        <v>225714</v>
      </c>
      <c r="F67766" s="1" t="s">
        <v>225715</v>
      </c>
      <c r="G67766" s="1" t="s">
        <v>225657</v>
      </c>
      <c r="H67766" s="1" t="s">
        <v>225658</v>
      </c>
      <c r="I67766" s="1" t="s">
        <v>222698</v>
      </c>
      <c r="J67766" s="1" t="s">
        <v>225716</v>
      </c>
    </row>
    <row r="67767" spans="1:10" x14ac:dyDescent="0.35">
      <c r="A67767" s="1" t="s">
        <v>8766</v>
      </c>
      <c r="B67767" s="1" t="s">
        <v>222693</v>
      </c>
      <c r="C67767" s="1" t="s">
        <v>90</v>
      </c>
      <c r="D67767" s="1" t="s">
        <v>225717</v>
      </c>
      <c r="E67767" s="1" t="s">
        <v>225718</v>
      </c>
      <c r="F67767" s="1" t="s">
        <v>225719</v>
      </c>
      <c r="G67767" s="1" t="s">
        <v>225657</v>
      </c>
      <c r="H67767" s="1" t="s">
        <v>225658</v>
      </c>
      <c r="I67767" s="1" t="s">
        <v>222698</v>
      </c>
      <c r="J67767" s="1" t="s">
        <v>225720</v>
      </c>
    </row>
    <row r="67768" spans="1:10" x14ac:dyDescent="0.35">
      <c r="A67768" s="1" t="s">
        <v>8766</v>
      </c>
      <c r="B67768" s="1" t="s">
        <v>222693</v>
      </c>
      <c r="C67768" s="1" t="s">
        <v>95</v>
      </c>
      <c r="D67768" s="1" t="s">
        <v>225721</v>
      </c>
      <c r="E67768" s="1" t="s">
        <v>225722</v>
      </c>
      <c r="F67768" s="1" t="s">
        <v>225723</v>
      </c>
      <c r="G67768" s="1" t="s">
        <v>225657</v>
      </c>
      <c r="H67768" s="1" t="s">
        <v>225658</v>
      </c>
      <c r="I67768" s="1" t="s">
        <v>222698</v>
      </c>
      <c r="J67768" s="1" t="s">
        <v>225724</v>
      </c>
    </row>
    <row r="67769" spans="1:10" x14ac:dyDescent="0.35">
      <c r="A67769" s="1" t="s">
        <v>8766</v>
      </c>
      <c r="B67769" s="1" t="s">
        <v>222693</v>
      </c>
      <c r="C67769" s="1" t="s">
        <v>100</v>
      </c>
      <c r="D67769" s="1" t="s">
        <v>225725</v>
      </c>
      <c r="E67769" s="1" t="s">
        <v>225726</v>
      </c>
      <c r="F67769" s="1" t="s">
        <v>225727</v>
      </c>
      <c r="G67769" s="1" t="s">
        <v>225657</v>
      </c>
      <c r="H67769" s="1" t="s">
        <v>225658</v>
      </c>
      <c r="I67769" s="1" t="s">
        <v>222698</v>
      </c>
      <c r="J67769" s="1" t="s">
        <v>225728</v>
      </c>
    </row>
    <row r="67770" spans="1:10" x14ac:dyDescent="0.35">
      <c r="A67770" s="1" t="s">
        <v>8766</v>
      </c>
      <c r="B67770" s="1" t="s">
        <v>222693</v>
      </c>
      <c r="C67770" s="1" t="s">
        <v>105</v>
      </c>
      <c r="D67770" s="1" t="s">
        <v>225729</v>
      </c>
      <c r="E67770" s="1" t="s">
        <v>225730</v>
      </c>
      <c r="F67770" s="1" t="s">
        <v>225731</v>
      </c>
      <c r="G67770" s="1" t="s">
        <v>225657</v>
      </c>
      <c r="H67770" s="1" t="s">
        <v>225658</v>
      </c>
      <c r="I67770" s="1" t="s">
        <v>222698</v>
      </c>
      <c r="J67770" s="1" t="s">
        <v>225732</v>
      </c>
    </row>
    <row r="67771" spans="1:10" x14ac:dyDescent="0.35">
      <c r="A67771" s="1" t="s">
        <v>8766</v>
      </c>
      <c r="B67771" s="1" t="s">
        <v>222693</v>
      </c>
      <c r="C67771" s="1" t="s">
        <v>110</v>
      </c>
      <c r="D67771" s="1" t="s">
        <v>225733</v>
      </c>
      <c r="E67771" s="1" t="s">
        <v>225734</v>
      </c>
      <c r="F67771" s="1" t="s">
        <v>225735</v>
      </c>
      <c r="G67771" s="1" t="s">
        <v>225657</v>
      </c>
      <c r="H67771" s="1" t="s">
        <v>225658</v>
      </c>
      <c r="I67771" s="1" t="s">
        <v>222698</v>
      </c>
      <c r="J67771" s="1" t="s">
        <v>225736</v>
      </c>
    </row>
    <row r="67772" spans="1:10" x14ac:dyDescent="0.35">
      <c r="A67772" s="1" t="s">
        <v>8766</v>
      </c>
      <c r="B67772" s="1" t="s">
        <v>222693</v>
      </c>
      <c r="C67772" s="1" t="s">
        <v>115</v>
      </c>
      <c r="D67772" s="1" t="s">
        <v>225737</v>
      </c>
      <c r="E67772" s="1" t="s">
        <v>225738</v>
      </c>
      <c r="F67772" s="1" t="s">
        <v>225739</v>
      </c>
      <c r="G67772" s="1" t="s">
        <v>225657</v>
      </c>
      <c r="H67772" s="1" t="s">
        <v>225658</v>
      </c>
      <c r="I67772" s="1" t="s">
        <v>222698</v>
      </c>
      <c r="J67772" s="1" t="s">
        <v>225740</v>
      </c>
    </row>
    <row r="67773" spans="1:10" x14ac:dyDescent="0.35">
      <c r="A67773" s="1" t="s">
        <v>8766</v>
      </c>
      <c r="B67773" s="1" t="s">
        <v>222693</v>
      </c>
      <c r="C67773" s="1" t="s">
        <v>120</v>
      </c>
      <c r="D67773" s="1" t="s">
        <v>225741</v>
      </c>
      <c r="E67773" s="1" t="s">
        <v>225742</v>
      </c>
      <c r="F67773" s="1" t="s">
        <v>225743</v>
      </c>
      <c r="G67773" s="1" t="s">
        <v>225657</v>
      </c>
      <c r="H67773" s="1" t="s">
        <v>225658</v>
      </c>
      <c r="I67773" s="1" t="s">
        <v>222698</v>
      </c>
      <c r="J67773" s="1" t="s">
        <v>225744</v>
      </c>
    </row>
    <row r="67774" spans="1:10" x14ac:dyDescent="0.35">
      <c r="A67774" s="1" t="s">
        <v>8766</v>
      </c>
      <c r="B67774" s="1" t="s">
        <v>222693</v>
      </c>
      <c r="C67774" s="1" t="s">
        <v>125</v>
      </c>
      <c r="D67774" s="1" t="s">
        <v>225745</v>
      </c>
      <c r="E67774" s="1" t="s">
        <v>225746</v>
      </c>
      <c r="F67774" s="1" t="s">
        <v>225747</v>
      </c>
      <c r="G67774" s="1" t="s">
        <v>225657</v>
      </c>
      <c r="H67774" s="1" t="s">
        <v>225658</v>
      </c>
      <c r="I67774" s="1" t="s">
        <v>222698</v>
      </c>
      <c r="J67774" s="1" t="s">
        <v>225748</v>
      </c>
    </row>
    <row r="67775" spans="1:10" x14ac:dyDescent="0.35">
      <c r="A67775" s="1" t="s">
        <v>8766</v>
      </c>
      <c r="B67775" s="1" t="s">
        <v>222693</v>
      </c>
      <c r="C67775" s="1" t="s">
        <v>130</v>
      </c>
      <c r="D67775" s="1" t="s">
        <v>225749</v>
      </c>
      <c r="E67775" s="1" t="s">
        <v>225750</v>
      </c>
      <c r="F67775" s="1" t="s">
        <v>225751</v>
      </c>
      <c r="G67775" s="1" t="s">
        <v>225657</v>
      </c>
      <c r="H67775" s="1" t="s">
        <v>225658</v>
      </c>
      <c r="I67775" s="1" t="s">
        <v>222698</v>
      </c>
      <c r="J67775" s="1" t="s">
        <v>225752</v>
      </c>
    </row>
    <row r="67776" spans="1:10" x14ac:dyDescent="0.35">
      <c r="A67776" s="1" t="s">
        <v>8766</v>
      </c>
      <c r="B67776" s="1" t="s">
        <v>222693</v>
      </c>
      <c r="C67776" s="1" t="s">
        <v>135</v>
      </c>
      <c r="D67776" s="1" t="s">
        <v>225753</v>
      </c>
      <c r="E67776" s="1" t="s">
        <v>225754</v>
      </c>
      <c r="F67776" s="1" t="s">
        <v>225755</v>
      </c>
      <c r="G67776" s="1" t="s">
        <v>225657</v>
      </c>
      <c r="H67776" s="1" t="s">
        <v>225658</v>
      </c>
      <c r="I67776" s="1" t="s">
        <v>222698</v>
      </c>
      <c r="J67776" s="1" t="s">
        <v>225756</v>
      </c>
    </row>
    <row r="67777" spans="1:10" x14ac:dyDescent="0.35">
      <c r="A67777" s="1" t="s">
        <v>8766</v>
      </c>
      <c r="B67777" s="1" t="s">
        <v>222693</v>
      </c>
      <c r="C67777" s="1" t="s">
        <v>140</v>
      </c>
      <c r="D67777" s="1" t="s">
        <v>225757</v>
      </c>
      <c r="E67777" s="1" t="s">
        <v>225758</v>
      </c>
      <c r="F67777" s="1" t="s">
        <v>225759</v>
      </c>
      <c r="G67777" s="1" t="s">
        <v>225657</v>
      </c>
      <c r="H67777" s="1" t="s">
        <v>225658</v>
      </c>
      <c r="I67777" s="1" t="s">
        <v>222698</v>
      </c>
      <c r="J67777" s="1" t="s">
        <v>225760</v>
      </c>
    </row>
    <row r="67778" spans="1:10" x14ac:dyDescent="0.35">
      <c r="A67778" s="1" t="s">
        <v>8766</v>
      </c>
      <c r="B67778" s="1" t="s">
        <v>222693</v>
      </c>
      <c r="C67778" s="1" t="s">
        <v>145</v>
      </c>
      <c r="D67778" s="1" t="s">
        <v>225761</v>
      </c>
      <c r="E67778" s="1" t="s">
        <v>225762</v>
      </c>
      <c r="F67778" s="1" t="s">
        <v>225763</v>
      </c>
      <c r="G67778" s="1" t="s">
        <v>225657</v>
      </c>
      <c r="H67778" s="1" t="s">
        <v>225658</v>
      </c>
      <c r="I67778" s="1" t="s">
        <v>222698</v>
      </c>
      <c r="J67778" s="1" t="s">
        <v>225764</v>
      </c>
    </row>
    <row r="67779" spans="1:10" x14ac:dyDescent="0.35">
      <c r="A67779" s="1" t="s">
        <v>8766</v>
      </c>
      <c r="B67779" s="1" t="s">
        <v>222693</v>
      </c>
      <c r="C67779" s="1" t="s">
        <v>150</v>
      </c>
      <c r="D67779" s="1" t="s">
        <v>225765</v>
      </c>
      <c r="E67779" s="1" t="s">
        <v>225766</v>
      </c>
      <c r="F67779" s="1" t="s">
        <v>225767</v>
      </c>
      <c r="G67779" s="1" t="s">
        <v>225657</v>
      </c>
      <c r="H67779" s="1" t="s">
        <v>225658</v>
      </c>
      <c r="I67779" s="1" t="s">
        <v>222698</v>
      </c>
      <c r="J67779" s="1" t="s">
        <v>225768</v>
      </c>
    </row>
    <row r="67780" spans="1:10" x14ac:dyDescent="0.35">
      <c r="A67780" s="1" t="s">
        <v>8766</v>
      </c>
      <c r="B67780" s="1" t="s">
        <v>222693</v>
      </c>
      <c r="C67780" s="1" t="s">
        <v>155</v>
      </c>
      <c r="D67780" s="1" t="s">
        <v>225769</v>
      </c>
      <c r="E67780" s="1" t="s">
        <v>225770</v>
      </c>
      <c r="F67780" s="1" t="s">
        <v>225771</v>
      </c>
      <c r="G67780" s="1" t="s">
        <v>225657</v>
      </c>
      <c r="H67780" s="1" t="s">
        <v>225658</v>
      </c>
      <c r="I67780" s="1" t="s">
        <v>222698</v>
      </c>
      <c r="J67780" s="1" t="s">
        <v>225772</v>
      </c>
    </row>
    <row r="67781" spans="1:10" x14ac:dyDescent="0.35">
      <c r="A67781" s="1" t="s">
        <v>8766</v>
      </c>
      <c r="B67781" s="1" t="s">
        <v>222693</v>
      </c>
      <c r="C67781" s="1" t="s">
        <v>160</v>
      </c>
      <c r="D67781" s="1" t="s">
        <v>225773</v>
      </c>
      <c r="E67781" s="1" t="s">
        <v>225774</v>
      </c>
      <c r="F67781" s="1" t="s">
        <v>225775</v>
      </c>
      <c r="G67781" s="1" t="s">
        <v>225657</v>
      </c>
      <c r="H67781" s="1" t="s">
        <v>225658</v>
      </c>
      <c r="I67781" s="1" t="s">
        <v>222698</v>
      </c>
      <c r="J67781" s="1" t="s">
        <v>225776</v>
      </c>
    </row>
    <row r="67782" spans="1:10" x14ac:dyDescent="0.35">
      <c r="A67782" s="1" t="s">
        <v>8766</v>
      </c>
      <c r="B67782" s="1" t="s">
        <v>222693</v>
      </c>
      <c r="C67782" s="1" t="s">
        <v>165</v>
      </c>
      <c r="D67782" s="1" t="s">
        <v>225777</v>
      </c>
      <c r="E67782" s="1" t="s">
        <v>225778</v>
      </c>
      <c r="F67782" s="1" t="s">
        <v>225779</v>
      </c>
      <c r="G67782" s="1" t="s">
        <v>225657</v>
      </c>
      <c r="H67782" s="1" t="s">
        <v>225658</v>
      </c>
      <c r="I67782" s="1" t="s">
        <v>222698</v>
      </c>
      <c r="J67782" s="1" t="s">
        <v>225780</v>
      </c>
    </row>
    <row r="67783" spans="1:10" x14ac:dyDescent="0.35">
      <c r="A67783" s="1" t="s">
        <v>8766</v>
      </c>
      <c r="B67783" s="1" t="s">
        <v>222693</v>
      </c>
      <c r="C67783" s="1" t="s">
        <v>170</v>
      </c>
      <c r="D67783" s="1" t="s">
        <v>225781</v>
      </c>
      <c r="E67783" s="1" t="s">
        <v>225782</v>
      </c>
      <c r="F67783" s="1" t="s">
        <v>225783</v>
      </c>
      <c r="G67783" s="1" t="s">
        <v>225657</v>
      </c>
      <c r="H67783" s="1" t="s">
        <v>225658</v>
      </c>
      <c r="I67783" s="1" t="s">
        <v>222698</v>
      </c>
      <c r="J67783" s="1" t="s">
        <v>225784</v>
      </c>
    </row>
    <row r="67784" spans="1:10" x14ac:dyDescent="0.35">
      <c r="A67784" s="1" t="s">
        <v>8683</v>
      </c>
      <c r="B67784" s="1" t="s">
        <v>222693</v>
      </c>
      <c r="C67784" s="1" t="s">
        <v>8</v>
      </c>
      <c r="D67784" s="1" t="s">
        <v>163633</v>
      </c>
      <c r="E67784" s="1" t="s">
        <v>225785</v>
      </c>
      <c r="F67784" s="1" t="s">
        <v>225786</v>
      </c>
      <c r="G67784" s="1" t="s">
        <v>225787</v>
      </c>
      <c r="H67784" s="1" t="s">
        <v>225788</v>
      </c>
      <c r="I67784" s="1" t="s">
        <v>222698</v>
      </c>
      <c r="J67784" s="1" t="s">
        <v>13</v>
      </c>
    </row>
    <row r="67785" spans="1:10" x14ac:dyDescent="0.35">
      <c r="A67785" s="1" t="s">
        <v>8683</v>
      </c>
      <c r="B67785" s="1" t="s">
        <v>222693</v>
      </c>
      <c r="C67785" s="1" t="s">
        <v>15</v>
      </c>
      <c r="D67785" s="1" t="s">
        <v>225789</v>
      </c>
      <c r="E67785" s="1" t="s">
        <v>225790</v>
      </c>
      <c r="F67785" s="1" t="s">
        <v>225791</v>
      </c>
      <c r="G67785" s="1" t="s">
        <v>225787</v>
      </c>
      <c r="H67785" s="1" t="s">
        <v>225788</v>
      </c>
      <c r="I67785" s="1" t="s">
        <v>222698</v>
      </c>
      <c r="J67785" s="1" t="s">
        <v>225792</v>
      </c>
    </row>
    <row r="67786" spans="1:10" x14ac:dyDescent="0.35">
      <c r="A67786" s="1" t="s">
        <v>8683</v>
      </c>
      <c r="B67786" s="1" t="s">
        <v>222693</v>
      </c>
      <c r="C67786" s="1" t="s">
        <v>20</v>
      </c>
      <c r="D67786" s="1" t="s">
        <v>103768</v>
      </c>
      <c r="E67786" s="1" t="s">
        <v>225793</v>
      </c>
      <c r="F67786" s="1" t="s">
        <v>225794</v>
      </c>
      <c r="G67786" s="1" t="s">
        <v>225787</v>
      </c>
      <c r="H67786" s="1" t="s">
        <v>225788</v>
      </c>
      <c r="I67786" s="1" t="s">
        <v>222698</v>
      </c>
      <c r="J67786" s="1" t="s">
        <v>225795</v>
      </c>
    </row>
    <row r="67787" spans="1:10" x14ac:dyDescent="0.35">
      <c r="A67787" s="1" t="s">
        <v>8683</v>
      </c>
      <c r="B67787" s="1" t="s">
        <v>222693</v>
      </c>
      <c r="C67787" s="1" t="s">
        <v>25</v>
      </c>
      <c r="D67787" s="1" t="s">
        <v>57710</v>
      </c>
      <c r="E67787" s="1" t="s">
        <v>225796</v>
      </c>
      <c r="F67787" s="1" t="s">
        <v>225797</v>
      </c>
      <c r="G67787" s="1" t="s">
        <v>225787</v>
      </c>
      <c r="H67787" s="1" t="s">
        <v>225788</v>
      </c>
      <c r="I67787" s="1" t="s">
        <v>222698</v>
      </c>
      <c r="J67787" s="1" t="s">
        <v>225798</v>
      </c>
    </row>
    <row r="67788" spans="1:10" x14ac:dyDescent="0.35">
      <c r="A67788" s="1" t="s">
        <v>8683</v>
      </c>
      <c r="B67788" s="1" t="s">
        <v>222693</v>
      </c>
      <c r="C67788" s="1" t="s">
        <v>30</v>
      </c>
      <c r="D67788" s="1" t="s">
        <v>224332</v>
      </c>
      <c r="E67788" s="1" t="s">
        <v>225799</v>
      </c>
      <c r="F67788" s="1" t="s">
        <v>225800</v>
      </c>
      <c r="G67788" s="1" t="s">
        <v>225787</v>
      </c>
      <c r="H67788" s="1" t="s">
        <v>225788</v>
      </c>
      <c r="I67788" s="1" t="s">
        <v>222698</v>
      </c>
      <c r="J67788" s="1" t="s">
        <v>225801</v>
      </c>
    </row>
    <row r="67789" spans="1:10" x14ac:dyDescent="0.35">
      <c r="A67789" s="1" t="s">
        <v>8683</v>
      </c>
      <c r="B67789" s="1" t="s">
        <v>222693</v>
      </c>
      <c r="C67789" s="1" t="s">
        <v>35</v>
      </c>
      <c r="D67789" s="1" t="s">
        <v>225802</v>
      </c>
      <c r="E67789" s="1" t="s">
        <v>225803</v>
      </c>
      <c r="F67789" s="1" t="s">
        <v>225804</v>
      </c>
      <c r="G67789" s="1" t="s">
        <v>225787</v>
      </c>
      <c r="H67789" s="1" t="s">
        <v>225788</v>
      </c>
      <c r="I67789" s="1" t="s">
        <v>222698</v>
      </c>
      <c r="J67789" s="1" t="s">
        <v>225805</v>
      </c>
    </row>
    <row r="67790" spans="1:10" x14ac:dyDescent="0.35">
      <c r="A67790" s="1" t="s">
        <v>8683</v>
      </c>
      <c r="B67790" s="1" t="s">
        <v>222693</v>
      </c>
      <c r="C67790" s="1" t="s">
        <v>40</v>
      </c>
      <c r="D67790" s="1" t="s">
        <v>225806</v>
      </c>
      <c r="E67790" s="1" t="s">
        <v>225807</v>
      </c>
      <c r="F67790" s="1" t="s">
        <v>225808</v>
      </c>
      <c r="G67790" s="1" t="s">
        <v>225787</v>
      </c>
      <c r="H67790" s="1" t="s">
        <v>225788</v>
      </c>
      <c r="I67790" s="1" t="s">
        <v>222698</v>
      </c>
      <c r="J67790" s="1" t="s">
        <v>225809</v>
      </c>
    </row>
    <row r="67791" spans="1:10" x14ac:dyDescent="0.35">
      <c r="A67791" s="1" t="s">
        <v>8683</v>
      </c>
      <c r="B67791" s="1" t="s">
        <v>222693</v>
      </c>
      <c r="C67791" s="1" t="s">
        <v>45</v>
      </c>
      <c r="D67791" s="1" t="s">
        <v>225810</v>
      </c>
      <c r="E67791" s="1" t="s">
        <v>225811</v>
      </c>
      <c r="F67791" s="1" t="s">
        <v>225812</v>
      </c>
      <c r="G67791" s="1" t="s">
        <v>225787</v>
      </c>
      <c r="H67791" s="1" t="s">
        <v>225788</v>
      </c>
      <c r="I67791" s="1" t="s">
        <v>222698</v>
      </c>
      <c r="J67791" s="1" t="s">
        <v>225813</v>
      </c>
    </row>
    <row r="67792" spans="1:10" x14ac:dyDescent="0.35">
      <c r="A67792" s="1" t="s">
        <v>8683</v>
      </c>
      <c r="B67792" s="1" t="s">
        <v>222693</v>
      </c>
      <c r="C67792" s="1" t="s">
        <v>50</v>
      </c>
      <c r="D67792" s="1" t="s">
        <v>225814</v>
      </c>
      <c r="E67792" s="1" t="s">
        <v>225815</v>
      </c>
      <c r="F67792" s="1" t="s">
        <v>225816</v>
      </c>
      <c r="G67792" s="1" t="s">
        <v>225787</v>
      </c>
      <c r="H67792" s="1" t="s">
        <v>225788</v>
      </c>
      <c r="I67792" s="1" t="s">
        <v>222698</v>
      </c>
      <c r="J67792" s="1" t="s">
        <v>225817</v>
      </c>
    </row>
    <row r="67793" spans="1:10" x14ac:dyDescent="0.35">
      <c r="A67793" s="1" t="s">
        <v>8683</v>
      </c>
      <c r="B67793" s="1" t="s">
        <v>222693</v>
      </c>
      <c r="C67793" s="1" t="s">
        <v>55</v>
      </c>
      <c r="D67793" s="1" t="s">
        <v>225818</v>
      </c>
      <c r="E67793" s="1" t="s">
        <v>225819</v>
      </c>
      <c r="F67793" s="1" t="s">
        <v>225820</v>
      </c>
      <c r="G67793" s="1" t="s">
        <v>225787</v>
      </c>
      <c r="H67793" s="1" t="s">
        <v>225788</v>
      </c>
      <c r="I67793" s="1" t="s">
        <v>222698</v>
      </c>
      <c r="J67793" s="1" t="s">
        <v>225821</v>
      </c>
    </row>
    <row r="67794" spans="1:10" x14ac:dyDescent="0.35">
      <c r="A67794" s="1" t="s">
        <v>8683</v>
      </c>
      <c r="B67794" s="1" t="s">
        <v>222693</v>
      </c>
      <c r="C67794" s="1" t="s">
        <v>60</v>
      </c>
      <c r="D67794" s="1" t="s">
        <v>225822</v>
      </c>
      <c r="E67794" s="1" t="s">
        <v>225823</v>
      </c>
      <c r="F67794" s="1" t="s">
        <v>225824</v>
      </c>
      <c r="G67794" s="1" t="s">
        <v>225787</v>
      </c>
      <c r="H67794" s="1" t="s">
        <v>225788</v>
      </c>
      <c r="I67794" s="1" t="s">
        <v>222698</v>
      </c>
      <c r="J67794" s="1" t="s">
        <v>225825</v>
      </c>
    </row>
    <row r="67795" spans="1:10" x14ac:dyDescent="0.35">
      <c r="A67795" s="1" t="s">
        <v>8683</v>
      </c>
      <c r="B67795" s="1" t="s">
        <v>222693</v>
      </c>
      <c r="C67795" s="1" t="s">
        <v>65</v>
      </c>
      <c r="D67795" s="1" t="s">
        <v>225826</v>
      </c>
      <c r="E67795" s="1" t="s">
        <v>225827</v>
      </c>
      <c r="F67795" s="1" t="s">
        <v>225828</v>
      </c>
      <c r="G67795" s="1" t="s">
        <v>225787</v>
      </c>
      <c r="H67795" s="1" t="s">
        <v>225788</v>
      </c>
      <c r="I67795" s="1" t="s">
        <v>222698</v>
      </c>
      <c r="J67795" s="1" t="s">
        <v>225829</v>
      </c>
    </row>
    <row r="67796" spans="1:10" x14ac:dyDescent="0.35">
      <c r="A67796" s="1" t="s">
        <v>8683</v>
      </c>
      <c r="B67796" s="1" t="s">
        <v>222693</v>
      </c>
      <c r="C67796" s="1" t="s">
        <v>70</v>
      </c>
      <c r="D67796" s="1" t="s">
        <v>225830</v>
      </c>
      <c r="E67796" s="1" t="s">
        <v>225831</v>
      </c>
      <c r="F67796" s="1" t="s">
        <v>225832</v>
      </c>
      <c r="G67796" s="1" t="s">
        <v>225787</v>
      </c>
      <c r="H67796" s="1" t="s">
        <v>225788</v>
      </c>
      <c r="I67796" s="1" t="s">
        <v>222698</v>
      </c>
      <c r="J67796" s="1" t="s">
        <v>225833</v>
      </c>
    </row>
    <row r="67797" spans="1:10" x14ac:dyDescent="0.35">
      <c r="A67797" s="1" t="s">
        <v>8683</v>
      </c>
      <c r="B67797" s="1" t="s">
        <v>222693</v>
      </c>
      <c r="C67797" s="1" t="s">
        <v>75</v>
      </c>
      <c r="D67797" s="1" t="s">
        <v>102481</v>
      </c>
      <c r="E67797" s="1" t="s">
        <v>225834</v>
      </c>
      <c r="F67797" s="1" t="s">
        <v>225835</v>
      </c>
      <c r="G67797" s="1" t="s">
        <v>225787</v>
      </c>
      <c r="H67797" s="1" t="s">
        <v>225788</v>
      </c>
      <c r="I67797" s="1" t="s">
        <v>222698</v>
      </c>
      <c r="J67797" s="1" t="s">
        <v>225836</v>
      </c>
    </row>
    <row r="67798" spans="1:10" x14ac:dyDescent="0.35">
      <c r="A67798" s="1" t="s">
        <v>8683</v>
      </c>
      <c r="B67798" s="1" t="s">
        <v>222693</v>
      </c>
      <c r="C67798" s="1" t="s">
        <v>80</v>
      </c>
      <c r="D67798" s="1" t="s">
        <v>224159</v>
      </c>
      <c r="E67798" s="1" t="s">
        <v>225837</v>
      </c>
      <c r="F67798" s="1" t="s">
        <v>225838</v>
      </c>
      <c r="G67798" s="1" t="s">
        <v>225787</v>
      </c>
      <c r="H67798" s="1" t="s">
        <v>225788</v>
      </c>
      <c r="I67798" s="1" t="s">
        <v>222698</v>
      </c>
      <c r="J67798" s="1" t="s">
        <v>225839</v>
      </c>
    </row>
    <row r="67799" spans="1:10" x14ac:dyDescent="0.35">
      <c r="A67799" s="1" t="s">
        <v>8683</v>
      </c>
      <c r="B67799" s="1" t="s">
        <v>222693</v>
      </c>
      <c r="C67799" s="1" t="s">
        <v>85</v>
      </c>
      <c r="D67799" s="1" t="s">
        <v>225840</v>
      </c>
      <c r="E67799" s="1" t="s">
        <v>225841</v>
      </c>
      <c r="F67799" s="1" t="s">
        <v>225842</v>
      </c>
      <c r="G67799" s="1" t="s">
        <v>225787</v>
      </c>
      <c r="H67799" s="1" t="s">
        <v>225788</v>
      </c>
      <c r="I67799" s="1" t="s">
        <v>222698</v>
      </c>
      <c r="J67799" s="1" t="s">
        <v>225843</v>
      </c>
    </row>
    <row r="67800" spans="1:10" x14ac:dyDescent="0.35">
      <c r="A67800" s="1" t="s">
        <v>8683</v>
      </c>
      <c r="B67800" s="1" t="s">
        <v>222693</v>
      </c>
      <c r="C67800" s="1" t="s">
        <v>90</v>
      </c>
      <c r="D67800" s="1" t="s">
        <v>225844</v>
      </c>
      <c r="E67800" s="1" t="s">
        <v>225845</v>
      </c>
      <c r="F67800" s="1" t="s">
        <v>225846</v>
      </c>
      <c r="G67800" s="1" t="s">
        <v>225787</v>
      </c>
      <c r="H67800" s="1" t="s">
        <v>225788</v>
      </c>
      <c r="I67800" s="1" t="s">
        <v>222698</v>
      </c>
      <c r="J67800" s="1" t="s">
        <v>225847</v>
      </c>
    </row>
    <row r="67801" spans="1:10" x14ac:dyDescent="0.35">
      <c r="A67801" s="1" t="s">
        <v>8683</v>
      </c>
      <c r="B67801" s="1" t="s">
        <v>222693</v>
      </c>
      <c r="C67801" s="1" t="s">
        <v>95</v>
      </c>
      <c r="D67801" s="1" t="s">
        <v>225848</v>
      </c>
      <c r="E67801" s="1" t="s">
        <v>225849</v>
      </c>
      <c r="F67801" s="1" t="s">
        <v>225850</v>
      </c>
      <c r="G67801" s="1" t="s">
        <v>225787</v>
      </c>
      <c r="H67801" s="1" t="s">
        <v>225788</v>
      </c>
      <c r="I67801" s="1" t="s">
        <v>222698</v>
      </c>
      <c r="J67801" s="1" t="s">
        <v>225851</v>
      </c>
    </row>
    <row r="67802" spans="1:10" x14ac:dyDescent="0.35">
      <c r="A67802" s="1" t="s">
        <v>8683</v>
      </c>
      <c r="B67802" s="1" t="s">
        <v>222693</v>
      </c>
      <c r="C67802" s="1" t="s">
        <v>100</v>
      </c>
      <c r="D67802" s="1" t="s">
        <v>225852</v>
      </c>
      <c r="E67802" s="1" t="s">
        <v>225853</v>
      </c>
      <c r="F67802" s="1" t="s">
        <v>225854</v>
      </c>
      <c r="G67802" s="1" t="s">
        <v>225787</v>
      </c>
      <c r="H67802" s="1" t="s">
        <v>225788</v>
      </c>
      <c r="I67802" s="1" t="s">
        <v>222698</v>
      </c>
      <c r="J67802" s="1" t="s">
        <v>225855</v>
      </c>
    </row>
    <row r="67803" spans="1:10" x14ac:dyDescent="0.35">
      <c r="A67803" s="1" t="s">
        <v>8683</v>
      </c>
      <c r="B67803" s="1" t="s">
        <v>222693</v>
      </c>
      <c r="C67803" s="1" t="s">
        <v>105</v>
      </c>
      <c r="D67803" s="1" t="s">
        <v>225856</v>
      </c>
      <c r="E67803" s="1" t="s">
        <v>225857</v>
      </c>
      <c r="F67803" s="1" t="s">
        <v>225858</v>
      </c>
      <c r="G67803" s="1" t="s">
        <v>225787</v>
      </c>
      <c r="H67803" s="1" t="s">
        <v>225788</v>
      </c>
      <c r="I67803" s="1" t="s">
        <v>222698</v>
      </c>
      <c r="J67803" s="1" t="s">
        <v>225859</v>
      </c>
    </row>
    <row r="67804" spans="1:10" x14ac:dyDescent="0.35">
      <c r="A67804" s="1" t="s">
        <v>8683</v>
      </c>
      <c r="B67804" s="1" t="s">
        <v>222693</v>
      </c>
      <c r="C67804" s="1" t="s">
        <v>110</v>
      </c>
      <c r="D67804" s="1" t="s">
        <v>225860</v>
      </c>
      <c r="E67804" s="1" t="s">
        <v>225861</v>
      </c>
      <c r="F67804" s="1" t="s">
        <v>225862</v>
      </c>
      <c r="G67804" s="1" t="s">
        <v>225787</v>
      </c>
      <c r="H67804" s="1" t="s">
        <v>225788</v>
      </c>
      <c r="I67804" s="1" t="s">
        <v>222698</v>
      </c>
      <c r="J67804" s="1" t="s">
        <v>225863</v>
      </c>
    </row>
    <row r="67805" spans="1:10" x14ac:dyDescent="0.35">
      <c r="A67805" s="1" t="s">
        <v>8683</v>
      </c>
      <c r="B67805" s="1" t="s">
        <v>222693</v>
      </c>
      <c r="C67805" s="1" t="s">
        <v>115</v>
      </c>
      <c r="D67805" s="1" t="s">
        <v>225864</v>
      </c>
      <c r="E67805" s="1" t="s">
        <v>225865</v>
      </c>
      <c r="F67805" s="1" t="s">
        <v>225866</v>
      </c>
      <c r="G67805" s="1" t="s">
        <v>225787</v>
      </c>
      <c r="H67805" s="1" t="s">
        <v>225788</v>
      </c>
      <c r="I67805" s="1" t="s">
        <v>222698</v>
      </c>
      <c r="J67805" s="1" t="s">
        <v>225867</v>
      </c>
    </row>
    <row r="67806" spans="1:10" x14ac:dyDescent="0.35">
      <c r="A67806" s="1" t="s">
        <v>8683</v>
      </c>
      <c r="B67806" s="1" t="s">
        <v>222693</v>
      </c>
      <c r="C67806" s="1" t="s">
        <v>120</v>
      </c>
      <c r="D67806" s="1" t="s">
        <v>225868</v>
      </c>
      <c r="E67806" s="1" t="s">
        <v>225869</v>
      </c>
      <c r="F67806" s="1" t="s">
        <v>225870</v>
      </c>
      <c r="G67806" s="1" t="s">
        <v>225787</v>
      </c>
      <c r="H67806" s="1" t="s">
        <v>225788</v>
      </c>
      <c r="I67806" s="1" t="s">
        <v>222698</v>
      </c>
      <c r="J67806" s="1" t="s">
        <v>225871</v>
      </c>
    </row>
    <row r="67807" spans="1:10" x14ac:dyDescent="0.35">
      <c r="A67807" s="1" t="s">
        <v>8683</v>
      </c>
      <c r="B67807" s="1" t="s">
        <v>222693</v>
      </c>
      <c r="C67807" s="1" t="s">
        <v>125</v>
      </c>
      <c r="D67807" s="1" t="s">
        <v>225872</v>
      </c>
      <c r="E67807" s="1" t="s">
        <v>225873</v>
      </c>
      <c r="F67807" s="1" t="s">
        <v>225874</v>
      </c>
      <c r="G67807" s="1" t="s">
        <v>225787</v>
      </c>
      <c r="H67807" s="1" t="s">
        <v>225788</v>
      </c>
      <c r="I67807" s="1" t="s">
        <v>222698</v>
      </c>
      <c r="J67807" s="1" t="s">
        <v>225875</v>
      </c>
    </row>
    <row r="67808" spans="1:10" x14ac:dyDescent="0.35">
      <c r="A67808" s="1" t="s">
        <v>8683</v>
      </c>
      <c r="B67808" s="1" t="s">
        <v>222693</v>
      </c>
      <c r="C67808" s="1" t="s">
        <v>130</v>
      </c>
      <c r="D67808" s="1" t="s">
        <v>225876</v>
      </c>
      <c r="E67808" s="1" t="s">
        <v>225877</v>
      </c>
      <c r="F67808" s="1" t="s">
        <v>225878</v>
      </c>
      <c r="G67808" s="1" t="s">
        <v>225787</v>
      </c>
      <c r="H67808" s="1" t="s">
        <v>225788</v>
      </c>
      <c r="I67808" s="1" t="s">
        <v>222698</v>
      </c>
      <c r="J67808" s="1" t="s">
        <v>225879</v>
      </c>
    </row>
    <row r="67809" spans="1:10" x14ac:dyDescent="0.35">
      <c r="A67809" s="1" t="s">
        <v>8683</v>
      </c>
      <c r="B67809" s="1" t="s">
        <v>222693</v>
      </c>
      <c r="C67809" s="1" t="s">
        <v>135</v>
      </c>
      <c r="D67809" s="1" t="s">
        <v>225880</v>
      </c>
      <c r="E67809" s="1" t="s">
        <v>225881</v>
      </c>
      <c r="F67809" s="1" t="s">
        <v>225882</v>
      </c>
      <c r="G67809" s="1" t="s">
        <v>225787</v>
      </c>
      <c r="H67809" s="1" t="s">
        <v>225788</v>
      </c>
      <c r="I67809" s="1" t="s">
        <v>222698</v>
      </c>
      <c r="J67809" s="1" t="s">
        <v>225883</v>
      </c>
    </row>
    <row r="67810" spans="1:10" x14ac:dyDescent="0.35">
      <c r="A67810" s="1" t="s">
        <v>8683</v>
      </c>
      <c r="B67810" s="1" t="s">
        <v>222693</v>
      </c>
      <c r="C67810" s="1" t="s">
        <v>140</v>
      </c>
      <c r="D67810" s="1" t="s">
        <v>84176</v>
      </c>
      <c r="E67810" s="1" t="s">
        <v>225884</v>
      </c>
      <c r="F67810" s="1" t="s">
        <v>225885</v>
      </c>
      <c r="G67810" s="1" t="s">
        <v>225787</v>
      </c>
      <c r="H67810" s="1" t="s">
        <v>225788</v>
      </c>
      <c r="I67810" s="1" t="s">
        <v>222698</v>
      </c>
      <c r="J67810" s="1" t="s">
        <v>225886</v>
      </c>
    </row>
    <row r="67811" spans="1:10" x14ac:dyDescent="0.35">
      <c r="A67811" s="1" t="s">
        <v>8683</v>
      </c>
      <c r="B67811" s="1" t="s">
        <v>222693</v>
      </c>
      <c r="C67811" s="1" t="s">
        <v>145</v>
      </c>
      <c r="D67811" s="1" t="s">
        <v>225887</v>
      </c>
      <c r="E67811" s="1" t="s">
        <v>225888</v>
      </c>
      <c r="F67811" s="1" t="s">
        <v>225889</v>
      </c>
      <c r="G67811" s="1" t="s">
        <v>225787</v>
      </c>
      <c r="H67811" s="1" t="s">
        <v>225788</v>
      </c>
      <c r="I67811" s="1" t="s">
        <v>222698</v>
      </c>
      <c r="J67811" s="1" t="s">
        <v>225890</v>
      </c>
    </row>
    <row r="67812" spans="1:10" x14ac:dyDescent="0.35">
      <c r="A67812" s="1" t="s">
        <v>8683</v>
      </c>
      <c r="B67812" s="1" t="s">
        <v>222693</v>
      </c>
      <c r="C67812" s="1" t="s">
        <v>150</v>
      </c>
      <c r="D67812" s="1" t="s">
        <v>225891</v>
      </c>
      <c r="E67812" s="1" t="s">
        <v>225892</v>
      </c>
      <c r="F67812" s="1" t="s">
        <v>225893</v>
      </c>
      <c r="G67812" s="1" t="s">
        <v>225787</v>
      </c>
      <c r="H67812" s="1" t="s">
        <v>225788</v>
      </c>
      <c r="I67812" s="1" t="s">
        <v>222698</v>
      </c>
      <c r="J67812" s="1" t="s">
        <v>225894</v>
      </c>
    </row>
    <row r="67813" spans="1:10" x14ac:dyDescent="0.35">
      <c r="A67813" s="1" t="s">
        <v>8683</v>
      </c>
      <c r="B67813" s="1" t="s">
        <v>222693</v>
      </c>
      <c r="C67813" s="1" t="s">
        <v>155</v>
      </c>
      <c r="D67813" s="1" t="s">
        <v>225895</v>
      </c>
      <c r="E67813" s="1" t="s">
        <v>225896</v>
      </c>
      <c r="F67813" s="1" t="s">
        <v>225897</v>
      </c>
      <c r="G67813" s="1" t="s">
        <v>225787</v>
      </c>
      <c r="H67813" s="1" t="s">
        <v>225788</v>
      </c>
      <c r="I67813" s="1" t="s">
        <v>222698</v>
      </c>
      <c r="J67813" s="1" t="s">
        <v>225898</v>
      </c>
    </row>
    <row r="67814" spans="1:10" x14ac:dyDescent="0.35">
      <c r="A67814" s="1" t="s">
        <v>8683</v>
      </c>
      <c r="B67814" s="1" t="s">
        <v>222693</v>
      </c>
      <c r="C67814" s="1" t="s">
        <v>160</v>
      </c>
      <c r="D67814" s="1" t="s">
        <v>225899</v>
      </c>
      <c r="E67814" s="1" t="s">
        <v>225900</v>
      </c>
      <c r="F67814" s="1" t="s">
        <v>225901</v>
      </c>
      <c r="G67814" s="1" t="s">
        <v>225787</v>
      </c>
      <c r="H67814" s="1" t="s">
        <v>225788</v>
      </c>
      <c r="I67814" s="1" t="s">
        <v>222698</v>
      </c>
      <c r="J67814" s="1" t="s">
        <v>225902</v>
      </c>
    </row>
    <row r="67815" spans="1:10" x14ac:dyDescent="0.35">
      <c r="A67815" s="1" t="s">
        <v>8683</v>
      </c>
      <c r="B67815" s="1" t="s">
        <v>222693</v>
      </c>
      <c r="C67815" s="1" t="s">
        <v>165</v>
      </c>
      <c r="D67815" s="1" t="s">
        <v>20009</v>
      </c>
      <c r="E67815" s="1" t="s">
        <v>225903</v>
      </c>
      <c r="F67815" s="1" t="s">
        <v>225904</v>
      </c>
      <c r="G67815" s="1" t="s">
        <v>225787</v>
      </c>
      <c r="H67815" s="1" t="s">
        <v>225788</v>
      </c>
      <c r="I67815" s="1" t="s">
        <v>222698</v>
      </c>
      <c r="J67815" s="1" t="s">
        <v>225905</v>
      </c>
    </row>
    <row r="67816" spans="1:10" x14ac:dyDescent="0.35">
      <c r="A67816" s="1" t="s">
        <v>8683</v>
      </c>
      <c r="B67816" s="1" t="s">
        <v>222693</v>
      </c>
      <c r="C67816" s="1" t="s">
        <v>170</v>
      </c>
      <c r="D67816" s="1" t="s">
        <v>225906</v>
      </c>
      <c r="E67816" s="1" t="s">
        <v>225907</v>
      </c>
      <c r="F67816" s="1" t="s">
        <v>225908</v>
      </c>
      <c r="G67816" s="1" t="s">
        <v>225787</v>
      </c>
      <c r="H67816" s="1" t="s">
        <v>225788</v>
      </c>
      <c r="I67816" s="1" t="s">
        <v>222698</v>
      </c>
      <c r="J67816" s="1" t="s">
        <v>225909</v>
      </c>
    </row>
    <row r="67817" spans="1:10" x14ac:dyDescent="0.35">
      <c r="A67817" s="1" t="s">
        <v>110567</v>
      </c>
      <c r="B67817" s="1" t="s">
        <v>222693</v>
      </c>
      <c r="C67817" s="1" t="s">
        <v>8</v>
      </c>
      <c r="D67817" s="1" t="s">
        <v>66208</v>
      </c>
      <c r="E67817" s="1" t="s">
        <v>225910</v>
      </c>
      <c r="F67817" s="1" t="s">
        <v>225911</v>
      </c>
      <c r="G67817" s="1" t="s">
        <v>225912</v>
      </c>
      <c r="H67817" s="1" t="s">
        <v>225913</v>
      </c>
      <c r="I67817" s="1" t="s">
        <v>222698</v>
      </c>
      <c r="J67817" s="1" t="s">
        <v>13</v>
      </c>
    </row>
    <row r="67818" spans="1:10" x14ac:dyDescent="0.35">
      <c r="A67818" s="1" t="s">
        <v>110567</v>
      </c>
      <c r="B67818" s="1" t="s">
        <v>222693</v>
      </c>
      <c r="C67818" s="1" t="s">
        <v>15</v>
      </c>
      <c r="D67818" s="1" t="s">
        <v>63825</v>
      </c>
      <c r="E67818" s="1" t="s">
        <v>225914</v>
      </c>
      <c r="F67818" s="1" t="s">
        <v>225915</v>
      </c>
      <c r="G67818" s="1" t="s">
        <v>225912</v>
      </c>
      <c r="H67818" s="1" t="s">
        <v>225913</v>
      </c>
      <c r="I67818" s="1" t="s">
        <v>222698</v>
      </c>
      <c r="J67818" s="1" t="s">
        <v>225916</v>
      </c>
    </row>
    <row r="67819" spans="1:10" x14ac:dyDescent="0.35">
      <c r="A67819" s="1" t="s">
        <v>110567</v>
      </c>
      <c r="B67819" s="1" t="s">
        <v>222693</v>
      </c>
      <c r="C67819" s="1" t="s">
        <v>20</v>
      </c>
      <c r="D67819" s="1" t="s">
        <v>68006</v>
      </c>
      <c r="E67819" s="1" t="s">
        <v>225917</v>
      </c>
      <c r="F67819" s="1" t="s">
        <v>225918</v>
      </c>
      <c r="G67819" s="1" t="s">
        <v>225912</v>
      </c>
      <c r="H67819" s="1" t="s">
        <v>225913</v>
      </c>
      <c r="I67819" s="1" t="s">
        <v>222698</v>
      </c>
      <c r="J67819" s="1" t="s">
        <v>225919</v>
      </c>
    </row>
    <row r="67820" spans="1:10" x14ac:dyDescent="0.35">
      <c r="A67820" s="1" t="s">
        <v>110567</v>
      </c>
      <c r="B67820" s="1" t="s">
        <v>222693</v>
      </c>
      <c r="C67820" s="1" t="s">
        <v>25</v>
      </c>
      <c r="D67820" s="1" t="s">
        <v>79201</v>
      </c>
      <c r="E67820" s="1" t="s">
        <v>225920</v>
      </c>
      <c r="F67820" s="1" t="s">
        <v>225921</v>
      </c>
      <c r="G67820" s="1" t="s">
        <v>225912</v>
      </c>
      <c r="H67820" s="1" t="s">
        <v>225913</v>
      </c>
      <c r="I67820" s="1" t="s">
        <v>222698</v>
      </c>
      <c r="J67820" s="1" t="s">
        <v>225922</v>
      </c>
    </row>
    <row r="67821" spans="1:10" x14ac:dyDescent="0.35">
      <c r="A67821" s="1" t="s">
        <v>110567</v>
      </c>
      <c r="B67821" s="1" t="s">
        <v>222693</v>
      </c>
      <c r="C67821" s="1" t="s">
        <v>30</v>
      </c>
      <c r="D67821" s="1" t="s">
        <v>138261</v>
      </c>
      <c r="E67821" s="1" t="s">
        <v>225923</v>
      </c>
      <c r="F67821" s="1" t="s">
        <v>225924</v>
      </c>
      <c r="G67821" s="1" t="s">
        <v>225912</v>
      </c>
      <c r="H67821" s="1" t="s">
        <v>225913</v>
      </c>
      <c r="I67821" s="1" t="s">
        <v>222698</v>
      </c>
      <c r="J67821" s="1" t="s">
        <v>225925</v>
      </c>
    </row>
    <row r="67822" spans="1:10" x14ac:dyDescent="0.35">
      <c r="A67822" s="1" t="s">
        <v>110567</v>
      </c>
      <c r="B67822" s="1" t="s">
        <v>222693</v>
      </c>
      <c r="C67822" s="1" t="s">
        <v>35</v>
      </c>
      <c r="D67822" s="1" t="s">
        <v>95252</v>
      </c>
      <c r="E67822" s="1" t="s">
        <v>225926</v>
      </c>
      <c r="F67822" s="1" t="s">
        <v>225927</v>
      </c>
      <c r="G67822" s="1" t="s">
        <v>225912</v>
      </c>
      <c r="H67822" s="1" t="s">
        <v>225913</v>
      </c>
      <c r="I67822" s="1" t="s">
        <v>222698</v>
      </c>
      <c r="J67822" s="1" t="s">
        <v>225928</v>
      </c>
    </row>
    <row r="67823" spans="1:10" x14ac:dyDescent="0.35">
      <c r="A67823" s="1" t="s">
        <v>110567</v>
      </c>
      <c r="B67823" s="1" t="s">
        <v>222693</v>
      </c>
      <c r="C67823" s="1" t="s">
        <v>40</v>
      </c>
      <c r="D67823" s="1" t="s">
        <v>94968</v>
      </c>
      <c r="E67823" s="1" t="s">
        <v>225929</v>
      </c>
      <c r="F67823" s="1" t="s">
        <v>225930</v>
      </c>
      <c r="G67823" s="1" t="s">
        <v>225912</v>
      </c>
      <c r="H67823" s="1" t="s">
        <v>225913</v>
      </c>
      <c r="I67823" s="1" t="s">
        <v>222698</v>
      </c>
      <c r="J67823" s="1" t="s">
        <v>225931</v>
      </c>
    </row>
    <row r="67824" spans="1:10" x14ac:dyDescent="0.35">
      <c r="A67824" s="1" t="s">
        <v>110567</v>
      </c>
      <c r="B67824" s="1" t="s">
        <v>222693</v>
      </c>
      <c r="C67824" s="1" t="s">
        <v>45</v>
      </c>
      <c r="D67824" s="1" t="s">
        <v>225932</v>
      </c>
      <c r="E67824" s="1" t="s">
        <v>225933</v>
      </c>
      <c r="F67824" s="1" t="s">
        <v>225934</v>
      </c>
      <c r="G67824" s="1" t="s">
        <v>225912</v>
      </c>
      <c r="H67824" s="1" t="s">
        <v>225913</v>
      </c>
      <c r="I67824" s="1" t="s">
        <v>222698</v>
      </c>
      <c r="J67824" s="1" t="s">
        <v>225935</v>
      </c>
    </row>
    <row r="67825" spans="1:10" x14ac:dyDescent="0.35">
      <c r="A67825" s="1" t="s">
        <v>110567</v>
      </c>
      <c r="B67825" s="1" t="s">
        <v>222693</v>
      </c>
      <c r="C67825" s="1" t="s">
        <v>50</v>
      </c>
      <c r="D67825" s="1" t="s">
        <v>163058</v>
      </c>
      <c r="E67825" s="1" t="s">
        <v>225936</v>
      </c>
      <c r="F67825" s="1" t="s">
        <v>225937</v>
      </c>
      <c r="G67825" s="1" t="s">
        <v>225912</v>
      </c>
      <c r="H67825" s="1" t="s">
        <v>225913</v>
      </c>
      <c r="I67825" s="1" t="s">
        <v>222698</v>
      </c>
      <c r="J67825" s="1" t="s">
        <v>225938</v>
      </c>
    </row>
    <row r="67826" spans="1:10" x14ac:dyDescent="0.35">
      <c r="A67826" s="1" t="s">
        <v>110567</v>
      </c>
      <c r="B67826" s="1" t="s">
        <v>222693</v>
      </c>
      <c r="C67826" s="1" t="s">
        <v>55</v>
      </c>
      <c r="D67826" s="1" t="s">
        <v>63377</v>
      </c>
      <c r="E67826" s="1" t="s">
        <v>225939</v>
      </c>
      <c r="F67826" s="1" t="s">
        <v>225940</v>
      </c>
      <c r="G67826" s="1" t="s">
        <v>225912</v>
      </c>
      <c r="H67826" s="1" t="s">
        <v>225913</v>
      </c>
      <c r="I67826" s="1" t="s">
        <v>222698</v>
      </c>
      <c r="J67826" s="1" t="s">
        <v>225941</v>
      </c>
    </row>
    <row r="67827" spans="1:10" x14ac:dyDescent="0.35">
      <c r="A67827" s="1" t="s">
        <v>110567</v>
      </c>
      <c r="B67827" s="1" t="s">
        <v>222693</v>
      </c>
      <c r="C67827" s="1" t="s">
        <v>60</v>
      </c>
      <c r="D67827" s="1" t="s">
        <v>225942</v>
      </c>
      <c r="E67827" s="1" t="s">
        <v>225943</v>
      </c>
      <c r="F67827" s="1" t="s">
        <v>225944</v>
      </c>
      <c r="G67827" s="1" t="s">
        <v>225912</v>
      </c>
      <c r="H67827" s="1" t="s">
        <v>225913</v>
      </c>
      <c r="I67827" s="1" t="s">
        <v>222698</v>
      </c>
      <c r="J67827" s="1" t="s">
        <v>225945</v>
      </c>
    </row>
    <row r="67828" spans="1:10" x14ac:dyDescent="0.35">
      <c r="A67828" s="1" t="s">
        <v>110567</v>
      </c>
      <c r="B67828" s="1" t="s">
        <v>222693</v>
      </c>
      <c r="C67828" s="1" t="s">
        <v>65</v>
      </c>
      <c r="D67828" s="1" t="s">
        <v>225946</v>
      </c>
      <c r="E67828" s="1" t="s">
        <v>225947</v>
      </c>
      <c r="F67828" s="1" t="s">
        <v>225948</v>
      </c>
      <c r="G67828" s="1" t="s">
        <v>225912</v>
      </c>
      <c r="H67828" s="1" t="s">
        <v>225913</v>
      </c>
      <c r="I67828" s="1" t="s">
        <v>222698</v>
      </c>
      <c r="J67828" s="1" t="s">
        <v>225949</v>
      </c>
    </row>
    <row r="67829" spans="1:10" x14ac:dyDescent="0.35">
      <c r="A67829" s="1" t="s">
        <v>110567</v>
      </c>
      <c r="B67829" s="1" t="s">
        <v>222693</v>
      </c>
      <c r="C67829" s="1" t="s">
        <v>70</v>
      </c>
      <c r="D67829" s="1" t="s">
        <v>63105</v>
      </c>
      <c r="E67829" s="1" t="s">
        <v>225950</v>
      </c>
      <c r="F67829" s="1" t="s">
        <v>225951</v>
      </c>
      <c r="G67829" s="1" t="s">
        <v>225912</v>
      </c>
      <c r="H67829" s="1" t="s">
        <v>225913</v>
      </c>
      <c r="I67829" s="1" t="s">
        <v>222698</v>
      </c>
      <c r="J67829" s="1" t="s">
        <v>225952</v>
      </c>
    </row>
    <row r="67830" spans="1:10" x14ac:dyDescent="0.35">
      <c r="A67830" s="1" t="s">
        <v>110567</v>
      </c>
      <c r="B67830" s="1" t="s">
        <v>222693</v>
      </c>
      <c r="C67830" s="1" t="s">
        <v>75</v>
      </c>
      <c r="D67830" s="1" t="s">
        <v>135895</v>
      </c>
      <c r="E67830" s="1" t="s">
        <v>225953</v>
      </c>
      <c r="F67830" s="1" t="s">
        <v>225954</v>
      </c>
      <c r="G67830" s="1" t="s">
        <v>225912</v>
      </c>
      <c r="H67830" s="1" t="s">
        <v>225913</v>
      </c>
      <c r="I67830" s="1" t="s">
        <v>222698</v>
      </c>
      <c r="J67830" s="1" t="s">
        <v>225955</v>
      </c>
    </row>
    <row r="67831" spans="1:10" x14ac:dyDescent="0.35">
      <c r="A67831" s="1" t="s">
        <v>110567</v>
      </c>
      <c r="B67831" s="1" t="s">
        <v>222693</v>
      </c>
      <c r="C67831" s="1" t="s">
        <v>80</v>
      </c>
      <c r="D67831" s="1" t="s">
        <v>225956</v>
      </c>
      <c r="E67831" s="1" t="s">
        <v>225957</v>
      </c>
      <c r="F67831" s="1" t="s">
        <v>225958</v>
      </c>
      <c r="G67831" s="1" t="s">
        <v>225912</v>
      </c>
      <c r="H67831" s="1" t="s">
        <v>225913</v>
      </c>
      <c r="I67831" s="1" t="s">
        <v>222698</v>
      </c>
      <c r="J67831" s="1" t="s">
        <v>225959</v>
      </c>
    </row>
    <row r="67832" spans="1:10" x14ac:dyDescent="0.35">
      <c r="A67832" s="1" t="s">
        <v>110567</v>
      </c>
      <c r="B67832" s="1" t="s">
        <v>222693</v>
      </c>
      <c r="C67832" s="1" t="s">
        <v>85</v>
      </c>
      <c r="D67832" s="1" t="s">
        <v>24168</v>
      </c>
      <c r="E67832" s="1" t="s">
        <v>225960</v>
      </c>
      <c r="F67832" s="1" t="s">
        <v>225961</v>
      </c>
      <c r="G67832" s="1" t="s">
        <v>225912</v>
      </c>
      <c r="H67832" s="1" t="s">
        <v>225913</v>
      </c>
      <c r="I67832" s="1" t="s">
        <v>222698</v>
      </c>
      <c r="J67832" s="1" t="s">
        <v>225962</v>
      </c>
    </row>
    <row r="67833" spans="1:10" x14ac:dyDescent="0.35">
      <c r="A67833" s="1" t="s">
        <v>110567</v>
      </c>
      <c r="B67833" s="1" t="s">
        <v>222693</v>
      </c>
      <c r="C67833" s="1" t="s">
        <v>90</v>
      </c>
      <c r="D67833" s="1" t="s">
        <v>137040</v>
      </c>
      <c r="E67833" s="1" t="s">
        <v>225963</v>
      </c>
      <c r="F67833" s="1" t="s">
        <v>225964</v>
      </c>
      <c r="G67833" s="1" t="s">
        <v>225912</v>
      </c>
      <c r="H67833" s="1" t="s">
        <v>225913</v>
      </c>
      <c r="I67833" s="1" t="s">
        <v>222698</v>
      </c>
      <c r="J67833" s="1" t="s">
        <v>225965</v>
      </c>
    </row>
    <row r="67834" spans="1:10" x14ac:dyDescent="0.35">
      <c r="A67834" s="1" t="s">
        <v>110567</v>
      </c>
      <c r="B67834" s="1" t="s">
        <v>222693</v>
      </c>
      <c r="C67834" s="1" t="s">
        <v>95</v>
      </c>
      <c r="D67834" s="1" t="s">
        <v>79335</v>
      </c>
      <c r="E67834" s="1" t="s">
        <v>225966</v>
      </c>
      <c r="F67834" s="1" t="s">
        <v>225967</v>
      </c>
      <c r="G67834" s="1" t="s">
        <v>225912</v>
      </c>
      <c r="H67834" s="1" t="s">
        <v>225913</v>
      </c>
      <c r="I67834" s="1" t="s">
        <v>222698</v>
      </c>
      <c r="J67834" s="1" t="s">
        <v>225968</v>
      </c>
    </row>
    <row r="67835" spans="1:10" x14ac:dyDescent="0.35">
      <c r="A67835" s="1" t="s">
        <v>110567</v>
      </c>
      <c r="B67835" s="1" t="s">
        <v>222693</v>
      </c>
      <c r="C67835" s="1" t="s">
        <v>100</v>
      </c>
      <c r="D67835" s="1" t="s">
        <v>225969</v>
      </c>
      <c r="E67835" s="1" t="s">
        <v>225970</v>
      </c>
      <c r="F67835" s="1" t="s">
        <v>225971</v>
      </c>
      <c r="G67835" s="1" t="s">
        <v>225912</v>
      </c>
      <c r="H67835" s="1" t="s">
        <v>225913</v>
      </c>
      <c r="I67835" s="1" t="s">
        <v>222698</v>
      </c>
      <c r="J67835" s="1" t="s">
        <v>225972</v>
      </c>
    </row>
    <row r="67836" spans="1:10" x14ac:dyDescent="0.35">
      <c r="A67836" s="1" t="s">
        <v>110567</v>
      </c>
      <c r="B67836" s="1" t="s">
        <v>222693</v>
      </c>
      <c r="C67836" s="1" t="s">
        <v>105</v>
      </c>
      <c r="D67836" s="1" t="s">
        <v>225973</v>
      </c>
      <c r="E67836" s="1" t="s">
        <v>225974</v>
      </c>
      <c r="F67836" s="1" t="s">
        <v>225975</v>
      </c>
      <c r="G67836" s="1" t="s">
        <v>225912</v>
      </c>
      <c r="H67836" s="1" t="s">
        <v>225913</v>
      </c>
      <c r="I67836" s="1" t="s">
        <v>222698</v>
      </c>
      <c r="J67836" s="1" t="s">
        <v>225976</v>
      </c>
    </row>
    <row r="67837" spans="1:10" x14ac:dyDescent="0.35">
      <c r="A67837" s="1" t="s">
        <v>110567</v>
      </c>
      <c r="B67837" s="1" t="s">
        <v>222693</v>
      </c>
      <c r="C67837" s="1" t="s">
        <v>110</v>
      </c>
      <c r="D67837" s="1" t="s">
        <v>40752</v>
      </c>
      <c r="E67837" s="1" t="s">
        <v>225977</v>
      </c>
      <c r="F67837" s="1" t="s">
        <v>225978</v>
      </c>
      <c r="G67837" s="1" t="s">
        <v>225912</v>
      </c>
      <c r="H67837" s="1" t="s">
        <v>225913</v>
      </c>
      <c r="I67837" s="1" t="s">
        <v>222698</v>
      </c>
      <c r="J67837" s="1" t="s">
        <v>225979</v>
      </c>
    </row>
    <row r="67838" spans="1:10" x14ac:dyDescent="0.35">
      <c r="A67838" s="1" t="s">
        <v>110567</v>
      </c>
      <c r="B67838" s="1" t="s">
        <v>222693</v>
      </c>
      <c r="C67838" s="1" t="s">
        <v>115</v>
      </c>
      <c r="D67838" s="1" t="s">
        <v>27028</v>
      </c>
      <c r="E67838" s="1" t="s">
        <v>225980</v>
      </c>
      <c r="F67838" s="1" t="s">
        <v>225981</v>
      </c>
      <c r="G67838" s="1" t="s">
        <v>225912</v>
      </c>
      <c r="H67838" s="1" t="s">
        <v>225913</v>
      </c>
      <c r="I67838" s="1" t="s">
        <v>222698</v>
      </c>
      <c r="J67838" s="1" t="s">
        <v>225982</v>
      </c>
    </row>
    <row r="67839" spans="1:10" x14ac:dyDescent="0.35">
      <c r="A67839" s="1" t="s">
        <v>110567</v>
      </c>
      <c r="B67839" s="1" t="s">
        <v>222693</v>
      </c>
      <c r="C67839" s="1" t="s">
        <v>120</v>
      </c>
      <c r="D67839" s="1" t="s">
        <v>225983</v>
      </c>
      <c r="E67839" s="1" t="s">
        <v>225984</v>
      </c>
      <c r="F67839" s="1" t="s">
        <v>225985</v>
      </c>
      <c r="G67839" s="1" t="s">
        <v>225912</v>
      </c>
      <c r="H67839" s="1" t="s">
        <v>225913</v>
      </c>
      <c r="I67839" s="1" t="s">
        <v>222698</v>
      </c>
      <c r="J67839" s="1" t="s">
        <v>225986</v>
      </c>
    </row>
    <row r="67840" spans="1:10" x14ac:dyDescent="0.35">
      <c r="A67840" s="1" t="s">
        <v>110567</v>
      </c>
      <c r="B67840" s="1" t="s">
        <v>222693</v>
      </c>
      <c r="C67840" s="1" t="s">
        <v>125</v>
      </c>
      <c r="D67840" s="1" t="s">
        <v>66458</v>
      </c>
      <c r="E67840" s="1" t="s">
        <v>225987</v>
      </c>
      <c r="F67840" s="1" t="s">
        <v>225988</v>
      </c>
      <c r="G67840" s="1" t="s">
        <v>225912</v>
      </c>
      <c r="H67840" s="1" t="s">
        <v>225913</v>
      </c>
      <c r="I67840" s="1" t="s">
        <v>222698</v>
      </c>
      <c r="J67840" s="1" t="s">
        <v>225989</v>
      </c>
    </row>
    <row r="67841" spans="1:10" x14ac:dyDescent="0.35">
      <c r="A67841" s="1" t="s">
        <v>110567</v>
      </c>
      <c r="B67841" s="1" t="s">
        <v>222693</v>
      </c>
      <c r="C67841" s="1" t="s">
        <v>130</v>
      </c>
      <c r="D67841" s="1" t="s">
        <v>225990</v>
      </c>
      <c r="E67841" s="1" t="s">
        <v>225991</v>
      </c>
      <c r="F67841" s="1" t="s">
        <v>225992</v>
      </c>
      <c r="G67841" s="1" t="s">
        <v>225912</v>
      </c>
      <c r="H67841" s="1" t="s">
        <v>225913</v>
      </c>
      <c r="I67841" s="1" t="s">
        <v>222698</v>
      </c>
      <c r="J67841" s="1" t="s">
        <v>225993</v>
      </c>
    </row>
    <row r="67842" spans="1:10" x14ac:dyDescent="0.35">
      <c r="A67842" s="1" t="s">
        <v>110567</v>
      </c>
      <c r="B67842" s="1" t="s">
        <v>222693</v>
      </c>
      <c r="C67842" s="1" t="s">
        <v>135</v>
      </c>
      <c r="D67842" s="1" t="s">
        <v>225994</v>
      </c>
      <c r="E67842" s="1" t="s">
        <v>225995</v>
      </c>
      <c r="F67842" s="1" t="s">
        <v>225996</v>
      </c>
      <c r="G67842" s="1" t="s">
        <v>225912</v>
      </c>
      <c r="H67842" s="1" t="s">
        <v>225913</v>
      </c>
      <c r="I67842" s="1" t="s">
        <v>222698</v>
      </c>
      <c r="J67842" s="1" t="s">
        <v>225997</v>
      </c>
    </row>
    <row r="67843" spans="1:10" x14ac:dyDescent="0.35">
      <c r="A67843" s="1" t="s">
        <v>110567</v>
      </c>
      <c r="B67843" s="1" t="s">
        <v>222693</v>
      </c>
      <c r="C67843" s="1" t="s">
        <v>140</v>
      </c>
      <c r="D67843" s="1" t="s">
        <v>132030</v>
      </c>
      <c r="E67843" s="1" t="s">
        <v>225998</v>
      </c>
      <c r="F67843" s="1" t="s">
        <v>225999</v>
      </c>
      <c r="G67843" s="1" t="s">
        <v>225912</v>
      </c>
      <c r="H67843" s="1" t="s">
        <v>225913</v>
      </c>
      <c r="I67843" s="1" t="s">
        <v>222698</v>
      </c>
      <c r="J67843" s="1" t="s">
        <v>226000</v>
      </c>
    </row>
    <row r="67844" spans="1:10" x14ac:dyDescent="0.35">
      <c r="A67844" s="1" t="s">
        <v>110567</v>
      </c>
      <c r="B67844" s="1" t="s">
        <v>222693</v>
      </c>
      <c r="C67844" s="1" t="s">
        <v>145</v>
      </c>
      <c r="D67844" s="1" t="s">
        <v>226001</v>
      </c>
      <c r="E67844" s="1" t="s">
        <v>226002</v>
      </c>
      <c r="F67844" s="1" t="s">
        <v>226003</v>
      </c>
      <c r="G67844" s="1" t="s">
        <v>225912</v>
      </c>
      <c r="H67844" s="1" t="s">
        <v>225913</v>
      </c>
      <c r="I67844" s="1" t="s">
        <v>222698</v>
      </c>
      <c r="J67844" s="1" t="s">
        <v>226004</v>
      </c>
    </row>
    <row r="67845" spans="1:10" x14ac:dyDescent="0.35">
      <c r="A67845" s="1" t="s">
        <v>110567</v>
      </c>
      <c r="B67845" s="1" t="s">
        <v>222693</v>
      </c>
      <c r="C67845" s="1" t="s">
        <v>150</v>
      </c>
      <c r="D67845" s="1" t="s">
        <v>226005</v>
      </c>
      <c r="E67845" s="1" t="s">
        <v>226006</v>
      </c>
      <c r="F67845" s="1" t="s">
        <v>226007</v>
      </c>
      <c r="G67845" s="1" t="s">
        <v>225912</v>
      </c>
      <c r="H67845" s="1" t="s">
        <v>225913</v>
      </c>
      <c r="I67845" s="1" t="s">
        <v>222698</v>
      </c>
      <c r="J67845" s="1" t="s">
        <v>226008</v>
      </c>
    </row>
    <row r="67846" spans="1:10" x14ac:dyDescent="0.35">
      <c r="A67846" s="1" t="s">
        <v>110567</v>
      </c>
      <c r="B67846" s="1" t="s">
        <v>222693</v>
      </c>
      <c r="C67846" s="1" t="s">
        <v>155</v>
      </c>
      <c r="D67846" s="1" t="s">
        <v>226009</v>
      </c>
      <c r="E67846" s="1" t="s">
        <v>226010</v>
      </c>
      <c r="F67846" s="1" t="s">
        <v>226011</v>
      </c>
      <c r="G67846" s="1" t="s">
        <v>225912</v>
      </c>
      <c r="H67846" s="1" t="s">
        <v>225913</v>
      </c>
      <c r="I67846" s="1" t="s">
        <v>222698</v>
      </c>
      <c r="J67846" s="1" t="s">
        <v>226012</v>
      </c>
    </row>
    <row r="67847" spans="1:10" x14ac:dyDescent="0.35">
      <c r="A67847" s="1" t="s">
        <v>110567</v>
      </c>
      <c r="B67847" s="1" t="s">
        <v>222693</v>
      </c>
      <c r="C67847" s="1" t="s">
        <v>160</v>
      </c>
      <c r="D67847" s="1" t="s">
        <v>226013</v>
      </c>
      <c r="E67847" s="1" t="s">
        <v>226014</v>
      </c>
      <c r="F67847" s="1" t="s">
        <v>226015</v>
      </c>
      <c r="G67847" s="1" t="s">
        <v>225912</v>
      </c>
      <c r="H67847" s="1" t="s">
        <v>225913</v>
      </c>
      <c r="I67847" s="1" t="s">
        <v>222698</v>
      </c>
      <c r="J67847" s="1" t="s">
        <v>226016</v>
      </c>
    </row>
    <row r="67848" spans="1:10" x14ac:dyDescent="0.35">
      <c r="A67848" s="1" t="s">
        <v>110567</v>
      </c>
      <c r="B67848" s="1" t="s">
        <v>222693</v>
      </c>
      <c r="C67848" s="1" t="s">
        <v>165</v>
      </c>
      <c r="D67848" s="1" t="s">
        <v>226017</v>
      </c>
      <c r="E67848" s="1" t="s">
        <v>226018</v>
      </c>
      <c r="F67848" s="1" t="s">
        <v>226019</v>
      </c>
      <c r="G67848" s="1" t="s">
        <v>225912</v>
      </c>
      <c r="H67848" s="1" t="s">
        <v>225913</v>
      </c>
      <c r="I67848" s="1" t="s">
        <v>222698</v>
      </c>
      <c r="J67848" s="1" t="s">
        <v>226020</v>
      </c>
    </row>
    <row r="67849" spans="1:10" x14ac:dyDescent="0.35">
      <c r="A67849" s="1" t="s">
        <v>110567</v>
      </c>
      <c r="B67849" s="1" t="s">
        <v>222693</v>
      </c>
      <c r="C67849" s="1" t="s">
        <v>170</v>
      </c>
      <c r="D67849" s="1" t="s">
        <v>226021</v>
      </c>
      <c r="E67849" s="1" t="s">
        <v>226022</v>
      </c>
      <c r="F67849" s="1" t="s">
        <v>226023</v>
      </c>
      <c r="G67849" s="1" t="s">
        <v>225912</v>
      </c>
      <c r="H67849" s="1" t="s">
        <v>225913</v>
      </c>
      <c r="I67849" s="1" t="s">
        <v>222698</v>
      </c>
      <c r="J67849" s="1" t="s">
        <v>226024</v>
      </c>
    </row>
    <row r="67850" spans="1:10" x14ac:dyDescent="0.35">
      <c r="A67850" s="1" t="s">
        <v>8050</v>
      </c>
      <c r="B67850" s="1" t="s">
        <v>222693</v>
      </c>
      <c r="C67850" s="1" t="s">
        <v>8</v>
      </c>
      <c r="D67850" s="1" t="s">
        <v>59296</v>
      </c>
      <c r="E67850" s="1" t="s">
        <v>226025</v>
      </c>
      <c r="F67850" s="1" t="s">
        <v>226026</v>
      </c>
      <c r="G67850" s="1" t="s">
        <v>226027</v>
      </c>
      <c r="H67850" s="1" t="s">
        <v>226028</v>
      </c>
      <c r="I67850" s="1" t="s">
        <v>222698</v>
      </c>
      <c r="J67850" s="1" t="s">
        <v>13</v>
      </c>
    </row>
    <row r="67851" spans="1:10" x14ac:dyDescent="0.35">
      <c r="A67851" s="1" t="s">
        <v>8050</v>
      </c>
      <c r="B67851" s="1" t="s">
        <v>222693</v>
      </c>
      <c r="C67851" s="1" t="s">
        <v>15</v>
      </c>
      <c r="D67851" s="1" t="s">
        <v>20424</v>
      </c>
      <c r="E67851" s="1" t="s">
        <v>226029</v>
      </c>
      <c r="F67851" s="1" t="s">
        <v>226030</v>
      </c>
      <c r="G67851" s="1" t="s">
        <v>226027</v>
      </c>
      <c r="H67851" s="1" t="s">
        <v>226028</v>
      </c>
      <c r="I67851" s="1" t="s">
        <v>222698</v>
      </c>
      <c r="J67851" s="1" t="s">
        <v>226031</v>
      </c>
    </row>
    <row r="67852" spans="1:10" x14ac:dyDescent="0.35">
      <c r="A67852" s="1" t="s">
        <v>8050</v>
      </c>
      <c r="B67852" s="1" t="s">
        <v>222693</v>
      </c>
      <c r="C67852" s="1" t="s">
        <v>20</v>
      </c>
      <c r="D67852" s="1" t="s">
        <v>130482</v>
      </c>
      <c r="E67852" s="1" t="s">
        <v>226032</v>
      </c>
      <c r="F67852" s="1" t="s">
        <v>226033</v>
      </c>
      <c r="G67852" s="1" t="s">
        <v>226027</v>
      </c>
      <c r="H67852" s="1" t="s">
        <v>226028</v>
      </c>
      <c r="I67852" s="1" t="s">
        <v>222698</v>
      </c>
      <c r="J67852" s="1" t="s">
        <v>226034</v>
      </c>
    </row>
    <row r="67853" spans="1:10" x14ac:dyDescent="0.35">
      <c r="A67853" s="1" t="s">
        <v>8050</v>
      </c>
      <c r="B67853" s="1" t="s">
        <v>222693</v>
      </c>
      <c r="C67853" s="1" t="s">
        <v>25</v>
      </c>
      <c r="D67853" s="1" t="s">
        <v>98872</v>
      </c>
      <c r="E67853" s="1" t="s">
        <v>226035</v>
      </c>
      <c r="F67853" s="1" t="s">
        <v>226036</v>
      </c>
      <c r="G67853" s="1" t="s">
        <v>226027</v>
      </c>
      <c r="H67853" s="1" t="s">
        <v>226028</v>
      </c>
      <c r="I67853" s="1" t="s">
        <v>222698</v>
      </c>
      <c r="J67853" s="1" t="s">
        <v>226037</v>
      </c>
    </row>
    <row r="67854" spans="1:10" x14ac:dyDescent="0.35">
      <c r="A67854" s="1" t="s">
        <v>8050</v>
      </c>
      <c r="B67854" s="1" t="s">
        <v>222693</v>
      </c>
      <c r="C67854" s="1" t="s">
        <v>30</v>
      </c>
      <c r="D67854" s="1" t="s">
        <v>86248</v>
      </c>
      <c r="E67854" s="1" t="s">
        <v>226038</v>
      </c>
      <c r="F67854" s="1" t="s">
        <v>226039</v>
      </c>
      <c r="G67854" s="1" t="s">
        <v>226027</v>
      </c>
      <c r="H67854" s="1" t="s">
        <v>226028</v>
      </c>
      <c r="I67854" s="1" t="s">
        <v>222698</v>
      </c>
      <c r="J67854" s="1" t="s">
        <v>226040</v>
      </c>
    </row>
    <row r="67855" spans="1:10" x14ac:dyDescent="0.35">
      <c r="A67855" s="1" t="s">
        <v>8050</v>
      </c>
      <c r="B67855" s="1" t="s">
        <v>222693</v>
      </c>
      <c r="C67855" s="1" t="s">
        <v>35</v>
      </c>
      <c r="D67855" s="1" t="s">
        <v>61658</v>
      </c>
      <c r="E67855" s="1" t="s">
        <v>226041</v>
      </c>
      <c r="F67855" s="1" t="s">
        <v>226042</v>
      </c>
      <c r="G67855" s="1" t="s">
        <v>226027</v>
      </c>
      <c r="H67855" s="1" t="s">
        <v>226028</v>
      </c>
      <c r="I67855" s="1" t="s">
        <v>222698</v>
      </c>
      <c r="J67855" s="1" t="s">
        <v>226043</v>
      </c>
    </row>
    <row r="67856" spans="1:10" x14ac:dyDescent="0.35">
      <c r="A67856" s="1" t="s">
        <v>8050</v>
      </c>
      <c r="B67856" s="1" t="s">
        <v>222693</v>
      </c>
      <c r="C67856" s="1" t="s">
        <v>40</v>
      </c>
      <c r="D67856" s="1" t="s">
        <v>61514</v>
      </c>
      <c r="E67856" s="1" t="s">
        <v>226044</v>
      </c>
      <c r="F67856" s="1" t="s">
        <v>226045</v>
      </c>
      <c r="G67856" s="1" t="s">
        <v>226027</v>
      </c>
      <c r="H67856" s="1" t="s">
        <v>226028</v>
      </c>
      <c r="I67856" s="1" t="s">
        <v>222698</v>
      </c>
      <c r="J67856" s="1" t="s">
        <v>226046</v>
      </c>
    </row>
    <row r="67857" spans="1:10" x14ac:dyDescent="0.35">
      <c r="A67857" s="1" t="s">
        <v>8050</v>
      </c>
      <c r="B67857" s="1" t="s">
        <v>222693</v>
      </c>
      <c r="C67857" s="1" t="s">
        <v>45</v>
      </c>
      <c r="D67857" s="1" t="s">
        <v>57230</v>
      </c>
      <c r="E67857" s="1" t="s">
        <v>226047</v>
      </c>
      <c r="F67857" s="1" t="s">
        <v>226048</v>
      </c>
      <c r="G67857" s="1" t="s">
        <v>226027</v>
      </c>
      <c r="H67857" s="1" t="s">
        <v>226028</v>
      </c>
      <c r="I67857" s="1" t="s">
        <v>222698</v>
      </c>
      <c r="J67857" s="1" t="s">
        <v>226049</v>
      </c>
    </row>
    <row r="67858" spans="1:10" x14ac:dyDescent="0.35">
      <c r="A67858" s="1" t="s">
        <v>8050</v>
      </c>
      <c r="B67858" s="1" t="s">
        <v>222693</v>
      </c>
      <c r="C67858" s="1" t="s">
        <v>50</v>
      </c>
      <c r="D67858" s="1" t="s">
        <v>61677</v>
      </c>
      <c r="E67858" s="1" t="s">
        <v>226050</v>
      </c>
      <c r="F67858" s="1" t="s">
        <v>226051</v>
      </c>
      <c r="G67858" s="1" t="s">
        <v>226027</v>
      </c>
      <c r="H67858" s="1" t="s">
        <v>226028</v>
      </c>
      <c r="I67858" s="1" t="s">
        <v>222698</v>
      </c>
      <c r="J67858" s="1" t="s">
        <v>226052</v>
      </c>
    </row>
    <row r="67859" spans="1:10" x14ac:dyDescent="0.35">
      <c r="A67859" s="1" t="s">
        <v>8050</v>
      </c>
      <c r="B67859" s="1" t="s">
        <v>222693</v>
      </c>
      <c r="C67859" s="1" t="s">
        <v>55</v>
      </c>
      <c r="D67859" s="1" t="s">
        <v>95252</v>
      </c>
      <c r="E67859" s="1" t="s">
        <v>226053</v>
      </c>
      <c r="F67859" s="1" t="s">
        <v>226054</v>
      </c>
      <c r="G67859" s="1" t="s">
        <v>226027</v>
      </c>
      <c r="H67859" s="1" t="s">
        <v>226028</v>
      </c>
      <c r="I67859" s="1" t="s">
        <v>222698</v>
      </c>
      <c r="J67859" s="1" t="s">
        <v>226055</v>
      </c>
    </row>
    <row r="67860" spans="1:10" x14ac:dyDescent="0.35">
      <c r="A67860" s="1" t="s">
        <v>8050</v>
      </c>
      <c r="B67860" s="1" t="s">
        <v>222693</v>
      </c>
      <c r="C67860" s="1" t="s">
        <v>60</v>
      </c>
      <c r="D67860" s="1" t="s">
        <v>138334</v>
      </c>
      <c r="E67860" s="1" t="s">
        <v>226056</v>
      </c>
      <c r="F67860" s="1" t="s">
        <v>226057</v>
      </c>
      <c r="G67860" s="1" t="s">
        <v>226027</v>
      </c>
      <c r="H67860" s="1" t="s">
        <v>226028</v>
      </c>
      <c r="I67860" s="1" t="s">
        <v>222698</v>
      </c>
      <c r="J67860" s="1" t="s">
        <v>226058</v>
      </c>
    </row>
    <row r="67861" spans="1:10" x14ac:dyDescent="0.35">
      <c r="A67861" s="1" t="s">
        <v>8050</v>
      </c>
      <c r="B67861" s="1" t="s">
        <v>222693</v>
      </c>
      <c r="C67861" s="1" t="s">
        <v>65</v>
      </c>
      <c r="D67861" s="1" t="s">
        <v>93719</v>
      </c>
      <c r="E67861" s="1" t="s">
        <v>226059</v>
      </c>
      <c r="F67861" s="1" t="s">
        <v>226060</v>
      </c>
      <c r="G67861" s="1" t="s">
        <v>226027</v>
      </c>
      <c r="H67861" s="1" t="s">
        <v>226028</v>
      </c>
      <c r="I67861" s="1" t="s">
        <v>222698</v>
      </c>
      <c r="J67861" s="1" t="s">
        <v>226061</v>
      </c>
    </row>
    <row r="67862" spans="1:10" x14ac:dyDescent="0.35">
      <c r="A67862" s="1" t="s">
        <v>8050</v>
      </c>
      <c r="B67862" s="1" t="s">
        <v>222693</v>
      </c>
      <c r="C67862" s="1" t="s">
        <v>70</v>
      </c>
      <c r="D67862" s="1" t="s">
        <v>59947</v>
      </c>
      <c r="E67862" s="1" t="s">
        <v>226062</v>
      </c>
      <c r="F67862" s="1" t="s">
        <v>226063</v>
      </c>
      <c r="G67862" s="1" t="s">
        <v>226027</v>
      </c>
      <c r="H67862" s="1" t="s">
        <v>226028</v>
      </c>
      <c r="I67862" s="1" t="s">
        <v>222698</v>
      </c>
      <c r="J67862" s="1" t="s">
        <v>226064</v>
      </c>
    </row>
    <row r="67863" spans="1:10" x14ac:dyDescent="0.35">
      <c r="A67863" s="1" t="s">
        <v>8050</v>
      </c>
      <c r="B67863" s="1" t="s">
        <v>222693</v>
      </c>
      <c r="C67863" s="1" t="s">
        <v>75</v>
      </c>
      <c r="D67863" s="1" t="s">
        <v>81149</v>
      </c>
      <c r="E67863" s="1" t="s">
        <v>226065</v>
      </c>
      <c r="F67863" s="1" t="s">
        <v>226066</v>
      </c>
      <c r="G67863" s="1" t="s">
        <v>226027</v>
      </c>
      <c r="H67863" s="1" t="s">
        <v>226028</v>
      </c>
      <c r="I67863" s="1" t="s">
        <v>222698</v>
      </c>
      <c r="J67863" s="1" t="s">
        <v>226067</v>
      </c>
    </row>
    <row r="67864" spans="1:10" x14ac:dyDescent="0.35">
      <c r="A67864" s="1" t="s">
        <v>8050</v>
      </c>
      <c r="B67864" s="1" t="s">
        <v>222693</v>
      </c>
      <c r="C67864" s="1" t="s">
        <v>80</v>
      </c>
      <c r="D67864" s="1" t="s">
        <v>166795</v>
      </c>
      <c r="E67864" s="1" t="s">
        <v>226068</v>
      </c>
      <c r="F67864" s="1" t="s">
        <v>226069</v>
      </c>
      <c r="G67864" s="1" t="s">
        <v>226027</v>
      </c>
      <c r="H67864" s="1" t="s">
        <v>226028</v>
      </c>
      <c r="I67864" s="1" t="s">
        <v>222698</v>
      </c>
      <c r="J67864" s="1" t="s">
        <v>226070</v>
      </c>
    </row>
    <row r="67865" spans="1:10" x14ac:dyDescent="0.35">
      <c r="A67865" s="1" t="s">
        <v>8050</v>
      </c>
      <c r="B67865" s="1" t="s">
        <v>222693</v>
      </c>
      <c r="C67865" s="1" t="s">
        <v>85</v>
      </c>
      <c r="D67865" s="1" t="s">
        <v>191816</v>
      </c>
      <c r="E67865" s="1" t="s">
        <v>226071</v>
      </c>
      <c r="F67865" s="1" t="s">
        <v>226072</v>
      </c>
      <c r="G67865" s="1" t="s">
        <v>226027</v>
      </c>
      <c r="H67865" s="1" t="s">
        <v>226028</v>
      </c>
      <c r="I67865" s="1" t="s">
        <v>222698</v>
      </c>
      <c r="J67865" s="1" t="s">
        <v>226073</v>
      </c>
    </row>
    <row r="67866" spans="1:10" x14ac:dyDescent="0.35">
      <c r="A67866" s="1" t="s">
        <v>8050</v>
      </c>
      <c r="B67866" s="1" t="s">
        <v>222693</v>
      </c>
      <c r="C67866" s="1" t="s">
        <v>90</v>
      </c>
      <c r="D67866" s="1" t="s">
        <v>140950</v>
      </c>
      <c r="E67866" s="1" t="s">
        <v>226074</v>
      </c>
      <c r="F67866" s="1" t="s">
        <v>226075</v>
      </c>
      <c r="G67866" s="1" t="s">
        <v>226027</v>
      </c>
      <c r="H67866" s="1" t="s">
        <v>226028</v>
      </c>
      <c r="I67866" s="1" t="s">
        <v>222698</v>
      </c>
      <c r="J67866" s="1" t="s">
        <v>226076</v>
      </c>
    </row>
    <row r="67867" spans="1:10" x14ac:dyDescent="0.35">
      <c r="A67867" s="1" t="s">
        <v>8050</v>
      </c>
      <c r="B67867" s="1" t="s">
        <v>222693</v>
      </c>
      <c r="C67867" s="1" t="s">
        <v>95</v>
      </c>
      <c r="D67867" s="1" t="s">
        <v>226077</v>
      </c>
      <c r="E67867" s="1" t="s">
        <v>226078</v>
      </c>
      <c r="F67867" s="1" t="s">
        <v>226079</v>
      </c>
      <c r="G67867" s="1" t="s">
        <v>226027</v>
      </c>
      <c r="H67867" s="1" t="s">
        <v>226028</v>
      </c>
      <c r="I67867" s="1" t="s">
        <v>222698</v>
      </c>
      <c r="J67867" s="1" t="s">
        <v>226080</v>
      </c>
    </row>
    <row r="67868" spans="1:10" x14ac:dyDescent="0.35">
      <c r="A67868" s="1" t="s">
        <v>8050</v>
      </c>
      <c r="B67868" s="1" t="s">
        <v>222693</v>
      </c>
      <c r="C67868" s="1" t="s">
        <v>100</v>
      </c>
      <c r="D67868" s="1" t="s">
        <v>79397</v>
      </c>
      <c r="E67868" s="1" t="s">
        <v>226081</v>
      </c>
      <c r="F67868" s="1" t="s">
        <v>226082</v>
      </c>
      <c r="G67868" s="1" t="s">
        <v>226027</v>
      </c>
      <c r="H67868" s="1" t="s">
        <v>226028</v>
      </c>
      <c r="I67868" s="1" t="s">
        <v>222698</v>
      </c>
      <c r="J67868" s="1" t="s">
        <v>226083</v>
      </c>
    </row>
    <row r="67869" spans="1:10" x14ac:dyDescent="0.35">
      <c r="A67869" s="1" t="s">
        <v>8050</v>
      </c>
      <c r="B67869" s="1" t="s">
        <v>222693</v>
      </c>
      <c r="C67869" s="1" t="s">
        <v>105</v>
      </c>
      <c r="D67869" s="1" t="s">
        <v>131367</v>
      </c>
      <c r="E67869" s="1" t="s">
        <v>226084</v>
      </c>
      <c r="F67869" s="1" t="s">
        <v>226085</v>
      </c>
      <c r="G67869" s="1" t="s">
        <v>226027</v>
      </c>
      <c r="H67869" s="1" t="s">
        <v>226028</v>
      </c>
      <c r="I67869" s="1" t="s">
        <v>222698</v>
      </c>
      <c r="J67869" s="1" t="s">
        <v>226086</v>
      </c>
    </row>
    <row r="67870" spans="1:10" x14ac:dyDescent="0.35">
      <c r="A67870" s="1" t="s">
        <v>8050</v>
      </c>
      <c r="B67870" s="1" t="s">
        <v>222693</v>
      </c>
      <c r="C67870" s="1" t="s">
        <v>110</v>
      </c>
      <c r="D67870" s="1" t="s">
        <v>226087</v>
      </c>
      <c r="E67870" s="1" t="s">
        <v>226088</v>
      </c>
      <c r="F67870" s="1" t="s">
        <v>226089</v>
      </c>
      <c r="G67870" s="1" t="s">
        <v>226027</v>
      </c>
      <c r="H67870" s="1" t="s">
        <v>226028</v>
      </c>
      <c r="I67870" s="1" t="s">
        <v>222698</v>
      </c>
      <c r="J67870" s="1" t="s">
        <v>226090</v>
      </c>
    </row>
    <row r="67871" spans="1:10" x14ac:dyDescent="0.35">
      <c r="A67871" s="1" t="s">
        <v>8050</v>
      </c>
      <c r="B67871" s="1" t="s">
        <v>222693</v>
      </c>
      <c r="C67871" s="1" t="s">
        <v>115</v>
      </c>
      <c r="D67871" s="1" t="s">
        <v>226091</v>
      </c>
      <c r="E67871" s="1" t="s">
        <v>226092</v>
      </c>
      <c r="F67871" s="1" t="s">
        <v>226093</v>
      </c>
      <c r="G67871" s="1" t="s">
        <v>226027</v>
      </c>
      <c r="H67871" s="1" t="s">
        <v>226028</v>
      </c>
      <c r="I67871" s="1" t="s">
        <v>222698</v>
      </c>
      <c r="J67871" s="1" t="s">
        <v>226094</v>
      </c>
    </row>
    <row r="67872" spans="1:10" x14ac:dyDescent="0.35">
      <c r="A67872" s="1" t="s">
        <v>8050</v>
      </c>
      <c r="B67872" s="1" t="s">
        <v>222693</v>
      </c>
      <c r="C67872" s="1" t="s">
        <v>120</v>
      </c>
      <c r="D67872" s="1" t="s">
        <v>226095</v>
      </c>
      <c r="E67872" s="1" t="s">
        <v>226096</v>
      </c>
      <c r="F67872" s="1" t="s">
        <v>226097</v>
      </c>
      <c r="G67872" s="1" t="s">
        <v>226027</v>
      </c>
      <c r="H67872" s="1" t="s">
        <v>226028</v>
      </c>
      <c r="I67872" s="1" t="s">
        <v>222698</v>
      </c>
      <c r="J67872" s="1" t="s">
        <v>226098</v>
      </c>
    </row>
    <row r="67873" spans="1:10" x14ac:dyDescent="0.35">
      <c r="A67873" s="1" t="s">
        <v>8050</v>
      </c>
      <c r="B67873" s="1" t="s">
        <v>222693</v>
      </c>
      <c r="C67873" s="1" t="s">
        <v>125</v>
      </c>
      <c r="D67873" s="1" t="s">
        <v>226099</v>
      </c>
      <c r="E67873" s="1" t="s">
        <v>226100</v>
      </c>
      <c r="F67873" s="1" t="s">
        <v>226101</v>
      </c>
      <c r="G67873" s="1" t="s">
        <v>226027</v>
      </c>
      <c r="H67873" s="1" t="s">
        <v>226028</v>
      </c>
      <c r="I67873" s="1" t="s">
        <v>222698</v>
      </c>
      <c r="J67873" s="1" t="s">
        <v>226102</v>
      </c>
    </row>
    <row r="67874" spans="1:10" x14ac:dyDescent="0.35">
      <c r="A67874" s="1" t="s">
        <v>8050</v>
      </c>
      <c r="B67874" s="1" t="s">
        <v>222693</v>
      </c>
      <c r="C67874" s="1" t="s">
        <v>130</v>
      </c>
      <c r="D67874" s="1" t="s">
        <v>22229</v>
      </c>
      <c r="E67874" s="1" t="s">
        <v>226103</v>
      </c>
      <c r="F67874" s="1" t="s">
        <v>226104</v>
      </c>
      <c r="G67874" s="1" t="s">
        <v>226027</v>
      </c>
      <c r="H67874" s="1" t="s">
        <v>226028</v>
      </c>
      <c r="I67874" s="1" t="s">
        <v>222698</v>
      </c>
      <c r="J67874" s="1" t="s">
        <v>226105</v>
      </c>
    </row>
    <row r="67875" spans="1:10" x14ac:dyDescent="0.35">
      <c r="A67875" s="1" t="s">
        <v>8050</v>
      </c>
      <c r="B67875" s="1" t="s">
        <v>222693</v>
      </c>
      <c r="C67875" s="1" t="s">
        <v>135</v>
      </c>
      <c r="D67875" s="1" t="s">
        <v>226106</v>
      </c>
      <c r="E67875" s="1" t="s">
        <v>134563</v>
      </c>
      <c r="F67875" s="1" t="s">
        <v>226107</v>
      </c>
      <c r="G67875" s="1" t="s">
        <v>226027</v>
      </c>
      <c r="H67875" s="1" t="s">
        <v>226028</v>
      </c>
      <c r="I67875" s="1" t="s">
        <v>222698</v>
      </c>
      <c r="J67875" s="1" t="s">
        <v>226108</v>
      </c>
    </row>
    <row r="67876" spans="1:10" x14ac:dyDescent="0.35">
      <c r="A67876" s="1" t="s">
        <v>8050</v>
      </c>
      <c r="B67876" s="1" t="s">
        <v>222693</v>
      </c>
      <c r="C67876" s="1" t="s">
        <v>140</v>
      </c>
      <c r="D67876" s="1" t="s">
        <v>85487</v>
      </c>
      <c r="E67876" s="1" t="s">
        <v>226109</v>
      </c>
      <c r="F67876" s="1" t="s">
        <v>226110</v>
      </c>
      <c r="G67876" s="1" t="s">
        <v>226027</v>
      </c>
      <c r="H67876" s="1" t="s">
        <v>226028</v>
      </c>
      <c r="I67876" s="1" t="s">
        <v>222698</v>
      </c>
      <c r="J67876" s="1" t="s">
        <v>226111</v>
      </c>
    </row>
    <row r="67877" spans="1:10" x14ac:dyDescent="0.35">
      <c r="A67877" s="1" t="s">
        <v>8050</v>
      </c>
      <c r="B67877" s="1" t="s">
        <v>222693</v>
      </c>
      <c r="C67877" s="1" t="s">
        <v>145</v>
      </c>
      <c r="D67877" s="1" t="s">
        <v>199064</v>
      </c>
      <c r="E67877" s="1" t="s">
        <v>226112</v>
      </c>
      <c r="F67877" s="1" t="s">
        <v>226113</v>
      </c>
      <c r="G67877" s="1" t="s">
        <v>226027</v>
      </c>
      <c r="H67877" s="1" t="s">
        <v>226028</v>
      </c>
      <c r="I67877" s="1" t="s">
        <v>222698</v>
      </c>
      <c r="J67877" s="1" t="s">
        <v>226114</v>
      </c>
    </row>
    <row r="67878" spans="1:10" x14ac:dyDescent="0.35">
      <c r="A67878" s="1" t="s">
        <v>8050</v>
      </c>
      <c r="B67878" s="1" t="s">
        <v>222693</v>
      </c>
      <c r="C67878" s="1" t="s">
        <v>150</v>
      </c>
      <c r="D67878" s="1" t="s">
        <v>58408</v>
      </c>
      <c r="E67878" s="1" t="s">
        <v>226115</v>
      </c>
      <c r="F67878" s="1" t="s">
        <v>226116</v>
      </c>
      <c r="G67878" s="1" t="s">
        <v>226027</v>
      </c>
      <c r="H67878" s="1" t="s">
        <v>226028</v>
      </c>
      <c r="I67878" s="1" t="s">
        <v>222698</v>
      </c>
      <c r="J67878" s="1" t="s">
        <v>226117</v>
      </c>
    </row>
    <row r="67879" spans="1:10" x14ac:dyDescent="0.35">
      <c r="A67879" s="1" t="s">
        <v>8050</v>
      </c>
      <c r="B67879" s="1" t="s">
        <v>222693</v>
      </c>
      <c r="C67879" s="1" t="s">
        <v>155</v>
      </c>
      <c r="D67879" s="1" t="s">
        <v>90024</v>
      </c>
      <c r="E67879" s="1" t="s">
        <v>226118</v>
      </c>
      <c r="F67879" s="1" t="s">
        <v>226119</v>
      </c>
      <c r="G67879" s="1" t="s">
        <v>226027</v>
      </c>
      <c r="H67879" s="1" t="s">
        <v>226028</v>
      </c>
      <c r="I67879" s="1" t="s">
        <v>222698</v>
      </c>
      <c r="J67879" s="1" t="s">
        <v>226120</v>
      </c>
    </row>
    <row r="67880" spans="1:10" x14ac:dyDescent="0.35">
      <c r="A67880" s="1" t="s">
        <v>8050</v>
      </c>
      <c r="B67880" s="1" t="s">
        <v>222693</v>
      </c>
      <c r="C67880" s="1" t="s">
        <v>160</v>
      </c>
      <c r="D67880" s="1" t="s">
        <v>226121</v>
      </c>
      <c r="E67880" s="1" t="s">
        <v>226122</v>
      </c>
      <c r="F67880" s="1" t="s">
        <v>226123</v>
      </c>
      <c r="G67880" s="1" t="s">
        <v>226027</v>
      </c>
      <c r="H67880" s="1" t="s">
        <v>226028</v>
      </c>
      <c r="I67880" s="1" t="s">
        <v>222698</v>
      </c>
      <c r="J67880" s="1" t="s">
        <v>226124</v>
      </c>
    </row>
    <row r="67881" spans="1:10" x14ac:dyDescent="0.35">
      <c r="A67881" s="1" t="s">
        <v>8050</v>
      </c>
      <c r="B67881" s="1" t="s">
        <v>222693</v>
      </c>
      <c r="C67881" s="1" t="s">
        <v>165</v>
      </c>
      <c r="D67881" s="1" t="s">
        <v>58355</v>
      </c>
      <c r="E67881" s="1" t="s">
        <v>226125</v>
      </c>
      <c r="F67881" s="1" t="s">
        <v>226126</v>
      </c>
      <c r="G67881" s="1" t="s">
        <v>226027</v>
      </c>
      <c r="H67881" s="1" t="s">
        <v>226028</v>
      </c>
      <c r="I67881" s="1" t="s">
        <v>222698</v>
      </c>
      <c r="J67881" s="1" t="s">
        <v>226127</v>
      </c>
    </row>
    <row r="67882" spans="1:10" x14ac:dyDescent="0.35">
      <c r="A67882" s="1" t="s">
        <v>8050</v>
      </c>
      <c r="B67882" s="1" t="s">
        <v>222693</v>
      </c>
      <c r="C67882" s="1" t="s">
        <v>170</v>
      </c>
      <c r="D67882" s="1" t="s">
        <v>226128</v>
      </c>
      <c r="E67882" s="1" t="s">
        <v>226129</v>
      </c>
      <c r="F67882" s="1" t="s">
        <v>226130</v>
      </c>
      <c r="G67882" s="1" t="s">
        <v>226027</v>
      </c>
      <c r="H67882" s="1" t="s">
        <v>226028</v>
      </c>
      <c r="I67882" s="1" t="s">
        <v>222698</v>
      </c>
      <c r="J67882" s="1" t="s">
        <v>226131</v>
      </c>
    </row>
    <row r="67883" spans="1:10" x14ac:dyDescent="0.35">
      <c r="A67883" s="1" t="s">
        <v>121613</v>
      </c>
      <c r="B67883" s="1" t="s">
        <v>222693</v>
      </c>
      <c r="C67883" s="1" t="s">
        <v>8</v>
      </c>
      <c r="D67883" s="1" t="s">
        <v>26368</v>
      </c>
      <c r="E67883" s="1" t="s">
        <v>226132</v>
      </c>
      <c r="F67883" s="1" t="s">
        <v>226133</v>
      </c>
      <c r="G67883" s="1" t="s">
        <v>226134</v>
      </c>
      <c r="H67883" s="1" t="s">
        <v>226135</v>
      </c>
      <c r="I67883" s="1" t="s">
        <v>222698</v>
      </c>
      <c r="J67883" s="1" t="s">
        <v>13</v>
      </c>
    </row>
    <row r="67884" spans="1:10" x14ac:dyDescent="0.35">
      <c r="A67884" s="1" t="s">
        <v>121613</v>
      </c>
      <c r="B67884" s="1" t="s">
        <v>222693</v>
      </c>
      <c r="C67884" s="1" t="s">
        <v>15</v>
      </c>
      <c r="D67884" s="1" t="s">
        <v>80154</v>
      </c>
      <c r="E67884" s="1" t="s">
        <v>226136</v>
      </c>
      <c r="F67884" s="1" t="s">
        <v>226137</v>
      </c>
      <c r="G67884" s="1" t="s">
        <v>226134</v>
      </c>
      <c r="H67884" s="1" t="s">
        <v>226135</v>
      </c>
      <c r="I67884" s="1" t="s">
        <v>222698</v>
      </c>
      <c r="J67884" s="1" t="s">
        <v>226138</v>
      </c>
    </row>
    <row r="67885" spans="1:10" x14ac:dyDescent="0.35">
      <c r="A67885" s="1" t="s">
        <v>121613</v>
      </c>
      <c r="B67885" s="1" t="s">
        <v>222693</v>
      </c>
      <c r="C67885" s="1" t="s">
        <v>20</v>
      </c>
      <c r="D67885" s="1" t="s">
        <v>226139</v>
      </c>
      <c r="E67885" s="1" t="s">
        <v>226140</v>
      </c>
      <c r="F67885" s="1" t="s">
        <v>226141</v>
      </c>
      <c r="G67885" s="1" t="s">
        <v>226134</v>
      </c>
      <c r="H67885" s="1" t="s">
        <v>226135</v>
      </c>
      <c r="I67885" s="1" t="s">
        <v>222698</v>
      </c>
      <c r="J67885" s="1" t="s">
        <v>226142</v>
      </c>
    </row>
    <row r="67886" spans="1:10" x14ac:dyDescent="0.35">
      <c r="A67886" s="1" t="s">
        <v>121613</v>
      </c>
      <c r="B67886" s="1" t="s">
        <v>222693</v>
      </c>
      <c r="C67886" s="1" t="s">
        <v>25</v>
      </c>
      <c r="D67886" s="1" t="s">
        <v>23786</v>
      </c>
      <c r="E67886" s="1" t="s">
        <v>226143</v>
      </c>
      <c r="F67886" s="1" t="s">
        <v>226144</v>
      </c>
      <c r="G67886" s="1" t="s">
        <v>226134</v>
      </c>
      <c r="H67886" s="1" t="s">
        <v>226135</v>
      </c>
      <c r="I67886" s="1" t="s">
        <v>222698</v>
      </c>
      <c r="J67886" s="1" t="s">
        <v>226145</v>
      </c>
    </row>
    <row r="67887" spans="1:10" x14ac:dyDescent="0.35">
      <c r="A67887" s="1" t="s">
        <v>121613</v>
      </c>
      <c r="B67887" s="1" t="s">
        <v>222693</v>
      </c>
      <c r="C67887" s="1" t="s">
        <v>30</v>
      </c>
      <c r="D67887" s="1" t="s">
        <v>226146</v>
      </c>
      <c r="E67887" s="1" t="s">
        <v>226147</v>
      </c>
      <c r="F67887" s="1" t="s">
        <v>226148</v>
      </c>
      <c r="G67887" s="1" t="s">
        <v>226134</v>
      </c>
      <c r="H67887" s="1" t="s">
        <v>226135</v>
      </c>
      <c r="I67887" s="1" t="s">
        <v>222698</v>
      </c>
      <c r="J67887" s="1" t="s">
        <v>226149</v>
      </c>
    </row>
    <row r="67888" spans="1:10" x14ac:dyDescent="0.35">
      <c r="A67888" s="1" t="s">
        <v>121613</v>
      </c>
      <c r="B67888" s="1" t="s">
        <v>222693</v>
      </c>
      <c r="C67888" s="1" t="s">
        <v>35</v>
      </c>
      <c r="D67888" s="1" t="s">
        <v>66397</v>
      </c>
      <c r="E67888" s="1" t="s">
        <v>226150</v>
      </c>
      <c r="F67888" s="1" t="s">
        <v>226151</v>
      </c>
      <c r="G67888" s="1" t="s">
        <v>226134</v>
      </c>
      <c r="H67888" s="1" t="s">
        <v>226135</v>
      </c>
      <c r="I67888" s="1" t="s">
        <v>222698</v>
      </c>
      <c r="J67888" s="1" t="s">
        <v>226152</v>
      </c>
    </row>
    <row r="67889" spans="1:10" x14ac:dyDescent="0.35">
      <c r="A67889" s="1" t="s">
        <v>121613</v>
      </c>
      <c r="B67889" s="1" t="s">
        <v>222693</v>
      </c>
      <c r="C67889" s="1" t="s">
        <v>40</v>
      </c>
      <c r="D67889" s="1" t="s">
        <v>226153</v>
      </c>
      <c r="E67889" s="1" t="s">
        <v>226154</v>
      </c>
      <c r="F67889" s="1" t="s">
        <v>226155</v>
      </c>
      <c r="G67889" s="1" t="s">
        <v>226134</v>
      </c>
      <c r="H67889" s="1" t="s">
        <v>226135</v>
      </c>
      <c r="I67889" s="1" t="s">
        <v>222698</v>
      </c>
      <c r="J67889" s="1" t="s">
        <v>226156</v>
      </c>
    </row>
    <row r="67890" spans="1:10" x14ac:dyDescent="0.35">
      <c r="A67890" s="1" t="s">
        <v>121613</v>
      </c>
      <c r="B67890" s="1" t="s">
        <v>222693</v>
      </c>
      <c r="C67890" s="1" t="s">
        <v>45</v>
      </c>
      <c r="D67890" s="1" t="s">
        <v>26921</v>
      </c>
      <c r="E67890" s="1" t="s">
        <v>226157</v>
      </c>
      <c r="F67890" s="1" t="s">
        <v>226158</v>
      </c>
      <c r="G67890" s="1" t="s">
        <v>226134</v>
      </c>
      <c r="H67890" s="1" t="s">
        <v>226135</v>
      </c>
      <c r="I67890" s="1" t="s">
        <v>222698</v>
      </c>
      <c r="J67890" s="1" t="s">
        <v>226159</v>
      </c>
    </row>
    <row r="67891" spans="1:10" x14ac:dyDescent="0.35">
      <c r="A67891" s="1" t="s">
        <v>121613</v>
      </c>
      <c r="B67891" s="1" t="s">
        <v>222693</v>
      </c>
      <c r="C67891" s="1" t="s">
        <v>50</v>
      </c>
      <c r="D67891" s="1" t="s">
        <v>226160</v>
      </c>
      <c r="E67891" s="1" t="s">
        <v>226161</v>
      </c>
      <c r="F67891" s="1" t="s">
        <v>226162</v>
      </c>
      <c r="G67891" s="1" t="s">
        <v>226134</v>
      </c>
      <c r="H67891" s="1" t="s">
        <v>226135</v>
      </c>
      <c r="I67891" s="1" t="s">
        <v>222698</v>
      </c>
      <c r="J67891" s="1" t="s">
        <v>226163</v>
      </c>
    </row>
    <row r="67892" spans="1:10" x14ac:dyDescent="0.35">
      <c r="A67892" s="1" t="s">
        <v>121613</v>
      </c>
      <c r="B67892" s="1" t="s">
        <v>222693</v>
      </c>
      <c r="C67892" s="1" t="s">
        <v>55</v>
      </c>
      <c r="D67892" s="1" t="s">
        <v>57686</v>
      </c>
      <c r="E67892" s="1" t="s">
        <v>226164</v>
      </c>
      <c r="F67892" s="1" t="s">
        <v>226165</v>
      </c>
      <c r="G67892" s="1" t="s">
        <v>226134</v>
      </c>
      <c r="H67892" s="1" t="s">
        <v>226135</v>
      </c>
      <c r="I67892" s="1" t="s">
        <v>222698</v>
      </c>
      <c r="J67892" s="1" t="s">
        <v>226166</v>
      </c>
    </row>
    <row r="67893" spans="1:10" x14ac:dyDescent="0.35">
      <c r="A67893" s="1" t="s">
        <v>121613</v>
      </c>
      <c r="B67893" s="1" t="s">
        <v>222693</v>
      </c>
      <c r="C67893" s="1" t="s">
        <v>60</v>
      </c>
      <c r="D67893" s="1" t="s">
        <v>101978</v>
      </c>
      <c r="E67893" s="1" t="s">
        <v>226167</v>
      </c>
      <c r="F67893" s="1" t="s">
        <v>226168</v>
      </c>
      <c r="G67893" s="1" t="s">
        <v>226134</v>
      </c>
      <c r="H67893" s="1" t="s">
        <v>226135</v>
      </c>
      <c r="I67893" s="1" t="s">
        <v>222698</v>
      </c>
      <c r="J67893" s="1" t="s">
        <v>226169</v>
      </c>
    </row>
    <row r="67894" spans="1:10" x14ac:dyDescent="0.35">
      <c r="A67894" s="1" t="s">
        <v>121613</v>
      </c>
      <c r="B67894" s="1" t="s">
        <v>222693</v>
      </c>
      <c r="C67894" s="1" t="s">
        <v>65</v>
      </c>
      <c r="D67894" s="1" t="s">
        <v>226170</v>
      </c>
      <c r="E67894" s="1" t="s">
        <v>226171</v>
      </c>
      <c r="F67894" s="1" t="s">
        <v>226172</v>
      </c>
      <c r="G67894" s="1" t="s">
        <v>226134</v>
      </c>
      <c r="H67894" s="1" t="s">
        <v>226135</v>
      </c>
      <c r="I67894" s="1" t="s">
        <v>222698</v>
      </c>
      <c r="J67894" s="1" t="s">
        <v>226173</v>
      </c>
    </row>
    <row r="67895" spans="1:10" x14ac:dyDescent="0.35">
      <c r="A67895" s="1" t="s">
        <v>121613</v>
      </c>
      <c r="B67895" s="1" t="s">
        <v>222693</v>
      </c>
      <c r="C67895" s="1" t="s">
        <v>70</v>
      </c>
      <c r="D67895" s="1" t="s">
        <v>226174</v>
      </c>
      <c r="E67895" s="1" t="s">
        <v>226175</v>
      </c>
      <c r="F67895" s="1" t="s">
        <v>226176</v>
      </c>
      <c r="G67895" s="1" t="s">
        <v>226134</v>
      </c>
      <c r="H67895" s="1" t="s">
        <v>226135</v>
      </c>
      <c r="I67895" s="1" t="s">
        <v>222698</v>
      </c>
      <c r="J67895" s="1" t="s">
        <v>226177</v>
      </c>
    </row>
    <row r="67896" spans="1:10" x14ac:dyDescent="0.35">
      <c r="A67896" s="1" t="s">
        <v>121613</v>
      </c>
      <c r="B67896" s="1" t="s">
        <v>222693</v>
      </c>
      <c r="C67896" s="1" t="s">
        <v>75</v>
      </c>
      <c r="D67896" s="1" t="s">
        <v>226178</v>
      </c>
      <c r="E67896" s="1" t="s">
        <v>226179</v>
      </c>
      <c r="F67896" s="1" t="s">
        <v>226180</v>
      </c>
      <c r="G67896" s="1" t="s">
        <v>226134</v>
      </c>
      <c r="H67896" s="1" t="s">
        <v>226135</v>
      </c>
      <c r="I67896" s="1" t="s">
        <v>222698</v>
      </c>
      <c r="J67896" s="1" t="s">
        <v>226181</v>
      </c>
    </row>
    <row r="67897" spans="1:10" x14ac:dyDescent="0.35">
      <c r="A67897" s="1" t="s">
        <v>121613</v>
      </c>
      <c r="B67897" s="1" t="s">
        <v>222693</v>
      </c>
      <c r="C67897" s="1" t="s">
        <v>80</v>
      </c>
      <c r="D67897" s="1" t="s">
        <v>226182</v>
      </c>
      <c r="E67897" s="1" t="s">
        <v>226183</v>
      </c>
      <c r="F67897" s="1" t="s">
        <v>226184</v>
      </c>
      <c r="G67897" s="1" t="s">
        <v>226134</v>
      </c>
      <c r="H67897" s="1" t="s">
        <v>226135</v>
      </c>
      <c r="I67897" s="1" t="s">
        <v>222698</v>
      </c>
      <c r="J67897" s="1" t="s">
        <v>226185</v>
      </c>
    </row>
    <row r="67898" spans="1:10" x14ac:dyDescent="0.35">
      <c r="A67898" s="1" t="s">
        <v>121613</v>
      </c>
      <c r="B67898" s="1" t="s">
        <v>222693</v>
      </c>
      <c r="C67898" s="1" t="s">
        <v>85</v>
      </c>
      <c r="D67898" s="1" t="s">
        <v>226186</v>
      </c>
      <c r="E67898" s="1" t="s">
        <v>226187</v>
      </c>
      <c r="F67898" s="1" t="s">
        <v>226188</v>
      </c>
      <c r="G67898" s="1" t="s">
        <v>226134</v>
      </c>
      <c r="H67898" s="1" t="s">
        <v>226135</v>
      </c>
      <c r="I67898" s="1" t="s">
        <v>222698</v>
      </c>
      <c r="J67898" s="1" t="s">
        <v>226189</v>
      </c>
    </row>
    <row r="67899" spans="1:10" x14ac:dyDescent="0.35">
      <c r="A67899" s="1" t="s">
        <v>121613</v>
      </c>
      <c r="B67899" s="1" t="s">
        <v>222693</v>
      </c>
      <c r="C67899" s="1" t="s">
        <v>90</v>
      </c>
      <c r="D67899" s="1" t="s">
        <v>226190</v>
      </c>
      <c r="E67899" s="1" t="s">
        <v>226191</v>
      </c>
      <c r="F67899" s="1" t="s">
        <v>226192</v>
      </c>
      <c r="G67899" s="1" t="s">
        <v>226134</v>
      </c>
      <c r="H67899" s="1" t="s">
        <v>226135</v>
      </c>
      <c r="I67899" s="1" t="s">
        <v>222698</v>
      </c>
      <c r="J67899" s="1" t="s">
        <v>226193</v>
      </c>
    </row>
    <row r="67900" spans="1:10" x14ac:dyDescent="0.35">
      <c r="A67900" s="1" t="s">
        <v>121613</v>
      </c>
      <c r="B67900" s="1" t="s">
        <v>222693</v>
      </c>
      <c r="C67900" s="1" t="s">
        <v>95</v>
      </c>
      <c r="D67900" s="1" t="s">
        <v>226194</v>
      </c>
      <c r="E67900" s="1" t="s">
        <v>226195</v>
      </c>
      <c r="F67900" s="1" t="s">
        <v>226196</v>
      </c>
      <c r="G67900" s="1" t="s">
        <v>226134</v>
      </c>
      <c r="H67900" s="1" t="s">
        <v>226135</v>
      </c>
      <c r="I67900" s="1" t="s">
        <v>222698</v>
      </c>
      <c r="J67900" s="1" t="s">
        <v>226197</v>
      </c>
    </row>
    <row r="67901" spans="1:10" x14ac:dyDescent="0.35">
      <c r="A67901" s="1" t="s">
        <v>121613</v>
      </c>
      <c r="B67901" s="1" t="s">
        <v>222693</v>
      </c>
      <c r="C67901" s="1" t="s">
        <v>100</v>
      </c>
      <c r="D67901" s="1" t="s">
        <v>226198</v>
      </c>
      <c r="E67901" s="1" t="s">
        <v>226199</v>
      </c>
      <c r="F67901" s="1" t="s">
        <v>226200</v>
      </c>
      <c r="G67901" s="1" t="s">
        <v>226134</v>
      </c>
      <c r="H67901" s="1" t="s">
        <v>226135</v>
      </c>
      <c r="I67901" s="1" t="s">
        <v>222698</v>
      </c>
      <c r="J67901" s="1" t="s">
        <v>226201</v>
      </c>
    </row>
    <row r="67902" spans="1:10" x14ac:dyDescent="0.35">
      <c r="A67902" s="1" t="s">
        <v>121613</v>
      </c>
      <c r="B67902" s="1" t="s">
        <v>222693</v>
      </c>
      <c r="C67902" s="1" t="s">
        <v>105</v>
      </c>
      <c r="D67902" s="1" t="s">
        <v>226202</v>
      </c>
      <c r="E67902" s="1" t="s">
        <v>226203</v>
      </c>
      <c r="F67902" s="1" t="s">
        <v>226204</v>
      </c>
      <c r="G67902" s="1" t="s">
        <v>226134</v>
      </c>
      <c r="H67902" s="1" t="s">
        <v>226135</v>
      </c>
      <c r="I67902" s="1" t="s">
        <v>222698</v>
      </c>
      <c r="J67902" s="1" t="s">
        <v>226205</v>
      </c>
    </row>
    <row r="67903" spans="1:10" x14ac:dyDescent="0.35">
      <c r="A67903" s="1" t="s">
        <v>121613</v>
      </c>
      <c r="B67903" s="1" t="s">
        <v>222693</v>
      </c>
      <c r="C67903" s="1" t="s">
        <v>110</v>
      </c>
      <c r="D67903" s="1" t="s">
        <v>226206</v>
      </c>
      <c r="E67903" s="1" t="s">
        <v>226207</v>
      </c>
      <c r="F67903" s="1" t="s">
        <v>226208</v>
      </c>
      <c r="G67903" s="1" t="s">
        <v>226134</v>
      </c>
      <c r="H67903" s="1" t="s">
        <v>226135</v>
      </c>
      <c r="I67903" s="1" t="s">
        <v>222698</v>
      </c>
      <c r="J67903" s="1" t="s">
        <v>226209</v>
      </c>
    </row>
    <row r="67904" spans="1:10" x14ac:dyDescent="0.35">
      <c r="A67904" s="1" t="s">
        <v>121613</v>
      </c>
      <c r="B67904" s="1" t="s">
        <v>222693</v>
      </c>
      <c r="C67904" s="1" t="s">
        <v>115</v>
      </c>
      <c r="D67904" s="1" t="s">
        <v>226210</v>
      </c>
      <c r="E67904" s="1" t="s">
        <v>226211</v>
      </c>
      <c r="F67904" s="1" t="s">
        <v>226212</v>
      </c>
      <c r="G67904" s="1" t="s">
        <v>226134</v>
      </c>
      <c r="H67904" s="1" t="s">
        <v>226135</v>
      </c>
      <c r="I67904" s="1" t="s">
        <v>222698</v>
      </c>
      <c r="J67904" s="1" t="s">
        <v>226213</v>
      </c>
    </row>
    <row r="67905" spans="1:10" x14ac:dyDescent="0.35">
      <c r="A67905" s="1" t="s">
        <v>121613</v>
      </c>
      <c r="B67905" s="1" t="s">
        <v>222693</v>
      </c>
      <c r="C67905" s="1" t="s">
        <v>120</v>
      </c>
      <c r="D67905" s="1" t="s">
        <v>226214</v>
      </c>
      <c r="E67905" s="1" t="s">
        <v>226215</v>
      </c>
      <c r="F67905" s="1" t="s">
        <v>226216</v>
      </c>
      <c r="G67905" s="1" t="s">
        <v>226134</v>
      </c>
      <c r="H67905" s="1" t="s">
        <v>226135</v>
      </c>
      <c r="I67905" s="1" t="s">
        <v>222698</v>
      </c>
      <c r="J67905" s="1" t="s">
        <v>226217</v>
      </c>
    </row>
    <row r="67906" spans="1:10" x14ac:dyDescent="0.35">
      <c r="A67906" s="1" t="s">
        <v>121613</v>
      </c>
      <c r="B67906" s="1" t="s">
        <v>222693</v>
      </c>
      <c r="C67906" s="1" t="s">
        <v>125</v>
      </c>
      <c r="D67906" s="1" t="s">
        <v>226218</v>
      </c>
      <c r="E67906" s="1" t="s">
        <v>226219</v>
      </c>
      <c r="F67906" s="1" t="s">
        <v>226220</v>
      </c>
      <c r="G67906" s="1" t="s">
        <v>226134</v>
      </c>
      <c r="H67906" s="1" t="s">
        <v>226135</v>
      </c>
      <c r="I67906" s="1" t="s">
        <v>222698</v>
      </c>
      <c r="J67906" s="1" t="s">
        <v>226221</v>
      </c>
    </row>
    <row r="67907" spans="1:10" x14ac:dyDescent="0.35">
      <c r="A67907" s="1" t="s">
        <v>121613</v>
      </c>
      <c r="B67907" s="1" t="s">
        <v>222693</v>
      </c>
      <c r="C67907" s="1" t="s">
        <v>130</v>
      </c>
      <c r="D67907" s="1" t="s">
        <v>94810</v>
      </c>
      <c r="E67907" s="1" t="s">
        <v>226222</v>
      </c>
      <c r="F67907" s="1" t="s">
        <v>226223</v>
      </c>
      <c r="G67907" s="1" t="s">
        <v>226134</v>
      </c>
      <c r="H67907" s="1" t="s">
        <v>226135</v>
      </c>
      <c r="I67907" s="1" t="s">
        <v>222698</v>
      </c>
      <c r="J67907" s="1" t="s">
        <v>226224</v>
      </c>
    </row>
    <row r="67908" spans="1:10" x14ac:dyDescent="0.35">
      <c r="A67908" s="1" t="s">
        <v>121613</v>
      </c>
      <c r="B67908" s="1" t="s">
        <v>222693</v>
      </c>
      <c r="C67908" s="1" t="s">
        <v>135</v>
      </c>
      <c r="D67908" s="1" t="s">
        <v>226225</v>
      </c>
      <c r="E67908" s="1" t="s">
        <v>226226</v>
      </c>
      <c r="F67908" s="1" t="s">
        <v>226227</v>
      </c>
      <c r="G67908" s="1" t="s">
        <v>226134</v>
      </c>
      <c r="H67908" s="1" t="s">
        <v>226135</v>
      </c>
      <c r="I67908" s="1" t="s">
        <v>222698</v>
      </c>
      <c r="J67908" s="1" t="s">
        <v>226228</v>
      </c>
    </row>
    <row r="67909" spans="1:10" x14ac:dyDescent="0.35">
      <c r="A67909" s="1" t="s">
        <v>121613</v>
      </c>
      <c r="B67909" s="1" t="s">
        <v>222693</v>
      </c>
      <c r="C67909" s="1" t="s">
        <v>140</v>
      </c>
      <c r="D67909" s="1" t="s">
        <v>226229</v>
      </c>
      <c r="E67909" s="1" t="s">
        <v>226230</v>
      </c>
      <c r="F67909" s="1" t="s">
        <v>226231</v>
      </c>
      <c r="G67909" s="1" t="s">
        <v>226134</v>
      </c>
      <c r="H67909" s="1" t="s">
        <v>226135</v>
      </c>
      <c r="I67909" s="1" t="s">
        <v>222698</v>
      </c>
      <c r="J67909" s="1" t="s">
        <v>226232</v>
      </c>
    </row>
    <row r="67910" spans="1:10" x14ac:dyDescent="0.35">
      <c r="A67910" s="1" t="s">
        <v>121613</v>
      </c>
      <c r="B67910" s="1" t="s">
        <v>222693</v>
      </c>
      <c r="C67910" s="1" t="s">
        <v>145</v>
      </c>
      <c r="D67910" s="1" t="s">
        <v>226233</v>
      </c>
      <c r="E67910" s="1" t="s">
        <v>226234</v>
      </c>
      <c r="F67910" s="1" t="s">
        <v>226235</v>
      </c>
      <c r="G67910" s="1" t="s">
        <v>226134</v>
      </c>
      <c r="H67910" s="1" t="s">
        <v>226135</v>
      </c>
      <c r="I67910" s="1" t="s">
        <v>222698</v>
      </c>
      <c r="J67910" s="1" t="s">
        <v>226236</v>
      </c>
    </row>
    <row r="67911" spans="1:10" x14ac:dyDescent="0.35">
      <c r="A67911" s="1" t="s">
        <v>121613</v>
      </c>
      <c r="B67911" s="1" t="s">
        <v>222693</v>
      </c>
      <c r="C67911" s="1" t="s">
        <v>150</v>
      </c>
      <c r="D67911" s="1" t="s">
        <v>226237</v>
      </c>
      <c r="E67911" s="1" t="s">
        <v>226238</v>
      </c>
      <c r="F67911" s="1" t="s">
        <v>226239</v>
      </c>
      <c r="G67911" s="1" t="s">
        <v>226134</v>
      </c>
      <c r="H67911" s="1" t="s">
        <v>226135</v>
      </c>
      <c r="I67911" s="1" t="s">
        <v>222698</v>
      </c>
      <c r="J67911" s="1" t="s">
        <v>226240</v>
      </c>
    </row>
    <row r="67912" spans="1:10" x14ac:dyDescent="0.35">
      <c r="A67912" s="1" t="s">
        <v>121613</v>
      </c>
      <c r="B67912" s="1" t="s">
        <v>222693</v>
      </c>
      <c r="C67912" s="1" t="s">
        <v>155</v>
      </c>
      <c r="D67912" s="1" t="s">
        <v>226241</v>
      </c>
      <c r="E67912" s="1" t="s">
        <v>226242</v>
      </c>
      <c r="F67912" s="1" t="s">
        <v>226243</v>
      </c>
      <c r="G67912" s="1" t="s">
        <v>226134</v>
      </c>
      <c r="H67912" s="1" t="s">
        <v>226135</v>
      </c>
      <c r="I67912" s="1" t="s">
        <v>222698</v>
      </c>
      <c r="J67912" s="1" t="s">
        <v>226244</v>
      </c>
    </row>
    <row r="67913" spans="1:10" x14ac:dyDescent="0.35">
      <c r="A67913" s="1" t="s">
        <v>121613</v>
      </c>
      <c r="B67913" s="1" t="s">
        <v>222693</v>
      </c>
      <c r="C67913" s="1" t="s">
        <v>160</v>
      </c>
      <c r="D67913" s="1" t="s">
        <v>226245</v>
      </c>
      <c r="E67913" s="1" t="s">
        <v>226246</v>
      </c>
      <c r="F67913" s="1" t="s">
        <v>226247</v>
      </c>
      <c r="G67913" s="1" t="s">
        <v>226134</v>
      </c>
      <c r="H67913" s="1" t="s">
        <v>226135</v>
      </c>
      <c r="I67913" s="1" t="s">
        <v>222698</v>
      </c>
      <c r="J67913" s="1" t="s">
        <v>226248</v>
      </c>
    </row>
    <row r="67914" spans="1:10" x14ac:dyDescent="0.35">
      <c r="A67914" s="1" t="s">
        <v>121613</v>
      </c>
      <c r="B67914" s="1" t="s">
        <v>222693</v>
      </c>
      <c r="C67914" s="1" t="s">
        <v>165</v>
      </c>
      <c r="D67914" s="1" t="s">
        <v>226249</v>
      </c>
      <c r="E67914" s="1" t="s">
        <v>226250</v>
      </c>
      <c r="F67914" s="1" t="s">
        <v>226251</v>
      </c>
      <c r="G67914" s="1" t="s">
        <v>226134</v>
      </c>
      <c r="H67914" s="1" t="s">
        <v>226135</v>
      </c>
      <c r="I67914" s="1" t="s">
        <v>222698</v>
      </c>
      <c r="J67914" s="1" t="s">
        <v>226252</v>
      </c>
    </row>
    <row r="67915" spans="1:10" x14ac:dyDescent="0.35">
      <c r="A67915" s="1" t="s">
        <v>121613</v>
      </c>
      <c r="B67915" s="1" t="s">
        <v>222693</v>
      </c>
      <c r="C67915" s="1" t="s">
        <v>170</v>
      </c>
      <c r="D67915" s="1" t="s">
        <v>84145</v>
      </c>
      <c r="E67915" s="1" t="s">
        <v>226253</v>
      </c>
      <c r="F67915" s="1" t="s">
        <v>226254</v>
      </c>
      <c r="G67915" s="1" t="s">
        <v>226134</v>
      </c>
      <c r="H67915" s="1" t="s">
        <v>226135</v>
      </c>
      <c r="I67915" s="1" t="s">
        <v>222698</v>
      </c>
      <c r="J67915" s="1" t="s">
        <v>226255</v>
      </c>
    </row>
    <row r="67916" spans="1:10" x14ac:dyDescent="0.35">
      <c r="A67916" s="1" t="s">
        <v>156443</v>
      </c>
      <c r="B67916" s="1" t="s">
        <v>222693</v>
      </c>
      <c r="C67916" s="1" t="s">
        <v>8</v>
      </c>
      <c r="D67916" s="1" t="s">
        <v>226256</v>
      </c>
      <c r="E67916" s="1" t="s">
        <v>226257</v>
      </c>
      <c r="F67916" s="1" t="s">
        <v>226258</v>
      </c>
      <c r="G67916" s="1" t="s">
        <v>226259</v>
      </c>
      <c r="H67916" s="1" t="s">
        <v>226260</v>
      </c>
      <c r="I67916" s="1" t="s">
        <v>222698</v>
      </c>
      <c r="J67916" s="1" t="s">
        <v>13</v>
      </c>
    </row>
    <row r="67917" spans="1:10" x14ac:dyDescent="0.35">
      <c r="A67917" s="1" t="s">
        <v>156443</v>
      </c>
      <c r="B67917" s="1" t="s">
        <v>222693</v>
      </c>
      <c r="C67917" s="1" t="s">
        <v>15</v>
      </c>
      <c r="D67917" s="1" t="s">
        <v>226261</v>
      </c>
      <c r="E67917" s="1" t="s">
        <v>226262</v>
      </c>
      <c r="F67917" s="1" t="s">
        <v>226263</v>
      </c>
      <c r="G67917" s="1" t="s">
        <v>226259</v>
      </c>
      <c r="H67917" s="1" t="s">
        <v>226260</v>
      </c>
      <c r="I67917" s="1" t="s">
        <v>222698</v>
      </c>
      <c r="J67917" s="1" t="s">
        <v>226264</v>
      </c>
    </row>
    <row r="67918" spans="1:10" x14ac:dyDescent="0.35">
      <c r="A67918" s="1" t="s">
        <v>156443</v>
      </c>
      <c r="B67918" s="1" t="s">
        <v>222693</v>
      </c>
      <c r="C67918" s="1" t="s">
        <v>20</v>
      </c>
      <c r="D67918" s="1" t="s">
        <v>226265</v>
      </c>
      <c r="E67918" s="1" t="s">
        <v>226266</v>
      </c>
      <c r="F67918" s="1" t="s">
        <v>226267</v>
      </c>
      <c r="G67918" s="1" t="s">
        <v>226259</v>
      </c>
      <c r="H67918" s="1" t="s">
        <v>226260</v>
      </c>
      <c r="I67918" s="1" t="s">
        <v>222698</v>
      </c>
      <c r="J67918" s="1" t="s">
        <v>226268</v>
      </c>
    </row>
    <row r="67919" spans="1:10" x14ac:dyDescent="0.35">
      <c r="A67919" s="1" t="s">
        <v>156443</v>
      </c>
      <c r="B67919" s="1" t="s">
        <v>222693</v>
      </c>
      <c r="C67919" s="1" t="s">
        <v>25</v>
      </c>
      <c r="D67919" s="1" t="s">
        <v>226269</v>
      </c>
      <c r="E67919" s="1" t="s">
        <v>226270</v>
      </c>
      <c r="F67919" s="1" t="s">
        <v>226271</v>
      </c>
      <c r="G67919" s="1" t="s">
        <v>226259</v>
      </c>
      <c r="H67919" s="1" t="s">
        <v>226260</v>
      </c>
      <c r="I67919" s="1" t="s">
        <v>222698</v>
      </c>
      <c r="J67919" s="1" t="s">
        <v>226272</v>
      </c>
    </row>
    <row r="67920" spans="1:10" x14ac:dyDescent="0.35">
      <c r="A67920" s="1" t="s">
        <v>156443</v>
      </c>
      <c r="B67920" s="1" t="s">
        <v>222693</v>
      </c>
      <c r="C67920" s="1" t="s">
        <v>30</v>
      </c>
      <c r="D67920" s="1" t="s">
        <v>105516</v>
      </c>
      <c r="E67920" s="1" t="s">
        <v>226273</v>
      </c>
      <c r="F67920" s="1" t="s">
        <v>226274</v>
      </c>
      <c r="G67920" s="1" t="s">
        <v>226259</v>
      </c>
      <c r="H67920" s="1" t="s">
        <v>226260</v>
      </c>
      <c r="I67920" s="1" t="s">
        <v>222698</v>
      </c>
      <c r="J67920" s="1" t="s">
        <v>226275</v>
      </c>
    </row>
    <row r="67921" spans="1:10" x14ac:dyDescent="0.35">
      <c r="A67921" s="1" t="s">
        <v>156443</v>
      </c>
      <c r="B67921" s="1" t="s">
        <v>222693</v>
      </c>
      <c r="C67921" s="1" t="s">
        <v>35</v>
      </c>
      <c r="D67921" s="1" t="s">
        <v>180357</v>
      </c>
      <c r="E67921" s="1" t="s">
        <v>226276</v>
      </c>
      <c r="F67921" s="1" t="s">
        <v>226277</v>
      </c>
      <c r="G67921" s="1" t="s">
        <v>226259</v>
      </c>
      <c r="H67921" s="1" t="s">
        <v>226260</v>
      </c>
      <c r="I67921" s="1" t="s">
        <v>222698</v>
      </c>
      <c r="J67921" s="1" t="s">
        <v>226278</v>
      </c>
    </row>
    <row r="67922" spans="1:10" x14ac:dyDescent="0.35">
      <c r="A67922" s="1" t="s">
        <v>156443</v>
      </c>
      <c r="B67922" s="1" t="s">
        <v>222693</v>
      </c>
      <c r="C67922" s="1" t="s">
        <v>40</v>
      </c>
      <c r="D67922" s="1" t="s">
        <v>226279</v>
      </c>
      <c r="E67922" s="1" t="s">
        <v>226280</v>
      </c>
      <c r="F67922" s="1" t="s">
        <v>226281</v>
      </c>
      <c r="G67922" s="1" t="s">
        <v>226259</v>
      </c>
      <c r="H67922" s="1" t="s">
        <v>226260</v>
      </c>
      <c r="I67922" s="1" t="s">
        <v>222698</v>
      </c>
      <c r="J67922" s="1" t="s">
        <v>226282</v>
      </c>
    </row>
    <row r="67923" spans="1:10" x14ac:dyDescent="0.35">
      <c r="A67923" s="1" t="s">
        <v>156443</v>
      </c>
      <c r="B67923" s="1" t="s">
        <v>222693</v>
      </c>
      <c r="C67923" s="1" t="s">
        <v>45</v>
      </c>
      <c r="D67923" s="1" t="s">
        <v>40925</v>
      </c>
      <c r="E67923" s="1" t="s">
        <v>226283</v>
      </c>
      <c r="F67923" s="1" t="s">
        <v>226284</v>
      </c>
      <c r="G67923" s="1" t="s">
        <v>226259</v>
      </c>
      <c r="H67923" s="1" t="s">
        <v>226260</v>
      </c>
      <c r="I67923" s="1" t="s">
        <v>222698</v>
      </c>
      <c r="J67923" s="1" t="s">
        <v>226285</v>
      </c>
    </row>
    <row r="67924" spans="1:10" x14ac:dyDescent="0.35">
      <c r="A67924" s="1" t="s">
        <v>156443</v>
      </c>
      <c r="B67924" s="1" t="s">
        <v>222693</v>
      </c>
      <c r="C67924" s="1" t="s">
        <v>50</v>
      </c>
      <c r="D67924" s="1" t="s">
        <v>226286</v>
      </c>
      <c r="E67924" s="1" t="s">
        <v>226287</v>
      </c>
      <c r="F67924" s="1" t="s">
        <v>226288</v>
      </c>
      <c r="G67924" s="1" t="s">
        <v>226259</v>
      </c>
      <c r="H67924" s="1" t="s">
        <v>226260</v>
      </c>
      <c r="I67924" s="1" t="s">
        <v>222698</v>
      </c>
      <c r="J67924" s="1" t="s">
        <v>226289</v>
      </c>
    </row>
    <row r="67925" spans="1:10" x14ac:dyDescent="0.35">
      <c r="A67925" s="1" t="s">
        <v>156443</v>
      </c>
      <c r="B67925" s="1" t="s">
        <v>222693</v>
      </c>
      <c r="C67925" s="1" t="s">
        <v>55</v>
      </c>
      <c r="D67925" s="1" t="s">
        <v>226290</v>
      </c>
      <c r="E67925" s="1" t="s">
        <v>226291</v>
      </c>
      <c r="F67925" s="1" t="s">
        <v>226292</v>
      </c>
      <c r="G67925" s="1" t="s">
        <v>226259</v>
      </c>
      <c r="H67925" s="1" t="s">
        <v>226260</v>
      </c>
      <c r="I67925" s="1" t="s">
        <v>222698</v>
      </c>
      <c r="J67925" s="1" t="s">
        <v>226293</v>
      </c>
    </row>
    <row r="67926" spans="1:10" x14ac:dyDescent="0.35">
      <c r="A67926" s="1" t="s">
        <v>156443</v>
      </c>
      <c r="B67926" s="1" t="s">
        <v>222693</v>
      </c>
      <c r="C67926" s="1" t="s">
        <v>60</v>
      </c>
      <c r="D67926" s="1" t="s">
        <v>226294</v>
      </c>
      <c r="E67926" s="1" t="s">
        <v>226295</v>
      </c>
      <c r="F67926" s="1" t="s">
        <v>226296</v>
      </c>
      <c r="G67926" s="1" t="s">
        <v>226259</v>
      </c>
      <c r="H67926" s="1" t="s">
        <v>226260</v>
      </c>
      <c r="I67926" s="1" t="s">
        <v>222698</v>
      </c>
      <c r="J67926" s="1" t="s">
        <v>226297</v>
      </c>
    </row>
    <row r="67927" spans="1:10" x14ac:dyDescent="0.35">
      <c r="A67927" s="1" t="s">
        <v>156443</v>
      </c>
      <c r="B67927" s="1" t="s">
        <v>222693</v>
      </c>
      <c r="C67927" s="1" t="s">
        <v>65</v>
      </c>
      <c r="D67927" s="1" t="s">
        <v>126930</v>
      </c>
      <c r="E67927" s="1" t="s">
        <v>226298</v>
      </c>
      <c r="F67927" s="1" t="s">
        <v>226299</v>
      </c>
      <c r="G67927" s="1" t="s">
        <v>226259</v>
      </c>
      <c r="H67927" s="1" t="s">
        <v>226260</v>
      </c>
      <c r="I67927" s="1" t="s">
        <v>222698</v>
      </c>
      <c r="J67927" s="1" t="s">
        <v>226300</v>
      </c>
    </row>
    <row r="67928" spans="1:10" x14ac:dyDescent="0.35">
      <c r="A67928" s="1" t="s">
        <v>156443</v>
      </c>
      <c r="B67928" s="1" t="s">
        <v>222693</v>
      </c>
      <c r="C67928" s="1" t="s">
        <v>70</v>
      </c>
      <c r="D67928" s="1" t="s">
        <v>226301</v>
      </c>
      <c r="E67928" s="1" t="s">
        <v>226302</v>
      </c>
      <c r="F67928" s="1" t="s">
        <v>226303</v>
      </c>
      <c r="G67928" s="1" t="s">
        <v>226259</v>
      </c>
      <c r="H67928" s="1" t="s">
        <v>226260</v>
      </c>
      <c r="I67928" s="1" t="s">
        <v>222698</v>
      </c>
      <c r="J67928" s="1" t="s">
        <v>226304</v>
      </c>
    </row>
    <row r="67929" spans="1:10" x14ac:dyDescent="0.35">
      <c r="A67929" s="1" t="s">
        <v>156443</v>
      </c>
      <c r="B67929" s="1" t="s">
        <v>222693</v>
      </c>
      <c r="C67929" s="1" t="s">
        <v>75</v>
      </c>
      <c r="D67929" s="1" t="s">
        <v>21756</v>
      </c>
      <c r="E67929" s="1" t="s">
        <v>226305</v>
      </c>
      <c r="F67929" s="1" t="s">
        <v>226306</v>
      </c>
      <c r="G67929" s="1" t="s">
        <v>226259</v>
      </c>
      <c r="H67929" s="1" t="s">
        <v>226260</v>
      </c>
      <c r="I67929" s="1" t="s">
        <v>222698</v>
      </c>
      <c r="J67929" s="1" t="s">
        <v>226307</v>
      </c>
    </row>
    <row r="67930" spans="1:10" x14ac:dyDescent="0.35">
      <c r="A67930" s="1" t="s">
        <v>156443</v>
      </c>
      <c r="B67930" s="1" t="s">
        <v>222693</v>
      </c>
      <c r="C67930" s="1" t="s">
        <v>80</v>
      </c>
      <c r="D67930" s="1" t="s">
        <v>226308</v>
      </c>
      <c r="E67930" s="1" t="s">
        <v>226309</v>
      </c>
      <c r="F67930" s="1" t="s">
        <v>226310</v>
      </c>
      <c r="G67930" s="1" t="s">
        <v>226259</v>
      </c>
      <c r="H67930" s="1" t="s">
        <v>226260</v>
      </c>
      <c r="I67930" s="1" t="s">
        <v>222698</v>
      </c>
      <c r="J67930" s="1" t="s">
        <v>226311</v>
      </c>
    </row>
    <row r="67931" spans="1:10" x14ac:dyDescent="0.35">
      <c r="A67931" s="1" t="s">
        <v>156443</v>
      </c>
      <c r="B67931" s="1" t="s">
        <v>222693</v>
      </c>
      <c r="C67931" s="1" t="s">
        <v>85</v>
      </c>
      <c r="D67931" s="1" t="s">
        <v>226312</v>
      </c>
      <c r="E67931" s="1" t="s">
        <v>226313</v>
      </c>
      <c r="F67931" s="1" t="s">
        <v>226314</v>
      </c>
      <c r="G67931" s="1" t="s">
        <v>226259</v>
      </c>
      <c r="H67931" s="1" t="s">
        <v>226260</v>
      </c>
      <c r="I67931" s="1" t="s">
        <v>222698</v>
      </c>
      <c r="J67931" s="1" t="s">
        <v>226315</v>
      </c>
    </row>
    <row r="67932" spans="1:10" x14ac:dyDescent="0.35">
      <c r="A67932" s="1" t="s">
        <v>156443</v>
      </c>
      <c r="B67932" s="1" t="s">
        <v>222693</v>
      </c>
      <c r="C67932" s="1" t="s">
        <v>90</v>
      </c>
      <c r="D67932" s="1" t="s">
        <v>226316</v>
      </c>
      <c r="E67932" s="1" t="s">
        <v>226317</v>
      </c>
      <c r="F67932" s="1" t="s">
        <v>226318</v>
      </c>
      <c r="G67932" s="1" t="s">
        <v>226259</v>
      </c>
      <c r="H67932" s="1" t="s">
        <v>226260</v>
      </c>
      <c r="I67932" s="1" t="s">
        <v>222698</v>
      </c>
      <c r="J67932" s="1" t="s">
        <v>226319</v>
      </c>
    </row>
    <row r="67933" spans="1:10" x14ac:dyDescent="0.35">
      <c r="A67933" s="1" t="s">
        <v>156443</v>
      </c>
      <c r="B67933" s="1" t="s">
        <v>222693</v>
      </c>
      <c r="C67933" s="1" t="s">
        <v>95</v>
      </c>
      <c r="D67933" s="1" t="s">
        <v>226320</v>
      </c>
      <c r="E67933" s="1" t="s">
        <v>226321</v>
      </c>
      <c r="F67933" s="1" t="s">
        <v>226322</v>
      </c>
      <c r="G67933" s="1" t="s">
        <v>226259</v>
      </c>
      <c r="H67933" s="1" t="s">
        <v>226260</v>
      </c>
      <c r="I67933" s="1" t="s">
        <v>222698</v>
      </c>
      <c r="J67933" s="1" t="s">
        <v>226323</v>
      </c>
    </row>
    <row r="67934" spans="1:10" x14ac:dyDescent="0.35">
      <c r="A67934" s="1" t="s">
        <v>156443</v>
      </c>
      <c r="B67934" s="1" t="s">
        <v>222693</v>
      </c>
      <c r="C67934" s="1" t="s">
        <v>100</v>
      </c>
      <c r="D67934" s="1" t="s">
        <v>226324</v>
      </c>
      <c r="E67934" s="1" t="s">
        <v>226325</v>
      </c>
      <c r="F67934" s="1" t="s">
        <v>226326</v>
      </c>
      <c r="G67934" s="1" t="s">
        <v>226259</v>
      </c>
      <c r="H67934" s="1" t="s">
        <v>226260</v>
      </c>
      <c r="I67934" s="1" t="s">
        <v>222698</v>
      </c>
      <c r="J67934" s="1" t="s">
        <v>226327</v>
      </c>
    </row>
    <row r="67935" spans="1:10" x14ac:dyDescent="0.35">
      <c r="A67935" s="1" t="s">
        <v>156443</v>
      </c>
      <c r="B67935" s="1" t="s">
        <v>222693</v>
      </c>
      <c r="C67935" s="1" t="s">
        <v>105</v>
      </c>
      <c r="D67935" s="1" t="s">
        <v>226328</v>
      </c>
      <c r="E67935" s="1" t="s">
        <v>226329</v>
      </c>
      <c r="F67935" s="1" t="s">
        <v>226330</v>
      </c>
      <c r="G67935" s="1" t="s">
        <v>226259</v>
      </c>
      <c r="H67935" s="1" t="s">
        <v>226260</v>
      </c>
      <c r="I67935" s="1" t="s">
        <v>222698</v>
      </c>
      <c r="J67935" s="1" t="s">
        <v>226331</v>
      </c>
    </row>
    <row r="67936" spans="1:10" x14ac:dyDescent="0.35">
      <c r="A67936" s="1" t="s">
        <v>156443</v>
      </c>
      <c r="B67936" s="1" t="s">
        <v>222693</v>
      </c>
      <c r="C67936" s="1" t="s">
        <v>110</v>
      </c>
      <c r="D67936" s="1" t="s">
        <v>226332</v>
      </c>
      <c r="E67936" s="1" t="s">
        <v>226333</v>
      </c>
      <c r="F67936" s="1" t="s">
        <v>226334</v>
      </c>
      <c r="G67936" s="1" t="s">
        <v>226259</v>
      </c>
      <c r="H67936" s="1" t="s">
        <v>226260</v>
      </c>
      <c r="I67936" s="1" t="s">
        <v>222698</v>
      </c>
      <c r="J67936" s="1" t="s">
        <v>226335</v>
      </c>
    </row>
    <row r="67937" spans="1:10" x14ac:dyDescent="0.35">
      <c r="A67937" s="1" t="s">
        <v>156443</v>
      </c>
      <c r="B67937" s="1" t="s">
        <v>222693</v>
      </c>
      <c r="C67937" s="1" t="s">
        <v>115</v>
      </c>
      <c r="D67937" s="1" t="s">
        <v>226336</v>
      </c>
      <c r="E67937" s="1" t="s">
        <v>226337</v>
      </c>
      <c r="F67937" s="1" t="s">
        <v>226338</v>
      </c>
      <c r="G67937" s="1" t="s">
        <v>226259</v>
      </c>
      <c r="H67937" s="1" t="s">
        <v>226260</v>
      </c>
      <c r="I67937" s="1" t="s">
        <v>222698</v>
      </c>
      <c r="J67937" s="1" t="s">
        <v>226339</v>
      </c>
    </row>
    <row r="67938" spans="1:10" x14ac:dyDescent="0.35">
      <c r="A67938" s="1" t="s">
        <v>156443</v>
      </c>
      <c r="B67938" s="1" t="s">
        <v>222693</v>
      </c>
      <c r="C67938" s="1" t="s">
        <v>120</v>
      </c>
      <c r="D67938" s="1" t="s">
        <v>226340</v>
      </c>
      <c r="E67938" s="1" t="s">
        <v>226341</v>
      </c>
      <c r="F67938" s="1" t="s">
        <v>226342</v>
      </c>
      <c r="G67938" s="1" t="s">
        <v>226259</v>
      </c>
      <c r="H67938" s="1" t="s">
        <v>226260</v>
      </c>
      <c r="I67938" s="1" t="s">
        <v>222698</v>
      </c>
      <c r="J67938" s="1" t="s">
        <v>226343</v>
      </c>
    </row>
    <row r="67939" spans="1:10" x14ac:dyDescent="0.35">
      <c r="A67939" s="1" t="s">
        <v>156443</v>
      </c>
      <c r="B67939" s="1" t="s">
        <v>222693</v>
      </c>
      <c r="C67939" s="1" t="s">
        <v>125</v>
      </c>
      <c r="D67939" s="1" t="s">
        <v>226344</v>
      </c>
      <c r="E67939" s="1" t="s">
        <v>226345</v>
      </c>
      <c r="F67939" s="1" t="s">
        <v>226346</v>
      </c>
      <c r="G67939" s="1" t="s">
        <v>226259</v>
      </c>
      <c r="H67939" s="1" t="s">
        <v>226260</v>
      </c>
      <c r="I67939" s="1" t="s">
        <v>222698</v>
      </c>
      <c r="J67939" s="1" t="s">
        <v>226347</v>
      </c>
    </row>
    <row r="67940" spans="1:10" x14ac:dyDescent="0.35">
      <c r="A67940" s="1" t="s">
        <v>156443</v>
      </c>
      <c r="B67940" s="1" t="s">
        <v>222693</v>
      </c>
      <c r="C67940" s="1" t="s">
        <v>130</v>
      </c>
      <c r="D67940" s="1" t="s">
        <v>226348</v>
      </c>
      <c r="E67940" s="1" t="s">
        <v>226349</v>
      </c>
      <c r="F67940" s="1" t="s">
        <v>226350</v>
      </c>
      <c r="G67940" s="1" t="s">
        <v>226259</v>
      </c>
      <c r="H67940" s="1" t="s">
        <v>226260</v>
      </c>
      <c r="I67940" s="1" t="s">
        <v>222698</v>
      </c>
      <c r="J67940" s="1" t="s">
        <v>226351</v>
      </c>
    </row>
    <row r="67941" spans="1:10" x14ac:dyDescent="0.35">
      <c r="A67941" s="1" t="s">
        <v>156443</v>
      </c>
      <c r="B67941" s="1" t="s">
        <v>222693</v>
      </c>
      <c r="C67941" s="1" t="s">
        <v>135</v>
      </c>
      <c r="D67941" s="1" t="s">
        <v>226352</v>
      </c>
      <c r="E67941" s="1" t="s">
        <v>226353</v>
      </c>
      <c r="F67941" s="1" t="s">
        <v>226354</v>
      </c>
      <c r="G67941" s="1" t="s">
        <v>226259</v>
      </c>
      <c r="H67941" s="1" t="s">
        <v>226260</v>
      </c>
      <c r="I67941" s="1" t="s">
        <v>222698</v>
      </c>
      <c r="J67941" s="1" t="s">
        <v>226355</v>
      </c>
    </row>
    <row r="67942" spans="1:10" x14ac:dyDescent="0.35">
      <c r="A67942" s="1" t="s">
        <v>156443</v>
      </c>
      <c r="B67942" s="1" t="s">
        <v>222693</v>
      </c>
      <c r="C67942" s="1" t="s">
        <v>140</v>
      </c>
      <c r="D67942" s="1" t="s">
        <v>226356</v>
      </c>
      <c r="E67942" s="1" t="s">
        <v>226357</v>
      </c>
      <c r="F67942" s="1" t="s">
        <v>226358</v>
      </c>
      <c r="G67942" s="1" t="s">
        <v>226259</v>
      </c>
      <c r="H67942" s="1" t="s">
        <v>226260</v>
      </c>
      <c r="I67942" s="1" t="s">
        <v>222698</v>
      </c>
      <c r="J67942" s="1" t="s">
        <v>226359</v>
      </c>
    </row>
    <row r="67943" spans="1:10" x14ac:dyDescent="0.35">
      <c r="A67943" s="1" t="s">
        <v>156443</v>
      </c>
      <c r="B67943" s="1" t="s">
        <v>222693</v>
      </c>
      <c r="C67943" s="1" t="s">
        <v>145</v>
      </c>
      <c r="D67943" s="1" t="s">
        <v>226360</v>
      </c>
      <c r="E67943" s="1" t="s">
        <v>226361</v>
      </c>
      <c r="F67943" s="1" t="s">
        <v>226362</v>
      </c>
      <c r="G67943" s="1" t="s">
        <v>226259</v>
      </c>
      <c r="H67943" s="1" t="s">
        <v>226260</v>
      </c>
      <c r="I67943" s="1" t="s">
        <v>222698</v>
      </c>
      <c r="J67943" s="1" t="s">
        <v>226363</v>
      </c>
    </row>
    <row r="67944" spans="1:10" x14ac:dyDescent="0.35">
      <c r="A67944" s="1" t="s">
        <v>156443</v>
      </c>
      <c r="B67944" s="1" t="s">
        <v>222693</v>
      </c>
      <c r="C67944" s="1" t="s">
        <v>150</v>
      </c>
      <c r="D67944" s="1" t="s">
        <v>226364</v>
      </c>
      <c r="E67944" s="1" t="s">
        <v>226365</v>
      </c>
      <c r="F67944" s="1" t="s">
        <v>226366</v>
      </c>
      <c r="G67944" s="1" t="s">
        <v>226259</v>
      </c>
      <c r="H67944" s="1" t="s">
        <v>226260</v>
      </c>
      <c r="I67944" s="1" t="s">
        <v>222698</v>
      </c>
      <c r="J67944" s="1" t="s">
        <v>226367</v>
      </c>
    </row>
    <row r="67945" spans="1:10" x14ac:dyDescent="0.35">
      <c r="A67945" s="1" t="s">
        <v>156443</v>
      </c>
      <c r="B67945" s="1" t="s">
        <v>222693</v>
      </c>
      <c r="C67945" s="1" t="s">
        <v>155</v>
      </c>
      <c r="D67945" s="1" t="s">
        <v>226368</v>
      </c>
      <c r="E67945" s="1" t="s">
        <v>226369</v>
      </c>
      <c r="F67945" s="1" t="s">
        <v>226370</v>
      </c>
      <c r="G67945" s="1" t="s">
        <v>226259</v>
      </c>
      <c r="H67945" s="1" t="s">
        <v>226260</v>
      </c>
      <c r="I67945" s="1" t="s">
        <v>222698</v>
      </c>
      <c r="J67945" s="1" t="s">
        <v>226371</v>
      </c>
    </row>
    <row r="67946" spans="1:10" x14ac:dyDescent="0.35">
      <c r="A67946" s="1" t="s">
        <v>156443</v>
      </c>
      <c r="B67946" s="1" t="s">
        <v>222693</v>
      </c>
      <c r="C67946" s="1" t="s">
        <v>160</v>
      </c>
      <c r="D67946" s="1" t="s">
        <v>163302</v>
      </c>
      <c r="E67946" s="1" t="s">
        <v>226372</v>
      </c>
      <c r="F67946" s="1" t="s">
        <v>226373</v>
      </c>
      <c r="G67946" s="1" t="s">
        <v>226259</v>
      </c>
      <c r="H67946" s="1" t="s">
        <v>226260</v>
      </c>
      <c r="I67946" s="1" t="s">
        <v>222698</v>
      </c>
      <c r="J67946" s="1" t="s">
        <v>226374</v>
      </c>
    </row>
    <row r="67947" spans="1:10" x14ac:dyDescent="0.35">
      <c r="A67947" s="1" t="s">
        <v>156443</v>
      </c>
      <c r="B67947" s="1" t="s">
        <v>222693</v>
      </c>
      <c r="C67947" s="1" t="s">
        <v>165</v>
      </c>
      <c r="D67947" s="1" t="s">
        <v>226375</v>
      </c>
      <c r="E67947" s="1" t="s">
        <v>226376</v>
      </c>
      <c r="F67947" s="1" t="s">
        <v>226377</v>
      </c>
      <c r="G67947" s="1" t="s">
        <v>226259</v>
      </c>
      <c r="H67947" s="1" t="s">
        <v>226260</v>
      </c>
      <c r="I67947" s="1" t="s">
        <v>222698</v>
      </c>
      <c r="J67947" s="1" t="s">
        <v>226378</v>
      </c>
    </row>
    <row r="67948" spans="1:10" x14ac:dyDescent="0.35">
      <c r="A67948" s="1" t="s">
        <v>156443</v>
      </c>
      <c r="B67948" s="1" t="s">
        <v>222693</v>
      </c>
      <c r="C67948" s="1" t="s">
        <v>170</v>
      </c>
      <c r="D67948" s="1" t="s">
        <v>226379</v>
      </c>
      <c r="E67948" s="1" t="s">
        <v>226380</v>
      </c>
      <c r="F67948" s="1" t="s">
        <v>226381</v>
      </c>
      <c r="G67948" s="1" t="s">
        <v>226259</v>
      </c>
      <c r="H67948" s="1" t="s">
        <v>226260</v>
      </c>
      <c r="I67948" s="1" t="s">
        <v>222698</v>
      </c>
      <c r="J67948" s="1" t="s">
        <v>226382</v>
      </c>
    </row>
    <row r="67949" spans="1:10" x14ac:dyDescent="0.35">
      <c r="A67949" s="1" t="s">
        <v>226383</v>
      </c>
      <c r="B67949" s="1" t="s">
        <v>222693</v>
      </c>
      <c r="C67949" s="1" t="s">
        <v>8</v>
      </c>
      <c r="D67949" s="1" t="s">
        <v>89303</v>
      </c>
      <c r="E67949" s="1" t="s">
        <v>226384</v>
      </c>
      <c r="F67949" s="1" t="s">
        <v>226385</v>
      </c>
      <c r="G67949" s="1" t="s">
        <v>226386</v>
      </c>
      <c r="H67949" s="1" t="s">
        <v>226387</v>
      </c>
      <c r="I67949" s="1" t="s">
        <v>222698</v>
      </c>
      <c r="J67949" s="1" t="s">
        <v>13</v>
      </c>
    </row>
    <row r="67950" spans="1:10" x14ac:dyDescent="0.35">
      <c r="A67950" s="1" t="s">
        <v>226383</v>
      </c>
      <c r="B67950" s="1" t="s">
        <v>222693</v>
      </c>
      <c r="C67950" s="1" t="s">
        <v>15</v>
      </c>
      <c r="D67950" s="1" t="s">
        <v>226388</v>
      </c>
      <c r="E67950" s="1" t="s">
        <v>226389</v>
      </c>
      <c r="F67950" s="1" t="s">
        <v>226390</v>
      </c>
      <c r="G67950" s="1" t="s">
        <v>226386</v>
      </c>
      <c r="H67950" s="1" t="s">
        <v>226387</v>
      </c>
      <c r="I67950" s="1" t="s">
        <v>222698</v>
      </c>
      <c r="J67950" s="1" t="s">
        <v>226391</v>
      </c>
    </row>
    <row r="67951" spans="1:10" x14ac:dyDescent="0.35">
      <c r="A67951" s="1" t="s">
        <v>226383</v>
      </c>
      <c r="B67951" s="1" t="s">
        <v>222693</v>
      </c>
      <c r="C67951" s="1" t="s">
        <v>20</v>
      </c>
      <c r="D67951" s="1" t="s">
        <v>226392</v>
      </c>
      <c r="E67951" s="1" t="s">
        <v>226393</v>
      </c>
      <c r="F67951" s="1" t="s">
        <v>226394</v>
      </c>
      <c r="G67951" s="1" t="s">
        <v>226386</v>
      </c>
      <c r="H67951" s="1" t="s">
        <v>226387</v>
      </c>
      <c r="I67951" s="1" t="s">
        <v>222698</v>
      </c>
      <c r="J67951" s="1" t="s">
        <v>226395</v>
      </c>
    </row>
    <row r="67952" spans="1:10" x14ac:dyDescent="0.35">
      <c r="A67952" s="1" t="s">
        <v>226383</v>
      </c>
      <c r="B67952" s="1" t="s">
        <v>222693</v>
      </c>
      <c r="C67952" s="1" t="s">
        <v>25</v>
      </c>
      <c r="D67952" s="1" t="s">
        <v>226396</v>
      </c>
      <c r="E67952" s="1" t="s">
        <v>226397</v>
      </c>
      <c r="F67952" s="1" t="s">
        <v>226398</v>
      </c>
      <c r="G67952" s="1" t="s">
        <v>226386</v>
      </c>
      <c r="H67952" s="1" t="s">
        <v>226387</v>
      </c>
      <c r="I67952" s="1" t="s">
        <v>222698</v>
      </c>
      <c r="J67952" s="1" t="s">
        <v>226399</v>
      </c>
    </row>
    <row r="67953" spans="1:10" x14ac:dyDescent="0.35">
      <c r="A67953" s="1" t="s">
        <v>226383</v>
      </c>
      <c r="B67953" s="1" t="s">
        <v>222693</v>
      </c>
      <c r="C67953" s="1" t="s">
        <v>30</v>
      </c>
      <c r="D67953" s="1" t="s">
        <v>226400</v>
      </c>
      <c r="E67953" s="1" t="s">
        <v>226401</v>
      </c>
      <c r="F67953" s="1" t="s">
        <v>226402</v>
      </c>
      <c r="G67953" s="1" t="s">
        <v>226386</v>
      </c>
      <c r="H67953" s="1" t="s">
        <v>226387</v>
      </c>
      <c r="I67953" s="1" t="s">
        <v>222698</v>
      </c>
      <c r="J67953" s="1" t="s">
        <v>226403</v>
      </c>
    </row>
    <row r="67954" spans="1:10" x14ac:dyDescent="0.35">
      <c r="A67954" s="1" t="s">
        <v>226383</v>
      </c>
      <c r="B67954" s="1" t="s">
        <v>222693</v>
      </c>
      <c r="C67954" s="1" t="s">
        <v>35</v>
      </c>
      <c r="D67954" s="1" t="s">
        <v>226404</v>
      </c>
      <c r="E67954" s="1" t="s">
        <v>226405</v>
      </c>
      <c r="F67954" s="1" t="s">
        <v>226406</v>
      </c>
      <c r="G67954" s="1" t="s">
        <v>226386</v>
      </c>
      <c r="H67954" s="1" t="s">
        <v>226387</v>
      </c>
      <c r="I67954" s="1" t="s">
        <v>222698</v>
      </c>
      <c r="J67954" s="1" t="s">
        <v>226407</v>
      </c>
    </row>
    <row r="67955" spans="1:10" x14ac:dyDescent="0.35">
      <c r="A67955" s="1" t="s">
        <v>226383</v>
      </c>
      <c r="B67955" s="1" t="s">
        <v>222693</v>
      </c>
      <c r="C67955" s="1" t="s">
        <v>40</v>
      </c>
      <c r="D67955" s="1" t="s">
        <v>226408</v>
      </c>
      <c r="E67955" s="1" t="s">
        <v>226409</v>
      </c>
      <c r="F67955" s="1" t="s">
        <v>226410</v>
      </c>
      <c r="G67955" s="1" t="s">
        <v>226386</v>
      </c>
      <c r="H67955" s="1" t="s">
        <v>226387</v>
      </c>
      <c r="I67955" s="1" t="s">
        <v>222698</v>
      </c>
      <c r="J67955" s="1" t="s">
        <v>226411</v>
      </c>
    </row>
    <row r="67956" spans="1:10" x14ac:dyDescent="0.35">
      <c r="A67956" s="1" t="s">
        <v>226383</v>
      </c>
      <c r="B67956" s="1" t="s">
        <v>222693</v>
      </c>
      <c r="C67956" s="1" t="s">
        <v>45</v>
      </c>
      <c r="D67956" s="1" t="s">
        <v>226412</v>
      </c>
      <c r="E67956" s="1" t="s">
        <v>226413</v>
      </c>
      <c r="F67956" s="1" t="s">
        <v>226414</v>
      </c>
      <c r="G67956" s="1" t="s">
        <v>226386</v>
      </c>
      <c r="H67956" s="1" t="s">
        <v>226387</v>
      </c>
      <c r="I67956" s="1" t="s">
        <v>222698</v>
      </c>
      <c r="J67956" s="1" t="s">
        <v>226415</v>
      </c>
    </row>
    <row r="67957" spans="1:10" x14ac:dyDescent="0.35">
      <c r="A67957" s="1" t="s">
        <v>226383</v>
      </c>
      <c r="B67957" s="1" t="s">
        <v>222693</v>
      </c>
      <c r="C67957" s="1" t="s">
        <v>50</v>
      </c>
      <c r="D67957" s="1" t="s">
        <v>226416</v>
      </c>
      <c r="E67957" s="1" t="s">
        <v>226417</v>
      </c>
      <c r="F67957" s="1" t="s">
        <v>226418</v>
      </c>
      <c r="G67957" s="1" t="s">
        <v>226386</v>
      </c>
      <c r="H67957" s="1" t="s">
        <v>226387</v>
      </c>
      <c r="I67957" s="1" t="s">
        <v>222698</v>
      </c>
      <c r="J67957" s="1" t="s">
        <v>226419</v>
      </c>
    </row>
    <row r="67958" spans="1:10" x14ac:dyDescent="0.35">
      <c r="A67958" s="1" t="s">
        <v>226383</v>
      </c>
      <c r="B67958" s="1" t="s">
        <v>222693</v>
      </c>
      <c r="C67958" s="1" t="s">
        <v>55</v>
      </c>
      <c r="D67958" s="1" t="s">
        <v>132420</v>
      </c>
      <c r="E67958" s="1" t="s">
        <v>226420</v>
      </c>
      <c r="F67958" s="1" t="s">
        <v>226421</v>
      </c>
      <c r="G67958" s="1" t="s">
        <v>226386</v>
      </c>
      <c r="H67958" s="1" t="s">
        <v>226387</v>
      </c>
      <c r="I67958" s="1" t="s">
        <v>222698</v>
      </c>
      <c r="J67958" s="1" t="s">
        <v>226422</v>
      </c>
    </row>
    <row r="67959" spans="1:10" x14ac:dyDescent="0.35">
      <c r="A67959" s="1" t="s">
        <v>226383</v>
      </c>
      <c r="B67959" s="1" t="s">
        <v>222693</v>
      </c>
      <c r="C67959" s="1" t="s">
        <v>60</v>
      </c>
      <c r="D67959" s="1" t="s">
        <v>226423</v>
      </c>
      <c r="E67959" s="1" t="s">
        <v>226424</v>
      </c>
      <c r="F67959" s="1" t="s">
        <v>226425</v>
      </c>
      <c r="G67959" s="1" t="s">
        <v>226386</v>
      </c>
      <c r="H67959" s="1" t="s">
        <v>226387</v>
      </c>
      <c r="I67959" s="1" t="s">
        <v>222698</v>
      </c>
      <c r="J67959" s="1" t="s">
        <v>226426</v>
      </c>
    </row>
    <row r="67960" spans="1:10" x14ac:dyDescent="0.35">
      <c r="A67960" s="1" t="s">
        <v>226383</v>
      </c>
      <c r="B67960" s="1" t="s">
        <v>222693</v>
      </c>
      <c r="C67960" s="1" t="s">
        <v>65</v>
      </c>
      <c r="D67960" s="1" t="s">
        <v>226427</v>
      </c>
      <c r="E67960" s="1" t="s">
        <v>226428</v>
      </c>
      <c r="F67960" s="1" t="s">
        <v>226429</v>
      </c>
      <c r="G67960" s="1" t="s">
        <v>226386</v>
      </c>
      <c r="H67960" s="1" t="s">
        <v>226387</v>
      </c>
      <c r="I67960" s="1" t="s">
        <v>222698</v>
      </c>
      <c r="J67960" s="1" t="s">
        <v>226430</v>
      </c>
    </row>
    <row r="67961" spans="1:10" x14ac:dyDescent="0.35">
      <c r="A67961" s="1" t="s">
        <v>226383</v>
      </c>
      <c r="B67961" s="1" t="s">
        <v>222693</v>
      </c>
      <c r="C67961" s="1" t="s">
        <v>70</v>
      </c>
      <c r="D67961" s="1" t="s">
        <v>55334</v>
      </c>
      <c r="E67961" s="1" t="s">
        <v>226431</v>
      </c>
      <c r="F67961" s="1" t="s">
        <v>226432</v>
      </c>
      <c r="G67961" s="1" t="s">
        <v>226386</v>
      </c>
      <c r="H67961" s="1" t="s">
        <v>226387</v>
      </c>
      <c r="I67961" s="1" t="s">
        <v>222698</v>
      </c>
      <c r="J67961" s="1" t="s">
        <v>226433</v>
      </c>
    </row>
    <row r="67962" spans="1:10" x14ac:dyDescent="0.35">
      <c r="A67962" s="1" t="s">
        <v>226383</v>
      </c>
      <c r="B67962" s="1" t="s">
        <v>222693</v>
      </c>
      <c r="C67962" s="1" t="s">
        <v>75</v>
      </c>
      <c r="D67962" s="1" t="s">
        <v>226434</v>
      </c>
      <c r="E67962" s="1" t="s">
        <v>226435</v>
      </c>
      <c r="F67962" s="1" t="s">
        <v>226436</v>
      </c>
      <c r="G67962" s="1" t="s">
        <v>226386</v>
      </c>
      <c r="H67962" s="1" t="s">
        <v>226387</v>
      </c>
      <c r="I67962" s="1" t="s">
        <v>222698</v>
      </c>
      <c r="J67962" s="1" t="s">
        <v>226437</v>
      </c>
    </row>
    <row r="67963" spans="1:10" x14ac:dyDescent="0.35">
      <c r="A67963" s="1" t="s">
        <v>226383</v>
      </c>
      <c r="B67963" s="1" t="s">
        <v>222693</v>
      </c>
      <c r="C67963" s="1" t="s">
        <v>80</v>
      </c>
      <c r="D67963" s="1" t="s">
        <v>226438</v>
      </c>
      <c r="E67963" s="1" t="s">
        <v>226439</v>
      </c>
      <c r="F67963" s="1" t="s">
        <v>226440</v>
      </c>
      <c r="G67963" s="1" t="s">
        <v>226386</v>
      </c>
      <c r="H67963" s="1" t="s">
        <v>226387</v>
      </c>
      <c r="I67963" s="1" t="s">
        <v>222698</v>
      </c>
      <c r="J67963" s="1" t="s">
        <v>226441</v>
      </c>
    </row>
    <row r="67964" spans="1:10" x14ac:dyDescent="0.35">
      <c r="A67964" s="1" t="s">
        <v>226383</v>
      </c>
      <c r="B67964" s="1" t="s">
        <v>222693</v>
      </c>
      <c r="C67964" s="1" t="s">
        <v>85</v>
      </c>
      <c r="D67964" s="1" t="s">
        <v>226442</v>
      </c>
      <c r="E67964" s="1" t="s">
        <v>226443</v>
      </c>
      <c r="F67964" s="1" t="s">
        <v>226444</v>
      </c>
      <c r="G67964" s="1" t="s">
        <v>226386</v>
      </c>
      <c r="H67964" s="1" t="s">
        <v>226387</v>
      </c>
      <c r="I67964" s="1" t="s">
        <v>222698</v>
      </c>
      <c r="J67964" s="1" t="s">
        <v>226445</v>
      </c>
    </row>
    <row r="67965" spans="1:10" x14ac:dyDescent="0.35">
      <c r="A67965" s="1" t="s">
        <v>226383</v>
      </c>
      <c r="B67965" s="1" t="s">
        <v>222693</v>
      </c>
      <c r="C67965" s="1" t="s">
        <v>90</v>
      </c>
      <c r="D67965" s="1" t="s">
        <v>226446</v>
      </c>
      <c r="E67965" s="1" t="s">
        <v>226447</v>
      </c>
      <c r="F67965" s="1" t="s">
        <v>226448</v>
      </c>
      <c r="G67965" s="1" t="s">
        <v>226386</v>
      </c>
      <c r="H67965" s="1" t="s">
        <v>226387</v>
      </c>
      <c r="I67965" s="1" t="s">
        <v>222698</v>
      </c>
      <c r="J67965" s="1" t="s">
        <v>226449</v>
      </c>
    </row>
    <row r="67966" spans="1:10" x14ac:dyDescent="0.35">
      <c r="A67966" s="1" t="s">
        <v>226383</v>
      </c>
      <c r="B67966" s="1" t="s">
        <v>222693</v>
      </c>
      <c r="C67966" s="1" t="s">
        <v>95</v>
      </c>
      <c r="D67966" s="1" t="s">
        <v>226450</v>
      </c>
      <c r="E67966" s="1" t="s">
        <v>226451</v>
      </c>
      <c r="F67966" s="1" t="s">
        <v>226452</v>
      </c>
      <c r="G67966" s="1" t="s">
        <v>226386</v>
      </c>
      <c r="H67966" s="1" t="s">
        <v>226387</v>
      </c>
      <c r="I67966" s="1" t="s">
        <v>222698</v>
      </c>
      <c r="J67966" s="1" t="s">
        <v>226453</v>
      </c>
    </row>
    <row r="67967" spans="1:10" x14ac:dyDescent="0.35">
      <c r="A67967" s="1" t="s">
        <v>226383</v>
      </c>
      <c r="B67967" s="1" t="s">
        <v>222693</v>
      </c>
      <c r="C67967" s="1" t="s">
        <v>100</v>
      </c>
      <c r="D67967" s="1" t="s">
        <v>226454</v>
      </c>
      <c r="E67967" s="1" t="s">
        <v>226455</v>
      </c>
      <c r="F67967" s="1" t="s">
        <v>226456</v>
      </c>
      <c r="G67967" s="1" t="s">
        <v>226386</v>
      </c>
      <c r="H67967" s="1" t="s">
        <v>226387</v>
      </c>
      <c r="I67967" s="1" t="s">
        <v>222698</v>
      </c>
      <c r="J67967" s="1" t="s">
        <v>226457</v>
      </c>
    </row>
    <row r="67968" spans="1:10" x14ac:dyDescent="0.35">
      <c r="A67968" s="1" t="s">
        <v>226383</v>
      </c>
      <c r="B67968" s="1" t="s">
        <v>222693</v>
      </c>
      <c r="C67968" s="1" t="s">
        <v>105</v>
      </c>
      <c r="D67968" s="1" t="s">
        <v>226458</v>
      </c>
      <c r="E67968" s="1" t="s">
        <v>226459</v>
      </c>
      <c r="F67968" s="1" t="s">
        <v>226460</v>
      </c>
      <c r="G67968" s="1" t="s">
        <v>226386</v>
      </c>
      <c r="H67968" s="1" t="s">
        <v>226387</v>
      </c>
      <c r="I67968" s="1" t="s">
        <v>222698</v>
      </c>
      <c r="J67968" s="1" t="s">
        <v>226461</v>
      </c>
    </row>
    <row r="67969" spans="1:10" x14ac:dyDescent="0.35">
      <c r="A67969" s="1" t="s">
        <v>226383</v>
      </c>
      <c r="B67969" s="1" t="s">
        <v>222693</v>
      </c>
      <c r="C67969" s="1" t="s">
        <v>110</v>
      </c>
      <c r="D67969" s="1" t="s">
        <v>226462</v>
      </c>
      <c r="E67969" s="1" t="s">
        <v>226463</v>
      </c>
      <c r="F67969" s="1" t="s">
        <v>226464</v>
      </c>
      <c r="G67969" s="1" t="s">
        <v>226386</v>
      </c>
      <c r="H67969" s="1" t="s">
        <v>226387</v>
      </c>
      <c r="I67969" s="1" t="s">
        <v>222698</v>
      </c>
      <c r="J67969" s="1" t="s">
        <v>226465</v>
      </c>
    </row>
    <row r="67970" spans="1:10" x14ac:dyDescent="0.35">
      <c r="A67970" s="1" t="s">
        <v>226383</v>
      </c>
      <c r="B67970" s="1" t="s">
        <v>222693</v>
      </c>
      <c r="C67970" s="1" t="s">
        <v>115</v>
      </c>
      <c r="D67970" s="1" t="s">
        <v>226466</v>
      </c>
      <c r="E67970" s="1" t="s">
        <v>226467</v>
      </c>
      <c r="F67970" s="1" t="s">
        <v>226468</v>
      </c>
      <c r="G67970" s="1" t="s">
        <v>226386</v>
      </c>
      <c r="H67970" s="1" t="s">
        <v>226387</v>
      </c>
      <c r="I67970" s="1" t="s">
        <v>222698</v>
      </c>
      <c r="J67970" s="1" t="s">
        <v>226469</v>
      </c>
    </row>
    <row r="67971" spans="1:10" x14ac:dyDescent="0.35">
      <c r="A67971" s="1" t="s">
        <v>226383</v>
      </c>
      <c r="B67971" s="1" t="s">
        <v>222693</v>
      </c>
      <c r="C67971" s="1" t="s">
        <v>120</v>
      </c>
      <c r="D67971" s="1" t="s">
        <v>23079</v>
      </c>
      <c r="E67971" s="1" t="s">
        <v>226470</v>
      </c>
      <c r="F67971" s="1" t="s">
        <v>226471</v>
      </c>
      <c r="G67971" s="1" t="s">
        <v>226386</v>
      </c>
      <c r="H67971" s="1" t="s">
        <v>226387</v>
      </c>
      <c r="I67971" s="1" t="s">
        <v>222698</v>
      </c>
      <c r="J67971" s="1" t="s">
        <v>226472</v>
      </c>
    </row>
    <row r="67972" spans="1:10" x14ac:dyDescent="0.35">
      <c r="A67972" s="1" t="s">
        <v>226383</v>
      </c>
      <c r="B67972" s="1" t="s">
        <v>222693</v>
      </c>
      <c r="C67972" s="1" t="s">
        <v>125</v>
      </c>
      <c r="D67972" s="1" t="s">
        <v>226473</v>
      </c>
      <c r="E67972" s="1" t="s">
        <v>226474</v>
      </c>
      <c r="F67972" s="1" t="s">
        <v>226475</v>
      </c>
      <c r="G67972" s="1" t="s">
        <v>226386</v>
      </c>
      <c r="H67972" s="1" t="s">
        <v>226387</v>
      </c>
      <c r="I67972" s="1" t="s">
        <v>222698</v>
      </c>
      <c r="J67972" s="1" t="s">
        <v>226476</v>
      </c>
    </row>
    <row r="67973" spans="1:10" x14ac:dyDescent="0.35">
      <c r="A67973" s="1" t="s">
        <v>226383</v>
      </c>
      <c r="B67973" s="1" t="s">
        <v>222693</v>
      </c>
      <c r="C67973" s="1" t="s">
        <v>130</v>
      </c>
      <c r="D67973" s="1" t="s">
        <v>226477</v>
      </c>
      <c r="E67973" s="1" t="s">
        <v>226478</v>
      </c>
      <c r="F67973" s="1" t="s">
        <v>226479</v>
      </c>
      <c r="G67973" s="1" t="s">
        <v>226386</v>
      </c>
      <c r="H67973" s="1" t="s">
        <v>226387</v>
      </c>
      <c r="I67973" s="1" t="s">
        <v>222698</v>
      </c>
      <c r="J67973" s="1" t="s">
        <v>226480</v>
      </c>
    </row>
    <row r="67974" spans="1:10" x14ac:dyDescent="0.35">
      <c r="A67974" s="1" t="s">
        <v>226383</v>
      </c>
      <c r="B67974" s="1" t="s">
        <v>222693</v>
      </c>
      <c r="C67974" s="1" t="s">
        <v>135</v>
      </c>
      <c r="D67974" s="1" t="s">
        <v>71509</v>
      </c>
      <c r="E67974" s="1" t="s">
        <v>226481</v>
      </c>
      <c r="F67974" s="1" t="s">
        <v>226482</v>
      </c>
      <c r="G67974" s="1" t="s">
        <v>226386</v>
      </c>
      <c r="H67974" s="1" t="s">
        <v>226387</v>
      </c>
      <c r="I67974" s="1" t="s">
        <v>222698</v>
      </c>
      <c r="J67974" s="1" t="s">
        <v>226483</v>
      </c>
    </row>
    <row r="67975" spans="1:10" x14ac:dyDescent="0.35">
      <c r="A67975" s="1" t="s">
        <v>226383</v>
      </c>
      <c r="B67975" s="1" t="s">
        <v>222693</v>
      </c>
      <c r="C67975" s="1" t="s">
        <v>140</v>
      </c>
      <c r="D67975" s="1" t="s">
        <v>226484</v>
      </c>
      <c r="E67975" s="1" t="s">
        <v>226485</v>
      </c>
      <c r="F67975" s="1" t="s">
        <v>226486</v>
      </c>
      <c r="G67975" s="1" t="s">
        <v>226386</v>
      </c>
      <c r="H67975" s="1" t="s">
        <v>226387</v>
      </c>
      <c r="I67975" s="1" t="s">
        <v>222698</v>
      </c>
      <c r="J67975" s="1" t="s">
        <v>226487</v>
      </c>
    </row>
    <row r="67976" spans="1:10" x14ac:dyDescent="0.35">
      <c r="A67976" s="1" t="s">
        <v>226383</v>
      </c>
      <c r="B67976" s="1" t="s">
        <v>222693</v>
      </c>
      <c r="C67976" s="1" t="s">
        <v>145</v>
      </c>
      <c r="D67976" s="1" t="s">
        <v>226488</v>
      </c>
      <c r="E67976" s="1" t="s">
        <v>226489</v>
      </c>
      <c r="F67976" s="1" t="s">
        <v>226490</v>
      </c>
      <c r="G67976" s="1" t="s">
        <v>226386</v>
      </c>
      <c r="H67976" s="1" t="s">
        <v>226387</v>
      </c>
      <c r="I67976" s="1" t="s">
        <v>222698</v>
      </c>
      <c r="J67976" s="1" t="s">
        <v>226491</v>
      </c>
    </row>
    <row r="67977" spans="1:10" x14ac:dyDescent="0.35">
      <c r="A67977" s="1" t="s">
        <v>226383</v>
      </c>
      <c r="B67977" s="1" t="s">
        <v>222693</v>
      </c>
      <c r="C67977" s="1" t="s">
        <v>150</v>
      </c>
      <c r="D67977" s="1" t="s">
        <v>226492</v>
      </c>
      <c r="E67977" s="1" t="s">
        <v>226493</v>
      </c>
      <c r="F67977" s="1" t="s">
        <v>226494</v>
      </c>
      <c r="G67977" s="1" t="s">
        <v>226386</v>
      </c>
      <c r="H67977" s="1" t="s">
        <v>226387</v>
      </c>
      <c r="I67977" s="1" t="s">
        <v>222698</v>
      </c>
      <c r="J67977" s="1" t="s">
        <v>226495</v>
      </c>
    </row>
    <row r="67978" spans="1:10" x14ac:dyDescent="0.35">
      <c r="A67978" s="1" t="s">
        <v>226383</v>
      </c>
      <c r="B67978" s="1" t="s">
        <v>222693</v>
      </c>
      <c r="C67978" s="1" t="s">
        <v>155</v>
      </c>
      <c r="D67978" s="1" t="s">
        <v>226496</v>
      </c>
      <c r="E67978" s="1" t="s">
        <v>226497</v>
      </c>
      <c r="F67978" s="1" t="s">
        <v>226498</v>
      </c>
      <c r="G67978" s="1" t="s">
        <v>226386</v>
      </c>
      <c r="H67978" s="1" t="s">
        <v>226387</v>
      </c>
      <c r="I67978" s="1" t="s">
        <v>222698</v>
      </c>
      <c r="J67978" s="1" t="s">
        <v>226499</v>
      </c>
    </row>
    <row r="67979" spans="1:10" x14ac:dyDescent="0.35">
      <c r="A67979" s="1" t="s">
        <v>226383</v>
      </c>
      <c r="B67979" s="1" t="s">
        <v>222693</v>
      </c>
      <c r="C67979" s="1" t="s">
        <v>160</v>
      </c>
      <c r="D67979" s="1" t="s">
        <v>226500</v>
      </c>
      <c r="E67979" s="1" t="s">
        <v>226501</v>
      </c>
      <c r="F67979" s="1" t="s">
        <v>226502</v>
      </c>
      <c r="G67979" s="1" t="s">
        <v>226386</v>
      </c>
      <c r="H67979" s="1" t="s">
        <v>226387</v>
      </c>
      <c r="I67979" s="1" t="s">
        <v>222698</v>
      </c>
      <c r="J67979" s="1" t="s">
        <v>226503</v>
      </c>
    </row>
    <row r="67980" spans="1:10" x14ac:dyDescent="0.35">
      <c r="A67980" s="1" t="s">
        <v>226383</v>
      </c>
      <c r="B67980" s="1" t="s">
        <v>222693</v>
      </c>
      <c r="C67980" s="1" t="s">
        <v>165</v>
      </c>
      <c r="D67980" s="1" t="s">
        <v>226504</v>
      </c>
      <c r="E67980" s="1" t="s">
        <v>226505</v>
      </c>
      <c r="F67980" s="1" t="s">
        <v>226506</v>
      </c>
      <c r="G67980" s="1" t="s">
        <v>226386</v>
      </c>
      <c r="H67980" s="1" t="s">
        <v>226387</v>
      </c>
      <c r="I67980" s="1" t="s">
        <v>222698</v>
      </c>
      <c r="J67980" s="1" t="s">
        <v>226507</v>
      </c>
    </row>
    <row r="67981" spans="1:10" x14ac:dyDescent="0.35">
      <c r="A67981" s="1" t="s">
        <v>226383</v>
      </c>
      <c r="B67981" s="1" t="s">
        <v>222693</v>
      </c>
      <c r="C67981" s="1" t="s">
        <v>170</v>
      </c>
      <c r="D67981" s="1" t="s">
        <v>226508</v>
      </c>
      <c r="E67981" s="1" t="s">
        <v>226509</v>
      </c>
      <c r="F67981" s="1" t="s">
        <v>226510</v>
      </c>
      <c r="G67981" s="1" t="s">
        <v>226386</v>
      </c>
      <c r="H67981" s="1" t="s">
        <v>226387</v>
      </c>
      <c r="I67981" s="1" t="s">
        <v>222698</v>
      </c>
      <c r="J67981" s="1" t="s">
        <v>226511</v>
      </c>
    </row>
    <row r="67982" spans="1:10" x14ac:dyDescent="0.35">
      <c r="A67982" s="1" t="s">
        <v>8032</v>
      </c>
      <c r="B67982" s="1" t="s">
        <v>222693</v>
      </c>
      <c r="C67982" s="1" t="s">
        <v>8</v>
      </c>
      <c r="D67982" s="1" t="s">
        <v>226512</v>
      </c>
      <c r="E67982" s="1" t="s">
        <v>226513</v>
      </c>
      <c r="F67982" s="1" t="s">
        <v>226514</v>
      </c>
      <c r="G67982" s="1" t="s">
        <v>226515</v>
      </c>
      <c r="H67982" s="1" t="s">
        <v>226516</v>
      </c>
      <c r="I67982" s="1" t="s">
        <v>222698</v>
      </c>
      <c r="J67982" s="1" t="s">
        <v>13</v>
      </c>
    </row>
    <row r="67983" spans="1:10" x14ac:dyDescent="0.35">
      <c r="A67983" s="1" t="s">
        <v>8032</v>
      </c>
      <c r="B67983" s="1" t="s">
        <v>222693</v>
      </c>
      <c r="C67983" s="1" t="s">
        <v>15</v>
      </c>
      <c r="D67983" s="1" t="s">
        <v>226517</v>
      </c>
      <c r="E67983" s="1" t="s">
        <v>226518</v>
      </c>
      <c r="F67983" s="1" t="s">
        <v>226519</v>
      </c>
      <c r="G67983" s="1" t="s">
        <v>226515</v>
      </c>
      <c r="H67983" s="1" t="s">
        <v>226516</v>
      </c>
      <c r="I67983" s="1" t="s">
        <v>222698</v>
      </c>
      <c r="J67983" s="1" t="s">
        <v>226520</v>
      </c>
    </row>
    <row r="67984" spans="1:10" x14ac:dyDescent="0.35">
      <c r="A67984" s="1" t="s">
        <v>8032</v>
      </c>
      <c r="B67984" s="1" t="s">
        <v>222693</v>
      </c>
      <c r="C67984" s="1" t="s">
        <v>20</v>
      </c>
      <c r="D67984" s="1" t="s">
        <v>226521</v>
      </c>
      <c r="E67984" s="1" t="s">
        <v>226522</v>
      </c>
      <c r="F67984" s="1" t="s">
        <v>226523</v>
      </c>
      <c r="G67984" s="1" t="s">
        <v>226515</v>
      </c>
      <c r="H67984" s="1" t="s">
        <v>226516</v>
      </c>
      <c r="I67984" s="1" t="s">
        <v>222698</v>
      </c>
      <c r="J67984" s="1" t="s">
        <v>226524</v>
      </c>
    </row>
    <row r="67985" spans="1:10" x14ac:dyDescent="0.35">
      <c r="A67985" s="1" t="s">
        <v>8032</v>
      </c>
      <c r="B67985" s="1" t="s">
        <v>222693</v>
      </c>
      <c r="C67985" s="1" t="s">
        <v>25</v>
      </c>
      <c r="D67985" s="1" t="s">
        <v>226525</v>
      </c>
      <c r="E67985" s="1" t="s">
        <v>226526</v>
      </c>
      <c r="F67985" s="1" t="s">
        <v>226527</v>
      </c>
      <c r="G67985" s="1" t="s">
        <v>226515</v>
      </c>
      <c r="H67985" s="1" t="s">
        <v>226516</v>
      </c>
      <c r="I67985" s="1" t="s">
        <v>222698</v>
      </c>
      <c r="J67985" s="1" t="s">
        <v>226528</v>
      </c>
    </row>
    <row r="67986" spans="1:10" x14ac:dyDescent="0.35">
      <c r="A67986" s="1" t="s">
        <v>8032</v>
      </c>
      <c r="B67986" s="1" t="s">
        <v>222693</v>
      </c>
      <c r="C67986" s="1" t="s">
        <v>30</v>
      </c>
      <c r="D67986" s="1" t="s">
        <v>85405</v>
      </c>
      <c r="E67986" s="1" t="s">
        <v>226529</v>
      </c>
      <c r="F67986" s="1" t="s">
        <v>226530</v>
      </c>
      <c r="G67986" s="1" t="s">
        <v>226515</v>
      </c>
      <c r="H67986" s="1" t="s">
        <v>226516</v>
      </c>
      <c r="I67986" s="1" t="s">
        <v>222698</v>
      </c>
      <c r="J67986" s="1" t="s">
        <v>226531</v>
      </c>
    </row>
    <row r="67987" spans="1:10" x14ac:dyDescent="0.35">
      <c r="A67987" s="1" t="s">
        <v>8032</v>
      </c>
      <c r="B67987" s="1" t="s">
        <v>222693</v>
      </c>
      <c r="C67987" s="1" t="s">
        <v>35</v>
      </c>
      <c r="D67987" s="1" t="s">
        <v>226532</v>
      </c>
      <c r="E67987" s="1" t="s">
        <v>226533</v>
      </c>
      <c r="F67987" s="1" t="s">
        <v>226534</v>
      </c>
      <c r="G67987" s="1" t="s">
        <v>226515</v>
      </c>
      <c r="H67987" s="1" t="s">
        <v>226516</v>
      </c>
      <c r="I67987" s="1" t="s">
        <v>222698</v>
      </c>
      <c r="J67987" s="1" t="s">
        <v>226535</v>
      </c>
    </row>
    <row r="67988" spans="1:10" x14ac:dyDescent="0.35">
      <c r="A67988" s="1" t="s">
        <v>8032</v>
      </c>
      <c r="B67988" s="1" t="s">
        <v>222693</v>
      </c>
      <c r="C67988" s="1" t="s">
        <v>40</v>
      </c>
      <c r="D67988" s="1" t="s">
        <v>103624</v>
      </c>
      <c r="E67988" s="1" t="s">
        <v>226536</v>
      </c>
      <c r="F67988" s="1" t="s">
        <v>226537</v>
      </c>
      <c r="G67988" s="1" t="s">
        <v>226515</v>
      </c>
      <c r="H67988" s="1" t="s">
        <v>226516</v>
      </c>
      <c r="I67988" s="1" t="s">
        <v>222698</v>
      </c>
      <c r="J67988" s="1" t="s">
        <v>226538</v>
      </c>
    </row>
    <row r="67989" spans="1:10" x14ac:dyDescent="0.35">
      <c r="A67989" s="1" t="s">
        <v>8032</v>
      </c>
      <c r="B67989" s="1" t="s">
        <v>222693</v>
      </c>
      <c r="C67989" s="1" t="s">
        <v>45</v>
      </c>
      <c r="D67989" s="1" t="s">
        <v>41432</v>
      </c>
      <c r="E67989" s="1" t="s">
        <v>226539</v>
      </c>
      <c r="F67989" s="1" t="s">
        <v>226540</v>
      </c>
      <c r="G67989" s="1" t="s">
        <v>226515</v>
      </c>
      <c r="H67989" s="1" t="s">
        <v>226516</v>
      </c>
      <c r="I67989" s="1" t="s">
        <v>222698</v>
      </c>
      <c r="J67989" s="1" t="s">
        <v>226541</v>
      </c>
    </row>
    <row r="67990" spans="1:10" x14ac:dyDescent="0.35">
      <c r="A67990" s="1" t="s">
        <v>8032</v>
      </c>
      <c r="B67990" s="1" t="s">
        <v>222693</v>
      </c>
      <c r="C67990" s="1" t="s">
        <v>50</v>
      </c>
      <c r="D67990" s="1" t="s">
        <v>129303</v>
      </c>
      <c r="E67990" s="1" t="s">
        <v>226542</v>
      </c>
      <c r="F67990" s="1" t="s">
        <v>226543</v>
      </c>
      <c r="G67990" s="1" t="s">
        <v>226515</v>
      </c>
      <c r="H67990" s="1" t="s">
        <v>226516</v>
      </c>
      <c r="I67990" s="1" t="s">
        <v>222698</v>
      </c>
      <c r="J67990" s="1" t="s">
        <v>226544</v>
      </c>
    </row>
    <row r="67991" spans="1:10" x14ac:dyDescent="0.35">
      <c r="A67991" s="1" t="s">
        <v>8032</v>
      </c>
      <c r="B67991" s="1" t="s">
        <v>222693</v>
      </c>
      <c r="C67991" s="1" t="s">
        <v>55</v>
      </c>
      <c r="D67991" s="1" t="s">
        <v>226545</v>
      </c>
      <c r="E67991" s="1" t="s">
        <v>226546</v>
      </c>
      <c r="F67991" s="1" t="s">
        <v>226547</v>
      </c>
      <c r="G67991" s="1" t="s">
        <v>226515</v>
      </c>
      <c r="H67991" s="1" t="s">
        <v>226516</v>
      </c>
      <c r="I67991" s="1" t="s">
        <v>222698</v>
      </c>
      <c r="J67991" s="1" t="s">
        <v>226548</v>
      </c>
    </row>
    <row r="67992" spans="1:10" x14ac:dyDescent="0.35">
      <c r="A67992" s="1" t="s">
        <v>8032</v>
      </c>
      <c r="B67992" s="1" t="s">
        <v>222693</v>
      </c>
      <c r="C67992" s="1" t="s">
        <v>60</v>
      </c>
      <c r="D67992" s="1" t="s">
        <v>226549</v>
      </c>
      <c r="E67992" s="1" t="s">
        <v>226550</v>
      </c>
      <c r="F67992" s="1" t="s">
        <v>226551</v>
      </c>
      <c r="G67992" s="1" t="s">
        <v>226515</v>
      </c>
      <c r="H67992" s="1" t="s">
        <v>226516</v>
      </c>
      <c r="I67992" s="1" t="s">
        <v>222698</v>
      </c>
      <c r="J67992" s="1" t="s">
        <v>226552</v>
      </c>
    </row>
    <row r="67993" spans="1:10" x14ac:dyDescent="0.35">
      <c r="A67993" s="1" t="s">
        <v>8032</v>
      </c>
      <c r="B67993" s="1" t="s">
        <v>222693</v>
      </c>
      <c r="C67993" s="1" t="s">
        <v>65</v>
      </c>
      <c r="D67993" s="1" t="s">
        <v>226553</v>
      </c>
      <c r="E67993" s="1" t="s">
        <v>226554</v>
      </c>
      <c r="F67993" s="1" t="s">
        <v>226555</v>
      </c>
      <c r="G67993" s="1" t="s">
        <v>226515</v>
      </c>
      <c r="H67993" s="1" t="s">
        <v>226516</v>
      </c>
      <c r="I67993" s="1" t="s">
        <v>222698</v>
      </c>
      <c r="J67993" s="1" t="s">
        <v>226556</v>
      </c>
    </row>
    <row r="67994" spans="1:10" x14ac:dyDescent="0.35">
      <c r="A67994" s="1" t="s">
        <v>8032</v>
      </c>
      <c r="B67994" s="1" t="s">
        <v>222693</v>
      </c>
      <c r="C67994" s="1" t="s">
        <v>70</v>
      </c>
      <c r="D67994" s="1" t="s">
        <v>226557</v>
      </c>
      <c r="E67994" s="1" t="s">
        <v>226558</v>
      </c>
      <c r="F67994" s="1" t="s">
        <v>226559</v>
      </c>
      <c r="G67994" s="1" t="s">
        <v>226515</v>
      </c>
      <c r="H67994" s="1" t="s">
        <v>226516</v>
      </c>
      <c r="I67994" s="1" t="s">
        <v>222698</v>
      </c>
      <c r="J67994" s="1" t="s">
        <v>226560</v>
      </c>
    </row>
    <row r="67995" spans="1:10" x14ac:dyDescent="0.35">
      <c r="A67995" s="1" t="s">
        <v>8032</v>
      </c>
      <c r="B67995" s="1" t="s">
        <v>222693</v>
      </c>
      <c r="C67995" s="1" t="s">
        <v>75</v>
      </c>
      <c r="D67995" s="1" t="s">
        <v>226561</v>
      </c>
      <c r="E67995" s="1" t="s">
        <v>226562</v>
      </c>
      <c r="F67995" s="1" t="s">
        <v>226563</v>
      </c>
      <c r="G67995" s="1" t="s">
        <v>226515</v>
      </c>
      <c r="H67995" s="1" t="s">
        <v>226516</v>
      </c>
      <c r="I67995" s="1" t="s">
        <v>222698</v>
      </c>
      <c r="J67995" s="1" t="s">
        <v>226564</v>
      </c>
    </row>
    <row r="67996" spans="1:10" x14ac:dyDescent="0.35">
      <c r="A67996" s="1" t="s">
        <v>8032</v>
      </c>
      <c r="B67996" s="1" t="s">
        <v>222693</v>
      </c>
      <c r="C67996" s="1" t="s">
        <v>80</v>
      </c>
      <c r="D67996" s="1" t="s">
        <v>103844</v>
      </c>
      <c r="E67996" s="1" t="s">
        <v>226565</v>
      </c>
      <c r="F67996" s="1" t="s">
        <v>226566</v>
      </c>
      <c r="G67996" s="1" t="s">
        <v>226515</v>
      </c>
      <c r="H67996" s="1" t="s">
        <v>226516</v>
      </c>
      <c r="I67996" s="1" t="s">
        <v>222698</v>
      </c>
      <c r="J67996" s="1" t="s">
        <v>226567</v>
      </c>
    </row>
    <row r="67997" spans="1:10" x14ac:dyDescent="0.35">
      <c r="A67997" s="1" t="s">
        <v>8032</v>
      </c>
      <c r="B67997" s="1" t="s">
        <v>222693</v>
      </c>
      <c r="C67997" s="1" t="s">
        <v>85</v>
      </c>
      <c r="D67997" s="1" t="s">
        <v>226568</v>
      </c>
      <c r="E67997" s="1" t="s">
        <v>226569</v>
      </c>
      <c r="F67997" s="1" t="s">
        <v>226570</v>
      </c>
      <c r="G67997" s="1" t="s">
        <v>226515</v>
      </c>
      <c r="H67997" s="1" t="s">
        <v>226516</v>
      </c>
      <c r="I67997" s="1" t="s">
        <v>222698</v>
      </c>
      <c r="J67997" s="1" t="s">
        <v>226571</v>
      </c>
    </row>
    <row r="67998" spans="1:10" x14ac:dyDescent="0.35">
      <c r="A67998" s="1" t="s">
        <v>8032</v>
      </c>
      <c r="B67998" s="1" t="s">
        <v>222693</v>
      </c>
      <c r="C67998" s="1" t="s">
        <v>90</v>
      </c>
      <c r="D67998" s="1" t="s">
        <v>226572</v>
      </c>
      <c r="E67998" s="1" t="s">
        <v>226573</v>
      </c>
      <c r="F67998" s="1" t="s">
        <v>226574</v>
      </c>
      <c r="G67998" s="1" t="s">
        <v>226515</v>
      </c>
      <c r="H67998" s="1" t="s">
        <v>226516</v>
      </c>
      <c r="I67998" s="1" t="s">
        <v>222698</v>
      </c>
      <c r="J67998" s="1" t="s">
        <v>226575</v>
      </c>
    </row>
    <row r="67999" spans="1:10" x14ac:dyDescent="0.35">
      <c r="A67999" s="1" t="s">
        <v>8032</v>
      </c>
      <c r="B67999" s="1" t="s">
        <v>222693</v>
      </c>
      <c r="C67999" s="1" t="s">
        <v>95</v>
      </c>
      <c r="D67999" s="1" t="s">
        <v>226576</v>
      </c>
      <c r="E67999" s="1" t="s">
        <v>226577</v>
      </c>
      <c r="F67999" s="1" t="s">
        <v>226578</v>
      </c>
      <c r="G67999" s="1" t="s">
        <v>226515</v>
      </c>
      <c r="H67999" s="1" t="s">
        <v>226516</v>
      </c>
      <c r="I67999" s="1" t="s">
        <v>222698</v>
      </c>
      <c r="J67999" s="1" t="s">
        <v>226579</v>
      </c>
    </row>
    <row r="68000" spans="1:10" x14ac:dyDescent="0.35">
      <c r="A68000" s="1" t="s">
        <v>8032</v>
      </c>
      <c r="B68000" s="1" t="s">
        <v>222693</v>
      </c>
      <c r="C68000" s="1" t="s">
        <v>100</v>
      </c>
      <c r="D68000" s="1" t="s">
        <v>226580</v>
      </c>
      <c r="E68000" s="1" t="s">
        <v>226581</v>
      </c>
      <c r="F68000" s="1" t="s">
        <v>226582</v>
      </c>
      <c r="G68000" s="1" t="s">
        <v>226515</v>
      </c>
      <c r="H68000" s="1" t="s">
        <v>226516</v>
      </c>
      <c r="I68000" s="1" t="s">
        <v>222698</v>
      </c>
      <c r="J68000" s="1" t="s">
        <v>226583</v>
      </c>
    </row>
    <row r="68001" spans="1:10" x14ac:dyDescent="0.35">
      <c r="A68001" s="1" t="s">
        <v>8032</v>
      </c>
      <c r="B68001" s="1" t="s">
        <v>222693</v>
      </c>
      <c r="C68001" s="1" t="s">
        <v>105</v>
      </c>
      <c r="D68001" s="1" t="s">
        <v>226584</v>
      </c>
      <c r="E68001" s="1" t="s">
        <v>226585</v>
      </c>
      <c r="F68001" s="1" t="s">
        <v>226586</v>
      </c>
      <c r="G68001" s="1" t="s">
        <v>226515</v>
      </c>
      <c r="H68001" s="1" t="s">
        <v>226516</v>
      </c>
      <c r="I68001" s="1" t="s">
        <v>222698</v>
      </c>
      <c r="J68001" s="1" t="s">
        <v>226587</v>
      </c>
    </row>
    <row r="68002" spans="1:10" x14ac:dyDescent="0.35">
      <c r="A68002" s="1" t="s">
        <v>8032</v>
      </c>
      <c r="B68002" s="1" t="s">
        <v>222693</v>
      </c>
      <c r="C68002" s="1" t="s">
        <v>110</v>
      </c>
      <c r="D68002" s="1" t="s">
        <v>226588</v>
      </c>
      <c r="E68002" s="1" t="s">
        <v>226589</v>
      </c>
      <c r="F68002" s="1" t="s">
        <v>226590</v>
      </c>
      <c r="G68002" s="1" t="s">
        <v>226515</v>
      </c>
      <c r="H68002" s="1" t="s">
        <v>226516</v>
      </c>
      <c r="I68002" s="1" t="s">
        <v>222698</v>
      </c>
      <c r="J68002" s="1" t="s">
        <v>226591</v>
      </c>
    </row>
    <row r="68003" spans="1:10" x14ac:dyDescent="0.35">
      <c r="A68003" s="1" t="s">
        <v>8032</v>
      </c>
      <c r="B68003" s="1" t="s">
        <v>222693</v>
      </c>
      <c r="C68003" s="1" t="s">
        <v>115</v>
      </c>
      <c r="D68003" s="1" t="s">
        <v>163605</v>
      </c>
      <c r="E68003" s="1" t="s">
        <v>226592</v>
      </c>
      <c r="F68003" s="1" t="s">
        <v>226593</v>
      </c>
      <c r="G68003" s="1" t="s">
        <v>226515</v>
      </c>
      <c r="H68003" s="1" t="s">
        <v>226516</v>
      </c>
      <c r="I68003" s="1" t="s">
        <v>222698</v>
      </c>
      <c r="J68003" s="1" t="s">
        <v>226594</v>
      </c>
    </row>
    <row r="68004" spans="1:10" x14ac:dyDescent="0.35">
      <c r="A68004" s="1" t="s">
        <v>8032</v>
      </c>
      <c r="B68004" s="1" t="s">
        <v>222693</v>
      </c>
      <c r="C68004" s="1" t="s">
        <v>120</v>
      </c>
      <c r="D68004" s="1" t="s">
        <v>226595</v>
      </c>
      <c r="E68004" s="1" t="s">
        <v>226596</v>
      </c>
      <c r="F68004" s="1" t="s">
        <v>226597</v>
      </c>
      <c r="G68004" s="1" t="s">
        <v>226515</v>
      </c>
      <c r="H68004" s="1" t="s">
        <v>226516</v>
      </c>
      <c r="I68004" s="1" t="s">
        <v>222698</v>
      </c>
      <c r="J68004" s="1" t="s">
        <v>226598</v>
      </c>
    </row>
    <row r="68005" spans="1:10" x14ac:dyDescent="0.35">
      <c r="A68005" s="1" t="s">
        <v>8032</v>
      </c>
      <c r="B68005" s="1" t="s">
        <v>222693</v>
      </c>
      <c r="C68005" s="1" t="s">
        <v>125</v>
      </c>
      <c r="D68005" s="1" t="s">
        <v>103874</v>
      </c>
      <c r="E68005" s="1" t="s">
        <v>226599</v>
      </c>
      <c r="F68005" s="1" t="s">
        <v>226600</v>
      </c>
      <c r="G68005" s="1" t="s">
        <v>226515</v>
      </c>
      <c r="H68005" s="1" t="s">
        <v>226516</v>
      </c>
      <c r="I68005" s="1" t="s">
        <v>222698</v>
      </c>
      <c r="J68005" s="1" t="s">
        <v>226601</v>
      </c>
    </row>
    <row r="68006" spans="1:10" x14ac:dyDescent="0.35">
      <c r="A68006" s="1" t="s">
        <v>8032</v>
      </c>
      <c r="B68006" s="1" t="s">
        <v>222693</v>
      </c>
      <c r="C68006" s="1" t="s">
        <v>130</v>
      </c>
      <c r="D68006" s="1" t="s">
        <v>226602</v>
      </c>
      <c r="E68006" s="1" t="s">
        <v>226603</v>
      </c>
      <c r="F68006" s="1" t="s">
        <v>226604</v>
      </c>
      <c r="G68006" s="1" t="s">
        <v>226515</v>
      </c>
      <c r="H68006" s="1" t="s">
        <v>226516</v>
      </c>
      <c r="I68006" s="1" t="s">
        <v>222698</v>
      </c>
      <c r="J68006" s="1" t="s">
        <v>226605</v>
      </c>
    </row>
    <row r="68007" spans="1:10" x14ac:dyDescent="0.35">
      <c r="A68007" s="1" t="s">
        <v>8032</v>
      </c>
      <c r="B68007" s="1" t="s">
        <v>222693</v>
      </c>
      <c r="C68007" s="1" t="s">
        <v>135</v>
      </c>
      <c r="D68007" s="1" t="s">
        <v>226606</v>
      </c>
      <c r="E68007" s="1" t="s">
        <v>226607</v>
      </c>
      <c r="F68007" s="1" t="s">
        <v>226608</v>
      </c>
      <c r="G68007" s="1" t="s">
        <v>226515</v>
      </c>
      <c r="H68007" s="1" t="s">
        <v>226516</v>
      </c>
      <c r="I68007" s="1" t="s">
        <v>222698</v>
      </c>
      <c r="J68007" s="1" t="s">
        <v>226609</v>
      </c>
    </row>
    <row r="68008" spans="1:10" x14ac:dyDescent="0.35">
      <c r="A68008" s="1" t="s">
        <v>8032</v>
      </c>
      <c r="B68008" s="1" t="s">
        <v>222693</v>
      </c>
      <c r="C68008" s="1" t="s">
        <v>140</v>
      </c>
      <c r="D68008" s="1" t="s">
        <v>226610</v>
      </c>
      <c r="E68008" s="1" t="s">
        <v>226611</v>
      </c>
      <c r="F68008" s="1" t="s">
        <v>226612</v>
      </c>
      <c r="G68008" s="1" t="s">
        <v>226515</v>
      </c>
      <c r="H68008" s="1" t="s">
        <v>226516</v>
      </c>
      <c r="I68008" s="1" t="s">
        <v>222698</v>
      </c>
      <c r="J68008" s="1" t="s">
        <v>226613</v>
      </c>
    </row>
    <row r="68009" spans="1:10" x14ac:dyDescent="0.35">
      <c r="A68009" s="1" t="s">
        <v>8032</v>
      </c>
      <c r="B68009" s="1" t="s">
        <v>222693</v>
      </c>
      <c r="C68009" s="1" t="s">
        <v>145</v>
      </c>
      <c r="D68009" s="1" t="s">
        <v>226614</v>
      </c>
      <c r="E68009" s="1" t="s">
        <v>226615</v>
      </c>
      <c r="F68009" s="1" t="s">
        <v>226616</v>
      </c>
      <c r="G68009" s="1" t="s">
        <v>226515</v>
      </c>
      <c r="H68009" s="1" t="s">
        <v>226516</v>
      </c>
      <c r="I68009" s="1" t="s">
        <v>222698</v>
      </c>
      <c r="J68009" s="1" t="s">
        <v>226617</v>
      </c>
    </row>
    <row r="68010" spans="1:10" x14ac:dyDescent="0.35">
      <c r="A68010" s="1" t="s">
        <v>8032</v>
      </c>
      <c r="B68010" s="1" t="s">
        <v>222693</v>
      </c>
      <c r="C68010" s="1" t="s">
        <v>150</v>
      </c>
      <c r="D68010" s="1" t="s">
        <v>226618</v>
      </c>
      <c r="E68010" s="1" t="s">
        <v>226619</v>
      </c>
      <c r="F68010" s="1" t="s">
        <v>226620</v>
      </c>
      <c r="G68010" s="1" t="s">
        <v>226515</v>
      </c>
      <c r="H68010" s="1" t="s">
        <v>226516</v>
      </c>
      <c r="I68010" s="1" t="s">
        <v>222698</v>
      </c>
      <c r="J68010" s="1" t="s">
        <v>226621</v>
      </c>
    </row>
    <row r="68011" spans="1:10" x14ac:dyDescent="0.35">
      <c r="A68011" s="1" t="s">
        <v>8032</v>
      </c>
      <c r="B68011" s="1" t="s">
        <v>222693</v>
      </c>
      <c r="C68011" s="1" t="s">
        <v>155</v>
      </c>
      <c r="D68011" s="1" t="s">
        <v>226622</v>
      </c>
      <c r="E68011" s="1" t="s">
        <v>226623</v>
      </c>
      <c r="F68011" s="1" t="s">
        <v>226624</v>
      </c>
      <c r="G68011" s="1" t="s">
        <v>226515</v>
      </c>
      <c r="H68011" s="1" t="s">
        <v>226516</v>
      </c>
      <c r="I68011" s="1" t="s">
        <v>222698</v>
      </c>
      <c r="J68011" s="1" t="s">
        <v>226625</v>
      </c>
    </row>
    <row r="68012" spans="1:10" x14ac:dyDescent="0.35">
      <c r="A68012" s="1" t="s">
        <v>8032</v>
      </c>
      <c r="B68012" s="1" t="s">
        <v>222693</v>
      </c>
      <c r="C68012" s="1" t="s">
        <v>160</v>
      </c>
      <c r="D68012" s="1" t="s">
        <v>226626</v>
      </c>
      <c r="E68012" s="1" t="s">
        <v>226627</v>
      </c>
      <c r="F68012" s="1" t="s">
        <v>226628</v>
      </c>
      <c r="G68012" s="1" t="s">
        <v>226515</v>
      </c>
      <c r="H68012" s="1" t="s">
        <v>226516</v>
      </c>
      <c r="I68012" s="1" t="s">
        <v>222698</v>
      </c>
      <c r="J68012" s="1" t="s">
        <v>226629</v>
      </c>
    </row>
    <row r="68013" spans="1:10" x14ac:dyDescent="0.35">
      <c r="A68013" s="1" t="s">
        <v>8032</v>
      </c>
      <c r="B68013" s="1" t="s">
        <v>222693</v>
      </c>
      <c r="C68013" s="1" t="s">
        <v>165</v>
      </c>
      <c r="D68013" s="1" t="s">
        <v>226630</v>
      </c>
      <c r="E68013" s="1" t="s">
        <v>226631</v>
      </c>
      <c r="F68013" s="1" t="s">
        <v>226632</v>
      </c>
      <c r="G68013" s="1" t="s">
        <v>226515</v>
      </c>
      <c r="H68013" s="1" t="s">
        <v>226516</v>
      </c>
      <c r="I68013" s="1" t="s">
        <v>222698</v>
      </c>
      <c r="J68013" s="1" t="s">
        <v>226633</v>
      </c>
    </row>
    <row r="68014" spans="1:10" x14ac:dyDescent="0.35">
      <c r="A68014" s="1" t="s">
        <v>8032</v>
      </c>
      <c r="B68014" s="1" t="s">
        <v>222693</v>
      </c>
      <c r="C68014" s="1" t="s">
        <v>170</v>
      </c>
      <c r="D68014" s="1" t="s">
        <v>226634</v>
      </c>
      <c r="E68014" s="1" t="s">
        <v>226635</v>
      </c>
      <c r="F68014" s="1" t="s">
        <v>226636</v>
      </c>
      <c r="G68014" s="1" t="s">
        <v>226515</v>
      </c>
      <c r="H68014" s="1" t="s">
        <v>226516</v>
      </c>
      <c r="I68014" s="1" t="s">
        <v>222698</v>
      </c>
      <c r="J68014" s="1" t="s">
        <v>226637</v>
      </c>
    </row>
    <row r="68015" spans="1:10" x14ac:dyDescent="0.35">
      <c r="A68015" s="1" t="s">
        <v>8042</v>
      </c>
      <c r="B68015" s="1" t="s">
        <v>222693</v>
      </c>
      <c r="C68015" s="1" t="s">
        <v>8</v>
      </c>
      <c r="D68015" s="1" t="s">
        <v>69628</v>
      </c>
      <c r="E68015" s="1" t="s">
        <v>226638</v>
      </c>
      <c r="F68015" s="1" t="s">
        <v>226639</v>
      </c>
      <c r="G68015" s="1" t="s">
        <v>226640</v>
      </c>
      <c r="H68015" s="1" t="s">
        <v>226641</v>
      </c>
      <c r="I68015" s="1" t="s">
        <v>222698</v>
      </c>
      <c r="J68015" s="1" t="s">
        <v>13</v>
      </c>
    </row>
    <row r="68016" spans="1:10" x14ac:dyDescent="0.35">
      <c r="A68016" s="1" t="s">
        <v>8042</v>
      </c>
      <c r="B68016" s="1" t="s">
        <v>222693</v>
      </c>
      <c r="C68016" s="1" t="s">
        <v>15</v>
      </c>
      <c r="D68016" s="1" t="s">
        <v>52892</v>
      </c>
      <c r="E68016" s="1" t="s">
        <v>226642</v>
      </c>
      <c r="F68016" s="1" t="s">
        <v>226643</v>
      </c>
      <c r="G68016" s="1" t="s">
        <v>226640</v>
      </c>
      <c r="H68016" s="1" t="s">
        <v>226641</v>
      </c>
      <c r="I68016" s="1" t="s">
        <v>222698</v>
      </c>
      <c r="J68016" s="1" t="s">
        <v>226644</v>
      </c>
    </row>
    <row r="68017" spans="1:10" x14ac:dyDescent="0.35">
      <c r="A68017" s="1" t="s">
        <v>8042</v>
      </c>
      <c r="B68017" s="1" t="s">
        <v>222693</v>
      </c>
      <c r="C68017" s="1" t="s">
        <v>20</v>
      </c>
      <c r="D68017" s="1" t="s">
        <v>77384</v>
      </c>
      <c r="E68017" s="1" t="s">
        <v>226645</v>
      </c>
      <c r="F68017" s="1" t="s">
        <v>226646</v>
      </c>
      <c r="G68017" s="1" t="s">
        <v>226640</v>
      </c>
      <c r="H68017" s="1" t="s">
        <v>226641</v>
      </c>
      <c r="I68017" s="1" t="s">
        <v>222698</v>
      </c>
      <c r="J68017" s="1" t="s">
        <v>226647</v>
      </c>
    </row>
    <row r="68018" spans="1:10" x14ac:dyDescent="0.35">
      <c r="A68018" s="1" t="s">
        <v>8042</v>
      </c>
      <c r="B68018" s="1" t="s">
        <v>222693</v>
      </c>
      <c r="C68018" s="1" t="s">
        <v>25</v>
      </c>
      <c r="D68018" s="1" t="s">
        <v>90486</v>
      </c>
      <c r="E68018" s="1" t="s">
        <v>226648</v>
      </c>
      <c r="F68018" s="1" t="s">
        <v>226649</v>
      </c>
      <c r="G68018" s="1" t="s">
        <v>226640</v>
      </c>
      <c r="H68018" s="1" t="s">
        <v>226641</v>
      </c>
      <c r="I68018" s="1" t="s">
        <v>222698</v>
      </c>
      <c r="J68018" s="1" t="s">
        <v>226650</v>
      </c>
    </row>
    <row r="68019" spans="1:10" x14ac:dyDescent="0.35">
      <c r="A68019" s="1" t="s">
        <v>8042</v>
      </c>
      <c r="B68019" s="1" t="s">
        <v>222693</v>
      </c>
      <c r="C68019" s="1" t="s">
        <v>30</v>
      </c>
      <c r="D68019" s="1" t="s">
        <v>88787</v>
      </c>
      <c r="E68019" s="1" t="s">
        <v>226651</v>
      </c>
      <c r="F68019" s="1" t="s">
        <v>226652</v>
      </c>
      <c r="G68019" s="1" t="s">
        <v>226640</v>
      </c>
      <c r="H68019" s="1" t="s">
        <v>226641</v>
      </c>
      <c r="I68019" s="1" t="s">
        <v>222698</v>
      </c>
      <c r="J68019" s="1" t="s">
        <v>226653</v>
      </c>
    </row>
    <row r="68020" spans="1:10" x14ac:dyDescent="0.35">
      <c r="A68020" s="1" t="s">
        <v>8042</v>
      </c>
      <c r="B68020" s="1" t="s">
        <v>222693</v>
      </c>
      <c r="C68020" s="1" t="s">
        <v>35</v>
      </c>
      <c r="D68020" s="1" t="s">
        <v>55181</v>
      </c>
      <c r="E68020" s="1" t="s">
        <v>226654</v>
      </c>
      <c r="F68020" s="1" t="s">
        <v>226655</v>
      </c>
      <c r="G68020" s="1" t="s">
        <v>226640</v>
      </c>
      <c r="H68020" s="1" t="s">
        <v>226641</v>
      </c>
      <c r="I68020" s="1" t="s">
        <v>222698</v>
      </c>
      <c r="J68020" s="1" t="s">
        <v>226656</v>
      </c>
    </row>
    <row r="68021" spans="1:10" x14ac:dyDescent="0.35">
      <c r="A68021" s="1" t="s">
        <v>8042</v>
      </c>
      <c r="B68021" s="1" t="s">
        <v>222693</v>
      </c>
      <c r="C68021" s="1" t="s">
        <v>40</v>
      </c>
      <c r="D68021" s="1" t="s">
        <v>103039</v>
      </c>
      <c r="E68021" s="1" t="s">
        <v>226657</v>
      </c>
      <c r="F68021" s="1" t="s">
        <v>226658</v>
      </c>
      <c r="G68021" s="1" t="s">
        <v>226640</v>
      </c>
      <c r="H68021" s="1" t="s">
        <v>226641</v>
      </c>
      <c r="I68021" s="1" t="s">
        <v>222698</v>
      </c>
      <c r="J68021" s="1" t="s">
        <v>226659</v>
      </c>
    </row>
    <row r="68022" spans="1:10" x14ac:dyDescent="0.35">
      <c r="A68022" s="1" t="s">
        <v>8042</v>
      </c>
      <c r="B68022" s="1" t="s">
        <v>222693</v>
      </c>
      <c r="C68022" s="1" t="s">
        <v>45</v>
      </c>
      <c r="D68022" s="1" t="s">
        <v>76866</v>
      </c>
      <c r="E68022" s="1" t="s">
        <v>226660</v>
      </c>
      <c r="F68022" s="1" t="s">
        <v>226661</v>
      </c>
      <c r="G68022" s="1" t="s">
        <v>226640</v>
      </c>
      <c r="H68022" s="1" t="s">
        <v>226641</v>
      </c>
      <c r="I68022" s="1" t="s">
        <v>222698</v>
      </c>
      <c r="J68022" s="1" t="s">
        <v>226662</v>
      </c>
    </row>
    <row r="68023" spans="1:10" x14ac:dyDescent="0.35">
      <c r="A68023" s="1" t="s">
        <v>8042</v>
      </c>
      <c r="B68023" s="1" t="s">
        <v>222693</v>
      </c>
      <c r="C68023" s="1" t="s">
        <v>50</v>
      </c>
      <c r="D68023" s="1" t="s">
        <v>137669</v>
      </c>
      <c r="E68023" s="1" t="s">
        <v>226663</v>
      </c>
      <c r="F68023" s="1" t="s">
        <v>226664</v>
      </c>
      <c r="G68023" s="1" t="s">
        <v>226640</v>
      </c>
      <c r="H68023" s="1" t="s">
        <v>226641</v>
      </c>
      <c r="I68023" s="1" t="s">
        <v>222698</v>
      </c>
      <c r="J68023" s="1" t="s">
        <v>226665</v>
      </c>
    </row>
    <row r="68024" spans="1:10" x14ac:dyDescent="0.35">
      <c r="A68024" s="1" t="s">
        <v>8042</v>
      </c>
      <c r="B68024" s="1" t="s">
        <v>222693</v>
      </c>
      <c r="C68024" s="1" t="s">
        <v>55</v>
      </c>
      <c r="D68024" s="1" t="s">
        <v>224254</v>
      </c>
      <c r="E68024" s="1" t="s">
        <v>226666</v>
      </c>
      <c r="F68024" s="1" t="s">
        <v>226667</v>
      </c>
      <c r="G68024" s="1" t="s">
        <v>226640</v>
      </c>
      <c r="H68024" s="1" t="s">
        <v>226641</v>
      </c>
      <c r="I68024" s="1" t="s">
        <v>222698</v>
      </c>
      <c r="J68024" s="1" t="s">
        <v>226668</v>
      </c>
    </row>
    <row r="68025" spans="1:10" x14ac:dyDescent="0.35">
      <c r="A68025" s="1" t="s">
        <v>8042</v>
      </c>
      <c r="B68025" s="1" t="s">
        <v>222693</v>
      </c>
      <c r="C68025" s="1" t="s">
        <v>60</v>
      </c>
      <c r="D68025" s="1" t="s">
        <v>107403</v>
      </c>
      <c r="E68025" s="1" t="s">
        <v>226669</v>
      </c>
      <c r="F68025" s="1" t="s">
        <v>226670</v>
      </c>
      <c r="G68025" s="1" t="s">
        <v>226640</v>
      </c>
      <c r="H68025" s="1" t="s">
        <v>226641</v>
      </c>
      <c r="I68025" s="1" t="s">
        <v>222698</v>
      </c>
      <c r="J68025" s="1" t="s">
        <v>226671</v>
      </c>
    </row>
    <row r="68026" spans="1:10" x14ac:dyDescent="0.35">
      <c r="A68026" s="1" t="s">
        <v>8042</v>
      </c>
      <c r="B68026" s="1" t="s">
        <v>222693</v>
      </c>
      <c r="C68026" s="1" t="s">
        <v>65</v>
      </c>
      <c r="D68026" s="1" t="s">
        <v>57778</v>
      </c>
      <c r="E68026" s="1" t="s">
        <v>226672</v>
      </c>
      <c r="F68026" s="1" t="s">
        <v>226673</v>
      </c>
      <c r="G68026" s="1" t="s">
        <v>226640</v>
      </c>
      <c r="H68026" s="1" t="s">
        <v>226641</v>
      </c>
      <c r="I68026" s="1" t="s">
        <v>222698</v>
      </c>
      <c r="J68026" s="1" t="s">
        <v>226674</v>
      </c>
    </row>
    <row r="68027" spans="1:10" x14ac:dyDescent="0.35">
      <c r="A68027" s="1" t="s">
        <v>8042</v>
      </c>
      <c r="B68027" s="1" t="s">
        <v>222693</v>
      </c>
      <c r="C68027" s="1" t="s">
        <v>70</v>
      </c>
      <c r="D68027" s="1" t="s">
        <v>226675</v>
      </c>
      <c r="E68027" s="1" t="s">
        <v>226676</v>
      </c>
      <c r="F68027" s="1" t="s">
        <v>226677</v>
      </c>
      <c r="G68027" s="1" t="s">
        <v>226640</v>
      </c>
      <c r="H68027" s="1" t="s">
        <v>226641</v>
      </c>
      <c r="I68027" s="1" t="s">
        <v>222698</v>
      </c>
      <c r="J68027" s="1" t="s">
        <v>226678</v>
      </c>
    </row>
    <row r="68028" spans="1:10" x14ac:dyDescent="0.35">
      <c r="A68028" s="1" t="s">
        <v>8042</v>
      </c>
      <c r="B68028" s="1" t="s">
        <v>222693</v>
      </c>
      <c r="C68028" s="1" t="s">
        <v>75</v>
      </c>
      <c r="D68028" s="1" t="s">
        <v>80709</v>
      </c>
      <c r="E68028" s="1" t="s">
        <v>226679</v>
      </c>
      <c r="F68028" s="1" t="s">
        <v>226680</v>
      </c>
      <c r="G68028" s="1" t="s">
        <v>226640</v>
      </c>
      <c r="H68028" s="1" t="s">
        <v>226641</v>
      </c>
      <c r="I68028" s="1" t="s">
        <v>222698</v>
      </c>
      <c r="J68028" s="1" t="s">
        <v>226681</v>
      </c>
    </row>
    <row r="68029" spans="1:10" x14ac:dyDescent="0.35">
      <c r="A68029" s="1" t="s">
        <v>8042</v>
      </c>
      <c r="B68029" s="1" t="s">
        <v>222693</v>
      </c>
      <c r="C68029" s="1" t="s">
        <v>80</v>
      </c>
      <c r="D68029" s="1" t="s">
        <v>226682</v>
      </c>
      <c r="E68029" s="1" t="s">
        <v>226683</v>
      </c>
      <c r="F68029" s="1" t="s">
        <v>226684</v>
      </c>
      <c r="G68029" s="1" t="s">
        <v>226640</v>
      </c>
      <c r="H68029" s="1" t="s">
        <v>226641</v>
      </c>
      <c r="I68029" s="1" t="s">
        <v>222698</v>
      </c>
      <c r="J68029" s="1" t="s">
        <v>226685</v>
      </c>
    </row>
    <row r="68030" spans="1:10" x14ac:dyDescent="0.35">
      <c r="A68030" s="1" t="s">
        <v>8042</v>
      </c>
      <c r="B68030" s="1" t="s">
        <v>222693</v>
      </c>
      <c r="C68030" s="1" t="s">
        <v>85</v>
      </c>
      <c r="D68030" s="1" t="s">
        <v>128291</v>
      </c>
      <c r="E68030" s="1" t="s">
        <v>226686</v>
      </c>
      <c r="F68030" s="1" t="s">
        <v>226687</v>
      </c>
      <c r="G68030" s="1" t="s">
        <v>226640</v>
      </c>
      <c r="H68030" s="1" t="s">
        <v>226641</v>
      </c>
      <c r="I68030" s="1" t="s">
        <v>222698</v>
      </c>
      <c r="J68030" s="1" t="s">
        <v>226688</v>
      </c>
    </row>
    <row r="68031" spans="1:10" x14ac:dyDescent="0.35">
      <c r="A68031" s="1" t="s">
        <v>8042</v>
      </c>
      <c r="B68031" s="1" t="s">
        <v>222693</v>
      </c>
      <c r="C68031" s="1" t="s">
        <v>90</v>
      </c>
      <c r="D68031" s="1" t="s">
        <v>69938</v>
      </c>
      <c r="E68031" s="1" t="s">
        <v>226689</v>
      </c>
      <c r="F68031" s="1" t="s">
        <v>226690</v>
      </c>
      <c r="G68031" s="1" t="s">
        <v>226640</v>
      </c>
      <c r="H68031" s="1" t="s">
        <v>226641</v>
      </c>
      <c r="I68031" s="1" t="s">
        <v>222698</v>
      </c>
      <c r="J68031" s="1" t="s">
        <v>226691</v>
      </c>
    </row>
    <row r="68032" spans="1:10" x14ac:dyDescent="0.35">
      <c r="A68032" s="1" t="s">
        <v>8042</v>
      </c>
      <c r="B68032" s="1" t="s">
        <v>222693</v>
      </c>
      <c r="C68032" s="1" t="s">
        <v>95</v>
      </c>
      <c r="D68032" s="1" t="s">
        <v>226692</v>
      </c>
      <c r="E68032" s="1" t="s">
        <v>226693</v>
      </c>
      <c r="F68032" s="1" t="s">
        <v>226694</v>
      </c>
      <c r="G68032" s="1" t="s">
        <v>226640</v>
      </c>
      <c r="H68032" s="1" t="s">
        <v>226641</v>
      </c>
      <c r="I68032" s="1" t="s">
        <v>222698</v>
      </c>
      <c r="J68032" s="1" t="s">
        <v>226695</v>
      </c>
    </row>
    <row r="68033" spans="1:10" x14ac:dyDescent="0.35">
      <c r="A68033" s="1" t="s">
        <v>8042</v>
      </c>
      <c r="B68033" s="1" t="s">
        <v>222693</v>
      </c>
      <c r="C68033" s="1" t="s">
        <v>100</v>
      </c>
      <c r="D68033" s="1" t="s">
        <v>226696</v>
      </c>
      <c r="E68033" s="1" t="s">
        <v>226697</v>
      </c>
      <c r="F68033" s="1" t="s">
        <v>226698</v>
      </c>
      <c r="G68033" s="1" t="s">
        <v>226640</v>
      </c>
      <c r="H68033" s="1" t="s">
        <v>226641</v>
      </c>
      <c r="I68033" s="1" t="s">
        <v>222698</v>
      </c>
      <c r="J68033" s="1" t="s">
        <v>226699</v>
      </c>
    </row>
    <row r="68034" spans="1:10" x14ac:dyDescent="0.35">
      <c r="A68034" s="1" t="s">
        <v>8042</v>
      </c>
      <c r="B68034" s="1" t="s">
        <v>222693</v>
      </c>
      <c r="C68034" s="1" t="s">
        <v>105</v>
      </c>
      <c r="D68034" s="1" t="s">
        <v>226700</v>
      </c>
      <c r="E68034" s="1" t="s">
        <v>226701</v>
      </c>
      <c r="F68034" s="1" t="s">
        <v>226702</v>
      </c>
      <c r="G68034" s="1" t="s">
        <v>226640</v>
      </c>
      <c r="H68034" s="1" t="s">
        <v>226641</v>
      </c>
      <c r="I68034" s="1" t="s">
        <v>222698</v>
      </c>
      <c r="J68034" s="1" t="s">
        <v>226703</v>
      </c>
    </row>
    <row r="68035" spans="1:10" x14ac:dyDescent="0.35">
      <c r="A68035" s="1" t="s">
        <v>8042</v>
      </c>
      <c r="B68035" s="1" t="s">
        <v>222693</v>
      </c>
      <c r="C68035" s="1" t="s">
        <v>110</v>
      </c>
      <c r="D68035" s="1" t="s">
        <v>226704</v>
      </c>
      <c r="E68035" s="1" t="s">
        <v>226705</v>
      </c>
      <c r="F68035" s="1" t="s">
        <v>226706</v>
      </c>
      <c r="G68035" s="1" t="s">
        <v>226640</v>
      </c>
      <c r="H68035" s="1" t="s">
        <v>226641</v>
      </c>
      <c r="I68035" s="1" t="s">
        <v>222698</v>
      </c>
      <c r="J68035" s="1" t="s">
        <v>226707</v>
      </c>
    </row>
    <row r="68036" spans="1:10" x14ac:dyDescent="0.35">
      <c r="A68036" s="1" t="s">
        <v>8042</v>
      </c>
      <c r="B68036" s="1" t="s">
        <v>222693</v>
      </c>
      <c r="C68036" s="1" t="s">
        <v>115</v>
      </c>
      <c r="D68036" s="1" t="s">
        <v>226708</v>
      </c>
      <c r="E68036" s="1" t="s">
        <v>226709</v>
      </c>
      <c r="F68036" s="1" t="s">
        <v>226710</v>
      </c>
      <c r="G68036" s="1" t="s">
        <v>226640</v>
      </c>
      <c r="H68036" s="1" t="s">
        <v>226641</v>
      </c>
      <c r="I68036" s="1" t="s">
        <v>222698</v>
      </c>
      <c r="J68036" s="1" t="s">
        <v>226711</v>
      </c>
    </row>
    <row r="68037" spans="1:10" x14ac:dyDescent="0.35">
      <c r="A68037" s="1" t="s">
        <v>8042</v>
      </c>
      <c r="B68037" s="1" t="s">
        <v>222693</v>
      </c>
      <c r="C68037" s="1" t="s">
        <v>120</v>
      </c>
      <c r="D68037" s="1" t="s">
        <v>226712</v>
      </c>
      <c r="E68037" s="1" t="s">
        <v>226713</v>
      </c>
      <c r="F68037" s="1" t="s">
        <v>226714</v>
      </c>
      <c r="G68037" s="1" t="s">
        <v>226640</v>
      </c>
      <c r="H68037" s="1" t="s">
        <v>226641</v>
      </c>
      <c r="I68037" s="1" t="s">
        <v>222698</v>
      </c>
      <c r="J68037" s="1" t="s">
        <v>226715</v>
      </c>
    </row>
    <row r="68038" spans="1:10" x14ac:dyDescent="0.35">
      <c r="A68038" s="1" t="s">
        <v>8042</v>
      </c>
      <c r="B68038" s="1" t="s">
        <v>222693</v>
      </c>
      <c r="C68038" s="1" t="s">
        <v>125</v>
      </c>
      <c r="D68038" s="1" t="s">
        <v>133881</v>
      </c>
      <c r="E68038" s="1" t="s">
        <v>226716</v>
      </c>
      <c r="F68038" s="1" t="s">
        <v>226717</v>
      </c>
      <c r="G68038" s="1" t="s">
        <v>226640</v>
      </c>
      <c r="H68038" s="1" t="s">
        <v>226641</v>
      </c>
      <c r="I68038" s="1" t="s">
        <v>222698</v>
      </c>
      <c r="J68038" s="1" t="s">
        <v>226718</v>
      </c>
    </row>
    <row r="68039" spans="1:10" x14ac:dyDescent="0.35">
      <c r="A68039" s="1" t="s">
        <v>8042</v>
      </c>
      <c r="B68039" s="1" t="s">
        <v>222693</v>
      </c>
      <c r="C68039" s="1" t="s">
        <v>130</v>
      </c>
      <c r="D68039" s="1" t="s">
        <v>39540</v>
      </c>
      <c r="E68039" s="1" t="s">
        <v>226719</v>
      </c>
      <c r="F68039" s="1" t="s">
        <v>226720</v>
      </c>
      <c r="G68039" s="1" t="s">
        <v>226640</v>
      </c>
      <c r="H68039" s="1" t="s">
        <v>226641</v>
      </c>
      <c r="I68039" s="1" t="s">
        <v>222698</v>
      </c>
      <c r="J68039" s="1" t="s">
        <v>226721</v>
      </c>
    </row>
    <row r="68040" spans="1:10" x14ac:dyDescent="0.35">
      <c r="A68040" s="1" t="s">
        <v>8042</v>
      </c>
      <c r="B68040" s="1" t="s">
        <v>222693</v>
      </c>
      <c r="C68040" s="1" t="s">
        <v>135</v>
      </c>
      <c r="D68040" s="1" t="s">
        <v>226722</v>
      </c>
      <c r="E68040" s="1" t="s">
        <v>226723</v>
      </c>
      <c r="F68040" s="1" t="s">
        <v>226724</v>
      </c>
      <c r="G68040" s="1" t="s">
        <v>226640</v>
      </c>
      <c r="H68040" s="1" t="s">
        <v>226641</v>
      </c>
      <c r="I68040" s="1" t="s">
        <v>222698</v>
      </c>
      <c r="J68040" s="1" t="s">
        <v>226725</v>
      </c>
    </row>
    <row r="68041" spans="1:10" x14ac:dyDescent="0.35">
      <c r="A68041" s="1" t="s">
        <v>8042</v>
      </c>
      <c r="B68041" s="1" t="s">
        <v>222693</v>
      </c>
      <c r="C68041" s="1" t="s">
        <v>140</v>
      </c>
      <c r="D68041" s="1" t="s">
        <v>226726</v>
      </c>
      <c r="E68041" s="1" t="s">
        <v>226727</v>
      </c>
      <c r="F68041" s="1" t="s">
        <v>226728</v>
      </c>
      <c r="G68041" s="1" t="s">
        <v>226640</v>
      </c>
      <c r="H68041" s="1" t="s">
        <v>226641</v>
      </c>
      <c r="I68041" s="1" t="s">
        <v>222698</v>
      </c>
      <c r="J68041" s="1" t="s">
        <v>226729</v>
      </c>
    </row>
    <row r="68042" spans="1:10" x14ac:dyDescent="0.35">
      <c r="A68042" s="1" t="s">
        <v>8042</v>
      </c>
      <c r="B68042" s="1" t="s">
        <v>222693</v>
      </c>
      <c r="C68042" s="1" t="s">
        <v>145</v>
      </c>
      <c r="D68042" s="1" t="s">
        <v>132030</v>
      </c>
      <c r="E68042" s="1" t="s">
        <v>226730</v>
      </c>
      <c r="F68042" s="1" t="s">
        <v>226731</v>
      </c>
      <c r="G68042" s="1" t="s">
        <v>226640</v>
      </c>
      <c r="H68042" s="1" t="s">
        <v>226641</v>
      </c>
      <c r="I68042" s="1" t="s">
        <v>222698</v>
      </c>
      <c r="J68042" s="1" t="s">
        <v>226732</v>
      </c>
    </row>
    <row r="68043" spans="1:10" x14ac:dyDescent="0.35">
      <c r="A68043" s="1" t="s">
        <v>8042</v>
      </c>
      <c r="B68043" s="1" t="s">
        <v>222693</v>
      </c>
      <c r="C68043" s="1" t="s">
        <v>150</v>
      </c>
      <c r="D68043" s="1" t="s">
        <v>226733</v>
      </c>
      <c r="E68043" s="1" t="s">
        <v>226734</v>
      </c>
      <c r="F68043" s="1" t="s">
        <v>226735</v>
      </c>
      <c r="G68043" s="1" t="s">
        <v>226640</v>
      </c>
      <c r="H68043" s="1" t="s">
        <v>226641</v>
      </c>
      <c r="I68043" s="1" t="s">
        <v>222698</v>
      </c>
      <c r="J68043" s="1" t="s">
        <v>226736</v>
      </c>
    </row>
    <row r="68044" spans="1:10" x14ac:dyDescent="0.35">
      <c r="A68044" s="1" t="s">
        <v>8042</v>
      </c>
      <c r="B68044" s="1" t="s">
        <v>222693</v>
      </c>
      <c r="C68044" s="1" t="s">
        <v>155</v>
      </c>
      <c r="D68044" s="1" t="s">
        <v>226737</v>
      </c>
      <c r="E68044" s="1" t="s">
        <v>226738</v>
      </c>
      <c r="F68044" s="1" t="s">
        <v>226739</v>
      </c>
      <c r="G68044" s="1" t="s">
        <v>226640</v>
      </c>
      <c r="H68044" s="1" t="s">
        <v>226641</v>
      </c>
      <c r="I68044" s="1" t="s">
        <v>222698</v>
      </c>
      <c r="J68044" s="1" t="s">
        <v>226740</v>
      </c>
    </row>
    <row r="68045" spans="1:10" x14ac:dyDescent="0.35">
      <c r="A68045" s="1" t="s">
        <v>8042</v>
      </c>
      <c r="B68045" s="1" t="s">
        <v>222693</v>
      </c>
      <c r="C68045" s="1" t="s">
        <v>160</v>
      </c>
      <c r="D68045" s="1" t="s">
        <v>550</v>
      </c>
      <c r="E68045" s="1" t="s">
        <v>226741</v>
      </c>
      <c r="F68045" s="1" t="s">
        <v>226742</v>
      </c>
      <c r="G68045" s="1" t="s">
        <v>226640</v>
      </c>
      <c r="H68045" s="1" t="s">
        <v>226641</v>
      </c>
      <c r="I68045" s="1" t="s">
        <v>222698</v>
      </c>
      <c r="J68045" s="1" t="s">
        <v>226743</v>
      </c>
    </row>
    <row r="68046" spans="1:10" x14ac:dyDescent="0.35">
      <c r="A68046" s="1" t="s">
        <v>8042</v>
      </c>
      <c r="B68046" s="1" t="s">
        <v>222693</v>
      </c>
      <c r="C68046" s="1" t="s">
        <v>165</v>
      </c>
      <c r="D68046" s="1" t="s">
        <v>226744</v>
      </c>
      <c r="E68046" s="1" t="s">
        <v>226745</v>
      </c>
      <c r="F68046" s="1" t="s">
        <v>226746</v>
      </c>
      <c r="G68046" s="1" t="s">
        <v>226640</v>
      </c>
      <c r="H68046" s="1" t="s">
        <v>226641</v>
      </c>
      <c r="I68046" s="1" t="s">
        <v>222698</v>
      </c>
      <c r="J68046" s="1" t="s">
        <v>226747</v>
      </c>
    </row>
    <row r="68047" spans="1:10" x14ac:dyDescent="0.35">
      <c r="A68047" s="1" t="s">
        <v>8042</v>
      </c>
      <c r="B68047" s="1" t="s">
        <v>222693</v>
      </c>
      <c r="C68047" s="1" t="s">
        <v>170</v>
      </c>
      <c r="D68047" s="1" t="s">
        <v>226748</v>
      </c>
      <c r="E68047" s="1" t="s">
        <v>226749</v>
      </c>
      <c r="F68047" s="1" t="s">
        <v>226750</v>
      </c>
      <c r="G68047" s="1" t="s">
        <v>226640</v>
      </c>
      <c r="H68047" s="1" t="s">
        <v>226641</v>
      </c>
      <c r="I68047" s="1" t="s">
        <v>222698</v>
      </c>
      <c r="J68047" s="1" t="s">
        <v>226751</v>
      </c>
    </row>
    <row r="68048" spans="1:10" x14ac:dyDescent="0.35">
      <c r="A68048" s="1" t="s">
        <v>8028</v>
      </c>
      <c r="B68048" s="1" t="s">
        <v>222693</v>
      </c>
      <c r="C68048" s="1" t="s">
        <v>8</v>
      </c>
      <c r="D68048" s="1" t="s">
        <v>87885</v>
      </c>
      <c r="E68048" s="1" t="s">
        <v>226752</v>
      </c>
      <c r="F68048" s="1" t="s">
        <v>226753</v>
      </c>
      <c r="G68048" s="1" t="s">
        <v>226754</v>
      </c>
      <c r="H68048" s="1" t="s">
        <v>226755</v>
      </c>
      <c r="I68048" s="1" t="s">
        <v>222698</v>
      </c>
      <c r="J68048" s="1" t="s">
        <v>13</v>
      </c>
    </row>
    <row r="68049" spans="1:10" x14ac:dyDescent="0.35">
      <c r="A68049" s="1" t="s">
        <v>8028</v>
      </c>
      <c r="B68049" s="1" t="s">
        <v>222693</v>
      </c>
      <c r="C68049" s="1" t="s">
        <v>15</v>
      </c>
      <c r="D68049" s="1" t="s">
        <v>226756</v>
      </c>
      <c r="E68049" s="1" t="s">
        <v>226757</v>
      </c>
      <c r="F68049" s="1" t="s">
        <v>226758</v>
      </c>
      <c r="G68049" s="1" t="s">
        <v>226754</v>
      </c>
      <c r="H68049" s="1" t="s">
        <v>226755</v>
      </c>
      <c r="I68049" s="1" t="s">
        <v>222698</v>
      </c>
      <c r="J68049" s="1" t="s">
        <v>226759</v>
      </c>
    </row>
    <row r="68050" spans="1:10" x14ac:dyDescent="0.35">
      <c r="A68050" s="1" t="s">
        <v>8028</v>
      </c>
      <c r="B68050" s="1" t="s">
        <v>222693</v>
      </c>
      <c r="C68050" s="1" t="s">
        <v>20</v>
      </c>
      <c r="D68050" s="1" t="s">
        <v>24137</v>
      </c>
      <c r="E68050" s="1" t="s">
        <v>226760</v>
      </c>
      <c r="F68050" s="1" t="s">
        <v>226761</v>
      </c>
      <c r="G68050" s="1" t="s">
        <v>226754</v>
      </c>
      <c r="H68050" s="1" t="s">
        <v>226755</v>
      </c>
      <c r="I68050" s="1" t="s">
        <v>222698</v>
      </c>
      <c r="J68050" s="1" t="s">
        <v>226762</v>
      </c>
    </row>
    <row r="68051" spans="1:10" x14ac:dyDescent="0.35">
      <c r="A68051" s="1" t="s">
        <v>8028</v>
      </c>
      <c r="B68051" s="1" t="s">
        <v>222693</v>
      </c>
      <c r="C68051" s="1" t="s">
        <v>25</v>
      </c>
      <c r="D68051" s="1" t="s">
        <v>226763</v>
      </c>
      <c r="E68051" s="1" t="s">
        <v>226764</v>
      </c>
      <c r="F68051" s="1" t="s">
        <v>226765</v>
      </c>
      <c r="G68051" s="1" t="s">
        <v>226754</v>
      </c>
      <c r="H68051" s="1" t="s">
        <v>226755</v>
      </c>
      <c r="I68051" s="1" t="s">
        <v>222698</v>
      </c>
      <c r="J68051" s="1" t="s">
        <v>226766</v>
      </c>
    </row>
    <row r="68052" spans="1:10" x14ac:dyDescent="0.35">
      <c r="A68052" s="1" t="s">
        <v>8028</v>
      </c>
      <c r="B68052" s="1" t="s">
        <v>222693</v>
      </c>
      <c r="C68052" s="1" t="s">
        <v>30</v>
      </c>
      <c r="D68052" s="1" t="s">
        <v>223030</v>
      </c>
      <c r="E68052" s="1" t="s">
        <v>226767</v>
      </c>
      <c r="F68052" s="1" t="s">
        <v>226768</v>
      </c>
      <c r="G68052" s="1" t="s">
        <v>226754</v>
      </c>
      <c r="H68052" s="1" t="s">
        <v>226755</v>
      </c>
      <c r="I68052" s="1" t="s">
        <v>222698</v>
      </c>
      <c r="J68052" s="1" t="s">
        <v>226769</v>
      </c>
    </row>
    <row r="68053" spans="1:10" x14ac:dyDescent="0.35">
      <c r="A68053" s="1" t="s">
        <v>8028</v>
      </c>
      <c r="B68053" s="1" t="s">
        <v>222693</v>
      </c>
      <c r="C68053" s="1" t="s">
        <v>35</v>
      </c>
      <c r="D68053" s="1" t="s">
        <v>226770</v>
      </c>
      <c r="E68053" s="1" t="s">
        <v>226771</v>
      </c>
      <c r="F68053" s="1" t="s">
        <v>226772</v>
      </c>
      <c r="G68053" s="1" t="s">
        <v>226754</v>
      </c>
      <c r="H68053" s="1" t="s">
        <v>226755</v>
      </c>
      <c r="I68053" s="1" t="s">
        <v>222698</v>
      </c>
      <c r="J68053" s="1" t="s">
        <v>226773</v>
      </c>
    </row>
    <row r="68054" spans="1:10" x14ac:dyDescent="0.35">
      <c r="A68054" s="1" t="s">
        <v>8028</v>
      </c>
      <c r="B68054" s="1" t="s">
        <v>222693</v>
      </c>
      <c r="C68054" s="1" t="s">
        <v>40</v>
      </c>
      <c r="D68054" s="1" t="s">
        <v>226774</v>
      </c>
      <c r="E68054" s="1" t="s">
        <v>226775</v>
      </c>
      <c r="F68054" s="1" t="s">
        <v>226776</v>
      </c>
      <c r="G68054" s="1" t="s">
        <v>226754</v>
      </c>
      <c r="H68054" s="1" t="s">
        <v>226755</v>
      </c>
      <c r="I68054" s="1" t="s">
        <v>222698</v>
      </c>
      <c r="J68054" s="1" t="s">
        <v>226777</v>
      </c>
    </row>
    <row r="68055" spans="1:10" x14ac:dyDescent="0.35">
      <c r="A68055" s="1" t="s">
        <v>8028</v>
      </c>
      <c r="B68055" s="1" t="s">
        <v>222693</v>
      </c>
      <c r="C68055" s="1" t="s">
        <v>45</v>
      </c>
      <c r="D68055" s="1" t="s">
        <v>163191</v>
      </c>
      <c r="E68055" s="1" t="s">
        <v>226778</v>
      </c>
      <c r="F68055" s="1" t="s">
        <v>226779</v>
      </c>
      <c r="G68055" s="1" t="s">
        <v>226754</v>
      </c>
      <c r="H68055" s="1" t="s">
        <v>226755</v>
      </c>
      <c r="I68055" s="1" t="s">
        <v>222698</v>
      </c>
      <c r="J68055" s="1" t="s">
        <v>226780</v>
      </c>
    </row>
    <row r="68056" spans="1:10" x14ac:dyDescent="0.35">
      <c r="A68056" s="1" t="s">
        <v>8028</v>
      </c>
      <c r="B68056" s="1" t="s">
        <v>222693</v>
      </c>
      <c r="C68056" s="1" t="s">
        <v>50</v>
      </c>
      <c r="D68056" s="1" t="s">
        <v>129829</v>
      </c>
      <c r="E68056" s="1" t="s">
        <v>226781</v>
      </c>
      <c r="F68056" s="1" t="s">
        <v>226782</v>
      </c>
      <c r="G68056" s="1" t="s">
        <v>226754</v>
      </c>
      <c r="H68056" s="1" t="s">
        <v>226755</v>
      </c>
      <c r="I68056" s="1" t="s">
        <v>222698</v>
      </c>
      <c r="J68056" s="1" t="s">
        <v>226783</v>
      </c>
    </row>
    <row r="68057" spans="1:10" x14ac:dyDescent="0.35">
      <c r="A68057" s="1" t="s">
        <v>8028</v>
      </c>
      <c r="B68057" s="1" t="s">
        <v>222693</v>
      </c>
      <c r="C68057" s="1" t="s">
        <v>55</v>
      </c>
      <c r="D68057" s="1" t="s">
        <v>122571</v>
      </c>
      <c r="E68057" s="1" t="s">
        <v>226784</v>
      </c>
      <c r="F68057" s="1" t="s">
        <v>226785</v>
      </c>
      <c r="G68057" s="1" t="s">
        <v>226754</v>
      </c>
      <c r="H68057" s="1" t="s">
        <v>226755</v>
      </c>
      <c r="I68057" s="1" t="s">
        <v>222698</v>
      </c>
      <c r="J68057" s="1" t="s">
        <v>226786</v>
      </c>
    </row>
    <row r="68058" spans="1:10" x14ac:dyDescent="0.35">
      <c r="A68058" s="1" t="s">
        <v>8028</v>
      </c>
      <c r="B68058" s="1" t="s">
        <v>222693</v>
      </c>
      <c r="C68058" s="1" t="s">
        <v>60</v>
      </c>
      <c r="D68058" s="1" t="s">
        <v>226787</v>
      </c>
      <c r="E68058" s="1" t="s">
        <v>226788</v>
      </c>
      <c r="F68058" s="1" t="s">
        <v>226789</v>
      </c>
      <c r="G68058" s="1" t="s">
        <v>226754</v>
      </c>
      <c r="H68058" s="1" t="s">
        <v>226755</v>
      </c>
      <c r="I68058" s="1" t="s">
        <v>222698</v>
      </c>
      <c r="J68058" s="1" t="s">
        <v>226790</v>
      </c>
    </row>
    <row r="68059" spans="1:10" x14ac:dyDescent="0.35">
      <c r="A68059" s="1" t="s">
        <v>8028</v>
      </c>
      <c r="B68059" s="1" t="s">
        <v>222693</v>
      </c>
      <c r="C68059" s="1" t="s">
        <v>65</v>
      </c>
      <c r="D68059" s="1" t="s">
        <v>62103</v>
      </c>
      <c r="E68059" s="1" t="s">
        <v>226791</v>
      </c>
      <c r="F68059" s="1" t="s">
        <v>226792</v>
      </c>
      <c r="G68059" s="1" t="s">
        <v>226754</v>
      </c>
      <c r="H68059" s="1" t="s">
        <v>226755</v>
      </c>
      <c r="I68059" s="1" t="s">
        <v>222698</v>
      </c>
      <c r="J68059" s="1" t="s">
        <v>226793</v>
      </c>
    </row>
    <row r="68060" spans="1:10" x14ac:dyDescent="0.35">
      <c r="A68060" s="1" t="s">
        <v>8028</v>
      </c>
      <c r="B68060" s="1" t="s">
        <v>222693</v>
      </c>
      <c r="C68060" s="1" t="s">
        <v>70</v>
      </c>
      <c r="D68060" s="1" t="s">
        <v>226794</v>
      </c>
      <c r="E68060" s="1" t="s">
        <v>226795</v>
      </c>
      <c r="F68060" s="1" t="s">
        <v>226796</v>
      </c>
      <c r="G68060" s="1" t="s">
        <v>226754</v>
      </c>
      <c r="H68060" s="1" t="s">
        <v>226755</v>
      </c>
      <c r="I68060" s="1" t="s">
        <v>222698</v>
      </c>
      <c r="J68060" s="1" t="s">
        <v>226797</v>
      </c>
    </row>
    <row r="68061" spans="1:10" x14ac:dyDescent="0.35">
      <c r="A68061" s="1" t="s">
        <v>8028</v>
      </c>
      <c r="B68061" s="1" t="s">
        <v>222693</v>
      </c>
      <c r="C68061" s="1" t="s">
        <v>75</v>
      </c>
      <c r="D68061" s="1" t="s">
        <v>60539</v>
      </c>
      <c r="E68061" s="1" t="s">
        <v>226798</v>
      </c>
      <c r="F68061" s="1" t="s">
        <v>226799</v>
      </c>
      <c r="G68061" s="1" t="s">
        <v>226754</v>
      </c>
      <c r="H68061" s="1" t="s">
        <v>226755</v>
      </c>
      <c r="I68061" s="1" t="s">
        <v>222698</v>
      </c>
      <c r="J68061" s="1" t="s">
        <v>226800</v>
      </c>
    </row>
    <row r="68062" spans="1:10" x14ac:dyDescent="0.35">
      <c r="A68062" s="1" t="s">
        <v>8028</v>
      </c>
      <c r="B68062" s="1" t="s">
        <v>222693</v>
      </c>
      <c r="C68062" s="1" t="s">
        <v>80</v>
      </c>
      <c r="D68062" s="1" t="s">
        <v>225665</v>
      </c>
      <c r="E68062" s="1" t="s">
        <v>226801</v>
      </c>
      <c r="F68062" s="1" t="s">
        <v>226802</v>
      </c>
      <c r="G68062" s="1" t="s">
        <v>226754</v>
      </c>
      <c r="H68062" s="1" t="s">
        <v>226755</v>
      </c>
      <c r="I68062" s="1" t="s">
        <v>222698</v>
      </c>
      <c r="J68062" s="1" t="s">
        <v>226803</v>
      </c>
    </row>
    <row r="68063" spans="1:10" x14ac:dyDescent="0.35">
      <c r="A68063" s="1" t="s">
        <v>8028</v>
      </c>
      <c r="B68063" s="1" t="s">
        <v>222693</v>
      </c>
      <c r="C68063" s="1" t="s">
        <v>85</v>
      </c>
      <c r="D68063" s="1" t="s">
        <v>226804</v>
      </c>
      <c r="E68063" s="1" t="s">
        <v>226805</v>
      </c>
      <c r="F68063" s="1" t="s">
        <v>226806</v>
      </c>
      <c r="G68063" s="1" t="s">
        <v>226754</v>
      </c>
      <c r="H68063" s="1" t="s">
        <v>226755</v>
      </c>
      <c r="I68063" s="1" t="s">
        <v>222698</v>
      </c>
      <c r="J68063" s="1" t="s">
        <v>226807</v>
      </c>
    </row>
    <row r="68064" spans="1:10" x14ac:dyDescent="0.35">
      <c r="A68064" s="1" t="s">
        <v>8028</v>
      </c>
      <c r="B68064" s="1" t="s">
        <v>222693</v>
      </c>
      <c r="C68064" s="1" t="s">
        <v>90</v>
      </c>
      <c r="D68064" s="1" t="s">
        <v>226808</v>
      </c>
      <c r="E68064" s="1" t="s">
        <v>226809</v>
      </c>
      <c r="F68064" s="1" t="s">
        <v>226810</v>
      </c>
      <c r="G68064" s="1" t="s">
        <v>226754</v>
      </c>
      <c r="H68064" s="1" t="s">
        <v>226755</v>
      </c>
      <c r="I68064" s="1" t="s">
        <v>222698</v>
      </c>
      <c r="J68064" s="1" t="s">
        <v>226811</v>
      </c>
    </row>
    <row r="68065" spans="1:10" x14ac:dyDescent="0.35">
      <c r="A68065" s="1" t="s">
        <v>8028</v>
      </c>
      <c r="B68065" s="1" t="s">
        <v>222693</v>
      </c>
      <c r="C68065" s="1" t="s">
        <v>95</v>
      </c>
      <c r="D68065" s="1" t="s">
        <v>226812</v>
      </c>
      <c r="E68065" s="1" t="s">
        <v>226813</v>
      </c>
      <c r="F68065" s="1" t="s">
        <v>226814</v>
      </c>
      <c r="G68065" s="1" t="s">
        <v>226754</v>
      </c>
      <c r="H68065" s="1" t="s">
        <v>226755</v>
      </c>
      <c r="I68065" s="1" t="s">
        <v>222698</v>
      </c>
      <c r="J68065" s="1" t="s">
        <v>226815</v>
      </c>
    </row>
    <row r="68066" spans="1:10" x14ac:dyDescent="0.35">
      <c r="A68066" s="1" t="s">
        <v>8028</v>
      </c>
      <c r="B68066" s="1" t="s">
        <v>222693</v>
      </c>
      <c r="C68066" s="1" t="s">
        <v>100</v>
      </c>
      <c r="D68066" s="1" t="s">
        <v>16677</v>
      </c>
      <c r="E68066" s="1" t="s">
        <v>226816</v>
      </c>
      <c r="F68066" s="1" t="s">
        <v>226817</v>
      </c>
      <c r="G68066" s="1" t="s">
        <v>226754</v>
      </c>
      <c r="H68066" s="1" t="s">
        <v>226755</v>
      </c>
      <c r="I68066" s="1" t="s">
        <v>222698</v>
      </c>
      <c r="J68066" s="1" t="s">
        <v>226818</v>
      </c>
    </row>
    <row r="68067" spans="1:10" x14ac:dyDescent="0.35">
      <c r="A68067" s="1" t="s">
        <v>8028</v>
      </c>
      <c r="B68067" s="1" t="s">
        <v>222693</v>
      </c>
      <c r="C68067" s="1" t="s">
        <v>105</v>
      </c>
      <c r="D68067" s="1" t="s">
        <v>226819</v>
      </c>
      <c r="E68067" s="1" t="s">
        <v>226820</v>
      </c>
      <c r="F68067" s="1" t="s">
        <v>226821</v>
      </c>
      <c r="G68067" s="1" t="s">
        <v>226754</v>
      </c>
      <c r="H68067" s="1" t="s">
        <v>226755</v>
      </c>
      <c r="I68067" s="1" t="s">
        <v>222698</v>
      </c>
      <c r="J68067" s="1" t="s">
        <v>226822</v>
      </c>
    </row>
    <row r="68068" spans="1:10" x14ac:dyDescent="0.35">
      <c r="A68068" s="1" t="s">
        <v>8028</v>
      </c>
      <c r="B68068" s="1" t="s">
        <v>222693</v>
      </c>
      <c r="C68068" s="1" t="s">
        <v>110</v>
      </c>
      <c r="D68068" s="1" t="s">
        <v>226823</v>
      </c>
      <c r="E68068" s="1" t="s">
        <v>226824</v>
      </c>
      <c r="F68068" s="1" t="s">
        <v>226825</v>
      </c>
      <c r="G68068" s="1" t="s">
        <v>226754</v>
      </c>
      <c r="H68068" s="1" t="s">
        <v>226755</v>
      </c>
      <c r="I68068" s="1" t="s">
        <v>222698</v>
      </c>
      <c r="J68068" s="1" t="s">
        <v>226826</v>
      </c>
    </row>
    <row r="68069" spans="1:10" x14ac:dyDescent="0.35">
      <c r="A68069" s="1" t="s">
        <v>8028</v>
      </c>
      <c r="B68069" s="1" t="s">
        <v>222693</v>
      </c>
      <c r="C68069" s="1" t="s">
        <v>115</v>
      </c>
      <c r="D68069" s="1" t="s">
        <v>127366</v>
      </c>
      <c r="E68069" s="1" t="s">
        <v>226827</v>
      </c>
      <c r="F68069" s="1" t="s">
        <v>226828</v>
      </c>
      <c r="G68069" s="1" t="s">
        <v>226754</v>
      </c>
      <c r="H68069" s="1" t="s">
        <v>226755</v>
      </c>
      <c r="I68069" s="1" t="s">
        <v>222698</v>
      </c>
      <c r="J68069" s="1" t="s">
        <v>226829</v>
      </c>
    </row>
    <row r="68070" spans="1:10" x14ac:dyDescent="0.35">
      <c r="A68070" s="1" t="s">
        <v>8028</v>
      </c>
      <c r="B68070" s="1" t="s">
        <v>222693</v>
      </c>
      <c r="C68070" s="1" t="s">
        <v>120</v>
      </c>
      <c r="D68070" s="1" t="s">
        <v>226830</v>
      </c>
      <c r="E68070" s="1" t="s">
        <v>41908</v>
      </c>
      <c r="F68070" s="1" t="s">
        <v>226831</v>
      </c>
      <c r="G68070" s="1" t="s">
        <v>226754</v>
      </c>
      <c r="H68070" s="1" t="s">
        <v>226755</v>
      </c>
      <c r="I68070" s="1" t="s">
        <v>222698</v>
      </c>
      <c r="J68070" s="1" t="s">
        <v>226832</v>
      </c>
    </row>
    <row r="68071" spans="1:10" x14ac:dyDescent="0.35">
      <c r="A68071" s="1" t="s">
        <v>8028</v>
      </c>
      <c r="B68071" s="1" t="s">
        <v>222693</v>
      </c>
      <c r="C68071" s="1" t="s">
        <v>125</v>
      </c>
      <c r="D68071" s="1" t="s">
        <v>226833</v>
      </c>
      <c r="E68071" s="1" t="s">
        <v>226834</v>
      </c>
      <c r="F68071" s="1" t="s">
        <v>226835</v>
      </c>
      <c r="G68071" s="1" t="s">
        <v>226754</v>
      </c>
      <c r="H68071" s="1" t="s">
        <v>226755</v>
      </c>
      <c r="I68071" s="1" t="s">
        <v>222698</v>
      </c>
      <c r="J68071" s="1" t="s">
        <v>226836</v>
      </c>
    </row>
    <row r="68072" spans="1:10" x14ac:dyDescent="0.35">
      <c r="A68072" s="1" t="s">
        <v>8028</v>
      </c>
      <c r="B68072" s="1" t="s">
        <v>222693</v>
      </c>
      <c r="C68072" s="1" t="s">
        <v>130</v>
      </c>
      <c r="D68072" s="1" t="s">
        <v>226837</v>
      </c>
      <c r="E68072" s="1" t="s">
        <v>226838</v>
      </c>
      <c r="F68072" s="1" t="s">
        <v>226839</v>
      </c>
      <c r="G68072" s="1" t="s">
        <v>226754</v>
      </c>
      <c r="H68072" s="1" t="s">
        <v>226755</v>
      </c>
      <c r="I68072" s="1" t="s">
        <v>222698</v>
      </c>
      <c r="J68072" s="1" t="s">
        <v>226840</v>
      </c>
    </row>
    <row r="68073" spans="1:10" x14ac:dyDescent="0.35">
      <c r="A68073" s="1" t="s">
        <v>8028</v>
      </c>
      <c r="B68073" s="1" t="s">
        <v>222693</v>
      </c>
      <c r="C68073" s="1" t="s">
        <v>135</v>
      </c>
      <c r="D68073" s="1" t="s">
        <v>226841</v>
      </c>
      <c r="E68073" s="1" t="s">
        <v>226842</v>
      </c>
      <c r="F68073" s="1" t="s">
        <v>226843</v>
      </c>
      <c r="G68073" s="1" t="s">
        <v>226754</v>
      </c>
      <c r="H68073" s="1" t="s">
        <v>226755</v>
      </c>
      <c r="I68073" s="1" t="s">
        <v>222698</v>
      </c>
      <c r="J68073" s="1" t="s">
        <v>226844</v>
      </c>
    </row>
    <row r="68074" spans="1:10" x14ac:dyDescent="0.35">
      <c r="A68074" s="1" t="s">
        <v>8028</v>
      </c>
      <c r="B68074" s="1" t="s">
        <v>222693</v>
      </c>
      <c r="C68074" s="1" t="s">
        <v>140</v>
      </c>
      <c r="D68074" s="1" t="s">
        <v>226845</v>
      </c>
      <c r="E68074" s="1" t="s">
        <v>226846</v>
      </c>
      <c r="F68074" s="1" t="s">
        <v>226847</v>
      </c>
      <c r="G68074" s="1" t="s">
        <v>226754</v>
      </c>
      <c r="H68074" s="1" t="s">
        <v>226755</v>
      </c>
      <c r="I68074" s="1" t="s">
        <v>222698</v>
      </c>
      <c r="J68074" s="1" t="s">
        <v>226848</v>
      </c>
    </row>
    <row r="68075" spans="1:10" x14ac:dyDescent="0.35">
      <c r="A68075" s="1" t="s">
        <v>8028</v>
      </c>
      <c r="B68075" s="1" t="s">
        <v>222693</v>
      </c>
      <c r="C68075" s="1" t="s">
        <v>145</v>
      </c>
      <c r="D68075" s="1" t="s">
        <v>226294</v>
      </c>
      <c r="E68075" s="1" t="s">
        <v>226849</v>
      </c>
      <c r="F68075" s="1" t="s">
        <v>226850</v>
      </c>
      <c r="G68075" s="1" t="s">
        <v>226754</v>
      </c>
      <c r="H68075" s="1" t="s">
        <v>226755</v>
      </c>
      <c r="I68075" s="1" t="s">
        <v>222698</v>
      </c>
      <c r="J68075" s="1" t="s">
        <v>226851</v>
      </c>
    </row>
    <row r="68076" spans="1:10" x14ac:dyDescent="0.35">
      <c r="A68076" s="1" t="s">
        <v>8028</v>
      </c>
      <c r="B68076" s="1" t="s">
        <v>222693</v>
      </c>
      <c r="C68076" s="1" t="s">
        <v>150</v>
      </c>
      <c r="D68076" s="1" t="s">
        <v>123098</v>
      </c>
      <c r="E68076" s="1" t="s">
        <v>226852</v>
      </c>
      <c r="F68076" s="1" t="s">
        <v>226853</v>
      </c>
      <c r="G68076" s="1" t="s">
        <v>226754</v>
      </c>
      <c r="H68076" s="1" t="s">
        <v>226755</v>
      </c>
      <c r="I68076" s="1" t="s">
        <v>222698</v>
      </c>
      <c r="J68076" s="1" t="s">
        <v>226854</v>
      </c>
    </row>
    <row r="68077" spans="1:10" x14ac:dyDescent="0.35">
      <c r="A68077" s="1" t="s">
        <v>8028</v>
      </c>
      <c r="B68077" s="1" t="s">
        <v>222693</v>
      </c>
      <c r="C68077" s="1" t="s">
        <v>155</v>
      </c>
      <c r="D68077" s="1" t="s">
        <v>23261</v>
      </c>
      <c r="E68077" s="1" t="s">
        <v>226855</v>
      </c>
      <c r="F68077" s="1" t="s">
        <v>226856</v>
      </c>
      <c r="G68077" s="1" t="s">
        <v>226754</v>
      </c>
      <c r="H68077" s="1" t="s">
        <v>226755</v>
      </c>
      <c r="I68077" s="1" t="s">
        <v>222698</v>
      </c>
      <c r="J68077" s="1" t="s">
        <v>226857</v>
      </c>
    </row>
    <row r="68078" spans="1:10" x14ac:dyDescent="0.35">
      <c r="A68078" s="1" t="s">
        <v>8028</v>
      </c>
      <c r="B68078" s="1" t="s">
        <v>222693</v>
      </c>
      <c r="C68078" s="1" t="s">
        <v>160</v>
      </c>
      <c r="D68078" s="1" t="s">
        <v>226858</v>
      </c>
      <c r="E68078" s="1" t="s">
        <v>226859</v>
      </c>
      <c r="F68078" s="1" t="s">
        <v>226860</v>
      </c>
      <c r="G68078" s="1" t="s">
        <v>226754</v>
      </c>
      <c r="H68078" s="1" t="s">
        <v>226755</v>
      </c>
      <c r="I68078" s="1" t="s">
        <v>222698</v>
      </c>
      <c r="J68078" s="1" t="s">
        <v>226861</v>
      </c>
    </row>
    <row r="68079" spans="1:10" x14ac:dyDescent="0.35">
      <c r="A68079" s="1" t="s">
        <v>8028</v>
      </c>
      <c r="B68079" s="1" t="s">
        <v>222693</v>
      </c>
      <c r="C68079" s="1" t="s">
        <v>165</v>
      </c>
      <c r="D68079" s="1" t="s">
        <v>226862</v>
      </c>
      <c r="E68079" s="1" t="s">
        <v>226863</v>
      </c>
      <c r="F68079" s="1" t="s">
        <v>226864</v>
      </c>
      <c r="G68079" s="1" t="s">
        <v>226754</v>
      </c>
      <c r="H68079" s="1" t="s">
        <v>226755</v>
      </c>
      <c r="I68079" s="1" t="s">
        <v>222698</v>
      </c>
      <c r="J68079" s="1" t="s">
        <v>226865</v>
      </c>
    </row>
    <row r="68080" spans="1:10" x14ac:dyDescent="0.35">
      <c r="A68080" s="1" t="s">
        <v>8028</v>
      </c>
      <c r="B68080" s="1" t="s">
        <v>222693</v>
      </c>
      <c r="C68080" s="1" t="s">
        <v>170</v>
      </c>
      <c r="D68080" s="1" t="s">
        <v>226866</v>
      </c>
      <c r="E68080" s="1" t="s">
        <v>226867</v>
      </c>
      <c r="F68080" s="1" t="s">
        <v>226868</v>
      </c>
      <c r="G68080" s="1" t="s">
        <v>226754</v>
      </c>
      <c r="H68080" s="1" t="s">
        <v>226755</v>
      </c>
      <c r="I68080" s="1" t="s">
        <v>222698</v>
      </c>
      <c r="J68080" s="1" t="s">
        <v>226869</v>
      </c>
    </row>
    <row r="68081" spans="1:10" x14ac:dyDescent="0.35">
      <c r="A68081" s="1" t="s">
        <v>120701</v>
      </c>
      <c r="B68081" s="1" t="s">
        <v>222693</v>
      </c>
      <c r="C68081" s="1" t="s">
        <v>8</v>
      </c>
      <c r="D68081" s="1" t="s">
        <v>62125</v>
      </c>
      <c r="E68081" s="1" t="s">
        <v>226870</v>
      </c>
      <c r="F68081" s="1" t="s">
        <v>226871</v>
      </c>
      <c r="G68081" s="1" t="s">
        <v>226872</v>
      </c>
      <c r="H68081" s="1" t="s">
        <v>226873</v>
      </c>
      <c r="I68081" s="1" t="s">
        <v>222698</v>
      </c>
      <c r="J68081" s="1" t="s">
        <v>13</v>
      </c>
    </row>
    <row r="68082" spans="1:10" x14ac:dyDescent="0.35">
      <c r="A68082" s="1" t="s">
        <v>120701</v>
      </c>
      <c r="B68082" s="1" t="s">
        <v>222693</v>
      </c>
      <c r="C68082" s="1" t="s">
        <v>15</v>
      </c>
      <c r="D68082" s="1" t="s">
        <v>226874</v>
      </c>
      <c r="E68082" s="1" t="s">
        <v>226875</v>
      </c>
      <c r="F68082" s="1" t="s">
        <v>226876</v>
      </c>
      <c r="G68082" s="1" t="s">
        <v>226872</v>
      </c>
      <c r="H68082" s="1" t="s">
        <v>226873</v>
      </c>
      <c r="I68082" s="1" t="s">
        <v>222698</v>
      </c>
      <c r="J68082" s="1" t="s">
        <v>226877</v>
      </c>
    </row>
    <row r="68083" spans="1:10" x14ac:dyDescent="0.35">
      <c r="A68083" s="1" t="s">
        <v>120701</v>
      </c>
      <c r="B68083" s="1" t="s">
        <v>222693</v>
      </c>
      <c r="C68083" s="1" t="s">
        <v>20</v>
      </c>
      <c r="D68083" s="1" t="s">
        <v>100872</v>
      </c>
      <c r="E68083" s="1" t="s">
        <v>226878</v>
      </c>
      <c r="F68083" s="1" t="s">
        <v>226879</v>
      </c>
      <c r="G68083" s="1" t="s">
        <v>226872</v>
      </c>
      <c r="H68083" s="1" t="s">
        <v>226873</v>
      </c>
      <c r="I68083" s="1" t="s">
        <v>222698</v>
      </c>
      <c r="J68083" s="1" t="s">
        <v>226880</v>
      </c>
    </row>
    <row r="68084" spans="1:10" x14ac:dyDescent="0.35">
      <c r="A68084" s="1" t="s">
        <v>120701</v>
      </c>
      <c r="B68084" s="1" t="s">
        <v>222693</v>
      </c>
      <c r="C68084" s="1" t="s">
        <v>25</v>
      </c>
      <c r="D68084" s="1" t="s">
        <v>129888</v>
      </c>
      <c r="E68084" s="1" t="s">
        <v>226881</v>
      </c>
      <c r="F68084" s="1" t="s">
        <v>226882</v>
      </c>
      <c r="G68084" s="1" t="s">
        <v>226872</v>
      </c>
      <c r="H68084" s="1" t="s">
        <v>226873</v>
      </c>
      <c r="I68084" s="1" t="s">
        <v>222698</v>
      </c>
      <c r="J68084" s="1" t="s">
        <v>226883</v>
      </c>
    </row>
    <row r="68085" spans="1:10" x14ac:dyDescent="0.35">
      <c r="A68085" s="1" t="s">
        <v>120701</v>
      </c>
      <c r="B68085" s="1" t="s">
        <v>222693</v>
      </c>
      <c r="C68085" s="1" t="s">
        <v>30</v>
      </c>
      <c r="D68085" s="1" t="s">
        <v>58392</v>
      </c>
      <c r="E68085" s="1" t="s">
        <v>226884</v>
      </c>
      <c r="F68085" s="1" t="s">
        <v>226885</v>
      </c>
      <c r="G68085" s="1" t="s">
        <v>226872</v>
      </c>
      <c r="H68085" s="1" t="s">
        <v>226873</v>
      </c>
      <c r="I68085" s="1" t="s">
        <v>222698</v>
      </c>
      <c r="J68085" s="1" t="s">
        <v>226886</v>
      </c>
    </row>
    <row r="68086" spans="1:10" x14ac:dyDescent="0.35">
      <c r="A68086" s="1" t="s">
        <v>120701</v>
      </c>
      <c r="B68086" s="1" t="s">
        <v>222693</v>
      </c>
      <c r="C68086" s="1" t="s">
        <v>35</v>
      </c>
      <c r="D68086" s="1" t="s">
        <v>94625</v>
      </c>
      <c r="E68086" s="1" t="s">
        <v>226887</v>
      </c>
      <c r="F68086" s="1" t="s">
        <v>226888</v>
      </c>
      <c r="G68086" s="1" t="s">
        <v>226872</v>
      </c>
      <c r="H68086" s="1" t="s">
        <v>226873</v>
      </c>
      <c r="I68086" s="1" t="s">
        <v>222698</v>
      </c>
      <c r="J68086" s="1" t="s">
        <v>226889</v>
      </c>
    </row>
    <row r="68087" spans="1:10" x14ac:dyDescent="0.35">
      <c r="A68087" s="1" t="s">
        <v>120701</v>
      </c>
      <c r="B68087" s="1" t="s">
        <v>222693</v>
      </c>
      <c r="C68087" s="1" t="s">
        <v>40</v>
      </c>
      <c r="D68087" s="1" t="s">
        <v>76281</v>
      </c>
      <c r="E68087" s="1" t="s">
        <v>226890</v>
      </c>
      <c r="F68087" s="1" t="s">
        <v>226891</v>
      </c>
      <c r="G68087" s="1" t="s">
        <v>226872</v>
      </c>
      <c r="H68087" s="1" t="s">
        <v>226873</v>
      </c>
      <c r="I68087" s="1" t="s">
        <v>222698</v>
      </c>
      <c r="J68087" s="1" t="s">
        <v>226892</v>
      </c>
    </row>
    <row r="68088" spans="1:10" x14ac:dyDescent="0.35">
      <c r="A68088" s="1" t="s">
        <v>120701</v>
      </c>
      <c r="B68088" s="1" t="s">
        <v>222693</v>
      </c>
      <c r="C68088" s="1" t="s">
        <v>45</v>
      </c>
      <c r="D68088" s="1" t="s">
        <v>226893</v>
      </c>
      <c r="E68088" s="1" t="s">
        <v>226894</v>
      </c>
      <c r="F68088" s="1" t="s">
        <v>226895</v>
      </c>
      <c r="G68088" s="1" t="s">
        <v>226872</v>
      </c>
      <c r="H68088" s="1" t="s">
        <v>226873</v>
      </c>
      <c r="I68088" s="1" t="s">
        <v>222698</v>
      </c>
      <c r="J68088" s="1" t="s">
        <v>226896</v>
      </c>
    </row>
    <row r="68089" spans="1:10" x14ac:dyDescent="0.35">
      <c r="A68089" s="1" t="s">
        <v>120701</v>
      </c>
      <c r="B68089" s="1" t="s">
        <v>222693</v>
      </c>
      <c r="C68089" s="1" t="s">
        <v>50</v>
      </c>
      <c r="D68089" s="1" t="s">
        <v>226897</v>
      </c>
      <c r="E68089" s="1" t="s">
        <v>226898</v>
      </c>
      <c r="F68089" s="1" t="s">
        <v>226899</v>
      </c>
      <c r="G68089" s="1" t="s">
        <v>226872</v>
      </c>
      <c r="H68089" s="1" t="s">
        <v>226873</v>
      </c>
      <c r="I68089" s="1" t="s">
        <v>222698</v>
      </c>
      <c r="J68089" s="1" t="s">
        <v>226900</v>
      </c>
    </row>
    <row r="68090" spans="1:10" x14ac:dyDescent="0.35">
      <c r="A68090" s="1" t="s">
        <v>120701</v>
      </c>
      <c r="B68090" s="1" t="s">
        <v>222693</v>
      </c>
      <c r="C68090" s="1" t="s">
        <v>55</v>
      </c>
      <c r="D68090" s="1" t="s">
        <v>127358</v>
      </c>
      <c r="E68090" s="1" t="s">
        <v>226901</v>
      </c>
      <c r="F68090" s="1" t="s">
        <v>226902</v>
      </c>
      <c r="G68090" s="1" t="s">
        <v>226872</v>
      </c>
      <c r="H68090" s="1" t="s">
        <v>226873</v>
      </c>
      <c r="I68090" s="1" t="s">
        <v>222698</v>
      </c>
      <c r="J68090" s="1" t="s">
        <v>226903</v>
      </c>
    </row>
    <row r="68091" spans="1:10" x14ac:dyDescent="0.35">
      <c r="A68091" s="1" t="s">
        <v>120701</v>
      </c>
      <c r="B68091" s="1" t="s">
        <v>222693</v>
      </c>
      <c r="C68091" s="1" t="s">
        <v>60</v>
      </c>
      <c r="D68091" s="1" t="s">
        <v>226904</v>
      </c>
      <c r="E68091" s="1" t="s">
        <v>226905</v>
      </c>
      <c r="F68091" s="1" t="s">
        <v>226906</v>
      </c>
      <c r="G68091" s="1" t="s">
        <v>226872</v>
      </c>
      <c r="H68091" s="1" t="s">
        <v>226873</v>
      </c>
      <c r="I68091" s="1" t="s">
        <v>222698</v>
      </c>
      <c r="J68091" s="1" t="s">
        <v>226907</v>
      </c>
    </row>
    <row r="68092" spans="1:10" x14ac:dyDescent="0.35">
      <c r="A68092" s="1" t="s">
        <v>120701</v>
      </c>
      <c r="B68092" s="1" t="s">
        <v>222693</v>
      </c>
      <c r="C68092" s="1" t="s">
        <v>65</v>
      </c>
      <c r="D68092" s="1" t="s">
        <v>163467</v>
      </c>
      <c r="E68092" s="1" t="s">
        <v>226908</v>
      </c>
      <c r="F68092" s="1" t="s">
        <v>226909</v>
      </c>
      <c r="G68092" s="1" t="s">
        <v>226872</v>
      </c>
      <c r="H68092" s="1" t="s">
        <v>226873</v>
      </c>
      <c r="I68092" s="1" t="s">
        <v>222698</v>
      </c>
      <c r="J68092" s="1" t="s">
        <v>226910</v>
      </c>
    </row>
    <row r="68093" spans="1:10" x14ac:dyDescent="0.35">
      <c r="A68093" s="1" t="s">
        <v>120701</v>
      </c>
      <c r="B68093" s="1" t="s">
        <v>222693</v>
      </c>
      <c r="C68093" s="1" t="s">
        <v>70</v>
      </c>
      <c r="D68093" s="1" t="s">
        <v>226911</v>
      </c>
      <c r="E68093" s="1" t="s">
        <v>226912</v>
      </c>
      <c r="F68093" s="1" t="s">
        <v>226913</v>
      </c>
      <c r="G68093" s="1" t="s">
        <v>226872</v>
      </c>
      <c r="H68093" s="1" t="s">
        <v>226873</v>
      </c>
      <c r="I68093" s="1" t="s">
        <v>222698</v>
      </c>
      <c r="J68093" s="1" t="s">
        <v>226914</v>
      </c>
    </row>
    <row r="68094" spans="1:10" x14ac:dyDescent="0.35">
      <c r="A68094" s="1" t="s">
        <v>120701</v>
      </c>
      <c r="B68094" s="1" t="s">
        <v>222693</v>
      </c>
      <c r="C68094" s="1" t="s">
        <v>75</v>
      </c>
      <c r="D68094" s="1" t="s">
        <v>226915</v>
      </c>
      <c r="E68094" s="1" t="s">
        <v>226916</v>
      </c>
      <c r="F68094" s="1" t="s">
        <v>226917</v>
      </c>
      <c r="G68094" s="1" t="s">
        <v>226872</v>
      </c>
      <c r="H68094" s="1" t="s">
        <v>226873</v>
      </c>
      <c r="I68094" s="1" t="s">
        <v>222698</v>
      </c>
      <c r="J68094" s="1" t="s">
        <v>226918</v>
      </c>
    </row>
    <row r="68095" spans="1:10" x14ac:dyDescent="0.35">
      <c r="A68095" s="1" t="s">
        <v>120701</v>
      </c>
      <c r="B68095" s="1" t="s">
        <v>222693</v>
      </c>
      <c r="C68095" s="1" t="s">
        <v>80</v>
      </c>
      <c r="D68095" s="1" t="s">
        <v>226919</v>
      </c>
      <c r="E68095" s="1" t="s">
        <v>226920</v>
      </c>
      <c r="F68095" s="1" t="s">
        <v>226921</v>
      </c>
      <c r="G68095" s="1" t="s">
        <v>226872</v>
      </c>
      <c r="H68095" s="1" t="s">
        <v>226873</v>
      </c>
      <c r="I68095" s="1" t="s">
        <v>222698</v>
      </c>
      <c r="J68095" s="1" t="s">
        <v>226922</v>
      </c>
    </row>
    <row r="68096" spans="1:10" x14ac:dyDescent="0.35">
      <c r="A68096" s="1" t="s">
        <v>120701</v>
      </c>
      <c r="B68096" s="1" t="s">
        <v>222693</v>
      </c>
      <c r="C68096" s="1" t="s">
        <v>85</v>
      </c>
      <c r="D68096" s="1" t="s">
        <v>226923</v>
      </c>
      <c r="E68096" s="1" t="s">
        <v>226924</v>
      </c>
      <c r="F68096" s="1" t="s">
        <v>226925</v>
      </c>
      <c r="G68096" s="1" t="s">
        <v>226872</v>
      </c>
      <c r="H68096" s="1" t="s">
        <v>226873</v>
      </c>
      <c r="I68096" s="1" t="s">
        <v>222698</v>
      </c>
      <c r="J68096" s="1" t="s">
        <v>226926</v>
      </c>
    </row>
    <row r="68097" spans="1:10" x14ac:dyDescent="0.35">
      <c r="A68097" s="1" t="s">
        <v>120701</v>
      </c>
      <c r="B68097" s="1" t="s">
        <v>222693</v>
      </c>
      <c r="C68097" s="1" t="s">
        <v>90</v>
      </c>
      <c r="D68097" s="1" t="s">
        <v>99492</v>
      </c>
      <c r="E68097" s="1" t="s">
        <v>226927</v>
      </c>
      <c r="F68097" s="1" t="s">
        <v>226928</v>
      </c>
      <c r="G68097" s="1" t="s">
        <v>226872</v>
      </c>
      <c r="H68097" s="1" t="s">
        <v>226873</v>
      </c>
      <c r="I68097" s="1" t="s">
        <v>222698</v>
      </c>
      <c r="J68097" s="1" t="s">
        <v>226929</v>
      </c>
    </row>
    <row r="68098" spans="1:10" x14ac:dyDescent="0.35">
      <c r="A68098" s="1" t="s">
        <v>120701</v>
      </c>
      <c r="B68098" s="1" t="s">
        <v>222693</v>
      </c>
      <c r="C68098" s="1" t="s">
        <v>95</v>
      </c>
      <c r="D68098" s="1" t="s">
        <v>226930</v>
      </c>
      <c r="E68098" s="1" t="s">
        <v>226931</v>
      </c>
      <c r="F68098" s="1" t="s">
        <v>226932</v>
      </c>
      <c r="G68098" s="1" t="s">
        <v>226872</v>
      </c>
      <c r="H68098" s="1" t="s">
        <v>226873</v>
      </c>
      <c r="I68098" s="1" t="s">
        <v>222698</v>
      </c>
      <c r="J68098" s="1" t="s">
        <v>226933</v>
      </c>
    </row>
    <row r="68099" spans="1:10" x14ac:dyDescent="0.35">
      <c r="A68099" s="1" t="s">
        <v>120701</v>
      </c>
      <c r="B68099" s="1" t="s">
        <v>222693</v>
      </c>
      <c r="C68099" s="1" t="s">
        <v>100</v>
      </c>
      <c r="D68099" s="1" t="s">
        <v>226934</v>
      </c>
      <c r="E68099" s="1" t="s">
        <v>226935</v>
      </c>
      <c r="F68099" s="1" t="s">
        <v>226936</v>
      </c>
      <c r="G68099" s="1" t="s">
        <v>226872</v>
      </c>
      <c r="H68099" s="1" t="s">
        <v>226873</v>
      </c>
      <c r="I68099" s="1" t="s">
        <v>222698</v>
      </c>
      <c r="J68099" s="1" t="s">
        <v>226937</v>
      </c>
    </row>
    <row r="68100" spans="1:10" x14ac:dyDescent="0.35">
      <c r="A68100" s="1" t="s">
        <v>120701</v>
      </c>
      <c r="B68100" s="1" t="s">
        <v>222693</v>
      </c>
      <c r="C68100" s="1" t="s">
        <v>105</v>
      </c>
      <c r="D68100" s="1" t="s">
        <v>226938</v>
      </c>
      <c r="E68100" s="1" t="s">
        <v>226939</v>
      </c>
      <c r="F68100" s="1" t="s">
        <v>226940</v>
      </c>
      <c r="G68100" s="1" t="s">
        <v>226872</v>
      </c>
      <c r="H68100" s="1" t="s">
        <v>226873</v>
      </c>
      <c r="I68100" s="1" t="s">
        <v>222698</v>
      </c>
      <c r="J68100" s="1" t="s">
        <v>226941</v>
      </c>
    </row>
    <row r="68101" spans="1:10" x14ac:dyDescent="0.35">
      <c r="A68101" s="1" t="s">
        <v>120701</v>
      </c>
      <c r="B68101" s="1" t="s">
        <v>222693</v>
      </c>
      <c r="C68101" s="1" t="s">
        <v>110</v>
      </c>
      <c r="D68101" s="1" t="s">
        <v>226942</v>
      </c>
      <c r="E68101" s="1" t="s">
        <v>226943</v>
      </c>
      <c r="F68101" s="1" t="s">
        <v>226944</v>
      </c>
      <c r="G68101" s="1" t="s">
        <v>226872</v>
      </c>
      <c r="H68101" s="1" t="s">
        <v>226873</v>
      </c>
      <c r="I68101" s="1" t="s">
        <v>222698</v>
      </c>
      <c r="J68101" s="1" t="s">
        <v>226945</v>
      </c>
    </row>
    <row r="68102" spans="1:10" x14ac:dyDescent="0.35">
      <c r="A68102" s="1" t="s">
        <v>120701</v>
      </c>
      <c r="B68102" s="1" t="s">
        <v>222693</v>
      </c>
      <c r="C68102" s="1" t="s">
        <v>115</v>
      </c>
      <c r="D68102" s="1" t="s">
        <v>502</v>
      </c>
      <c r="E68102" s="1" t="s">
        <v>226946</v>
      </c>
      <c r="F68102" s="1" t="s">
        <v>226947</v>
      </c>
      <c r="G68102" s="1" t="s">
        <v>226872</v>
      </c>
      <c r="H68102" s="1" t="s">
        <v>226873</v>
      </c>
      <c r="I68102" s="1" t="s">
        <v>222698</v>
      </c>
      <c r="J68102" s="1" t="s">
        <v>226948</v>
      </c>
    </row>
    <row r="68103" spans="1:10" x14ac:dyDescent="0.35">
      <c r="A68103" s="1" t="s">
        <v>120701</v>
      </c>
      <c r="B68103" s="1" t="s">
        <v>222693</v>
      </c>
      <c r="C68103" s="1" t="s">
        <v>120</v>
      </c>
      <c r="D68103" s="1" t="s">
        <v>226949</v>
      </c>
      <c r="E68103" s="1" t="s">
        <v>226950</v>
      </c>
      <c r="F68103" s="1" t="s">
        <v>226951</v>
      </c>
      <c r="G68103" s="1" t="s">
        <v>226872</v>
      </c>
      <c r="H68103" s="1" t="s">
        <v>226873</v>
      </c>
      <c r="I68103" s="1" t="s">
        <v>222698</v>
      </c>
      <c r="J68103" s="1" t="s">
        <v>226952</v>
      </c>
    </row>
    <row r="68104" spans="1:10" x14ac:dyDescent="0.35">
      <c r="A68104" s="1" t="s">
        <v>120701</v>
      </c>
      <c r="B68104" s="1" t="s">
        <v>222693</v>
      </c>
      <c r="C68104" s="1" t="s">
        <v>125</v>
      </c>
      <c r="D68104" s="1" t="s">
        <v>226953</v>
      </c>
      <c r="E68104" s="1" t="s">
        <v>226954</v>
      </c>
      <c r="F68104" s="1" t="s">
        <v>226955</v>
      </c>
      <c r="G68104" s="1" t="s">
        <v>226872</v>
      </c>
      <c r="H68104" s="1" t="s">
        <v>226873</v>
      </c>
      <c r="I68104" s="1" t="s">
        <v>222698</v>
      </c>
      <c r="J68104" s="1" t="s">
        <v>226956</v>
      </c>
    </row>
    <row r="68105" spans="1:10" x14ac:dyDescent="0.35">
      <c r="A68105" s="1" t="s">
        <v>120701</v>
      </c>
      <c r="B68105" s="1" t="s">
        <v>222693</v>
      </c>
      <c r="C68105" s="1" t="s">
        <v>130</v>
      </c>
      <c r="D68105" s="1" t="s">
        <v>226957</v>
      </c>
      <c r="E68105" s="1" t="s">
        <v>226958</v>
      </c>
      <c r="F68105" s="1" t="s">
        <v>226959</v>
      </c>
      <c r="G68105" s="1" t="s">
        <v>226872</v>
      </c>
      <c r="H68105" s="1" t="s">
        <v>226873</v>
      </c>
      <c r="I68105" s="1" t="s">
        <v>222698</v>
      </c>
      <c r="J68105" s="1" t="s">
        <v>226960</v>
      </c>
    </row>
    <row r="68106" spans="1:10" x14ac:dyDescent="0.35">
      <c r="A68106" s="1" t="s">
        <v>120701</v>
      </c>
      <c r="B68106" s="1" t="s">
        <v>222693</v>
      </c>
      <c r="C68106" s="1" t="s">
        <v>135</v>
      </c>
      <c r="D68106" s="1" t="s">
        <v>102011</v>
      </c>
      <c r="E68106" s="1" t="s">
        <v>226961</v>
      </c>
      <c r="F68106" s="1" t="s">
        <v>226962</v>
      </c>
      <c r="G68106" s="1" t="s">
        <v>226872</v>
      </c>
      <c r="H68106" s="1" t="s">
        <v>226873</v>
      </c>
      <c r="I68106" s="1" t="s">
        <v>222698</v>
      </c>
      <c r="J68106" s="1" t="s">
        <v>226963</v>
      </c>
    </row>
    <row r="68107" spans="1:10" x14ac:dyDescent="0.35">
      <c r="A68107" s="1" t="s">
        <v>120701</v>
      </c>
      <c r="B68107" s="1" t="s">
        <v>222693</v>
      </c>
      <c r="C68107" s="1" t="s">
        <v>140</v>
      </c>
      <c r="D68107" s="1" t="s">
        <v>40997</v>
      </c>
      <c r="E68107" s="1" t="s">
        <v>226964</v>
      </c>
      <c r="F68107" s="1" t="s">
        <v>226965</v>
      </c>
      <c r="G68107" s="1" t="s">
        <v>226872</v>
      </c>
      <c r="H68107" s="1" t="s">
        <v>226873</v>
      </c>
      <c r="I68107" s="1" t="s">
        <v>222698</v>
      </c>
      <c r="J68107" s="1" t="s">
        <v>226966</v>
      </c>
    </row>
    <row r="68108" spans="1:10" x14ac:dyDescent="0.35">
      <c r="A68108" s="1" t="s">
        <v>120701</v>
      </c>
      <c r="B68108" s="1" t="s">
        <v>222693</v>
      </c>
      <c r="C68108" s="1" t="s">
        <v>145</v>
      </c>
      <c r="D68108" s="1" t="s">
        <v>134523</v>
      </c>
      <c r="E68108" s="1" t="s">
        <v>226967</v>
      </c>
      <c r="F68108" s="1" t="s">
        <v>226968</v>
      </c>
      <c r="G68108" s="1" t="s">
        <v>226872</v>
      </c>
      <c r="H68108" s="1" t="s">
        <v>226873</v>
      </c>
      <c r="I68108" s="1" t="s">
        <v>222698</v>
      </c>
      <c r="J68108" s="1" t="s">
        <v>226969</v>
      </c>
    </row>
    <row r="68109" spans="1:10" x14ac:dyDescent="0.35">
      <c r="A68109" s="1" t="s">
        <v>120701</v>
      </c>
      <c r="B68109" s="1" t="s">
        <v>222693</v>
      </c>
      <c r="C68109" s="1" t="s">
        <v>150</v>
      </c>
      <c r="D68109" s="1" t="s">
        <v>226970</v>
      </c>
      <c r="E68109" s="1" t="s">
        <v>226971</v>
      </c>
      <c r="F68109" s="1" t="s">
        <v>226972</v>
      </c>
      <c r="G68109" s="1" t="s">
        <v>226872</v>
      </c>
      <c r="H68109" s="1" t="s">
        <v>226873</v>
      </c>
      <c r="I68109" s="1" t="s">
        <v>222698</v>
      </c>
      <c r="J68109" s="1" t="s">
        <v>226973</v>
      </c>
    </row>
    <row r="68110" spans="1:10" x14ac:dyDescent="0.35">
      <c r="A68110" s="1" t="s">
        <v>120701</v>
      </c>
      <c r="B68110" s="1" t="s">
        <v>222693</v>
      </c>
      <c r="C68110" s="1" t="s">
        <v>155</v>
      </c>
      <c r="D68110" s="1" t="s">
        <v>226974</v>
      </c>
      <c r="E68110" s="1" t="s">
        <v>226975</v>
      </c>
      <c r="F68110" s="1" t="s">
        <v>226976</v>
      </c>
      <c r="G68110" s="1" t="s">
        <v>226872</v>
      </c>
      <c r="H68110" s="1" t="s">
        <v>226873</v>
      </c>
      <c r="I68110" s="1" t="s">
        <v>222698</v>
      </c>
      <c r="J68110" s="1" t="s">
        <v>226977</v>
      </c>
    </row>
    <row r="68111" spans="1:10" x14ac:dyDescent="0.35">
      <c r="A68111" s="1" t="s">
        <v>120701</v>
      </c>
      <c r="B68111" s="1" t="s">
        <v>222693</v>
      </c>
      <c r="C68111" s="1" t="s">
        <v>160</v>
      </c>
      <c r="D68111" s="1" t="s">
        <v>66116</v>
      </c>
      <c r="E68111" s="1" t="s">
        <v>226978</v>
      </c>
      <c r="F68111" s="1" t="s">
        <v>226979</v>
      </c>
      <c r="G68111" s="1" t="s">
        <v>226872</v>
      </c>
      <c r="H68111" s="1" t="s">
        <v>226873</v>
      </c>
      <c r="I68111" s="1" t="s">
        <v>222698</v>
      </c>
      <c r="J68111" s="1" t="s">
        <v>226980</v>
      </c>
    </row>
    <row r="68112" spans="1:10" x14ac:dyDescent="0.35">
      <c r="A68112" s="1" t="s">
        <v>120701</v>
      </c>
      <c r="B68112" s="1" t="s">
        <v>222693</v>
      </c>
      <c r="C68112" s="1" t="s">
        <v>165</v>
      </c>
      <c r="D68112" s="1" t="s">
        <v>226981</v>
      </c>
      <c r="E68112" s="1" t="s">
        <v>226982</v>
      </c>
      <c r="F68112" s="1" t="s">
        <v>226983</v>
      </c>
      <c r="G68112" s="1" t="s">
        <v>226872</v>
      </c>
      <c r="H68112" s="1" t="s">
        <v>226873</v>
      </c>
      <c r="I68112" s="1" t="s">
        <v>222698</v>
      </c>
      <c r="J68112" s="1" t="s">
        <v>226984</v>
      </c>
    </row>
    <row r="68113" spans="1:10" x14ac:dyDescent="0.35">
      <c r="A68113" s="1" t="s">
        <v>120701</v>
      </c>
      <c r="B68113" s="1" t="s">
        <v>222693</v>
      </c>
      <c r="C68113" s="1" t="s">
        <v>170</v>
      </c>
      <c r="D68113" s="1" t="s">
        <v>226985</v>
      </c>
      <c r="E68113" s="1" t="s">
        <v>226986</v>
      </c>
      <c r="F68113" s="1" t="s">
        <v>226987</v>
      </c>
      <c r="G68113" s="1" t="s">
        <v>226872</v>
      </c>
      <c r="H68113" s="1" t="s">
        <v>226873</v>
      </c>
      <c r="I68113" s="1" t="s">
        <v>222698</v>
      </c>
      <c r="J68113" s="1" t="s">
        <v>226988</v>
      </c>
    </row>
    <row r="68114" spans="1:10" x14ac:dyDescent="0.35">
      <c r="A68114" s="1" t="s">
        <v>43810</v>
      </c>
      <c r="B68114" s="1" t="s">
        <v>222693</v>
      </c>
      <c r="C68114" s="1" t="s">
        <v>8</v>
      </c>
      <c r="D68114" s="1" t="s">
        <v>136109</v>
      </c>
      <c r="E68114" s="1" t="s">
        <v>226989</v>
      </c>
      <c r="F68114" s="1" t="s">
        <v>226990</v>
      </c>
      <c r="G68114" s="1" t="s">
        <v>226991</v>
      </c>
      <c r="H68114" s="1" t="s">
        <v>226992</v>
      </c>
      <c r="I68114" s="1" t="s">
        <v>222698</v>
      </c>
      <c r="J68114" s="1" t="s">
        <v>13</v>
      </c>
    </row>
    <row r="68115" spans="1:10" x14ac:dyDescent="0.35">
      <c r="A68115" s="1" t="s">
        <v>43810</v>
      </c>
      <c r="B68115" s="1" t="s">
        <v>222693</v>
      </c>
      <c r="C68115" s="1" t="s">
        <v>15</v>
      </c>
      <c r="D68115" s="1" t="s">
        <v>97775</v>
      </c>
      <c r="E68115" s="1" t="s">
        <v>226993</v>
      </c>
      <c r="F68115" s="1" t="s">
        <v>226994</v>
      </c>
      <c r="G68115" s="1" t="s">
        <v>226991</v>
      </c>
      <c r="H68115" s="1" t="s">
        <v>226992</v>
      </c>
      <c r="I68115" s="1" t="s">
        <v>222698</v>
      </c>
      <c r="J68115" s="1" t="s">
        <v>226995</v>
      </c>
    </row>
    <row r="68116" spans="1:10" x14ac:dyDescent="0.35">
      <c r="A68116" s="1" t="s">
        <v>43810</v>
      </c>
      <c r="B68116" s="1" t="s">
        <v>222693</v>
      </c>
      <c r="C68116" s="1" t="s">
        <v>20</v>
      </c>
      <c r="D68116" s="1" t="s">
        <v>130136</v>
      </c>
      <c r="E68116" s="1" t="s">
        <v>226996</v>
      </c>
      <c r="F68116" s="1" t="s">
        <v>226997</v>
      </c>
      <c r="G68116" s="1" t="s">
        <v>226991</v>
      </c>
      <c r="H68116" s="1" t="s">
        <v>226992</v>
      </c>
      <c r="I68116" s="1" t="s">
        <v>222698</v>
      </c>
      <c r="J68116" s="1" t="s">
        <v>226998</v>
      </c>
    </row>
    <row r="68117" spans="1:10" x14ac:dyDescent="0.35">
      <c r="A68117" s="1" t="s">
        <v>43810</v>
      </c>
      <c r="B68117" s="1" t="s">
        <v>222693</v>
      </c>
      <c r="C68117" s="1" t="s">
        <v>25</v>
      </c>
      <c r="D68117" s="1" t="s">
        <v>69207</v>
      </c>
      <c r="E68117" s="1" t="s">
        <v>226999</v>
      </c>
      <c r="F68117" s="1" t="s">
        <v>227000</v>
      </c>
      <c r="G68117" s="1" t="s">
        <v>226991</v>
      </c>
      <c r="H68117" s="1" t="s">
        <v>226992</v>
      </c>
      <c r="I68117" s="1" t="s">
        <v>222698</v>
      </c>
      <c r="J68117" s="1" t="s">
        <v>227001</v>
      </c>
    </row>
    <row r="68118" spans="1:10" x14ac:dyDescent="0.35">
      <c r="A68118" s="1" t="s">
        <v>43810</v>
      </c>
      <c r="B68118" s="1" t="s">
        <v>222693</v>
      </c>
      <c r="C68118" s="1" t="s">
        <v>30</v>
      </c>
      <c r="D68118" s="1" t="s">
        <v>57340</v>
      </c>
      <c r="E68118" s="1" t="s">
        <v>227002</v>
      </c>
      <c r="F68118" s="1" t="s">
        <v>227003</v>
      </c>
      <c r="G68118" s="1" t="s">
        <v>226991</v>
      </c>
      <c r="H68118" s="1" t="s">
        <v>226992</v>
      </c>
      <c r="I68118" s="1" t="s">
        <v>222698</v>
      </c>
      <c r="J68118" s="1" t="s">
        <v>227004</v>
      </c>
    </row>
    <row r="68119" spans="1:10" x14ac:dyDescent="0.35">
      <c r="A68119" s="1" t="s">
        <v>43810</v>
      </c>
      <c r="B68119" s="1" t="s">
        <v>222693</v>
      </c>
      <c r="C68119" s="1" t="s">
        <v>35</v>
      </c>
      <c r="D68119" s="1" t="s">
        <v>227005</v>
      </c>
      <c r="E68119" s="1" t="s">
        <v>227006</v>
      </c>
      <c r="F68119" s="1" t="s">
        <v>227007</v>
      </c>
      <c r="G68119" s="1" t="s">
        <v>226991</v>
      </c>
      <c r="H68119" s="1" t="s">
        <v>226992</v>
      </c>
      <c r="I68119" s="1" t="s">
        <v>222698</v>
      </c>
      <c r="J68119" s="1" t="s">
        <v>227008</v>
      </c>
    </row>
    <row r="68120" spans="1:10" x14ac:dyDescent="0.35">
      <c r="A68120" s="1" t="s">
        <v>43810</v>
      </c>
      <c r="B68120" s="1" t="s">
        <v>222693</v>
      </c>
      <c r="C68120" s="1" t="s">
        <v>40</v>
      </c>
      <c r="D68120" s="1" t="s">
        <v>227009</v>
      </c>
      <c r="E68120" s="1" t="s">
        <v>227010</v>
      </c>
      <c r="F68120" s="1" t="s">
        <v>227011</v>
      </c>
      <c r="G68120" s="1" t="s">
        <v>226991</v>
      </c>
      <c r="H68120" s="1" t="s">
        <v>226992</v>
      </c>
      <c r="I68120" s="1" t="s">
        <v>222698</v>
      </c>
      <c r="J68120" s="1" t="s">
        <v>227012</v>
      </c>
    </row>
    <row r="68121" spans="1:10" x14ac:dyDescent="0.35">
      <c r="A68121" s="1" t="s">
        <v>43810</v>
      </c>
      <c r="B68121" s="1" t="s">
        <v>222693</v>
      </c>
      <c r="C68121" s="1" t="s">
        <v>45</v>
      </c>
      <c r="D68121" s="1" t="s">
        <v>178396</v>
      </c>
      <c r="E68121" s="1" t="s">
        <v>227013</v>
      </c>
      <c r="F68121" s="1" t="s">
        <v>227014</v>
      </c>
      <c r="G68121" s="1" t="s">
        <v>226991</v>
      </c>
      <c r="H68121" s="1" t="s">
        <v>226992</v>
      </c>
      <c r="I68121" s="1" t="s">
        <v>222698</v>
      </c>
      <c r="J68121" s="1" t="s">
        <v>227015</v>
      </c>
    </row>
    <row r="68122" spans="1:10" x14ac:dyDescent="0.35">
      <c r="A68122" s="1" t="s">
        <v>43810</v>
      </c>
      <c r="B68122" s="1" t="s">
        <v>222693</v>
      </c>
      <c r="C68122" s="1" t="s">
        <v>50</v>
      </c>
      <c r="D68122" s="1" t="s">
        <v>227016</v>
      </c>
      <c r="E68122" s="1" t="s">
        <v>227017</v>
      </c>
      <c r="F68122" s="1" t="s">
        <v>227018</v>
      </c>
      <c r="G68122" s="1" t="s">
        <v>226991</v>
      </c>
      <c r="H68122" s="1" t="s">
        <v>226992</v>
      </c>
      <c r="I68122" s="1" t="s">
        <v>222698</v>
      </c>
      <c r="J68122" s="1" t="s">
        <v>227019</v>
      </c>
    </row>
    <row r="68123" spans="1:10" x14ac:dyDescent="0.35">
      <c r="A68123" s="1" t="s">
        <v>43810</v>
      </c>
      <c r="B68123" s="1" t="s">
        <v>222693</v>
      </c>
      <c r="C68123" s="1" t="s">
        <v>55</v>
      </c>
      <c r="D68123" s="1" t="s">
        <v>139174</v>
      </c>
      <c r="E68123" s="1" t="s">
        <v>227020</v>
      </c>
      <c r="F68123" s="1" t="s">
        <v>227021</v>
      </c>
      <c r="G68123" s="1" t="s">
        <v>226991</v>
      </c>
      <c r="H68123" s="1" t="s">
        <v>226992</v>
      </c>
      <c r="I68123" s="1" t="s">
        <v>222698</v>
      </c>
      <c r="J68123" s="1" t="s">
        <v>227022</v>
      </c>
    </row>
    <row r="68124" spans="1:10" x14ac:dyDescent="0.35">
      <c r="A68124" s="1" t="s">
        <v>43810</v>
      </c>
      <c r="B68124" s="1" t="s">
        <v>222693</v>
      </c>
      <c r="C68124" s="1" t="s">
        <v>60</v>
      </c>
      <c r="D68124" s="1" t="s">
        <v>227023</v>
      </c>
      <c r="E68124" s="1" t="s">
        <v>227024</v>
      </c>
      <c r="F68124" s="1" t="s">
        <v>227025</v>
      </c>
      <c r="G68124" s="1" t="s">
        <v>226991</v>
      </c>
      <c r="H68124" s="1" t="s">
        <v>226992</v>
      </c>
      <c r="I68124" s="1" t="s">
        <v>222698</v>
      </c>
      <c r="J68124" s="1" t="s">
        <v>227026</v>
      </c>
    </row>
    <row r="68125" spans="1:10" x14ac:dyDescent="0.35">
      <c r="A68125" s="1" t="s">
        <v>43810</v>
      </c>
      <c r="B68125" s="1" t="s">
        <v>222693</v>
      </c>
      <c r="C68125" s="1" t="s">
        <v>65</v>
      </c>
      <c r="D68125" s="1" t="s">
        <v>55257</v>
      </c>
      <c r="E68125" s="1" t="s">
        <v>227027</v>
      </c>
      <c r="F68125" s="1" t="s">
        <v>227028</v>
      </c>
      <c r="G68125" s="1" t="s">
        <v>226991</v>
      </c>
      <c r="H68125" s="1" t="s">
        <v>226992</v>
      </c>
      <c r="I68125" s="1" t="s">
        <v>222698</v>
      </c>
      <c r="J68125" s="1" t="s">
        <v>227029</v>
      </c>
    </row>
    <row r="68126" spans="1:10" x14ac:dyDescent="0.35">
      <c r="A68126" s="1" t="s">
        <v>43810</v>
      </c>
      <c r="B68126" s="1" t="s">
        <v>222693</v>
      </c>
      <c r="C68126" s="1" t="s">
        <v>70</v>
      </c>
      <c r="D68126" s="1" t="s">
        <v>227030</v>
      </c>
      <c r="E68126" s="1" t="s">
        <v>227031</v>
      </c>
      <c r="F68126" s="1" t="s">
        <v>227032</v>
      </c>
      <c r="G68126" s="1" t="s">
        <v>226991</v>
      </c>
      <c r="H68126" s="1" t="s">
        <v>226992</v>
      </c>
      <c r="I68126" s="1" t="s">
        <v>222698</v>
      </c>
      <c r="J68126" s="1" t="s">
        <v>227033</v>
      </c>
    </row>
    <row r="68127" spans="1:10" x14ac:dyDescent="0.35">
      <c r="A68127" s="1" t="s">
        <v>43810</v>
      </c>
      <c r="B68127" s="1" t="s">
        <v>222693</v>
      </c>
      <c r="C68127" s="1" t="s">
        <v>75</v>
      </c>
      <c r="D68127" s="1" t="s">
        <v>227034</v>
      </c>
      <c r="E68127" s="1" t="s">
        <v>227035</v>
      </c>
      <c r="F68127" s="1" t="s">
        <v>227036</v>
      </c>
      <c r="G68127" s="1" t="s">
        <v>226991</v>
      </c>
      <c r="H68127" s="1" t="s">
        <v>226992</v>
      </c>
      <c r="I68127" s="1" t="s">
        <v>222698</v>
      </c>
      <c r="J68127" s="1" t="s">
        <v>227037</v>
      </c>
    </row>
    <row r="68128" spans="1:10" x14ac:dyDescent="0.35">
      <c r="A68128" s="1" t="s">
        <v>43810</v>
      </c>
      <c r="B68128" s="1" t="s">
        <v>222693</v>
      </c>
      <c r="C68128" s="1" t="s">
        <v>80</v>
      </c>
      <c r="D68128" s="1" t="s">
        <v>69994</v>
      </c>
      <c r="E68128" s="1" t="s">
        <v>227038</v>
      </c>
      <c r="F68128" s="1" t="s">
        <v>227039</v>
      </c>
      <c r="G68128" s="1" t="s">
        <v>226991</v>
      </c>
      <c r="H68128" s="1" t="s">
        <v>226992</v>
      </c>
      <c r="I68128" s="1" t="s">
        <v>222698</v>
      </c>
      <c r="J68128" s="1" t="s">
        <v>227040</v>
      </c>
    </row>
    <row r="68129" spans="1:10" x14ac:dyDescent="0.35">
      <c r="A68129" s="1" t="s">
        <v>43810</v>
      </c>
      <c r="B68129" s="1" t="s">
        <v>222693</v>
      </c>
      <c r="C68129" s="1" t="s">
        <v>85</v>
      </c>
      <c r="D68129" s="1" t="s">
        <v>66235</v>
      </c>
      <c r="E68129" s="1" t="s">
        <v>227041</v>
      </c>
      <c r="F68129" s="1" t="s">
        <v>227042</v>
      </c>
      <c r="G68129" s="1" t="s">
        <v>226991</v>
      </c>
      <c r="H68129" s="1" t="s">
        <v>226992</v>
      </c>
      <c r="I68129" s="1" t="s">
        <v>222698</v>
      </c>
      <c r="J68129" s="1" t="s">
        <v>227043</v>
      </c>
    </row>
    <row r="68130" spans="1:10" x14ac:dyDescent="0.35">
      <c r="A68130" s="1" t="s">
        <v>43810</v>
      </c>
      <c r="B68130" s="1" t="s">
        <v>222693</v>
      </c>
      <c r="C68130" s="1" t="s">
        <v>90</v>
      </c>
      <c r="D68130" s="1" t="s">
        <v>150419</v>
      </c>
      <c r="E68130" s="1" t="s">
        <v>227044</v>
      </c>
      <c r="F68130" s="1" t="s">
        <v>227045</v>
      </c>
      <c r="G68130" s="1" t="s">
        <v>226991</v>
      </c>
      <c r="H68130" s="1" t="s">
        <v>226992</v>
      </c>
      <c r="I68130" s="1" t="s">
        <v>222698</v>
      </c>
      <c r="J68130" s="1" t="s">
        <v>227046</v>
      </c>
    </row>
    <row r="68131" spans="1:10" x14ac:dyDescent="0.35">
      <c r="A68131" s="1" t="s">
        <v>43810</v>
      </c>
      <c r="B68131" s="1" t="s">
        <v>222693</v>
      </c>
      <c r="C68131" s="1" t="s">
        <v>95</v>
      </c>
      <c r="D68131" s="1" t="s">
        <v>227047</v>
      </c>
      <c r="E68131" s="1" t="s">
        <v>227048</v>
      </c>
      <c r="F68131" s="1" t="s">
        <v>227049</v>
      </c>
      <c r="G68131" s="1" t="s">
        <v>226991</v>
      </c>
      <c r="H68131" s="1" t="s">
        <v>226992</v>
      </c>
      <c r="I68131" s="1" t="s">
        <v>222698</v>
      </c>
      <c r="J68131" s="1" t="s">
        <v>227050</v>
      </c>
    </row>
    <row r="68132" spans="1:10" x14ac:dyDescent="0.35">
      <c r="A68132" s="1" t="s">
        <v>43810</v>
      </c>
      <c r="B68132" s="1" t="s">
        <v>222693</v>
      </c>
      <c r="C68132" s="1" t="s">
        <v>100</v>
      </c>
      <c r="D68132" s="1" t="s">
        <v>130266</v>
      </c>
      <c r="E68132" s="1" t="s">
        <v>227051</v>
      </c>
      <c r="F68132" s="1" t="s">
        <v>227052</v>
      </c>
      <c r="G68132" s="1" t="s">
        <v>226991</v>
      </c>
      <c r="H68132" s="1" t="s">
        <v>226992</v>
      </c>
      <c r="I68132" s="1" t="s">
        <v>222698</v>
      </c>
      <c r="J68132" s="1" t="s">
        <v>227053</v>
      </c>
    </row>
    <row r="68133" spans="1:10" x14ac:dyDescent="0.35">
      <c r="A68133" s="1" t="s">
        <v>43810</v>
      </c>
      <c r="B68133" s="1" t="s">
        <v>222693</v>
      </c>
      <c r="C68133" s="1" t="s">
        <v>105</v>
      </c>
      <c r="D68133" s="1" t="s">
        <v>76749</v>
      </c>
      <c r="E68133" s="1" t="s">
        <v>227054</v>
      </c>
      <c r="F68133" s="1" t="s">
        <v>227055</v>
      </c>
      <c r="G68133" s="1" t="s">
        <v>226991</v>
      </c>
      <c r="H68133" s="1" t="s">
        <v>226992</v>
      </c>
      <c r="I68133" s="1" t="s">
        <v>222698</v>
      </c>
      <c r="J68133" s="1" t="s">
        <v>227056</v>
      </c>
    </row>
    <row r="68134" spans="1:10" x14ac:dyDescent="0.35">
      <c r="A68134" s="1" t="s">
        <v>43810</v>
      </c>
      <c r="B68134" s="1" t="s">
        <v>222693</v>
      </c>
      <c r="C68134" s="1" t="s">
        <v>110</v>
      </c>
      <c r="D68134" s="1" t="s">
        <v>69000</v>
      </c>
      <c r="E68134" s="1" t="s">
        <v>227057</v>
      </c>
      <c r="F68134" s="1" t="s">
        <v>227058</v>
      </c>
      <c r="G68134" s="1" t="s">
        <v>226991</v>
      </c>
      <c r="H68134" s="1" t="s">
        <v>226992</v>
      </c>
      <c r="I68134" s="1" t="s">
        <v>222698</v>
      </c>
      <c r="J68134" s="1" t="s">
        <v>227059</v>
      </c>
    </row>
    <row r="68135" spans="1:10" x14ac:dyDescent="0.35">
      <c r="A68135" s="1" t="s">
        <v>43810</v>
      </c>
      <c r="B68135" s="1" t="s">
        <v>222693</v>
      </c>
      <c r="C68135" s="1" t="s">
        <v>115</v>
      </c>
      <c r="D68135" s="1" t="s">
        <v>93171</v>
      </c>
      <c r="E68135" s="1" t="s">
        <v>227060</v>
      </c>
      <c r="F68135" s="1" t="s">
        <v>227061</v>
      </c>
      <c r="G68135" s="1" t="s">
        <v>226991</v>
      </c>
      <c r="H68135" s="1" t="s">
        <v>226992</v>
      </c>
      <c r="I68135" s="1" t="s">
        <v>222698</v>
      </c>
      <c r="J68135" s="1" t="s">
        <v>227062</v>
      </c>
    </row>
    <row r="68136" spans="1:10" x14ac:dyDescent="0.35">
      <c r="A68136" s="1" t="s">
        <v>43810</v>
      </c>
      <c r="B68136" s="1" t="s">
        <v>222693</v>
      </c>
      <c r="C68136" s="1" t="s">
        <v>120</v>
      </c>
      <c r="D68136" s="1" t="s">
        <v>103442</v>
      </c>
      <c r="E68136" s="1" t="s">
        <v>227063</v>
      </c>
      <c r="F68136" s="1" t="s">
        <v>227064</v>
      </c>
      <c r="G68136" s="1" t="s">
        <v>226991</v>
      </c>
      <c r="H68136" s="1" t="s">
        <v>226992</v>
      </c>
      <c r="I68136" s="1" t="s">
        <v>222698</v>
      </c>
      <c r="J68136" s="1" t="s">
        <v>227065</v>
      </c>
    </row>
    <row r="68137" spans="1:10" x14ac:dyDescent="0.35">
      <c r="A68137" s="1" t="s">
        <v>43810</v>
      </c>
      <c r="B68137" s="1" t="s">
        <v>222693</v>
      </c>
      <c r="C68137" s="1" t="s">
        <v>125</v>
      </c>
      <c r="D68137" s="1" t="s">
        <v>227066</v>
      </c>
      <c r="E68137" s="1" t="s">
        <v>227067</v>
      </c>
      <c r="F68137" s="1" t="s">
        <v>227068</v>
      </c>
      <c r="G68137" s="1" t="s">
        <v>226991</v>
      </c>
      <c r="H68137" s="1" t="s">
        <v>226992</v>
      </c>
      <c r="I68137" s="1" t="s">
        <v>222698</v>
      </c>
      <c r="J68137" s="1" t="s">
        <v>227069</v>
      </c>
    </row>
    <row r="68138" spans="1:10" x14ac:dyDescent="0.35">
      <c r="A68138" s="1" t="s">
        <v>43810</v>
      </c>
      <c r="B68138" s="1" t="s">
        <v>222693</v>
      </c>
      <c r="C68138" s="1" t="s">
        <v>130</v>
      </c>
      <c r="D68138" s="1" t="s">
        <v>56031</v>
      </c>
      <c r="E68138" s="1" t="s">
        <v>227070</v>
      </c>
      <c r="F68138" s="1" t="s">
        <v>227071</v>
      </c>
      <c r="G68138" s="1" t="s">
        <v>226991</v>
      </c>
      <c r="H68138" s="1" t="s">
        <v>226992</v>
      </c>
      <c r="I68138" s="1" t="s">
        <v>222698</v>
      </c>
      <c r="J68138" s="1" t="s">
        <v>227072</v>
      </c>
    </row>
    <row r="68139" spans="1:10" x14ac:dyDescent="0.35">
      <c r="A68139" s="1" t="s">
        <v>43810</v>
      </c>
      <c r="B68139" s="1" t="s">
        <v>222693</v>
      </c>
      <c r="C68139" s="1" t="s">
        <v>135</v>
      </c>
      <c r="D68139" s="1" t="s">
        <v>227073</v>
      </c>
      <c r="E68139" s="1" t="s">
        <v>227074</v>
      </c>
      <c r="F68139" s="1" t="s">
        <v>227075</v>
      </c>
      <c r="G68139" s="1" t="s">
        <v>226991</v>
      </c>
      <c r="H68139" s="1" t="s">
        <v>226992</v>
      </c>
      <c r="I68139" s="1" t="s">
        <v>222698</v>
      </c>
      <c r="J68139" s="1" t="s">
        <v>227076</v>
      </c>
    </row>
    <row r="68140" spans="1:10" x14ac:dyDescent="0.35">
      <c r="A68140" s="1" t="s">
        <v>43810</v>
      </c>
      <c r="B68140" s="1" t="s">
        <v>222693</v>
      </c>
      <c r="C68140" s="1" t="s">
        <v>140</v>
      </c>
      <c r="D68140" s="1" t="s">
        <v>227077</v>
      </c>
      <c r="E68140" s="1" t="s">
        <v>227078</v>
      </c>
      <c r="F68140" s="1" t="s">
        <v>227079</v>
      </c>
      <c r="G68140" s="1" t="s">
        <v>226991</v>
      </c>
      <c r="H68140" s="1" t="s">
        <v>226992</v>
      </c>
      <c r="I68140" s="1" t="s">
        <v>222698</v>
      </c>
      <c r="J68140" s="1" t="s">
        <v>227080</v>
      </c>
    </row>
    <row r="68141" spans="1:10" x14ac:dyDescent="0.35">
      <c r="A68141" s="1" t="s">
        <v>43810</v>
      </c>
      <c r="B68141" s="1" t="s">
        <v>222693</v>
      </c>
      <c r="C68141" s="1" t="s">
        <v>145</v>
      </c>
      <c r="D68141" s="1" t="s">
        <v>227081</v>
      </c>
      <c r="E68141" s="1" t="s">
        <v>227082</v>
      </c>
      <c r="F68141" s="1" t="s">
        <v>227083</v>
      </c>
      <c r="G68141" s="1" t="s">
        <v>226991</v>
      </c>
      <c r="H68141" s="1" t="s">
        <v>226992</v>
      </c>
      <c r="I68141" s="1" t="s">
        <v>222698</v>
      </c>
      <c r="J68141" s="1" t="s">
        <v>227084</v>
      </c>
    </row>
    <row r="68142" spans="1:10" x14ac:dyDescent="0.35">
      <c r="A68142" s="1" t="s">
        <v>43810</v>
      </c>
      <c r="B68142" s="1" t="s">
        <v>222693</v>
      </c>
      <c r="C68142" s="1" t="s">
        <v>150</v>
      </c>
      <c r="D68142" s="1" t="s">
        <v>40651</v>
      </c>
      <c r="E68142" s="1" t="s">
        <v>227085</v>
      </c>
      <c r="F68142" s="1" t="s">
        <v>227086</v>
      </c>
      <c r="G68142" s="1" t="s">
        <v>226991</v>
      </c>
      <c r="H68142" s="1" t="s">
        <v>226992</v>
      </c>
      <c r="I68142" s="1" t="s">
        <v>222698</v>
      </c>
      <c r="J68142" s="1" t="s">
        <v>227087</v>
      </c>
    </row>
    <row r="68143" spans="1:10" x14ac:dyDescent="0.35">
      <c r="A68143" s="1" t="s">
        <v>43810</v>
      </c>
      <c r="B68143" s="1" t="s">
        <v>222693</v>
      </c>
      <c r="C68143" s="1" t="s">
        <v>155</v>
      </c>
      <c r="D68143" s="1" t="s">
        <v>227088</v>
      </c>
      <c r="E68143" s="1" t="s">
        <v>227089</v>
      </c>
      <c r="F68143" s="1" t="s">
        <v>227090</v>
      </c>
      <c r="G68143" s="1" t="s">
        <v>226991</v>
      </c>
      <c r="H68143" s="1" t="s">
        <v>226992</v>
      </c>
      <c r="I68143" s="1" t="s">
        <v>222698</v>
      </c>
      <c r="J68143" s="1" t="s">
        <v>227091</v>
      </c>
    </row>
    <row r="68144" spans="1:10" x14ac:dyDescent="0.35">
      <c r="A68144" s="1" t="s">
        <v>43810</v>
      </c>
      <c r="B68144" s="1" t="s">
        <v>222693</v>
      </c>
      <c r="C68144" s="1" t="s">
        <v>160</v>
      </c>
      <c r="D68144" s="1" t="s">
        <v>41432</v>
      </c>
      <c r="E68144" s="1" t="s">
        <v>227092</v>
      </c>
      <c r="F68144" s="1" t="s">
        <v>227093</v>
      </c>
      <c r="G68144" s="1" t="s">
        <v>226991</v>
      </c>
      <c r="H68144" s="1" t="s">
        <v>226992</v>
      </c>
      <c r="I68144" s="1" t="s">
        <v>222698</v>
      </c>
      <c r="J68144" s="1" t="s">
        <v>227094</v>
      </c>
    </row>
    <row r="68145" spans="1:10" x14ac:dyDescent="0.35">
      <c r="A68145" s="1" t="s">
        <v>43810</v>
      </c>
      <c r="B68145" s="1" t="s">
        <v>222693</v>
      </c>
      <c r="C68145" s="1" t="s">
        <v>165</v>
      </c>
      <c r="D68145" s="1" t="s">
        <v>227095</v>
      </c>
      <c r="E68145" s="1" t="s">
        <v>227096</v>
      </c>
      <c r="F68145" s="1" t="s">
        <v>227097</v>
      </c>
      <c r="G68145" s="1" t="s">
        <v>226991</v>
      </c>
      <c r="H68145" s="1" t="s">
        <v>226992</v>
      </c>
      <c r="I68145" s="1" t="s">
        <v>222698</v>
      </c>
      <c r="J68145" s="1" t="s">
        <v>227098</v>
      </c>
    </row>
    <row r="68146" spans="1:10" x14ac:dyDescent="0.35">
      <c r="A68146" s="1" t="s">
        <v>43810</v>
      </c>
      <c r="B68146" s="1" t="s">
        <v>222693</v>
      </c>
      <c r="C68146" s="1" t="s">
        <v>170</v>
      </c>
      <c r="D68146" s="1" t="s">
        <v>70456</v>
      </c>
      <c r="E68146" s="1" t="s">
        <v>227099</v>
      </c>
      <c r="F68146" s="1" t="s">
        <v>227100</v>
      </c>
      <c r="G68146" s="1" t="s">
        <v>226991</v>
      </c>
      <c r="H68146" s="1" t="s">
        <v>226992</v>
      </c>
      <c r="I68146" s="1" t="s">
        <v>222698</v>
      </c>
      <c r="J68146" s="1" t="s">
        <v>227101</v>
      </c>
    </row>
    <row r="68147" spans="1:10" x14ac:dyDescent="0.35">
      <c r="A68147" s="1" t="s">
        <v>1564</v>
      </c>
      <c r="B68147" s="1" t="s">
        <v>222693</v>
      </c>
      <c r="C68147" s="1" t="s">
        <v>8</v>
      </c>
      <c r="D68147" s="1" t="s">
        <v>89477</v>
      </c>
      <c r="E68147" s="1" t="s">
        <v>227102</v>
      </c>
      <c r="F68147" s="1" t="s">
        <v>227103</v>
      </c>
      <c r="G68147" s="1" t="s">
        <v>227104</v>
      </c>
      <c r="H68147" s="1" t="s">
        <v>227105</v>
      </c>
      <c r="I68147" s="1" t="s">
        <v>222698</v>
      </c>
      <c r="J68147" s="1" t="s">
        <v>13</v>
      </c>
    </row>
    <row r="68148" spans="1:10" x14ac:dyDescent="0.35">
      <c r="A68148" s="1" t="s">
        <v>1564</v>
      </c>
      <c r="B68148" s="1" t="s">
        <v>222693</v>
      </c>
      <c r="C68148" s="1" t="s">
        <v>15</v>
      </c>
      <c r="D68148" s="1" t="s">
        <v>90265</v>
      </c>
      <c r="E68148" s="1" t="s">
        <v>227106</v>
      </c>
      <c r="F68148" s="1" t="s">
        <v>227107</v>
      </c>
      <c r="G68148" s="1" t="s">
        <v>227104</v>
      </c>
      <c r="H68148" s="1" t="s">
        <v>227105</v>
      </c>
      <c r="I68148" s="1" t="s">
        <v>222698</v>
      </c>
      <c r="J68148" s="1" t="s">
        <v>227108</v>
      </c>
    </row>
    <row r="68149" spans="1:10" x14ac:dyDescent="0.35">
      <c r="A68149" s="1" t="s">
        <v>1564</v>
      </c>
      <c r="B68149" s="1" t="s">
        <v>222693</v>
      </c>
      <c r="C68149" s="1" t="s">
        <v>20</v>
      </c>
      <c r="D68149" s="1" t="s">
        <v>60628</v>
      </c>
      <c r="E68149" s="1" t="s">
        <v>227109</v>
      </c>
      <c r="F68149" s="1" t="s">
        <v>227110</v>
      </c>
      <c r="G68149" s="1" t="s">
        <v>227104</v>
      </c>
      <c r="H68149" s="1" t="s">
        <v>227105</v>
      </c>
      <c r="I68149" s="1" t="s">
        <v>222698</v>
      </c>
      <c r="J68149" s="1" t="s">
        <v>227111</v>
      </c>
    </row>
    <row r="68150" spans="1:10" x14ac:dyDescent="0.35">
      <c r="A68150" s="1" t="s">
        <v>1564</v>
      </c>
      <c r="B68150" s="1" t="s">
        <v>222693</v>
      </c>
      <c r="C68150" s="1" t="s">
        <v>25</v>
      </c>
      <c r="D68150" s="1" t="s">
        <v>227112</v>
      </c>
      <c r="E68150" s="1" t="s">
        <v>227113</v>
      </c>
      <c r="F68150" s="1" t="s">
        <v>227114</v>
      </c>
      <c r="G68150" s="1" t="s">
        <v>227104</v>
      </c>
      <c r="H68150" s="1" t="s">
        <v>227105</v>
      </c>
      <c r="I68150" s="1" t="s">
        <v>222698</v>
      </c>
      <c r="J68150" s="1" t="s">
        <v>227115</v>
      </c>
    </row>
    <row r="68151" spans="1:10" x14ac:dyDescent="0.35">
      <c r="A68151" s="1" t="s">
        <v>1564</v>
      </c>
      <c r="B68151" s="1" t="s">
        <v>222693</v>
      </c>
      <c r="C68151" s="1" t="s">
        <v>30</v>
      </c>
      <c r="D68151" s="1" t="s">
        <v>227116</v>
      </c>
      <c r="E68151" s="1" t="s">
        <v>227117</v>
      </c>
      <c r="F68151" s="1" t="s">
        <v>227118</v>
      </c>
      <c r="G68151" s="1" t="s">
        <v>227104</v>
      </c>
      <c r="H68151" s="1" t="s">
        <v>227105</v>
      </c>
      <c r="I68151" s="1" t="s">
        <v>222698</v>
      </c>
      <c r="J68151" s="1" t="s">
        <v>227119</v>
      </c>
    </row>
    <row r="68152" spans="1:10" x14ac:dyDescent="0.35">
      <c r="A68152" s="1" t="s">
        <v>1564</v>
      </c>
      <c r="B68152" s="1" t="s">
        <v>222693</v>
      </c>
      <c r="C68152" s="1" t="s">
        <v>35</v>
      </c>
      <c r="D68152" s="1" t="s">
        <v>227120</v>
      </c>
      <c r="E68152" s="1" t="s">
        <v>227121</v>
      </c>
      <c r="F68152" s="1" t="s">
        <v>227122</v>
      </c>
      <c r="G68152" s="1" t="s">
        <v>227104</v>
      </c>
      <c r="H68152" s="1" t="s">
        <v>227105</v>
      </c>
      <c r="I68152" s="1" t="s">
        <v>222698</v>
      </c>
      <c r="J68152" s="1" t="s">
        <v>227123</v>
      </c>
    </row>
    <row r="68153" spans="1:10" x14ac:dyDescent="0.35">
      <c r="A68153" s="1" t="s">
        <v>1564</v>
      </c>
      <c r="B68153" s="1" t="s">
        <v>222693</v>
      </c>
      <c r="C68153" s="1" t="s">
        <v>40</v>
      </c>
      <c r="D68153" s="1" t="s">
        <v>199314</v>
      </c>
      <c r="E68153" s="1" t="s">
        <v>227124</v>
      </c>
      <c r="F68153" s="1" t="s">
        <v>227125</v>
      </c>
      <c r="G68153" s="1" t="s">
        <v>227104</v>
      </c>
      <c r="H68153" s="1" t="s">
        <v>227105</v>
      </c>
      <c r="I68153" s="1" t="s">
        <v>222698</v>
      </c>
      <c r="J68153" s="1" t="s">
        <v>227126</v>
      </c>
    </row>
    <row r="68154" spans="1:10" x14ac:dyDescent="0.35">
      <c r="A68154" s="1" t="s">
        <v>1564</v>
      </c>
      <c r="B68154" s="1" t="s">
        <v>222693</v>
      </c>
      <c r="C68154" s="1" t="s">
        <v>45</v>
      </c>
      <c r="D68154" s="1" t="s">
        <v>227127</v>
      </c>
      <c r="E68154" s="1" t="s">
        <v>227128</v>
      </c>
      <c r="F68154" s="1" t="s">
        <v>227129</v>
      </c>
      <c r="G68154" s="1" t="s">
        <v>227104</v>
      </c>
      <c r="H68154" s="1" t="s">
        <v>227105</v>
      </c>
      <c r="I68154" s="1" t="s">
        <v>222698</v>
      </c>
      <c r="J68154" s="1" t="s">
        <v>227130</v>
      </c>
    </row>
    <row r="68155" spans="1:10" x14ac:dyDescent="0.35">
      <c r="A68155" s="1" t="s">
        <v>1564</v>
      </c>
      <c r="B68155" s="1" t="s">
        <v>222693</v>
      </c>
      <c r="C68155" s="1" t="s">
        <v>50</v>
      </c>
      <c r="D68155" s="1" t="s">
        <v>227131</v>
      </c>
      <c r="E68155" s="1" t="s">
        <v>227132</v>
      </c>
      <c r="F68155" s="1" t="s">
        <v>227133</v>
      </c>
      <c r="G68155" s="1" t="s">
        <v>227104</v>
      </c>
      <c r="H68155" s="1" t="s">
        <v>227105</v>
      </c>
      <c r="I68155" s="1" t="s">
        <v>222698</v>
      </c>
      <c r="J68155" s="1" t="s">
        <v>227134</v>
      </c>
    </row>
    <row r="68156" spans="1:10" x14ac:dyDescent="0.35">
      <c r="A68156" s="1" t="s">
        <v>1564</v>
      </c>
      <c r="B68156" s="1" t="s">
        <v>222693</v>
      </c>
      <c r="C68156" s="1" t="s">
        <v>55</v>
      </c>
      <c r="D68156" s="1" t="s">
        <v>227135</v>
      </c>
      <c r="E68156" s="1" t="s">
        <v>227136</v>
      </c>
      <c r="F68156" s="1" t="s">
        <v>227137</v>
      </c>
      <c r="G68156" s="1" t="s">
        <v>227104</v>
      </c>
      <c r="H68156" s="1" t="s">
        <v>227105</v>
      </c>
      <c r="I68156" s="1" t="s">
        <v>222698</v>
      </c>
      <c r="J68156" s="1" t="s">
        <v>227138</v>
      </c>
    </row>
    <row r="68157" spans="1:10" x14ac:dyDescent="0.35">
      <c r="A68157" s="1" t="s">
        <v>1564</v>
      </c>
      <c r="B68157" s="1" t="s">
        <v>222693</v>
      </c>
      <c r="C68157" s="1" t="s">
        <v>60</v>
      </c>
      <c r="D68157" s="1" t="s">
        <v>23821</v>
      </c>
      <c r="E68157" s="1" t="s">
        <v>227139</v>
      </c>
      <c r="F68157" s="1" t="s">
        <v>227140</v>
      </c>
      <c r="G68157" s="1" t="s">
        <v>227104</v>
      </c>
      <c r="H68157" s="1" t="s">
        <v>227105</v>
      </c>
      <c r="I68157" s="1" t="s">
        <v>222698</v>
      </c>
      <c r="J68157" s="1" t="s">
        <v>227141</v>
      </c>
    </row>
    <row r="68158" spans="1:10" x14ac:dyDescent="0.35">
      <c r="A68158" s="1" t="s">
        <v>1564</v>
      </c>
      <c r="B68158" s="1" t="s">
        <v>222693</v>
      </c>
      <c r="C68158" s="1" t="s">
        <v>65</v>
      </c>
      <c r="D68158" s="1" t="s">
        <v>70613</v>
      </c>
      <c r="E68158" s="1" t="s">
        <v>227142</v>
      </c>
      <c r="F68158" s="1" t="s">
        <v>227143</v>
      </c>
      <c r="G68158" s="1" t="s">
        <v>227104</v>
      </c>
      <c r="H68158" s="1" t="s">
        <v>227105</v>
      </c>
      <c r="I68158" s="1" t="s">
        <v>222698</v>
      </c>
      <c r="J68158" s="1" t="s">
        <v>227144</v>
      </c>
    </row>
    <row r="68159" spans="1:10" x14ac:dyDescent="0.35">
      <c r="A68159" s="1" t="s">
        <v>1564</v>
      </c>
      <c r="B68159" s="1" t="s">
        <v>222693</v>
      </c>
      <c r="C68159" s="1" t="s">
        <v>70</v>
      </c>
      <c r="D68159" s="1" t="s">
        <v>227145</v>
      </c>
      <c r="E68159" s="1" t="s">
        <v>227146</v>
      </c>
      <c r="F68159" s="1" t="s">
        <v>227147</v>
      </c>
      <c r="G68159" s="1" t="s">
        <v>227104</v>
      </c>
      <c r="H68159" s="1" t="s">
        <v>227105</v>
      </c>
      <c r="I68159" s="1" t="s">
        <v>222698</v>
      </c>
      <c r="J68159" s="1" t="s">
        <v>227148</v>
      </c>
    </row>
    <row r="68160" spans="1:10" x14ac:dyDescent="0.35">
      <c r="A68160" s="1" t="s">
        <v>1564</v>
      </c>
      <c r="B68160" s="1" t="s">
        <v>222693</v>
      </c>
      <c r="C68160" s="1" t="s">
        <v>75</v>
      </c>
      <c r="D68160" s="1" t="s">
        <v>88584</v>
      </c>
      <c r="E68160" s="1" t="s">
        <v>227149</v>
      </c>
      <c r="F68160" s="1" t="s">
        <v>227150</v>
      </c>
      <c r="G68160" s="1" t="s">
        <v>227104</v>
      </c>
      <c r="H68160" s="1" t="s">
        <v>227105</v>
      </c>
      <c r="I68160" s="1" t="s">
        <v>222698</v>
      </c>
      <c r="J68160" s="1" t="s">
        <v>227151</v>
      </c>
    </row>
    <row r="68161" spans="1:10" x14ac:dyDescent="0.35">
      <c r="A68161" s="1" t="s">
        <v>1564</v>
      </c>
      <c r="B68161" s="1" t="s">
        <v>222693</v>
      </c>
      <c r="C68161" s="1" t="s">
        <v>80</v>
      </c>
      <c r="D68161" s="1" t="s">
        <v>227152</v>
      </c>
      <c r="E68161" s="1" t="s">
        <v>227153</v>
      </c>
      <c r="F68161" s="1" t="s">
        <v>227154</v>
      </c>
      <c r="G68161" s="1" t="s">
        <v>227104</v>
      </c>
      <c r="H68161" s="1" t="s">
        <v>227105</v>
      </c>
      <c r="I68161" s="1" t="s">
        <v>222698</v>
      </c>
      <c r="J68161" s="1" t="s">
        <v>227155</v>
      </c>
    </row>
    <row r="68162" spans="1:10" x14ac:dyDescent="0.35">
      <c r="A68162" s="1" t="s">
        <v>1564</v>
      </c>
      <c r="B68162" s="1" t="s">
        <v>222693</v>
      </c>
      <c r="C68162" s="1" t="s">
        <v>85</v>
      </c>
      <c r="D68162" s="1" t="s">
        <v>22362</v>
      </c>
      <c r="E68162" s="1" t="s">
        <v>227156</v>
      </c>
      <c r="F68162" s="1" t="s">
        <v>227157</v>
      </c>
      <c r="G68162" s="1" t="s">
        <v>227104</v>
      </c>
      <c r="H68162" s="1" t="s">
        <v>227105</v>
      </c>
      <c r="I68162" s="1" t="s">
        <v>222698</v>
      </c>
      <c r="J68162" s="1" t="s">
        <v>227158</v>
      </c>
    </row>
    <row r="68163" spans="1:10" x14ac:dyDescent="0.35">
      <c r="A68163" s="1" t="s">
        <v>1564</v>
      </c>
      <c r="B68163" s="1" t="s">
        <v>222693</v>
      </c>
      <c r="C68163" s="1" t="s">
        <v>90</v>
      </c>
      <c r="D68163" s="1" t="s">
        <v>81684</v>
      </c>
      <c r="E68163" s="1" t="s">
        <v>227159</v>
      </c>
      <c r="F68163" s="1" t="s">
        <v>227160</v>
      </c>
      <c r="G68163" s="1" t="s">
        <v>227104</v>
      </c>
      <c r="H68163" s="1" t="s">
        <v>227105</v>
      </c>
      <c r="I68163" s="1" t="s">
        <v>222698</v>
      </c>
      <c r="J68163" s="1" t="s">
        <v>227161</v>
      </c>
    </row>
    <row r="68164" spans="1:10" x14ac:dyDescent="0.35">
      <c r="A68164" s="1" t="s">
        <v>1564</v>
      </c>
      <c r="B68164" s="1" t="s">
        <v>222693</v>
      </c>
      <c r="C68164" s="1" t="s">
        <v>95</v>
      </c>
      <c r="D68164" s="1" t="s">
        <v>227162</v>
      </c>
      <c r="E68164" s="1" t="s">
        <v>227163</v>
      </c>
      <c r="F68164" s="1" t="s">
        <v>227164</v>
      </c>
      <c r="G68164" s="1" t="s">
        <v>227104</v>
      </c>
      <c r="H68164" s="1" t="s">
        <v>227105</v>
      </c>
      <c r="I68164" s="1" t="s">
        <v>222698</v>
      </c>
      <c r="J68164" s="1" t="s">
        <v>227165</v>
      </c>
    </row>
    <row r="68165" spans="1:10" x14ac:dyDescent="0.35">
      <c r="A68165" s="1" t="s">
        <v>1564</v>
      </c>
      <c r="B68165" s="1" t="s">
        <v>222693</v>
      </c>
      <c r="C68165" s="1" t="s">
        <v>100</v>
      </c>
      <c r="D68165" s="1" t="s">
        <v>139939</v>
      </c>
      <c r="E68165" s="1" t="s">
        <v>227166</v>
      </c>
      <c r="F68165" s="1" t="s">
        <v>227167</v>
      </c>
      <c r="G68165" s="1" t="s">
        <v>227104</v>
      </c>
      <c r="H68165" s="1" t="s">
        <v>227105</v>
      </c>
      <c r="I68165" s="1" t="s">
        <v>222698</v>
      </c>
      <c r="J68165" s="1" t="s">
        <v>227168</v>
      </c>
    </row>
    <row r="68166" spans="1:10" x14ac:dyDescent="0.35">
      <c r="A68166" s="1" t="s">
        <v>1564</v>
      </c>
      <c r="B68166" s="1" t="s">
        <v>222693</v>
      </c>
      <c r="C68166" s="1" t="s">
        <v>105</v>
      </c>
      <c r="D68166" s="1" t="s">
        <v>227169</v>
      </c>
      <c r="E68166" s="1" t="s">
        <v>227170</v>
      </c>
      <c r="F68166" s="1" t="s">
        <v>227171</v>
      </c>
      <c r="G68166" s="1" t="s">
        <v>227104</v>
      </c>
      <c r="H68166" s="1" t="s">
        <v>227105</v>
      </c>
      <c r="I68166" s="1" t="s">
        <v>222698</v>
      </c>
      <c r="J68166" s="1" t="s">
        <v>227172</v>
      </c>
    </row>
    <row r="68167" spans="1:10" x14ac:dyDescent="0.35">
      <c r="A68167" s="1" t="s">
        <v>1564</v>
      </c>
      <c r="B68167" s="1" t="s">
        <v>222693</v>
      </c>
      <c r="C68167" s="1" t="s">
        <v>110</v>
      </c>
      <c r="D68167" s="1" t="s">
        <v>227173</v>
      </c>
      <c r="E68167" s="1" t="s">
        <v>227174</v>
      </c>
      <c r="F68167" s="1" t="s">
        <v>227175</v>
      </c>
      <c r="G68167" s="1" t="s">
        <v>227104</v>
      </c>
      <c r="H68167" s="1" t="s">
        <v>227105</v>
      </c>
      <c r="I68167" s="1" t="s">
        <v>222698</v>
      </c>
      <c r="J68167" s="1" t="s">
        <v>227176</v>
      </c>
    </row>
    <row r="68168" spans="1:10" x14ac:dyDescent="0.35">
      <c r="A68168" s="1" t="s">
        <v>1564</v>
      </c>
      <c r="B68168" s="1" t="s">
        <v>222693</v>
      </c>
      <c r="C68168" s="1" t="s">
        <v>115</v>
      </c>
      <c r="D68168" s="1" t="s">
        <v>227177</v>
      </c>
      <c r="E68168" s="1" t="s">
        <v>227178</v>
      </c>
      <c r="F68168" s="1" t="s">
        <v>227179</v>
      </c>
      <c r="G68168" s="1" t="s">
        <v>227104</v>
      </c>
      <c r="H68168" s="1" t="s">
        <v>227105</v>
      </c>
      <c r="I68168" s="1" t="s">
        <v>222698</v>
      </c>
      <c r="J68168" s="1" t="s">
        <v>227180</v>
      </c>
    </row>
    <row r="68169" spans="1:10" x14ac:dyDescent="0.35">
      <c r="A68169" s="1" t="s">
        <v>1564</v>
      </c>
      <c r="B68169" s="1" t="s">
        <v>222693</v>
      </c>
      <c r="C68169" s="1" t="s">
        <v>120</v>
      </c>
      <c r="D68169" s="1" t="s">
        <v>227181</v>
      </c>
      <c r="E68169" s="1" t="s">
        <v>227182</v>
      </c>
      <c r="F68169" s="1" t="s">
        <v>227183</v>
      </c>
      <c r="G68169" s="1" t="s">
        <v>227104</v>
      </c>
      <c r="H68169" s="1" t="s">
        <v>227105</v>
      </c>
      <c r="I68169" s="1" t="s">
        <v>222698</v>
      </c>
      <c r="J68169" s="1" t="s">
        <v>227184</v>
      </c>
    </row>
    <row r="68170" spans="1:10" x14ac:dyDescent="0.35">
      <c r="A68170" s="1" t="s">
        <v>1564</v>
      </c>
      <c r="B68170" s="1" t="s">
        <v>222693</v>
      </c>
      <c r="C68170" s="1" t="s">
        <v>125</v>
      </c>
      <c r="D68170" s="1" t="s">
        <v>227185</v>
      </c>
      <c r="E68170" s="1" t="s">
        <v>227186</v>
      </c>
      <c r="F68170" s="1" t="s">
        <v>227187</v>
      </c>
      <c r="G68170" s="1" t="s">
        <v>227104</v>
      </c>
      <c r="H68170" s="1" t="s">
        <v>227105</v>
      </c>
      <c r="I68170" s="1" t="s">
        <v>222698</v>
      </c>
      <c r="J68170" s="1" t="s">
        <v>227188</v>
      </c>
    </row>
    <row r="68171" spans="1:10" x14ac:dyDescent="0.35">
      <c r="A68171" s="1" t="s">
        <v>1564</v>
      </c>
      <c r="B68171" s="1" t="s">
        <v>222693</v>
      </c>
      <c r="C68171" s="1" t="s">
        <v>130</v>
      </c>
      <c r="D68171" s="1" t="s">
        <v>227189</v>
      </c>
      <c r="E68171" s="1" t="s">
        <v>227190</v>
      </c>
      <c r="F68171" s="1" t="s">
        <v>227191</v>
      </c>
      <c r="G68171" s="1" t="s">
        <v>227104</v>
      </c>
      <c r="H68171" s="1" t="s">
        <v>227105</v>
      </c>
      <c r="I68171" s="1" t="s">
        <v>222698</v>
      </c>
      <c r="J68171" s="1" t="s">
        <v>227192</v>
      </c>
    </row>
    <row r="68172" spans="1:10" x14ac:dyDescent="0.35">
      <c r="A68172" s="1" t="s">
        <v>1564</v>
      </c>
      <c r="B68172" s="1" t="s">
        <v>222693</v>
      </c>
      <c r="C68172" s="1" t="s">
        <v>135</v>
      </c>
      <c r="D68172" s="1" t="s">
        <v>227193</v>
      </c>
      <c r="E68172" s="1" t="s">
        <v>227194</v>
      </c>
      <c r="F68172" s="1" t="s">
        <v>227195</v>
      </c>
      <c r="G68172" s="1" t="s">
        <v>227104</v>
      </c>
      <c r="H68172" s="1" t="s">
        <v>227105</v>
      </c>
      <c r="I68172" s="1" t="s">
        <v>222698</v>
      </c>
      <c r="J68172" s="1" t="s">
        <v>227196</v>
      </c>
    </row>
    <row r="68173" spans="1:10" x14ac:dyDescent="0.35">
      <c r="A68173" s="1" t="s">
        <v>1564</v>
      </c>
      <c r="B68173" s="1" t="s">
        <v>222693</v>
      </c>
      <c r="C68173" s="1" t="s">
        <v>140</v>
      </c>
      <c r="D68173" s="1" t="s">
        <v>227197</v>
      </c>
      <c r="E68173" s="1" t="s">
        <v>227198</v>
      </c>
      <c r="F68173" s="1" t="s">
        <v>227199</v>
      </c>
      <c r="G68173" s="1" t="s">
        <v>227104</v>
      </c>
      <c r="H68173" s="1" t="s">
        <v>227105</v>
      </c>
      <c r="I68173" s="1" t="s">
        <v>222698</v>
      </c>
      <c r="J68173" s="1" t="s">
        <v>227200</v>
      </c>
    </row>
    <row r="68174" spans="1:10" x14ac:dyDescent="0.35">
      <c r="A68174" s="1" t="s">
        <v>1564</v>
      </c>
      <c r="B68174" s="1" t="s">
        <v>222693</v>
      </c>
      <c r="C68174" s="1" t="s">
        <v>145</v>
      </c>
      <c r="D68174" s="1" t="s">
        <v>227201</v>
      </c>
      <c r="E68174" s="1" t="s">
        <v>227202</v>
      </c>
      <c r="F68174" s="1" t="s">
        <v>227203</v>
      </c>
      <c r="G68174" s="1" t="s">
        <v>227104</v>
      </c>
      <c r="H68174" s="1" t="s">
        <v>227105</v>
      </c>
      <c r="I68174" s="1" t="s">
        <v>222698</v>
      </c>
      <c r="J68174" s="1" t="s">
        <v>227204</v>
      </c>
    </row>
    <row r="68175" spans="1:10" x14ac:dyDescent="0.35">
      <c r="A68175" s="1" t="s">
        <v>1564</v>
      </c>
      <c r="B68175" s="1" t="s">
        <v>222693</v>
      </c>
      <c r="C68175" s="1" t="s">
        <v>150</v>
      </c>
      <c r="D68175" s="1" t="s">
        <v>227205</v>
      </c>
      <c r="E68175" s="1" t="s">
        <v>214592</v>
      </c>
      <c r="F68175" s="1" t="s">
        <v>227206</v>
      </c>
      <c r="G68175" s="1" t="s">
        <v>227104</v>
      </c>
      <c r="H68175" s="1" t="s">
        <v>227105</v>
      </c>
      <c r="I68175" s="1" t="s">
        <v>222698</v>
      </c>
      <c r="J68175" s="1" t="s">
        <v>227207</v>
      </c>
    </row>
    <row r="68176" spans="1:10" x14ac:dyDescent="0.35">
      <c r="A68176" s="1" t="s">
        <v>1564</v>
      </c>
      <c r="B68176" s="1" t="s">
        <v>222693</v>
      </c>
      <c r="C68176" s="1" t="s">
        <v>155</v>
      </c>
      <c r="D68176" s="1" t="s">
        <v>227208</v>
      </c>
      <c r="E68176" s="1" t="s">
        <v>227209</v>
      </c>
      <c r="F68176" s="1" t="s">
        <v>227210</v>
      </c>
      <c r="G68176" s="1" t="s">
        <v>227104</v>
      </c>
      <c r="H68176" s="1" t="s">
        <v>227105</v>
      </c>
      <c r="I68176" s="1" t="s">
        <v>222698</v>
      </c>
      <c r="J68176" s="1" t="s">
        <v>227211</v>
      </c>
    </row>
    <row r="68177" spans="1:10" x14ac:dyDescent="0.35">
      <c r="A68177" s="1" t="s">
        <v>1564</v>
      </c>
      <c r="B68177" s="1" t="s">
        <v>222693</v>
      </c>
      <c r="C68177" s="1" t="s">
        <v>160</v>
      </c>
      <c r="D68177" s="1" t="s">
        <v>227212</v>
      </c>
      <c r="E68177" s="1" t="s">
        <v>227213</v>
      </c>
      <c r="F68177" s="1" t="s">
        <v>227214</v>
      </c>
      <c r="G68177" s="1" t="s">
        <v>227104</v>
      </c>
      <c r="H68177" s="1" t="s">
        <v>227105</v>
      </c>
      <c r="I68177" s="1" t="s">
        <v>222698</v>
      </c>
      <c r="J68177" s="1" t="s">
        <v>227215</v>
      </c>
    </row>
    <row r="68178" spans="1:10" x14ac:dyDescent="0.35">
      <c r="A68178" s="1" t="s">
        <v>1564</v>
      </c>
      <c r="B68178" s="1" t="s">
        <v>222693</v>
      </c>
      <c r="C68178" s="1" t="s">
        <v>165</v>
      </c>
      <c r="D68178" s="1" t="s">
        <v>163790</v>
      </c>
      <c r="E68178" s="1" t="s">
        <v>227216</v>
      </c>
      <c r="F68178" s="1" t="s">
        <v>227217</v>
      </c>
      <c r="G68178" s="1" t="s">
        <v>227104</v>
      </c>
      <c r="H68178" s="1" t="s">
        <v>227105</v>
      </c>
      <c r="I68178" s="1" t="s">
        <v>222698</v>
      </c>
      <c r="J68178" s="1" t="s">
        <v>227218</v>
      </c>
    </row>
    <row r="68179" spans="1:10" x14ac:dyDescent="0.35">
      <c r="A68179" s="1" t="s">
        <v>1564</v>
      </c>
      <c r="B68179" s="1" t="s">
        <v>222693</v>
      </c>
      <c r="C68179" s="1" t="s">
        <v>170</v>
      </c>
      <c r="D68179" s="1" t="s">
        <v>127310</v>
      </c>
      <c r="E68179" s="1" t="s">
        <v>227219</v>
      </c>
      <c r="F68179" s="1" t="s">
        <v>227220</v>
      </c>
      <c r="G68179" s="1" t="s">
        <v>227104</v>
      </c>
      <c r="H68179" s="1" t="s">
        <v>227105</v>
      </c>
      <c r="I68179" s="1" t="s">
        <v>222698</v>
      </c>
      <c r="J68179" s="1" t="s">
        <v>227221</v>
      </c>
    </row>
    <row r="68180" spans="1:10" x14ac:dyDescent="0.35">
      <c r="A68180" s="1" t="s">
        <v>146087</v>
      </c>
      <c r="B68180" s="1" t="s">
        <v>222693</v>
      </c>
      <c r="C68180" s="1" t="s">
        <v>8</v>
      </c>
      <c r="D68180" s="1" t="s">
        <v>137908</v>
      </c>
      <c r="E68180" s="1" t="s">
        <v>227222</v>
      </c>
      <c r="F68180" s="1" t="s">
        <v>227223</v>
      </c>
      <c r="G68180" s="1" t="s">
        <v>227224</v>
      </c>
      <c r="H68180" s="1" t="s">
        <v>227225</v>
      </c>
      <c r="I68180" s="1" t="s">
        <v>222698</v>
      </c>
      <c r="J68180" s="1" t="s">
        <v>13</v>
      </c>
    </row>
    <row r="68181" spans="1:10" x14ac:dyDescent="0.35">
      <c r="A68181" s="1" t="s">
        <v>146087</v>
      </c>
      <c r="B68181" s="1" t="s">
        <v>222693</v>
      </c>
      <c r="C68181" s="1" t="s">
        <v>15</v>
      </c>
      <c r="D68181" s="1" t="s">
        <v>50900</v>
      </c>
      <c r="E68181" s="1" t="s">
        <v>227226</v>
      </c>
      <c r="F68181" s="1" t="s">
        <v>227227</v>
      </c>
      <c r="G68181" s="1" t="s">
        <v>227224</v>
      </c>
      <c r="H68181" s="1" t="s">
        <v>227225</v>
      </c>
      <c r="I68181" s="1" t="s">
        <v>222698</v>
      </c>
      <c r="J68181" s="1" t="s">
        <v>227228</v>
      </c>
    </row>
    <row r="68182" spans="1:10" x14ac:dyDescent="0.35">
      <c r="A68182" s="1" t="s">
        <v>146087</v>
      </c>
      <c r="B68182" s="1" t="s">
        <v>222693</v>
      </c>
      <c r="C68182" s="1" t="s">
        <v>20</v>
      </c>
      <c r="D68182" s="1" t="s">
        <v>26705</v>
      </c>
      <c r="E68182" s="1" t="s">
        <v>227229</v>
      </c>
      <c r="F68182" s="1" t="s">
        <v>227230</v>
      </c>
      <c r="G68182" s="1" t="s">
        <v>227224</v>
      </c>
      <c r="H68182" s="1" t="s">
        <v>227225</v>
      </c>
      <c r="I68182" s="1" t="s">
        <v>222698</v>
      </c>
      <c r="J68182" s="1" t="s">
        <v>227231</v>
      </c>
    </row>
    <row r="68183" spans="1:10" x14ac:dyDescent="0.35">
      <c r="A68183" s="1" t="s">
        <v>146087</v>
      </c>
      <c r="B68183" s="1" t="s">
        <v>222693</v>
      </c>
      <c r="C68183" s="1" t="s">
        <v>25</v>
      </c>
      <c r="D68183" s="1" t="s">
        <v>57222</v>
      </c>
      <c r="E68183" s="1" t="s">
        <v>227232</v>
      </c>
      <c r="F68183" s="1" t="s">
        <v>227233</v>
      </c>
      <c r="G68183" s="1" t="s">
        <v>227224</v>
      </c>
      <c r="H68183" s="1" t="s">
        <v>227225</v>
      </c>
      <c r="I68183" s="1" t="s">
        <v>222698</v>
      </c>
      <c r="J68183" s="1" t="s">
        <v>227234</v>
      </c>
    </row>
    <row r="68184" spans="1:10" x14ac:dyDescent="0.35">
      <c r="A68184" s="1" t="s">
        <v>146087</v>
      </c>
      <c r="B68184" s="1" t="s">
        <v>222693</v>
      </c>
      <c r="C68184" s="1" t="s">
        <v>30</v>
      </c>
      <c r="D68184" s="1" t="s">
        <v>92607</v>
      </c>
      <c r="E68184" s="1" t="s">
        <v>227235</v>
      </c>
      <c r="F68184" s="1" t="s">
        <v>227236</v>
      </c>
      <c r="G68184" s="1" t="s">
        <v>227224</v>
      </c>
      <c r="H68184" s="1" t="s">
        <v>227225</v>
      </c>
      <c r="I68184" s="1" t="s">
        <v>222698</v>
      </c>
      <c r="J68184" s="1" t="s">
        <v>227237</v>
      </c>
    </row>
    <row r="68185" spans="1:10" x14ac:dyDescent="0.35">
      <c r="A68185" s="1" t="s">
        <v>146087</v>
      </c>
      <c r="B68185" s="1" t="s">
        <v>222693</v>
      </c>
      <c r="C68185" s="1" t="s">
        <v>35</v>
      </c>
      <c r="D68185" s="1" t="s">
        <v>61934</v>
      </c>
      <c r="E68185" s="1" t="s">
        <v>227238</v>
      </c>
      <c r="F68185" s="1" t="s">
        <v>227239</v>
      </c>
      <c r="G68185" s="1" t="s">
        <v>227224</v>
      </c>
      <c r="H68185" s="1" t="s">
        <v>227225</v>
      </c>
      <c r="I68185" s="1" t="s">
        <v>222698</v>
      </c>
      <c r="J68185" s="1" t="s">
        <v>227240</v>
      </c>
    </row>
    <row r="68186" spans="1:10" x14ac:dyDescent="0.35">
      <c r="A68186" s="1" t="s">
        <v>146087</v>
      </c>
      <c r="B68186" s="1" t="s">
        <v>222693</v>
      </c>
      <c r="C68186" s="1" t="s">
        <v>40</v>
      </c>
      <c r="D68186" s="1" t="s">
        <v>201309</v>
      </c>
      <c r="E68186" s="1" t="s">
        <v>227241</v>
      </c>
      <c r="F68186" s="1" t="s">
        <v>227242</v>
      </c>
      <c r="G68186" s="1" t="s">
        <v>227224</v>
      </c>
      <c r="H68186" s="1" t="s">
        <v>227225</v>
      </c>
      <c r="I68186" s="1" t="s">
        <v>222698</v>
      </c>
      <c r="J68186" s="1" t="s">
        <v>227243</v>
      </c>
    </row>
    <row r="68187" spans="1:10" x14ac:dyDescent="0.35">
      <c r="A68187" s="1" t="s">
        <v>146087</v>
      </c>
      <c r="B68187" s="1" t="s">
        <v>222693</v>
      </c>
      <c r="C68187" s="1" t="s">
        <v>45</v>
      </c>
      <c r="D68187" s="1" t="s">
        <v>227244</v>
      </c>
      <c r="E68187" s="1" t="s">
        <v>227245</v>
      </c>
      <c r="F68187" s="1" t="s">
        <v>227246</v>
      </c>
      <c r="G68187" s="1" t="s">
        <v>227224</v>
      </c>
      <c r="H68187" s="1" t="s">
        <v>227225</v>
      </c>
      <c r="I68187" s="1" t="s">
        <v>222698</v>
      </c>
      <c r="J68187" s="1" t="s">
        <v>227247</v>
      </c>
    </row>
    <row r="68188" spans="1:10" x14ac:dyDescent="0.35">
      <c r="A68188" s="1" t="s">
        <v>146087</v>
      </c>
      <c r="B68188" s="1" t="s">
        <v>222693</v>
      </c>
      <c r="C68188" s="1" t="s">
        <v>50</v>
      </c>
      <c r="D68188" s="1" t="s">
        <v>227248</v>
      </c>
      <c r="E68188" s="1" t="s">
        <v>227249</v>
      </c>
      <c r="F68188" s="1" t="s">
        <v>227250</v>
      </c>
      <c r="G68188" s="1" t="s">
        <v>227224</v>
      </c>
      <c r="H68188" s="1" t="s">
        <v>227225</v>
      </c>
      <c r="I68188" s="1" t="s">
        <v>222698</v>
      </c>
      <c r="J68188" s="1" t="s">
        <v>227251</v>
      </c>
    </row>
    <row r="68189" spans="1:10" x14ac:dyDescent="0.35">
      <c r="A68189" s="1" t="s">
        <v>146087</v>
      </c>
      <c r="B68189" s="1" t="s">
        <v>222693</v>
      </c>
      <c r="C68189" s="1" t="s">
        <v>55</v>
      </c>
      <c r="D68189" s="1" t="s">
        <v>227252</v>
      </c>
      <c r="E68189" s="1" t="s">
        <v>227253</v>
      </c>
      <c r="F68189" s="1" t="s">
        <v>227254</v>
      </c>
      <c r="G68189" s="1" t="s">
        <v>227224</v>
      </c>
      <c r="H68189" s="1" t="s">
        <v>227225</v>
      </c>
      <c r="I68189" s="1" t="s">
        <v>222698</v>
      </c>
      <c r="J68189" s="1" t="s">
        <v>227255</v>
      </c>
    </row>
    <row r="68190" spans="1:10" x14ac:dyDescent="0.35">
      <c r="A68190" s="1" t="s">
        <v>146087</v>
      </c>
      <c r="B68190" s="1" t="s">
        <v>222693</v>
      </c>
      <c r="C68190" s="1" t="s">
        <v>60</v>
      </c>
      <c r="D68190" s="1" t="s">
        <v>63963</v>
      </c>
      <c r="E68190" s="1" t="s">
        <v>227256</v>
      </c>
      <c r="F68190" s="1" t="s">
        <v>227257</v>
      </c>
      <c r="G68190" s="1" t="s">
        <v>227224</v>
      </c>
      <c r="H68190" s="1" t="s">
        <v>227225</v>
      </c>
      <c r="I68190" s="1" t="s">
        <v>222698</v>
      </c>
      <c r="J68190" s="1" t="s">
        <v>227258</v>
      </c>
    </row>
    <row r="68191" spans="1:10" x14ac:dyDescent="0.35">
      <c r="A68191" s="1" t="s">
        <v>146087</v>
      </c>
      <c r="B68191" s="1" t="s">
        <v>222693</v>
      </c>
      <c r="C68191" s="1" t="s">
        <v>65</v>
      </c>
      <c r="D68191" s="1" t="s">
        <v>21913</v>
      </c>
      <c r="E68191" s="1" t="s">
        <v>227259</v>
      </c>
      <c r="F68191" s="1" t="s">
        <v>227260</v>
      </c>
      <c r="G68191" s="1" t="s">
        <v>227224</v>
      </c>
      <c r="H68191" s="1" t="s">
        <v>227225</v>
      </c>
      <c r="I68191" s="1" t="s">
        <v>222698</v>
      </c>
      <c r="J68191" s="1" t="s">
        <v>227261</v>
      </c>
    </row>
    <row r="68192" spans="1:10" x14ac:dyDescent="0.35">
      <c r="A68192" s="1" t="s">
        <v>146087</v>
      </c>
      <c r="B68192" s="1" t="s">
        <v>222693</v>
      </c>
      <c r="C68192" s="1" t="s">
        <v>70</v>
      </c>
      <c r="D68192" s="1" t="s">
        <v>227262</v>
      </c>
      <c r="E68192" s="1" t="s">
        <v>227263</v>
      </c>
      <c r="F68192" s="1" t="s">
        <v>227264</v>
      </c>
      <c r="G68192" s="1" t="s">
        <v>227224</v>
      </c>
      <c r="H68192" s="1" t="s">
        <v>227225</v>
      </c>
      <c r="I68192" s="1" t="s">
        <v>222698</v>
      </c>
      <c r="J68192" s="1" t="s">
        <v>227265</v>
      </c>
    </row>
    <row r="68193" spans="1:10" x14ac:dyDescent="0.35">
      <c r="A68193" s="1" t="s">
        <v>146087</v>
      </c>
      <c r="B68193" s="1" t="s">
        <v>222693</v>
      </c>
      <c r="C68193" s="1" t="s">
        <v>75</v>
      </c>
      <c r="D68193" s="1" t="s">
        <v>83810</v>
      </c>
      <c r="E68193" s="1" t="s">
        <v>227266</v>
      </c>
      <c r="F68193" s="1" t="s">
        <v>227267</v>
      </c>
      <c r="G68193" s="1" t="s">
        <v>227224</v>
      </c>
      <c r="H68193" s="1" t="s">
        <v>227225</v>
      </c>
      <c r="I68193" s="1" t="s">
        <v>222698</v>
      </c>
      <c r="J68193" s="1" t="s">
        <v>227268</v>
      </c>
    </row>
    <row r="68194" spans="1:10" x14ac:dyDescent="0.35">
      <c r="A68194" s="1" t="s">
        <v>146087</v>
      </c>
      <c r="B68194" s="1" t="s">
        <v>222693</v>
      </c>
      <c r="C68194" s="1" t="s">
        <v>80</v>
      </c>
      <c r="D68194" s="1" t="s">
        <v>227269</v>
      </c>
      <c r="E68194" s="1" t="s">
        <v>227270</v>
      </c>
      <c r="F68194" s="1" t="s">
        <v>227271</v>
      </c>
      <c r="G68194" s="1" t="s">
        <v>227224</v>
      </c>
      <c r="H68194" s="1" t="s">
        <v>227225</v>
      </c>
      <c r="I68194" s="1" t="s">
        <v>222698</v>
      </c>
      <c r="J68194" s="1" t="s">
        <v>227272</v>
      </c>
    </row>
    <row r="68195" spans="1:10" x14ac:dyDescent="0.35">
      <c r="A68195" s="1" t="s">
        <v>146087</v>
      </c>
      <c r="B68195" s="1" t="s">
        <v>222693</v>
      </c>
      <c r="C68195" s="1" t="s">
        <v>85</v>
      </c>
      <c r="D68195" s="1" t="s">
        <v>227273</v>
      </c>
      <c r="E68195" s="1" t="s">
        <v>227274</v>
      </c>
      <c r="F68195" s="1" t="s">
        <v>227275</v>
      </c>
      <c r="G68195" s="1" t="s">
        <v>227224</v>
      </c>
      <c r="H68195" s="1" t="s">
        <v>227225</v>
      </c>
      <c r="I68195" s="1" t="s">
        <v>222698</v>
      </c>
      <c r="J68195" s="1" t="s">
        <v>227276</v>
      </c>
    </row>
    <row r="68196" spans="1:10" x14ac:dyDescent="0.35">
      <c r="A68196" s="1" t="s">
        <v>146087</v>
      </c>
      <c r="B68196" s="1" t="s">
        <v>222693</v>
      </c>
      <c r="C68196" s="1" t="s">
        <v>90</v>
      </c>
      <c r="D68196" s="1" t="s">
        <v>94650</v>
      </c>
      <c r="E68196" s="1" t="s">
        <v>227277</v>
      </c>
      <c r="F68196" s="1" t="s">
        <v>227278</v>
      </c>
      <c r="G68196" s="1" t="s">
        <v>227224</v>
      </c>
      <c r="H68196" s="1" t="s">
        <v>227225</v>
      </c>
      <c r="I68196" s="1" t="s">
        <v>222698</v>
      </c>
      <c r="J68196" s="1" t="s">
        <v>227279</v>
      </c>
    </row>
    <row r="68197" spans="1:10" x14ac:dyDescent="0.35">
      <c r="A68197" s="1" t="s">
        <v>146087</v>
      </c>
      <c r="B68197" s="1" t="s">
        <v>222693</v>
      </c>
      <c r="C68197" s="1" t="s">
        <v>95</v>
      </c>
      <c r="D68197" s="1" t="s">
        <v>76805</v>
      </c>
      <c r="E68197" s="1" t="s">
        <v>227280</v>
      </c>
      <c r="F68197" s="1" t="s">
        <v>227281</v>
      </c>
      <c r="G68197" s="1" t="s">
        <v>227224</v>
      </c>
      <c r="H68197" s="1" t="s">
        <v>227225</v>
      </c>
      <c r="I68197" s="1" t="s">
        <v>222698</v>
      </c>
      <c r="J68197" s="1" t="s">
        <v>227282</v>
      </c>
    </row>
    <row r="68198" spans="1:10" x14ac:dyDescent="0.35">
      <c r="A68198" s="1" t="s">
        <v>146087</v>
      </c>
      <c r="B68198" s="1" t="s">
        <v>222693</v>
      </c>
      <c r="C68198" s="1" t="s">
        <v>100</v>
      </c>
      <c r="D68198" s="1" t="s">
        <v>60840</v>
      </c>
      <c r="E68198" s="1" t="s">
        <v>227283</v>
      </c>
      <c r="F68198" s="1" t="s">
        <v>113088</v>
      </c>
      <c r="G68198" s="1" t="s">
        <v>227224</v>
      </c>
      <c r="H68198" s="1" t="s">
        <v>227225</v>
      </c>
      <c r="I68198" s="1" t="s">
        <v>222698</v>
      </c>
      <c r="J68198" s="1" t="s">
        <v>227284</v>
      </c>
    </row>
    <row r="68199" spans="1:10" x14ac:dyDescent="0.35">
      <c r="A68199" s="1" t="s">
        <v>146087</v>
      </c>
      <c r="B68199" s="1" t="s">
        <v>222693</v>
      </c>
      <c r="C68199" s="1" t="s">
        <v>105</v>
      </c>
      <c r="D68199" s="1" t="s">
        <v>76749</v>
      </c>
      <c r="E68199" s="1" t="s">
        <v>227285</v>
      </c>
      <c r="F68199" s="1" t="s">
        <v>227286</v>
      </c>
      <c r="G68199" s="1" t="s">
        <v>227224</v>
      </c>
      <c r="H68199" s="1" t="s">
        <v>227225</v>
      </c>
      <c r="I68199" s="1" t="s">
        <v>222698</v>
      </c>
      <c r="J68199" s="1" t="s">
        <v>227287</v>
      </c>
    </row>
    <row r="68200" spans="1:10" x14ac:dyDescent="0.35">
      <c r="A68200" s="1" t="s">
        <v>146087</v>
      </c>
      <c r="B68200" s="1" t="s">
        <v>222693</v>
      </c>
      <c r="C68200" s="1" t="s">
        <v>110</v>
      </c>
      <c r="D68200" s="1" t="s">
        <v>91804</v>
      </c>
      <c r="E68200" s="1" t="s">
        <v>227288</v>
      </c>
      <c r="F68200" s="1" t="s">
        <v>227289</v>
      </c>
      <c r="G68200" s="1" t="s">
        <v>227224</v>
      </c>
      <c r="H68200" s="1" t="s">
        <v>227225</v>
      </c>
      <c r="I68200" s="1" t="s">
        <v>222698</v>
      </c>
      <c r="J68200" s="1" t="s">
        <v>227290</v>
      </c>
    </row>
    <row r="68201" spans="1:10" x14ac:dyDescent="0.35">
      <c r="A68201" s="1" t="s">
        <v>146087</v>
      </c>
      <c r="B68201" s="1" t="s">
        <v>222693</v>
      </c>
      <c r="C68201" s="1" t="s">
        <v>115</v>
      </c>
      <c r="D68201" s="1" t="s">
        <v>95321</v>
      </c>
      <c r="E68201" s="1" t="s">
        <v>227291</v>
      </c>
      <c r="F68201" s="1" t="s">
        <v>227292</v>
      </c>
      <c r="G68201" s="1" t="s">
        <v>227224</v>
      </c>
      <c r="H68201" s="1" t="s">
        <v>227225</v>
      </c>
      <c r="I68201" s="1" t="s">
        <v>222698</v>
      </c>
      <c r="J68201" s="1" t="s">
        <v>227293</v>
      </c>
    </row>
    <row r="68202" spans="1:10" x14ac:dyDescent="0.35">
      <c r="A68202" s="1" t="s">
        <v>146087</v>
      </c>
      <c r="B68202" s="1" t="s">
        <v>222693</v>
      </c>
      <c r="C68202" s="1" t="s">
        <v>120</v>
      </c>
      <c r="D68202" s="1" t="s">
        <v>227294</v>
      </c>
      <c r="E68202" s="1" t="s">
        <v>227295</v>
      </c>
      <c r="F68202" s="1" t="s">
        <v>227296</v>
      </c>
      <c r="G68202" s="1" t="s">
        <v>227224</v>
      </c>
      <c r="H68202" s="1" t="s">
        <v>227225</v>
      </c>
      <c r="I68202" s="1" t="s">
        <v>222698</v>
      </c>
      <c r="J68202" s="1" t="s">
        <v>227297</v>
      </c>
    </row>
    <row r="68203" spans="1:10" x14ac:dyDescent="0.35">
      <c r="A68203" s="1" t="s">
        <v>146087</v>
      </c>
      <c r="B68203" s="1" t="s">
        <v>222693</v>
      </c>
      <c r="C68203" s="1" t="s">
        <v>125</v>
      </c>
      <c r="D68203" s="1" t="s">
        <v>227298</v>
      </c>
      <c r="E68203" s="1" t="s">
        <v>227299</v>
      </c>
      <c r="F68203" s="1" t="s">
        <v>227300</v>
      </c>
      <c r="G68203" s="1" t="s">
        <v>227224</v>
      </c>
      <c r="H68203" s="1" t="s">
        <v>227225</v>
      </c>
      <c r="I68203" s="1" t="s">
        <v>222698</v>
      </c>
      <c r="J68203" s="1" t="s">
        <v>227301</v>
      </c>
    </row>
    <row r="68204" spans="1:10" x14ac:dyDescent="0.35">
      <c r="A68204" s="1" t="s">
        <v>146087</v>
      </c>
      <c r="B68204" s="1" t="s">
        <v>222693</v>
      </c>
      <c r="C68204" s="1" t="s">
        <v>130</v>
      </c>
      <c r="D68204" s="1" t="s">
        <v>227302</v>
      </c>
      <c r="E68204" s="1" t="s">
        <v>227303</v>
      </c>
      <c r="F68204" s="1" t="s">
        <v>227304</v>
      </c>
      <c r="G68204" s="1" t="s">
        <v>227224</v>
      </c>
      <c r="H68204" s="1" t="s">
        <v>227225</v>
      </c>
      <c r="I68204" s="1" t="s">
        <v>222698</v>
      </c>
      <c r="J68204" s="1" t="s">
        <v>227305</v>
      </c>
    </row>
    <row r="68205" spans="1:10" x14ac:dyDescent="0.35">
      <c r="A68205" s="1" t="s">
        <v>146087</v>
      </c>
      <c r="B68205" s="1" t="s">
        <v>222693</v>
      </c>
      <c r="C68205" s="1" t="s">
        <v>135</v>
      </c>
      <c r="D68205" s="1" t="s">
        <v>27214</v>
      </c>
      <c r="E68205" s="1" t="s">
        <v>227306</v>
      </c>
      <c r="F68205" s="1" t="s">
        <v>227307</v>
      </c>
      <c r="G68205" s="1" t="s">
        <v>227224</v>
      </c>
      <c r="H68205" s="1" t="s">
        <v>227225</v>
      </c>
      <c r="I68205" s="1" t="s">
        <v>222698</v>
      </c>
      <c r="J68205" s="1" t="s">
        <v>227308</v>
      </c>
    </row>
    <row r="68206" spans="1:10" x14ac:dyDescent="0.35">
      <c r="A68206" s="1" t="s">
        <v>146087</v>
      </c>
      <c r="B68206" s="1" t="s">
        <v>222693</v>
      </c>
      <c r="C68206" s="1" t="s">
        <v>140</v>
      </c>
      <c r="D68206" s="1" t="s">
        <v>227309</v>
      </c>
      <c r="E68206" s="1" t="s">
        <v>227310</v>
      </c>
      <c r="F68206" s="1" t="s">
        <v>227311</v>
      </c>
      <c r="G68206" s="1" t="s">
        <v>227224</v>
      </c>
      <c r="H68206" s="1" t="s">
        <v>227225</v>
      </c>
      <c r="I68206" s="1" t="s">
        <v>222698</v>
      </c>
      <c r="J68206" s="1" t="s">
        <v>227312</v>
      </c>
    </row>
    <row r="68207" spans="1:10" x14ac:dyDescent="0.35">
      <c r="A68207" s="1" t="s">
        <v>146087</v>
      </c>
      <c r="B68207" s="1" t="s">
        <v>222693</v>
      </c>
      <c r="C68207" s="1" t="s">
        <v>145</v>
      </c>
      <c r="D68207" s="1" t="s">
        <v>227313</v>
      </c>
      <c r="E68207" s="1" t="s">
        <v>227314</v>
      </c>
      <c r="F68207" s="1" t="s">
        <v>227315</v>
      </c>
      <c r="G68207" s="1" t="s">
        <v>227224</v>
      </c>
      <c r="H68207" s="1" t="s">
        <v>227225</v>
      </c>
      <c r="I68207" s="1" t="s">
        <v>222698</v>
      </c>
      <c r="J68207" s="1" t="s">
        <v>227316</v>
      </c>
    </row>
    <row r="68208" spans="1:10" x14ac:dyDescent="0.35">
      <c r="A68208" s="1" t="s">
        <v>146087</v>
      </c>
      <c r="B68208" s="1" t="s">
        <v>222693</v>
      </c>
      <c r="C68208" s="1" t="s">
        <v>150</v>
      </c>
      <c r="D68208" s="1" t="s">
        <v>227317</v>
      </c>
      <c r="E68208" s="1" t="s">
        <v>227318</v>
      </c>
      <c r="F68208" s="1" t="s">
        <v>227319</v>
      </c>
      <c r="G68208" s="1" t="s">
        <v>227224</v>
      </c>
      <c r="H68208" s="1" t="s">
        <v>227225</v>
      </c>
      <c r="I68208" s="1" t="s">
        <v>222698</v>
      </c>
      <c r="J68208" s="1" t="s">
        <v>227320</v>
      </c>
    </row>
    <row r="68209" spans="1:10" x14ac:dyDescent="0.35">
      <c r="A68209" s="1" t="s">
        <v>146087</v>
      </c>
      <c r="B68209" s="1" t="s">
        <v>222693</v>
      </c>
      <c r="C68209" s="1" t="s">
        <v>155</v>
      </c>
      <c r="D68209" s="1" t="s">
        <v>100098</v>
      </c>
      <c r="E68209" s="1" t="s">
        <v>227321</v>
      </c>
      <c r="F68209" s="1" t="s">
        <v>227322</v>
      </c>
      <c r="G68209" s="1" t="s">
        <v>227224</v>
      </c>
      <c r="H68209" s="1" t="s">
        <v>227225</v>
      </c>
      <c r="I68209" s="1" t="s">
        <v>222698</v>
      </c>
      <c r="J68209" s="1" t="s">
        <v>227323</v>
      </c>
    </row>
    <row r="68210" spans="1:10" x14ac:dyDescent="0.35">
      <c r="A68210" s="1" t="s">
        <v>146087</v>
      </c>
      <c r="B68210" s="1" t="s">
        <v>222693</v>
      </c>
      <c r="C68210" s="1" t="s">
        <v>160</v>
      </c>
      <c r="D68210" s="1" t="s">
        <v>70187</v>
      </c>
      <c r="E68210" s="1" t="s">
        <v>227324</v>
      </c>
      <c r="F68210" s="1" t="s">
        <v>227325</v>
      </c>
      <c r="G68210" s="1" t="s">
        <v>227224</v>
      </c>
      <c r="H68210" s="1" t="s">
        <v>227225</v>
      </c>
      <c r="I68210" s="1" t="s">
        <v>222698</v>
      </c>
      <c r="J68210" s="1" t="s">
        <v>227326</v>
      </c>
    </row>
    <row r="68211" spans="1:10" x14ac:dyDescent="0.35">
      <c r="A68211" s="1" t="s">
        <v>146087</v>
      </c>
      <c r="B68211" s="1" t="s">
        <v>222693</v>
      </c>
      <c r="C68211" s="1" t="s">
        <v>165</v>
      </c>
      <c r="D68211" s="1" t="s">
        <v>130775</v>
      </c>
      <c r="E68211" s="1" t="s">
        <v>227327</v>
      </c>
      <c r="F68211" s="1" t="s">
        <v>227328</v>
      </c>
      <c r="G68211" s="1" t="s">
        <v>227224</v>
      </c>
      <c r="H68211" s="1" t="s">
        <v>227225</v>
      </c>
      <c r="I68211" s="1" t="s">
        <v>222698</v>
      </c>
      <c r="J68211" s="1" t="s">
        <v>227329</v>
      </c>
    </row>
    <row r="68212" spans="1:10" x14ac:dyDescent="0.35">
      <c r="A68212" s="1" t="s">
        <v>146087</v>
      </c>
      <c r="B68212" s="1" t="s">
        <v>222693</v>
      </c>
      <c r="C68212" s="1" t="s">
        <v>170</v>
      </c>
      <c r="D68212" s="1" t="s">
        <v>227330</v>
      </c>
      <c r="E68212" s="1" t="s">
        <v>227331</v>
      </c>
      <c r="F68212" s="1" t="s">
        <v>227332</v>
      </c>
      <c r="G68212" s="1" t="s">
        <v>227224</v>
      </c>
      <c r="H68212" s="1" t="s">
        <v>227225</v>
      </c>
      <c r="I68212" s="1" t="s">
        <v>222698</v>
      </c>
      <c r="J68212" s="1" t="s">
        <v>227333</v>
      </c>
    </row>
    <row r="68213" spans="1:10" x14ac:dyDescent="0.35">
      <c r="A68213" s="1" t="s">
        <v>45379</v>
      </c>
      <c r="B68213" s="1" t="s">
        <v>222693</v>
      </c>
      <c r="C68213" s="1" t="s">
        <v>8</v>
      </c>
      <c r="D68213" s="1" t="s">
        <v>227334</v>
      </c>
      <c r="E68213" s="1" t="s">
        <v>227335</v>
      </c>
      <c r="F68213" s="1" t="s">
        <v>227336</v>
      </c>
      <c r="G68213" s="1" t="s">
        <v>227337</v>
      </c>
      <c r="H68213" s="1" t="s">
        <v>227338</v>
      </c>
      <c r="I68213" s="1" t="s">
        <v>222698</v>
      </c>
      <c r="J68213" s="1" t="s">
        <v>13</v>
      </c>
    </row>
    <row r="68214" spans="1:10" x14ac:dyDescent="0.35">
      <c r="A68214" s="1" t="s">
        <v>45379</v>
      </c>
      <c r="B68214" s="1" t="s">
        <v>222693</v>
      </c>
      <c r="C68214" s="1" t="s">
        <v>15</v>
      </c>
      <c r="D68214" s="1" t="s">
        <v>85795</v>
      </c>
      <c r="E68214" s="1" t="s">
        <v>227339</v>
      </c>
      <c r="F68214" s="1" t="s">
        <v>227340</v>
      </c>
      <c r="G68214" s="1" t="s">
        <v>227337</v>
      </c>
      <c r="H68214" s="1" t="s">
        <v>227338</v>
      </c>
      <c r="I68214" s="1" t="s">
        <v>222698</v>
      </c>
      <c r="J68214" s="1" t="s">
        <v>227341</v>
      </c>
    </row>
    <row r="68215" spans="1:10" x14ac:dyDescent="0.35">
      <c r="A68215" s="1" t="s">
        <v>45379</v>
      </c>
      <c r="B68215" s="1" t="s">
        <v>222693</v>
      </c>
      <c r="C68215" s="1" t="s">
        <v>20</v>
      </c>
      <c r="D68215" s="1" t="s">
        <v>227342</v>
      </c>
      <c r="E68215" s="1" t="s">
        <v>227343</v>
      </c>
      <c r="F68215" s="1" t="s">
        <v>227344</v>
      </c>
      <c r="G68215" s="1" t="s">
        <v>227337</v>
      </c>
      <c r="H68215" s="1" t="s">
        <v>227338</v>
      </c>
      <c r="I68215" s="1" t="s">
        <v>222698</v>
      </c>
      <c r="J68215" s="1" t="s">
        <v>227345</v>
      </c>
    </row>
    <row r="68216" spans="1:10" x14ac:dyDescent="0.35">
      <c r="A68216" s="1" t="s">
        <v>45379</v>
      </c>
      <c r="B68216" s="1" t="s">
        <v>222693</v>
      </c>
      <c r="C68216" s="1" t="s">
        <v>25</v>
      </c>
      <c r="D68216" s="1" t="s">
        <v>65157</v>
      </c>
      <c r="E68216" s="1" t="s">
        <v>227346</v>
      </c>
      <c r="F68216" s="1" t="s">
        <v>227347</v>
      </c>
      <c r="G68216" s="1" t="s">
        <v>227337</v>
      </c>
      <c r="H68216" s="1" t="s">
        <v>227338</v>
      </c>
      <c r="I68216" s="1" t="s">
        <v>222698</v>
      </c>
      <c r="J68216" s="1" t="s">
        <v>227348</v>
      </c>
    </row>
    <row r="68217" spans="1:10" x14ac:dyDescent="0.35">
      <c r="A68217" s="1" t="s">
        <v>45379</v>
      </c>
      <c r="B68217" s="1" t="s">
        <v>222693</v>
      </c>
      <c r="C68217" s="1" t="s">
        <v>30</v>
      </c>
      <c r="D68217" s="1" t="s">
        <v>227349</v>
      </c>
      <c r="E68217" s="1" t="s">
        <v>227350</v>
      </c>
      <c r="F68217" s="1" t="s">
        <v>227351</v>
      </c>
      <c r="G68217" s="1" t="s">
        <v>227337</v>
      </c>
      <c r="H68217" s="1" t="s">
        <v>227338</v>
      </c>
      <c r="I68217" s="1" t="s">
        <v>222698</v>
      </c>
      <c r="J68217" s="1" t="s">
        <v>227352</v>
      </c>
    </row>
    <row r="68218" spans="1:10" x14ac:dyDescent="0.35">
      <c r="A68218" s="1" t="s">
        <v>45379</v>
      </c>
      <c r="B68218" s="1" t="s">
        <v>222693</v>
      </c>
      <c r="C68218" s="1" t="s">
        <v>35</v>
      </c>
      <c r="D68218" s="1" t="s">
        <v>227353</v>
      </c>
      <c r="E68218" s="1" t="s">
        <v>227354</v>
      </c>
      <c r="F68218" s="1" t="s">
        <v>227355</v>
      </c>
      <c r="G68218" s="1" t="s">
        <v>227337</v>
      </c>
      <c r="H68218" s="1" t="s">
        <v>227338</v>
      </c>
      <c r="I68218" s="1" t="s">
        <v>222698</v>
      </c>
      <c r="J68218" s="1" t="s">
        <v>227356</v>
      </c>
    </row>
    <row r="68219" spans="1:10" x14ac:dyDescent="0.35">
      <c r="A68219" s="1" t="s">
        <v>45379</v>
      </c>
      <c r="B68219" s="1" t="s">
        <v>222693</v>
      </c>
      <c r="C68219" s="1" t="s">
        <v>40</v>
      </c>
      <c r="D68219" s="1" t="s">
        <v>24037</v>
      </c>
      <c r="E68219" s="1" t="s">
        <v>227357</v>
      </c>
      <c r="F68219" s="1" t="s">
        <v>227358</v>
      </c>
      <c r="G68219" s="1" t="s">
        <v>227337</v>
      </c>
      <c r="H68219" s="1" t="s">
        <v>227338</v>
      </c>
      <c r="I68219" s="1" t="s">
        <v>222698</v>
      </c>
      <c r="J68219" s="1" t="s">
        <v>227359</v>
      </c>
    </row>
    <row r="68220" spans="1:10" x14ac:dyDescent="0.35">
      <c r="A68220" s="1" t="s">
        <v>45379</v>
      </c>
      <c r="B68220" s="1" t="s">
        <v>222693</v>
      </c>
      <c r="C68220" s="1" t="s">
        <v>45</v>
      </c>
      <c r="D68220" s="1" t="s">
        <v>227360</v>
      </c>
      <c r="E68220" s="1" t="s">
        <v>227361</v>
      </c>
      <c r="F68220" s="1" t="s">
        <v>227362</v>
      </c>
      <c r="G68220" s="1" t="s">
        <v>227337</v>
      </c>
      <c r="H68220" s="1" t="s">
        <v>227338</v>
      </c>
      <c r="I68220" s="1" t="s">
        <v>222698</v>
      </c>
      <c r="J68220" s="1" t="s">
        <v>227363</v>
      </c>
    </row>
    <row r="68221" spans="1:10" x14ac:dyDescent="0.35">
      <c r="A68221" s="1" t="s">
        <v>45379</v>
      </c>
      <c r="B68221" s="1" t="s">
        <v>222693</v>
      </c>
      <c r="C68221" s="1" t="s">
        <v>50</v>
      </c>
      <c r="D68221" s="1" t="s">
        <v>227364</v>
      </c>
      <c r="E68221" s="1" t="s">
        <v>227365</v>
      </c>
      <c r="F68221" s="1" t="s">
        <v>227366</v>
      </c>
      <c r="G68221" s="1" t="s">
        <v>227337</v>
      </c>
      <c r="H68221" s="1" t="s">
        <v>227338</v>
      </c>
      <c r="I68221" s="1" t="s">
        <v>222698</v>
      </c>
      <c r="J68221" s="1" t="s">
        <v>227367</v>
      </c>
    </row>
    <row r="68222" spans="1:10" x14ac:dyDescent="0.35">
      <c r="A68222" s="1" t="s">
        <v>45379</v>
      </c>
      <c r="B68222" s="1" t="s">
        <v>222693</v>
      </c>
      <c r="C68222" s="1" t="s">
        <v>55</v>
      </c>
      <c r="D68222" s="1" t="s">
        <v>227368</v>
      </c>
      <c r="E68222" s="1" t="s">
        <v>227369</v>
      </c>
      <c r="F68222" s="1" t="s">
        <v>227370</v>
      </c>
      <c r="G68222" s="1" t="s">
        <v>227337</v>
      </c>
      <c r="H68222" s="1" t="s">
        <v>227338</v>
      </c>
      <c r="I68222" s="1" t="s">
        <v>222698</v>
      </c>
      <c r="J68222" s="1" t="s">
        <v>227371</v>
      </c>
    </row>
    <row r="68223" spans="1:10" x14ac:dyDescent="0.35">
      <c r="A68223" s="1" t="s">
        <v>45379</v>
      </c>
      <c r="B68223" s="1" t="s">
        <v>222693</v>
      </c>
      <c r="C68223" s="1" t="s">
        <v>60</v>
      </c>
      <c r="D68223" s="1" t="s">
        <v>227372</v>
      </c>
      <c r="E68223" s="1" t="s">
        <v>227373</v>
      </c>
      <c r="F68223" s="1" t="s">
        <v>227374</v>
      </c>
      <c r="G68223" s="1" t="s">
        <v>227337</v>
      </c>
      <c r="H68223" s="1" t="s">
        <v>227338</v>
      </c>
      <c r="I68223" s="1" t="s">
        <v>222698</v>
      </c>
      <c r="J68223" s="1" t="s">
        <v>227375</v>
      </c>
    </row>
    <row r="68224" spans="1:10" x14ac:dyDescent="0.35">
      <c r="A68224" s="1" t="s">
        <v>45379</v>
      </c>
      <c r="B68224" s="1" t="s">
        <v>222693</v>
      </c>
      <c r="C68224" s="1" t="s">
        <v>65</v>
      </c>
      <c r="D68224" s="1" t="s">
        <v>227376</v>
      </c>
      <c r="E68224" s="1" t="s">
        <v>227377</v>
      </c>
      <c r="F68224" s="1" t="s">
        <v>227378</v>
      </c>
      <c r="G68224" s="1" t="s">
        <v>227337</v>
      </c>
      <c r="H68224" s="1" t="s">
        <v>227338</v>
      </c>
      <c r="I68224" s="1" t="s">
        <v>222698</v>
      </c>
      <c r="J68224" s="1" t="s">
        <v>227379</v>
      </c>
    </row>
    <row r="68225" spans="1:10" x14ac:dyDescent="0.35">
      <c r="A68225" s="1" t="s">
        <v>45379</v>
      </c>
      <c r="B68225" s="1" t="s">
        <v>222693</v>
      </c>
      <c r="C68225" s="1" t="s">
        <v>70</v>
      </c>
      <c r="D68225" s="1" t="s">
        <v>227380</v>
      </c>
      <c r="E68225" s="1" t="s">
        <v>227381</v>
      </c>
      <c r="F68225" s="1" t="s">
        <v>227382</v>
      </c>
      <c r="G68225" s="1" t="s">
        <v>227337</v>
      </c>
      <c r="H68225" s="1" t="s">
        <v>227338</v>
      </c>
      <c r="I68225" s="1" t="s">
        <v>222698</v>
      </c>
      <c r="J68225" s="1" t="s">
        <v>227383</v>
      </c>
    </row>
    <row r="68226" spans="1:10" x14ac:dyDescent="0.35">
      <c r="A68226" s="1" t="s">
        <v>45379</v>
      </c>
      <c r="B68226" s="1" t="s">
        <v>222693</v>
      </c>
      <c r="C68226" s="1" t="s">
        <v>75</v>
      </c>
      <c r="D68226" s="1" t="s">
        <v>130846</v>
      </c>
      <c r="E68226" s="1" t="s">
        <v>227384</v>
      </c>
      <c r="F68226" s="1" t="s">
        <v>227385</v>
      </c>
      <c r="G68226" s="1" t="s">
        <v>227337</v>
      </c>
      <c r="H68226" s="1" t="s">
        <v>227338</v>
      </c>
      <c r="I68226" s="1" t="s">
        <v>222698</v>
      </c>
      <c r="J68226" s="1" t="s">
        <v>227386</v>
      </c>
    </row>
    <row r="68227" spans="1:10" x14ac:dyDescent="0.35">
      <c r="A68227" s="1" t="s">
        <v>45379</v>
      </c>
      <c r="B68227" s="1" t="s">
        <v>222693</v>
      </c>
      <c r="C68227" s="1" t="s">
        <v>80</v>
      </c>
      <c r="D68227" s="1" t="s">
        <v>227387</v>
      </c>
      <c r="E68227" s="1" t="s">
        <v>227388</v>
      </c>
      <c r="F68227" s="1" t="s">
        <v>227389</v>
      </c>
      <c r="G68227" s="1" t="s">
        <v>227337</v>
      </c>
      <c r="H68227" s="1" t="s">
        <v>227338</v>
      </c>
      <c r="I68227" s="1" t="s">
        <v>222698</v>
      </c>
      <c r="J68227" s="1" t="s">
        <v>227390</v>
      </c>
    </row>
    <row r="68228" spans="1:10" x14ac:dyDescent="0.35">
      <c r="A68228" s="1" t="s">
        <v>45379</v>
      </c>
      <c r="B68228" s="1" t="s">
        <v>222693</v>
      </c>
      <c r="C68228" s="1" t="s">
        <v>85</v>
      </c>
      <c r="D68228" s="1" t="s">
        <v>165025</v>
      </c>
      <c r="E68228" s="1" t="s">
        <v>227391</v>
      </c>
      <c r="F68228" s="1" t="s">
        <v>227392</v>
      </c>
      <c r="G68228" s="1" t="s">
        <v>227337</v>
      </c>
      <c r="H68228" s="1" t="s">
        <v>227338</v>
      </c>
      <c r="I68228" s="1" t="s">
        <v>222698</v>
      </c>
      <c r="J68228" s="1" t="s">
        <v>227393</v>
      </c>
    </row>
    <row r="68229" spans="1:10" x14ac:dyDescent="0.35">
      <c r="A68229" s="1" t="s">
        <v>45379</v>
      </c>
      <c r="B68229" s="1" t="s">
        <v>222693</v>
      </c>
      <c r="C68229" s="1" t="s">
        <v>90</v>
      </c>
      <c r="D68229" s="1" t="s">
        <v>227394</v>
      </c>
      <c r="E68229" s="1" t="s">
        <v>227395</v>
      </c>
      <c r="F68229" s="1" t="s">
        <v>227396</v>
      </c>
      <c r="G68229" s="1" t="s">
        <v>227337</v>
      </c>
      <c r="H68229" s="1" t="s">
        <v>227338</v>
      </c>
      <c r="I68229" s="1" t="s">
        <v>222698</v>
      </c>
      <c r="J68229" s="1" t="s">
        <v>227397</v>
      </c>
    </row>
    <row r="68230" spans="1:10" x14ac:dyDescent="0.35">
      <c r="A68230" s="1" t="s">
        <v>45379</v>
      </c>
      <c r="B68230" s="1" t="s">
        <v>222693</v>
      </c>
      <c r="C68230" s="1" t="s">
        <v>95</v>
      </c>
      <c r="D68230" s="1" t="s">
        <v>227398</v>
      </c>
      <c r="E68230" s="1" t="s">
        <v>227399</v>
      </c>
      <c r="F68230" s="1" t="s">
        <v>227400</v>
      </c>
      <c r="G68230" s="1" t="s">
        <v>227337</v>
      </c>
      <c r="H68230" s="1" t="s">
        <v>227338</v>
      </c>
      <c r="I68230" s="1" t="s">
        <v>222698</v>
      </c>
      <c r="J68230" s="1" t="s">
        <v>227401</v>
      </c>
    </row>
    <row r="68231" spans="1:10" x14ac:dyDescent="0.35">
      <c r="A68231" s="1" t="s">
        <v>45379</v>
      </c>
      <c r="B68231" s="1" t="s">
        <v>222693</v>
      </c>
      <c r="C68231" s="1" t="s">
        <v>100</v>
      </c>
      <c r="D68231" s="1" t="s">
        <v>227402</v>
      </c>
      <c r="E68231" s="1" t="s">
        <v>227403</v>
      </c>
      <c r="F68231" s="1" t="s">
        <v>227404</v>
      </c>
      <c r="G68231" s="1" t="s">
        <v>227337</v>
      </c>
      <c r="H68231" s="1" t="s">
        <v>227338</v>
      </c>
      <c r="I68231" s="1" t="s">
        <v>222698</v>
      </c>
      <c r="J68231" s="1" t="s">
        <v>227405</v>
      </c>
    </row>
    <row r="68232" spans="1:10" x14ac:dyDescent="0.35">
      <c r="A68232" s="1" t="s">
        <v>45379</v>
      </c>
      <c r="B68232" s="1" t="s">
        <v>222693</v>
      </c>
      <c r="C68232" s="1" t="s">
        <v>105</v>
      </c>
      <c r="D68232" s="1" t="s">
        <v>224898</v>
      </c>
      <c r="E68232" s="1" t="s">
        <v>227406</v>
      </c>
      <c r="F68232" s="1" t="s">
        <v>227407</v>
      </c>
      <c r="G68232" s="1" t="s">
        <v>227337</v>
      </c>
      <c r="H68232" s="1" t="s">
        <v>227338</v>
      </c>
      <c r="I68232" s="1" t="s">
        <v>222698</v>
      </c>
      <c r="J68232" s="1" t="s">
        <v>227408</v>
      </c>
    </row>
    <row r="68233" spans="1:10" x14ac:dyDescent="0.35">
      <c r="A68233" s="1" t="s">
        <v>45379</v>
      </c>
      <c r="B68233" s="1" t="s">
        <v>222693</v>
      </c>
      <c r="C68233" s="1" t="s">
        <v>110</v>
      </c>
      <c r="D68233" s="1" t="s">
        <v>227409</v>
      </c>
      <c r="E68233" s="1" t="s">
        <v>227410</v>
      </c>
      <c r="F68233" s="1" t="s">
        <v>227411</v>
      </c>
      <c r="G68233" s="1" t="s">
        <v>227337</v>
      </c>
      <c r="H68233" s="1" t="s">
        <v>227338</v>
      </c>
      <c r="I68233" s="1" t="s">
        <v>222698</v>
      </c>
      <c r="J68233" s="1" t="s">
        <v>227412</v>
      </c>
    </row>
    <row r="68234" spans="1:10" x14ac:dyDescent="0.35">
      <c r="A68234" s="1" t="s">
        <v>45379</v>
      </c>
      <c r="B68234" s="1" t="s">
        <v>222693</v>
      </c>
      <c r="C68234" s="1" t="s">
        <v>115</v>
      </c>
      <c r="D68234" s="1" t="s">
        <v>227413</v>
      </c>
      <c r="E68234" s="1" t="s">
        <v>227414</v>
      </c>
      <c r="F68234" s="1" t="s">
        <v>227415</v>
      </c>
      <c r="G68234" s="1" t="s">
        <v>227337</v>
      </c>
      <c r="H68234" s="1" t="s">
        <v>227338</v>
      </c>
      <c r="I68234" s="1" t="s">
        <v>222698</v>
      </c>
      <c r="J68234" s="1" t="s">
        <v>227416</v>
      </c>
    </row>
    <row r="68235" spans="1:10" x14ac:dyDescent="0.35">
      <c r="A68235" s="1" t="s">
        <v>45379</v>
      </c>
      <c r="B68235" s="1" t="s">
        <v>222693</v>
      </c>
      <c r="C68235" s="1" t="s">
        <v>120</v>
      </c>
      <c r="D68235" s="1" t="s">
        <v>227417</v>
      </c>
      <c r="E68235" s="1" t="s">
        <v>227418</v>
      </c>
      <c r="F68235" s="1" t="s">
        <v>227419</v>
      </c>
      <c r="G68235" s="1" t="s">
        <v>227337</v>
      </c>
      <c r="H68235" s="1" t="s">
        <v>227338</v>
      </c>
      <c r="I68235" s="1" t="s">
        <v>222698</v>
      </c>
      <c r="J68235" s="1" t="s">
        <v>227420</v>
      </c>
    </row>
    <row r="68236" spans="1:10" x14ac:dyDescent="0.35">
      <c r="A68236" s="1" t="s">
        <v>45379</v>
      </c>
      <c r="B68236" s="1" t="s">
        <v>222693</v>
      </c>
      <c r="C68236" s="1" t="s">
        <v>125</v>
      </c>
      <c r="D68236" s="1" t="s">
        <v>227421</v>
      </c>
      <c r="E68236" s="1" t="s">
        <v>227422</v>
      </c>
      <c r="F68236" s="1" t="s">
        <v>227423</v>
      </c>
      <c r="G68236" s="1" t="s">
        <v>227337</v>
      </c>
      <c r="H68236" s="1" t="s">
        <v>227338</v>
      </c>
      <c r="I68236" s="1" t="s">
        <v>222698</v>
      </c>
      <c r="J68236" s="1" t="s">
        <v>227424</v>
      </c>
    </row>
    <row r="68237" spans="1:10" x14ac:dyDescent="0.35">
      <c r="A68237" s="1" t="s">
        <v>45379</v>
      </c>
      <c r="B68237" s="1" t="s">
        <v>222693</v>
      </c>
      <c r="C68237" s="1" t="s">
        <v>130</v>
      </c>
      <c r="D68237" s="1" t="s">
        <v>227425</v>
      </c>
      <c r="E68237" s="1" t="s">
        <v>227426</v>
      </c>
      <c r="F68237" s="1" t="s">
        <v>227427</v>
      </c>
      <c r="G68237" s="1" t="s">
        <v>227337</v>
      </c>
      <c r="H68237" s="1" t="s">
        <v>227338</v>
      </c>
      <c r="I68237" s="1" t="s">
        <v>222698</v>
      </c>
      <c r="J68237" s="1" t="s">
        <v>227428</v>
      </c>
    </row>
    <row r="68238" spans="1:10" x14ac:dyDescent="0.35">
      <c r="A68238" s="1" t="s">
        <v>45379</v>
      </c>
      <c r="B68238" s="1" t="s">
        <v>222693</v>
      </c>
      <c r="C68238" s="1" t="s">
        <v>135</v>
      </c>
      <c r="D68238" s="1" t="s">
        <v>227429</v>
      </c>
      <c r="E68238" s="1" t="s">
        <v>227430</v>
      </c>
      <c r="F68238" s="1" t="s">
        <v>227431</v>
      </c>
      <c r="G68238" s="1" t="s">
        <v>227337</v>
      </c>
      <c r="H68238" s="1" t="s">
        <v>227338</v>
      </c>
      <c r="I68238" s="1" t="s">
        <v>222698</v>
      </c>
      <c r="J68238" s="1" t="s">
        <v>227432</v>
      </c>
    </row>
    <row r="68239" spans="1:10" x14ac:dyDescent="0.35">
      <c r="A68239" s="1" t="s">
        <v>45379</v>
      </c>
      <c r="B68239" s="1" t="s">
        <v>222693</v>
      </c>
      <c r="C68239" s="1" t="s">
        <v>140</v>
      </c>
      <c r="D68239" s="1" t="s">
        <v>227433</v>
      </c>
      <c r="E68239" s="1" t="s">
        <v>227434</v>
      </c>
      <c r="F68239" s="1" t="s">
        <v>227435</v>
      </c>
      <c r="G68239" s="1" t="s">
        <v>227337</v>
      </c>
      <c r="H68239" s="1" t="s">
        <v>227338</v>
      </c>
      <c r="I68239" s="1" t="s">
        <v>222698</v>
      </c>
      <c r="J68239" s="1" t="s">
        <v>227436</v>
      </c>
    </row>
    <row r="68240" spans="1:10" x14ac:dyDescent="0.35">
      <c r="A68240" s="1" t="s">
        <v>45379</v>
      </c>
      <c r="B68240" s="1" t="s">
        <v>222693</v>
      </c>
      <c r="C68240" s="1" t="s">
        <v>145</v>
      </c>
      <c r="D68240" s="1" t="s">
        <v>227437</v>
      </c>
      <c r="E68240" s="1" t="s">
        <v>227438</v>
      </c>
      <c r="F68240" s="1" t="s">
        <v>227439</v>
      </c>
      <c r="G68240" s="1" t="s">
        <v>227337</v>
      </c>
      <c r="H68240" s="1" t="s">
        <v>227338</v>
      </c>
      <c r="I68240" s="1" t="s">
        <v>222698</v>
      </c>
      <c r="J68240" s="1" t="s">
        <v>227440</v>
      </c>
    </row>
    <row r="68241" spans="1:10" x14ac:dyDescent="0.35">
      <c r="A68241" s="1" t="s">
        <v>45379</v>
      </c>
      <c r="B68241" s="1" t="s">
        <v>222693</v>
      </c>
      <c r="C68241" s="1" t="s">
        <v>150</v>
      </c>
      <c r="D68241" s="1" t="s">
        <v>227441</v>
      </c>
      <c r="E68241" s="1" t="s">
        <v>227442</v>
      </c>
      <c r="F68241" s="1" t="s">
        <v>227443</v>
      </c>
      <c r="G68241" s="1" t="s">
        <v>227337</v>
      </c>
      <c r="H68241" s="1" t="s">
        <v>227338</v>
      </c>
      <c r="I68241" s="1" t="s">
        <v>222698</v>
      </c>
      <c r="J68241" s="1" t="s">
        <v>227444</v>
      </c>
    </row>
    <row r="68242" spans="1:10" x14ac:dyDescent="0.35">
      <c r="A68242" s="1" t="s">
        <v>45379</v>
      </c>
      <c r="B68242" s="1" t="s">
        <v>222693</v>
      </c>
      <c r="C68242" s="1" t="s">
        <v>155</v>
      </c>
      <c r="D68242" s="1" t="s">
        <v>227445</v>
      </c>
      <c r="E68242" s="1" t="s">
        <v>227446</v>
      </c>
      <c r="F68242" s="1" t="s">
        <v>227447</v>
      </c>
      <c r="G68242" s="1" t="s">
        <v>227337</v>
      </c>
      <c r="H68242" s="1" t="s">
        <v>227338</v>
      </c>
      <c r="I68242" s="1" t="s">
        <v>222698</v>
      </c>
      <c r="J68242" s="1" t="s">
        <v>227448</v>
      </c>
    </row>
    <row r="68243" spans="1:10" x14ac:dyDescent="0.35">
      <c r="A68243" s="1" t="s">
        <v>45379</v>
      </c>
      <c r="B68243" s="1" t="s">
        <v>222693</v>
      </c>
      <c r="C68243" s="1" t="s">
        <v>160</v>
      </c>
      <c r="D68243" s="1" t="s">
        <v>227449</v>
      </c>
      <c r="E68243" s="1" t="s">
        <v>227450</v>
      </c>
      <c r="F68243" s="1" t="s">
        <v>227451</v>
      </c>
      <c r="G68243" s="1" t="s">
        <v>227337</v>
      </c>
      <c r="H68243" s="1" t="s">
        <v>227338</v>
      </c>
      <c r="I68243" s="1" t="s">
        <v>222698</v>
      </c>
      <c r="J68243" s="1" t="s">
        <v>227452</v>
      </c>
    </row>
    <row r="68244" spans="1:10" x14ac:dyDescent="0.35">
      <c r="A68244" s="1" t="s">
        <v>45379</v>
      </c>
      <c r="B68244" s="1" t="s">
        <v>222693</v>
      </c>
      <c r="C68244" s="1" t="s">
        <v>165</v>
      </c>
      <c r="D68244" s="1" t="s">
        <v>227453</v>
      </c>
      <c r="E68244" s="1" t="s">
        <v>227454</v>
      </c>
      <c r="F68244" s="1" t="s">
        <v>227455</v>
      </c>
      <c r="G68244" s="1" t="s">
        <v>227337</v>
      </c>
      <c r="H68244" s="1" t="s">
        <v>227338</v>
      </c>
      <c r="I68244" s="1" t="s">
        <v>222698</v>
      </c>
      <c r="J68244" s="1" t="s">
        <v>227456</v>
      </c>
    </row>
    <row r="68245" spans="1:10" x14ac:dyDescent="0.35">
      <c r="A68245" s="1" t="s">
        <v>45379</v>
      </c>
      <c r="B68245" s="1" t="s">
        <v>222693</v>
      </c>
      <c r="C68245" s="1" t="s">
        <v>170</v>
      </c>
      <c r="D68245" s="1" t="s">
        <v>227457</v>
      </c>
      <c r="E68245" s="1" t="s">
        <v>227458</v>
      </c>
      <c r="F68245" s="1" t="s">
        <v>227459</v>
      </c>
      <c r="G68245" s="1" t="s">
        <v>227337</v>
      </c>
      <c r="H68245" s="1" t="s">
        <v>227338</v>
      </c>
      <c r="I68245" s="1" t="s">
        <v>222698</v>
      </c>
      <c r="J68245" s="1" t="s">
        <v>227460</v>
      </c>
    </row>
    <row r="68246" spans="1:10" x14ac:dyDescent="0.35">
      <c r="A68246" s="1" t="s">
        <v>8035</v>
      </c>
      <c r="B68246" s="1" t="s">
        <v>222693</v>
      </c>
      <c r="C68246" s="1" t="s">
        <v>8</v>
      </c>
      <c r="D68246" s="1" t="s">
        <v>55735</v>
      </c>
      <c r="E68246" s="1" t="s">
        <v>227461</v>
      </c>
      <c r="F68246" s="1" t="s">
        <v>227462</v>
      </c>
      <c r="G68246" s="1" t="s">
        <v>227463</v>
      </c>
      <c r="H68246" s="1" t="s">
        <v>227464</v>
      </c>
      <c r="I68246" s="1" t="s">
        <v>222698</v>
      </c>
      <c r="J68246" s="1" t="s">
        <v>13</v>
      </c>
    </row>
    <row r="68247" spans="1:10" x14ac:dyDescent="0.35">
      <c r="A68247" s="1" t="s">
        <v>8035</v>
      </c>
      <c r="B68247" s="1" t="s">
        <v>222693</v>
      </c>
      <c r="C68247" s="1" t="s">
        <v>15</v>
      </c>
      <c r="D68247" s="1" t="s">
        <v>136428</v>
      </c>
      <c r="E68247" s="1" t="s">
        <v>227465</v>
      </c>
      <c r="F68247" s="1" t="s">
        <v>227466</v>
      </c>
      <c r="G68247" s="1" t="s">
        <v>227463</v>
      </c>
      <c r="H68247" s="1" t="s">
        <v>227464</v>
      </c>
      <c r="I68247" s="1" t="s">
        <v>222698</v>
      </c>
      <c r="J68247" s="1" t="s">
        <v>227467</v>
      </c>
    </row>
    <row r="68248" spans="1:10" x14ac:dyDescent="0.35">
      <c r="A68248" s="1" t="s">
        <v>8035</v>
      </c>
      <c r="B68248" s="1" t="s">
        <v>222693</v>
      </c>
      <c r="C68248" s="1" t="s">
        <v>20</v>
      </c>
      <c r="D68248" s="1" t="s">
        <v>64306</v>
      </c>
      <c r="E68248" s="1" t="s">
        <v>227468</v>
      </c>
      <c r="F68248" s="1" t="s">
        <v>227469</v>
      </c>
      <c r="G68248" s="1" t="s">
        <v>227463</v>
      </c>
      <c r="H68248" s="1" t="s">
        <v>227464</v>
      </c>
      <c r="I68248" s="1" t="s">
        <v>222698</v>
      </c>
      <c r="J68248" s="1" t="s">
        <v>227470</v>
      </c>
    </row>
    <row r="68249" spans="1:10" x14ac:dyDescent="0.35">
      <c r="A68249" s="1" t="s">
        <v>8035</v>
      </c>
      <c r="B68249" s="1" t="s">
        <v>222693</v>
      </c>
      <c r="C68249" s="1" t="s">
        <v>25</v>
      </c>
      <c r="D68249" s="1" t="s">
        <v>89583</v>
      </c>
      <c r="E68249" s="1" t="s">
        <v>227471</v>
      </c>
      <c r="F68249" s="1" t="s">
        <v>227472</v>
      </c>
      <c r="G68249" s="1" t="s">
        <v>227463</v>
      </c>
      <c r="H68249" s="1" t="s">
        <v>227464</v>
      </c>
      <c r="I68249" s="1" t="s">
        <v>222698</v>
      </c>
      <c r="J68249" s="1" t="s">
        <v>227473</v>
      </c>
    </row>
    <row r="68250" spans="1:10" x14ac:dyDescent="0.35">
      <c r="A68250" s="1" t="s">
        <v>8035</v>
      </c>
      <c r="B68250" s="1" t="s">
        <v>222693</v>
      </c>
      <c r="C68250" s="1" t="s">
        <v>30</v>
      </c>
      <c r="D68250" s="1" t="s">
        <v>67429</v>
      </c>
      <c r="E68250" s="1" t="s">
        <v>227474</v>
      </c>
      <c r="F68250" s="1" t="s">
        <v>227475</v>
      </c>
      <c r="G68250" s="1" t="s">
        <v>227463</v>
      </c>
      <c r="H68250" s="1" t="s">
        <v>227464</v>
      </c>
      <c r="I68250" s="1" t="s">
        <v>222698</v>
      </c>
      <c r="J68250" s="1" t="s">
        <v>227476</v>
      </c>
    </row>
    <row r="68251" spans="1:10" x14ac:dyDescent="0.35">
      <c r="A68251" s="1" t="s">
        <v>8035</v>
      </c>
      <c r="B68251" s="1" t="s">
        <v>222693</v>
      </c>
      <c r="C68251" s="1" t="s">
        <v>35</v>
      </c>
      <c r="D68251" s="1" t="s">
        <v>56124</v>
      </c>
      <c r="E68251" s="1" t="s">
        <v>227477</v>
      </c>
      <c r="F68251" s="1" t="s">
        <v>227478</v>
      </c>
      <c r="G68251" s="1" t="s">
        <v>227463</v>
      </c>
      <c r="H68251" s="1" t="s">
        <v>227464</v>
      </c>
      <c r="I68251" s="1" t="s">
        <v>222698</v>
      </c>
      <c r="J68251" s="1" t="s">
        <v>227479</v>
      </c>
    </row>
    <row r="68252" spans="1:10" x14ac:dyDescent="0.35">
      <c r="A68252" s="1" t="s">
        <v>8035</v>
      </c>
      <c r="B68252" s="1" t="s">
        <v>222693</v>
      </c>
      <c r="C68252" s="1" t="s">
        <v>40</v>
      </c>
      <c r="D68252" s="1" t="s">
        <v>227480</v>
      </c>
      <c r="E68252" s="1" t="s">
        <v>227481</v>
      </c>
      <c r="F68252" s="1" t="s">
        <v>227482</v>
      </c>
      <c r="G68252" s="1" t="s">
        <v>227463</v>
      </c>
      <c r="H68252" s="1" t="s">
        <v>227464</v>
      </c>
      <c r="I68252" s="1" t="s">
        <v>222698</v>
      </c>
      <c r="J68252" s="1" t="s">
        <v>227483</v>
      </c>
    </row>
    <row r="68253" spans="1:10" x14ac:dyDescent="0.35">
      <c r="A68253" s="1" t="s">
        <v>8035</v>
      </c>
      <c r="B68253" s="1" t="s">
        <v>222693</v>
      </c>
      <c r="C68253" s="1" t="s">
        <v>45</v>
      </c>
      <c r="D68253" s="1" t="s">
        <v>65682</v>
      </c>
      <c r="E68253" s="1" t="s">
        <v>227484</v>
      </c>
      <c r="F68253" s="1" t="s">
        <v>227485</v>
      </c>
      <c r="G68253" s="1" t="s">
        <v>227463</v>
      </c>
      <c r="H68253" s="1" t="s">
        <v>227464</v>
      </c>
      <c r="I68253" s="1" t="s">
        <v>222698</v>
      </c>
      <c r="J68253" s="1" t="s">
        <v>227486</v>
      </c>
    </row>
    <row r="68254" spans="1:10" x14ac:dyDescent="0.35">
      <c r="A68254" s="1" t="s">
        <v>8035</v>
      </c>
      <c r="B68254" s="1" t="s">
        <v>222693</v>
      </c>
      <c r="C68254" s="1" t="s">
        <v>50</v>
      </c>
      <c r="D68254" s="1" t="s">
        <v>55068</v>
      </c>
      <c r="E68254" s="1" t="s">
        <v>227487</v>
      </c>
      <c r="F68254" s="1" t="s">
        <v>227488</v>
      </c>
      <c r="G68254" s="1" t="s">
        <v>227463</v>
      </c>
      <c r="H68254" s="1" t="s">
        <v>227464</v>
      </c>
      <c r="I68254" s="1" t="s">
        <v>222698</v>
      </c>
      <c r="J68254" s="1" t="s">
        <v>227489</v>
      </c>
    </row>
    <row r="68255" spans="1:10" x14ac:dyDescent="0.35">
      <c r="A68255" s="1" t="s">
        <v>8035</v>
      </c>
      <c r="B68255" s="1" t="s">
        <v>222693</v>
      </c>
      <c r="C68255" s="1" t="s">
        <v>55</v>
      </c>
      <c r="D68255" s="1" t="s">
        <v>58545</v>
      </c>
      <c r="E68255" s="1" t="s">
        <v>227490</v>
      </c>
      <c r="F68255" s="1" t="s">
        <v>227491</v>
      </c>
      <c r="G68255" s="1" t="s">
        <v>227463</v>
      </c>
      <c r="H68255" s="1" t="s">
        <v>227464</v>
      </c>
      <c r="I68255" s="1" t="s">
        <v>222698</v>
      </c>
      <c r="J68255" s="1" t="s">
        <v>227492</v>
      </c>
    </row>
    <row r="68256" spans="1:10" x14ac:dyDescent="0.35">
      <c r="A68256" s="1" t="s">
        <v>8035</v>
      </c>
      <c r="B68256" s="1" t="s">
        <v>222693</v>
      </c>
      <c r="C68256" s="1" t="s">
        <v>60</v>
      </c>
      <c r="D68256" s="1" t="s">
        <v>227493</v>
      </c>
      <c r="E68256" s="1" t="s">
        <v>227494</v>
      </c>
      <c r="F68256" s="1" t="s">
        <v>227495</v>
      </c>
      <c r="G68256" s="1" t="s">
        <v>227463</v>
      </c>
      <c r="H68256" s="1" t="s">
        <v>227464</v>
      </c>
      <c r="I68256" s="1" t="s">
        <v>222698</v>
      </c>
      <c r="J68256" s="1" t="s">
        <v>227496</v>
      </c>
    </row>
    <row r="68257" spans="1:10" x14ac:dyDescent="0.35">
      <c r="A68257" s="1" t="s">
        <v>8035</v>
      </c>
      <c r="B68257" s="1" t="s">
        <v>222693</v>
      </c>
      <c r="C68257" s="1" t="s">
        <v>65</v>
      </c>
      <c r="D68257" s="1" t="s">
        <v>227497</v>
      </c>
      <c r="E68257" s="1" t="s">
        <v>227498</v>
      </c>
      <c r="F68257" s="1" t="s">
        <v>227499</v>
      </c>
      <c r="G68257" s="1" t="s">
        <v>227463</v>
      </c>
      <c r="H68257" s="1" t="s">
        <v>227464</v>
      </c>
      <c r="I68257" s="1" t="s">
        <v>222698</v>
      </c>
      <c r="J68257" s="1" t="s">
        <v>227500</v>
      </c>
    </row>
    <row r="68258" spans="1:10" x14ac:dyDescent="0.35">
      <c r="A68258" s="1" t="s">
        <v>8035</v>
      </c>
      <c r="B68258" s="1" t="s">
        <v>222693</v>
      </c>
      <c r="C68258" s="1" t="s">
        <v>70</v>
      </c>
      <c r="D68258" s="1" t="s">
        <v>227501</v>
      </c>
      <c r="E68258" s="1" t="s">
        <v>227502</v>
      </c>
      <c r="F68258" s="1" t="s">
        <v>227503</v>
      </c>
      <c r="G68258" s="1" t="s">
        <v>227463</v>
      </c>
      <c r="H68258" s="1" t="s">
        <v>227464</v>
      </c>
      <c r="I68258" s="1" t="s">
        <v>222698</v>
      </c>
      <c r="J68258" s="1" t="s">
        <v>227504</v>
      </c>
    </row>
    <row r="68259" spans="1:10" x14ac:dyDescent="0.35">
      <c r="A68259" s="1" t="s">
        <v>8035</v>
      </c>
      <c r="B68259" s="1" t="s">
        <v>222693</v>
      </c>
      <c r="C68259" s="1" t="s">
        <v>75</v>
      </c>
      <c r="D68259" s="1" t="s">
        <v>227505</v>
      </c>
      <c r="E68259" s="1" t="s">
        <v>227506</v>
      </c>
      <c r="F68259" s="1" t="s">
        <v>227507</v>
      </c>
      <c r="G68259" s="1" t="s">
        <v>227463</v>
      </c>
      <c r="H68259" s="1" t="s">
        <v>227464</v>
      </c>
      <c r="I68259" s="1" t="s">
        <v>222698</v>
      </c>
      <c r="J68259" s="1" t="s">
        <v>227508</v>
      </c>
    </row>
    <row r="68260" spans="1:10" x14ac:dyDescent="0.35">
      <c r="A68260" s="1" t="s">
        <v>8035</v>
      </c>
      <c r="B68260" s="1" t="s">
        <v>222693</v>
      </c>
      <c r="C68260" s="1" t="s">
        <v>80</v>
      </c>
      <c r="D68260" s="1" t="s">
        <v>227509</v>
      </c>
      <c r="E68260" s="1" t="s">
        <v>227510</v>
      </c>
      <c r="F68260" s="1" t="s">
        <v>227511</v>
      </c>
      <c r="G68260" s="1" t="s">
        <v>227463</v>
      </c>
      <c r="H68260" s="1" t="s">
        <v>227464</v>
      </c>
      <c r="I68260" s="1" t="s">
        <v>222698</v>
      </c>
      <c r="J68260" s="1" t="s">
        <v>227512</v>
      </c>
    </row>
    <row r="68261" spans="1:10" x14ac:dyDescent="0.35">
      <c r="A68261" s="1" t="s">
        <v>8035</v>
      </c>
      <c r="B68261" s="1" t="s">
        <v>222693</v>
      </c>
      <c r="C68261" s="1" t="s">
        <v>85</v>
      </c>
      <c r="D68261" s="1" t="s">
        <v>96746</v>
      </c>
      <c r="E68261" s="1" t="s">
        <v>227513</v>
      </c>
      <c r="F68261" s="1" t="s">
        <v>227514</v>
      </c>
      <c r="G68261" s="1" t="s">
        <v>227463</v>
      </c>
      <c r="H68261" s="1" t="s">
        <v>227464</v>
      </c>
      <c r="I68261" s="1" t="s">
        <v>222698</v>
      </c>
      <c r="J68261" s="1" t="s">
        <v>227515</v>
      </c>
    </row>
    <row r="68262" spans="1:10" x14ac:dyDescent="0.35">
      <c r="A68262" s="1" t="s">
        <v>8035</v>
      </c>
      <c r="B68262" s="1" t="s">
        <v>222693</v>
      </c>
      <c r="C68262" s="1" t="s">
        <v>90</v>
      </c>
      <c r="D68262" s="1" t="s">
        <v>227516</v>
      </c>
      <c r="E68262" s="1" t="s">
        <v>227517</v>
      </c>
      <c r="F68262" s="1" t="s">
        <v>227518</v>
      </c>
      <c r="G68262" s="1" t="s">
        <v>227463</v>
      </c>
      <c r="H68262" s="1" t="s">
        <v>227464</v>
      </c>
      <c r="I68262" s="1" t="s">
        <v>222698</v>
      </c>
      <c r="J68262" s="1" t="s">
        <v>227519</v>
      </c>
    </row>
    <row r="68263" spans="1:10" x14ac:dyDescent="0.35">
      <c r="A68263" s="1" t="s">
        <v>8035</v>
      </c>
      <c r="B68263" s="1" t="s">
        <v>222693</v>
      </c>
      <c r="C68263" s="1" t="s">
        <v>95</v>
      </c>
      <c r="D68263" s="1" t="s">
        <v>227520</v>
      </c>
      <c r="E68263" s="1" t="s">
        <v>227521</v>
      </c>
      <c r="F68263" s="1" t="s">
        <v>227522</v>
      </c>
      <c r="G68263" s="1" t="s">
        <v>227463</v>
      </c>
      <c r="H68263" s="1" t="s">
        <v>227464</v>
      </c>
      <c r="I68263" s="1" t="s">
        <v>222698</v>
      </c>
      <c r="J68263" s="1" t="s">
        <v>227523</v>
      </c>
    </row>
    <row r="68264" spans="1:10" x14ac:dyDescent="0.35">
      <c r="A68264" s="1" t="s">
        <v>8035</v>
      </c>
      <c r="B68264" s="1" t="s">
        <v>222693</v>
      </c>
      <c r="C68264" s="1" t="s">
        <v>100</v>
      </c>
      <c r="D68264" s="1" t="s">
        <v>227524</v>
      </c>
      <c r="E68264" s="1" t="s">
        <v>227525</v>
      </c>
      <c r="F68264" s="1" t="s">
        <v>227526</v>
      </c>
      <c r="G68264" s="1" t="s">
        <v>227463</v>
      </c>
      <c r="H68264" s="1" t="s">
        <v>227464</v>
      </c>
      <c r="I68264" s="1" t="s">
        <v>222698</v>
      </c>
      <c r="J68264" s="1" t="s">
        <v>227527</v>
      </c>
    </row>
    <row r="68265" spans="1:10" x14ac:dyDescent="0.35">
      <c r="A68265" s="1" t="s">
        <v>8035</v>
      </c>
      <c r="B68265" s="1" t="s">
        <v>222693</v>
      </c>
      <c r="C68265" s="1" t="s">
        <v>105</v>
      </c>
      <c r="D68265" s="1" t="s">
        <v>227528</v>
      </c>
      <c r="E68265" s="1" t="s">
        <v>227529</v>
      </c>
      <c r="F68265" s="1" t="s">
        <v>227530</v>
      </c>
      <c r="G68265" s="1" t="s">
        <v>227463</v>
      </c>
      <c r="H68265" s="1" t="s">
        <v>227464</v>
      </c>
      <c r="I68265" s="1" t="s">
        <v>222698</v>
      </c>
      <c r="J68265" s="1" t="s">
        <v>227531</v>
      </c>
    </row>
    <row r="68266" spans="1:10" x14ac:dyDescent="0.35">
      <c r="A68266" s="1" t="s">
        <v>8035</v>
      </c>
      <c r="B68266" s="1" t="s">
        <v>222693</v>
      </c>
      <c r="C68266" s="1" t="s">
        <v>110</v>
      </c>
      <c r="D68266" s="1" t="s">
        <v>131903</v>
      </c>
      <c r="E68266" s="1" t="s">
        <v>227532</v>
      </c>
      <c r="F68266" s="1" t="s">
        <v>227533</v>
      </c>
      <c r="G68266" s="1" t="s">
        <v>227463</v>
      </c>
      <c r="H68266" s="1" t="s">
        <v>227464</v>
      </c>
      <c r="I68266" s="1" t="s">
        <v>222698</v>
      </c>
      <c r="J68266" s="1" t="s">
        <v>227534</v>
      </c>
    </row>
    <row r="68267" spans="1:10" x14ac:dyDescent="0.35">
      <c r="A68267" s="1" t="s">
        <v>8035</v>
      </c>
      <c r="B68267" s="1" t="s">
        <v>222693</v>
      </c>
      <c r="C68267" s="1" t="s">
        <v>115</v>
      </c>
      <c r="D68267" s="1" t="s">
        <v>55960</v>
      </c>
      <c r="E68267" s="1" t="s">
        <v>227535</v>
      </c>
      <c r="F68267" s="1" t="s">
        <v>227536</v>
      </c>
      <c r="G68267" s="1" t="s">
        <v>227463</v>
      </c>
      <c r="H68267" s="1" t="s">
        <v>227464</v>
      </c>
      <c r="I68267" s="1" t="s">
        <v>222698</v>
      </c>
      <c r="J68267" s="1" t="s">
        <v>227537</v>
      </c>
    </row>
    <row r="68268" spans="1:10" x14ac:dyDescent="0.35">
      <c r="A68268" s="1" t="s">
        <v>8035</v>
      </c>
      <c r="B68268" s="1" t="s">
        <v>222693</v>
      </c>
      <c r="C68268" s="1" t="s">
        <v>120</v>
      </c>
      <c r="D68268" s="1" t="s">
        <v>70343</v>
      </c>
      <c r="E68268" s="1" t="s">
        <v>227538</v>
      </c>
      <c r="F68268" s="1" t="s">
        <v>227539</v>
      </c>
      <c r="G68268" s="1" t="s">
        <v>227463</v>
      </c>
      <c r="H68268" s="1" t="s">
        <v>227464</v>
      </c>
      <c r="I68268" s="1" t="s">
        <v>222698</v>
      </c>
      <c r="J68268" s="1" t="s">
        <v>227540</v>
      </c>
    </row>
    <row r="68269" spans="1:10" x14ac:dyDescent="0.35">
      <c r="A68269" s="1" t="s">
        <v>8035</v>
      </c>
      <c r="B68269" s="1" t="s">
        <v>222693</v>
      </c>
      <c r="C68269" s="1" t="s">
        <v>125</v>
      </c>
      <c r="D68269" s="1" t="s">
        <v>227541</v>
      </c>
      <c r="E68269" s="1" t="s">
        <v>227542</v>
      </c>
      <c r="F68269" s="1" t="s">
        <v>227543</v>
      </c>
      <c r="G68269" s="1" t="s">
        <v>227463</v>
      </c>
      <c r="H68269" s="1" t="s">
        <v>227464</v>
      </c>
      <c r="I68269" s="1" t="s">
        <v>222698</v>
      </c>
      <c r="J68269" s="1" t="s">
        <v>227544</v>
      </c>
    </row>
    <row r="68270" spans="1:10" x14ac:dyDescent="0.35">
      <c r="A68270" s="1" t="s">
        <v>8035</v>
      </c>
      <c r="B68270" s="1" t="s">
        <v>222693</v>
      </c>
      <c r="C68270" s="1" t="s">
        <v>130</v>
      </c>
      <c r="D68270" s="1" t="s">
        <v>227545</v>
      </c>
      <c r="E68270" s="1" t="s">
        <v>227546</v>
      </c>
      <c r="F68270" s="1" t="s">
        <v>227547</v>
      </c>
      <c r="G68270" s="1" t="s">
        <v>227463</v>
      </c>
      <c r="H68270" s="1" t="s">
        <v>227464</v>
      </c>
      <c r="I68270" s="1" t="s">
        <v>222698</v>
      </c>
      <c r="J68270" s="1" t="s">
        <v>227548</v>
      </c>
    </row>
    <row r="68271" spans="1:10" x14ac:dyDescent="0.35">
      <c r="A68271" s="1" t="s">
        <v>8035</v>
      </c>
      <c r="B68271" s="1" t="s">
        <v>222693</v>
      </c>
      <c r="C68271" s="1" t="s">
        <v>135</v>
      </c>
      <c r="D68271" s="1" t="s">
        <v>127303</v>
      </c>
      <c r="E68271" s="1" t="s">
        <v>227549</v>
      </c>
      <c r="F68271" s="1" t="s">
        <v>227550</v>
      </c>
      <c r="G68271" s="1" t="s">
        <v>227463</v>
      </c>
      <c r="H68271" s="1" t="s">
        <v>227464</v>
      </c>
      <c r="I68271" s="1" t="s">
        <v>222698</v>
      </c>
      <c r="J68271" s="1" t="s">
        <v>227551</v>
      </c>
    </row>
    <row r="68272" spans="1:10" x14ac:dyDescent="0.35">
      <c r="A68272" s="1" t="s">
        <v>8035</v>
      </c>
      <c r="B68272" s="1" t="s">
        <v>222693</v>
      </c>
      <c r="C68272" s="1" t="s">
        <v>140</v>
      </c>
      <c r="D68272" s="1" t="s">
        <v>227552</v>
      </c>
      <c r="E68272" s="1" t="s">
        <v>227553</v>
      </c>
      <c r="F68272" s="1" t="s">
        <v>227554</v>
      </c>
      <c r="G68272" s="1" t="s">
        <v>227463</v>
      </c>
      <c r="H68272" s="1" t="s">
        <v>227464</v>
      </c>
      <c r="I68272" s="1" t="s">
        <v>222698</v>
      </c>
      <c r="J68272" s="1" t="s">
        <v>227555</v>
      </c>
    </row>
    <row r="68273" spans="1:10" x14ac:dyDescent="0.35">
      <c r="A68273" s="1" t="s">
        <v>8035</v>
      </c>
      <c r="B68273" s="1" t="s">
        <v>222693</v>
      </c>
      <c r="C68273" s="1" t="s">
        <v>145</v>
      </c>
      <c r="D68273" s="1" t="s">
        <v>58421</v>
      </c>
      <c r="E68273" s="1" t="s">
        <v>227556</v>
      </c>
      <c r="F68273" s="1" t="s">
        <v>227557</v>
      </c>
      <c r="G68273" s="1" t="s">
        <v>227463</v>
      </c>
      <c r="H68273" s="1" t="s">
        <v>227464</v>
      </c>
      <c r="I68273" s="1" t="s">
        <v>222698</v>
      </c>
      <c r="J68273" s="1" t="s">
        <v>227558</v>
      </c>
    </row>
    <row r="68274" spans="1:10" x14ac:dyDescent="0.35">
      <c r="A68274" s="1" t="s">
        <v>8035</v>
      </c>
      <c r="B68274" s="1" t="s">
        <v>222693</v>
      </c>
      <c r="C68274" s="1" t="s">
        <v>150</v>
      </c>
      <c r="D68274" s="1" t="s">
        <v>227559</v>
      </c>
      <c r="E68274" s="1" t="s">
        <v>227560</v>
      </c>
      <c r="F68274" s="1" t="s">
        <v>227561</v>
      </c>
      <c r="G68274" s="1" t="s">
        <v>227463</v>
      </c>
      <c r="H68274" s="1" t="s">
        <v>227464</v>
      </c>
      <c r="I68274" s="1" t="s">
        <v>222698</v>
      </c>
      <c r="J68274" s="1" t="s">
        <v>227562</v>
      </c>
    </row>
    <row r="68275" spans="1:10" x14ac:dyDescent="0.35">
      <c r="A68275" s="1" t="s">
        <v>8035</v>
      </c>
      <c r="B68275" s="1" t="s">
        <v>222693</v>
      </c>
      <c r="C68275" s="1" t="s">
        <v>155</v>
      </c>
      <c r="D68275" s="1" t="s">
        <v>21727</v>
      </c>
      <c r="E68275" s="1" t="s">
        <v>227563</v>
      </c>
      <c r="F68275" s="1" t="s">
        <v>227564</v>
      </c>
      <c r="G68275" s="1" t="s">
        <v>227463</v>
      </c>
      <c r="H68275" s="1" t="s">
        <v>227464</v>
      </c>
      <c r="I68275" s="1" t="s">
        <v>222698</v>
      </c>
      <c r="J68275" s="1" t="s">
        <v>227565</v>
      </c>
    </row>
    <row r="68276" spans="1:10" x14ac:dyDescent="0.35">
      <c r="A68276" s="1" t="s">
        <v>8035</v>
      </c>
      <c r="B68276" s="1" t="s">
        <v>222693</v>
      </c>
      <c r="C68276" s="1" t="s">
        <v>160</v>
      </c>
      <c r="D68276" s="1" t="s">
        <v>127188</v>
      </c>
      <c r="E68276" s="1" t="s">
        <v>227566</v>
      </c>
      <c r="F68276" s="1" t="s">
        <v>227567</v>
      </c>
      <c r="G68276" s="1" t="s">
        <v>227463</v>
      </c>
      <c r="H68276" s="1" t="s">
        <v>227464</v>
      </c>
      <c r="I68276" s="1" t="s">
        <v>222698</v>
      </c>
      <c r="J68276" s="1" t="s">
        <v>227568</v>
      </c>
    </row>
    <row r="68277" spans="1:10" x14ac:dyDescent="0.35">
      <c r="A68277" s="1" t="s">
        <v>8035</v>
      </c>
      <c r="B68277" s="1" t="s">
        <v>222693</v>
      </c>
      <c r="C68277" s="1" t="s">
        <v>165</v>
      </c>
      <c r="D68277" s="1" t="s">
        <v>227569</v>
      </c>
      <c r="E68277" s="1" t="s">
        <v>227570</v>
      </c>
      <c r="F68277" s="1" t="s">
        <v>227571</v>
      </c>
      <c r="G68277" s="1" t="s">
        <v>227463</v>
      </c>
      <c r="H68277" s="1" t="s">
        <v>227464</v>
      </c>
      <c r="I68277" s="1" t="s">
        <v>222698</v>
      </c>
      <c r="J68277" s="1" t="s">
        <v>227572</v>
      </c>
    </row>
    <row r="68278" spans="1:10" x14ac:dyDescent="0.35">
      <c r="A68278" s="1" t="s">
        <v>8035</v>
      </c>
      <c r="B68278" s="1" t="s">
        <v>222693</v>
      </c>
      <c r="C68278" s="1" t="s">
        <v>170</v>
      </c>
      <c r="D68278" s="1" t="s">
        <v>227573</v>
      </c>
      <c r="E68278" s="1" t="s">
        <v>227574</v>
      </c>
      <c r="F68278" s="1" t="s">
        <v>227575</v>
      </c>
      <c r="G68278" s="1" t="s">
        <v>227463</v>
      </c>
      <c r="H68278" s="1" t="s">
        <v>227464</v>
      </c>
      <c r="I68278" s="1" t="s">
        <v>222698</v>
      </c>
      <c r="J68278" s="1" t="s">
        <v>227576</v>
      </c>
    </row>
    <row r="68279" spans="1:10" x14ac:dyDescent="0.35">
      <c r="A68279" s="1" t="s">
        <v>8763</v>
      </c>
      <c r="B68279" s="1" t="s">
        <v>222693</v>
      </c>
      <c r="C68279" s="1" t="s">
        <v>8</v>
      </c>
      <c r="D68279" s="1" t="s">
        <v>69459</v>
      </c>
      <c r="E68279" s="1" t="s">
        <v>227577</v>
      </c>
      <c r="F68279" s="1" t="s">
        <v>227578</v>
      </c>
      <c r="G68279" s="1" t="s">
        <v>227579</v>
      </c>
      <c r="H68279" s="1" t="s">
        <v>227580</v>
      </c>
      <c r="I68279" s="1" t="s">
        <v>222698</v>
      </c>
      <c r="J68279" s="1" t="s">
        <v>13</v>
      </c>
    </row>
    <row r="68280" spans="1:10" x14ac:dyDescent="0.35">
      <c r="A68280" s="1" t="s">
        <v>8763</v>
      </c>
      <c r="B68280" s="1" t="s">
        <v>222693</v>
      </c>
      <c r="C68280" s="1" t="s">
        <v>15</v>
      </c>
      <c r="D68280" s="1" t="s">
        <v>227581</v>
      </c>
      <c r="E68280" s="1" t="s">
        <v>227582</v>
      </c>
      <c r="F68280" s="1" t="s">
        <v>227583</v>
      </c>
      <c r="G68280" s="1" t="s">
        <v>227579</v>
      </c>
      <c r="H68280" s="1" t="s">
        <v>227580</v>
      </c>
      <c r="I68280" s="1" t="s">
        <v>222698</v>
      </c>
      <c r="J68280" s="1" t="s">
        <v>227584</v>
      </c>
    </row>
    <row r="68281" spans="1:10" x14ac:dyDescent="0.35">
      <c r="A68281" s="1" t="s">
        <v>8763</v>
      </c>
      <c r="B68281" s="1" t="s">
        <v>222693</v>
      </c>
      <c r="C68281" s="1" t="s">
        <v>20</v>
      </c>
      <c r="D68281" s="1" t="s">
        <v>227585</v>
      </c>
      <c r="E68281" s="1" t="s">
        <v>227586</v>
      </c>
      <c r="F68281" s="1" t="s">
        <v>227587</v>
      </c>
      <c r="G68281" s="1" t="s">
        <v>227579</v>
      </c>
      <c r="H68281" s="1" t="s">
        <v>227580</v>
      </c>
      <c r="I68281" s="1" t="s">
        <v>222698</v>
      </c>
      <c r="J68281" s="1" t="s">
        <v>227588</v>
      </c>
    </row>
    <row r="68282" spans="1:10" x14ac:dyDescent="0.35">
      <c r="A68282" s="1" t="s">
        <v>8763</v>
      </c>
      <c r="B68282" s="1" t="s">
        <v>222693</v>
      </c>
      <c r="C68282" s="1" t="s">
        <v>25</v>
      </c>
      <c r="D68282" s="1" t="s">
        <v>227589</v>
      </c>
      <c r="E68282" s="1" t="s">
        <v>227590</v>
      </c>
      <c r="F68282" s="1" t="s">
        <v>227591</v>
      </c>
      <c r="G68282" s="1" t="s">
        <v>227579</v>
      </c>
      <c r="H68282" s="1" t="s">
        <v>227580</v>
      </c>
      <c r="I68282" s="1" t="s">
        <v>222698</v>
      </c>
      <c r="J68282" s="1" t="s">
        <v>227592</v>
      </c>
    </row>
    <row r="68283" spans="1:10" x14ac:dyDescent="0.35">
      <c r="A68283" s="1" t="s">
        <v>8763</v>
      </c>
      <c r="B68283" s="1" t="s">
        <v>222693</v>
      </c>
      <c r="C68283" s="1" t="s">
        <v>30</v>
      </c>
      <c r="D68283" s="1" t="s">
        <v>227593</v>
      </c>
      <c r="E68283" s="1" t="s">
        <v>227594</v>
      </c>
      <c r="F68283" s="1" t="s">
        <v>227595</v>
      </c>
      <c r="G68283" s="1" t="s">
        <v>227579</v>
      </c>
      <c r="H68283" s="1" t="s">
        <v>227580</v>
      </c>
      <c r="I68283" s="1" t="s">
        <v>222698</v>
      </c>
      <c r="J68283" s="1" t="s">
        <v>227596</v>
      </c>
    </row>
    <row r="68284" spans="1:10" x14ac:dyDescent="0.35">
      <c r="A68284" s="1" t="s">
        <v>8763</v>
      </c>
      <c r="B68284" s="1" t="s">
        <v>222693</v>
      </c>
      <c r="C68284" s="1" t="s">
        <v>35</v>
      </c>
      <c r="D68284" s="1" t="s">
        <v>86514</v>
      </c>
      <c r="E68284" s="1" t="s">
        <v>227597</v>
      </c>
      <c r="F68284" s="1" t="s">
        <v>227598</v>
      </c>
      <c r="G68284" s="1" t="s">
        <v>227579</v>
      </c>
      <c r="H68284" s="1" t="s">
        <v>227580</v>
      </c>
      <c r="I68284" s="1" t="s">
        <v>222698</v>
      </c>
      <c r="J68284" s="1" t="s">
        <v>227599</v>
      </c>
    </row>
    <row r="68285" spans="1:10" x14ac:dyDescent="0.35">
      <c r="A68285" s="1" t="s">
        <v>8763</v>
      </c>
      <c r="B68285" s="1" t="s">
        <v>222693</v>
      </c>
      <c r="C68285" s="1" t="s">
        <v>40</v>
      </c>
      <c r="D68285" s="1" t="s">
        <v>85082</v>
      </c>
      <c r="E68285" s="1" t="s">
        <v>227600</v>
      </c>
      <c r="F68285" s="1" t="s">
        <v>227601</v>
      </c>
      <c r="G68285" s="1" t="s">
        <v>227579</v>
      </c>
      <c r="H68285" s="1" t="s">
        <v>227580</v>
      </c>
      <c r="I68285" s="1" t="s">
        <v>222698</v>
      </c>
      <c r="J68285" s="1" t="s">
        <v>227602</v>
      </c>
    </row>
    <row r="68286" spans="1:10" x14ac:dyDescent="0.35">
      <c r="A68286" s="1" t="s">
        <v>8763</v>
      </c>
      <c r="B68286" s="1" t="s">
        <v>222693</v>
      </c>
      <c r="C68286" s="1" t="s">
        <v>45</v>
      </c>
      <c r="D68286" s="1" t="s">
        <v>134191</v>
      </c>
      <c r="E68286" s="1" t="s">
        <v>227603</v>
      </c>
      <c r="F68286" s="1" t="s">
        <v>227604</v>
      </c>
      <c r="G68286" s="1" t="s">
        <v>227579</v>
      </c>
      <c r="H68286" s="1" t="s">
        <v>227580</v>
      </c>
      <c r="I68286" s="1" t="s">
        <v>222698</v>
      </c>
      <c r="J68286" s="1" t="s">
        <v>227605</v>
      </c>
    </row>
    <row r="68287" spans="1:10" x14ac:dyDescent="0.35">
      <c r="A68287" s="1" t="s">
        <v>8763</v>
      </c>
      <c r="B68287" s="1" t="s">
        <v>222693</v>
      </c>
      <c r="C68287" s="1" t="s">
        <v>50</v>
      </c>
      <c r="D68287" s="1" t="s">
        <v>227606</v>
      </c>
      <c r="E68287" s="1" t="s">
        <v>227607</v>
      </c>
      <c r="F68287" s="1" t="s">
        <v>227608</v>
      </c>
      <c r="G68287" s="1" t="s">
        <v>227579</v>
      </c>
      <c r="H68287" s="1" t="s">
        <v>227580</v>
      </c>
      <c r="I68287" s="1" t="s">
        <v>222698</v>
      </c>
      <c r="J68287" s="1" t="s">
        <v>227609</v>
      </c>
    </row>
    <row r="68288" spans="1:10" x14ac:dyDescent="0.35">
      <c r="A68288" s="1" t="s">
        <v>8763</v>
      </c>
      <c r="B68288" s="1" t="s">
        <v>222693</v>
      </c>
      <c r="C68288" s="1" t="s">
        <v>55</v>
      </c>
      <c r="D68288" s="1" t="s">
        <v>227610</v>
      </c>
      <c r="E68288" s="1" t="s">
        <v>227611</v>
      </c>
      <c r="F68288" s="1" t="s">
        <v>227612</v>
      </c>
      <c r="G68288" s="1" t="s">
        <v>227579</v>
      </c>
      <c r="H68288" s="1" t="s">
        <v>227580</v>
      </c>
      <c r="I68288" s="1" t="s">
        <v>222698</v>
      </c>
      <c r="J68288" s="1" t="s">
        <v>227613</v>
      </c>
    </row>
    <row r="68289" spans="1:10" x14ac:dyDescent="0.35">
      <c r="A68289" s="1" t="s">
        <v>8763</v>
      </c>
      <c r="B68289" s="1" t="s">
        <v>222693</v>
      </c>
      <c r="C68289" s="1" t="s">
        <v>60</v>
      </c>
      <c r="D68289" s="1" t="s">
        <v>227614</v>
      </c>
      <c r="E68289" s="1" t="s">
        <v>227615</v>
      </c>
      <c r="F68289" s="1" t="s">
        <v>227616</v>
      </c>
      <c r="G68289" s="1" t="s">
        <v>227579</v>
      </c>
      <c r="H68289" s="1" t="s">
        <v>227580</v>
      </c>
      <c r="I68289" s="1" t="s">
        <v>222698</v>
      </c>
      <c r="J68289" s="1" t="s">
        <v>227617</v>
      </c>
    </row>
    <row r="68290" spans="1:10" x14ac:dyDescent="0.35">
      <c r="A68290" s="1" t="s">
        <v>8763</v>
      </c>
      <c r="B68290" s="1" t="s">
        <v>222693</v>
      </c>
      <c r="C68290" s="1" t="s">
        <v>65</v>
      </c>
      <c r="D68290" s="1" t="s">
        <v>227618</v>
      </c>
      <c r="E68290" s="1" t="s">
        <v>227619</v>
      </c>
      <c r="F68290" s="1" t="s">
        <v>227620</v>
      </c>
      <c r="G68290" s="1" t="s">
        <v>227579</v>
      </c>
      <c r="H68290" s="1" t="s">
        <v>227580</v>
      </c>
      <c r="I68290" s="1" t="s">
        <v>222698</v>
      </c>
      <c r="J68290" s="1" t="s">
        <v>227621</v>
      </c>
    </row>
    <row r="68291" spans="1:10" x14ac:dyDescent="0.35">
      <c r="A68291" s="1" t="s">
        <v>8763</v>
      </c>
      <c r="B68291" s="1" t="s">
        <v>222693</v>
      </c>
      <c r="C68291" s="1" t="s">
        <v>70</v>
      </c>
      <c r="D68291" s="1" t="s">
        <v>163015</v>
      </c>
      <c r="E68291" s="1" t="s">
        <v>227622</v>
      </c>
      <c r="F68291" s="1" t="s">
        <v>227623</v>
      </c>
      <c r="G68291" s="1" t="s">
        <v>227579</v>
      </c>
      <c r="H68291" s="1" t="s">
        <v>227580</v>
      </c>
      <c r="I68291" s="1" t="s">
        <v>222698</v>
      </c>
      <c r="J68291" s="1" t="s">
        <v>227624</v>
      </c>
    </row>
    <row r="68292" spans="1:10" x14ac:dyDescent="0.35">
      <c r="A68292" s="1" t="s">
        <v>8763</v>
      </c>
      <c r="B68292" s="1" t="s">
        <v>222693</v>
      </c>
      <c r="C68292" s="1" t="s">
        <v>75</v>
      </c>
      <c r="D68292" s="1" t="s">
        <v>19734</v>
      </c>
      <c r="E68292" s="1" t="s">
        <v>227625</v>
      </c>
      <c r="F68292" s="1" t="s">
        <v>227626</v>
      </c>
      <c r="G68292" s="1" t="s">
        <v>227579</v>
      </c>
      <c r="H68292" s="1" t="s">
        <v>227580</v>
      </c>
      <c r="I68292" s="1" t="s">
        <v>222698</v>
      </c>
      <c r="J68292" s="1" t="s">
        <v>227627</v>
      </c>
    </row>
    <row r="68293" spans="1:10" x14ac:dyDescent="0.35">
      <c r="A68293" s="1" t="s">
        <v>8763</v>
      </c>
      <c r="B68293" s="1" t="s">
        <v>222693</v>
      </c>
      <c r="C68293" s="1" t="s">
        <v>80</v>
      </c>
      <c r="D68293" s="1" t="s">
        <v>227628</v>
      </c>
      <c r="E68293" s="1" t="s">
        <v>227629</v>
      </c>
      <c r="F68293" s="1" t="s">
        <v>227630</v>
      </c>
      <c r="G68293" s="1" t="s">
        <v>227579</v>
      </c>
      <c r="H68293" s="1" t="s">
        <v>227580</v>
      </c>
      <c r="I68293" s="1" t="s">
        <v>222698</v>
      </c>
      <c r="J68293" s="1" t="s">
        <v>227631</v>
      </c>
    </row>
    <row r="68294" spans="1:10" x14ac:dyDescent="0.35">
      <c r="A68294" s="1" t="s">
        <v>8763</v>
      </c>
      <c r="B68294" s="1" t="s">
        <v>222693</v>
      </c>
      <c r="C68294" s="1" t="s">
        <v>85</v>
      </c>
      <c r="D68294" s="1" t="s">
        <v>227632</v>
      </c>
      <c r="E68294" s="1" t="s">
        <v>227633</v>
      </c>
      <c r="F68294" s="1" t="s">
        <v>227634</v>
      </c>
      <c r="G68294" s="1" t="s">
        <v>227579</v>
      </c>
      <c r="H68294" s="1" t="s">
        <v>227580</v>
      </c>
      <c r="I68294" s="1" t="s">
        <v>222698</v>
      </c>
      <c r="J68294" s="1" t="s">
        <v>227635</v>
      </c>
    </row>
    <row r="68295" spans="1:10" x14ac:dyDescent="0.35">
      <c r="A68295" s="1" t="s">
        <v>8763</v>
      </c>
      <c r="B68295" s="1" t="s">
        <v>222693</v>
      </c>
      <c r="C68295" s="1" t="s">
        <v>90</v>
      </c>
      <c r="D68295" s="1" t="s">
        <v>227636</v>
      </c>
      <c r="E68295" s="1" t="s">
        <v>227637</v>
      </c>
      <c r="F68295" s="1" t="s">
        <v>227638</v>
      </c>
      <c r="G68295" s="1" t="s">
        <v>227579</v>
      </c>
      <c r="H68295" s="1" t="s">
        <v>227580</v>
      </c>
      <c r="I68295" s="1" t="s">
        <v>222698</v>
      </c>
      <c r="J68295" s="1" t="s">
        <v>227639</v>
      </c>
    </row>
    <row r="68296" spans="1:10" x14ac:dyDescent="0.35">
      <c r="A68296" s="1" t="s">
        <v>8763</v>
      </c>
      <c r="B68296" s="1" t="s">
        <v>222693</v>
      </c>
      <c r="C68296" s="1" t="s">
        <v>95</v>
      </c>
      <c r="D68296" s="1" t="s">
        <v>227640</v>
      </c>
      <c r="E68296" s="1" t="s">
        <v>227641</v>
      </c>
      <c r="F68296" s="1" t="s">
        <v>227642</v>
      </c>
      <c r="G68296" s="1" t="s">
        <v>227579</v>
      </c>
      <c r="H68296" s="1" t="s">
        <v>227580</v>
      </c>
      <c r="I68296" s="1" t="s">
        <v>222698</v>
      </c>
      <c r="J68296" s="1" t="s">
        <v>227643</v>
      </c>
    </row>
    <row r="68297" spans="1:10" x14ac:dyDescent="0.35">
      <c r="A68297" s="1" t="s">
        <v>8763</v>
      </c>
      <c r="B68297" s="1" t="s">
        <v>222693</v>
      </c>
      <c r="C68297" s="1" t="s">
        <v>100</v>
      </c>
      <c r="D68297" s="1" t="s">
        <v>227644</v>
      </c>
      <c r="E68297" s="1" t="s">
        <v>227645</v>
      </c>
      <c r="F68297" s="1" t="s">
        <v>227646</v>
      </c>
      <c r="G68297" s="1" t="s">
        <v>227579</v>
      </c>
      <c r="H68297" s="1" t="s">
        <v>227580</v>
      </c>
      <c r="I68297" s="1" t="s">
        <v>222698</v>
      </c>
      <c r="J68297" s="1" t="s">
        <v>227647</v>
      </c>
    </row>
    <row r="68298" spans="1:10" x14ac:dyDescent="0.35">
      <c r="A68298" s="1" t="s">
        <v>8763</v>
      </c>
      <c r="B68298" s="1" t="s">
        <v>222693</v>
      </c>
      <c r="C68298" s="1" t="s">
        <v>105</v>
      </c>
      <c r="D68298" s="1" t="s">
        <v>227648</v>
      </c>
      <c r="E68298" s="1" t="s">
        <v>227649</v>
      </c>
      <c r="F68298" s="1" t="s">
        <v>227650</v>
      </c>
      <c r="G68298" s="1" t="s">
        <v>227579</v>
      </c>
      <c r="H68298" s="1" t="s">
        <v>227580</v>
      </c>
      <c r="I68298" s="1" t="s">
        <v>222698</v>
      </c>
      <c r="J68298" s="1" t="s">
        <v>227651</v>
      </c>
    </row>
    <row r="68299" spans="1:10" x14ac:dyDescent="0.35">
      <c r="A68299" s="1" t="s">
        <v>8763</v>
      </c>
      <c r="B68299" s="1" t="s">
        <v>222693</v>
      </c>
      <c r="C68299" s="1" t="s">
        <v>110</v>
      </c>
      <c r="D68299" s="1" t="s">
        <v>227652</v>
      </c>
      <c r="E68299" s="1" t="s">
        <v>227653</v>
      </c>
      <c r="F68299" s="1" t="s">
        <v>227654</v>
      </c>
      <c r="G68299" s="1" t="s">
        <v>227579</v>
      </c>
      <c r="H68299" s="1" t="s">
        <v>227580</v>
      </c>
      <c r="I68299" s="1" t="s">
        <v>222698</v>
      </c>
      <c r="J68299" s="1" t="s">
        <v>227655</v>
      </c>
    </row>
    <row r="68300" spans="1:10" x14ac:dyDescent="0.35">
      <c r="A68300" s="1" t="s">
        <v>8763</v>
      </c>
      <c r="B68300" s="1" t="s">
        <v>222693</v>
      </c>
      <c r="C68300" s="1" t="s">
        <v>115</v>
      </c>
      <c r="D68300" s="1" t="s">
        <v>227656</v>
      </c>
      <c r="E68300" s="1" t="s">
        <v>227657</v>
      </c>
      <c r="F68300" s="1" t="s">
        <v>227658</v>
      </c>
      <c r="G68300" s="1" t="s">
        <v>227579</v>
      </c>
      <c r="H68300" s="1" t="s">
        <v>227580</v>
      </c>
      <c r="I68300" s="1" t="s">
        <v>222698</v>
      </c>
      <c r="J68300" s="1" t="s">
        <v>227659</v>
      </c>
    </row>
    <row r="68301" spans="1:10" x14ac:dyDescent="0.35">
      <c r="A68301" s="1" t="s">
        <v>8763</v>
      </c>
      <c r="B68301" s="1" t="s">
        <v>222693</v>
      </c>
      <c r="C68301" s="1" t="s">
        <v>120</v>
      </c>
      <c r="D68301" s="1" t="s">
        <v>227660</v>
      </c>
      <c r="E68301" s="1" t="s">
        <v>227661</v>
      </c>
      <c r="F68301" s="1" t="s">
        <v>227662</v>
      </c>
      <c r="G68301" s="1" t="s">
        <v>227579</v>
      </c>
      <c r="H68301" s="1" t="s">
        <v>227580</v>
      </c>
      <c r="I68301" s="1" t="s">
        <v>222698</v>
      </c>
      <c r="J68301" s="1" t="s">
        <v>227663</v>
      </c>
    </row>
    <row r="68302" spans="1:10" x14ac:dyDescent="0.35">
      <c r="A68302" s="1" t="s">
        <v>8763</v>
      </c>
      <c r="B68302" s="1" t="s">
        <v>222693</v>
      </c>
      <c r="C68302" s="1" t="s">
        <v>125</v>
      </c>
      <c r="D68302" s="1" t="s">
        <v>227664</v>
      </c>
      <c r="E68302" s="1" t="s">
        <v>227665</v>
      </c>
      <c r="F68302" s="1" t="s">
        <v>227666</v>
      </c>
      <c r="G68302" s="1" t="s">
        <v>227579</v>
      </c>
      <c r="H68302" s="1" t="s">
        <v>227580</v>
      </c>
      <c r="I68302" s="1" t="s">
        <v>222698</v>
      </c>
      <c r="J68302" s="1" t="s">
        <v>227667</v>
      </c>
    </row>
    <row r="68303" spans="1:10" x14ac:dyDescent="0.35">
      <c r="A68303" s="1" t="s">
        <v>8763</v>
      </c>
      <c r="B68303" s="1" t="s">
        <v>222693</v>
      </c>
      <c r="C68303" s="1" t="s">
        <v>130</v>
      </c>
      <c r="D68303" s="1" t="s">
        <v>227668</v>
      </c>
      <c r="E68303" s="1" t="s">
        <v>227669</v>
      </c>
      <c r="F68303" s="1" t="s">
        <v>227670</v>
      </c>
      <c r="G68303" s="1" t="s">
        <v>227579</v>
      </c>
      <c r="H68303" s="1" t="s">
        <v>227580</v>
      </c>
      <c r="I68303" s="1" t="s">
        <v>222698</v>
      </c>
      <c r="J68303" s="1" t="s">
        <v>227671</v>
      </c>
    </row>
    <row r="68304" spans="1:10" x14ac:dyDescent="0.35">
      <c r="A68304" s="1" t="s">
        <v>8763</v>
      </c>
      <c r="B68304" s="1" t="s">
        <v>222693</v>
      </c>
      <c r="C68304" s="1" t="s">
        <v>135</v>
      </c>
      <c r="D68304" s="1" t="s">
        <v>227672</v>
      </c>
      <c r="E68304" s="1" t="s">
        <v>227673</v>
      </c>
      <c r="F68304" s="1" t="s">
        <v>227674</v>
      </c>
      <c r="G68304" s="1" t="s">
        <v>227579</v>
      </c>
      <c r="H68304" s="1" t="s">
        <v>227580</v>
      </c>
      <c r="I68304" s="1" t="s">
        <v>222698</v>
      </c>
      <c r="J68304" s="1" t="s">
        <v>227675</v>
      </c>
    </row>
    <row r="68305" spans="1:10" x14ac:dyDescent="0.35">
      <c r="A68305" s="1" t="s">
        <v>8763</v>
      </c>
      <c r="B68305" s="1" t="s">
        <v>222693</v>
      </c>
      <c r="C68305" s="1" t="s">
        <v>140</v>
      </c>
      <c r="D68305" s="1" t="s">
        <v>103896</v>
      </c>
      <c r="E68305" s="1" t="s">
        <v>227676</v>
      </c>
      <c r="F68305" s="1" t="s">
        <v>227677</v>
      </c>
      <c r="G68305" s="1" t="s">
        <v>227579</v>
      </c>
      <c r="H68305" s="1" t="s">
        <v>227580</v>
      </c>
      <c r="I68305" s="1" t="s">
        <v>222698</v>
      </c>
      <c r="J68305" s="1" t="s">
        <v>227678</v>
      </c>
    </row>
    <row r="68306" spans="1:10" x14ac:dyDescent="0.35">
      <c r="A68306" s="1" t="s">
        <v>8763</v>
      </c>
      <c r="B68306" s="1" t="s">
        <v>222693</v>
      </c>
      <c r="C68306" s="1" t="s">
        <v>145</v>
      </c>
      <c r="D68306" s="1" t="s">
        <v>227679</v>
      </c>
      <c r="E68306" s="1" t="s">
        <v>227680</v>
      </c>
      <c r="F68306" s="1" t="s">
        <v>227681</v>
      </c>
      <c r="G68306" s="1" t="s">
        <v>227579</v>
      </c>
      <c r="H68306" s="1" t="s">
        <v>227580</v>
      </c>
      <c r="I68306" s="1" t="s">
        <v>222698</v>
      </c>
      <c r="J68306" s="1" t="s">
        <v>227682</v>
      </c>
    </row>
    <row r="68307" spans="1:10" x14ac:dyDescent="0.35">
      <c r="A68307" s="1" t="s">
        <v>8763</v>
      </c>
      <c r="B68307" s="1" t="s">
        <v>222693</v>
      </c>
      <c r="C68307" s="1" t="s">
        <v>150</v>
      </c>
      <c r="D68307" s="1" t="s">
        <v>227683</v>
      </c>
      <c r="E68307" s="1" t="s">
        <v>227684</v>
      </c>
      <c r="F68307" s="1" t="s">
        <v>227685</v>
      </c>
      <c r="G68307" s="1" t="s">
        <v>227579</v>
      </c>
      <c r="H68307" s="1" t="s">
        <v>227580</v>
      </c>
      <c r="I68307" s="1" t="s">
        <v>222698</v>
      </c>
      <c r="J68307" s="1" t="s">
        <v>227686</v>
      </c>
    </row>
    <row r="68308" spans="1:10" x14ac:dyDescent="0.35">
      <c r="A68308" s="1" t="s">
        <v>8763</v>
      </c>
      <c r="B68308" s="1" t="s">
        <v>222693</v>
      </c>
      <c r="C68308" s="1" t="s">
        <v>155</v>
      </c>
      <c r="D68308" s="1" t="s">
        <v>227687</v>
      </c>
      <c r="E68308" s="1" t="s">
        <v>227688</v>
      </c>
      <c r="F68308" s="1" t="s">
        <v>227689</v>
      </c>
      <c r="G68308" s="1" t="s">
        <v>227579</v>
      </c>
      <c r="H68308" s="1" t="s">
        <v>227580</v>
      </c>
      <c r="I68308" s="1" t="s">
        <v>222698</v>
      </c>
      <c r="J68308" s="1" t="s">
        <v>227690</v>
      </c>
    </row>
    <row r="68309" spans="1:10" x14ac:dyDescent="0.35">
      <c r="A68309" s="1" t="s">
        <v>8763</v>
      </c>
      <c r="B68309" s="1" t="s">
        <v>222693</v>
      </c>
      <c r="C68309" s="1" t="s">
        <v>160</v>
      </c>
      <c r="D68309" s="1" t="s">
        <v>227691</v>
      </c>
      <c r="E68309" s="1" t="s">
        <v>227692</v>
      </c>
      <c r="F68309" s="1" t="s">
        <v>227693</v>
      </c>
      <c r="G68309" s="1" t="s">
        <v>227579</v>
      </c>
      <c r="H68309" s="1" t="s">
        <v>227580</v>
      </c>
      <c r="I68309" s="1" t="s">
        <v>222698</v>
      </c>
      <c r="J68309" s="1" t="s">
        <v>227694</v>
      </c>
    </row>
    <row r="68310" spans="1:10" x14ac:dyDescent="0.35">
      <c r="A68310" s="1" t="s">
        <v>8763</v>
      </c>
      <c r="B68310" s="1" t="s">
        <v>222693</v>
      </c>
      <c r="C68310" s="1" t="s">
        <v>165</v>
      </c>
      <c r="D68310" s="1" t="s">
        <v>227695</v>
      </c>
      <c r="E68310" s="1" t="s">
        <v>227696</v>
      </c>
      <c r="F68310" s="1" t="s">
        <v>227697</v>
      </c>
      <c r="G68310" s="1" t="s">
        <v>227579</v>
      </c>
      <c r="H68310" s="1" t="s">
        <v>227580</v>
      </c>
      <c r="I68310" s="1" t="s">
        <v>222698</v>
      </c>
      <c r="J68310" s="1" t="s">
        <v>227698</v>
      </c>
    </row>
    <row r="68311" spans="1:10" x14ac:dyDescent="0.35">
      <c r="A68311" s="1" t="s">
        <v>8763</v>
      </c>
      <c r="B68311" s="1" t="s">
        <v>222693</v>
      </c>
      <c r="C68311" s="1" t="s">
        <v>170</v>
      </c>
      <c r="D68311" s="1" t="s">
        <v>227699</v>
      </c>
      <c r="E68311" s="1" t="s">
        <v>227700</v>
      </c>
      <c r="F68311" s="1" t="s">
        <v>227701</v>
      </c>
      <c r="G68311" s="1" t="s">
        <v>227579</v>
      </c>
      <c r="H68311" s="1" t="s">
        <v>227580</v>
      </c>
      <c r="I68311" s="1" t="s">
        <v>222698</v>
      </c>
      <c r="J68311" s="1" t="s">
        <v>227702</v>
      </c>
    </row>
    <row r="68312" spans="1:10" x14ac:dyDescent="0.35">
      <c r="A68312" s="1" t="s">
        <v>2059</v>
      </c>
      <c r="B68312" s="1" t="s">
        <v>222693</v>
      </c>
      <c r="C68312" s="1" t="s">
        <v>8</v>
      </c>
      <c r="D68312" s="1" t="s">
        <v>113998</v>
      </c>
      <c r="E68312" s="1" t="s">
        <v>227703</v>
      </c>
      <c r="F68312" s="1" t="s">
        <v>227704</v>
      </c>
      <c r="G68312" s="1" t="s">
        <v>227705</v>
      </c>
      <c r="H68312" s="1" t="s">
        <v>227706</v>
      </c>
      <c r="I68312" s="1" t="s">
        <v>222698</v>
      </c>
      <c r="J68312" s="1" t="s">
        <v>13</v>
      </c>
    </row>
    <row r="68313" spans="1:10" x14ac:dyDescent="0.35">
      <c r="A68313" s="1" t="s">
        <v>2059</v>
      </c>
      <c r="B68313" s="1" t="s">
        <v>222693</v>
      </c>
      <c r="C68313" s="1" t="s">
        <v>15</v>
      </c>
      <c r="D68313" s="1" t="s">
        <v>80202</v>
      </c>
      <c r="E68313" s="1" t="s">
        <v>227707</v>
      </c>
      <c r="F68313" s="1" t="s">
        <v>227708</v>
      </c>
      <c r="G68313" s="1" t="s">
        <v>227705</v>
      </c>
      <c r="H68313" s="1" t="s">
        <v>227706</v>
      </c>
      <c r="I68313" s="1" t="s">
        <v>222698</v>
      </c>
      <c r="J68313" s="1" t="s">
        <v>227709</v>
      </c>
    </row>
    <row r="68314" spans="1:10" x14ac:dyDescent="0.35">
      <c r="A68314" s="1" t="s">
        <v>2059</v>
      </c>
      <c r="B68314" s="1" t="s">
        <v>222693</v>
      </c>
      <c r="C68314" s="1" t="s">
        <v>20</v>
      </c>
      <c r="D68314" s="1" t="s">
        <v>101938</v>
      </c>
      <c r="E68314" s="1" t="s">
        <v>227710</v>
      </c>
      <c r="F68314" s="1" t="s">
        <v>227711</v>
      </c>
      <c r="G68314" s="1" t="s">
        <v>227705</v>
      </c>
      <c r="H68314" s="1" t="s">
        <v>227706</v>
      </c>
      <c r="I68314" s="1" t="s">
        <v>222698</v>
      </c>
      <c r="J68314" s="1" t="s">
        <v>227712</v>
      </c>
    </row>
    <row r="68315" spans="1:10" x14ac:dyDescent="0.35">
      <c r="A68315" s="1" t="s">
        <v>2059</v>
      </c>
      <c r="B68315" s="1" t="s">
        <v>222693</v>
      </c>
      <c r="C68315" s="1" t="s">
        <v>25</v>
      </c>
      <c r="D68315" s="1" t="s">
        <v>227713</v>
      </c>
      <c r="E68315" s="1" t="s">
        <v>227714</v>
      </c>
      <c r="F68315" s="1" t="s">
        <v>227715</v>
      </c>
      <c r="G68315" s="1" t="s">
        <v>227705</v>
      </c>
      <c r="H68315" s="1" t="s">
        <v>227706</v>
      </c>
      <c r="I68315" s="1" t="s">
        <v>222698</v>
      </c>
      <c r="J68315" s="1" t="s">
        <v>227716</v>
      </c>
    </row>
    <row r="68316" spans="1:10" x14ac:dyDescent="0.35">
      <c r="A68316" s="1" t="s">
        <v>2059</v>
      </c>
      <c r="B68316" s="1" t="s">
        <v>222693</v>
      </c>
      <c r="C68316" s="1" t="s">
        <v>30</v>
      </c>
      <c r="D68316" s="1" t="s">
        <v>87518</v>
      </c>
      <c r="E68316" s="1" t="s">
        <v>227717</v>
      </c>
      <c r="F68316" s="1" t="s">
        <v>227718</v>
      </c>
      <c r="G68316" s="1" t="s">
        <v>227705</v>
      </c>
      <c r="H68316" s="1" t="s">
        <v>227706</v>
      </c>
      <c r="I68316" s="1" t="s">
        <v>222698</v>
      </c>
      <c r="J68316" s="1" t="s">
        <v>227719</v>
      </c>
    </row>
    <row r="68317" spans="1:10" x14ac:dyDescent="0.35">
      <c r="A68317" s="1" t="s">
        <v>2059</v>
      </c>
      <c r="B68317" s="1" t="s">
        <v>222693</v>
      </c>
      <c r="C68317" s="1" t="s">
        <v>35</v>
      </c>
      <c r="D68317" s="1" t="s">
        <v>227720</v>
      </c>
      <c r="E68317" s="1" t="s">
        <v>227721</v>
      </c>
      <c r="F68317" s="1" t="s">
        <v>227722</v>
      </c>
      <c r="G68317" s="1" t="s">
        <v>227705</v>
      </c>
      <c r="H68317" s="1" t="s">
        <v>227706</v>
      </c>
      <c r="I68317" s="1" t="s">
        <v>222698</v>
      </c>
      <c r="J68317" s="1" t="s">
        <v>227723</v>
      </c>
    </row>
    <row r="68318" spans="1:10" x14ac:dyDescent="0.35">
      <c r="A68318" s="1" t="s">
        <v>2059</v>
      </c>
      <c r="B68318" s="1" t="s">
        <v>222693</v>
      </c>
      <c r="C68318" s="1" t="s">
        <v>40</v>
      </c>
      <c r="D68318" s="1" t="s">
        <v>39245</v>
      </c>
      <c r="E68318" s="1" t="s">
        <v>227724</v>
      </c>
      <c r="F68318" s="1" t="s">
        <v>227725</v>
      </c>
      <c r="G68318" s="1" t="s">
        <v>227705</v>
      </c>
      <c r="H68318" s="1" t="s">
        <v>227706</v>
      </c>
      <c r="I68318" s="1" t="s">
        <v>222698</v>
      </c>
      <c r="J68318" s="1" t="s">
        <v>227726</v>
      </c>
    </row>
    <row r="68319" spans="1:10" x14ac:dyDescent="0.35">
      <c r="A68319" s="1" t="s">
        <v>2059</v>
      </c>
      <c r="B68319" s="1" t="s">
        <v>222693</v>
      </c>
      <c r="C68319" s="1" t="s">
        <v>45</v>
      </c>
      <c r="D68319" s="1" t="s">
        <v>68995</v>
      </c>
      <c r="E68319" s="1" t="s">
        <v>227727</v>
      </c>
      <c r="F68319" s="1" t="s">
        <v>227728</v>
      </c>
      <c r="G68319" s="1" t="s">
        <v>227705</v>
      </c>
      <c r="H68319" s="1" t="s">
        <v>227706</v>
      </c>
      <c r="I68319" s="1" t="s">
        <v>222698</v>
      </c>
      <c r="J68319" s="1" t="s">
        <v>227729</v>
      </c>
    </row>
    <row r="68320" spans="1:10" x14ac:dyDescent="0.35">
      <c r="A68320" s="1" t="s">
        <v>2059</v>
      </c>
      <c r="B68320" s="1" t="s">
        <v>222693</v>
      </c>
      <c r="C68320" s="1" t="s">
        <v>50</v>
      </c>
      <c r="D68320" s="1" t="s">
        <v>227730</v>
      </c>
      <c r="E68320" s="1" t="s">
        <v>227731</v>
      </c>
      <c r="F68320" s="1" t="s">
        <v>227732</v>
      </c>
      <c r="G68320" s="1" t="s">
        <v>227705</v>
      </c>
      <c r="H68320" s="1" t="s">
        <v>227706</v>
      </c>
      <c r="I68320" s="1" t="s">
        <v>222698</v>
      </c>
      <c r="J68320" s="1" t="s">
        <v>227733</v>
      </c>
    </row>
    <row r="68321" spans="1:10" x14ac:dyDescent="0.35">
      <c r="A68321" s="1" t="s">
        <v>2059</v>
      </c>
      <c r="B68321" s="1" t="s">
        <v>222693</v>
      </c>
      <c r="C68321" s="1" t="s">
        <v>55</v>
      </c>
      <c r="D68321" s="1" t="s">
        <v>227734</v>
      </c>
      <c r="E68321" s="1" t="s">
        <v>227735</v>
      </c>
      <c r="F68321" s="1" t="s">
        <v>227736</v>
      </c>
      <c r="G68321" s="1" t="s">
        <v>227705</v>
      </c>
      <c r="H68321" s="1" t="s">
        <v>227706</v>
      </c>
      <c r="I68321" s="1" t="s">
        <v>222698</v>
      </c>
      <c r="J68321" s="1" t="s">
        <v>227737</v>
      </c>
    </row>
    <row r="68322" spans="1:10" x14ac:dyDescent="0.35">
      <c r="A68322" s="1" t="s">
        <v>2059</v>
      </c>
      <c r="B68322" s="1" t="s">
        <v>222693</v>
      </c>
      <c r="C68322" s="1" t="s">
        <v>60</v>
      </c>
      <c r="D68322" s="1" t="s">
        <v>131923</v>
      </c>
      <c r="E68322" s="1" t="s">
        <v>227738</v>
      </c>
      <c r="F68322" s="1" t="s">
        <v>227739</v>
      </c>
      <c r="G68322" s="1" t="s">
        <v>227705</v>
      </c>
      <c r="H68322" s="1" t="s">
        <v>227706</v>
      </c>
      <c r="I68322" s="1" t="s">
        <v>222698</v>
      </c>
      <c r="J68322" s="1" t="s">
        <v>227740</v>
      </c>
    </row>
    <row r="68323" spans="1:10" x14ac:dyDescent="0.35">
      <c r="A68323" s="1" t="s">
        <v>2059</v>
      </c>
      <c r="B68323" s="1" t="s">
        <v>222693</v>
      </c>
      <c r="C68323" s="1" t="s">
        <v>65</v>
      </c>
      <c r="D68323" s="1" t="s">
        <v>41771</v>
      </c>
      <c r="E68323" s="1" t="s">
        <v>227741</v>
      </c>
      <c r="F68323" s="1" t="s">
        <v>227742</v>
      </c>
      <c r="G68323" s="1" t="s">
        <v>227705</v>
      </c>
      <c r="H68323" s="1" t="s">
        <v>227706</v>
      </c>
      <c r="I68323" s="1" t="s">
        <v>222698</v>
      </c>
      <c r="J68323" s="1" t="s">
        <v>227743</v>
      </c>
    </row>
    <row r="68324" spans="1:10" x14ac:dyDescent="0.35">
      <c r="A68324" s="1" t="s">
        <v>2059</v>
      </c>
      <c r="B68324" s="1" t="s">
        <v>222693</v>
      </c>
      <c r="C68324" s="1" t="s">
        <v>70</v>
      </c>
      <c r="D68324" s="1" t="s">
        <v>227744</v>
      </c>
      <c r="E68324" s="1" t="s">
        <v>227745</v>
      </c>
      <c r="F68324" s="1" t="s">
        <v>227746</v>
      </c>
      <c r="G68324" s="1" t="s">
        <v>227705</v>
      </c>
      <c r="H68324" s="1" t="s">
        <v>227706</v>
      </c>
      <c r="I68324" s="1" t="s">
        <v>222698</v>
      </c>
      <c r="J68324" s="1" t="s">
        <v>227747</v>
      </c>
    </row>
    <row r="68325" spans="1:10" x14ac:dyDescent="0.35">
      <c r="A68325" s="1" t="s">
        <v>2059</v>
      </c>
      <c r="B68325" s="1" t="s">
        <v>222693</v>
      </c>
      <c r="C68325" s="1" t="s">
        <v>75</v>
      </c>
      <c r="D68325" s="1" t="s">
        <v>21458</v>
      </c>
      <c r="E68325" s="1" t="s">
        <v>227748</v>
      </c>
      <c r="F68325" s="1" t="s">
        <v>227749</v>
      </c>
      <c r="G68325" s="1" t="s">
        <v>227705</v>
      </c>
      <c r="H68325" s="1" t="s">
        <v>227706</v>
      </c>
      <c r="I68325" s="1" t="s">
        <v>222698</v>
      </c>
      <c r="J68325" s="1" t="s">
        <v>227750</v>
      </c>
    </row>
    <row r="68326" spans="1:10" x14ac:dyDescent="0.35">
      <c r="A68326" s="1" t="s">
        <v>2059</v>
      </c>
      <c r="B68326" s="1" t="s">
        <v>222693</v>
      </c>
      <c r="C68326" s="1" t="s">
        <v>80</v>
      </c>
      <c r="D68326" s="1" t="s">
        <v>227751</v>
      </c>
      <c r="E68326" s="1" t="s">
        <v>227752</v>
      </c>
      <c r="F68326" s="1" t="s">
        <v>227753</v>
      </c>
      <c r="G68326" s="1" t="s">
        <v>227705</v>
      </c>
      <c r="H68326" s="1" t="s">
        <v>227706</v>
      </c>
      <c r="I68326" s="1" t="s">
        <v>222698</v>
      </c>
      <c r="J68326" s="1" t="s">
        <v>227754</v>
      </c>
    </row>
    <row r="68327" spans="1:10" x14ac:dyDescent="0.35">
      <c r="A68327" s="1" t="s">
        <v>2059</v>
      </c>
      <c r="B68327" s="1" t="s">
        <v>222693</v>
      </c>
      <c r="C68327" s="1" t="s">
        <v>85</v>
      </c>
      <c r="D68327" s="1" t="s">
        <v>227755</v>
      </c>
      <c r="E68327" s="1" t="s">
        <v>227756</v>
      </c>
      <c r="F68327" s="1" t="s">
        <v>227757</v>
      </c>
      <c r="G68327" s="1" t="s">
        <v>227705</v>
      </c>
      <c r="H68327" s="1" t="s">
        <v>227706</v>
      </c>
      <c r="I68327" s="1" t="s">
        <v>222698</v>
      </c>
      <c r="J68327" s="1" t="s">
        <v>227758</v>
      </c>
    </row>
    <row r="68328" spans="1:10" x14ac:dyDescent="0.35">
      <c r="A68328" s="1" t="s">
        <v>2059</v>
      </c>
      <c r="B68328" s="1" t="s">
        <v>222693</v>
      </c>
      <c r="C68328" s="1" t="s">
        <v>90</v>
      </c>
      <c r="D68328" s="1" t="s">
        <v>227759</v>
      </c>
      <c r="E68328" s="1" t="s">
        <v>227760</v>
      </c>
      <c r="F68328" s="1" t="s">
        <v>227761</v>
      </c>
      <c r="G68328" s="1" t="s">
        <v>227705</v>
      </c>
      <c r="H68328" s="1" t="s">
        <v>227706</v>
      </c>
      <c r="I68328" s="1" t="s">
        <v>222698</v>
      </c>
      <c r="J68328" s="1" t="s">
        <v>227762</v>
      </c>
    </row>
    <row r="68329" spans="1:10" x14ac:dyDescent="0.35">
      <c r="A68329" s="1" t="s">
        <v>2059</v>
      </c>
      <c r="B68329" s="1" t="s">
        <v>222693</v>
      </c>
      <c r="C68329" s="1" t="s">
        <v>95</v>
      </c>
      <c r="D68329" s="1" t="s">
        <v>23906</v>
      </c>
      <c r="E68329" s="1" t="s">
        <v>227763</v>
      </c>
      <c r="F68329" s="1" t="s">
        <v>227764</v>
      </c>
      <c r="G68329" s="1" t="s">
        <v>227705</v>
      </c>
      <c r="H68329" s="1" t="s">
        <v>227706</v>
      </c>
      <c r="I68329" s="1" t="s">
        <v>222698</v>
      </c>
      <c r="J68329" s="1" t="s">
        <v>227765</v>
      </c>
    </row>
    <row r="68330" spans="1:10" x14ac:dyDescent="0.35">
      <c r="A68330" s="1" t="s">
        <v>2059</v>
      </c>
      <c r="B68330" s="1" t="s">
        <v>222693</v>
      </c>
      <c r="C68330" s="1" t="s">
        <v>100</v>
      </c>
      <c r="D68330" s="1" t="s">
        <v>227766</v>
      </c>
      <c r="E68330" s="1" t="s">
        <v>227767</v>
      </c>
      <c r="F68330" s="1" t="s">
        <v>227768</v>
      </c>
      <c r="G68330" s="1" t="s">
        <v>227705</v>
      </c>
      <c r="H68330" s="1" t="s">
        <v>227706</v>
      </c>
      <c r="I68330" s="1" t="s">
        <v>222698</v>
      </c>
      <c r="J68330" s="1" t="s">
        <v>227769</v>
      </c>
    </row>
    <row r="68331" spans="1:10" x14ac:dyDescent="0.35">
      <c r="A68331" s="1" t="s">
        <v>2059</v>
      </c>
      <c r="B68331" s="1" t="s">
        <v>222693</v>
      </c>
      <c r="C68331" s="1" t="s">
        <v>105</v>
      </c>
      <c r="D68331" s="1" t="s">
        <v>227770</v>
      </c>
      <c r="E68331" s="1" t="s">
        <v>227771</v>
      </c>
      <c r="F68331" s="1" t="s">
        <v>227772</v>
      </c>
      <c r="G68331" s="1" t="s">
        <v>227705</v>
      </c>
      <c r="H68331" s="1" t="s">
        <v>227706</v>
      </c>
      <c r="I68331" s="1" t="s">
        <v>222698</v>
      </c>
      <c r="J68331" s="1" t="s">
        <v>227773</v>
      </c>
    </row>
    <row r="68332" spans="1:10" x14ac:dyDescent="0.35">
      <c r="A68332" s="1" t="s">
        <v>2059</v>
      </c>
      <c r="B68332" s="1" t="s">
        <v>222693</v>
      </c>
      <c r="C68332" s="1" t="s">
        <v>110</v>
      </c>
      <c r="D68332" s="1" t="s">
        <v>127703</v>
      </c>
      <c r="E68332" s="1" t="s">
        <v>227774</v>
      </c>
      <c r="F68332" s="1" t="s">
        <v>227775</v>
      </c>
      <c r="G68332" s="1" t="s">
        <v>227705</v>
      </c>
      <c r="H68332" s="1" t="s">
        <v>227706</v>
      </c>
      <c r="I68332" s="1" t="s">
        <v>222698</v>
      </c>
      <c r="J68332" s="1" t="s">
        <v>227776</v>
      </c>
    </row>
    <row r="68333" spans="1:10" x14ac:dyDescent="0.35">
      <c r="A68333" s="1" t="s">
        <v>2059</v>
      </c>
      <c r="B68333" s="1" t="s">
        <v>222693</v>
      </c>
      <c r="C68333" s="1" t="s">
        <v>115</v>
      </c>
      <c r="D68333" s="1" t="s">
        <v>227777</v>
      </c>
      <c r="E68333" s="1" t="s">
        <v>227778</v>
      </c>
      <c r="F68333" s="1" t="s">
        <v>227779</v>
      </c>
      <c r="G68333" s="1" t="s">
        <v>227705</v>
      </c>
      <c r="H68333" s="1" t="s">
        <v>227706</v>
      </c>
      <c r="I68333" s="1" t="s">
        <v>222698</v>
      </c>
      <c r="J68333" s="1" t="s">
        <v>227780</v>
      </c>
    </row>
    <row r="68334" spans="1:10" x14ac:dyDescent="0.35">
      <c r="A68334" s="1" t="s">
        <v>2059</v>
      </c>
      <c r="B68334" s="1" t="s">
        <v>222693</v>
      </c>
      <c r="C68334" s="1" t="s">
        <v>120</v>
      </c>
      <c r="D68334" s="1" t="s">
        <v>133672</v>
      </c>
      <c r="E68334" s="1" t="s">
        <v>227781</v>
      </c>
      <c r="F68334" s="1" t="s">
        <v>227782</v>
      </c>
      <c r="G68334" s="1" t="s">
        <v>227705</v>
      </c>
      <c r="H68334" s="1" t="s">
        <v>227706</v>
      </c>
      <c r="I68334" s="1" t="s">
        <v>222698</v>
      </c>
      <c r="J68334" s="1" t="s">
        <v>227783</v>
      </c>
    </row>
    <row r="68335" spans="1:10" x14ac:dyDescent="0.35">
      <c r="A68335" s="1" t="s">
        <v>2059</v>
      </c>
      <c r="B68335" s="1" t="s">
        <v>222693</v>
      </c>
      <c r="C68335" s="1" t="s">
        <v>125</v>
      </c>
      <c r="D68335" s="1" t="s">
        <v>227784</v>
      </c>
      <c r="E68335" s="1" t="s">
        <v>227785</v>
      </c>
      <c r="F68335" s="1" t="s">
        <v>227786</v>
      </c>
      <c r="G68335" s="1" t="s">
        <v>227705</v>
      </c>
      <c r="H68335" s="1" t="s">
        <v>227706</v>
      </c>
      <c r="I68335" s="1" t="s">
        <v>222698</v>
      </c>
      <c r="J68335" s="1" t="s">
        <v>227787</v>
      </c>
    </row>
    <row r="68336" spans="1:10" x14ac:dyDescent="0.35">
      <c r="A68336" s="1" t="s">
        <v>2059</v>
      </c>
      <c r="B68336" s="1" t="s">
        <v>222693</v>
      </c>
      <c r="C68336" s="1" t="s">
        <v>130</v>
      </c>
      <c r="D68336" s="1" t="s">
        <v>227788</v>
      </c>
      <c r="E68336" s="1" t="s">
        <v>227789</v>
      </c>
      <c r="F68336" s="1" t="s">
        <v>227790</v>
      </c>
      <c r="G68336" s="1" t="s">
        <v>227705</v>
      </c>
      <c r="H68336" s="1" t="s">
        <v>227706</v>
      </c>
      <c r="I68336" s="1" t="s">
        <v>222698</v>
      </c>
      <c r="J68336" s="1" t="s">
        <v>227791</v>
      </c>
    </row>
    <row r="68337" spans="1:10" x14ac:dyDescent="0.35">
      <c r="A68337" s="1" t="s">
        <v>2059</v>
      </c>
      <c r="B68337" s="1" t="s">
        <v>222693</v>
      </c>
      <c r="C68337" s="1" t="s">
        <v>135</v>
      </c>
      <c r="D68337" s="1" t="s">
        <v>227792</v>
      </c>
      <c r="E68337" s="1" t="s">
        <v>227793</v>
      </c>
      <c r="F68337" s="1" t="s">
        <v>227794</v>
      </c>
      <c r="G68337" s="1" t="s">
        <v>227705</v>
      </c>
      <c r="H68337" s="1" t="s">
        <v>227706</v>
      </c>
      <c r="I68337" s="1" t="s">
        <v>222698</v>
      </c>
      <c r="J68337" s="1" t="s">
        <v>227795</v>
      </c>
    </row>
    <row r="68338" spans="1:10" x14ac:dyDescent="0.35">
      <c r="A68338" s="1" t="s">
        <v>2059</v>
      </c>
      <c r="B68338" s="1" t="s">
        <v>222693</v>
      </c>
      <c r="C68338" s="1" t="s">
        <v>140</v>
      </c>
      <c r="D68338" s="1" t="s">
        <v>227796</v>
      </c>
      <c r="E68338" s="1" t="s">
        <v>227797</v>
      </c>
      <c r="F68338" s="1" t="s">
        <v>227798</v>
      </c>
      <c r="G68338" s="1" t="s">
        <v>227705</v>
      </c>
      <c r="H68338" s="1" t="s">
        <v>227706</v>
      </c>
      <c r="I68338" s="1" t="s">
        <v>222698</v>
      </c>
      <c r="J68338" s="1" t="s">
        <v>227799</v>
      </c>
    </row>
    <row r="68339" spans="1:10" x14ac:dyDescent="0.35">
      <c r="A68339" s="1" t="s">
        <v>2059</v>
      </c>
      <c r="B68339" s="1" t="s">
        <v>222693</v>
      </c>
      <c r="C68339" s="1" t="s">
        <v>145</v>
      </c>
      <c r="D68339" s="1" t="s">
        <v>227800</v>
      </c>
      <c r="E68339" s="1" t="s">
        <v>227801</v>
      </c>
      <c r="F68339" s="1" t="s">
        <v>227802</v>
      </c>
      <c r="G68339" s="1" t="s">
        <v>227705</v>
      </c>
      <c r="H68339" s="1" t="s">
        <v>227706</v>
      </c>
      <c r="I68339" s="1" t="s">
        <v>222698</v>
      </c>
      <c r="J68339" s="1" t="s">
        <v>227803</v>
      </c>
    </row>
    <row r="68340" spans="1:10" x14ac:dyDescent="0.35">
      <c r="A68340" s="1" t="s">
        <v>2059</v>
      </c>
      <c r="B68340" s="1" t="s">
        <v>222693</v>
      </c>
      <c r="C68340" s="1" t="s">
        <v>150</v>
      </c>
      <c r="D68340" s="1" t="s">
        <v>227804</v>
      </c>
      <c r="E68340" s="1" t="s">
        <v>227805</v>
      </c>
      <c r="F68340" s="1" t="s">
        <v>227806</v>
      </c>
      <c r="G68340" s="1" t="s">
        <v>227705</v>
      </c>
      <c r="H68340" s="1" t="s">
        <v>227706</v>
      </c>
      <c r="I68340" s="1" t="s">
        <v>222698</v>
      </c>
      <c r="J68340" s="1" t="s">
        <v>227807</v>
      </c>
    </row>
    <row r="68341" spans="1:10" x14ac:dyDescent="0.35">
      <c r="A68341" s="1" t="s">
        <v>2059</v>
      </c>
      <c r="B68341" s="1" t="s">
        <v>222693</v>
      </c>
      <c r="C68341" s="1" t="s">
        <v>155</v>
      </c>
      <c r="D68341" s="1" t="s">
        <v>227808</v>
      </c>
      <c r="E68341" s="1" t="s">
        <v>227809</v>
      </c>
      <c r="F68341" s="1" t="s">
        <v>227810</v>
      </c>
      <c r="G68341" s="1" t="s">
        <v>227705</v>
      </c>
      <c r="H68341" s="1" t="s">
        <v>227706</v>
      </c>
      <c r="I68341" s="1" t="s">
        <v>222698</v>
      </c>
      <c r="J68341" s="1" t="s">
        <v>227811</v>
      </c>
    </row>
    <row r="68342" spans="1:10" x14ac:dyDescent="0.35">
      <c r="A68342" s="1" t="s">
        <v>2059</v>
      </c>
      <c r="B68342" s="1" t="s">
        <v>222693</v>
      </c>
      <c r="C68342" s="1" t="s">
        <v>160</v>
      </c>
      <c r="D68342" s="1" t="s">
        <v>227812</v>
      </c>
      <c r="E68342" s="1" t="s">
        <v>227813</v>
      </c>
      <c r="F68342" s="1" t="s">
        <v>227814</v>
      </c>
      <c r="G68342" s="1" t="s">
        <v>227705</v>
      </c>
      <c r="H68342" s="1" t="s">
        <v>227706</v>
      </c>
      <c r="I68342" s="1" t="s">
        <v>222698</v>
      </c>
      <c r="J68342" s="1" t="s">
        <v>227815</v>
      </c>
    </row>
    <row r="68343" spans="1:10" x14ac:dyDescent="0.35">
      <c r="A68343" s="1" t="s">
        <v>2059</v>
      </c>
      <c r="B68343" s="1" t="s">
        <v>222693</v>
      </c>
      <c r="C68343" s="1" t="s">
        <v>165</v>
      </c>
      <c r="D68343" s="1" t="s">
        <v>227816</v>
      </c>
      <c r="E68343" s="1" t="s">
        <v>227817</v>
      </c>
      <c r="F68343" s="1" t="s">
        <v>227818</v>
      </c>
      <c r="G68343" s="1" t="s">
        <v>227705</v>
      </c>
      <c r="H68343" s="1" t="s">
        <v>227706</v>
      </c>
      <c r="I68343" s="1" t="s">
        <v>222698</v>
      </c>
      <c r="J68343" s="1" t="s">
        <v>227819</v>
      </c>
    </row>
    <row r="68344" spans="1:10" x14ac:dyDescent="0.35">
      <c r="A68344" s="1" t="s">
        <v>2059</v>
      </c>
      <c r="B68344" s="1" t="s">
        <v>222693</v>
      </c>
      <c r="C68344" s="1" t="s">
        <v>170</v>
      </c>
      <c r="D68344" s="1" t="s">
        <v>41067</v>
      </c>
      <c r="E68344" s="1" t="s">
        <v>227820</v>
      </c>
      <c r="F68344" s="1" t="s">
        <v>227821</v>
      </c>
      <c r="G68344" s="1" t="s">
        <v>227705</v>
      </c>
      <c r="H68344" s="1" t="s">
        <v>227706</v>
      </c>
      <c r="I68344" s="1" t="s">
        <v>222698</v>
      </c>
      <c r="J68344" s="1" t="s">
        <v>227822</v>
      </c>
    </row>
    <row r="68345" spans="1:10" x14ac:dyDescent="0.35">
      <c r="A68345" s="1" t="s">
        <v>320</v>
      </c>
      <c r="B68345" s="1" t="s">
        <v>222693</v>
      </c>
      <c r="C68345" s="1" t="s">
        <v>8</v>
      </c>
      <c r="D68345" s="1" t="s">
        <v>136905</v>
      </c>
      <c r="E68345" s="1" t="s">
        <v>227823</v>
      </c>
      <c r="F68345" s="1" t="s">
        <v>227824</v>
      </c>
      <c r="G68345" s="1" t="s">
        <v>227825</v>
      </c>
      <c r="H68345" s="1" t="s">
        <v>227826</v>
      </c>
      <c r="I68345" s="1" t="s">
        <v>222698</v>
      </c>
      <c r="J68345" s="1" t="s">
        <v>13</v>
      </c>
    </row>
    <row r="68346" spans="1:10" x14ac:dyDescent="0.35">
      <c r="A68346" s="1" t="s">
        <v>320</v>
      </c>
      <c r="B68346" s="1" t="s">
        <v>222693</v>
      </c>
      <c r="C68346" s="1" t="s">
        <v>15</v>
      </c>
      <c r="D68346" s="1" t="s">
        <v>227827</v>
      </c>
      <c r="E68346" s="1" t="s">
        <v>227828</v>
      </c>
      <c r="F68346" s="1" t="s">
        <v>227829</v>
      </c>
      <c r="G68346" s="1" t="s">
        <v>227825</v>
      </c>
      <c r="H68346" s="1" t="s">
        <v>227826</v>
      </c>
      <c r="I68346" s="1" t="s">
        <v>222698</v>
      </c>
      <c r="J68346" s="1" t="s">
        <v>227830</v>
      </c>
    </row>
    <row r="68347" spans="1:10" x14ac:dyDescent="0.35">
      <c r="A68347" s="1" t="s">
        <v>320</v>
      </c>
      <c r="B68347" s="1" t="s">
        <v>222693</v>
      </c>
      <c r="C68347" s="1" t="s">
        <v>20</v>
      </c>
      <c r="D68347" s="1" t="s">
        <v>227831</v>
      </c>
      <c r="E68347" s="1" t="s">
        <v>227832</v>
      </c>
      <c r="F68347" s="1" t="s">
        <v>227833</v>
      </c>
      <c r="G68347" s="1" t="s">
        <v>227825</v>
      </c>
      <c r="H68347" s="1" t="s">
        <v>227826</v>
      </c>
      <c r="I68347" s="1" t="s">
        <v>222698</v>
      </c>
      <c r="J68347" s="1" t="s">
        <v>227834</v>
      </c>
    </row>
    <row r="68348" spans="1:10" x14ac:dyDescent="0.35">
      <c r="A68348" s="1" t="s">
        <v>320</v>
      </c>
      <c r="B68348" s="1" t="s">
        <v>222693</v>
      </c>
      <c r="C68348" s="1" t="s">
        <v>25</v>
      </c>
      <c r="D68348" s="1" t="s">
        <v>180270</v>
      </c>
      <c r="E68348" s="1" t="s">
        <v>227835</v>
      </c>
      <c r="F68348" s="1" t="s">
        <v>227836</v>
      </c>
      <c r="G68348" s="1" t="s">
        <v>227825</v>
      </c>
      <c r="H68348" s="1" t="s">
        <v>227826</v>
      </c>
      <c r="I68348" s="1" t="s">
        <v>222698</v>
      </c>
      <c r="J68348" s="1" t="s">
        <v>227837</v>
      </c>
    </row>
    <row r="68349" spans="1:10" x14ac:dyDescent="0.35">
      <c r="A68349" s="1" t="s">
        <v>320</v>
      </c>
      <c r="B68349" s="1" t="s">
        <v>222693</v>
      </c>
      <c r="C68349" s="1" t="s">
        <v>30</v>
      </c>
      <c r="D68349" s="1" t="s">
        <v>227838</v>
      </c>
      <c r="E68349" s="1" t="s">
        <v>227839</v>
      </c>
      <c r="F68349" s="1" t="s">
        <v>227840</v>
      </c>
      <c r="G68349" s="1" t="s">
        <v>227825</v>
      </c>
      <c r="H68349" s="1" t="s">
        <v>227826</v>
      </c>
      <c r="I68349" s="1" t="s">
        <v>222698</v>
      </c>
      <c r="J68349" s="1" t="s">
        <v>227841</v>
      </c>
    </row>
    <row r="68350" spans="1:10" x14ac:dyDescent="0.35">
      <c r="A68350" s="1" t="s">
        <v>320</v>
      </c>
      <c r="B68350" s="1" t="s">
        <v>222693</v>
      </c>
      <c r="C68350" s="1" t="s">
        <v>35</v>
      </c>
      <c r="D68350" s="1" t="s">
        <v>90307</v>
      </c>
      <c r="E68350" s="1" t="s">
        <v>227842</v>
      </c>
      <c r="F68350" s="1" t="s">
        <v>227843</v>
      </c>
      <c r="G68350" s="1" t="s">
        <v>227825</v>
      </c>
      <c r="H68350" s="1" t="s">
        <v>227826</v>
      </c>
      <c r="I68350" s="1" t="s">
        <v>222698</v>
      </c>
      <c r="J68350" s="1" t="s">
        <v>227844</v>
      </c>
    </row>
    <row r="68351" spans="1:10" x14ac:dyDescent="0.35">
      <c r="A68351" s="1" t="s">
        <v>320</v>
      </c>
      <c r="B68351" s="1" t="s">
        <v>222693</v>
      </c>
      <c r="C68351" s="1" t="s">
        <v>40</v>
      </c>
      <c r="D68351" s="1" t="s">
        <v>24907</v>
      </c>
      <c r="E68351" s="1" t="s">
        <v>227845</v>
      </c>
      <c r="F68351" s="1" t="s">
        <v>227846</v>
      </c>
      <c r="G68351" s="1" t="s">
        <v>227825</v>
      </c>
      <c r="H68351" s="1" t="s">
        <v>227826</v>
      </c>
      <c r="I68351" s="1" t="s">
        <v>222698</v>
      </c>
      <c r="J68351" s="1" t="s">
        <v>227847</v>
      </c>
    </row>
    <row r="68352" spans="1:10" x14ac:dyDescent="0.35">
      <c r="A68352" s="1" t="s">
        <v>320</v>
      </c>
      <c r="B68352" s="1" t="s">
        <v>222693</v>
      </c>
      <c r="C68352" s="1" t="s">
        <v>45</v>
      </c>
      <c r="D68352" s="1" t="s">
        <v>77461</v>
      </c>
      <c r="E68352" s="1" t="s">
        <v>227848</v>
      </c>
      <c r="F68352" s="1" t="s">
        <v>227849</v>
      </c>
      <c r="G68352" s="1" t="s">
        <v>227825</v>
      </c>
      <c r="H68352" s="1" t="s">
        <v>227826</v>
      </c>
      <c r="I68352" s="1" t="s">
        <v>222698</v>
      </c>
      <c r="J68352" s="1" t="s">
        <v>227850</v>
      </c>
    </row>
    <row r="68353" spans="1:10" x14ac:dyDescent="0.35">
      <c r="A68353" s="1" t="s">
        <v>320</v>
      </c>
      <c r="B68353" s="1" t="s">
        <v>222693</v>
      </c>
      <c r="C68353" s="1" t="s">
        <v>50</v>
      </c>
      <c r="D68353" s="1" t="s">
        <v>127201</v>
      </c>
      <c r="E68353" s="1" t="s">
        <v>227851</v>
      </c>
      <c r="F68353" s="1" t="s">
        <v>227852</v>
      </c>
      <c r="G68353" s="1" t="s">
        <v>227825</v>
      </c>
      <c r="H68353" s="1" t="s">
        <v>227826</v>
      </c>
      <c r="I68353" s="1" t="s">
        <v>222698</v>
      </c>
      <c r="J68353" s="1" t="s">
        <v>227853</v>
      </c>
    </row>
    <row r="68354" spans="1:10" x14ac:dyDescent="0.35">
      <c r="A68354" s="1" t="s">
        <v>320</v>
      </c>
      <c r="B68354" s="1" t="s">
        <v>222693</v>
      </c>
      <c r="C68354" s="1" t="s">
        <v>55</v>
      </c>
      <c r="D68354" s="1" t="s">
        <v>227854</v>
      </c>
      <c r="E68354" s="1" t="s">
        <v>227855</v>
      </c>
      <c r="F68354" s="1" t="s">
        <v>227856</v>
      </c>
      <c r="G68354" s="1" t="s">
        <v>227825</v>
      </c>
      <c r="H68354" s="1" t="s">
        <v>227826</v>
      </c>
      <c r="I68354" s="1" t="s">
        <v>222698</v>
      </c>
      <c r="J68354" s="1" t="s">
        <v>227857</v>
      </c>
    </row>
    <row r="68355" spans="1:10" x14ac:dyDescent="0.35">
      <c r="A68355" s="1" t="s">
        <v>320</v>
      </c>
      <c r="B68355" s="1" t="s">
        <v>222693</v>
      </c>
      <c r="C68355" s="1" t="s">
        <v>60</v>
      </c>
      <c r="D68355" s="1" t="s">
        <v>227858</v>
      </c>
      <c r="E68355" s="1" t="s">
        <v>227859</v>
      </c>
      <c r="F68355" s="1" t="s">
        <v>227860</v>
      </c>
      <c r="G68355" s="1" t="s">
        <v>227825</v>
      </c>
      <c r="H68355" s="1" t="s">
        <v>227826</v>
      </c>
      <c r="I68355" s="1" t="s">
        <v>222698</v>
      </c>
      <c r="J68355" s="1" t="s">
        <v>227861</v>
      </c>
    </row>
    <row r="68356" spans="1:10" x14ac:dyDescent="0.35">
      <c r="A68356" s="1" t="s">
        <v>320</v>
      </c>
      <c r="B68356" s="1" t="s">
        <v>222693</v>
      </c>
      <c r="C68356" s="1" t="s">
        <v>65</v>
      </c>
      <c r="D68356" s="1" t="s">
        <v>227862</v>
      </c>
      <c r="E68356" s="1" t="s">
        <v>227863</v>
      </c>
      <c r="F68356" s="1" t="s">
        <v>227864</v>
      </c>
      <c r="G68356" s="1" t="s">
        <v>227825</v>
      </c>
      <c r="H68356" s="1" t="s">
        <v>227826</v>
      </c>
      <c r="I68356" s="1" t="s">
        <v>222698</v>
      </c>
      <c r="J68356" s="1" t="s">
        <v>227865</v>
      </c>
    </row>
    <row r="68357" spans="1:10" x14ac:dyDescent="0.35">
      <c r="A68357" s="1" t="s">
        <v>320</v>
      </c>
      <c r="B68357" s="1" t="s">
        <v>222693</v>
      </c>
      <c r="C68357" s="1" t="s">
        <v>70</v>
      </c>
      <c r="D68357" s="1" t="s">
        <v>105858</v>
      </c>
      <c r="E68357" s="1" t="s">
        <v>227866</v>
      </c>
      <c r="F68357" s="1" t="s">
        <v>227867</v>
      </c>
      <c r="G68357" s="1" t="s">
        <v>227825</v>
      </c>
      <c r="H68357" s="1" t="s">
        <v>227826</v>
      </c>
      <c r="I68357" s="1" t="s">
        <v>222698</v>
      </c>
      <c r="J68357" s="1" t="s">
        <v>227868</v>
      </c>
    </row>
    <row r="68358" spans="1:10" x14ac:dyDescent="0.35">
      <c r="A68358" s="1" t="s">
        <v>320</v>
      </c>
      <c r="B68358" s="1" t="s">
        <v>222693</v>
      </c>
      <c r="C68358" s="1" t="s">
        <v>75</v>
      </c>
      <c r="D68358" s="1" t="s">
        <v>58424</v>
      </c>
      <c r="E68358" s="1" t="s">
        <v>227869</v>
      </c>
      <c r="F68358" s="1" t="s">
        <v>227870</v>
      </c>
      <c r="G68358" s="1" t="s">
        <v>227825</v>
      </c>
      <c r="H68358" s="1" t="s">
        <v>227826</v>
      </c>
      <c r="I68358" s="1" t="s">
        <v>222698</v>
      </c>
      <c r="J68358" s="1" t="s">
        <v>227871</v>
      </c>
    </row>
    <row r="68359" spans="1:10" x14ac:dyDescent="0.35">
      <c r="A68359" s="1" t="s">
        <v>320</v>
      </c>
      <c r="B68359" s="1" t="s">
        <v>222693</v>
      </c>
      <c r="C68359" s="1" t="s">
        <v>80</v>
      </c>
      <c r="D68359" s="1" t="s">
        <v>227872</v>
      </c>
      <c r="E68359" s="1" t="s">
        <v>227873</v>
      </c>
      <c r="F68359" s="1" t="s">
        <v>227874</v>
      </c>
      <c r="G68359" s="1" t="s">
        <v>227825</v>
      </c>
      <c r="H68359" s="1" t="s">
        <v>227826</v>
      </c>
      <c r="I68359" s="1" t="s">
        <v>222698</v>
      </c>
      <c r="J68359" s="1" t="s">
        <v>227875</v>
      </c>
    </row>
    <row r="68360" spans="1:10" x14ac:dyDescent="0.35">
      <c r="A68360" s="1" t="s">
        <v>320</v>
      </c>
      <c r="B68360" s="1" t="s">
        <v>222693</v>
      </c>
      <c r="C68360" s="1" t="s">
        <v>85</v>
      </c>
      <c r="D68360" s="1" t="s">
        <v>57295</v>
      </c>
      <c r="E68360" s="1" t="s">
        <v>227876</v>
      </c>
      <c r="F68360" s="1" t="s">
        <v>227877</v>
      </c>
      <c r="G68360" s="1" t="s">
        <v>227825</v>
      </c>
      <c r="H68360" s="1" t="s">
        <v>227826</v>
      </c>
      <c r="I68360" s="1" t="s">
        <v>222698</v>
      </c>
      <c r="J68360" s="1" t="s">
        <v>227878</v>
      </c>
    </row>
    <row r="68361" spans="1:10" x14ac:dyDescent="0.35">
      <c r="A68361" s="1" t="s">
        <v>320</v>
      </c>
      <c r="B68361" s="1" t="s">
        <v>222693</v>
      </c>
      <c r="C68361" s="1" t="s">
        <v>90</v>
      </c>
      <c r="D68361" s="1" t="s">
        <v>89310</v>
      </c>
      <c r="E68361" s="1" t="s">
        <v>227879</v>
      </c>
      <c r="F68361" s="1" t="s">
        <v>227880</v>
      </c>
      <c r="G68361" s="1" t="s">
        <v>227825</v>
      </c>
      <c r="H68361" s="1" t="s">
        <v>227826</v>
      </c>
      <c r="I68361" s="1" t="s">
        <v>222698</v>
      </c>
      <c r="J68361" s="1" t="s">
        <v>227881</v>
      </c>
    </row>
    <row r="68362" spans="1:10" x14ac:dyDescent="0.35">
      <c r="A68362" s="1" t="s">
        <v>320</v>
      </c>
      <c r="B68362" s="1" t="s">
        <v>222693</v>
      </c>
      <c r="C68362" s="1" t="s">
        <v>95</v>
      </c>
      <c r="D68362" s="1" t="s">
        <v>227882</v>
      </c>
      <c r="E68362" s="1" t="s">
        <v>227883</v>
      </c>
      <c r="F68362" s="1" t="s">
        <v>227884</v>
      </c>
      <c r="G68362" s="1" t="s">
        <v>227825</v>
      </c>
      <c r="H68362" s="1" t="s">
        <v>227826</v>
      </c>
      <c r="I68362" s="1" t="s">
        <v>222698</v>
      </c>
      <c r="J68362" s="1" t="s">
        <v>227885</v>
      </c>
    </row>
    <row r="68363" spans="1:10" x14ac:dyDescent="0.35">
      <c r="A68363" s="1" t="s">
        <v>320</v>
      </c>
      <c r="B68363" s="1" t="s">
        <v>222693</v>
      </c>
      <c r="C68363" s="1" t="s">
        <v>100</v>
      </c>
      <c r="D68363" s="1" t="s">
        <v>227886</v>
      </c>
      <c r="E68363" s="1" t="s">
        <v>227887</v>
      </c>
      <c r="F68363" s="1" t="s">
        <v>227888</v>
      </c>
      <c r="G68363" s="1" t="s">
        <v>227825</v>
      </c>
      <c r="H68363" s="1" t="s">
        <v>227826</v>
      </c>
      <c r="I68363" s="1" t="s">
        <v>222698</v>
      </c>
      <c r="J68363" s="1" t="s">
        <v>227889</v>
      </c>
    </row>
    <row r="68364" spans="1:10" x14ac:dyDescent="0.35">
      <c r="A68364" s="1" t="s">
        <v>320</v>
      </c>
      <c r="B68364" s="1" t="s">
        <v>222693</v>
      </c>
      <c r="C68364" s="1" t="s">
        <v>105</v>
      </c>
      <c r="D68364" s="1" t="s">
        <v>227890</v>
      </c>
      <c r="E68364" s="1" t="s">
        <v>227891</v>
      </c>
      <c r="F68364" s="1" t="s">
        <v>227892</v>
      </c>
      <c r="G68364" s="1" t="s">
        <v>227825</v>
      </c>
      <c r="H68364" s="1" t="s">
        <v>227826</v>
      </c>
      <c r="I68364" s="1" t="s">
        <v>222698</v>
      </c>
      <c r="J68364" s="1" t="s">
        <v>227893</v>
      </c>
    </row>
    <row r="68365" spans="1:10" x14ac:dyDescent="0.35">
      <c r="A68365" s="1" t="s">
        <v>320</v>
      </c>
      <c r="B68365" s="1" t="s">
        <v>222693</v>
      </c>
      <c r="C68365" s="1" t="s">
        <v>110</v>
      </c>
      <c r="D68365" s="1" t="s">
        <v>76315</v>
      </c>
      <c r="E68365" s="1" t="s">
        <v>227894</v>
      </c>
      <c r="F68365" s="1" t="s">
        <v>227895</v>
      </c>
      <c r="G68365" s="1" t="s">
        <v>227825</v>
      </c>
      <c r="H68365" s="1" t="s">
        <v>227826</v>
      </c>
      <c r="I68365" s="1" t="s">
        <v>222698</v>
      </c>
      <c r="J68365" s="1" t="s">
        <v>227896</v>
      </c>
    </row>
    <row r="68366" spans="1:10" x14ac:dyDescent="0.35">
      <c r="A68366" s="1" t="s">
        <v>320</v>
      </c>
      <c r="B68366" s="1" t="s">
        <v>222693</v>
      </c>
      <c r="C68366" s="1" t="s">
        <v>115</v>
      </c>
      <c r="D68366" s="1" t="s">
        <v>227897</v>
      </c>
      <c r="E68366" s="1" t="s">
        <v>227898</v>
      </c>
      <c r="F68366" s="1" t="s">
        <v>227899</v>
      </c>
      <c r="G68366" s="1" t="s">
        <v>227825</v>
      </c>
      <c r="H68366" s="1" t="s">
        <v>227826</v>
      </c>
      <c r="I68366" s="1" t="s">
        <v>222698</v>
      </c>
      <c r="J68366" s="1" t="s">
        <v>227900</v>
      </c>
    </row>
    <row r="68367" spans="1:10" x14ac:dyDescent="0.35">
      <c r="A68367" s="1" t="s">
        <v>320</v>
      </c>
      <c r="B68367" s="1" t="s">
        <v>222693</v>
      </c>
      <c r="C68367" s="1" t="s">
        <v>120</v>
      </c>
      <c r="D68367" s="1" t="s">
        <v>227901</v>
      </c>
      <c r="E68367" s="1" t="s">
        <v>227902</v>
      </c>
      <c r="F68367" s="1" t="s">
        <v>227903</v>
      </c>
      <c r="G68367" s="1" t="s">
        <v>227825</v>
      </c>
      <c r="H68367" s="1" t="s">
        <v>227826</v>
      </c>
      <c r="I68367" s="1" t="s">
        <v>222698</v>
      </c>
      <c r="J68367" s="1" t="s">
        <v>227904</v>
      </c>
    </row>
    <row r="68368" spans="1:10" x14ac:dyDescent="0.35">
      <c r="A68368" s="1" t="s">
        <v>320</v>
      </c>
      <c r="B68368" s="1" t="s">
        <v>222693</v>
      </c>
      <c r="C68368" s="1" t="s">
        <v>125</v>
      </c>
      <c r="D68368" s="1" t="s">
        <v>200224</v>
      </c>
      <c r="E68368" s="1" t="s">
        <v>227905</v>
      </c>
      <c r="F68368" s="1" t="s">
        <v>227906</v>
      </c>
      <c r="G68368" s="1" t="s">
        <v>227825</v>
      </c>
      <c r="H68368" s="1" t="s">
        <v>227826</v>
      </c>
      <c r="I68368" s="1" t="s">
        <v>222698</v>
      </c>
      <c r="J68368" s="1" t="s">
        <v>227907</v>
      </c>
    </row>
    <row r="68369" spans="1:10" x14ac:dyDescent="0.35">
      <c r="A68369" s="1" t="s">
        <v>320</v>
      </c>
      <c r="B68369" s="1" t="s">
        <v>222693</v>
      </c>
      <c r="C68369" s="1" t="s">
        <v>130</v>
      </c>
      <c r="D68369" s="1" t="s">
        <v>227908</v>
      </c>
      <c r="E68369" s="1" t="s">
        <v>227909</v>
      </c>
      <c r="F68369" s="1" t="s">
        <v>227910</v>
      </c>
      <c r="G68369" s="1" t="s">
        <v>227825</v>
      </c>
      <c r="H68369" s="1" t="s">
        <v>227826</v>
      </c>
      <c r="I68369" s="1" t="s">
        <v>222698</v>
      </c>
      <c r="J68369" s="1" t="s">
        <v>227911</v>
      </c>
    </row>
    <row r="68370" spans="1:10" x14ac:dyDescent="0.35">
      <c r="A68370" s="1" t="s">
        <v>320</v>
      </c>
      <c r="B68370" s="1" t="s">
        <v>222693</v>
      </c>
      <c r="C68370" s="1" t="s">
        <v>135</v>
      </c>
      <c r="D68370" s="1" t="s">
        <v>163515</v>
      </c>
      <c r="E68370" s="1" t="s">
        <v>227912</v>
      </c>
      <c r="F68370" s="1" t="s">
        <v>227913</v>
      </c>
      <c r="G68370" s="1" t="s">
        <v>227825</v>
      </c>
      <c r="H68370" s="1" t="s">
        <v>227826</v>
      </c>
      <c r="I68370" s="1" t="s">
        <v>222698</v>
      </c>
      <c r="J68370" s="1" t="s">
        <v>227914</v>
      </c>
    </row>
    <row r="68371" spans="1:10" x14ac:dyDescent="0.35">
      <c r="A68371" s="1" t="s">
        <v>320</v>
      </c>
      <c r="B68371" s="1" t="s">
        <v>222693</v>
      </c>
      <c r="C68371" s="1" t="s">
        <v>140</v>
      </c>
      <c r="D68371" s="1" t="s">
        <v>227915</v>
      </c>
      <c r="E68371" s="1" t="s">
        <v>227916</v>
      </c>
      <c r="F68371" s="1" t="s">
        <v>227917</v>
      </c>
      <c r="G68371" s="1" t="s">
        <v>227825</v>
      </c>
      <c r="H68371" s="1" t="s">
        <v>227826</v>
      </c>
      <c r="I68371" s="1" t="s">
        <v>222698</v>
      </c>
      <c r="J68371" s="1" t="s">
        <v>227918</v>
      </c>
    </row>
    <row r="68372" spans="1:10" x14ac:dyDescent="0.35">
      <c r="A68372" s="1" t="s">
        <v>320</v>
      </c>
      <c r="B68372" s="1" t="s">
        <v>222693</v>
      </c>
      <c r="C68372" s="1" t="s">
        <v>145</v>
      </c>
      <c r="D68372" s="1" t="s">
        <v>227919</v>
      </c>
      <c r="E68372" s="1" t="s">
        <v>227920</v>
      </c>
      <c r="F68372" s="1" t="s">
        <v>227921</v>
      </c>
      <c r="G68372" s="1" t="s">
        <v>227825</v>
      </c>
      <c r="H68372" s="1" t="s">
        <v>227826</v>
      </c>
      <c r="I68372" s="1" t="s">
        <v>222698</v>
      </c>
      <c r="J68372" s="1" t="s">
        <v>227922</v>
      </c>
    </row>
    <row r="68373" spans="1:10" x14ac:dyDescent="0.35">
      <c r="A68373" s="1" t="s">
        <v>320</v>
      </c>
      <c r="B68373" s="1" t="s">
        <v>222693</v>
      </c>
      <c r="C68373" s="1" t="s">
        <v>150</v>
      </c>
      <c r="D68373" s="1" t="s">
        <v>227923</v>
      </c>
      <c r="E68373" s="1" t="s">
        <v>227924</v>
      </c>
      <c r="F68373" s="1" t="s">
        <v>227925</v>
      </c>
      <c r="G68373" s="1" t="s">
        <v>227825</v>
      </c>
      <c r="H68373" s="1" t="s">
        <v>227826</v>
      </c>
      <c r="I68373" s="1" t="s">
        <v>222698</v>
      </c>
      <c r="J68373" s="1" t="s">
        <v>227926</v>
      </c>
    </row>
    <row r="68374" spans="1:10" x14ac:dyDescent="0.35">
      <c r="A68374" s="1" t="s">
        <v>320</v>
      </c>
      <c r="B68374" s="1" t="s">
        <v>222693</v>
      </c>
      <c r="C68374" s="1" t="s">
        <v>155</v>
      </c>
      <c r="D68374" s="1" t="s">
        <v>226557</v>
      </c>
      <c r="E68374" s="1" t="s">
        <v>227927</v>
      </c>
      <c r="F68374" s="1" t="s">
        <v>227928</v>
      </c>
      <c r="G68374" s="1" t="s">
        <v>227825</v>
      </c>
      <c r="H68374" s="1" t="s">
        <v>227826</v>
      </c>
      <c r="I68374" s="1" t="s">
        <v>222698</v>
      </c>
      <c r="J68374" s="1" t="s">
        <v>227929</v>
      </c>
    </row>
    <row r="68375" spans="1:10" x14ac:dyDescent="0.35">
      <c r="A68375" s="1" t="s">
        <v>320</v>
      </c>
      <c r="B68375" s="1" t="s">
        <v>222693</v>
      </c>
      <c r="C68375" s="1" t="s">
        <v>160</v>
      </c>
      <c r="D68375" s="1" t="s">
        <v>227930</v>
      </c>
      <c r="E68375" s="1" t="s">
        <v>227931</v>
      </c>
      <c r="F68375" s="1" t="s">
        <v>227932</v>
      </c>
      <c r="G68375" s="1" t="s">
        <v>227825</v>
      </c>
      <c r="H68375" s="1" t="s">
        <v>227826</v>
      </c>
      <c r="I68375" s="1" t="s">
        <v>222698</v>
      </c>
      <c r="J68375" s="1" t="s">
        <v>227933</v>
      </c>
    </row>
    <row r="68376" spans="1:10" x14ac:dyDescent="0.35">
      <c r="A68376" s="1" t="s">
        <v>320</v>
      </c>
      <c r="B68376" s="1" t="s">
        <v>222693</v>
      </c>
      <c r="C68376" s="1" t="s">
        <v>165</v>
      </c>
      <c r="D68376" s="1" t="s">
        <v>227934</v>
      </c>
      <c r="E68376" s="1" t="s">
        <v>227935</v>
      </c>
      <c r="F68376" s="1" t="s">
        <v>227936</v>
      </c>
      <c r="G68376" s="1" t="s">
        <v>227825</v>
      </c>
      <c r="H68376" s="1" t="s">
        <v>227826</v>
      </c>
      <c r="I68376" s="1" t="s">
        <v>222698</v>
      </c>
      <c r="J68376" s="1" t="s">
        <v>227937</v>
      </c>
    </row>
    <row r="68377" spans="1:10" x14ac:dyDescent="0.35">
      <c r="A68377" s="1" t="s">
        <v>320</v>
      </c>
      <c r="B68377" s="1" t="s">
        <v>222693</v>
      </c>
      <c r="C68377" s="1" t="s">
        <v>170</v>
      </c>
      <c r="D68377" s="1" t="s">
        <v>227938</v>
      </c>
      <c r="E68377" s="1" t="s">
        <v>227939</v>
      </c>
      <c r="F68377" s="1" t="s">
        <v>227940</v>
      </c>
      <c r="G68377" s="1" t="s">
        <v>227825</v>
      </c>
      <c r="H68377" s="1" t="s">
        <v>227826</v>
      </c>
      <c r="I68377" s="1" t="s">
        <v>222698</v>
      </c>
      <c r="J68377" s="1" t="s">
        <v>227941</v>
      </c>
    </row>
    <row r="68378" spans="1:10" x14ac:dyDescent="0.35">
      <c r="A68378" s="1" t="s">
        <v>2055</v>
      </c>
      <c r="B68378" s="1" t="s">
        <v>222693</v>
      </c>
      <c r="C68378" s="1" t="s">
        <v>8</v>
      </c>
      <c r="D68378" s="1" t="s">
        <v>105496</v>
      </c>
      <c r="E68378" s="1" t="s">
        <v>227942</v>
      </c>
      <c r="F68378" s="1" t="s">
        <v>227943</v>
      </c>
      <c r="G68378" s="1" t="s">
        <v>227944</v>
      </c>
      <c r="H68378" s="1" t="s">
        <v>227945</v>
      </c>
      <c r="I68378" s="1" t="s">
        <v>222698</v>
      </c>
      <c r="J68378" s="1" t="s">
        <v>13</v>
      </c>
    </row>
    <row r="68379" spans="1:10" x14ac:dyDescent="0.35">
      <c r="A68379" s="1" t="s">
        <v>2055</v>
      </c>
      <c r="B68379" s="1" t="s">
        <v>222693</v>
      </c>
      <c r="C68379" s="1" t="s">
        <v>15</v>
      </c>
      <c r="D68379" s="1" t="s">
        <v>79419</v>
      </c>
      <c r="E68379" s="1" t="s">
        <v>227946</v>
      </c>
      <c r="F68379" s="1" t="s">
        <v>227947</v>
      </c>
      <c r="G68379" s="1" t="s">
        <v>227944</v>
      </c>
      <c r="H68379" s="1" t="s">
        <v>227945</v>
      </c>
      <c r="I68379" s="1" t="s">
        <v>222698</v>
      </c>
      <c r="J68379" s="1" t="s">
        <v>227948</v>
      </c>
    </row>
    <row r="68380" spans="1:10" x14ac:dyDescent="0.35">
      <c r="A68380" s="1" t="s">
        <v>2055</v>
      </c>
      <c r="B68380" s="1" t="s">
        <v>222693</v>
      </c>
      <c r="C68380" s="1" t="s">
        <v>20</v>
      </c>
      <c r="D68380" s="1" t="s">
        <v>227949</v>
      </c>
      <c r="E68380" s="1" t="s">
        <v>227950</v>
      </c>
      <c r="F68380" s="1" t="s">
        <v>227951</v>
      </c>
      <c r="G68380" s="1" t="s">
        <v>227944</v>
      </c>
      <c r="H68380" s="1" t="s">
        <v>227945</v>
      </c>
      <c r="I68380" s="1" t="s">
        <v>222698</v>
      </c>
      <c r="J68380" s="1" t="s">
        <v>227952</v>
      </c>
    </row>
    <row r="68381" spans="1:10" x14ac:dyDescent="0.35">
      <c r="A68381" s="1" t="s">
        <v>2055</v>
      </c>
      <c r="B68381" s="1" t="s">
        <v>222693</v>
      </c>
      <c r="C68381" s="1" t="s">
        <v>25</v>
      </c>
      <c r="D68381" s="1" t="s">
        <v>227953</v>
      </c>
      <c r="E68381" s="1" t="s">
        <v>227954</v>
      </c>
      <c r="F68381" s="1" t="s">
        <v>227955</v>
      </c>
      <c r="G68381" s="1" t="s">
        <v>227944</v>
      </c>
      <c r="H68381" s="1" t="s">
        <v>227945</v>
      </c>
      <c r="I68381" s="1" t="s">
        <v>222698</v>
      </c>
      <c r="J68381" s="1" t="s">
        <v>227956</v>
      </c>
    </row>
    <row r="68382" spans="1:10" x14ac:dyDescent="0.35">
      <c r="A68382" s="1" t="s">
        <v>2055</v>
      </c>
      <c r="B68382" s="1" t="s">
        <v>222693</v>
      </c>
      <c r="C68382" s="1" t="s">
        <v>30</v>
      </c>
      <c r="D68382" s="1" t="s">
        <v>227957</v>
      </c>
      <c r="E68382" s="1" t="s">
        <v>227958</v>
      </c>
      <c r="F68382" s="1" t="s">
        <v>227959</v>
      </c>
      <c r="G68382" s="1" t="s">
        <v>227944</v>
      </c>
      <c r="H68382" s="1" t="s">
        <v>227945</v>
      </c>
      <c r="I68382" s="1" t="s">
        <v>222698</v>
      </c>
      <c r="J68382" s="1" t="s">
        <v>227960</v>
      </c>
    </row>
    <row r="68383" spans="1:10" x14ac:dyDescent="0.35">
      <c r="A68383" s="1" t="s">
        <v>2055</v>
      </c>
      <c r="B68383" s="1" t="s">
        <v>222693</v>
      </c>
      <c r="C68383" s="1" t="s">
        <v>35</v>
      </c>
      <c r="D68383" s="1" t="s">
        <v>225192</v>
      </c>
      <c r="E68383" s="1" t="s">
        <v>227961</v>
      </c>
      <c r="F68383" s="1" t="s">
        <v>227962</v>
      </c>
      <c r="G68383" s="1" t="s">
        <v>227944</v>
      </c>
      <c r="H68383" s="1" t="s">
        <v>227945</v>
      </c>
      <c r="I68383" s="1" t="s">
        <v>222698</v>
      </c>
      <c r="J68383" s="1" t="s">
        <v>227963</v>
      </c>
    </row>
    <row r="68384" spans="1:10" x14ac:dyDescent="0.35">
      <c r="A68384" s="1" t="s">
        <v>2055</v>
      </c>
      <c r="B68384" s="1" t="s">
        <v>222693</v>
      </c>
      <c r="C68384" s="1" t="s">
        <v>40</v>
      </c>
      <c r="D68384" s="1" t="s">
        <v>227964</v>
      </c>
      <c r="E68384" s="1" t="s">
        <v>227965</v>
      </c>
      <c r="F68384" s="1" t="s">
        <v>227966</v>
      </c>
      <c r="G68384" s="1" t="s">
        <v>227944</v>
      </c>
      <c r="H68384" s="1" t="s">
        <v>227945</v>
      </c>
      <c r="I68384" s="1" t="s">
        <v>222698</v>
      </c>
      <c r="J68384" s="1" t="s">
        <v>227967</v>
      </c>
    </row>
    <row r="68385" spans="1:10" x14ac:dyDescent="0.35">
      <c r="A68385" s="1" t="s">
        <v>2055</v>
      </c>
      <c r="B68385" s="1" t="s">
        <v>222693</v>
      </c>
      <c r="C68385" s="1" t="s">
        <v>45</v>
      </c>
      <c r="D68385" s="1" t="s">
        <v>227968</v>
      </c>
      <c r="E68385" s="1" t="s">
        <v>227969</v>
      </c>
      <c r="F68385" s="1" t="s">
        <v>227970</v>
      </c>
      <c r="G68385" s="1" t="s">
        <v>227944</v>
      </c>
      <c r="H68385" s="1" t="s">
        <v>227945</v>
      </c>
      <c r="I68385" s="1" t="s">
        <v>222698</v>
      </c>
      <c r="J68385" s="1" t="s">
        <v>227971</v>
      </c>
    </row>
    <row r="68386" spans="1:10" x14ac:dyDescent="0.35">
      <c r="A68386" s="1" t="s">
        <v>2055</v>
      </c>
      <c r="B68386" s="1" t="s">
        <v>222693</v>
      </c>
      <c r="C68386" s="1" t="s">
        <v>50</v>
      </c>
      <c r="D68386" s="1" t="s">
        <v>227972</v>
      </c>
      <c r="E68386" s="1" t="s">
        <v>227973</v>
      </c>
      <c r="F68386" s="1" t="s">
        <v>227974</v>
      </c>
      <c r="G68386" s="1" t="s">
        <v>227944</v>
      </c>
      <c r="H68386" s="1" t="s">
        <v>227945</v>
      </c>
      <c r="I68386" s="1" t="s">
        <v>222698</v>
      </c>
      <c r="J68386" s="1" t="s">
        <v>227975</v>
      </c>
    </row>
    <row r="68387" spans="1:10" x14ac:dyDescent="0.35">
      <c r="A68387" s="1" t="s">
        <v>2055</v>
      </c>
      <c r="B68387" s="1" t="s">
        <v>222693</v>
      </c>
      <c r="C68387" s="1" t="s">
        <v>55</v>
      </c>
      <c r="D68387" s="1" t="s">
        <v>227976</v>
      </c>
      <c r="E68387" s="1" t="s">
        <v>227977</v>
      </c>
      <c r="F68387" s="1" t="s">
        <v>227978</v>
      </c>
      <c r="G68387" s="1" t="s">
        <v>227944</v>
      </c>
      <c r="H68387" s="1" t="s">
        <v>227945</v>
      </c>
      <c r="I68387" s="1" t="s">
        <v>222698</v>
      </c>
      <c r="J68387" s="1" t="s">
        <v>227979</v>
      </c>
    </row>
    <row r="68388" spans="1:10" x14ac:dyDescent="0.35">
      <c r="A68388" s="1" t="s">
        <v>2055</v>
      </c>
      <c r="B68388" s="1" t="s">
        <v>222693</v>
      </c>
      <c r="C68388" s="1" t="s">
        <v>60</v>
      </c>
      <c r="D68388" s="1" t="s">
        <v>227980</v>
      </c>
      <c r="E68388" s="1" t="s">
        <v>227981</v>
      </c>
      <c r="F68388" s="1" t="s">
        <v>227982</v>
      </c>
      <c r="G68388" s="1" t="s">
        <v>227944</v>
      </c>
      <c r="H68388" s="1" t="s">
        <v>227945</v>
      </c>
      <c r="I68388" s="1" t="s">
        <v>222698</v>
      </c>
      <c r="J68388" s="1" t="s">
        <v>227983</v>
      </c>
    </row>
    <row r="68389" spans="1:10" x14ac:dyDescent="0.35">
      <c r="A68389" s="1" t="s">
        <v>2055</v>
      </c>
      <c r="B68389" s="1" t="s">
        <v>222693</v>
      </c>
      <c r="C68389" s="1" t="s">
        <v>65</v>
      </c>
      <c r="D68389" s="1" t="s">
        <v>227984</v>
      </c>
      <c r="E68389" s="1" t="s">
        <v>227985</v>
      </c>
      <c r="F68389" s="1" t="s">
        <v>227986</v>
      </c>
      <c r="G68389" s="1" t="s">
        <v>227944</v>
      </c>
      <c r="H68389" s="1" t="s">
        <v>227945</v>
      </c>
      <c r="I68389" s="1" t="s">
        <v>222698</v>
      </c>
      <c r="J68389" s="1" t="s">
        <v>227987</v>
      </c>
    </row>
    <row r="68390" spans="1:10" x14ac:dyDescent="0.35">
      <c r="A68390" s="1" t="s">
        <v>2055</v>
      </c>
      <c r="B68390" s="1" t="s">
        <v>222693</v>
      </c>
      <c r="C68390" s="1" t="s">
        <v>70</v>
      </c>
      <c r="D68390" s="1" t="s">
        <v>227988</v>
      </c>
      <c r="E68390" s="1" t="s">
        <v>227989</v>
      </c>
      <c r="F68390" s="1" t="s">
        <v>227990</v>
      </c>
      <c r="G68390" s="1" t="s">
        <v>227944</v>
      </c>
      <c r="H68390" s="1" t="s">
        <v>227945</v>
      </c>
      <c r="I68390" s="1" t="s">
        <v>222698</v>
      </c>
      <c r="J68390" s="1" t="s">
        <v>227991</v>
      </c>
    </row>
    <row r="68391" spans="1:10" x14ac:dyDescent="0.35">
      <c r="A68391" s="1" t="s">
        <v>2055</v>
      </c>
      <c r="B68391" s="1" t="s">
        <v>222693</v>
      </c>
      <c r="C68391" s="1" t="s">
        <v>75</v>
      </c>
      <c r="D68391" s="1" t="s">
        <v>227992</v>
      </c>
      <c r="E68391" s="1" t="s">
        <v>227993</v>
      </c>
      <c r="F68391" s="1" t="s">
        <v>227994</v>
      </c>
      <c r="G68391" s="1" t="s">
        <v>227944</v>
      </c>
      <c r="H68391" s="1" t="s">
        <v>227945</v>
      </c>
      <c r="I68391" s="1" t="s">
        <v>222698</v>
      </c>
      <c r="J68391" s="1" t="s">
        <v>227995</v>
      </c>
    </row>
    <row r="68392" spans="1:10" x14ac:dyDescent="0.35">
      <c r="A68392" s="1" t="s">
        <v>2055</v>
      </c>
      <c r="B68392" s="1" t="s">
        <v>222693</v>
      </c>
      <c r="C68392" s="1" t="s">
        <v>80</v>
      </c>
      <c r="D68392" s="1" t="s">
        <v>227996</v>
      </c>
      <c r="E68392" s="1" t="s">
        <v>227997</v>
      </c>
      <c r="F68392" s="1" t="s">
        <v>227998</v>
      </c>
      <c r="G68392" s="1" t="s">
        <v>227944</v>
      </c>
      <c r="H68392" s="1" t="s">
        <v>227945</v>
      </c>
      <c r="I68392" s="1" t="s">
        <v>222698</v>
      </c>
      <c r="J68392" s="1" t="s">
        <v>227999</v>
      </c>
    </row>
    <row r="68393" spans="1:10" x14ac:dyDescent="0.35">
      <c r="A68393" s="1" t="s">
        <v>2055</v>
      </c>
      <c r="B68393" s="1" t="s">
        <v>222693</v>
      </c>
      <c r="C68393" s="1" t="s">
        <v>85</v>
      </c>
      <c r="D68393" s="1" t="s">
        <v>228000</v>
      </c>
      <c r="E68393" s="1" t="s">
        <v>228001</v>
      </c>
      <c r="F68393" s="1" t="s">
        <v>228002</v>
      </c>
      <c r="G68393" s="1" t="s">
        <v>227944</v>
      </c>
      <c r="H68393" s="1" t="s">
        <v>227945</v>
      </c>
      <c r="I68393" s="1" t="s">
        <v>222698</v>
      </c>
      <c r="J68393" s="1" t="s">
        <v>228003</v>
      </c>
    </row>
    <row r="68394" spans="1:10" x14ac:dyDescent="0.35">
      <c r="A68394" s="1" t="s">
        <v>2055</v>
      </c>
      <c r="B68394" s="1" t="s">
        <v>222693</v>
      </c>
      <c r="C68394" s="1" t="s">
        <v>90</v>
      </c>
      <c r="D68394" s="1" t="s">
        <v>228004</v>
      </c>
      <c r="E68394" s="1" t="s">
        <v>228005</v>
      </c>
      <c r="F68394" s="1" t="s">
        <v>228006</v>
      </c>
      <c r="G68394" s="1" t="s">
        <v>227944</v>
      </c>
      <c r="H68394" s="1" t="s">
        <v>227945</v>
      </c>
      <c r="I68394" s="1" t="s">
        <v>222698</v>
      </c>
      <c r="J68394" s="1" t="s">
        <v>228007</v>
      </c>
    </row>
    <row r="68395" spans="1:10" x14ac:dyDescent="0.35">
      <c r="A68395" s="1" t="s">
        <v>2055</v>
      </c>
      <c r="B68395" s="1" t="s">
        <v>222693</v>
      </c>
      <c r="C68395" s="1" t="s">
        <v>95</v>
      </c>
      <c r="D68395" s="1" t="s">
        <v>228008</v>
      </c>
      <c r="E68395" s="1" t="s">
        <v>228009</v>
      </c>
      <c r="F68395" s="1" t="s">
        <v>228010</v>
      </c>
      <c r="G68395" s="1" t="s">
        <v>227944</v>
      </c>
      <c r="H68395" s="1" t="s">
        <v>227945</v>
      </c>
      <c r="I68395" s="1" t="s">
        <v>222698</v>
      </c>
      <c r="J68395" s="1" t="s">
        <v>228011</v>
      </c>
    </row>
    <row r="68396" spans="1:10" x14ac:dyDescent="0.35">
      <c r="A68396" s="1" t="s">
        <v>2055</v>
      </c>
      <c r="B68396" s="1" t="s">
        <v>222693</v>
      </c>
      <c r="C68396" s="1" t="s">
        <v>100</v>
      </c>
      <c r="D68396" s="1" t="s">
        <v>228012</v>
      </c>
      <c r="E68396" s="1" t="s">
        <v>228013</v>
      </c>
      <c r="F68396" s="1" t="s">
        <v>228014</v>
      </c>
      <c r="G68396" s="1" t="s">
        <v>227944</v>
      </c>
      <c r="H68396" s="1" t="s">
        <v>227945</v>
      </c>
      <c r="I68396" s="1" t="s">
        <v>222698</v>
      </c>
      <c r="J68396" s="1" t="s">
        <v>228015</v>
      </c>
    </row>
    <row r="68397" spans="1:10" x14ac:dyDescent="0.35">
      <c r="A68397" s="1" t="s">
        <v>2055</v>
      </c>
      <c r="B68397" s="1" t="s">
        <v>222693</v>
      </c>
      <c r="C68397" s="1" t="s">
        <v>105</v>
      </c>
      <c r="D68397" s="1" t="s">
        <v>228016</v>
      </c>
      <c r="E68397" s="1" t="s">
        <v>228017</v>
      </c>
      <c r="F68397" s="1" t="s">
        <v>228018</v>
      </c>
      <c r="G68397" s="1" t="s">
        <v>227944</v>
      </c>
      <c r="H68397" s="1" t="s">
        <v>227945</v>
      </c>
      <c r="I68397" s="1" t="s">
        <v>222698</v>
      </c>
      <c r="J68397" s="1" t="s">
        <v>228019</v>
      </c>
    </row>
    <row r="68398" spans="1:10" x14ac:dyDescent="0.35">
      <c r="A68398" s="1" t="s">
        <v>2055</v>
      </c>
      <c r="B68398" s="1" t="s">
        <v>222693</v>
      </c>
      <c r="C68398" s="1" t="s">
        <v>110</v>
      </c>
      <c r="D68398" s="1" t="s">
        <v>228020</v>
      </c>
      <c r="E68398" s="1" t="s">
        <v>228021</v>
      </c>
      <c r="F68398" s="1" t="s">
        <v>228022</v>
      </c>
      <c r="G68398" s="1" t="s">
        <v>227944</v>
      </c>
      <c r="H68398" s="1" t="s">
        <v>227945</v>
      </c>
      <c r="I68398" s="1" t="s">
        <v>222698</v>
      </c>
      <c r="J68398" s="1" t="s">
        <v>228023</v>
      </c>
    </row>
    <row r="68399" spans="1:10" x14ac:dyDescent="0.35">
      <c r="A68399" s="1" t="s">
        <v>2055</v>
      </c>
      <c r="B68399" s="1" t="s">
        <v>222693</v>
      </c>
      <c r="C68399" s="1" t="s">
        <v>115</v>
      </c>
      <c r="D68399" s="1" t="s">
        <v>68370</v>
      </c>
      <c r="E68399" s="1" t="s">
        <v>228024</v>
      </c>
      <c r="F68399" s="1" t="s">
        <v>228025</v>
      </c>
      <c r="G68399" s="1" t="s">
        <v>227944</v>
      </c>
      <c r="H68399" s="1" t="s">
        <v>227945</v>
      </c>
      <c r="I68399" s="1" t="s">
        <v>222698</v>
      </c>
      <c r="J68399" s="1" t="s">
        <v>228026</v>
      </c>
    </row>
    <row r="68400" spans="1:10" x14ac:dyDescent="0.35">
      <c r="A68400" s="1" t="s">
        <v>2055</v>
      </c>
      <c r="B68400" s="1" t="s">
        <v>222693</v>
      </c>
      <c r="C68400" s="1" t="s">
        <v>120</v>
      </c>
      <c r="D68400" s="1" t="s">
        <v>228027</v>
      </c>
      <c r="E68400" s="1" t="s">
        <v>228028</v>
      </c>
      <c r="F68400" s="1" t="s">
        <v>228029</v>
      </c>
      <c r="G68400" s="1" t="s">
        <v>227944</v>
      </c>
      <c r="H68400" s="1" t="s">
        <v>227945</v>
      </c>
      <c r="I68400" s="1" t="s">
        <v>222698</v>
      </c>
      <c r="J68400" s="1" t="s">
        <v>228030</v>
      </c>
    </row>
    <row r="68401" spans="1:10" x14ac:dyDescent="0.35">
      <c r="A68401" s="1" t="s">
        <v>2055</v>
      </c>
      <c r="B68401" s="1" t="s">
        <v>222693</v>
      </c>
      <c r="C68401" s="1" t="s">
        <v>125</v>
      </c>
      <c r="D68401" s="1" t="s">
        <v>228031</v>
      </c>
      <c r="E68401" s="1" t="s">
        <v>228032</v>
      </c>
      <c r="F68401" s="1" t="s">
        <v>228033</v>
      </c>
      <c r="G68401" s="1" t="s">
        <v>227944</v>
      </c>
      <c r="H68401" s="1" t="s">
        <v>227945</v>
      </c>
      <c r="I68401" s="1" t="s">
        <v>222698</v>
      </c>
      <c r="J68401" s="1" t="s">
        <v>228034</v>
      </c>
    </row>
    <row r="68402" spans="1:10" x14ac:dyDescent="0.35">
      <c r="A68402" s="1" t="s">
        <v>2055</v>
      </c>
      <c r="B68402" s="1" t="s">
        <v>222693</v>
      </c>
      <c r="C68402" s="1" t="s">
        <v>130</v>
      </c>
      <c r="D68402" s="1" t="s">
        <v>228035</v>
      </c>
      <c r="E68402" s="1" t="s">
        <v>228036</v>
      </c>
      <c r="F68402" s="1" t="s">
        <v>228037</v>
      </c>
      <c r="G68402" s="1" t="s">
        <v>227944</v>
      </c>
      <c r="H68402" s="1" t="s">
        <v>227945</v>
      </c>
      <c r="I68402" s="1" t="s">
        <v>222698</v>
      </c>
      <c r="J68402" s="1" t="s">
        <v>228038</v>
      </c>
    </row>
    <row r="68403" spans="1:10" x14ac:dyDescent="0.35">
      <c r="A68403" s="1" t="s">
        <v>2055</v>
      </c>
      <c r="B68403" s="1" t="s">
        <v>222693</v>
      </c>
      <c r="C68403" s="1" t="s">
        <v>135</v>
      </c>
      <c r="D68403" s="1" t="s">
        <v>228039</v>
      </c>
      <c r="E68403" s="1" t="s">
        <v>228040</v>
      </c>
      <c r="F68403" s="1" t="s">
        <v>228041</v>
      </c>
      <c r="G68403" s="1" t="s">
        <v>227944</v>
      </c>
      <c r="H68403" s="1" t="s">
        <v>227945</v>
      </c>
      <c r="I68403" s="1" t="s">
        <v>222698</v>
      </c>
      <c r="J68403" s="1" t="s">
        <v>228042</v>
      </c>
    </row>
    <row r="68404" spans="1:10" x14ac:dyDescent="0.35">
      <c r="A68404" s="1" t="s">
        <v>2055</v>
      </c>
      <c r="B68404" s="1" t="s">
        <v>222693</v>
      </c>
      <c r="C68404" s="1" t="s">
        <v>140</v>
      </c>
      <c r="D68404" s="1" t="s">
        <v>228043</v>
      </c>
      <c r="E68404" s="1" t="s">
        <v>228044</v>
      </c>
      <c r="F68404" s="1" t="s">
        <v>228045</v>
      </c>
      <c r="G68404" s="1" t="s">
        <v>227944</v>
      </c>
      <c r="H68404" s="1" t="s">
        <v>227945</v>
      </c>
      <c r="I68404" s="1" t="s">
        <v>222698</v>
      </c>
      <c r="J68404" s="1" t="s">
        <v>228046</v>
      </c>
    </row>
    <row r="68405" spans="1:10" x14ac:dyDescent="0.35">
      <c r="A68405" s="1" t="s">
        <v>2055</v>
      </c>
      <c r="B68405" s="1" t="s">
        <v>222693</v>
      </c>
      <c r="C68405" s="1" t="s">
        <v>145</v>
      </c>
      <c r="D68405" s="1" t="s">
        <v>228047</v>
      </c>
      <c r="E68405" s="1" t="s">
        <v>228048</v>
      </c>
      <c r="F68405" s="1" t="s">
        <v>228049</v>
      </c>
      <c r="G68405" s="1" t="s">
        <v>227944</v>
      </c>
      <c r="H68405" s="1" t="s">
        <v>227945</v>
      </c>
      <c r="I68405" s="1" t="s">
        <v>222698</v>
      </c>
      <c r="J68405" s="1" t="s">
        <v>228050</v>
      </c>
    </row>
    <row r="68406" spans="1:10" x14ac:dyDescent="0.35">
      <c r="A68406" s="1" t="s">
        <v>2055</v>
      </c>
      <c r="B68406" s="1" t="s">
        <v>222693</v>
      </c>
      <c r="C68406" s="1" t="s">
        <v>150</v>
      </c>
      <c r="D68406" s="1" t="s">
        <v>228051</v>
      </c>
      <c r="E68406" s="1" t="s">
        <v>96648</v>
      </c>
      <c r="F68406" s="1" t="s">
        <v>228052</v>
      </c>
      <c r="G68406" s="1" t="s">
        <v>227944</v>
      </c>
      <c r="H68406" s="1" t="s">
        <v>227945</v>
      </c>
      <c r="I68406" s="1" t="s">
        <v>222698</v>
      </c>
      <c r="J68406" s="1" t="s">
        <v>228053</v>
      </c>
    </row>
    <row r="68407" spans="1:10" x14ac:dyDescent="0.35">
      <c r="A68407" s="1" t="s">
        <v>2055</v>
      </c>
      <c r="B68407" s="1" t="s">
        <v>222693</v>
      </c>
      <c r="C68407" s="1" t="s">
        <v>155</v>
      </c>
      <c r="D68407" s="1" t="s">
        <v>228054</v>
      </c>
      <c r="E68407" s="1" t="s">
        <v>228055</v>
      </c>
      <c r="F68407" s="1" t="s">
        <v>228056</v>
      </c>
      <c r="G68407" s="1" t="s">
        <v>227944</v>
      </c>
      <c r="H68407" s="1" t="s">
        <v>227945</v>
      </c>
      <c r="I68407" s="1" t="s">
        <v>222698</v>
      </c>
      <c r="J68407" s="1" t="s">
        <v>228057</v>
      </c>
    </row>
    <row r="68408" spans="1:10" x14ac:dyDescent="0.35">
      <c r="A68408" s="1" t="s">
        <v>2055</v>
      </c>
      <c r="B68408" s="1" t="s">
        <v>222693</v>
      </c>
      <c r="C68408" s="1" t="s">
        <v>160</v>
      </c>
      <c r="D68408" s="1" t="s">
        <v>228058</v>
      </c>
      <c r="E68408" s="1" t="s">
        <v>228059</v>
      </c>
      <c r="F68408" s="1" t="s">
        <v>228060</v>
      </c>
      <c r="G68408" s="1" t="s">
        <v>227944</v>
      </c>
      <c r="H68408" s="1" t="s">
        <v>227945</v>
      </c>
      <c r="I68408" s="1" t="s">
        <v>222698</v>
      </c>
      <c r="J68408" s="1" t="s">
        <v>228061</v>
      </c>
    </row>
    <row r="68409" spans="1:10" x14ac:dyDescent="0.35">
      <c r="A68409" s="1" t="s">
        <v>2055</v>
      </c>
      <c r="B68409" s="1" t="s">
        <v>222693</v>
      </c>
      <c r="C68409" s="1" t="s">
        <v>165</v>
      </c>
      <c r="D68409" s="1" t="s">
        <v>228062</v>
      </c>
      <c r="E68409" s="1" t="s">
        <v>228063</v>
      </c>
      <c r="F68409" s="1" t="s">
        <v>228064</v>
      </c>
      <c r="G68409" s="1" t="s">
        <v>227944</v>
      </c>
      <c r="H68409" s="1" t="s">
        <v>227945</v>
      </c>
      <c r="I68409" s="1" t="s">
        <v>222698</v>
      </c>
      <c r="J68409" s="1" t="s">
        <v>228065</v>
      </c>
    </row>
    <row r="68410" spans="1:10" x14ac:dyDescent="0.35">
      <c r="A68410" s="1" t="s">
        <v>2055</v>
      </c>
      <c r="B68410" s="1" t="s">
        <v>222693</v>
      </c>
      <c r="C68410" s="1" t="s">
        <v>170</v>
      </c>
      <c r="D68410" s="1" t="s">
        <v>228066</v>
      </c>
      <c r="E68410" s="1" t="s">
        <v>228067</v>
      </c>
      <c r="F68410" s="1" t="s">
        <v>228068</v>
      </c>
      <c r="G68410" s="1" t="s">
        <v>227944</v>
      </c>
      <c r="H68410" s="1" t="s">
        <v>227945</v>
      </c>
      <c r="I68410" s="1" t="s">
        <v>222698</v>
      </c>
      <c r="J68410" s="1" t="s">
        <v>228069</v>
      </c>
    </row>
    <row r="68411" spans="1:10" x14ac:dyDescent="0.35">
      <c r="A68411" s="1" t="s">
        <v>8054</v>
      </c>
      <c r="B68411" s="1" t="s">
        <v>222693</v>
      </c>
      <c r="C68411" s="1" t="s">
        <v>8</v>
      </c>
      <c r="D68411" s="1" t="s">
        <v>20716</v>
      </c>
      <c r="E68411" s="1" t="s">
        <v>228070</v>
      </c>
      <c r="F68411" s="1" t="s">
        <v>228071</v>
      </c>
      <c r="G68411" s="1" t="s">
        <v>228072</v>
      </c>
      <c r="H68411" s="1" t="s">
        <v>228073</v>
      </c>
      <c r="I68411" s="1" t="s">
        <v>222698</v>
      </c>
      <c r="J68411" s="1" t="s">
        <v>13</v>
      </c>
    </row>
    <row r="68412" spans="1:10" x14ac:dyDescent="0.35">
      <c r="A68412" s="1" t="s">
        <v>8054</v>
      </c>
      <c r="B68412" s="1" t="s">
        <v>222693</v>
      </c>
      <c r="C68412" s="1" t="s">
        <v>15</v>
      </c>
      <c r="D68412" s="1" t="s">
        <v>131065</v>
      </c>
      <c r="E68412" s="1" t="s">
        <v>228074</v>
      </c>
      <c r="F68412" s="1" t="s">
        <v>228075</v>
      </c>
      <c r="G68412" s="1" t="s">
        <v>228072</v>
      </c>
      <c r="H68412" s="1" t="s">
        <v>228073</v>
      </c>
      <c r="I68412" s="1" t="s">
        <v>222698</v>
      </c>
      <c r="J68412" s="1" t="s">
        <v>228076</v>
      </c>
    </row>
    <row r="68413" spans="1:10" x14ac:dyDescent="0.35">
      <c r="A68413" s="1" t="s">
        <v>8054</v>
      </c>
      <c r="B68413" s="1" t="s">
        <v>222693</v>
      </c>
      <c r="C68413" s="1" t="s">
        <v>20</v>
      </c>
      <c r="D68413" s="1" t="s">
        <v>228077</v>
      </c>
      <c r="E68413" s="1" t="s">
        <v>228078</v>
      </c>
      <c r="F68413" s="1" t="s">
        <v>228079</v>
      </c>
      <c r="G68413" s="1" t="s">
        <v>228072</v>
      </c>
      <c r="H68413" s="1" t="s">
        <v>228073</v>
      </c>
      <c r="I68413" s="1" t="s">
        <v>222698</v>
      </c>
      <c r="J68413" s="1" t="s">
        <v>228080</v>
      </c>
    </row>
    <row r="68414" spans="1:10" x14ac:dyDescent="0.35">
      <c r="A68414" s="1" t="s">
        <v>8054</v>
      </c>
      <c r="B68414" s="1" t="s">
        <v>222693</v>
      </c>
      <c r="C68414" s="1" t="s">
        <v>25</v>
      </c>
      <c r="D68414" s="1" t="s">
        <v>228081</v>
      </c>
      <c r="E68414" s="1" t="s">
        <v>228082</v>
      </c>
      <c r="F68414" s="1" t="s">
        <v>228083</v>
      </c>
      <c r="G68414" s="1" t="s">
        <v>228072</v>
      </c>
      <c r="H68414" s="1" t="s">
        <v>228073</v>
      </c>
      <c r="I68414" s="1" t="s">
        <v>222698</v>
      </c>
      <c r="J68414" s="1" t="s">
        <v>228084</v>
      </c>
    </row>
    <row r="68415" spans="1:10" x14ac:dyDescent="0.35">
      <c r="A68415" s="1" t="s">
        <v>8054</v>
      </c>
      <c r="B68415" s="1" t="s">
        <v>222693</v>
      </c>
      <c r="C68415" s="1" t="s">
        <v>30</v>
      </c>
      <c r="D68415" s="1" t="s">
        <v>165235</v>
      </c>
      <c r="E68415" s="1" t="s">
        <v>228085</v>
      </c>
      <c r="F68415" s="1" t="s">
        <v>228086</v>
      </c>
      <c r="G68415" s="1" t="s">
        <v>228072</v>
      </c>
      <c r="H68415" s="1" t="s">
        <v>228073</v>
      </c>
      <c r="I68415" s="1" t="s">
        <v>222698</v>
      </c>
      <c r="J68415" s="1" t="s">
        <v>228087</v>
      </c>
    </row>
    <row r="68416" spans="1:10" x14ac:dyDescent="0.35">
      <c r="A68416" s="1" t="s">
        <v>8054</v>
      </c>
      <c r="B68416" s="1" t="s">
        <v>222693</v>
      </c>
      <c r="C68416" s="1" t="s">
        <v>35</v>
      </c>
      <c r="D68416" s="1" t="s">
        <v>228088</v>
      </c>
      <c r="E68416" s="1" t="s">
        <v>228089</v>
      </c>
      <c r="F68416" s="1" t="s">
        <v>228090</v>
      </c>
      <c r="G68416" s="1" t="s">
        <v>228072</v>
      </c>
      <c r="H68416" s="1" t="s">
        <v>228073</v>
      </c>
      <c r="I68416" s="1" t="s">
        <v>222698</v>
      </c>
      <c r="J68416" s="1" t="s">
        <v>228091</v>
      </c>
    </row>
    <row r="68417" spans="1:10" x14ac:dyDescent="0.35">
      <c r="A68417" s="1" t="s">
        <v>8054</v>
      </c>
      <c r="B68417" s="1" t="s">
        <v>222693</v>
      </c>
      <c r="C68417" s="1" t="s">
        <v>40</v>
      </c>
      <c r="D68417" s="1" t="s">
        <v>21410</v>
      </c>
      <c r="E68417" s="1" t="s">
        <v>228092</v>
      </c>
      <c r="F68417" s="1" t="s">
        <v>228093</v>
      </c>
      <c r="G68417" s="1" t="s">
        <v>228072</v>
      </c>
      <c r="H68417" s="1" t="s">
        <v>228073</v>
      </c>
      <c r="I68417" s="1" t="s">
        <v>222698</v>
      </c>
      <c r="J68417" s="1" t="s">
        <v>228094</v>
      </c>
    </row>
    <row r="68418" spans="1:10" x14ac:dyDescent="0.35">
      <c r="A68418" s="1" t="s">
        <v>8054</v>
      </c>
      <c r="B68418" s="1" t="s">
        <v>222693</v>
      </c>
      <c r="C68418" s="1" t="s">
        <v>45</v>
      </c>
      <c r="D68418" s="1" t="s">
        <v>228095</v>
      </c>
      <c r="E68418" s="1" t="s">
        <v>228096</v>
      </c>
      <c r="F68418" s="1" t="s">
        <v>228097</v>
      </c>
      <c r="G68418" s="1" t="s">
        <v>228072</v>
      </c>
      <c r="H68418" s="1" t="s">
        <v>228073</v>
      </c>
      <c r="I68418" s="1" t="s">
        <v>222698</v>
      </c>
      <c r="J68418" s="1" t="s">
        <v>228098</v>
      </c>
    </row>
    <row r="68419" spans="1:10" x14ac:dyDescent="0.35">
      <c r="A68419" s="1" t="s">
        <v>8054</v>
      </c>
      <c r="B68419" s="1" t="s">
        <v>222693</v>
      </c>
      <c r="C68419" s="1" t="s">
        <v>50</v>
      </c>
      <c r="D68419" s="1" t="s">
        <v>228099</v>
      </c>
      <c r="E68419" s="1" t="s">
        <v>228100</v>
      </c>
      <c r="F68419" s="1" t="s">
        <v>228101</v>
      </c>
      <c r="G68419" s="1" t="s">
        <v>228072</v>
      </c>
      <c r="H68419" s="1" t="s">
        <v>228073</v>
      </c>
      <c r="I68419" s="1" t="s">
        <v>222698</v>
      </c>
      <c r="J68419" s="1" t="s">
        <v>228102</v>
      </c>
    </row>
    <row r="68420" spans="1:10" x14ac:dyDescent="0.35">
      <c r="A68420" s="1" t="s">
        <v>8054</v>
      </c>
      <c r="B68420" s="1" t="s">
        <v>222693</v>
      </c>
      <c r="C68420" s="1" t="s">
        <v>55</v>
      </c>
      <c r="D68420" s="1" t="s">
        <v>79944</v>
      </c>
      <c r="E68420" s="1" t="s">
        <v>228103</v>
      </c>
      <c r="F68420" s="1" t="s">
        <v>228104</v>
      </c>
      <c r="G68420" s="1" t="s">
        <v>228072</v>
      </c>
      <c r="H68420" s="1" t="s">
        <v>228073</v>
      </c>
      <c r="I68420" s="1" t="s">
        <v>222698</v>
      </c>
      <c r="J68420" s="1" t="s">
        <v>228105</v>
      </c>
    </row>
    <row r="68421" spans="1:10" x14ac:dyDescent="0.35">
      <c r="A68421" s="1" t="s">
        <v>8054</v>
      </c>
      <c r="B68421" s="1" t="s">
        <v>222693</v>
      </c>
      <c r="C68421" s="1" t="s">
        <v>60</v>
      </c>
      <c r="D68421" s="1" t="s">
        <v>60935</v>
      </c>
      <c r="E68421" s="1" t="s">
        <v>228106</v>
      </c>
      <c r="F68421" s="1" t="s">
        <v>228107</v>
      </c>
      <c r="G68421" s="1" t="s">
        <v>228072</v>
      </c>
      <c r="H68421" s="1" t="s">
        <v>228073</v>
      </c>
      <c r="I68421" s="1" t="s">
        <v>222698</v>
      </c>
      <c r="J68421" s="1" t="s">
        <v>228108</v>
      </c>
    </row>
    <row r="68422" spans="1:10" x14ac:dyDescent="0.35">
      <c r="A68422" s="1" t="s">
        <v>8054</v>
      </c>
      <c r="B68422" s="1" t="s">
        <v>222693</v>
      </c>
      <c r="C68422" s="1" t="s">
        <v>65</v>
      </c>
      <c r="D68422" s="1" t="s">
        <v>27258</v>
      </c>
      <c r="E68422" s="1" t="s">
        <v>228109</v>
      </c>
      <c r="F68422" s="1" t="s">
        <v>228110</v>
      </c>
      <c r="G68422" s="1" t="s">
        <v>228072</v>
      </c>
      <c r="H68422" s="1" t="s">
        <v>228073</v>
      </c>
      <c r="I68422" s="1" t="s">
        <v>222698</v>
      </c>
      <c r="J68422" s="1" t="s">
        <v>228111</v>
      </c>
    </row>
    <row r="68423" spans="1:10" x14ac:dyDescent="0.35">
      <c r="A68423" s="1" t="s">
        <v>8054</v>
      </c>
      <c r="B68423" s="1" t="s">
        <v>222693</v>
      </c>
      <c r="C68423" s="1" t="s">
        <v>70</v>
      </c>
      <c r="D68423" s="1" t="s">
        <v>228112</v>
      </c>
      <c r="E68423" s="1" t="s">
        <v>228113</v>
      </c>
      <c r="F68423" s="1" t="s">
        <v>228114</v>
      </c>
      <c r="G68423" s="1" t="s">
        <v>228072</v>
      </c>
      <c r="H68423" s="1" t="s">
        <v>228073</v>
      </c>
      <c r="I68423" s="1" t="s">
        <v>222698</v>
      </c>
      <c r="J68423" s="1" t="s">
        <v>228115</v>
      </c>
    </row>
    <row r="68424" spans="1:10" x14ac:dyDescent="0.35">
      <c r="A68424" s="1" t="s">
        <v>8054</v>
      </c>
      <c r="B68424" s="1" t="s">
        <v>222693</v>
      </c>
      <c r="C68424" s="1" t="s">
        <v>75</v>
      </c>
      <c r="D68424" s="1" t="s">
        <v>228116</v>
      </c>
      <c r="E68424" s="1" t="s">
        <v>228117</v>
      </c>
      <c r="F68424" s="1" t="s">
        <v>228118</v>
      </c>
      <c r="G68424" s="1" t="s">
        <v>228072</v>
      </c>
      <c r="H68424" s="1" t="s">
        <v>228073</v>
      </c>
      <c r="I68424" s="1" t="s">
        <v>222698</v>
      </c>
      <c r="J68424" s="1" t="s">
        <v>228119</v>
      </c>
    </row>
    <row r="68425" spans="1:10" x14ac:dyDescent="0.35">
      <c r="A68425" s="1" t="s">
        <v>8054</v>
      </c>
      <c r="B68425" s="1" t="s">
        <v>222693</v>
      </c>
      <c r="C68425" s="1" t="s">
        <v>80</v>
      </c>
      <c r="D68425" s="1" t="s">
        <v>228120</v>
      </c>
      <c r="E68425" s="1" t="s">
        <v>228121</v>
      </c>
      <c r="F68425" s="1" t="s">
        <v>225331</v>
      </c>
      <c r="G68425" s="1" t="s">
        <v>228072</v>
      </c>
      <c r="H68425" s="1" t="s">
        <v>228073</v>
      </c>
      <c r="I68425" s="1" t="s">
        <v>222698</v>
      </c>
      <c r="J68425" s="1" t="s">
        <v>228122</v>
      </c>
    </row>
    <row r="68426" spans="1:10" x14ac:dyDescent="0.35">
      <c r="A68426" s="1" t="s">
        <v>8054</v>
      </c>
      <c r="B68426" s="1" t="s">
        <v>222693</v>
      </c>
      <c r="C68426" s="1" t="s">
        <v>85</v>
      </c>
      <c r="D68426" s="1" t="s">
        <v>228123</v>
      </c>
      <c r="E68426" s="1" t="s">
        <v>228124</v>
      </c>
      <c r="F68426" s="1" t="s">
        <v>228125</v>
      </c>
      <c r="G68426" s="1" t="s">
        <v>228072</v>
      </c>
      <c r="H68426" s="1" t="s">
        <v>228073</v>
      </c>
      <c r="I68426" s="1" t="s">
        <v>222698</v>
      </c>
      <c r="J68426" s="1" t="s">
        <v>228126</v>
      </c>
    </row>
    <row r="68427" spans="1:10" x14ac:dyDescent="0.35">
      <c r="A68427" s="1" t="s">
        <v>8054</v>
      </c>
      <c r="B68427" s="1" t="s">
        <v>222693</v>
      </c>
      <c r="C68427" s="1" t="s">
        <v>90</v>
      </c>
      <c r="D68427" s="1" t="s">
        <v>228127</v>
      </c>
      <c r="E68427" s="1" t="s">
        <v>228128</v>
      </c>
      <c r="F68427" s="1" t="s">
        <v>228129</v>
      </c>
      <c r="G68427" s="1" t="s">
        <v>228072</v>
      </c>
      <c r="H68427" s="1" t="s">
        <v>228073</v>
      </c>
      <c r="I68427" s="1" t="s">
        <v>222698</v>
      </c>
      <c r="J68427" s="1" t="s">
        <v>228130</v>
      </c>
    </row>
    <row r="68428" spans="1:10" x14ac:dyDescent="0.35">
      <c r="A68428" s="1" t="s">
        <v>8054</v>
      </c>
      <c r="B68428" s="1" t="s">
        <v>222693</v>
      </c>
      <c r="C68428" s="1" t="s">
        <v>95</v>
      </c>
      <c r="D68428" s="1" t="s">
        <v>228131</v>
      </c>
      <c r="E68428" s="1" t="s">
        <v>228132</v>
      </c>
      <c r="F68428" s="1" t="s">
        <v>228133</v>
      </c>
      <c r="G68428" s="1" t="s">
        <v>228072</v>
      </c>
      <c r="H68428" s="1" t="s">
        <v>228073</v>
      </c>
      <c r="I68428" s="1" t="s">
        <v>222698</v>
      </c>
      <c r="J68428" s="1" t="s">
        <v>228134</v>
      </c>
    </row>
    <row r="68429" spans="1:10" x14ac:dyDescent="0.35">
      <c r="A68429" s="1" t="s">
        <v>8054</v>
      </c>
      <c r="B68429" s="1" t="s">
        <v>222693</v>
      </c>
      <c r="C68429" s="1" t="s">
        <v>100</v>
      </c>
      <c r="D68429" s="1" t="s">
        <v>228135</v>
      </c>
      <c r="E68429" s="1" t="s">
        <v>228136</v>
      </c>
      <c r="F68429" s="1" t="s">
        <v>228137</v>
      </c>
      <c r="G68429" s="1" t="s">
        <v>228072</v>
      </c>
      <c r="H68429" s="1" t="s">
        <v>228073</v>
      </c>
      <c r="I68429" s="1" t="s">
        <v>222698</v>
      </c>
      <c r="J68429" s="1" t="s">
        <v>228138</v>
      </c>
    </row>
    <row r="68430" spans="1:10" x14ac:dyDescent="0.35">
      <c r="A68430" s="1" t="s">
        <v>8054</v>
      </c>
      <c r="B68430" s="1" t="s">
        <v>222693</v>
      </c>
      <c r="C68430" s="1" t="s">
        <v>105</v>
      </c>
      <c r="D68430" s="1" t="s">
        <v>164768</v>
      </c>
      <c r="E68430" s="1" t="s">
        <v>228139</v>
      </c>
      <c r="F68430" s="1" t="s">
        <v>228140</v>
      </c>
      <c r="G68430" s="1" t="s">
        <v>228072</v>
      </c>
      <c r="H68430" s="1" t="s">
        <v>228073</v>
      </c>
      <c r="I68430" s="1" t="s">
        <v>222698</v>
      </c>
      <c r="J68430" s="1" t="s">
        <v>228141</v>
      </c>
    </row>
    <row r="68431" spans="1:10" x14ac:dyDescent="0.35">
      <c r="A68431" s="1" t="s">
        <v>8054</v>
      </c>
      <c r="B68431" s="1" t="s">
        <v>222693</v>
      </c>
      <c r="C68431" s="1" t="s">
        <v>110</v>
      </c>
      <c r="D68431" s="1" t="s">
        <v>228142</v>
      </c>
      <c r="E68431" s="1" t="s">
        <v>228143</v>
      </c>
      <c r="F68431" s="1" t="s">
        <v>228144</v>
      </c>
      <c r="G68431" s="1" t="s">
        <v>228072</v>
      </c>
      <c r="H68431" s="1" t="s">
        <v>228073</v>
      </c>
      <c r="I68431" s="1" t="s">
        <v>222698</v>
      </c>
      <c r="J68431" s="1" t="s">
        <v>228145</v>
      </c>
    </row>
    <row r="68432" spans="1:10" x14ac:dyDescent="0.35">
      <c r="A68432" s="1" t="s">
        <v>8054</v>
      </c>
      <c r="B68432" s="1" t="s">
        <v>222693</v>
      </c>
      <c r="C68432" s="1" t="s">
        <v>115</v>
      </c>
      <c r="D68432" s="1" t="s">
        <v>228146</v>
      </c>
      <c r="E68432" s="1" t="s">
        <v>228147</v>
      </c>
      <c r="F68432" s="1" t="s">
        <v>228148</v>
      </c>
      <c r="G68432" s="1" t="s">
        <v>228072</v>
      </c>
      <c r="H68432" s="1" t="s">
        <v>228073</v>
      </c>
      <c r="I68432" s="1" t="s">
        <v>222698</v>
      </c>
      <c r="J68432" s="1" t="s">
        <v>228149</v>
      </c>
    </row>
    <row r="68433" spans="1:10" x14ac:dyDescent="0.35">
      <c r="A68433" s="1" t="s">
        <v>8054</v>
      </c>
      <c r="B68433" s="1" t="s">
        <v>222693</v>
      </c>
      <c r="C68433" s="1" t="s">
        <v>120</v>
      </c>
      <c r="D68433" s="1" t="s">
        <v>228150</v>
      </c>
      <c r="E68433" s="1" t="s">
        <v>228151</v>
      </c>
      <c r="F68433" s="1" t="s">
        <v>228152</v>
      </c>
      <c r="G68433" s="1" t="s">
        <v>228072</v>
      </c>
      <c r="H68433" s="1" t="s">
        <v>228073</v>
      </c>
      <c r="I68433" s="1" t="s">
        <v>222698</v>
      </c>
      <c r="J68433" s="1" t="s">
        <v>228153</v>
      </c>
    </row>
    <row r="68434" spans="1:10" x14ac:dyDescent="0.35">
      <c r="A68434" s="1" t="s">
        <v>8054</v>
      </c>
      <c r="B68434" s="1" t="s">
        <v>222693</v>
      </c>
      <c r="C68434" s="1" t="s">
        <v>125</v>
      </c>
      <c r="D68434" s="1" t="s">
        <v>228154</v>
      </c>
      <c r="E68434" s="1" t="s">
        <v>228155</v>
      </c>
      <c r="F68434" s="1" t="s">
        <v>228156</v>
      </c>
      <c r="G68434" s="1" t="s">
        <v>228072</v>
      </c>
      <c r="H68434" s="1" t="s">
        <v>228073</v>
      </c>
      <c r="I68434" s="1" t="s">
        <v>222698</v>
      </c>
      <c r="J68434" s="1" t="s">
        <v>228157</v>
      </c>
    </row>
    <row r="68435" spans="1:10" x14ac:dyDescent="0.35">
      <c r="A68435" s="1" t="s">
        <v>8054</v>
      </c>
      <c r="B68435" s="1" t="s">
        <v>222693</v>
      </c>
      <c r="C68435" s="1" t="s">
        <v>130</v>
      </c>
      <c r="D68435" s="1" t="s">
        <v>228158</v>
      </c>
      <c r="E68435" s="1" t="s">
        <v>228159</v>
      </c>
      <c r="F68435" s="1" t="s">
        <v>228160</v>
      </c>
      <c r="G68435" s="1" t="s">
        <v>228072</v>
      </c>
      <c r="H68435" s="1" t="s">
        <v>228073</v>
      </c>
      <c r="I68435" s="1" t="s">
        <v>222698</v>
      </c>
      <c r="J68435" s="1" t="s">
        <v>228161</v>
      </c>
    </row>
    <row r="68436" spans="1:10" x14ac:dyDescent="0.35">
      <c r="A68436" s="1" t="s">
        <v>8054</v>
      </c>
      <c r="B68436" s="1" t="s">
        <v>222693</v>
      </c>
      <c r="C68436" s="1" t="s">
        <v>135</v>
      </c>
      <c r="D68436" s="1" t="s">
        <v>228162</v>
      </c>
      <c r="E68436" s="1" t="s">
        <v>228163</v>
      </c>
      <c r="F68436" s="1" t="s">
        <v>228164</v>
      </c>
      <c r="G68436" s="1" t="s">
        <v>228072</v>
      </c>
      <c r="H68436" s="1" t="s">
        <v>228073</v>
      </c>
      <c r="I68436" s="1" t="s">
        <v>222698</v>
      </c>
      <c r="J68436" s="1" t="s">
        <v>228165</v>
      </c>
    </row>
    <row r="68437" spans="1:10" x14ac:dyDescent="0.35">
      <c r="A68437" s="1" t="s">
        <v>8054</v>
      </c>
      <c r="B68437" s="1" t="s">
        <v>222693</v>
      </c>
      <c r="C68437" s="1" t="s">
        <v>140</v>
      </c>
      <c r="D68437" s="1" t="s">
        <v>228166</v>
      </c>
      <c r="E68437" s="1" t="s">
        <v>228167</v>
      </c>
      <c r="F68437" s="1" t="s">
        <v>228168</v>
      </c>
      <c r="G68437" s="1" t="s">
        <v>228072</v>
      </c>
      <c r="H68437" s="1" t="s">
        <v>228073</v>
      </c>
      <c r="I68437" s="1" t="s">
        <v>222698</v>
      </c>
      <c r="J68437" s="1" t="s">
        <v>228169</v>
      </c>
    </row>
    <row r="68438" spans="1:10" x14ac:dyDescent="0.35">
      <c r="A68438" s="1" t="s">
        <v>8054</v>
      </c>
      <c r="B68438" s="1" t="s">
        <v>222693</v>
      </c>
      <c r="C68438" s="1" t="s">
        <v>145</v>
      </c>
      <c r="D68438" s="1" t="s">
        <v>162649</v>
      </c>
      <c r="E68438" s="1" t="s">
        <v>228170</v>
      </c>
      <c r="F68438" s="1" t="s">
        <v>228171</v>
      </c>
      <c r="G68438" s="1" t="s">
        <v>228072</v>
      </c>
      <c r="H68438" s="1" t="s">
        <v>228073</v>
      </c>
      <c r="I68438" s="1" t="s">
        <v>222698</v>
      </c>
      <c r="J68438" s="1" t="s">
        <v>228172</v>
      </c>
    </row>
    <row r="68439" spans="1:10" x14ac:dyDescent="0.35">
      <c r="A68439" s="1" t="s">
        <v>8054</v>
      </c>
      <c r="B68439" s="1" t="s">
        <v>222693</v>
      </c>
      <c r="C68439" s="1" t="s">
        <v>150</v>
      </c>
      <c r="D68439" s="1" t="s">
        <v>228173</v>
      </c>
      <c r="E68439" s="1" t="s">
        <v>228174</v>
      </c>
      <c r="F68439" s="1" t="s">
        <v>228175</v>
      </c>
      <c r="G68439" s="1" t="s">
        <v>228072</v>
      </c>
      <c r="H68439" s="1" t="s">
        <v>228073</v>
      </c>
      <c r="I68439" s="1" t="s">
        <v>222698</v>
      </c>
      <c r="J68439" s="1" t="s">
        <v>228176</v>
      </c>
    </row>
    <row r="68440" spans="1:10" x14ac:dyDescent="0.35">
      <c r="A68440" s="1" t="s">
        <v>8054</v>
      </c>
      <c r="B68440" s="1" t="s">
        <v>222693</v>
      </c>
      <c r="C68440" s="1" t="s">
        <v>155</v>
      </c>
      <c r="D68440" s="1" t="s">
        <v>228177</v>
      </c>
      <c r="E68440" s="1" t="s">
        <v>228178</v>
      </c>
      <c r="F68440" s="1" t="s">
        <v>228179</v>
      </c>
      <c r="G68440" s="1" t="s">
        <v>228072</v>
      </c>
      <c r="H68440" s="1" t="s">
        <v>228073</v>
      </c>
      <c r="I68440" s="1" t="s">
        <v>222698</v>
      </c>
      <c r="J68440" s="1" t="s">
        <v>228180</v>
      </c>
    </row>
    <row r="68441" spans="1:10" x14ac:dyDescent="0.35">
      <c r="A68441" s="1" t="s">
        <v>8054</v>
      </c>
      <c r="B68441" s="1" t="s">
        <v>222693</v>
      </c>
      <c r="C68441" s="1" t="s">
        <v>160</v>
      </c>
      <c r="D68441" s="1" t="s">
        <v>224395</v>
      </c>
      <c r="E68441" s="1" t="s">
        <v>228181</v>
      </c>
      <c r="F68441" s="1" t="s">
        <v>228182</v>
      </c>
      <c r="G68441" s="1" t="s">
        <v>228072</v>
      </c>
      <c r="H68441" s="1" t="s">
        <v>228073</v>
      </c>
      <c r="I68441" s="1" t="s">
        <v>222698</v>
      </c>
      <c r="J68441" s="1" t="s">
        <v>228183</v>
      </c>
    </row>
    <row r="68442" spans="1:10" x14ac:dyDescent="0.35">
      <c r="A68442" s="1" t="s">
        <v>8054</v>
      </c>
      <c r="B68442" s="1" t="s">
        <v>222693</v>
      </c>
      <c r="C68442" s="1" t="s">
        <v>165</v>
      </c>
      <c r="D68442" s="1" t="s">
        <v>228184</v>
      </c>
      <c r="E68442" s="1" t="s">
        <v>228185</v>
      </c>
      <c r="F68442" s="1" t="s">
        <v>228186</v>
      </c>
      <c r="G68442" s="1" t="s">
        <v>228072</v>
      </c>
      <c r="H68442" s="1" t="s">
        <v>228073</v>
      </c>
      <c r="I68442" s="1" t="s">
        <v>222698</v>
      </c>
      <c r="J68442" s="1" t="s">
        <v>228187</v>
      </c>
    </row>
    <row r="68443" spans="1:10" x14ac:dyDescent="0.35">
      <c r="A68443" s="1" t="s">
        <v>8054</v>
      </c>
      <c r="B68443" s="1" t="s">
        <v>222693</v>
      </c>
      <c r="C68443" s="1" t="s">
        <v>170</v>
      </c>
      <c r="D68443" s="1" t="s">
        <v>228188</v>
      </c>
      <c r="E68443" s="1" t="s">
        <v>228189</v>
      </c>
      <c r="F68443" s="1" t="s">
        <v>228190</v>
      </c>
      <c r="G68443" s="1" t="s">
        <v>228072</v>
      </c>
      <c r="H68443" s="1" t="s">
        <v>228073</v>
      </c>
      <c r="I68443" s="1" t="s">
        <v>222698</v>
      </c>
      <c r="J68443" s="1" t="s">
        <v>228191</v>
      </c>
    </row>
    <row r="68444" spans="1:10" x14ac:dyDescent="0.35">
      <c r="A68444" s="1" t="s">
        <v>45983</v>
      </c>
      <c r="B68444" s="1" t="s">
        <v>222693</v>
      </c>
      <c r="C68444" s="1" t="s">
        <v>8</v>
      </c>
      <c r="D68444" s="1" t="s">
        <v>228192</v>
      </c>
      <c r="E68444" s="1" t="s">
        <v>228193</v>
      </c>
      <c r="F68444" s="1" t="s">
        <v>228194</v>
      </c>
      <c r="G68444" s="1" t="s">
        <v>228195</v>
      </c>
      <c r="H68444" s="1" t="s">
        <v>228196</v>
      </c>
      <c r="I68444" s="1" t="s">
        <v>222698</v>
      </c>
      <c r="J68444" s="1" t="s">
        <v>13</v>
      </c>
    </row>
    <row r="68445" spans="1:10" x14ac:dyDescent="0.35">
      <c r="A68445" s="1" t="s">
        <v>45983</v>
      </c>
      <c r="B68445" s="1" t="s">
        <v>222693</v>
      </c>
      <c r="C68445" s="1" t="s">
        <v>15</v>
      </c>
      <c r="D68445" s="1" t="s">
        <v>228197</v>
      </c>
      <c r="E68445" s="1" t="s">
        <v>228198</v>
      </c>
      <c r="F68445" s="1" t="s">
        <v>228199</v>
      </c>
      <c r="G68445" s="1" t="s">
        <v>228195</v>
      </c>
      <c r="H68445" s="1" t="s">
        <v>228196</v>
      </c>
      <c r="I68445" s="1" t="s">
        <v>222698</v>
      </c>
      <c r="J68445" s="1" t="s">
        <v>228200</v>
      </c>
    </row>
    <row r="68446" spans="1:10" x14ac:dyDescent="0.35">
      <c r="A68446" s="1" t="s">
        <v>45983</v>
      </c>
      <c r="B68446" s="1" t="s">
        <v>222693</v>
      </c>
      <c r="C68446" s="1" t="s">
        <v>20</v>
      </c>
      <c r="D68446" s="1" t="s">
        <v>228201</v>
      </c>
      <c r="E68446" s="1" t="s">
        <v>228202</v>
      </c>
      <c r="F68446" s="1" t="s">
        <v>228203</v>
      </c>
      <c r="G68446" s="1" t="s">
        <v>228195</v>
      </c>
      <c r="H68446" s="1" t="s">
        <v>228196</v>
      </c>
      <c r="I68446" s="1" t="s">
        <v>222698</v>
      </c>
      <c r="J68446" s="1" t="s">
        <v>228204</v>
      </c>
    </row>
    <row r="68447" spans="1:10" x14ac:dyDescent="0.35">
      <c r="A68447" s="1" t="s">
        <v>45983</v>
      </c>
      <c r="B68447" s="1" t="s">
        <v>222693</v>
      </c>
      <c r="C68447" s="1" t="s">
        <v>25</v>
      </c>
      <c r="D68447" s="1" t="s">
        <v>228205</v>
      </c>
      <c r="E68447" s="1" t="s">
        <v>228206</v>
      </c>
      <c r="F68447" s="1" t="s">
        <v>228207</v>
      </c>
      <c r="G68447" s="1" t="s">
        <v>228195</v>
      </c>
      <c r="H68447" s="1" t="s">
        <v>228196</v>
      </c>
      <c r="I68447" s="1" t="s">
        <v>222698</v>
      </c>
      <c r="J68447" s="1" t="s">
        <v>228208</v>
      </c>
    </row>
    <row r="68448" spans="1:10" x14ac:dyDescent="0.35">
      <c r="A68448" s="1" t="s">
        <v>45983</v>
      </c>
      <c r="B68448" s="1" t="s">
        <v>222693</v>
      </c>
      <c r="C68448" s="1" t="s">
        <v>30</v>
      </c>
      <c r="D68448" s="1" t="s">
        <v>22746</v>
      </c>
      <c r="E68448" s="1" t="s">
        <v>228209</v>
      </c>
      <c r="F68448" s="1" t="s">
        <v>228210</v>
      </c>
      <c r="G68448" s="1" t="s">
        <v>228195</v>
      </c>
      <c r="H68448" s="1" t="s">
        <v>228196</v>
      </c>
      <c r="I68448" s="1" t="s">
        <v>222698</v>
      </c>
      <c r="J68448" s="1" t="s">
        <v>228211</v>
      </c>
    </row>
    <row r="68449" spans="1:10" x14ac:dyDescent="0.35">
      <c r="A68449" s="1" t="s">
        <v>45983</v>
      </c>
      <c r="B68449" s="1" t="s">
        <v>222693</v>
      </c>
      <c r="C68449" s="1" t="s">
        <v>35</v>
      </c>
      <c r="D68449" s="1" t="s">
        <v>63110</v>
      </c>
      <c r="E68449" s="1" t="s">
        <v>228212</v>
      </c>
      <c r="F68449" s="1" t="s">
        <v>228213</v>
      </c>
      <c r="G68449" s="1" t="s">
        <v>228195</v>
      </c>
      <c r="H68449" s="1" t="s">
        <v>228196</v>
      </c>
      <c r="I68449" s="1" t="s">
        <v>222698</v>
      </c>
      <c r="J68449" s="1" t="s">
        <v>228214</v>
      </c>
    </row>
    <row r="68450" spans="1:10" x14ac:dyDescent="0.35">
      <c r="A68450" s="1" t="s">
        <v>45983</v>
      </c>
      <c r="B68450" s="1" t="s">
        <v>222693</v>
      </c>
      <c r="C68450" s="1" t="s">
        <v>40</v>
      </c>
      <c r="D68450" s="1" t="s">
        <v>150427</v>
      </c>
      <c r="E68450" s="1" t="s">
        <v>228215</v>
      </c>
      <c r="F68450" s="1" t="s">
        <v>228216</v>
      </c>
      <c r="G68450" s="1" t="s">
        <v>228195</v>
      </c>
      <c r="H68450" s="1" t="s">
        <v>228196</v>
      </c>
      <c r="I68450" s="1" t="s">
        <v>222698</v>
      </c>
      <c r="J68450" s="1" t="s">
        <v>228217</v>
      </c>
    </row>
    <row r="68451" spans="1:10" x14ac:dyDescent="0.35">
      <c r="A68451" s="1" t="s">
        <v>45983</v>
      </c>
      <c r="B68451" s="1" t="s">
        <v>222693</v>
      </c>
      <c r="C68451" s="1" t="s">
        <v>45</v>
      </c>
      <c r="D68451" s="1" t="s">
        <v>228218</v>
      </c>
      <c r="E68451" s="1" t="s">
        <v>228219</v>
      </c>
      <c r="F68451" s="1" t="s">
        <v>228220</v>
      </c>
      <c r="G68451" s="1" t="s">
        <v>228195</v>
      </c>
      <c r="H68451" s="1" t="s">
        <v>228196</v>
      </c>
      <c r="I68451" s="1" t="s">
        <v>222698</v>
      </c>
      <c r="J68451" s="1" t="s">
        <v>228221</v>
      </c>
    </row>
    <row r="68452" spans="1:10" x14ac:dyDescent="0.35">
      <c r="A68452" s="1" t="s">
        <v>45983</v>
      </c>
      <c r="B68452" s="1" t="s">
        <v>222693</v>
      </c>
      <c r="C68452" s="1" t="s">
        <v>50</v>
      </c>
      <c r="D68452" s="1" t="s">
        <v>228222</v>
      </c>
      <c r="E68452" s="1" t="s">
        <v>228223</v>
      </c>
      <c r="F68452" s="1" t="s">
        <v>228224</v>
      </c>
      <c r="G68452" s="1" t="s">
        <v>228195</v>
      </c>
      <c r="H68452" s="1" t="s">
        <v>228196</v>
      </c>
      <c r="I68452" s="1" t="s">
        <v>222698</v>
      </c>
      <c r="J68452" s="1" t="s">
        <v>228225</v>
      </c>
    </row>
    <row r="68453" spans="1:10" x14ac:dyDescent="0.35">
      <c r="A68453" s="1" t="s">
        <v>45983</v>
      </c>
      <c r="B68453" s="1" t="s">
        <v>222693</v>
      </c>
      <c r="C68453" s="1" t="s">
        <v>55</v>
      </c>
      <c r="D68453" s="1" t="s">
        <v>228226</v>
      </c>
      <c r="E68453" s="1" t="s">
        <v>228227</v>
      </c>
      <c r="F68453" s="1" t="s">
        <v>228228</v>
      </c>
      <c r="G68453" s="1" t="s">
        <v>228195</v>
      </c>
      <c r="H68453" s="1" t="s">
        <v>228196</v>
      </c>
      <c r="I68453" s="1" t="s">
        <v>222698</v>
      </c>
      <c r="J68453" s="1" t="s">
        <v>228229</v>
      </c>
    </row>
    <row r="68454" spans="1:10" x14ac:dyDescent="0.35">
      <c r="A68454" s="1" t="s">
        <v>45983</v>
      </c>
      <c r="B68454" s="1" t="s">
        <v>222693</v>
      </c>
      <c r="C68454" s="1" t="s">
        <v>60</v>
      </c>
      <c r="D68454" s="1" t="s">
        <v>228230</v>
      </c>
      <c r="E68454" s="1" t="s">
        <v>228231</v>
      </c>
      <c r="F68454" s="1" t="s">
        <v>228232</v>
      </c>
      <c r="G68454" s="1" t="s">
        <v>228195</v>
      </c>
      <c r="H68454" s="1" t="s">
        <v>228196</v>
      </c>
      <c r="I68454" s="1" t="s">
        <v>222698</v>
      </c>
      <c r="J68454" s="1" t="s">
        <v>228233</v>
      </c>
    </row>
    <row r="68455" spans="1:10" x14ac:dyDescent="0.35">
      <c r="A68455" s="1" t="s">
        <v>45983</v>
      </c>
      <c r="B68455" s="1" t="s">
        <v>222693</v>
      </c>
      <c r="C68455" s="1" t="s">
        <v>65</v>
      </c>
      <c r="D68455" s="1" t="s">
        <v>228234</v>
      </c>
      <c r="E68455" s="1" t="s">
        <v>228235</v>
      </c>
      <c r="F68455" s="1" t="s">
        <v>228236</v>
      </c>
      <c r="G68455" s="1" t="s">
        <v>228195</v>
      </c>
      <c r="H68455" s="1" t="s">
        <v>228196</v>
      </c>
      <c r="I68455" s="1" t="s">
        <v>222698</v>
      </c>
      <c r="J68455" s="1" t="s">
        <v>228237</v>
      </c>
    </row>
    <row r="68456" spans="1:10" x14ac:dyDescent="0.35">
      <c r="A68456" s="1" t="s">
        <v>45983</v>
      </c>
      <c r="B68456" s="1" t="s">
        <v>222693</v>
      </c>
      <c r="C68456" s="1" t="s">
        <v>70</v>
      </c>
      <c r="D68456" s="1" t="s">
        <v>228238</v>
      </c>
      <c r="E68456" s="1" t="s">
        <v>228239</v>
      </c>
      <c r="F68456" s="1" t="s">
        <v>228240</v>
      </c>
      <c r="G68456" s="1" t="s">
        <v>228195</v>
      </c>
      <c r="H68456" s="1" t="s">
        <v>228196</v>
      </c>
      <c r="I68456" s="1" t="s">
        <v>222698</v>
      </c>
      <c r="J68456" s="1" t="s">
        <v>228241</v>
      </c>
    </row>
    <row r="68457" spans="1:10" x14ac:dyDescent="0.35">
      <c r="A68457" s="1" t="s">
        <v>45983</v>
      </c>
      <c r="B68457" s="1" t="s">
        <v>222693</v>
      </c>
      <c r="C68457" s="1" t="s">
        <v>75</v>
      </c>
      <c r="D68457" s="1" t="s">
        <v>228242</v>
      </c>
      <c r="E68457" s="1" t="s">
        <v>228243</v>
      </c>
      <c r="F68457" s="1" t="s">
        <v>228244</v>
      </c>
      <c r="G68457" s="1" t="s">
        <v>228195</v>
      </c>
      <c r="H68457" s="1" t="s">
        <v>228196</v>
      </c>
      <c r="I68457" s="1" t="s">
        <v>222698</v>
      </c>
      <c r="J68457" s="1" t="s">
        <v>228245</v>
      </c>
    </row>
    <row r="68458" spans="1:10" x14ac:dyDescent="0.35">
      <c r="A68458" s="1" t="s">
        <v>45983</v>
      </c>
      <c r="B68458" s="1" t="s">
        <v>222693</v>
      </c>
      <c r="C68458" s="1" t="s">
        <v>80</v>
      </c>
      <c r="D68458" s="1" t="s">
        <v>225677</v>
      </c>
      <c r="E68458" s="1" t="s">
        <v>228246</v>
      </c>
      <c r="F68458" s="1" t="s">
        <v>228247</v>
      </c>
      <c r="G68458" s="1" t="s">
        <v>228195</v>
      </c>
      <c r="H68458" s="1" t="s">
        <v>228196</v>
      </c>
      <c r="I68458" s="1" t="s">
        <v>222698</v>
      </c>
      <c r="J68458" s="1" t="s">
        <v>228248</v>
      </c>
    </row>
    <row r="68459" spans="1:10" x14ac:dyDescent="0.35">
      <c r="A68459" s="1" t="s">
        <v>45983</v>
      </c>
      <c r="B68459" s="1" t="s">
        <v>222693</v>
      </c>
      <c r="C68459" s="1" t="s">
        <v>85</v>
      </c>
      <c r="D68459" s="1" t="s">
        <v>228249</v>
      </c>
      <c r="E68459" s="1" t="s">
        <v>228250</v>
      </c>
      <c r="F68459" s="1" t="s">
        <v>228251</v>
      </c>
      <c r="G68459" s="1" t="s">
        <v>228195</v>
      </c>
      <c r="H68459" s="1" t="s">
        <v>228196</v>
      </c>
      <c r="I68459" s="1" t="s">
        <v>222698</v>
      </c>
      <c r="J68459" s="1" t="s">
        <v>228252</v>
      </c>
    </row>
    <row r="68460" spans="1:10" x14ac:dyDescent="0.35">
      <c r="A68460" s="1" t="s">
        <v>45983</v>
      </c>
      <c r="B68460" s="1" t="s">
        <v>222693</v>
      </c>
      <c r="C68460" s="1" t="s">
        <v>90</v>
      </c>
      <c r="D68460" s="1" t="s">
        <v>77733</v>
      </c>
      <c r="E68460" s="1" t="s">
        <v>228253</v>
      </c>
      <c r="F68460" s="1" t="s">
        <v>228254</v>
      </c>
      <c r="G68460" s="1" t="s">
        <v>228195</v>
      </c>
      <c r="H68460" s="1" t="s">
        <v>228196</v>
      </c>
      <c r="I68460" s="1" t="s">
        <v>222698</v>
      </c>
      <c r="J68460" s="1" t="s">
        <v>228255</v>
      </c>
    </row>
    <row r="68461" spans="1:10" x14ac:dyDescent="0.35">
      <c r="A68461" s="1" t="s">
        <v>45983</v>
      </c>
      <c r="B68461" s="1" t="s">
        <v>222693</v>
      </c>
      <c r="C68461" s="1" t="s">
        <v>95</v>
      </c>
      <c r="D68461" s="1" t="s">
        <v>164933</v>
      </c>
      <c r="E68461" s="1" t="s">
        <v>228256</v>
      </c>
      <c r="F68461" s="1" t="s">
        <v>228257</v>
      </c>
      <c r="G68461" s="1" t="s">
        <v>228195</v>
      </c>
      <c r="H68461" s="1" t="s">
        <v>228196</v>
      </c>
      <c r="I68461" s="1" t="s">
        <v>222698</v>
      </c>
      <c r="J68461" s="1" t="s">
        <v>228258</v>
      </c>
    </row>
    <row r="68462" spans="1:10" x14ac:dyDescent="0.35">
      <c r="A68462" s="1" t="s">
        <v>45983</v>
      </c>
      <c r="B68462" s="1" t="s">
        <v>222693</v>
      </c>
      <c r="C68462" s="1" t="s">
        <v>100</v>
      </c>
      <c r="D68462" s="1" t="s">
        <v>59232</v>
      </c>
      <c r="E68462" s="1" t="s">
        <v>228259</v>
      </c>
      <c r="F68462" s="1" t="s">
        <v>228260</v>
      </c>
      <c r="G68462" s="1" t="s">
        <v>228195</v>
      </c>
      <c r="H68462" s="1" t="s">
        <v>228196</v>
      </c>
      <c r="I68462" s="1" t="s">
        <v>222698</v>
      </c>
      <c r="J68462" s="1" t="s">
        <v>228261</v>
      </c>
    </row>
    <row r="68463" spans="1:10" x14ac:dyDescent="0.35">
      <c r="A68463" s="1" t="s">
        <v>45983</v>
      </c>
      <c r="B68463" s="1" t="s">
        <v>222693</v>
      </c>
      <c r="C68463" s="1" t="s">
        <v>105</v>
      </c>
      <c r="D68463" s="1" t="s">
        <v>228262</v>
      </c>
      <c r="E68463" s="1" t="s">
        <v>228263</v>
      </c>
      <c r="F68463" s="1" t="s">
        <v>228264</v>
      </c>
      <c r="G68463" s="1" t="s">
        <v>228195</v>
      </c>
      <c r="H68463" s="1" t="s">
        <v>228196</v>
      </c>
      <c r="I68463" s="1" t="s">
        <v>222698</v>
      </c>
      <c r="J68463" s="1" t="s">
        <v>228265</v>
      </c>
    </row>
    <row r="68464" spans="1:10" x14ac:dyDescent="0.35">
      <c r="A68464" s="1" t="s">
        <v>45983</v>
      </c>
      <c r="B68464" s="1" t="s">
        <v>222693</v>
      </c>
      <c r="C68464" s="1" t="s">
        <v>110</v>
      </c>
      <c r="D68464" s="1" t="s">
        <v>228266</v>
      </c>
      <c r="E68464" s="1" t="s">
        <v>228267</v>
      </c>
      <c r="F68464" s="1" t="s">
        <v>228268</v>
      </c>
      <c r="G68464" s="1" t="s">
        <v>228195</v>
      </c>
      <c r="H68464" s="1" t="s">
        <v>228196</v>
      </c>
      <c r="I68464" s="1" t="s">
        <v>222698</v>
      </c>
      <c r="J68464" s="1" t="s">
        <v>228269</v>
      </c>
    </row>
    <row r="68465" spans="1:10" x14ac:dyDescent="0.35">
      <c r="A68465" s="1" t="s">
        <v>45983</v>
      </c>
      <c r="B68465" s="1" t="s">
        <v>222693</v>
      </c>
      <c r="C68465" s="1" t="s">
        <v>115</v>
      </c>
      <c r="D68465" s="1" t="s">
        <v>228270</v>
      </c>
      <c r="E68465" s="1" t="s">
        <v>228271</v>
      </c>
      <c r="F68465" s="1" t="s">
        <v>228272</v>
      </c>
      <c r="G68465" s="1" t="s">
        <v>228195</v>
      </c>
      <c r="H68465" s="1" t="s">
        <v>228196</v>
      </c>
      <c r="I68465" s="1" t="s">
        <v>222698</v>
      </c>
      <c r="J68465" s="1" t="s">
        <v>228273</v>
      </c>
    </row>
    <row r="68466" spans="1:10" x14ac:dyDescent="0.35">
      <c r="A68466" s="1" t="s">
        <v>45983</v>
      </c>
      <c r="B68466" s="1" t="s">
        <v>222693</v>
      </c>
      <c r="C68466" s="1" t="s">
        <v>120</v>
      </c>
      <c r="D68466" s="1" t="s">
        <v>23899</v>
      </c>
      <c r="E68466" s="1" t="s">
        <v>228274</v>
      </c>
      <c r="F68466" s="1" t="s">
        <v>228275</v>
      </c>
      <c r="G68466" s="1" t="s">
        <v>228195</v>
      </c>
      <c r="H68466" s="1" t="s">
        <v>228196</v>
      </c>
      <c r="I68466" s="1" t="s">
        <v>222698</v>
      </c>
      <c r="J68466" s="1" t="s">
        <v>228276</v>
      </c>
    </row>
    <row r="68467" spans="1:10" x14ac:dyDescent="0.35">
      <c r="A68467" s="1" t="s">
        <v>45983</v>
      </c>
      <c r="B68467" s="1" t="s">
        <v>222693</v>
      </c>
      <c r="C68467" s="1" t="s">
        <v>125</v>
      </c>
      <c r="D68467" s="1" t="s">
        <v>228277</v>
      </c>
      <c r="E68467" s="1" t="s">
        <v>228278</v>
      </c>
      <c r="F68467" s="1" t="s">
        <v>228279</v>
      </c>
      <c r="G68467" s="1" t="s">
        <v>228195</v>
      </c>
      <c r="H68467" s="1" t="s">
        <v>228196</v>
      </c>
      <c r="I68467" s="1" t="s">
        <v>222698</v>
      </c>
      <c r="J68467" s="1" t="s">
        <v>228280</v>
      </c>
    </row>
    <row r="68468" spans="1:10" x14ac:dyDescent="0.35">
      <c r="A68468" s="1" t="s">
        <v>45983</v>
      </c>
      <c r="B68468" s="1" t="s">
        <v>222693</v>
      </c>
      <c r="C68468" s="1" t="s">
        <v>130</v>
      </c>
      <c r="D68468" s="1" t="s">
        <v>99892</v>
      </c>
      <c r="E68468" s="1" t="s">
        <v>228281</v>
      </c>
      <c r="F68468" s="1" t="s">
        <v>228282</v>
      </c>
      <c r="G68468" s="1" t="s">
        <v>228195</v>
      </c>
      <c r="H68468" s="1" t="s">
        <v>228196</v>
      </c>
      <c r="I68468" s="1" t="s">
        <v>222698</v>
      </c>
      <c r="J68468" s="1" t="s">
        <v>228283</v>
      </c>
    </row>
    <row r="68469" spans="1:10" x14ac:dyDescent="0.35">
      <c r="A68469" s="1" t="s">
        <v>45983</v>
      </c>
      <c r="B68469" s="1" t="s">
        <v>222693</v>
      </c>
      <c r="C68469" s="1" t="s">
        <v>135</v>
      </c>
      <c r="D68469" s="1" t="s">
        <v>228284</v>
      </c>
      <c r="E68469" s="1" t="s">
        <v>228285</v>
      </c>
      <c r="F68469" s="1" t="s">
        <v>228286</v>
      </c>
      <c r="G68469" s="1" t="s">
        <v>228195</v>
      </c>
      <c r="H68469" s="1" t="s">
        <v>228196</v>
      </c>
      <c r="I68469" s="1" t="s">
        <v>222698</v>
      </c>
      <c r="J68469" s="1" t="s">
        <v>228287</v>
      </c>
    </row>
    <row r="68470" spans="1:10" x14ac:dyDescent="0.35">
      <c r="A68470" s="1" t="s">
        <v>45983</v>
      </c>
      <c r="B68470" s="1" t="s">
        <v>222693</v>
      </c>
      <c r="C68470" s="1" t="s">
        <v>140</v>
      </c>
      <c r="D68470" s="1" t="s">
        <v>228288</v>
      </c>
      <c r="E68470" s="1" t="s">
        <v>228289</v>
      </c>
      <c r="F68470" s="1" t="s">
        <v>228290</v>
      </c>
      <c r="G68470" s="1" t="s">
        <v>228195</v>
      </c>
      <c r="H68470" s="1" t="s">
        <v>228196</v>
      </c>
      <c r="I68470" s="1" t="s">
        <v>222698</v>
      </c>
      <c r="J68470" s="1" t="s">
        <v>228291</v>
      </c>
    </row>
    <row r="68471" spans="1:10" x14ac:dyDescent="0.35">
      <c r="A68471" s="1" t="s">
        <v>45983</v>
      </c>
      <c r="B68471" s="1" t="s">
        <v>222693</v>
      </c>
      <c r="C68471" s="1" t="s">
        <v>145</v>
      </c>
      <c r="D68471" s="1" t="s">
        <v>228292</v>
      </c>
      <c r="E68471" s="1" t="s">
        <v>228293</v>
      </c>
      <c r="F68471" s="1" t="s">
        <v>228294</v>
      </c>
      <c r="G68471" s="1" t="s">
        <v>228195</v>
      </c>
      <c r="H68471" s="1" t="s">
        <v>228196</v>
      </c>
      <c r="I68471" s="1" t="s">
        <v>222698</v>
      </c>
      <c r="J68471" s="1" t="s">
        <v>228295</v>
      </c>
    </row>
    <row r="68472" spans="1:10" x14ac:dyDescent="0.35">
      <c r="A68472" s="1" t="s">
        <v>45983</v>
      </c>
      <c r="B68472" s="1" t="s">
        <v>222693</v>
      </c>
      <c r="C68472" s="1" t="s">
        <v>150</v>
      </c>
      <c r="D68472" s="1" t="s">
        <v>228296</v>
      </c>
      <c r="E68472" s="1" t="s">
        <v>228297</v>
      </c>
      <c r="F68472" s="1" t="s">
        <v>228298</v>
      </c>
      <c r="G68472" s="1" t="s">
        <v>228195</v>
      </c>
      <c r="H68472" s="1" t="s">
        <v>228196</v>
      </c>
      <c r="I68472" s="1" t="s">
        <v>222698</v>
      </c>
      <c r="J68472" s="1" t="s">
        <v>228299</v>
      </c>
    </row>
    <row r="68473" spans="1:10" x14ac:dyDescent="0.35">
      <c r="A68473" s="1" t="s">
        <v>45983</v>
      </c>
      <c r="B68473" s="1" t="s">
        <v>222693</v>
      </c>
      <c r="C68473" s="1" t="s">
        <v>155</v>
      </c>
      <c r="D68473" s="1" t="s">
        <v>224159</v>
      </c>
      <c r="E68473" s="1" t="s">
        <v>228300</v>
      </c>
      <c r="F68473" s="1" t="s">
        <v>228301</v>
      </c>
      <c r="G68473" s="1" t="s">
        <v>228195</v>
      </c>
      <c r="H68473" s="1" t="s">
        <v>228196</v>
      </c>
      <c r="I68473" s="1" t="s">
        <v>222698</v>
      </c>
      <c r="J68473" s="1" t="s">
        <v>228302</v>
      </c>
    </row>
    <row r="68474" spans="1:10" x14ac:dyDescent="0.35">
      <c r="A68474" s="1" t="s">
        <v>45983</v>
      </c>
      <c r="B68474" s="1" t="s">
        <v>222693</v>
      </c>
      <c r="C68474" s="1" t="s">
        <v>160</v>
      </c>
      <c r="D68474" s="1" t="s">
        <v>228303</v>
      </c>
      <c r="E68474" s="1" t="s">
        <v>228304</v>
      </c>
      <c r="F68474" s="1" t="s">
        <v>228305</v>
      </c>
      <c r="G68474" s="1" t="s">
        <v>228195</v>
      </c>
      <c r="H68474" s="1" t="s">
        <v>228196</v>
      </c>
      <c r="I68474" s="1" t="s">
        <v>222698</v>
      </c>
      <c r="J68474" s="1" t="s">
        <v>228306</v>
      </c>
    </row>
    <row r="68475" spans="1:10" x14ac:dyDescent="0.35">
      <c r="A68475" s="1" t="s">
        <v>45983</v>
      </c>
      <c r="B68475" s="1" t="s">
        <v>222693</v>
      </c>
      <c r="C68475" s="1" t="s">
        <v>165</v>
      </c>
      <c r="D68475" s="1" t="s">
        <v>228307</v>
      </c>
      <c r="E68475" s="1" t="s">
        <v>228308</v>
      </c>
      <c r="F68475" s="1" t="s">
        <v>228309</v>
      </c>
      <c r="G68475" s="1" t="s">
        <v>228195</v>
      </c>
      <c r="H68475" s="1" t="s">
        <v>228196</v>
      </c>
      <c r="I68475" s="1" t="s">
        <v>222698</v>
      </c>
      <c r="J68475" s="1" t="s">
        <v>228310</v>
      </c>
    </row>
    <row r="68476" spans="1:10" x14ac:dyDescent="0.35">
      <c r="A68476" s="1" t="s">
        <v>45983</v>
      </c>
      <c r="B68476" s="1" t="s">
        <v>222693</v>
      </c>
      <c r="C68476" s="1" t="s">
        <v>170</v>
      </c>
      <c r="D68476" s="1" t="s">
        <v>228311</v>
      </c>
      <c r="E68476" s="1" t="s">
        <v>228312</v>
      </c>
      <c r="F68476" s="1" t="s">
        <v>228313</v>
      </c>
      <c r="G68476" s="1" t="s">
        <v>228195</v>
      </c>
      <c r="H68476" s="1" t="s">
        <v>228196</v>
      </c>
      <c r="I68476" s="1" t="s">
        <v>222698</v>
      </c>
      <c r="J68476" s="1" t="s">
        <v>228314</v>
      </c>
    </row>
    <row r="68477" spans="1:10" x14ac:dyDescent="0.35">
      <c r="A68477" s="1" t="s">
        <v>28902</v>
      </c>
      <c r="B68477" s="1" t="s">
        <v>222693</v>
      </c>
      <c r="C68477" s="1" t="s">
        <v>8</v>
      </c>
      <c r="D68477" s="1" t="s">
        <v>59745</v>
      </c>
      <c r="E68477" s="1" t="s">
        <v>228315</v>
      </c>
      <c r="F68477" s="1" t="s">
        <v>228316</v>
      </c>
      <c r="G68477" s="1" t="s">
        <v>228317</v>
      </c>
      <c r="H68477" s="1" t="s">
        <v>228318</v>
      </c>
      <c r="I68477" s="1" t="s">
        <v>222698</v>
      </c>
      <c r="J68477" s="1" t="s">
        <v>13</v>
      </c>
    </row>
    <row r="68478" spans="1:10" x14ac:dyDescent="0.35">
      <c r="A68478" s="1" t="s">
        <v>28902</v>
      </c>
      <c r="B68478" s="1" t="s">
        <v>222693</v>
      </c>
      <c r="C68478" s="1" t="s">
        <v>15</v>
      </c>
      <c r="D68478" s="1" t="s">
        <v>92669</v>
      </c>
      <c r="E68478" s="1" t="s">
        <v>228319</v>
      </c>
      <c r="F68478" s="1" t="s">
        <v>228320</v>
      </c>
      <c r="G68478" s="1" t="s">
        <v>228317</v>
      </c>
      <c r="H68478" s="1" t="s">
        <v>228318</v>
      </c>
      <c r="I68478" s="1" t="s">
        <v>222698</v>
      </c>
      <c r="J68478" s="1" t="s">
        <v>228321</v>
      </c>
    </row>
    <row r="68479" spans="1:10" x14ac:dyDescent="0.35">
      <c r="A68479" s="1" t="s">
        <v>28902</v>
      </c>
      <c r="B68479" s="1" t="s">
        <v>222693</v>
      </c>
      <c r="C68479" s="1" t="s">
        <v>20</v>
      </c>
      <c r="D68479" s="1" t="s">
        <v>62944</v>
      </c>
      <c r="E68479" s="1" t="s">
        <v>228322</v>
      </c>
      <c r="F68479" s="1" t="s">
        <v>228323</v>
      </c>
      <c r="G68479" s="1" t="s">
        <v>228317</v>
      </c>
      <c r="H68479" s="1" t="s">
        <v>228318</v>
      </c>
      <c r="I68479" s="1" t="s">
        <v>222698</v>
      </c>
      <c r="J68479" s="1" t="s">
        <v>228324</v>
      </c>
    </row>
    <row r="68480" spans="1:10" x14ac:dyDescent="0.35">
      <c r="A68480" s="1" t="s">
        <v>28902</v>
      </c>
      <c r="B68480" s="1" t="s">
        <v>222693</v>
      </c>
      <c r="C68480" s="1" t="s">
        <v>25</v>
      </c>
      <c r="D68480" s="1" t="s">
        <v>57205</v>
      </c>
      <c r="E68480" s="1" t="s">
        <v>228325</v>
      </c>
      <c r="F68480" s="1" t="s">
        <v>228326</v>
      </c>
      <c r="G68480" s="1" t="s">
        <v>228317</v>
      </c>
      <c r="H68480" s="1" t="s">
        <v>228318</v>
      </c>
      <c r="I68480" s="1" t="s">
        <v>222698</v>
      </c>
      <c r="J68480" s="1" t="s">
        <v>228327</v>
      </c>
    </row>
    <row r="68481" spans="1:10" x14ac:dyDescent="0.35">
      <c r="A68481" s="1" t="s">
        <v>28902</v>
      </c>
      <c r="B68481" s="1" t="s">
        <v>222693</v>
      </c>
      <c r="C68481" s="1" t="s">
        <v>30</v>
      </c>
      <c r="D68481" s="1" t="s">
        <v>132183</v>
      </c>
      <c r="E68481" s="1" t="s">
        <v>228328</v>
      </c>
      <c r="F68481" s="1" t="s">
        <v>228329</v>
      </c>
      <c r="G68481" s="1" t="s">
        <v>228317</v>
      </c>
      <c r="H68481" s="1" t="s">
        <v>228318</v>
      </c>
      <c r="I68481" s="1" t="s">
        <v>222698</v>
      </c>
      <c r="J68481" s="1" t="s">
        <v>228330</v>
      </c>
    </row>
    <row r="68482" spans="1:10" x14ac:dyDescent="0.35">
      <c r="A68482" s="1" t="s">
        <v>28902</v>
      </c>
      <c r="B68482" s="1" t="s">
        <v>222693</v>
      </c>
      <c r="C68482" s="1" t="s">
        <v>35</v>
      </c>
      <c r="D68482" s="1" t="s">
        <v>138208</v>
      </c>
      <c r="E68482" s="1" t="s">
        <v>228331</v>
      </c>
      <c r="F68482" s="1" t="s">
        <v>228332</v>
      </c>
      <c r="G68482" s="1" t="s">
        <v>228317</v>
      </c>
      <c r="H68482" s="1" t="s">
        <v>228318</v>
      </c>
      <c r="I68482" s="1" t="s">
        <v>222698</v>
      </c>
      <c r="J68482" s="1" t="s">
        <v>228333</v>
      </c>
    </row>
    <row r="68483" spans="1:10" x14ac:dyDescent="0.35">
      <c r="A68483" s="1" t="s">
        <v>28902</v>
      </c>
      <c r="B68483" s="1" t="s">
        <v>222693</v>
      </c>
      <c r="C68483" s="1" t="s">
        <v>40</v>
      </c>
      <c r="D68483" s="1" t="s">
        <v>87819</v>
      </c>
      <c r="E68483" s="1" t="s">
        <v>228334</v>
      </c>
      <c r="F68483" s="1" t="s">
        <v>228335</v>
      </c>
      <c r="G68483" s="1" t="s">
        <v>228317</v>
      </c>
      <c r="H68483" s="1" t="s">
        <v>228318</v>
      </c>
      <c r="I68483" s="1" t="s">
        <v>222698</v>
      </c>
      <c r="J68483" s="1" t="s">
        <v>228336</v>
      </c>
    </row>
    <row r="68484" spans="1:10" x14ac:dyDescent="0.35">
      <c r="A68484" s="1" t="s">
        <v>28902</v>
      </c>
      <c r="B68484" s="1" t="s">
        <v>222693</v>
      </c>
      <c r="C68484" s="1" t="s">
        <v>45</v>
      </c>
      <c r="D68484" s="1" t="s">
        <v>20598</v>
      </c>
      <c r="E68484" s="1" t="s">
        <v>228337</v>
      </c>
      <c r="F68484" s="1" t="s">
        <v>228338</v>
      </c>
      <c r="G68484" s="1" t="s">
        <v>228317</v>
      </c>
      <c r="H68484" s="1" t="s">
        <v>228318</v>
      </c>
      <c r="I68484" s="1" t="s">
        <v>222698</v>
      </c>
      <c r="J68484" s="1" t="s">
        <v>228339</v>
      </c>
    </row>
    <row r="68485" spans="1:10" x14ac:dyDescent="0.35">
      <c r="A68485" s="1" t="s">
        <v>28902</v>
      </c>
      <c r="B68485" s="1" t="s">
        <v>222693</v>
      </c>
      <c r="C68485" s="1" t="s">
        <v>50</v>
      </c>
      <c r="D68485" s="1" t="s">
        <v>62525</v>
      </c>
      <c r="E68485" s="1" t="s">
        <v>228340</v>
      </c>
      <c r="F68485" s="1" t="s">
        <v>228341</v>
      </c>
      <c r="G68485" s="1" t="s">
        <v>228317</v>
      </c>
      <c r="H68485" s="1" t="s">
        <v>228318</v>
      </c>
      <c r="I68485" s="1" t="s">
        <v>222698</v>
      </c>
      <c r="J68485" s="1" t="s">
        <v>228342</v>
      </c>
    </row>
    <row r="68486" spans="1:10" x14ac:dyDescent="0.35">
      <c r="A68486" s="1" t="s">
        <v>28902</v>
      </c>
      <c r="B68486" s="1" t="s">
        <v>222693</v>
      </c>
      <c r="C68486" s="1" t="s">
        <v>55</v>
      </c>
      <c r="D68486" s="1" t="s">
        <v>41680</v>
      </c>
      <c r="E68486" s="1" t="s">
        <v>228343</v>
      </c>
      <c r="F68486" s="1" t="s">
        <v>228344</v>
      </c>
      <c r="G68486" s="1" t="s">
        <v>228317</v>
      </c>
      <c r="H68486" s="1" t="s">
        <v>228318</v>
      </c>
      <c r="I68486" s="1" t="s">
        <v>222698</v>
      </c>
      <c r="J68486" s="1" t="s">
        <v>228345</v>
      </c>
    </row>
    <row r="68487" spans="1:10" x14ac:dyDescent="0.35">
      <c r="A68487" s="1" t="s">
        <v>28902</v>
      </c>
      <c r="B68487" s="1" t="s">
        <v>222693</v>
      </c>
      <c r="C68487" s="1" t="s">
        <v>60</v>
      </c>
      <c r="D68487" s="1" t="s">
        <v>104020</v>
      </c>
      <c r="E68487" s="1" t="s">
        <v>228346</v>
      </c>
      <c r="F68487" s="1" t="s">
        <v>228347</v>
      </c>
      <c r="G68487" s="1" t="s">
        <v>228317</v>
      </c>
      <c r="H68487" s="1" t="s">
        <v>228318</v>
      </c>
      <c r="I68487" s="1" t="s">
        <v>222698</v>
      </c>
      <c r="J68487" s="1" t="s">
        <v>228348</v>
      </c>
    </row>
    <row r="68488" spans="1:10" x14ac:dyDescent="0.35">
      <c r="A68488" s="1" t="s">
        <v>28902</v>
      </c>
      <c r="B68488" s="1" t="s">
        <v>222693</v>
      </c>
      <c r="C68488" s="1" t="s">
        <v>65</v>
      </c>
      <c r="D68488" s="1" t="s">
        <v>95181</v>
      </c>
      <c r="E68488" s="1" t="s">
        <v>228349</v>
      </c>
      <c r="F68488" s="1" t="s">
        <v>228350</v>
      </c>
      <c r="G68488" s="1" t="s">
        <v>228317</v>
      </c>
      <c r="H68488" s="1" t="s">
        <v>228318</v>
      </c>
      <c r="I68488" s="1" t="s">
        <v>222698</v>
      </c>
      <c r="J68488" s="1" t="s">
        <v>228351</v>
      </c>
    </row>
    <row r="68489" spans="1:10" x14ac:dyDescent="0.35">
      <c r="A68489" s="1" t="s">
        <v>28902</v>
      </c>
      <c r="B68489" s="1" t="s">
        <v>222693</v>
      </c>
      <c r="C68489" s="1" t="s">
        <v>70</v>
      </c>
      <c r="D68489" s="1" t="s">
        <v>228352</v>
      </c>
      <c r="E68489" s="1" t="s">
        <v>228353</v>
      </c>
      <c r="F68489" s="1" t="s">
        <v>228354</v>
      </c>
      <c r="G68489" s="1" t="s">
        <v>228317</v>
      </c>
      <c r="H68489" s="1" t="s">
        <v>228318</v>
      </c>
      <c r="I68489" s="1" t="s">
        <v>222698</v>
      </c>
      <c r="J68489" s="1" t="s">
        <v>228355</v>
      </c>
    </row>
    <row r="68490" spans="1:10" x14ac:dyDescent="0.35">
      <c r="A68490" s="1" t="s">
        <v>28902</v>
      </c>
      <c r="B68490" s="1" t="s">
        <v>222693</v>
      </c>
      <c r="C68490" s="1" t="s">
        <v>75</v>
      </c>
      <c r="D68490" s="1" t="s">
        <v>228356</v>
      </c>
      <c r="E68490" s="1" t="s">
        <v>228357</v>
      </c>
      <c r="F68490" s="1" t="s">
        <v>228358</v>
      </c>
      <c r="G68490" s="1" t="s">
        <v>228317</v>
      </c>
      <c r="H68490" s="1" t="s">
        <v>228318</v>
      </c>
      <c r="I68490" s="1" t="s">
        <v>222698</v>
      </c>
      <c r="J68490" s="1" t="s">
        <v>228359</v>
      </c>
    </row>
    <row r="68491" spans="1:10" x14ac:dyDescent="0.35">
      <c r="A68491" s="1" t="s">
        <v>28902</v>
      </c>
      <c r="B68491" s="1" t="s">
        <v>222693</v>
      </c>
      <c r="C68491" s="1" t="s">
        <v>80</v>
      </c>
      <c r="D68491" s="1" t="s">
        <v>69587</v>
      </c>
      <c r="E68491" s="1" t="s">
        <v>228360</v>
      </c>
      <c r="F68491" s="1" t="s">
        <v>228361</v>
      </c>
      <c r="G68491" s="1" t="s">
        <v>228317</v>
      </c>
      <c r="H68491" s="1" t="s">
        <v>228318</v>
      </c>
      <c r="I68491" s="1" t="s">
        <v>222698</v>
      </c>
      <c r="J68491" s="1" t="s">
        <v>228362</v>
      </c>
    </row>
    <row r="68492" spans="1:10" x14ac:dyDescent="0.35">
      <c r="A68492" s="1" t="s">
        <v>28902</v>
      </c>
      <c r="B68492" s="1" t="s">
        <v>222693</v>
      </c>
      <c r="C68492" s="1" t="s">
        <v>85</v>
      </c>
      <c r="D68492" s="1" t="s">
        <v>60493</v>
      </c>
      <c r="E68492" s="1" t="s">
        <v>228363</v>
      </c>
      <c r="F68492" s="1" t="s">
        <v>228364</v>
      </c>
      <c r="G68492" s="1" t="s">
        <v>228317</v>
      </c>
      <c r="H68492" s="1" t="s">
        <v>228318</v>
      </c>
      <c r="I68492" s="1" t="s">
        <v>222698</v>
      </c>
      <c r="J68492" s="1" t="s">
        <v>228365</v>
      </c>
    </row>
    <row r="68493" spans="1:10" x14ac:dyDescent="0.35">
      <c r="A68493" s="1" t="s">
        <v>28902</v>
      </c>
      <c r="B68493" s="1" t="s">
        <v>222693</v>
      </c>
      <c r="C68493" s="1" t="s">
        <v>90</v>
      </c>
      <c r="D68493" s="1" t="s">
        <v>228366</v>
      </c>
      <c r="E68493" s="1" t="s">
        <v>228367</v>
      </c>
      <c r="F68493" s="1" t="s">
        <v>228368</v>
      </c>
      <c r="G68493" s="1" t="s">
        <v>228317</v>
      </c>
      <c r="H68493" s="1" t="s">
        <v>228318</v>
      </c>
      <c r="I68493" s="1" t="s">
        <v>222698</v>
      </c>
      <c r="J68493" s="1" t="s">
        <v>228369</v>
      </c>
    </row>
    <row r="68494" spans="1:10" x14ac:dyDescent="0.35">
      <c r="A68494" s="1" t="s">
        <v>28902</v>
      </c>
      <c r="B68494" s="1" t="s">
        <v>222693</v>
      </c>
      <c r="C68494" s="1" t="s">
        <v>95</v>
      </c>
      <c r="D68494" s="1" t="s">
        <v>40320</v>
      </c>
      <c r="E68494" s="1" t="s">
        <v>228370</v>
      </c>
      <c r="F68494" s="1" t="s">
        <v>228371</v>
      </c>
      <c r="G68494" s="1" t="s">
        <v>228317</v>
      </c>
      <c r="H68494" s="1" t="s">
        <v>228318</v>
      </c>
      <c r="I68494" s="1" t="s">
        <v>222698</v>
      </c>
      <c r="J68494" s="1" t="s">
        <v>228372</v>
      </c>
    </row>
    <row r="68495" spans="1:10" x14ac:dyDescent="0.35">
      <c r="A68495" s="1" t="s">
        <v>28902</v>
      </c>
      <c r="B68495" s="1" t="s">
        <v>222693</v>
      </c>
      <c r="C68495" s="1" t="s">
        <v>100</v>
      </c>
      <c r="D68495" s="1" t="s">
        <v>101569</v>
      </c>
      <c r="E68495" s="1" t="s">
        <v>228373</v>
      </c>
      <c r="F68495" s="1" t="s">
        <v>228374</v>
      </c>
      <c r="G68495" s="1" t="s">
        <v>228317</v>
      </c>
      <c r="H68495" s="1" t="s">
        <v>228318</v>
      </c>
      <c r="I68495" s="1" t="s">
        <v>222698</v>
      </c>
      <c r="J68495" s="1" t="s">
        <v>228375</v>
      </c>
    </row>
    <row r="68496" spans="1:10" x14ac:dyDescent="0.35">
      <c r="A68496" s="1" t="s">
        <v>28902</v>
      </c>
      <c r="B68496" s="1" t="s">
        <v>222693</v>
      </c>
      <c r="C68496" s="1" t="s">
        <v>105</v>
      </c>
      <c r="D68496" s="1" t="s">
        <v>79374</v>
      </c>
      <c r="E68496" s="1" t="s">
        <v>228376</v>
      </c>
      <c r="F68496" s="1" t="s">
        <v>228377</v>
      </c>
      <c r="G68496" s="1" t="s">
        <v>228317</v>
      </c>
      <c r="H68496" s="1" t="s">
        <v>228318</v>
      </c>
      <c r="I68496" s="1" t="s">
        <v>222698</v>
      </c>
      <c r="J68496" s="1" t="s">
        <v>228378</v>
      </c>
    </row>
    <row r="68497" spans="1:10" x14ac:dyDescent="0.35">
      <c r="A68497" s="1" t="s">
        <v>28902</v>
      </c>
      <c r="B68497" s="1" t="s">
        <v>222693</v>
      </c>
      <c r="C68497" s="1" t="s">
        <v>110</v>
      </c>
      <c r="D68497" s="1" t="s">
        <v>41743</v>
      </c>
      <c r="E68497" s="1" t="s">
        <v>228379</v>
      </c>
      <c r="F68497" s="1" t="s">
        <v>228380</v>
      </c>
      <c r="G68497" s="1" t="s">
        <v>228317</v>
      </c>
      <c r="H68497" s="1" t="s">
        <v>228318</v>
      </c>
      <c r="I68497" s="1" t="s">
        <v>222698</v>
      </c>
      <c r="J68497" s="1" t="s">
        <v>228381</v>
      </c>
    </row>
    <row r="68498" spans="1:10" x14ac:dyDescent="0.35">
      <c r="A68498" s="1" t="s">
        <v>28902</v>
      </c>
      <c r="B68498" s="1" t="s">
        <v>222693</v>
      </c>
      <c r="C68498" s="1" t="s">
        <v>115</v>
      </c>
      <c r="D68498" s="1" t="s">
        <v>18679</v>
      </c>
      <c r="E68498" s="1" t="s">
        <v>228382</v>
      </c>
      <c r="F68498" s="1" t="s">
        <v>228383</v>
      </c>
      <c r="G68498" s="1" t="s">
        <v>228317</v>
      </c>
      <c r="H68498" s="1" t="s">
        <v>228318</v>
      </c>
      <c r="I68498" s="1" t="s">
        <v>222698</v>
      </c>
      <c r="J68498" s="1" t="s">
        <v>228384</v>
      </c>
    </row>
    <row r="68499" spans="1:10" x14ac:dyDescent="0.35">
      <c r="A68499" s="1" t="s">
        <v>28902</v>
      </c>
      <c r="B68499" s="1" t="s">
        <v>222693</v>
      </c>
      <c r="C68499" s="1" t="s">
        <v>120</v>
      </c>
      <c r="D68499" s="1" t="s">
        <v>60984</v>
      </c>
      <c r="E68499" s="1" t="s">
        <v>228385</v>
      </c>
      <c r="F68499" s="1" t="s">
        <v>228386</v>
      </c>
      <c r="G68499" s="1" t="s">
        <v>228317</v>
      </c>
      <c r="H68499" s="1" t="s">
        <v>228318</v>
      </c>
      <c r="I68499" s="1" t="s">
        <v>222698</v>
      </c>
      <c r="J68499" s="1" t="s">
        <v>228387</v>
      </c>
    </row>
    <row r="68500" spans="1:10" x14ac:dyDescent="0.35">
      <c r="A68500" s="1" t="s">
        <v>28902</v>
      </c>
      <c r="B68500" s="1" t="s">
        <v>222693</v>
      </c>
      <c r="C68500" s="1" t="s">
        <v>125</v>
      </c>
      <c r="D68500" s="1" t="s">
        <v>227273</v>
      </c>
      <c r="E68500" s="1" t="s">
        <v>228388</v>
      </c>
      <c r="F68500" s="1" t="s">
        <v>228389</v>
      </c>
      <c r="G68500" s="1" t="s">
        <v>228317</v>
      </c>
      <c r="H68500" s="1" t="s">
        <v>228318</v>
      </c>
      <c r="I68500" s="1" t="s">
        <v>222698</v>
      </c>
      <c r="J68500" s="1" t="s">
        <v>228390</v>
      </c>
    </row>
    <row r="68501" spans="1:10" x14ac:dyDescent="0.35">
      <c r="A68501" s="1" t="s">
        <v>28902</v>
      </c>
      <c r="B68501" s="1" t="s">
        <v>222693</v>
      </c>
      <c r="C68501" s="1" t="s">
        <v>130</v>
      </c>
      <c r="D68501" s="1" t="s">
        <v>228391</v>
      </c>
      <c r="E68501" s="1" t="s">
        <v>228392</v>
      </c>
      <c r="F68501" s="1" t="s">
        <v>228393</v>
      </c>
      <c r="G68501" s="1" t="s">
        <v>228317</v>
      </c>
      <c r="H68501" s="1" t="s">
        <v>228318</v>
      </c>
      <c r="I68501" s="1" t="s">
        <v>222698</v>
      </c>
      <c r="J68501" s="1" t="s">
        <v>228394</v>
      </c>
    </row>
    <row r="68502" spans="1:10" x14ac:dyDescent="0.35">
      <c r="A68502" s="1" t="s">
        <v>28902</v>
      </c>
      <c r="B68502" s="1" t="s">
        <v>222693</v>
      </c>
      <c r="C68502" s="1" t="s">
        <v>135</v>
      </c>
      <c r="D68502" s="1" t="s">
        <v>174870</v>
      </c>
      <c r="E68502" s="1" t="s">
        <v>228395</v>
      </c>
      <c r="F68502" s="1" t="s">
        <v>228396</v>
      </c>
      <c r="G68502" s="1" t="s">
        <v>228317</v>
      </c>
      <c r="H68502" s="1" t="s">
        <v>228318</v>
      </c>
      <c r="I68502" s="1" t="s">
        <v>222698</v>
      </c>
      <c r="J68502" s="1" t="s">
        <v>228397</v>
      </c>
    </row>
    <row r="68503" spans="1:10" x14ac:dyDescent="0.35">
      <c r="A68503" s="1" t="s">
        <v>28902</v>
      </c>
      <c r="B68503" s="1" t="s">
        <v>222693</v>
      </c>
      <c r="C68503" s="1" t="s">
        <v>140</v>
      </c>
      <c r="D68503" s="1" t="s">
        <v>228398</v>
      </c>
      <c r="E68503" s="1" t="s">
        <v>228399</v>
      </c>
      <c r="F68503" s="1" t="s">
        <v>228400</v>
      </c>
      <c r="G68503" s="1" t="s">
        <v>228317</v>
      </c>
      <c r="H68503" s="1" t="s">
        <v>228318</v>
      </c>
      <c r="I68503" s="1" t="s">
        <v>222698</v>
      </c>
      <c r="J68503" s="1" t="s">
        <v>228401</v>
      </c>
    </row>
    <row r="68504" spans="1:10" x14ac:dyDescent="0.35">
      <c r="A68504" s="1" t="s">
        <v>28902</v>
      </c>
      <c r="B68504" s="1" t="s">
        <v>222693</v>
      </c>
      <c r="C68504" s="1" t="s">
        <v>145</v>
      </c>
      <c r="D68504" s="1" t="s">
        <v>228402</v>
      </c>
      <c r="E68504" s="1" t="s">
        <v>228403</v>
      </c>
      <c r="F68504" s="1" t="s">
        <v>228404</v>
      </c>
      <c r="G68504" s="1" t="s">
        <v>228317</v>
      </c>
      <c r="H68504" s="1" t="s">
        <v>228318</v>
      </c>
      <c r="I68504" s="1" t="s">
        <v>222698</v>
      </c>
      <c r="J68504" s="1" t="s">
        <v>228405</v>
      </c>
    </row>
    <row r="68505" spans="1:10" x14ac:dyDescent="0.35">
      <c r="A68505" s="1" t="s">
        <v>28902</v>
      </c>
      <c r="B68505" s="1" t="s">
        <v>222693</v>
      </c>
      <c r="C68505" s="1" t="s">
        <v>150</v>
      </c>
      <c r="D68505" s="1" t="s">
        <v>84830</v>
      </c>
      <c r="E68505" s="1" t="s">
        <v>228406</v>
      </c>
      <c r="F68505" s="1" t="s">
        <v>228407</v>
      </c>
      <c r="G68505" s="1" t="s">
        <v>228317</v>
      </c>
      <c r="H68505" s="1" t="s">
        <v>228318</v>
      </c>
      <c r="I68505" s="1" t="s">
        <v>222698</v>
      </c>
      <c r="J68505" s="1" t="s">
        <v>228408</v>
      </c>
    </row>
    <row r="68506" spans="1:10" x14ac:dyDescent="0.35">
      <c r="A68506" s="1" t="s">
        <v>28902</v>
      </c>
      <c r="B68506" s="1" t="s">
        <v>222693</v>
      </c>
      <c r="C68506" s="1" t="s">
        <v>155</v>
      </c>
      <c r="D68506" s="1" t="s">
        <v>131085</v>
      </c>
      <c r="E68506" s="1" t="s">
        <v>228409</v>
      </c>
      <c r="F68506" s="1" t="s">
        <v>228410</v>
      </c>
      <c r="G68506" s="1" t="s">
        <v>228317</v>
      </c>
      <c r="H68506" s="1" t="s">
        <v>228318</v>
      </c>
      <c r="I68506" s="1" t="s">
        <v>222698</v>
      </c>
      <c r="J68506" s="1" t="s">
        <v>228411</v>
      </c>
    </row>
    <row r="68507" spans="1:10" x14ac:dyDescent="0.35">
      <c r="A68507" s="1" t="s">
        <v>28902</v>
      </c>
      <c r="B68507" s="1" t="s">
        <v>222693</v>
      </c>
      <c r="C68507" s="1" t="s">
        <v>160</v>
      </c>
      <c r="D68507" s="1" t="s">
        <v>226692</v>
      </c>
      <c r="E68507" s="1" t="s">
        <v>228412</v>
      </c>
      <c r="F68507" s="1" t="s">
        <v>228413</v>
      </c>
      <c r="G68507" s="1" t="s">
        <v>228317</v>
      </c>
      <c r="H68507" s="1" t="s">
        <v>228318</v>
      </c>
      <c r="I68507" s="1" t="s">
        <v>222698</v>
      </c>
      <c r="J68507" s="1" t="s">
        <v>228414</v>
      </c>
    </row>
    <row r="68508" spans="1:10" x14ac:dyDescent="0.35">
      <c r="A68508" s="1" t="s">
        <v>28902</v>
      </c>
      <c r="B68508" s="1" t="s">
        <v>222693</v>
      </c>
      <c r="C68508" s="1" t="s">
        <v>165</v>
      </c>
      <c r="D68508" s="1" t="s">
        <v>107595</v>
      </c>
      <c r="E68508" s="1" t="s">
        <v>228415</v>
      </c>
      <c r="F68508" s="1" t="s">
        <v>228416</v>
      </c>
      <c r="G68508" s="1" t="s">
        <v>228317</v>
      </c>
      <c r="H68508" s="1" t="s">
        <v>228318</v>
      </c>
      <c r="I68508" s="1" t="s">
        <v>222698</v>
      </c>
      <c r="J68508" s="1" t="s">
        <v>228417</v>
      </c>
    </row>
    <row r="68509" spans="1:10" x14ac:dyDescent="0.35">
      <c r="A68509" s="1" t="s">
        <v>28902</v>
      </c>
      <c r="B68509" s="1" t="s">
        <v>222693</v>
      </c>
      <c r="C68509" s="1" t="s">
        <v>170</v>
      </c>
      <c r="D68509" s="1" t="s">
        <v>228418</v>
      </c>
      <c r="E68509" s="1" t="s">
        <v>228419</v>
      </c>
      <c r="F68509" s="1" t="s">
        <v>228420</v>
      </c>
      <c r="G68509" s="1" t="s">
        <v>228317</v>
      </c>
      <c r="H68509" s="1" t="s">
        <v>228318</v>
      </c>
      <c r="I68509" s="1" t="s">
        <v>222698</v>
      </c>
      <c r="J68509" s="1" t="s">
        <v>228421</v>
      </c>
    </row>
    <row r="68510" spans="1:10" x14ac:dyDescent="0.35">
      <c r="A68510" s="1" t="s">
        <v>4400</v>
      </c>
      <c r="B68510" s="1" t="s">
        <v>222693</v>
      </c>
      <c r="C68510" s="1" t="s">
        <v>8</v>
      </c>
      <c r="D68510" s="1" t="s">
        <v>81297</v>
      </c>
      <c r="E68510" s="1" t="s">
        <v>228422</v>
      </c>
      <c r="F68510" s="1" t="s">
        <v>228423</v>
      </c>
      <c r="G68510" s="1" t="s">
        <v>228424</v>
      </c>
      <c r="H68510" s="1" t="s">
        <v>228425</v>
      </c>
      <c r="I68510" s="1" t="s">
        <v>222698</v>
      </c>
      <c r="J68510" s="1" t="s">
        <v>13</v>
      </c>
    </row>
    <row r="68511" spans="1:10" x14ac:dyDescent="0.35">
      <c r="A68511" s="1" t="s">
        <v>4400</v>
      </c>
      <c r="B68511" s="1" t="s">
        <v>222693</v>
      </c>
      <c r="C68511" s="1" t="s">
        <v>15</v>
      </c>
      <c r="D68511" s="1" t="s">
        <v>103653</v>
      </c>
      <c r="E68511" s="1" t="s">
        <v>228426</v>
      </c>
      <c r="F68511" s="1" t="s">
        <v>228427</v>
      </c>
      <c r="G68511" s="1" t="s">
        <v>228424</v>
      </c>
      <c r="H68511" s="1" t="s">
        <v>228425</v>
      </c>
      <c r="I68511" s="1" t="s">
        <v>222698</v>
      </c>
      <c r="J68511" s="1" t="s">
        <v>228428</v>
      </c>
    </row>
    <row r="68512" spans="1:10" x14ac:dyDescent="0.35">
      <c r="A68512" s="1" t="s">
        <v>4400</v>
      </c>
      <c r="B68512" s="1" t="s">
        <v>222693</v>
      </c>
      <c r="C68512" s="1" t="s">
        <v>20</v>
      </c>
      <c r="D68512" s="1" t="s">
        <v>228429</v>
      </c>
      <c r="E68512" s="1" t="s">
        <v>228430</v>
      </c>
      <c r="F68512" s="1" t="s">
        <v>228431</v>
      </c>
      <c r="G68512" s="1" t="s">
        <v>228424</v>
      </c>
      <c r="H68512" s="1" t="s">
        <v>228425</v>
      </c>
      <c r="I68512" s="1" t="s">
        <v>222698</v>
      </c>
      <c r="J68512" s="1" t="s">
        <v>228432</v>
      </c>
    </row>
    <row r="68513" spans="1:10" x14ac:dyDescent="0.35">
      <c r="A68513" s="1" t="s">
        <v>4400</v>
      </c>
      <c r="B68513" s="1" t="s">
        <v>222693</v>
      </c>
      <c r="C68513" s="1" t="s">
        <v>25</v>
      </c>
      <c r="D68513" s="1" t="s">
        <v>228433</v>
      </c>
      <c r="E68513" s="1" t="s">
        <v>228434</v>
      </c>
      <c r="F68513" s="1" t="s">
        <v>228435</v>
      </c>
      <c r="G68513" s="1" t="s">
        <v>228424</v>
      </c>
      <c r="H68513" s="1" t="s">
        <v>228425</v>
      </c>
      <c r="I68513" s="1" t="s">
        <v>222698</v>
      </c>
      <c r="J68513" s="1" t="s">
        <v>228436</v>
      </c>
    </row>
    <row r="68514" spans="1:10" x14ac:dyDescent="0.35">
      <c r="A68514" s="1" t="s">
        <v>4400</v>
      </c>
      <c r="B68514" s="1" t="s">
        <v>222693</v>
      </c>
      <c r="C68514" s="1" t="s">
        <v>30</v>
      </c>
      <c r="D68514" s="1" t="s">
        <v>228437</v>
      </c>
      <c r="E68514" s="1" t="s">
        <v>228438</v>
      </c>
      <c r="F68514" s="1" t="s">
        <v>228439</v>
      </c>
      <c r="G68514" s="1" t="s">
        <v>228424</v>
      </c>
      <c r="H68514" s="1" t="s">
        <v>228425</v>
      </c>
      <c r="I68514" s="1" t="s">
        <v>222698</v>
      </c>
      <c r="J68514" s="1" t="s">
        <v>228440</v>
      </c>
    </row>
    <row r="68515" spans="1:10" x14ac:dyDescent="0.35">
      <c r="A68515" s="1" t="s">
        <v>4400</v>
      </c>
      <c r="B68515" s="1" t="s">
        <v>222693</v>
      </c>
      <c r="C68515" s="1" t="s">
        <v>35</v>
      </c>
      <c r="D68515" s="1" t="s">
        <v>24930</v>
      </c>
      <c r="E68515" s="1" t="s">
        <v>228441</v>
      </c>
      <c r="F68515" s="1" t="s">
        <v>228442</v>
      </c>
      <c r="G68515" s="1" t="s">
        <v>228424</v>
      </c>
      <c r="H68515" s="1" t="s">
        <v>228425</v>
      </c>
      <c r="I68515" s="1" t="s">
        <v>222698</v>
      </c>
      <c r="J68515" s="1" t="s">
        <v>228443</v>
      </c>
    </row>
    <row r="68516" spans="1:10" x14ac:dyDescent="0.35">
      <c r="A68516" s="1" t="s">
        <v>4400</v>
      </c>
      <c r="B68516" s="1" t="s">
        <v>222693</v>
      </c>
      <c r="C68516" s="1" t="s">
        <v>40</v>
      </c>
      <c r="D68516" s="1" t="s">
        <v>136571</v>
      </c>
      <c r="E68516" s="1" t="s">
        <v>228444</v>
      </c>
      <c r="F68516" s="1" t="s">
        <v>228445</v>
      </c>
      <c r="G68516" s="1" t="s">
        <v>228424</v>
      </c>
      <c r="H68516" s="1" t="s">
        <v>228425</v>
      </c>
      <c r="I68516" s="1" t="s">
        <v>222698</v>
      </c>
      <c r="J68516" s="1" t="s">
        <v>228446</v>
      </c>
    </row>
    <row r="68517" spans="1:10" x14ac:dyDescent="0.35">
      <c r="A68517" s="1" t="s">
        <v>4400</v>
      </c>
      <c r="B68517" s="1" t="s">
        <v>222693</v>
      </c>
      <c r="C68517" s="1" t="s">
        <v>45</v>
      </c>
      <c r="D68517" s="1" t="s">
        <v>166809</v>
      </c>
      <c r="E68517" s="1" t="s">
        <v>228447</v>
      </c>
      <c r="F68517" s="1" t="s">
        <v>228448</v>
      </c>
      <c r="G68517" s="1" t="s">
        <v>228424</v>
      </c>
      <c r="H68517" s="1" t="s">
        <v>228425</v>
      </c>
      <c r="I68517" s="1" t="s">
        <v>222698</v>
      </c>
      <c r="J68517" s="1" t="s">
        <v>228449</v>
      </c>
    </row>
    <row r="68518" spans="1:10" x14ac:dyDescent="0.35">
      <c r="A68518" s="1" t="s">
        <v>4400</v>
      </c>
      <c r="B68518" s="1" t="s">
        <v>222693</v>
      </c>
      <c r="C68518" s="1" t="s">
        <v>50</v>
      </c>
      <c r="D68518" s="1" t="s">
        <v>228450</v>
      </c>
      <c r="E68518" s="1" t="s">
        <v>228451</v>
      </c>
      <c r="F68518" s="1" t="s">
        <v>228452</v>
      </c>
      <c r="G68518" s="1" t="s">
        <v>228424</v>
      </c>
      <c r="H68518" s="1" t="s">
        <v>228425</v>
      </c>
      <c r="I68518" s="1" t="s">
        <v>222698</v>
      </c>
      <c r="J68518" s="1" t="s">
        <v>228453</v>
      </c>
    </row>
    <row r="68519" spans="1:10" x14ac:dyDescent="0.35">
      <c r="A68519" s="1" t="s">
        <v>4400</v>
      </c>
      <c r="B68519" s="1" t="s">
        <v>222693</v>
      </c>
      <c r="C68519" s="1" t="s">
        <v>55</v>
      </c>
      <c r="D68519" s="1" t="s">
        <v>228454</v>
      </c>
      <c r="E68519" s="1" t="s">
        <v>228455</v>
      </c>
      <c r="F68519" s="1" t="s">
        <v>228456</v>
      </c>
      <c r="G68519" s="1" t="s">
        <v>228424</v>
      </c>
      <c r="H68519" s="1" t="s">
        <v>228425</v>
      </c>
      <c r="I68519" s="1" t="s">
        <v>222698</v>
      </c>
      <c r="J68519" s="1" t="s">
        <v>228457</v>
      </c>
    </row>
    <row r="68520" spans="1:10" x14ac:dyDescent="0.35">
      <c r="A68520" s="1" t="s">
        <v>4400</v>
      </c>
      <c r="B68520" s="1" t="s">
        <v>222693</v>
      </c>
      <c r="C68520" s="1" t="s">
        <v>60</v>
      </c>
      <c r="D68520" s="1" t="s">
        <v>64131</v>
      </c>
      <c r="E68520" s="1" t="s">
        <v>228458</v>
      </c>
      <c r="F68520" s="1" t="s">
        <v>228459</v>
      </c>
      <c r="G68520" s="1" t="s">
        <v>228424</v>
      </c>
      <c r="H68520" s="1" t="s">
        <v>228425</v>
      </c>
      <c r="I68520" s="1" t="s">
        <v>222698</v>
      </c>
      <c r="J68520" s="1" t="s">
        <v>228460</v>
      </c>
    </row>
    <row r="68521" spans="1:10" x14ac:dyDescent="0.35">
      <c r="A68521" s="1" t="s">
        <v>4400</v>
      </c>
      <c r="B68521" s="1" t="s">
        <v>222693</v>
      </c>
      <c r="C68521" s="1" t="s">
        <v>65</v>
      </c>
      <c r="D68521" s="1" t="s">
        <v>228461</v>
      </c>
      <c r="E68521" s="1" t="s">
        <v>228462</v>
      </c>
      <c r="F68521" s="1" t="s">
        <v>228463</v>
      </c>
      <c r="G68521" s="1" t="s">
        <v>228424</v>
      </c>
      <c r="H68521" s="1" t="s">
        <v>228425</v>
      </c>
      <c r="I68521" s="1" t="s">
        <v>222698</v>
      </c>
      <c r="J68521" s="1" t="s">
        <v>228464</v>
      </c>
    </row>
    <row r="68522" spans="1:10" x14ac:dyDescent="0.35">
      <c r="A68522" s="1" t="s">
        <v>4400</v>
      </c>
      <c r="B68522" s="1" t="s">
        <v>222693</v>
      </c>
      <c r="C68522" s="1" t="s">
        <v>70</v>
      </c>
      <c r="D68522" s="1" t="s">
        <v>228465</v>
      </c>
      <c r="E68522" s="1" t="s">
        <v>228466</v>
      </c>
      <c r="F68522" s="1" t="s">
        <v>228467</v>
      </c>
      <c r="G68522" s="1" t="s">
        <v>228424</v>
      </c>
      <c r="H68522" s="1" t="s">
        <v>228425</v>
      </c>
      <c r="I68522" s="1" t="s">
        <v>222698</v>
      </c>
      <c r="J68522" s="1" t="s">
        <v>228468</v>
      </c>
    </row>
    <row r="68523" spans="1:10" x14ac:dyDescent="0.35">
      <c r="A68523" s="1" t="s">
        <v>4400</v>
      </c>
      <c r="B68523" s="1" t="s">
        <v>222693</v>
      </c>
      <c r="C68523" s="1" t="s">
        <v>75</v>
      </c>
      <c r="D68523" s="1" t="s">
        <v>228469</v>
      </c>
      <c r="E68523" s="1" t="s">
        <v>228470</v>
      </c>
      <c r="F68523" s="1" t="s">
        <v>228471</v>
      </c>
      <c r="G68523" s="1" t="s">
        <v>228424</v>
      </c>
      <c r="H68523" s="1" t="s">
        <v>228425</v>
      </c>
      <c r="I68523" s="1" t="s">
        <v>222698</v>
      </c>
      <c r="J68523" s="1" t="s">
        <v>228472</v>
      </c>
    </row>
    <row r="68524" spans="1:10" x14ac:dyDescent="0.35">
      <c r="A68524" s="1" t="s">
        <v>4400</v>
      </c>
      <c r="B68524" s="1" t="s">
        <v>222693</v>
      </c>
      <c r="C68524" s="1" t="s">
        <v>80</v>
      </c>
      <c r="D68524" s="1" t="s">
        <v>102006</v>
      </c>
      <c r="E68524" s="1" t="s">
        <v>228473</v>
      </c>
      <c r="F68524" s="1" t="s">
        <v>228474</v>
      </c>
      <c r="G68524" s="1" t="s">
        <v>228424</v>
      </c>
      <c r="H68524" s="1" t="s">
        <v>228425</v>
      </c>
      <c r="I68524" s="1" t="s">
        <v>222698</v>
      </c>
      <c r="J68524" s="1" t="s">
        <v>228475</v>
      </c>
    </row>
    <row r="68525" spans="1:10" x14ac:dyDescent="0.35">
      <c r="A68525" s="1" t="s">
        <v>4400</v>
      </c>
      <c r="B68525" s="1" t="s">
        <v>222693</v>
      </c>
      <c r="C68525" s="1" t="s">
        <v>85</v>
      </c>
      <c r="D68525" s="1" t="s">
        <v>228476</v>
      </c>
      <c r="E68525" s="1" t="s">
        <v>228477</v>
      </c>
      <c r="F68525" s="1" t="s">
        <v>228478</v>
      </c>
      <c r="G68525" s="1" t="s">
        <v>228424</v>
      </c>
      <c r="H68525" s="1" t="s">
        <v>228425</v>
      </c>
      <c r="I68525" s="1" t="s">
        <v>222698</v>
      </c>
      <c r="J68525" s="1" t="s">
        <v>228479</v>
      </c>
    </row>
    <row r="68526" spans="1:10" x14ac:dyDescent="0.35">
      <c r="A68526" s="1" t="s">
        <v>4400</v>
      </c>
      <c r="B68526" s="1" t="s">
        <v>222693</v>
      </c>
      <c r="C68526" s="1" t="s">
        <v>90</v>
      </c>
      <c r="D68526" s="1" t="s">
        <v>228480</v>
      </c>
      <c r="E68526" s="1" t="s">
        <v>228481</v>
      </c>
      <c r="F68526" s="1" t="s">
        <v>228482</v>
      </c>
      <c r="G68526" s="1" t="s">
        <v>228424</v>
      </c>
      <c r="H68526" s="1" t="s">
        <v>228425</v>
      </c>
      <c r="I68526" s="1" t="s">
        <v>222698</v>
      </c>
      <c r="J68526" s="1" t="s">
        <v>228483</v>
      </c>
    </row>
    <row r="68527" spans="1:10" x14ac:dyDescent="0.35">
      <c r="A68527" s="1" t="s">
        <v>4400</v>
      </c>
      <c r="B68527" s="1" t="s">
        <v>222693</v>
      </c>
      <c r="C68527" s="1" t="s">
        <v>95</v>
      </c>
      <c r="D68527" s="1" t="s">
        <v>162507</v>
      </c>
      <c r="E68527" s="1" t="s">
        <v>228484</v>
      </c>
      <c r="F68527" s="1" t="s">
        <v>228485</v>
      </c>
      <c r="G68527" s="1" t="s">
        <v>228424</v>
      </c>
      <c r="H68527" s="1" t="s">
        <v>228425</v>
      </c>
      <c r="I68527" s="1" t="s">
        <v>222698</v>
      </c>
      <c r="J68527" s="1" t="s">
        <v>228486</v>
      </c>
    </row>
    <row r="68528" spans="1:10" x14ac:dyDescent="0.35">
      <c r="A68528" s="1" t="s">
        <v>4400</v>
      </c>
      <c r="B68528" s="1" t="s">
        <v>222693</v>
      </c>
      <c r="C68528" s="1" t="s">
        <v>100</v>
      </c>
      <c r="D68528" s="1" t="s">
        <v>228487</v>
      </c>
      <c r="E68528" s="1" t="s">
        <v>228488</v>
      </c>
      <c r="F68528" s="1" t="s">
        <v>228489</v>
      </c>
      <c r="G68528" s="1" t="s">
        <v>228424</v>
      </c>
      <c r="H68528" s="1" t="s">
        <v>228425</v>
      </c>
      <c r="I68528" s="1" t="s">
        <v>222698</v>
      </c>
      <c r="J68528" s="1" t="s">
        <v>228490</v>
      </c>
    </row>
    <row r="68529" spans="1:10" x14ac:dyDescent="0.35">
      <c r="A68529" s="1" t="s">
        <v>4400</v>
      </c>
      <c r="B68529" s="1" t="s">
        <v>222693</v>
      </c>
      <c r="C68529" s="1" t="s">
        <v>105</v>
      </c>
      <c r="D68529" s="1" t="s">
        <v>228491</v>
      </c>
      <c r="E68529" s="1" t="s">
        <v>228492</v>
      </c>
      <c r="F68529" s="1" t="s">
        <v>228493</v>
      </c>
      <c r="G68529" s="1" t="s">
        <v>228424</v>
      </c>
      <c r="H68529" s="1" t="s">
        <v>228425</v>
      </c>
      <c r="I68529" s="1" t="s">
        <v>222698</v>
      </c>
      <c r="J68529" s="1" t="s">
        <v>228494</v>
      </c>
    </row>
    <row r="68530" spans="1:10" x14ac:dyDescent="0.35">
      <c r="A68530" s="1" t="s">
        <v>4400</v>
      </c>
      <c r="B68530" s="1" t="s">
        <v>222693</v>
      </c>
      <c r="C68530" s="1" t="s">
        <v>110</v>
      </c>
      <c r="D68530" s="1" t="s">
        <v>228495</v>
      </c>
      <c r="E68530" s="1" t="s">
        <v>228496</v>
      </c>
      <c r="F68530" s="1" t="s">
        <v>228497</v>
      </c>
      <c r="G68530" s="1" t="s">
        <v>228424</v>
      </c>
      <c r="H68530" s="1" t="s">
        <v>228425</v>
      </c>
      <c r="I68530" s="1" t="s">
        <v>222698</v>
      </c>
      <c r="J68530" s="1" t="s">
        <v>228498</v>
      </c>
    </row>
    <row r="68531" spans="1:10" x14ac:dyDescent="0.35">
      <c r="A68531" s="1" t="s">
        <v>4400</v>
      </c>
      <c r="B68531" s="1" t="s">
        <v>222693</v>
      </c>
      <c r="C68531" s="1" t="s">
        <v>115</v>
      </c>
      <c r="D68531" s="1" t="s">
        <v>228499</v>
      </c>
      <c r="E68531" s="1" t="s">
        <v>228500</v>
      </c>
      <c r="F68531" s="1" t="s">
        <v>228501</v>
      </c>
      <c r="G68531" s="1" t="s">
        <v>228424</v>
      </c>
      <c r="H68531" s="1" t="s">
        <v>228425</v>
      </c>
      <c r="I68531" s="1" t="s">
        <v>222698</v>
      </c>
      <c r="J68531" s="1" t="s">
        <v>228502</v>
      </c>
    </row>
    <row r="68532" spans="1:10" x14ac:dyDescent="0.35">
      <c r="A68532" s="1" t="s">
        <v>4400</v>
      </c>
      <c r="B68532" s="1" t="s">
        <v>222693</v>
      </c>
      <c r="C68532" s="1" t="s">
        <v>120</v>
      </c>
      <c r="D68532" s="1" t="s">
        <v>191547</v>
      </c>
      <c r="E68532" s="1" t="s">
        <v>228503</v>
      </c>
      <c r="F68532" s="1" t="s">
        <v>228504</v>
      </c>
      <c r="G68532" s="1" t="s">
        <v>228424</v>
      </c>
      <c r="H68532" s="1" t="s">
        <v>228425</v>
      </c>
      <c r="I68532" s="1" t="s">
        <v>222698</v>
      </c>
      <c r="J68532" s="1" t="s">
        <v>228505</v>
      </c>
    </row>
    <row r="68533" spans="1:10" x14ac:dyDescent="0.35">
      <c r="A68533" s="1" t="s">
        <v>4400</v>
      </c>
      <c r="B68533" s="1" t="s">
        <v>222693</v>
      </c>
      <c r="C68533" s="1" t="s">
        <v>125</v>
      </c>
      <c r="D68533" s="1" t="s">
        <v>228506</v>
      </c>
      <c r="E68533" s="1" t="s">
        <v>228507</v>
      </c>
      <c r="F68533" s="1" t="s">
        <v>228508</v>
      </c>
      <c r="G68533" s="1" t="s">
        <v>228424</v>
      </c>
      <c r="H68533" s="1" t="s">
        <v>228425</v>
      </c>
      <c r="I68533" s="1" t="s">
        <v>222698</v>
      </c>
      <c r="J68533" s="1" t="s">
        <v>228509</v>
      </c>
    </row>
    <row r="68534" spans="1:10" x14ac:dyDescent="0.35">
      <c r="A68534" s="1" t="s">
        <v>4400</v>
      </c>
      <c r="B68534" s="1" t="s">
        <v>222693</v>
      </c>
      <c r="C68534" s="1" t="s">
        <v>130</v>
      </c>
      <c r="D68534" s="1" t="s">
        <v>136003</v>
      </c>
      <c r="E68534" s="1" t="s">
        <v>228510</v>
      </c>
      <c r="F68534" s="1" t="s">
        <v>228511</v>
      </c>
      <c r="G68534" s="1" t="s">
        <v>228424</v>
      </c>
      <c r="H68534" s="1" t="s">
        <v>228425</v>
      </c>
      <c r="I68534" s="1" t="s">
        <v>222698</v>
      </c>
      <c r="J68534" s="1" t="s">
        <v>228512</v>
      </c>
    </row>
    <row r="68535" spans="1:10" x14ac:dyDescent="0.35">
      <c r="A68535" s="1" t="s">
        <v>4400</v>
      </c>
      <c r="B68535" s="1" t="s">
        <v>222693</v>
      </c>
      <c r="C68535" s="1" t="s">
        <v>135</v>
      </c>
      <c r="D68535" s="1" t="s">
        <v>228513</v>
      </c>
      <c r="E68535" s="1" t="s">
        <v>228514</v>
      </c>
      <c r="F68535" s="1" t="s">
        <v>228515</v>
      </c>
      <c r="G68535" s="1" t="s">
        <v>228424</v>
      </c>
      <c r="H68535" s="1" t="s">
        <v>228425</v>
      </c>
      <c r="I68535" s="1" t="s">
        <v>222698</v>
      </c>
      <c r="J68535" s="1" t="s">
        <v>228516</v>
      </c>
    </row>
    <row r="68536" spans="1:10" x14ac:dyDescent="0.35">
      <c r="A68536" s="1" t="s">
        <v>4400</v>
      </c>
      <c r="B68536" s="1" t="s">
        <v>222693</v>
      </c>
      <c r="C68536" s="1" t="s">
        <v>140</v>
      </c>
      <c r="D68536" s="1" t="s">
        <v>21748</v>
      </c>
      <c r="E68536" s="1" t="s">
        <v>228517</v>
      </c>
      <c r="F68536" s="1" t="s">
        <v>228518</v>
      </c>
      <c r="G68536" s="1" t="s">
        <v>228424</v>
      </c>
      <c r="H68536" s="1" t="s">
        <v>228425</v>
      </c>
      <c r="I68536" s="1" t="s">
        <v>222698</v>
      </c>
      <c r="J68536" s="1" t="s">
        <v>228519</v>
      </c>
    </row>
    <row r="68537" spans="1:10" x14ac:dyDescent="0.35">
      <c r="A68537" s="1" t="s">
        <v>4400</v>
      </c>
      <c r="B68537" s="1" t="s">
        <v>222693</v>
      </c>
      <c r="C68537" s="1" t="s">
        <v>145</v>
      </c>
      <c r="D68537" s="1" t="s">
        <v>228520</v>
      </c>
      <c r="E68537" s="1" t="s">
        <v>228521</v>
      </c>
      <c r="F68537" s="1" t="s">
        <v>228522</v>
      </c>
      <c r="G68537" s="1" t="s">
        <v>228424</v>
      </c>
      <c r="H68537" s="1" t="s">
        <v>228425</v>
      </c>
      <c r="I68537" s="1" t="s">
        <v>222698</v>
      </c>
      <c r="J68537" s="1" t="s">
        <v>228523</v>
      </c>
    </row>
    <row r="68538" spans="1:10" x14ac:dyDescent="0.35">
      <c r="A68538" s="1" t="s">
        <v>4400</v>
      </c>
      <c r="B68538" s="1" t="s">
        <v>222693</v>
      </c>
      <c r="C68538" s="1" t="s">
        <v>150</v>
      </c>
      <c r="D68538" s="1" t="s">
        <v>228524</v>
      </c>
      <c r="E68538" s="1" t="s">
        <v>228525</v>
      </c>
      <c r="F68538" s="1" t="s">
        <v>228526</v>
      </c>
      <c r="G68538" s="1" t="s">
        <v>228424</v>
      </c>
      <c r="H68538" s="1" t="s">
        <v>228425</v>
      </c>
      <c r="I68538" s="1" t="s">
        <v>222698</v>
      </c>
      <c r="J68538" s="1" t="s">
        <v>228527</v>
      </c>
    </row>
    <row r="68539" spans="1:10" x14ac:dyDescent="0.35">
      <c r="A68539" s="1" t="s">
        <v>4400</v>
      </c>
      <c r="B68539" s="1" t="s">
        <v>222693</v>
      </c>
      <c r="C68539" s="1" t="s">
        <v>155</v>
      </c>
      <c r="D68539" s="1" t="s">
        <v>228528</v>
      </c>
      <c r="E68539" s="1" t="s">
        <v>228529</v>
      </c>
      <c r="F68539" s="1" t="s">
        <v>228530</v>
      </c>
      <c r="G68539" s="1" t="s">
        <v>228424</v>
      </c>
      <c r="H68539" s="1" t="s">
        <v>228425</v>
      </c>
      <c r="I68539" s="1" t="s">
        <v>222698</v>
      </c>
      <c r="J68539" s="1" t="s">
        <v>228531</v>
      </c>
    </row>
    <row r="68540" spans="1:10" x14ac:dyDescent="0.35">
      <c r="A68540" s="1" t="s">
        <v>4400</v>
      </c>
      <c r="B68540" s="1" t="s">
        <v>222693</v>
      </c>
      <c r="C68540" s="1" t="s">
        <v>160</v>
      </c>
      <c r="D68540" s="1" t="s">
        <v>228234</v>
      </c>
      <c r="E68540" s="1" t="s">
        <v>228532</v>
      </c>
      <c r="F68540" s="1" t="s">
        <v>228533</v>
      </c>
      <c r="G68540" s="1" t="s">
        <v>228424</v>
      </c>
      <c r="H68540" s="1" t="s">
        <v>228425</v>
      </c>
      <c r="I68540" s="1" t="s">
        <v>222698</v>
      </c>
      <c r="J68540" s="1" t="s">
        <v>228534</v>
      </c>
    </row>
    <row r="68541" spans="1:10" x14ac:dyDescent="0.35">
      <c r="A68541" s="1" t="s">
        <v>4400</v>
      </c>
      <c r="B68541" s="1" t="s">
        <v>222693</v>
      </c>
      <c r="C68541" s="1" t="s">
        <v>165</v>
      </c>
      <c r="D68541" s="1" t="s">
        <v>228535</v>
      </c>
      <c r="E68541" s="1" t="s">
        <v>228536</v>
      </c>
      <c r="F68541" s="1" t="s">
        <v>228537</v>
      </c>
      <c r="G68541" s="1" t="s">
        <v>228424</v>
      </c>
      <c r="H68541" s="1" t="s">
        <v>228425</v>
      </c>
      <c r="I68541" s="1" t="s">
        <v>222698</v>
      </c>
      <c r="J68541" s="1" t="s">
        <v>228538</v>
      </c>
    </row>
    <row r="68542" spans="1:10" x14ac:dyDescent="0.35">
      <c r="A68542" s="1" t="s">
        <v>4400</v>
      </c>
      <c r="B68542" s="1" t="s">
        <v>222693</v>
      </c>
      <c r="C68542" s="1" t="s">
        <v>170</v>
      </c>
      <c r="D68542" s="1" t="s">
        <v>21583</v>
      </c>
      <c r="E68542" s="1" t="s">
        <v>228539</v>
      </c>
      <c r="F68542" s="1" t="s">
        <v>228540</v>
      </c>
      <c r="G68542" s="1" t="s">
        <v>228424</v>
      </c>
      <c r="H68542" s="1" t="s">
        <v>228425</v>
      </c>
      <c r="I68542" s="1" t="s">
        <v>222698</v>
      </c>
      <c r="J68542" s="1" t="s">
        <v>228541</v>
      </c>
    </row>
    <row r="68543" spans="1:10" x14ac:dyDescent="0.35">
      <c r="A68543" s="1" t="s">
        <v>10110</v>
      </c>
      <c r="B68543" s="1" t="s">
        <v>222693</v>
      </c>
      <c r="C68543" s="1" t="s">
        <v>8</v>
      </c>
      <c r="D68543" s="1" t="s">
        <v>89403</v>
      </c>
      <c r="E68543" s="1" t="s">
        <v>228542</v>
      </c>
      <c r="F68543" s="1" t="s">
        <v>228543</v>
      </c>
      <c r="G68543" s="1" t="s">
        <v>228544</v>
      </c>
      <c r="H68543" s="1" t="s">
        <v>228545</v>
      </c>
      <c r="I68543" s="1" t="s">
        <v>222698</v>
      </c>
      <c r="J68543" s="1" t="s">
        <v>13</v>
      </c>
    </row>
    <row r="68544" spans="1:10" x14ac:dyDescent="0.35">
      <c r="A68544" s="1" t="s">
        <v>10110</v>
      </c>
      <c r="B68544" s="1" t="s">
        <v>222693</v>
      </c>
      <c r="C68544" s="1" t="s">
        <v>15</v>
      </c>
      <c r="D68544" s="1" t="s">
        <v>228546</v>
      </c>
      <c r="E68544" s="1" t="s">
        <v>228547</v>
      </c>
      <c r="F68544" s="1" t="s">
        <v>228548</v>
      </c>
      <c r="G68544" s="1" t="s">
        <v>228544</v>
      </c>
      <c r="H68544" s="1" t="s">
        <v>228545</v>
      </c>
      <c r="I68544" s="1" t="s">
        <v>222698</v>
      </c>
      <c r="J68544" s="1" t="s">
        <v>228549</v>
      </c>
    </row>
    <row r="68545" spans="1:10" x14ac:dyDescent="0.35">
      <c r="A68545" s="1" t="s">
        <v>10110</v>
      </c>
      <c r="B68545" s="1" t="s">
        <v>222693</v>
      </c>
      <c r="C68545" s="1" t="s">
        <v>20</v>
      </c>
      <c r="D68545" s="1" t="s">
        <v>91037</v>
      </c>
      <c r="E68545" s="1" t="s">
        <v>228550</v>
      </c>
      <c r="F68545" s="1" t="s">
        <v>228551</v>
      </c>
      <c r="G68545" s="1" t="s">
        <v>228544</v>
      </c>
      <c r="H68545" s="1" t="s">
        <v>228545</v>
      </c>
      <c r="I68545" s="1" t="s">
        <v>222698</v>
      </c>
      <c r="J68545" s="1" t="s">
        <v>228552</v>
      </c>
    </row>
    <row r="68546" spans="1:10" x14ac:dyDescent="0.35">
      <c r="A68546" s="1" t="s">
        <v>10110</v>
      </c>
      <c r="B68546" s="1" t="s">
        <v>222693</v>
      </c>
      <c r="C68546" s="1" t="s">
        <v>25</v>
      </c>
      <c r="D68546" s="1" t="s">
        <v>91910</v>
      </c>
      <c r="E68546" s="1" t="s">
        <v>228553</v>
      </c>
      <c r="F68546" s="1" t="s">
        <v>228554</v>
      </c>
      <c r="G68546" s="1" t="s">
        <v>228544</v>
      </c>
      <c r="H68546" s="1" t="s">
        <v>228545</v>
      </c>
      <c r="I68546" s="1" t="s">
        <v>222698</v>
      </c>
      <c r="J68546" s="1" t="s">
        <v>228555</v>
      </c>
    </row>
    <row r="68547" spans="1:10" x14ac:dyDescent="0.35">
      <c r="A68547" s="1" t="s">
        <v>10110</v>
      </c>
      <c r="B68547" s="1" t="s">
        <v>222693</v>
      </c>
      <c r="C68547" s="1" t="s">
        <v>30</v>
      </c>
      <c r="D68547" s="1" t="s">
        <v>59454</v>
      </c>
      <c r="E68547" s="1" t="s">
        <v>228556</v>
      </c>
      <c r="F68547" s="1" t="s">
        <v>228557</v>
      </c>
      <c r="G68547" s="1" t="s">
        <v>228544</v>
      </c>
      <c r="H68547" s="1" t="s">
        <v>228545</v>
      </c>
      <c r="I68547" s="1" t="s">
        <v>222698</v>
      </c>
      <c r="J68547" s="1" t="s">
        <v>228558</v>
      </c>
    </row>
    <row r="68548" spans="1:10" x14ac:dyDescent="0.35">
      <c r="A68548" s="1" t="s">
        <v>10110</v>
      </c>
      <c r="B68548" s="1" t="s">
        <v>222693</v>
      </c>
      <c r="C68548" s="1" t="s">
        <v>35</v>
      </c>
      <c r="D68548" s="1" t="s">
        <v>129591</v>
      </c>
      <c r="E68548" s="1" t="s">
        <v>228559</v>
      </c>
      <c r="F68548" s="1" t="s">
        <v>228560</v>
      </c>
      <c r="G68548" s="1" t="s">
        <v>228544</v>
      </c>
      <c r="H68548" s="1" t="s">
        <v>228545</v>
      </c>
      <c r="I68548" s="1" t="s">
        <v>222698</v>
      </c>
      <c r="J68548" s="1" t="s">
        <v>228561</v>
      </c>
    </row>
    <row r="68549" spans="1:10" x14ac:dyDescent="0.35">
      <c r="A68549" s="1" t="s">
        <v>10110</v>
      </c>
      <c r="B68549" s="1" t="s">
        <v>222693</v>
      </c>
      <c r="C68549" s="1" t="s">
        <v>40</v>
      </c>
      <c r="D68549" s="1" t="s">
        <v>228562</v>
      </c>
      <c r="E68549" s="1" t="s">
        <v>228563</v>
      </c>
      <c r="F68549" s="1" t="s">
        <v>228564</v>
      </c>
      <c r="G68549" s="1" t="s">
        <v>228544</v>
      </c>
      <c r="H68549" s="1" t="s">
        <v>228545</v>
      </c>
      <c r="I68549" s="1" t="s">
        <v>222698</v>
      </c>
      <c r="J68549" s="1" t="s">
        <v>228565</v>
      </c>
    </row>
    <row r="68550" spans="1:10" x14ac:dyDescent="0.35">
      <c r="A68550" s="1" t="s">
        <v>10110</v>
      </c>
      <c r="B68550" s="1" t="s">
        <v>222693</v>
      </c>
      <c r="C68550" s="1" t="s">
        <v>45</v>
      </c>
      <c r="D68550" s="1" t="s">
        <v>228566</v>
      </c>
      <c r="E68550" s="1" t="s">
        <v>228567</v>
      </c>
      <c r="F68550" s="1" t="s">
        <v>228568</v>
      </c>
      <c r="G68550" s="1" t="s">
        <v>228544</v>
      </c>
      <c r="H68550" s="1" t="s">
        <v>228545</v>
      </c>
      <c r="I68550" s="1" t="s">
        <v>222698</v>
      </c>
      <c r="J68550" s="1" t="s">
        <v>228569</v>
      </c>
    </row>
    <row r="68551" spans="1:10" x14ac:dyDescent="0.35">
      <c r="A68551" s="1" t="s">
        <v>10110</v>
      </c>
      <c r="B68551" s="1" t="s">
        <v>222693</v>
      </c>
      <c r="C68551" s="1" t="s">
        <v>50</v>
      </c>
      <c r="D68551" s="1" t="s">
        <v>68538</v>
      </c>
      <c r="E68551" s="1" t="s">
        <v>228570</v>
      </c>
      <c r="F68551" s="1" t="s">
        <v>228571</v>
      </c>
      <c r="G68551" s="1" t="s">
        <v>228544</v>
      </c>
      <c r="H68551" s="1" t="s">
        <v>228545</v>
      </c>
      <c r="I68551" s="1" t="s">
        <v>222698</v>
      </c>
      <c r="J68551" s="1" t="s">
        <v>228572</v>
      </c>
    </row>
    <row r="68552" spans="1:10" x14ac:dyDescent="0.35">
      <c r="A68552" s="1" t="s">
        <v>10110</v>
      </c>
      <c r="B68552" s="1" t="s">
        <v>222693</v>
      </c>
      <c r="C68552" s="1" t="s">
        <v>55</v>
      </c>
      <c r="D68552" s="1" t="s">
        <v>69247</v>
      </c>
      <c r="E68552" s="1" t="s">
        <v>228573</v>
      </c>
      <c r="F68552" s="1" t="s">
        <v>228574</v>
      </c>
      <c r="G68552" s="1" t="s">
        <v>228544</v>
      </c>
      <c r="H68552" s="1" t="s">
        <v>228545</v>
      </c>
      <c r="I68552" s="1" t="s">
        <v>222698</v>
      </c>
      <c r="J68552" s="1" t="s">
        <v>228575</v>
      </c>
    </row>
    <row r="68553" spans="1:10" x14ac:dyDescent="0.35">
      <c r="A68553" s="1" t="s">
        <v>10110</v>
      </c>
      <c r="B68553" s="1" t="s">
        <v>222693</v>
      </c>
      <c r="C68553" s="1" t="s">
        <v>60</v>
      </c>
      <c r="D68553" s="1" t="s">
        <v>70247</v>
      </c>
      <c r="E68553" s="1" t="s">
        <v>228576</v>
      </c>
      <c r="F68553" s="1" t="s">
        <v>228577</v>
      </c>
      <c r="G68553" s="1" t="s">
        <v>228544</v>
      </c>
      <c r="H68553" s="1" t="s">
        <v>228545</v>
      </c>
      <c r="I68553" s="1" t="s">
        <v>222698</v>
      </c>
      <c r="J68553" s="1" t="s">
        <v>228578</v>
      </c>
    </row>
    <row r="68554" spans="1:10" x14ac:dyDescent="0.35">
      <c r="A68554" s="1" t="s">
        <v>10110</v>
      </c>
      <c r="B68554" s="1" t="s">
        <v>222693</v>
      </c>
      <c r="C68554" s="1" t="s">
        <v>65</v>
      </c>
      <c r="D68554" s="1" t="s">
        <v>228579</v>
      </c>
      <c r="E68554" s="1" t="s">
        <v>228580</v>
      </c>
      <c r="F68554" s="1" t="s">
        <v>228581</v>
      </c>
      <c r="G68554" s="1" t="s">
        <v>228544</v>
      </c>
      <c r="H68554" s="1" t="s">
        <v>228545</v>
      </c>
      <c r="I68554" s="1" t="s">
        <v>222698</v>
      </c>
      <c r="J68554" s="1" t="s">
        <v>228582</v>
      </c>
    </row>
    <row r="68555" spans="1:10" x14ac:dyDescent="0.35">
      <c r="A68555" s="1" t="s">
        <v>10110</v>
      </c>
      <c r="B68555" s="1" t="s">
        <v>222693</v>
      </c>
      <c r="C68555" s="1" t="s">
        <v>70</v>
      </c>
      <c r="D68555" s="1" t="s">
        <v>62574</v>
      </c>
      <c r="E68555" s="1" t="s">
        <v>228583</v>
      </c>
      <c r="F68555" s="1" t="s">
        <v>228584</v>
      </c>
      <c r="G68555" s="1" t="s">
        <v>228544</v>
      </c>
      <c r="H68555" s="1" t="s">
        <v>228545</v>
      </c>
      <c r="I68555" s="1" t="s">
        <v>222698</v>
      </c>
      <c r="J68555" s="1" t="s">
        <v>228585</v>
      </c>
    </row>
    <row r="68556" spans="1:10" x14ac:dyDescent="0.35">
      <c r="A68556" s="1" t="s">
        <v>10110</v>
      </c>
      <c r="B68556" s="1" t="s">
        <v>222693</v>
      </c>
      <c r="C68556" s="1" t="s">
        <v>75</v>
      </c>
      <c r="D68556" s="1" t="s">
        <v>228586</v>
      </c>
      <c r="E68556" s="1" t="s">
        <v>228587</v>
      </c>
      <c r="F68556" s="1" t="s">
        <v>228588</v>
      </c>
      <c r="G68556" s="1" t="s">
        <v>228544</v>
      </c>
      <c r="H68556" s="1" t="s">
        <v>228545</v>
      </c>
      <c r="I68556" s="1" t="s">
        <v>222698</v>
      </c>
      <c r="J68556" s="1" t="s">
        <v>228589</v>
      </c>
    </row>
    <row r="68557" spans="1:10" x14ac:dyDescent="0.35">
      <c r="A68557" s="1" t="s">
        <v>10110</v>
      </c>
      <c r="B68557" s="1" t="s">
        <v>222693</v>
      </c>
      <c r="C68557" s="1" t="s">
        <v>80</v>
      </c>
      <c r="D68557" s="1" t="s">
        <v>228590</v>
      </c>
      <c r="E68557" s="1" t="s">
        <v>228591</v>
      </c>
      <c r="F68557" s="1" t="s">
        <v>228592</v>
      </c>
      <c r="G68557" s="1" t="s">
        <v>228544</v>
      </c>
      <c r="H68557" s="1" t="s">
        <v>228545</v>
      </c>
      <c r="I68557" s="1" t="s">
        <v>222698</v>
      </c>
      <c r="J68557" s="1" t="s">
        <v>228593</v>
      </c>
    </row>
    <row r="68558" spans="1:10" x14ac:dyDescent="0.35">
      <c r="A68558" s="1" t="s">
        <v>10110</v>
      </c>
      <c r="B68558" s="1" t="s">
        <v>222693</v>
      </c>
      <c r="C68558" s="1" t="s">
        <v>85</v>
      </c>
      <c r="D68558" s="1" t="s">
        <v>228594</v>
      </c>
      <c r="E68558" s="1" t="s">
        <v>228595</v>
      </c>
      <c r="F68558" s="1" t="s">
        <v>228596</v>
      </c>
      <c r="G68558" s="1" t="s">
        <v>228544</v>
      </c>
      <c r="H68558" s="1" t="s">
        <v>228545</v>
      </c>
      <c r="I68558" s="1" t="s">
        <v>222698</v>
      </c>
      <c r="J68558" s="1" t="s">
        <v>228597</v>
      </c>
    </row>
    <row r="68559" spans="1:10" x14ac:dyDescent="0.35">
      <c r="A68559" s="1" t="s">
        <v>10110</v>
      </c>
      <c r="B68559" s="1" t="s">
        <v>222693</v>
      </c>
      <c r="C68559" s="1" t="s">
        <v>90</v>
      </c>
      <c r="D68559" s="1" t="s">
        <v>97562</v>
      </c>
      <c r="E68559" s="1" t="s">
        <v>228598</v>
      </c>
      <c r="F68559" s="1" t="s">
        <v>228599</v>
      </c>
      <c r="G68559" s="1" t="s">
        <v>228544</v>
      </c>
      <c r="H68559" s="1" t="s">
        <v>228545</v>
      </c>
      <c r="I68559" s="1" t="s">
        <v>222698</v>
      </c>
      <c r="J68559" s="1" t="s">
        <v>228600</v>
      </c>
    </row>
    <row r="68560" spans="1:10" x14ac:dyDescent="0.35">
      <c r="A68560" s="1" t="s">
        <v>10110</v>
      </c>
      <c r="B68560" s="1" t="s">
        <v>222693</v>
      </c>
      <c r="C68560" s="1" t="s">
        <v>95</v>
      </c>
      <c r="D68560" s="1" t="s">
        <v>228601</v>
      </c>
      <c r="E68560" s="1" t="s">
        <v>228602</v>
      </c>
      <c r="F68560" s="1" t="s">
        <v>228603</v>
      </c>
      <c r="G68560" s="1" t="s">
        <v>228544</v>
      </c>
      <c r="H68560" s="1" t="s">
        <v>228545</v>
      </c>
      <c r="I68560" s="1" t="s">
        <v>222698</v>
      </c>
      <c r="J68560" s="1" t="s">
        <v>228604</v>
      </c>
    </row>
    <row r="68561" spans="1:10" x14ac:dyDescent="0.35">
      <c r="A68561" s="1" t="s">
        <v>10110</v>
      </c>
      <c r="B68561" s="1" t="s">
        <v>222693</v>
      </c>
      <c r="C68561" s="1" t="s">
        <v>100</v>
      </c>
      <c r="D68561" s="1" t="s">
        <v>228605</v>
      </c>
      <c r="E68561" s="1" t="s">
        <v>228606</v>
      </c>
      <c r="F68561" s="1" t="s">
        <v>228607</v>
      </c>
      <c r="G68561" s="1" t="s">
        <v>228544</v>
      </c>
      <c r="H68561" s="1" t="s">
        <v>228545</v>
      </c>
      <c r="I68561" s="1" t="s">
        <v>222698</v>
      </c>
      <c r="J68561" s="1" t="s">
        <v>228608</v>
      </c>
    </row>
    <row r="68562" spans="1:10" x14ac:dyDescent="0.35">
      <c r="A68562" s="1" t="s">
        <v>10110</v>
      </c>
      <c r="B68562" s="1" t="s">
        <v>222693</v>
      </c>
      <c r="C68562" s="1" t="s">
        <v>105</v>
      </c>
      <c r="D68562" s="1" t="s">
        <v>228609</v>
      </c>
      <c r="E68562" s="1" t="s">
        <v>228610</v>
      </c>
      <c r="F68562" s="1" t="s">
        <v>228611</v>
      </c>
      <c r="G68562" s="1" t="s">
        <v>228544</v>
      </c>
      <c r="H68562" s="1" t="s">
        <v>228545</v>
      </c>
      <c r="I68562" s="1" t="s">
        <v>222698</v>
      </c>
      <c r="J68562" s="1" t="s">
        <v>228612</v>
      </c>
    </row>
    <row r="68563" spans="1:10" x14ac:dyDescent="0.35">
      <c r="A68563" s="1" t="s">
        <v>10110</v>
      </c>
      <c r="B68563" s="1" t="s">
        <v>222693</v>
      </c>
      <c r="C68563" s="1" t="s">
        <v>110</v>
      </c>
      <c r="D68563" s="1" t="s">
        <v>228613</v>
      </c>
      <c r="E68563" s="1" t="s">
        <v>228614</v>
      </c>
      <c r="F68563" s="1" t="s">
        <v>228615</v>
      </c>
      <c r="G68563" s="1" t="s">
        <v>228544</v>
      </c>
      <c r="H68563" s="1" t="s">
        <v>228545</v>
      </c>
      <c r="I68563" s="1" t="s">
        <v>222698</v>
      </c>
      <c r="J68563" s="1" t="s">
        <v>228616</v>
      </c>
    </row>
    <row r="68564" spans="1:10" x14ac:dyDescent="0.35">
      <c r="A68564" s="1" t="s">
        <v>10110</v>
      </c>
      <c r="B68564" s="1" t="s">
        <v>222693</v>
      </c>
      <c r="C68564" s="1" t="s">
        <v>115</v>
      </c>
      <c r="D68564" s="1" t="s">
        <v>228617</v>
      </c>
      <c r="E68564" s="1" t="s">
        <v>228618</v>
      </c>
      <c r="F68564" s="1" t="s">
        <v>228619</v>
      </c>
      <c r="G68564" s="1" t="s">
        <v>228544</v>
      </c>
      <c r="H68564" s="1" t="s">
        <v>228545</v>
      </c>
      <c r="I68564" s="1" t="s">
        <v>222698</v>
      </c>
      <c r="J68564" s="1" t="s">
        <v>228620</v>
      </c>
    </row>
    <row r="68565" spans="1:10" x14ac:dyDescent="0.35">
      <c r="A68565" s="1" t="s">
        <v>10110</v>
      </c>
      <c r="B68565" s="1" t="s">
        <v>222693</v>
      </c>
      <c r="C68565" s="1" t="s">
        <v>120</v>
      </c>
      <c r="D68565" s="1" t="s">
        <v>228621</v>
      </c>
      <c r="E68565" s="1" t="s">
        <v>228622</v>
      </c>
      <c r="F68565" s="1" t="s">
        <v>228623</v>
      </c>
      <c r="G68565" s="1" t="s">
        <v>228544</v>
      </c>
      <c r="H68565" s="1" t="s">
        <v>228545</v>
      </c>
      <c r="I68565" s="1" t="s">
        <v>222698</v>
      </c>
      <c r="J68565" s="1" t="s">
        <v>228624</v>
      </c>
    </row>
    <row r="68566" spans="1:10" x14ac:dyDescent="0.35">
      <c r="A68566" s="1" t="s">
        <v>10110</v>
      </c>
      <c r="B68566" s="1" t="s">
        <v>222693</v>
      </c>
      <c r="C68566" s="1" t="s">
        <v>125</v>
      </c>
      <c r="D68566" s="1" t="s">
        <v>63279</v>
      </c>
      <c r="E68566" s="1" t="s">
        <v>228625</v>
      </c>
      <c r="F68566" s="1" t="s">
        <v>228626</v>
      </c>
      <c r="G68566" s="1" t="s">
        <v>228544</v>
      </c>
      <c r="H68566" s="1" t="s">
        <v>228545</v>
      </c>
      <c r="I68566" s="1" t="s">
        <v>222698</v>
      </c>
      <c r="J68566" s="1" t="s">
        <v>228627</v>
      </c>
    </row>
    <row r="68567" spans="1:10" x14ac:dyDescent="0.35">
      <c r="A68567" s="1" t="s">
        <v>10110</v>
      </c>
      <c r="B68567" s="1" t="s">
        <v>222693</v>
      </c>
      <c r="C68567" s="1" t="s">
        <v>130</v>
      </c>
      <c r="D68567" s="1" t="s">
        <v>228628</v>
      </c>
      <c r="E68567" s="1" t="s">
        <v>228629</v>
      </c>
      <c r="F68567" s="1" t="s">
        <v>228630</v>
      </c>
      <c r="G68567" s="1" t="s">
        <v>228544</v>
      </c>
      <c r="H68567" s="1" t="s">
        <v>228545</v>
      </c>
      <c r="I68567" s="1" t="s">
        <v>222698</v>
      </c>
      <c r="J68567" s="1" t="s">
        <v>228631</v>
      </c>
    </row>
    <row r="68568" spans="1:10" x14ac:dyDescent="0.35">
      <c r="A68568" s="1" t="s">
        <v>10110</v>
      </c>
      <c r="B68568" s="1" t="s">
        <v>222693</v>
      </c>
      <c r="C68568" s="1" t="s">
        <v>135</v>
      </c>
      <c r="D68568" s="1" t="s">
        <v>163404</v>
      </c>
      <c r="E68568" s="1" t="s">
        <v>228632</v>
      </c>
      <c r="F68568" s="1" t="s">
        <v>228633</v>
      </c>
      <c r="G68568" s="1" t="s">
        <v>228544</v>
      </c>
      <c r="H68568" s="1" t="s">
        <v>228545</v>
      </c>
      <c r="I68568" s="1" t="s">
        <v>222698</v>
      </c>
      <c r="J68568" s="1" t="s">
        <v>228634</v>
      </c>
    </row>
    <row r="68569" spans="1:10" x14ac:dyDescent="0.35">
      <c r="A68569" s="1" t="s">
        <v>10110</v>
      </c>
      <c r="B68569" s="1" t="s">
        <v>222693</v>
      </c>
      <c r="C68569" s="1" t="s">
        <v>140</v>
      </c>
      <c r="D68569" s="1" t="s">
        <v>223094</v>
      </c>
      <c r="E68569" s="1" t="s">
        <v>228635</v>
      </c>
      <c r="F68569" s="1" t="s">
        <v>228636</v>
      </c>
      <c r="G68569" s="1" t="s">
        <v>228544</v>
      </c>
      <c r="H68569" s="1" t="s">
        <v>228545</v>
      </c>
      <c r="I68569" s="1" t="s">
        <v>222698</v>
      </c>
      <c r="J68569" s="1" t="s">
        <v>228637</v>
      </c>
    </row>
    <row r="68570" spans="1:10" x14ac:dyDescent="0.35">
      <c r="A68570" s="1" t="s">
        <v>10110</v>
      </c>
      <c r="B68570" s="1" t="s">
        <v>222693</v>
      </c>
      <c r="C68570" s="1" t="s">
        <v>145</v>
      </c>
      <c r="D68570" s="1" t="s">
        <v>228638</v>
      </c>
      <c r="E68570" s="1" t="s">
        <v>228639</v>
      </c>
      <c r="F68570" s="1" t="s">
        <v>228640</v>
      </c>
      <c r="G68570" s="1" t="s">
        <v>228544</v>
      </c>
      <c r="H68570" s="1" t="s">
        <v>228545</v>
      </c>
      <c r="I68570" s="1" t="s">
        <v>222698</v>
      </c>
      <c r="J68570" s="1" t="s">
        <v>228641</v>
      </c>
    </row>
    <row r="68571" spans="1:10" x14ac:dyDescent="0.35">
      <c r="A68571" s="1" t="s">
        <v>10110</v>
      </c>
      <c r="B68571" s="1" t="s">
        <v>222693</v>
      </c>
      <c r="C68571" s="1" t="s">
        <v>150</v>
      </c>
      <c r="D68571" s="1" t="s">
        <v>228642</v>
      </c>
      <c r="E68571" s="1" t="s">
        <v>228643</v>
      </c>
      <c r="F68571" s="1" t="s">
        <v>228644</v>
      </c>
      <c r="G68571" s="1" t="s">
        <v>228544</v>
      </c>
      <c r="H68571" s="1" t="s">
        <v>228545</v>
      </c>
      <c r="I68571" s="1" t="s">
        <v>222698</v>
      </c>
      <c r="J68571" s="1" t="s">
        <v>228645</v>
      </c>
    </row>
    <row r="68572" spans="1:10" x14ac:dyDescent="0.35">
      <c r="A68572" s="1" t="s">
        <v>10110</v>
      </c>
      <c r="B68572" s="1" t="s">
        <v>222693</v>
      </c>
      <c r="C68572" s="1" t="s">
        <v>155</v>
      </c>
      <c r="D68572" s="1" t="s">
        <v>228646</v>
      </c>
      <c r="E68572" s="1" t="s">
        <v>228647</v>
      </c>
      <c r="F68572" s="1" t="s">
        <v>228648</v>
      </c>
      <c r="G68572" s="1" t="s">
        <v>228544</v>
      </c>
      <c r="H68572" s="1" t="s">
        <v>228545</v>
      </c>
      <c r="I68572" s="1" t="s">
        <v>222698</v>
      </c>
      <c r="J68572" s="1" t="s">
        <v>228649</v>
      </c>
    </row>
    <row r="68573" spans="1:10" x14ac:dyDescent="0.35">
      <c r="A68573" s="1" t="s">
        <v>10110</v>
      </c>
      <c r="B68573" s="1" t="s">
        <v>222693</v>
      </c>
      <c r="C68573" s="1" t="s">
        <v>160</v>
      </c>
      <c r="D68573" s="1" t="s">
        <v>38940</v>
      </c>
      <c r="E68573" s="1" t="s">
        <v>228650</v>
      </c>
      <c r="F68573" s="1" t="s">
        <v>228651</v>
      </c>
      <c r="G68573" s="1" t="s">
        <v>228544</v>
      </c>
      <c r="H68573" s="1" t="s">
        <v>228545</v>
      </c>
      <c r="I68573" s="1" t="s">
        <v>222698</v>
      </c>
      <c r="J68573" s="1" t="s">
        <v>228652</v>
      </c>
    </row>
    <row r="68574" spans="1:10" x14ac:dyDescent="0.35">
      <c r="A68574" s="1" t="s">
        <v>10110</v>
      </c>
      <c r="B68574" s="1" t="s">
        <v>222693</v>
      </c>
      <c r="C68574" s="1" t="s">
        <v>165</v>
      </c>
      <c r="D68574" s="1" t="s">
        <v>228653</v>
      </c>
      <c r="E68574" s="1" t="s">
        <v>228654</v>
      </c>
      <c r="F68574" s="1" t="s">
        <v>228655</v>
      </c>
      <c r="G68574" s="1" t="s">
        <v>228544</v>
      </c>
      <c r="H68574" s="1" t="s">
        <v>228545</v>
      </c>
      <c r="I68574" s="1" t="s">
        <v>222698</v>
      </c>
      <c r="J68574" s="1" t="s">
        <v>228656</v>
      </c>
    </row>
    <row r="68575" spans="1:10" x14ac:dyDescent="0.35">
      <c r="A68575" s="1" t="s">
        <v>10110</v>
      </c>
      <c r="B68575" s="1" t="s">
        <v>222693</v>
      </c>
      <c r="C68575" s="1" t="s">
        <v>170</v>
      </c>
      <c r="D68575" s="1" t="s">
        <v>228657</v>
      </c>
      <c r="E68575" s="1" t="s">
        <v>228658</v>
      </c>
      <c r="F68575" s="1" t="s">
        <v>228659</v>
      </c>
      <c r="G68575" s="1" t="s">
        <v>228544</v>
      </c>
      <c r="H68575" s="1" t="s">
        <v>228545</v>
      </c>
      <c r="I68575" s="1" t="s">
        <v>222698</v>
      </c>
      <c r="J68575" s="1" t="s">
        <v>228660</v>
      </c>
    </row>
    <row r="68576" spans="1:10" x14ac:dyDescent="0.35">
      <c r="A68576" s="1" t="s">
        <v>25558</v>
      </c>
      <c r="B68576" s="1" t="s">
        <v>222693</v>
      </c>
      <c r="C68576" s="1" t="s">
        <v>8</v>
      </c>
      <c r="D68576" s="1" t="s">
        <v>228661</v>
      </c>
      <c r="E68576" s="1" t="s">
        <v>228662</v>
      </c>
      <c r="F68576" s="1" t="s">
        <v>228663</v>
      </c>
      <c r="G68576" s="1" t="s">
        <v>228664</v>
      </c>
      <c r="H68576" s="1" t="s">
        <v>228665</v>
      </c>
      <c r="I68576" s="1" t="s">
        <v>222698</v>
      </c>
      <c r="J68576" s="1" t="s">
        <v>13</v>
      </c>
    </row>
    <row r="68577" spans="1:10" x14ac:dyDescent="0.35">
      <c r="A68577" s="1" t="s">
        <v>25558</v>
      </c>
      <c r="B68577" s="1" t="s">
        <v>222693</v>
      </c>
      <c r="C68577" s="1" t="s">
        <v>15</v>
      </c>
      <c r="D68577" s="1" t="s">
        <v>114984</v>
      </c>
      <c r="E68577" s="1" t="s">
        <v>228666</v>
      </c>
      <c r="F68577" s="1" t="s">
        <v>228667</v>
      </c>
      <c r="G68577" s="1" t="s">
        <v>228664</v>
      </c>
      <c r="H68577" s="1" t="s">
        <v>228665</v>
      </c>
      <c r="I68577" s="1" t="s">
        <v>222698</v>
      </c>
      <c r="J68577" s="1" t="s">
        <v>228668</v>
      </c>
    </row>
    <row r="68578" spans="1:10" x14ac:dyDescent="0.35">
      <c r="A68578" s="1" t="s">
        <v>25558</v>
      </c>
      <c r="B68578" s="1" t="s">
        <v>222693</v>
      </c>
      <c r="C68578" s="1" t="s">
        <v>20</v>
      </c>
      <c r="D68578" s="1" t="s">
        <v>228669</v>
      </c>
      <c r="E68578" s="1" t="s">
        <v>228670</v>
      </c>
      <c r="F68578" s="1" t="s">
        <v>228671</v>
      </c>
      <c r="G68578" s="1" t="s">
        <v>228664</v>
      </c>
      <c r="H68578" s="1" t="s">
        <v>228665</v>
      </c>
      <c r="I68578" s="1" t="s">
        <v>222698</v>
      </c>
      <c r="J68578" s="1" t="s">
        <v>228672</v>
      </c>
    </row>
    <row r="68579" spans="1:10" x14ac:dyDescent="0.35">
      <c r="A68579" s="1" t="s">
        <v>25558</v>
      </c>
      <c r="B68579" s="1" t="s">
        <v>222693</v>
      </c>
      <c r="C68579" s="1" t="s">
        <v>25</v>
      </c>
      <c r="D68579" s="1" t="s">
        <v>228673</v>
      </c>
      <c r="E68579" s="1" t="s">
        <v>228674</v>
      </c>
      <c r="F68579" s="1" t="s">
        <v>228675</v>
      </c>
      <c r="G68579" s="1" t="s">
        <v>228664</v>
      </c>
      <c r="H68579" s="1" t="s">
        <v>228665</v>
      </c>
      <c r="I68579" s="1" t="s">
        <v>222698</v>
      </c>
      <c r="J68579" s="1" t="s">
        <v>228676</v>
      </c>
    </row>
    <row r="68580" spans="1:10" x14ac:dyDescent="0.35">
      <c r="A68580" s="1" t="s">
        <v>25558</v>
      </c>
      <c r="B68580" s="1" t="s">
        <v>222693</v>
      </c>
      <c r="C68580" s="1" t="s">
        <v>30</v>
      </c>
      <c r="D68580" s="1" t="s">
        <v>228677</v>
      </c>
      <c r="E68580" s="1" t="s">
        <v>228678</v>
      </c>
      <c r="F68580" s="1" t="s">
        <v>228679</v>
      </c>
      <c r="G68580" s="1" t="s">
        <v>228664</v>
      </c>
      <c r="H68580" s="1" t="s">
        <v>228665</v>
      </c>
      <c r="I68580" s="1" t="s">
        <v>222698</v>
      </c>
      <c r="J68580" s="1" t="s">
        <v>228680</v>
      </c>
    </row>
    <row r="68581" spans="1:10" x14ac:dyDescent="0.35">
      <c r="A68581" s="1" t="s">
        <v>25558</v>
      </c>
      <c r="B68581" s="1" t="s">
        <v>222693</v>
      </c>
      <c r="C68581" s="1" t="s">
        <v>35</v>
      </c>
      <c r="D68581" s="1" t="s">
        <v>17076</v>
      </c>
      <c r="E68581" s="1" t="s">
        <v>228681</v>
      </c>
      <c r="F68581" s="1" t="s">
        <v>228682</v>
      </c>
      <c r="G68581" s="1" t="s">
        <v>228664</v>
      </c>
      <c r="H68581" s="1" t="s">
        <v>228665</v>
      </c>
      <c r="I68581" s="1" t="s">
        <v>222698</v>
      </c>
      <c r="J68581" s="1" t="s">
        <v>228683</v>
      </c>
    </row>
    <row r="68582" spans="1:10" x14ac:dyDescent="0.35">
      <c r="A68582" s="1" t="s">
        <v>25558</v>
      </c>
      <c r="B68582" s="1" t="s">
        <v>222693</v>
      </c>
      <c r="C68582" s="1" t="s">
        <v>40</v>
      </c>
      <c r="D68582" s="1" t="s">
        <v>228684</v>
      </c>
      <c r="E68582" s="1" t="s">
        <v>228685</v>
      </c>
      <c r="F68582" s="1" t="s">
        <v>228686</v>
      </c>
      <c r="G68582" s="1" t="s">
        <v>228664</v>
      </c>
      <c r="H68582" s="1" t="s">
        <v>228665</v>
      </c>
      <c r="I68582" s="1" t="s">
        <v>222698</v>
      </c>
      <c r="J68582" s="1" t="s">
        <v>228687</v>
      </c>
    </row>
    <row r="68583" spans="1:10" x14ac:dyDescent="0.35">
      <c r="A68583" s="1" t="s">
        <v>25558</v>
      </c>
      <c r="B68583" s="1" t="s">
        <v>222693</v>
      </c>
      <c r="C68583" s="1" t="s">
        <v>45</v>
      </c>
      <c r="D68583" s="1" t="s">
        <v>228688</v>
      </c>
      <c r="E68583" s="1" t="s">
        <v>228689</v>
      </c>
      <c r="F68583" s="1" t="s">
        <v>228690</v>
      </c>
      <c r="G68583" s="1" t="s">
        <v>228664</v>
      </c>
      <c r="H68583" s="1" t="s">
        <v>228665</v>
      </c>
      <c r="I68583" s="1" t="s">
        <v>222698</v>
      </c>
      <c r="J68583" s="1" t="s">
        <v>228691</v>
      </c>
    </row>
    <row r="68584" spans="1:10" x14ac:dyDescent="0.35">
      <c r="A68584" s="1" t="s">
        <v>25558</v>
      </c>
      <c r="B68584" s="1" t="s">
        <v>222693</v>
      </c>
      <c r="C68584" s="1" t="s">
        <v>50</v>
      </c>
      <c r="D68584" s="1" t="s">
        <v>228692</v>
      </c>
      <c r="E68584" s="1" t="s">
        <v>228693</v>
      </c>
      <c r="F68584" s="1" t="s">
        <v>228694</v>
      </c>
      <c r="G68584" s="1" t="s">
        <v>228664</v>
      </c>
      <c r="H68584" s="1" t="s">
        <v>228665</v>
      </c>
      <c r="I68584" s="1" t="s">
        <v>222698</v>
      </c>
      <c r="J68584" s="1" t="s">
        <v>228695</v>
      </c>
    </row>
    <row r="68585" spans="1:10" x14ac:dyDescent="0.35">
      <c r="A68585" s="1" t="s">
        <v>25558</v>
      </c>
      <c r="B68585" s="1" t="s">
        <v>222693</v>
      </c>
      <c r="C68585" s="1" t="s">
        <v>55</v>
      </c>
      <c r="D68585" s="1" t="s">
        <v>53839</v>
      </c>
      <c r="E68585" s="1" t="s">
        <v>228696</v>
      </c>
      <c r="F68585" s="1" t="s">
        <v>228697</v>
      </c>
      <c r="G68585" s="1" t="s">
        <v>228664</v>
      </c>
      <c r="H68585" s="1" t="s">
        <v>228665</v>
      </c>
      <c r="I68585" s="1" t="s">
        <v>222698</v>
      </c>
      <c r="J68585" s="1" t="s">
        <v>228698</v>
      </c>
    </row>
    <row r="68586" spans="1:10" x14ac:dyDescent="0.35">
      <c r="A68586" s="1" t="s">
        <v>25558</v>
      </c>
      <c r="B68586" s="1" t="s">
        <v>222693</v>
      </c>
      <c r="C68586" s="1" t="s">
        <v>60</v>
      </c>
      <c r="D68586" s="1" t="s">
        <v>131780</v>
      </c>
      <c r="E68586" s="1" t="s">
        <v>228699</v>
      </c>
      <c r="F68586" s="1" t="s">
        <v>228700</v>
      </c>
      <c r="G68586" s="1" t="s">
        <v>228664</v>
      </c>
      <c r="H68586" s="1" t="s">
        <v>228665</v>
      </c>
      <c r="I68586" s="1" t="s">
        <v>222698</v>
      </c>
      <c r="J68586" s="1" t="s">
        <v>228701</v>
      </c>
    </row>
    <row r="68587" spans="1:10" x14ac:dyDescent="0.35">
      <c r="A68587" s="1" t="s">
        <v>25558</v>
      </c>
      <c r="B68587" s="1" t="s">
        <v>222693</v>
      </c>
      <c r="C68587" s="1" t="s">
        <v>65</v>
      </c>
      <c r="D68587" s="1" t="s">
        <v>228702</v>
      </c>
      <c r="E68587" s="1" t="s">
        <v>228703</v>
      </c>
      <c r="F68587" s="1" t="s">
        <v>228704</v>
      </c>
      <c r="G68587" s="1" t="s">
        <v>228664</v>
      </c>
      <c r="H68587" s="1" t="s">
        <v>228665</v>
      </c>
      <c r="I68587" s="1" t="s">
        <v>222698</v>
      </c>
      <c r="J68587" s="1" t="s">
        <v>228705</v>
      </c>
    </row>
    <row r="68588" spans="1:10" x14ac:dyDescent="0.35">
      <c r="A68588" s="1" t="s">
        <v>25558</v>
      </c>
      <c r="B68588" s="1" t="s">
        <v>222693</v>
      </c>
      <c r="C68588" s="1" t="s">
        <v>70</v>
      </c>
      <c r="D68588" s="1" t="s">
        <v>39480</v>
      </c>
      <c r="E68588" s="1" t="s">
        <v>228706</v>
      </c>
      <c r="F68588" s="1" t="s">
        <v>228707</v>
      </c>
      <c r="G68588" s="1" t="s">
        <v>228664</v>
      </c>
      <c r="H68588" s="1" t="s">
        <v>228665</v>
      </c>
      <c r="I68588" s="1" t="s">
        <v>222698</v>
      </c>
      <c r="J68588" s="1" t="s">
        <v>228708</v>
      </c>
    </row>
    <row r="68589" spans="1:10" x14ac:dyDescent="0.35">
      <c r="A68589" s="1" t="s">
        <v>25558</v>
      </c>
      <c r="B68589" s="1" t="s">
        <v>222693</v>
      </c>
      <c r="C68589" s="1" t="s">
        <v>75</v>
      </c>
      <c r="D68589" s="1" t="s">
        <v>20598</v>
      </c>
      <c r="E68589" s="1" t="s">
        <v>228709</v>
      </c>
      <c r="F68589" s="1" t="s">
        <v>228710</v>
      </c>
      <c r="G68589" s="1" t="s">
        <v>228664</v>
      </c>
      <c r="H68589" s="1" t="s">
        <v>228665</v>
      </c>
      <c r="I68589" s="1" t="s">
        <v>222698</v>
      </c>
      <c r="J68589" s="1" t="s">
        <v>228711</v>
      </c>
    </row>
    <row r="68590" spans="1:10" x14ac:dyDescent="0.35">
      <c r="A68590" s="1" t="s">
        <v>25558</v>
      </c>
      <c r="B68590" s="1" t="s">
        <v>222693</v>
      </c>
      <c r="C68590" s="1" t="s">
        <v>80</v>
      </c>
      <c r="D68590" s="1" t="s">
        <v>81402</v>
      </c>
      <c r="E68590" s="1" t="s">
        <v>228712</v>
      </c>
      <c r="F68590" s="1" t="s">
        <v>228713</v>
      </c>
      <c r="G68590" s="1" t="s">
        <v>228664</v>
      </c>
      <c r="H68590" s="1" t="s">
        <v>228665</v>
      </c>
      <c r="I68590" s="1" t="s">
        <v>222698</v>
      </c>
      <c r="J68590" s="1" t="s">
        <v>228714</v>
      </c>
    </row>
    <row r="68591" spans="1:10" x14ac:dyDescent="0.35">
      <c r="A68591" s="1" t="s">
        <v>25558</v>
      </c>
      <c r="B68591" s="1" t="s">
        <v>222693</v>
      </c>
      <c r="C68591" s="1" t="s">
        <v>85</v>
      </c>
      <c r="D68591" s="1" t="s">
        <v>101915</v>
      </c>
      <c r="E68591" s="1" t="s">
        <v>228715</v>
      </c>
      <c r="F68591" s="1" t="s">
        <v>228716</v>
      </c>
      <c r="G68591" s="1" t="s">
        <v>228664</v>
      </c>
      <c r="H68591" s="1" t="s">
        <v>228665</v>
      </c>
      <c r="I68591" s="1" t="s">
        <v>222698</v>
      </c>
      <c r="J68591" s="1" t="s">
        <v>228717</v>
      </c>
    </row>
    <row r="68592" spans="1:10" x14ac:dyDescent="0.35">
      <c r="A68592" s="1" t="s">
        <v>25558</v>
      </c>
      <c r="B68592" s="1" t="s">
        <v>222693</v>
      </c>
      <c r="C68592" s="1" t="s">
        <v>90</v>
      </c>
      <c r="D68592" s="1" t="s">
        <v>228718</v>
      </c>
      <c r="E68592" s="1" t="s">
        <v>228719</v>
      </c>
      <c r="F68592" s="1" t="s">
        <v>228720</v>
      </c>
      <c r="G68592" s="1" t="s">
        <v>228664</v>
      </c>
      <c r="H68592" s="1" t="s">
        <v>228665</v>
      </c>
      <c r="I68592" s="1" t="s">
        <v>222698</v>
      </c>
      <c r="J68592" s="1" t="s">
        <v>228721</v>
      </c>
    </row>
    <row r="68593" spans="1:10" x14ac:dyDescent="0.35">
      <c r="A68593" s="1" t="s">
        <v>25558</v>
      </c>
      <c r="B68593" s="1" t="s">
        <v>222693</v>
      </c>
      <c r="C68593" s="1" t="s">
        <v>95</v>
      </c>
      <c r="D68593" s="1" t="s">
        <v>228722</v>
      </c>
      <c r="E68593" s="1" t="s">
        <v>228723</v>
      </c>
      <c r="F68593" s="1" t="s">
        <v>228724</v>
      </c>
      <c r="G68593" s="1" t="s">
        <v>228664</v>
      </c>
      <c r="H68593" s="1" t="s">
        <v>228665</v>
      </c>
      <c r="I68593" s="1" t="s">
        <v>222698</v>
      </c>
      <c r="J68593" s="1" t="s">
        <v>228725</v>
      </c>
    </row>
    <row r="68594" spans="1:10" x14ac:dyDescent="0.35">
      <c r="A68594" s="1" t="s">
        <v>25558</v>
      </c>
      <c r="B68594" s="1" t="s">
        <v>222693</v>
      </c>
      <c r="C68594" s="1" t="s">
        <v>100</v>
      </c>
      <c r="D68594" s="1" t="s">
        <v>88245</v>
      </c>
      <c r="E68594" s="1" t="s">
        <v>228726</v>
      </c>
      <c r="F68594" s="1" t="s">
        <v>228727</v>
      </c>
      <c r="G68594" s="1" t="s">
        <v>228664</v>
      </c>
      <c r="H68594" s="1" t="s">
        <v>228665</v>
      </c>
      <c r="I68594" s="1" t="s">
        <v>222698</v>
      </c>
      <c r="J68594" s="1" t="s">
        <v>228728</v>
      </c>
    </row>
    <row r="68595" spans="1:10" x14ac:dyDescent="0.35">
      <c r="A68595" s="1" t="s">
        <v>25558</v>
      </c>
      <c r="B68595" s="1" t="s">
        <v>222693</v>
      </c>
      <c r="C68595" s="1" t="s">
        <v>105</v>
      </c>
      <c r="D68595" s="1" t="s">
        <v>127989</v>
      </c>
      <c r="E68595" s="1" t="s">
        <v>228729</v>
      </c>
      <c r="F68595" s="1" t="s">
        <v>228730</v>
      </c>
      <c r="G68595" s="1" t="s">
        <v>228664</v>
      </c>
      <c r="H68595" s="1" t="s">
        <v>228665</v>
      </c>
      <c r="I68595" s="1" t="s">
        <v>222698</v>
      </c>
      <c r="J68595" s="1" t="s">
        <v>228731</v>
      </c>
    </row>
    <row r="68596" spans="1:10" x14ac:dyDescent="0.35">
      <c r="A68596" s="1" t="s">
        <v>25558</v>
      </c>
      <c r="B68596" s="1" t="s">
        <v>222693</v>
      </c>
      <c r="C68596" s="1" t="s">
        <v>110</v>
      </c>
      <c r="D68596" s="1" t="s">
        <v>76058</v>
      </c>
      <c r="E68596" s="1" t="s">
        <v>228732</v>
      </c>
      <c r="F68596" s="1" t="s">
        <v>228733</v>
      </c>
      <c r="G68596" s="1" t="s">
        <v>228664</v>
      </c>
      <c r="H68596" s="1" t="s">
        <v>228665</v>
      </c>
      <c r="I68596" s="1" t="s">
        <v>222698</v>
      </c>
      <c r="J68596" s="1" t="s">
        <v>228734</v>
      </c>
    </row>
    <row r="68597" spans="1:10" x14ac:dyDescent="0.35">
      <c r="A68597" s="1" t="s">
        <v>25558</v>
      </c>
      <c r="B68597" s="1" t="s">
        <v>222693</v>
      </c>
      <c r="C68597" s="1" t="s">
        <v>115</v>
      </c>
      <c r="D68597" s="1" t="s">
        <v>66413</v>
      </c>
      <c r="E68597" s="1" t="s">
        <v>228735</v>
      </c>
      <c r="F68597" s="1" t="s">
        <v>228736</v>
      </c>
      <c r="G68597" s="1" t="s">
        <v>228664</v>
      </c>
      <c r="H68597" s="1" t="s">
        <v>228665</v>
      </c>
      <c r="I68597" s="1" t="s">
        <v>222698</v>
      </c>
      <c r="J68597" s="1" t="s">
        <v>228737</v>
      </c>
    </row>
    <row r="68598" spans="1:10" x14ac:dyDescent="0.35">
      <c r="A68598" s="1" t="s">
        <v>25558</v>
      </c>
      <c r="B68598" s="1" t="s">
        <v>222693</v>
      </c>
      <c r="C68598" s="1" t="s">
        <v>120</v>
      </c>
      <c r="D68598" s="1" t="s">
        <v>228738</v>
      </c>
      <c r="E68598" s="1" t="s">
        <v>228739</v>
      </c>
      <c r="F68598" s="1" t="s">
        <v>228740</v>
      </c>
      <c r="G68598" s="1" t="s">
        <v>228664</v>
      </c>
      <c r="H68598" s="1" t="s">
        <v>228665</v>
      </c>
      <c r="I68598" s="1" t="s">
        <v>222698</v>
      </c>
      <c r="J68598" s="1" t="s">
        <v>228741</v>
      </c>
    </row>
    <row r="68599" spans="1:10" x14ac:dyDescent="0.35">
      <c r="A68599" s="1" t="s">
        <v>25558</v>
      </c>
      <c r="B68599" s="1" t="s">
        <v>222693</v>
      </c>
      <c r="C68599" s="1" t="s">
        <v>125</v>
      </c>
      <c r="D68599" s="1" t="s">
        <v>228742</v>
      </c>
      <c r="E68599" s="1" t="s">
        <v>228743</v>
      </c>
      <c r="F68599" s="1" t="s">
        <v>228744</v>
      </c>
      <c r="G68599" s="1" t="s">
        <v>228664</v>
      </c>
      <c r="H68599" s="1" t="s">
        <v>228665</v>
      </c>
      <c r="I68599" s="1" t="s">
        <v>222698</v>
      </c>
      <c r="J68599" s="1" t="s">
        <v>228745</v>
      </c>
    </row>
    <row r="68600" spans="1:10" x14ac:dyDescent="0.35">
      <c r="A68600" s="1" t="s">
        <v>25558</v>
      </c>
      <c r="B68600" s="1" t="s">
        <v>222693</v>
      </c>
      <c r="C68600" s="1" t="s">
        <v>130</v>
      </c>
      <c r="D68600" s="1" t="s">
        <v>54935</v>
      </c>
      <c r="E68600" s="1" t="s">
        <v>228746</v>
      </c>
      <c r="F68600" s="1" t="s">
        <v>228747</v>
      </c>
      <c r="G68600" s="1" t="s">
        <v>228664</v>
      </c>
      <c r="H68600" s="1" t="s">
        <v>228665</v>
      </c>
      <c r="I68600" s="1" t="s">
        <v>222698</v>
      </c>
      <c r="J68600" s="1" t="s">
        <v>228748</v>
      </c>
    </row>
    <row r="68601" spans="1:10" x14ac:dyDescent="0.35">
      <c r="A68601" s="1" t="s">
        <v>25558</v>
      </c>
      <c r="B68601" s="1" t="s">
        <v>222693</v>
      </c>
      <c r="C68601" s="1" t="s">
        <v>135</v>
      </c>
      <c r="D68601" s="1" t="s">
        <v>199782</v>
      </c>
      <c r="E68601" s="1" t="s">
        <v>228749</v>
      </c>
      <c r="F68601" s="1" t="s">
        <v>228750</v>
      </c>
      <c r="G68601" s="1" t="s">
        <v>228664</v>
      </c>
      <c r="H68601" s="1" t="s">
        <v>228665</v>
      </c>
      <c r="I68601" s="1" t="s">
        <v>222698</v>
      </c>
      <c r="J68601" s="1" t="s">
        <v>228751</v>
      </c>
    </row>
    <row r="68602" spans="1:10" x14ac:dyDescent="0.35">
      <c r="A68602" s="1" t="s">
        <v>25558</v>
      </c>
      <c r="B68602" s="1" t="s">
        <v>222693</v>
      </c>
      <c r="C68602" s="1" t="s">
        <v>140</v>
      </c>
      <c r="D68602" s="1" t="s">
        <v>228752</v>
      </c>
      <c r="E68602" s="1" t="s">
        <v>228753</v>
      </c>
      <c r="F68602" s="1" t="s">
        <v>228754</v>
      </c>
      <c r="G68602" s="1" t="s">
        <v>228664</v>
      </c>
      <c r="H68602" s="1" t="s">
        <v>228665</v>
      </c>
      <c r="I68602" s="1" t="s">
        <v>222698</v>
      </c>
      <c r="J68602" s="1" t="s">
        <v>228755</v>
      </c>
    </row>
    <row r="68603" spans="1:10" x14ac:dyDescent="0.35">
      <c r="A68603" s="1" t="s">
        <v>25558</v>
      </c>
      <c r="B68603" s="1" t="s">
        <v>222693</v>
      </c>
      <c r="C68603" s="1" t="s">
        <v>145</v>
      </c>
      <c r="D68603" s="1" t="s">
        <v>40212</v>
      </c>
      <c r="E68603" s="1" t="s">
        <v>228756</v>
      </c>
      <c r="F68603" s="1" t="s">
        <v>228757</v>
      </c>
      <c r="G68603" s="1" t="s">
        <v>228664</v>
      </c>
      <c r="H68603" s="1" t="s">
        <v>228665</v>
      </c>
      <c r="I68603" s="1" t="s">
        <v>222698</v>
      </c>
      <c r="J68603" s="1" t="s">
        <v>228758</v>
      </c>
    </row>
    <row r="68604" spans="1:10" x14ac:dyDescent="0.35">
      <c r="A68604" s="1" t="s">
        <v>25558</v>
      </c>
      <c r="B68604" s="1" t="s">
        <v>222693</v>
      </c>
      <c r="C68604" s="1" t="s">
        <v>150</v>
      </c>
      <c r="D68604" s="1" t="s">
        <v>84386</v>
      </c>
      <c r="E68604" s="1" t="s">
        <v>228759</v>
      </c>
      <c r="F68604" s="1" t="s">
        <v>228760</v>
      </c>
      <c r="G68604" s="1" t="s">
        <v>228664</v>
      </c>
      <c r="H68604" s="1" t="s">
        <v>228665</v>
      </c>
      <c r="I68604" s="1" t="s">
        <v>222698</v>
      </c>
      <c r="J68604" s="1" t="s">
        <v>228761</v>
      </c>
    </row>
    <row r="68605" spans="1:10" x14ac:dyDescent="0.35">
      <c r="A68605" s="1" t="s">
        <v>25558</v>
      </c>
      <c r="B68605" s="1" t="s">
        <v>222693</v>
      </c>
      <c r="C68605" s="1" t="s">
        <v>155</v>
      </c>
      <c r="D68605" s="1" t="s">
        <v>228762</v>
      </c>
      <c r="E68605" s="1" t="s">
        <v>228763</v>
      </c>
      <c r="F68605" s="1" t="s">
        <v>228764</v>
      </c>
      <c r="G68605" s="1" t="s">
        <v>228664</v>
      </c>
      <c r="H68605" s="1" t="s">
        <v>228665</v>
      </c>
      <c r="I68605" s="1" t="s">
        <v>222698</v>
      </c>
      <c r="J68605" s="1" t="s">
        <v>228765</v>
      </c>
    </row>
    <row r="68606" spans="1:10" x14ac:dyDescent="0.35">
      <c r="A68606" s="1" t="s">
        <v>25558</v>
      </c>
      <c r="B68606" s="1" t="s">
        <v>222693</v>
      </c>
      <c r="C68606" s="1" t="s">
        <v>160</v>
      </c>
      <c r="D68606" s="1" t="s">
        <v>67606</v>
      </c>
      <c r="E68606" s="1" t="s">
        <v>228766</v>
      </c>
      <c r="F68606" s="1" t="s">
        <v>228767</v>
      </c>
      <c r="G68606" s="1" t="s">
        <v>228664</v>
      </c>
      <c r="H68606" s="1" t="s">
        <v>228665</v>
      </c>
      <c r="I68606" s="1" t="s">
        <v>222698</v>
      </c>
      <c r="J68606" s="1" t="s">
        <v>228768</v>
      </c>
    </row>
    <row r="68607" spans="1:10" x14ac:dyDescent="0.35">
      <c r="A68607" s="1" t="s">
        <v>25558</v>
      </c>
      <c r="B68607" s="1" t="s">
        <v>222693</v>
      </c>
      <c r="C68607" s="1" t="s">
        <v>165</v>
      </c>
      <c r="D68607" s="1" t="s">
        <v>58888</v>
      </c>
      <c r="E68607" s="1" t="s">
        <v>228769</v>
      </c>
      <c r="F68607" s="1" t="s">
        <v>228770</v>
      </c>
      <c r="G68607" s="1" t="s">
        <v>228664</v>
      </c>
      <c r="H68607" s="1" t="s">
        <v>228665</v>
      </c>
      <c r="I68607" s="1" t="s">
        <v>222698</v>
      </c>
      <c r="J68607" s="1" t="s">
        <v>228771</v>
      </c>
    </row>
    <row r="68608" spans="1:10" x14ac:dyDescent="0.35">
      <c r="A68608" s="1" t="s">
        <v>25558</v>
      </c>
      <c r="B68608" s="1" t="s">
        <v>222693</v>
      </c>
      <c r="C68608" s="1" t="s">
        <v>170</v>
      </c>
      <c r="D68608" s="1" t="s">
        <v>64606</v>
      </c>
      <c r="E68608" s="1" t="s">
        <v>228772</v>
      </c>
      <c r="F68608" s="1" t="s">
        <v>228773</v>
      </c>
      <c r="G68608" s="1" t="s">
        <v>228664</v>
      </c>
      <c r="H68608" s="1" t="s">
        <v>228665</v>
      </c>
      <c r="I68608" s="1" t="s">
        <v>222698</v>
      </c>
      <c r="J68608" s="1" t="s">
        <v>228774</v>
      </c>
    </row>
    <row r="68609" spans="1:10" x14ac:dyDescent="0.35">
      <c r="A68609" s="1" t="s">
        <v>28773</v>
      </c>
      <c r="B68609" s="1" t="s">
        <v>222693</v>
      </c>
      <c r="C68609" s="1" t="s">
        <v>8</v>
      </c>
      <c r="D68609" s="1" t="s">
        <v>96307</v>
      </c>
      <c r="E68609" s="1" t="s">
        <v>228775</v>
      </c>
      <c r="F68609" s="1" t="s">
        <v>228776</v>
      </c>
      <c r="G68609" s="1" t="s">
        <v>228777</v>
      </c>
      <c r="H68609" s="1" t="s">
        <v>228778</v>
      </c>
      <c r="I68609" s="1" t="s">
        <v>222698</v>
      </c>
      <c r="J68609" s="1" t="s">
        <v>13</v>
      </c>
    </row>
    <row r="68610" spans="1:10" x14ac:dyDescent="0.35">
      <c r="A68610" s="1" t="s">
        <v>28773</v>
      </c>
      <c r="B68610" s="1" t="s">
        <v>222693</v>
      </c>
      <c r="C68610" s="1" t="s">
        <v>15</v>
      </c>
      <c r="D68610" s="1" t="s">
        <v>81110</v>
      </c>
      <c r="E68610" s="1" t="s">
        <v>228779</v>
      </c>
      <c r="F68610" s="1" t="s">
        <v>228780</v>
      </c>
      <c r="G68610" s="1" t="s">
        <v>228777</v>
      </c>
      <c r="H68610" s="1" t="s">
        <v>228778</v>
      </c>
      <c r="I68610" s="1" t="s">
        <v>222698</v>
      </c>
      <c r="J68610" s="1" t="s">
        <v>228781</v>
      </c>
    </row>
    <row r="68611" spans="1:10" x14ac:dyDescent="0.35">
      <c r="A68611" s="1" t="s">
        <v>28773</v>
      </c>
      <c r="B68611" s="1" t="s">
        <v>222693</v>
      </c>
      <c r="C68611" s="1" t="s">
        <v>20</v>
      </c>
      <c r="D68611" s="1" t="s">
        <v>228782</v>
      </c>
      <c r="E68611" s="1" t="s">
        <v>228783</v>
      </c>
      <c r="F68611" s="1" t="s">
        <v>228784</v>
      </c>
      <c r="G68611" s="1" t="s">
        <v>228777</v>
      </c>
      <c r="H68611" s="1" t="s">
        <v>228778</v>
      </c>
      <c r="I68611" s="1" t="s">
        <v>222698</v>
      </c>
      <c r="J68611" s="1" t="s">
        <v>228785</v>
      </c>
    </row>
    <row r="68612" spans="1:10" x14ac:dyDescent="0.35">
      <c r="A68612" s="1" t="s">
        <v>28773</v>
      </c>
      <c r="B68612" s="1" t="s">
        <v>222693</v>
      </c>
      <c r="C68612" s="1" t="s">
        <v>25</v>
      </c>
      <c r="D68612" s="1" t="s">
        <v>91018</v>
      </c>
      <c r="E68612" s="1" t="s">
        <v>228786</v>
      </c>
      <c r="F68612" s="1" t="s">
        <v>228787</v>
      </c>
      <c r="G68612" s="1" t="s">
        <v>228777</v>
      </c>
      <c r="H68612" s="1" t="s">
        <v>228778</v>
      </c>
      <c r="I68612" s="1" t="s">
        <v>222698</v>
      </c>
      <c r="J68612" s="1" t="s">
        <v>228788</v>
      </c>
    </row>
    <row r="68613" spans="1:10" x14ac:dyDescent="0.35">
      <c r="A68613" s="1" t="s">
        <v>28773</v>
      </c>
      <c r="B68613" s="1" t="s">
        <v>222693</v>
      </c>
      <c r="C68613" s="1" t="s">
        <v>30</v>
      </c>
      <c r="D68613" s="1" t="s">
        <v>43099</v>
      </c>
      <c r="E68613" s="1" t="s">
        <v>228789</v>
      </c>
      <c r="F68613" s="1" t="s">
        <v>228790</v>
      </c>
      <c r="G68613" s="1" t="s">
        <v>228777</v>
      </c>
      <c r="H68613" s="1" t="s">
        <v>228778</v>
      </c>
      <c r="I68613" s="1" t="s">
        <v>222698</v>
      </c>
      <c r="J68613" s="1" t="s">
        <v>228791</v>
      </c>
    </row>
    <row r="68614" spans="1:10" x14ac:dyDescent="0.35">
      <c r="A68614" s="1" t="s">
        <v>28773</v>
      </c>
      <c r="B68614" s="1" t="s">
        <v>222693</v>
      </c>
      <c r="C68614" s="1" t="s">
        <v>35</v>
      </c>
      <c r="D68614" s="1" t="s">
        <v>228792</v>
      </c>
      <c r="E68614" s="1" t="s">
        <v>228793</v>
      </c>
      <c r="F68614" s="1" t="s">
        <v>228794</v>
      </c>
      <c r="G68614" s="1" t="s">
        <v>228777</v>
      </c>
      <c r="H68614" s="1" t="s">
        <v>228778</v>
      </c>
      <c r="I68614" s="1" t="s">
        <v>222698</v>
      </c>
      <c r="J68614" s="1" t="s">
        <v>228795</v>
      </c>
    </row>
    <row r="68615" spans="1:10" x14ac:dyDescent="0.35">
      <c r="A68615" s="1" t="s">
        <v>28773</v>
      </c>
      <c r="B68615" s="1" t="s">
        <v>222693</v>
      </c>
      <c r="C68615" s="1" t="s">
        <v>40</v>
      </c>
      <c r="D68615" s="1" t="s">
        <v>17100</v>
      </c>
      <c r="E68615" s="1" t="s">
        <v>228796</v>
      </c>
      <c r="F68615" s="1" t="s">
        <v>228797</v>
      </c>
      <c r="G68615" s="1" t="s">
        <v>228777</v>
      </c>
      <c r="H68615" s="1" t="s">
        <v>228778</v>
      </c>
      <c r="I68615" s="1" t="s">
        <v>222698</v>
      </c>
      <c r="J68615" s="1" t="s">
        <v>228798</v>
      </c>
    </row>
    <row r="68616" spans="1:10" x14ac:dyDescent="0.35">
      <c r="A68616" s="1" t="s">
        <v>28773</v>
      </c>
      <c r="B68616" s="1" t="s">
        <v>222693</v>
      </c>
      <c r="C68616" s="1" t="s">
        <v>45</v>
      </c>
      <c r="D68616" s="1" t="s">
        <v>228799</v>
      </c>
      <c r="E68616" s="1" t="s">
        <v>228800</v>
      </c>
      <c r="F68616" s="1" t="s">
        <v>228801</v>
      </c>
      <c r="G68616" s="1" t="s">
        <v>228777</v>
      </c>
      <c r="H68616" s="1" t="s">
        <v>228778</v>
      </c>
      <c r="I68616" s="1" t="s">
        <v>222698</v>
      </c>
      <c r="J68616" s="1" t="s">
        <v>228802</v>
      </c>
    </row>
    <row r="68617" spans="1:10" x14ac:dyDescent="0.35">
      <c r="A68617" s="1" t="s">
        <v>28773</v>
      </c>
      <c r="B68617" s="1" t="s">
        <v>222693</v>
      </c>
      <c r="C68617" s="1" t="s">
        <v>50</v>
      </c>
      <c r="D68617" s="1" t="s">
        <v>64996</v>
      </c>
      <c r="E68617" s="1" t="s">
        <v>228803</v>
      </c>
      <c r="F68617" s="1" t="s">
        <v>228804</v>
      </c>
      <c r="G68617" s="1" t="s">
        <v>228777</v>
      </c>
      <c r="H68617" s="1" t="s">
        <v>228778</v>
      </c>
      <c r="I68617" s="1" t="s">
        <v>222698</v>
      </c>
      <c r="J68617" s="1" t="s">
        <v>228805</v>
      </c>
    </row>
    <row r="68618" spans="1:10" x14ac:dyDescent="0.35">
      <c r="A68618" s="1" t="s">
        <v>28773</v>
      </c>
      <c r="B68618" s="1" t="s">
        <v>222693</v>
      </c>
      <c r="C68618" s="1" t="s">
        <v>55</v>
      </c>
      <c r="D68618" s="1" t="s">
        <v>94182</v>
      </c>
      <c r="E68618" s="1" t="s">
        <v>228806</v>
      </c>
      <c r="F68618" s="1" t="s">
        <v>228807</v>
      </c>
      <c r="G68618" s="1" t="s">
        <v>228777</v>
      </c>
      <c r="H68618" s="1" t="s">
        <v>228778</v>
      </c>
      <c r="I68618" s="1" t="s">
        <v>222698</v>
      </c>
      <c r="J68618" s="1" t="s">
        <v>228808</v>
      </c>
    </row>
    <row r="68619" spans="1:10" x14ac:dyDescent="0.35">
      <c r="A68619" s="1" t="s">
        <v>28773</v>
      </c>
      <c r="B68619" s="1" t="s">
        <v>222693</v>
      </c>
      <c r="C68619" s="1" t="s">
        <v>60</v>
      </c>
      <c r="D68619" s="1" t="s">
        <v>95416</v>
      </c>
      <c r="E68619" s="1" t="s">
        <v>228809</v>
      </c>
      <c r="F68619" s="1" t="s">
        <v>228810</v>
      </c>
      <c r="G68619" s="1" t="s">
        <v>228777</v>
      </c>
      <c r="H68619" s="1" t="s">
        <v>228778</v>
      </c>
      <c r="I68619" s="1" t="s">
        <v>222698</v>
      </c>
      <c r="J68619" s="1" t="s">
        <v>228811</v>
      </c>
    </row>
    <row r="68620" spans="1:10" x14ac:dyDescent="0.35">
      <c r="A68620" s="1" t="s">
        <v>28773</v>
      </c>
      <c r="B68620" s="1" t="s">
        <v>222693</v>
      </c>
      <c r="C68620" s="1" t="s">
        <v>65</v>
      </c>
      <c r="D68620" s="1" t="s">
        <v>65402</v>
      </c>
      <c r="E68620" s="1" t="s">
        <v>228812</v>
      </c>
      <c r="F68620" s="1" t="s">
        <v>228813</v>
      </c>
      <c r="G68620" s="1" t="s">
        <v>228777</v>
      </c>
      <c r="H68620" s="1" t="s">
        <v>228778</v>
      </c>
      <c r="I68620" s="1" t="s">
        <v>222698</v>
      </c>
      <c r="J68620" s="1" t="s">
        <v>228814</v>
      </c>
    </row>
    <row r="68621" spans="1:10" x14ac:dyDescent="0.35">
      <c r="A68621" s="1" t="s">
        <v>28773</v>
      </c>
      <c r="B68621" s="1" t="s">
        <v>222693</v>
      </c>
      <c r="C68621" s="1" t="s">
        <v>70</v>
      </c>
      <c r="D68621" s="1" t="s">
        <v>20634</v>
      </c>
      <c r="E68621" s="1" t="s">
        <v>228815</v>
      </c>
      <c r="F68621" s="1" t="s">
        <v>228816</v>
      </c>
      <c r="G68621" s="1" t="s">
        <v>228777</v>
      </c>
      <c r="H68621" s="1" t="s">
        <v>228778</v>
      </c>
      <c r="I68621" s="1" t="s">
        <v>222698</v>
      </c>
      <c r="J68621" s="1" t="s">
        <v>228817</v>
      </c>
    </row>
    <row r="68622" spans="1:10" x14ac:dyDescent="0.35">
      <c r="A68622" s="1" t="s">
        <v>28773</v>
      </c>
      <c r="B68622" s="1" t="s">
        <v>222693</v>
      </c>
      <c r="C68622" s="1" t="s">
        <v>75</v>
      </c>
      <c r="D68622" s="1" t="s">
        <v>228818</v>
      </c>
      <c r="E68622" s="1" t="s">
        <v>228819</v>
      </c>
      <c r="F68622" s="1" t="s">
        <v>228820</v>
      </c>
      <c r="G68622" s="1" t="s">
        <v>228777</v>
      </c>
      <c r="H68622" s="1" t="s">
        <v>228778</v>
      </c>
      <c r="I68622" s="1" t="s">
        <v>222698</v>
      </c>
      <c r="J68622" s="1" t="s">
        <v>228821</v>
      </c>
    </row>
    <row r="68623" spans="1:10" x14ac:dyDescent="0.35">
      <c r="A68623" s="1" t="s">
        <v>28773</v>
      </c>
      <c r="B68623" s="1" t="s">
        <v>222693</v>
      </c>
      <c r="C68623" s="1" t="s">
        <v>80</v>
      </c>
      <c r="D68623" s="1" t="s">
        <v>62119</v>
      </c>
      <c r="E68623" s="1" t="s">
        <v>228822</v>
      </c>
      <c r="F68623" s="1" t="s">
        <v>228823</v>
      </c>
      <c r="G68623" s="1" t="s">
        <v>228777</v>
      </c>
      <c r="H68623" s="1" t="s">
        <v>228778</v>
      </c>
      <c r="I68623" s="1" t="s">
        <v>222698</v>
      </c>
      <c r="J68623" s="1" t="s">
        <v>228824</v>
      </c>
    </row>
    <row r="68624" spans="1:10" x14ac:dyDescent="0.35">
      <c r="A68624" s="1" t="s">
        <v>28773</v>
      </c>
      <c r="B68624" s="1" t="s">
        <v>222693</v>
      </c>
      <c r="C68624" s="1" t="s">
        <v>85</v>
      </c>
      <c r="D68624" s="1" t="s">
        <v>54451</v>
      </c>
      <c r="E68624" s="1" t="s">
        <v>228825</v>
      </c>
      <c r="F68624" s="1" t="s">
        <v>228826</v>
      </c>
      <c r="G68624" s="1" t="s">
        <v>228777</v>
      </c>
      <c r="H68624" s="1" t="s">
        <v>228778</v>
      </c>
      <c r="I68624" s="1" t="s">
        <v>222698</v>
      </c>
      <c r="J68624" s="1" t="s">
        <v>228827</v>
      </c>
    </row>
    <row r="68625" spans="1:10" x14ac:dyDescent="0.35">
      <c r="A68625" s="1" t="s">
        <v>28773</v>
      </c>
      <c r="B68625" s="1" t="s">
        <v>222693</v>
      </c>
      <c r="C68625" s="1" t="s">
        <v>90</v>
      </c>
      <c r="D68625" s="1" t="s">
        <v>128777</v>
      </c>
      <c r="E68625" s="1" t="s">
        <v>228828</v>
      </c>
      <c r="F68625" s="1" t="s">
        <v>228829</v>
      </c>
      <c r="G68625" s="1" t="s">
        <v>228777</v>
      </c>
      <c r="H68625" s="1" t="s">
        <v>228778</v>
      </c>
      <c r="I68625" s="1" t="s">
        <v>222698</v>
      </c>
      <c r="J68625" s="1" t="s">
        <v>228830</v>
      </c>
    </row>
    <row r="68626" spans="1:10" x14ac:dyDescent="0.35">
      <c r="A68626" s="1" t="s">
        <v>28773</v>
      </c>
      <c r="B68626" s="1" t="s">
        <v>222693</v>
      </c>
      <c r="C68626" s="1" t="s">
        <v>95</v>
      </c>
      <c r="D68626" s="1" t="s">
        <v>103268</v>
      </c>
      <c r="E68626" s="1" t="s">
        <v>228831</v>
      </c>
      <c r="F68626" s="1" t="s">
        <v>228832</v>
      </c>
      <c r="G68626" s="1" t="s">
        <v>228777</v>
      </c>
      <c r="H68626" s="1" t="s">
        <v>228778</v>
      </c>
      <c r="I68626" s="1" t="s">
        <v>222698</v>
      </c>
      <c r="J68626" s="1" t="s">
        <v>228833</v>
      </c>
    </row>
    <row r="68627" spans="1:10" x14ac:dyDescent="0.35">
      <c r="A68627" s="1" t="s">
        <v>28773</v>
      </c>
      <c r="B68627" s="1" t="s">
        <v>222693</v>
      </c>
      <c r="C68627" s="1" t="s">
        <v>100</v>
      </c>
      <c r="D68627" s="1" t="s">
        <v>228834</v>
      </c>
      <c r="E68627" s="1" t="s">
        <v>228835</v>
      </c>
      <c r="F68627" s="1" t="s">
        <v>228836</v>
      </c>
      <c r="G68627" s="1" t="s">
        <v>228777</v>
      </c>
      <c r="H68627" s="1" t="s">
        <v>228778</v>
      </c>
      <c r="I68627" s="1" t="s">
        <v>222698</v>
      </c>
      <c r="J68627" s="1" t="s">
        <v>228837</v>
      </c>
    </row>
    <row r="68628" spans="1:10" x14ac:dyDescent="0.35">
      <c r="A68628" s="1" t="s">
        <v>28773</v>
      </c>
      <c r="B68628" s="1" t="s">
        <v>222693</v>
      </c>
      <c r="C68628" s="1" t="s">
        <v>105</v>
      </c>
      <c r="D68628" s="1" t="s">
        <v>228838</v>
      </c>
      <c r="E68628" s="1" t="s">
        <v>228839</v>
      </c>
      <c r="F68628" s="1" t="s">
        <v>228840</v>
      </c>
      <c r="G68628" s="1" t="s">
        <v>228777</v>
      </c>
      <c r="H68628" s="1" t="s">
        <v>228778</v>
      </c>
      <c r="I68628" s="1" t="s">
        <v>222698</v>
      </c>
      <c r="J68628" s="1" t="s">
        <v>228841</v>
      </c>
    </row>
    <row r="68629" spans="1:10" x14ac:dyDescent="0.35">
      <c r="A68629" s="1" t="s">
        <v>28773</v>
      </c>
      <c r="B68629" s="1" t="s">
        <v>222693</v>
      </c>
      <c r="C68629" s="1" t="s">
        <v>110</v>
      </c>
      <c r="D68629" s="1" t="s">
        <v>228842</v>
      </c>
      <c r="E68629" s="1" t="s">
        <v>228843</v>
      </c>
      <c r="F68629" s="1" t="s">
        <v>228844</v>
      </c>
      <c r="G68629" s="1" t="s">
        <v>228777</v>
      </c>
      <c r="H68629" s="1" t="s">
        <v>228778</v>
      </c>
      <c r="I68629" s="1" t="s">
        <v>222698</v>
      </c>
      <c r="J68629" s="1" t="s">
        <v>228845</v>
      </c>
    </row>
    <row r="68630" spans="1:10" x14ac:dyDescent="0.35">
      <c r="A68630" s="1" t="s">
        <v>28773</v>
      </c>
      <c r="B68630" s="1" t="s">
        <v>222693</v>
      </c>
      <c r="C68630" s="1" t="s">
        <v>115</v>
      </c>
      <c r="D68630" s="1" t="s">
        <v>228846</v>
      </c>
      <c r="E68630" s="1" t="s">
        <v>228847</v>
      </c>
      <c r="F68630" s="1" t="s">
        <v>228848</v>
      </c>
      <c r="G68630" s="1" t="s">
        <v>228777</v>
      </c>
      <c r="H68630" s="1" t="s">
        <v>228778</v>
      </c>
      <c r="I68630" s="1" t="s">
        <v>222698</v>
      </c>
      <c r="J68630" s="1" t="s">
        <v>228849</v>
      </c>
    </row>
    <row r="68631" spans="1:10" x14ac:dyDescent="0.35">
      <c r="A68631" s="1" t="s">
        <v>28773</v>
      </c>
      <c r="B68631" s="1" t="s">
        <v>222693</v>
      </c>
      <c r="C68631" s="1" t="s">
        <v>120</v>
      </c>
      <c r="D68631" s="1" t="s">
        <v>58395</v>
      </c>
      <c r="E68631" s="1" t="s">
        <v>228850</v>
      </c>
      <c r="F68631" s="1" t="s">
        <v>228851</v>
      </c>
      <c r="G68631" s="1" t="s">
        <v>228777</v>
      </c>
      <c r="H68631" s="1" t="s">
        <v>228778</v>
      </c>
      <c r="I68631" s="1" t="s">
        <v>222698</v>
      </c>
      <c r="J68631" s="1" t="s">
        <v>228852</v>
      </c>
    </row>
    <row r="68632" spans="1:10" x14ac:dyDescent="0.35">
      <c r="A68632" s="1" t="s">
        <v>28773</v>
      </c>
      <c r="B68632" s="1" t="s">
        <v>222693</v>
      </c>
      <c r="C68632" s="1" t="s">
        <v>125</v>
      </c>
      <c r="D68632" s="1" t="s">
        <v>228853</v>
      </c>
      <c r="E68632" s="1" t="s">
        <v>228854</v>
      </c>
      <c r="F68632" s="1" t="s">
        <v>228855</v>
      </c>
      <c r="G68632" s="1" t="s">
        <v>228777</v>
      </c>
      <c r="H68632" s="1" t="s">
        <v>228778</v>
      </c>
      <c r="I68632" s="1" t="s">
        <v>222698</v>
      </c>
      <c r="J68632" s="1" t="s">
        <v>228856</v>
      </c>
    </row>
    <row r="68633" spans="1:10" x14ac:dyDescent="0.35">
      <c r="A68633" s="1" t="s">
        <v>28773</v>
      </c>
      <c r="B68633" s="1" t="s">
        <v>222693</v>
      </c>
      <c r="C68633" s="1" t="s">
        <v>130</v>
      </c>
      <c r="D68633" s="1" t="s">
        <v>224055</v>
      </c>
      <c r="E68633" s="1" t="s">
        <v>228857</v>
      </c>
      <c r="F68633" s="1" t="s">
        <v>228858</v>
      </c>
      <c r="G68633" s="1" t="s">
        <v>228777</v>
      </c>
      <c r="H68633" s="1" t="s">
        <v>228778</v>
      </c>
      <c r="I68633" s="1" t="s">
        <v>222698</v>
      </c>
      <c r="J68633" s="1" t="s">
        <v>228859</v>
      </c>
    </row>
    <row r="68634" spans="1:10" x14ac:dyDescent="0.35">
      <c r="A68634" s="1" t="s">
        <v>28773</v>
      </c>
      <c r="B68634" s="1" t="s">
        <v>222693</v>
      </c>
      <c r="C68634" s="1" t="s">
        <v>135</v>
      </c>
      <c r="D68634" s="1" t="s">
        <v>128868</v>
      </c>
      <c r="E68634" s="1" t="s">
        <v>228860</v>
      </c>
      <c r="F68634" s="1" t="s">
        <v>228861</v>
      </c>
      <c r="G68634" s="1" t="s">
        <v>228777</v>
      </c>
      <c r="H68634" s="1" t="s">
        <v>228778</v>
      </c>
      <c r="I68634" s="1" t="s">
        <v>222698</v>
      </c>
      <c r="J68634" s="1" t="s">
        <v>228862</v>
      </c>
    </row>
    <row r="68635" spans="1:10" x14ac:dyDescent="0.35">
      <c r="A68635" s="1" t="s">
        <v>28773</v>
      </c>
      <c r="B68635" s="1" t="s">
        <v>222693</v>
      </c>
      <c r="C68635" s="1" t="s">
        <v>140</v>
      </c>
      <c r="D68635" s="1" t="s">
        <v>228863</v>
      </c>
      <c r="E68635" s="1" t="s">
        <v>228864</v>
      </c>
      <c r="F68635" s="1" t="s">
        <v>228865</v>
      </c>
      <c r="G68635" s="1" t="s">
        <v>228777</v>
      </c>
      <c r="H68635" s="1" t="s">
        <v>228778</v>
      </c>
      <c r="I68635" s="1" t="s">
        <v>222698</v>
      </c>
      <c r="J68635" s="1" t="s">
        <v>228866</v>
      </c>
    </row>
    <row r="68636" spans="1:10" x14ac:dyDescent="0.35">
      <c r="A68636" s="1" t="s">
        <v>28773</v>
      </c>
      <c r="B68636" s="1" t="s">
        <v>222693</v>
      </c>
      <c r="C68636" s="1" t="s">
        <v>145</v>
      </c>
      <c r="D68636" s="1" t="s">
        <v>228437</v>
      </c>
      <c r="E68636" s="1" t="s">
        <v>228867</v>
      </c>
      <c r="F68636" s="1" t="s">
        <v>228868</v>
      </c>
      <c r="G68636" s="1" t="s">
        <v>228777</v>
      </c>
      <c r="H68636" s="1" t="s">
        <v>228778</v>
      </c>
      <c r="I68636" s="1" t="s">
        <v>222698</v>
      </c>
      <c r="J68636" s="1" t="s">
        <v>228869</v>
      </c>
    </row>
    <row r="68637" spans="1:10" x14ac:dyDescent="0.35">
      <c r="A68637" s="1" t="s">
        <v>28773</v>
      </c>
      <c r="B68637" s="1" t="s">
        <v>222693</v>
      </c>
      <c r="C68637" s="1" t="s">
        <v>150</v>
      </c>
      <c r="D68637" s="1" t="s">
        <v>228870</v>
      </c>
      <c r="E68637" s="1" t="s">
        <v>228871</v>
      </c>
      <c r="F68637" s="1" t="s">
        <v>228872</v>
      </c>
      <c r="G68637" s="1" t="s">
        <v>228777</v>
      </c>
      <c r="H68637" s="1" t="s">
        <v>228778</v>
      </c>
      <c r="I68637" s="1" t="s">
        <v>222698</v>
      </c>
      <c r="J68637" s="1" t="s">
        <v>228873</v>
      </c>
    </row>
    <row r="68638" spans="1:10" x14ac:dyDescent="0.35">
      <c r="A68638" s="1" t="s">
        <v>28773</v>
      </c>
      <c r="B68638" s="1" t="s">
        <v>222693</v>
      </c>
      <c r="C68638" s="1" t="s">
        <v>155</v>
      </c>
      <c r="D68638" s="1" t="s">
        <v>40730</v>
      </c>
      <c r="E68638" s="1" t="s">
        <v>228874</v>
      </c>
      <c r="F68638" s="1" t="s">
        <v>228875</v>
      </c>
      <c r="G68638" s="1" t="s">
        <v>228777</v>
      </c>
      <c r="H68638" s="1" t="s">
        <v>228778</v>
      </c>
      <c r="I68638" s="1" t="s">
        <v>222698</v>
      </c>
      <c r="J68638" s="1" t="s">
        <v>228876</v>
      </c>
    </row>
    <row r="68639" spans="1:10" x14ac:dyDescent="0.35">
      <c r="A68639" s="1" t="s">
        <v>28773</v>
      </c>
      <c r="B68639" s="1" t="s">
        <v>222693</v>
      </c>
      <c r="C68639" s="1" t="s">
        <v>160</v>
      </c>
      <c r="D68639" s="1" t="s">
        <v>54710</v>
      </c>
      <c r="E68639" s="1" t="s">
        <v>228877</v>
      </c>
      <c r="F68639" s="1" t="s">
        <v>228878</v>
      </c>
      <c r="G68639" s="1" t="s">
        <v>228777</v>
      </c>
      <c r="H68639" s="1" t="s">
        <v>228778</v>
      </c>
      <c r="I68639" s="1" t="s">
        <v>222698</v>
      </c>
      <c r="J68639" s="1" t="s">
        <v>228879</v>
      </c>
    </row>
    <row r="68640" spans="1:10" x14ac:dyDescent="0.35">
      <c r="A68640" s="1" t="s">
        <v>28773</v>
      </c>
      <c r="B68640" s="1" t="s">
        <v>222693</v>
      </c>
      <c r="C68640" s="1" t="s">
        <v>165</v>
      </c>
      <c r="D68640" s="1" t="s">
        <v>228418</v>
      </c>
      <c r="E68640" s="1" t="s">
        <v>228880</v>
      </c>
      <c r="F68640" s="1" t="s">
        <v>228881</v>
      </c>
      <c r="G68640" s="1" t="s">
        <v>228777</v>
      </c>
      <c r="H68640" s="1" t="s">
        <v>228778</v>
      </c>
      <c r="I68640" s="1" t="s">
        <v>222698</v>
      </c>
      <c r="J68640" s="1" t="s">
        <v>228882</v>
      </c>
    </row>
    <row r="68641" spans="1:10" x14ac:dyDescent="0.35">
      <c r="A68641" s="1" t="s">
        <v>28773</v>
      </c>
      <c r="B68641" s="1" t="s">
        <v>222693</v>
      </c>
      <c r="C68641" s="1" t="s">
        <v>170</v>
      </c>
      <c r="D68641" s="1" t="s">
        <v>78995</v>
      </c>
      <c r="E68641" s="1" t="s">
        <v>228883</v>
      </c>
      <c r="F68641" s="1" t="s">
        <v>228884</v>
      </c>
      <c r="G68641" s="1" t="s">
        <v>228777</v>
      </c>
      <c r="H68641" s="1" t="s">
        <v>228778</v>
      </c>
      <c r="I68641" s="1" t="s">
        <v>222698</v>
      </c>
      <c r="J68641" s="1" t="s">
        <v>228885</v>
      </c>
    </row>
    <row r="68642" spans="1:10" x14ac:dyDescent="0.35">
      <c r="A68642" s="1" t="s">
        <v>14126</v>
      </c>
      <c r="B68642" s="1" t="s">
        <v>222693</v>
      </c>
      <c r="C68642" s="1" t="s">
        <v>8</v>
      </c>
      <c r="D68642" s="1" t="s">
        <v>177629</v>
      </c>
      <c r="E68642" s="1" t="s">
        <v>228886</v>
      </c>
      <c r="F68642" s="1" t="s">
        <v>228887</v>
      </c>
      <c r="G68642" s="1" t="s">
        <v>228888</v>
      </c>
      <c r="H68642" s="1" t="s">
        <v>228889</v>
      </c>
      <c r="I68642" s="1" t="s">
        <v>222698</v>
      </c>
      <c r="J68642" s="1" t="s">
        <v>13</v>
      </c>
    </row>
    <row r="68643" spans="1:10" x14ac:dyDescent="0.35">
      <c r="A68643" s="1" t="s">
        <v>14126</v>
      </c>
      <c r="B68643" s="1" t="s">
        <v>222693</v>
      </c>
      <c r="C68643" s="1" t="s">
        <v>15</v>
      </c>
      <c r="D68643" s="1" t="s">
        <v>228890</v>
      </c>
      <c r="E68643" s="1" t="s">
        <v>228891</v>
      </c>
      <c r="F68643" s="1" t="s">
        <v>228892</v>
      </c>
      <c r="G68643" s="1" t="s">
        <v>228888</v>
      </c>
      <c r="H68643" s="1" t="s">
        <v>228889</v>
      </c>
      <c r="I68643" s="1" t="s">
        <v>222698</v>
      </c>
      <c r="J68643" s="1" t="s">
        <v>228893</v>
      </c>
    </row>
    <row r="68644" spans="1:10" x14ac:dyDescent="0.35">
      <c r="A68644" s="1" t="s">
        <v>14126</v>
      </c>
      <c r="B68644" s="1" t="s">
        <v>222693</v>
      </c>
      <c r="C68644" s="1" t="s">
        <v>20</v>
      </c>
      <c r="D68644" s="1" t="s">
        <v>228894</v>
      </c>
      <c r="E68644" s="1" t="s">
        <v>228895</v>
      </c>
      <c r="F68644" s="1" t="s">
        <v>228896</v>
      </c>
      <c r="G68644" s="1" t="s">
        <v>228888</v>
      </c>
      <c r="H68644" s="1" t="s">
        <v>228889</v>
      </c>
      <c r="I68644" s="1" t="s">
        <v>222698</v>
      </c>
      <c r="J68644" s="1" t="s">
        <v>228897</v>
      </c>
    </row>
    <row r="68645" spans="1:10" x14ac:dyDescent="0.35">
      <c r="A68645" s="1" t="s">
        <v>14126</v>
      </c>
      <c r="B68645" s="1" t="s">
        <v>222693</v>
      </c>
      <c r="C68645" s="1" t="s">
        <v>25</v>
      </c>
      <c r="D68645" s="1" t="s">
        <v>78227</v>
      </c>
      <c r="E68645" s="1" t="s">
        <v>228898</v>
      </c>
      <c r="F68645" s="1" t="s">
        <v>228899</v>
      </c>
      <c r="G68645" s="1" t="s">
        <v>228888</v>
      </c>
      <c r="H68645" s="1" t="s">
        <v>228889</v>
      </c>
      <c r="I68645" s="1" t="s">
        <v>222698</v>
      </c>
      <c r="J68645" s="1" t="s">
        <v>228900</v>
      </c>
    </row>
    <row r="68646" spans="1:10" x14ac:dyDescent="0.35">
      <c r="A68646" s="1" t="s">
        <v>14126</v>
      </c>
      <c r="B68646" s="1" t="s">
        <v>222693</v>
      </c>
      <c r="C68646" s="1" t="s">
        <v>30</v>
      </c>
      <c r="D68646" s="1" t="s">
        <v>81818</v>
      </c>
      <c r="E68646" s="1" t="s">
        <v>228901</v>
      </c>
      <c r="F68646" s="1" t="s">
        <v>228902</v>
      </c>
      <c r="G68646" s="1" t="s">
        <v>228888</v>
      </c>
      <c r="H68646" s="1" t="s">
        <v>228889</v>
      </c>
      <c r="I68646" s="1" t="s">
        <v>222698</v>
      </c>
      <c r="J68646" s="1" t="s">
        <v>228903</v>
      </c>
    </row>
    <row r="68647" spans="1:10" x14ac:dyDescent="0.35">
      <c r="A68647" s="1" t="s">
        <v>14126</v>
      </c>
      <c r="B68647" s="1" t="s">
        <v>222693</v>
      </c>
      <c r="C68647" s="1" t="s">
        <v>35</v>
      </c>
      <c r="D68647" s="1" t="s">
        <v>86883</v>
      </c>
      <c r="E68647" s="1" t="s">
        <v>228904</v>
      </c>
      <c r="F68647" s="1" t="s">
        <v>228905</v>
      </c>
      <c r="G68647" s="1" t="s">
        <v>228888</v>
      </c>
      <c r="H68647" s="1" t="s">
        <v>228889</v>
      </c>
      <c r="I68647" s="1" t="s">
        <v>222698</v>
      </c>
      <c r="J68647" s="1" t="s">
        <v>228906</v>
      </c>
    </row>
    <row r="68648" spans="1:10" x14ac:dyDescent="0.35">
      <c r="A68648" s="1" t="s">
        <v>14126</v>
      </c>
      <c r="B68648" s="1" t="s">
        <v>222693</v>
      </c>
      <c r="C68648" s="1" t="s">
        <v>40</v>
      </c>
      <c r="D68648" s="1" t="s">
        <v>33285</v>
      </c>
      <c r="E68648" s="1" t="s">
        <v>228907</v>
      </c>
      <c r="F68648" s="1" t="s">
        <v>228908</v>
      </c>
      <c r="G68648" s="1" t="s">
        <v>228888</v>
      </c>
      <c r="H68648" s="1" t="s">
        <v>228889</v>
      </c>
      <c r="I68648" s="1" t="s">
        <v>222698</v>
      </c>
      <c r="J68648" s="1" t="s">
        <v>228909</v>
      </c>
    </row>
    <row r="68649" spans="1:10" x14ac:dyDescent="0.35">
      <c r="A68649" s="1" t="s">
        <v>14126</v>
      </c>
      <c r="B68649" s="1" t="s">
        <v>222693</v>
      </c>
      <c r="C68649" s="1" t="s">
        <v>45</v>
      </c>
      <c r="D68649" s="1" t="s">
        <v>228910</v>
      </c>
      <c r="E68649" s="1" t="s">
        <v>228911</v>
      </c>
      <c r="F68649" s="1" t="s">
        <v>228912</v>
      </c>
      <c r="G68649" s="1" t="s">
        <v>228888</v>
      </c>
      <c r="H68649" s="1" t="s">
        <v>228889</v>
      </c>
      <c r="I68649" s="1" t="s">
        <v>222698</v>
      </c>
      <c r="J68649" s="1" t="s">
        <v>228913</v>
      </c>
    </row>
    <row r="68650" spans="1:10" x14ac:dyDescent="0.35">
      <c r="A68650" s="1" t="s">
        <v>14126</v>
      </c>
      <c r="B68650" s="1" t="s">
        <v>222693</v>
      </c>
      <c r="C68650" s="1" t="s">
        <v>50</v>
      </c>
      <c r="D68650" s="1" t="s">
        <v>90261</v>
      </c>
      <c r="E68650" s="1" t="s">
        <v>228914</v>
      </c>
      <c r="F68650" s="1" t="s">
        <v>228915</v>
      </c>
      <c r="G68650" s="1" t="s">
        <v>228888</v>
      </c>
      <c r="H68650" s="1" t="s">
        <v>228889</v>
      </c>
      <c r="I68650" s="1" t="s">
        <v>222698</v>
      </c>
      <c r="J68650" s="1" t="s">
        <v>228916</v>
      </c>
    </row>
    <row r="68651" spans="1:10" x14ac:dyDescent="0.35">
      <c r="A68651" s="1" t="s">
        <v>14126</v>
      </c>
      <c r="B68651" s="1" t="s">
        <v>222693</v>
      </c>
      <c r="C68651" s="1" t="s">
        <v>55</v>
      </c>
      <c r="D68651" s="1" t="s">
        <v>42469</v>
      </c>
      <c r="E68651" s="1" t="s">
        <v>228917</v>
      </c>
      <c r="F68651" s="1" t="s">
        <v>228918</v>
      </c>
      <c r="G68651" s="1" t="s">
        <v>228888</v>
      </c>
      <c r="H68651" s="1" t="s">
        <v>228889</v>
      </c>
      <c r="I68651" s="1" t="s">
        <v>222698</v>
      </c>
      <c r="J68651" s="1" t="s">
        <v>228919</v>
      </c>
    </row>
    <row r="68652" spans="1:10" x14ac:dyDescent="0.35">
      <c r="A68652" s="1" t="s">
        <v>14126</v>
      </c>
      <c r="B68652" s="1" t="s">
        <v>222693</v>
      </c>
      <c r="C68652" s="1" t="s">
        <v>60</v>
      </c>
      <c r="D68652" s="1" t="s">
        <v>228920</v>
      </c>
      <c r="E68652" s="1" t="s">
        <v>228921</v>
      </c>
      <c r="F68652" s="1" t="s">
        <v>228922</v>
      </c>
      <c r="G68652" s="1" t="s">
        <v>228888</v>
      </c>
      <c r="H68652" s="1" t="s">
        <v>228889</v>
      </c>
      <c r="I68652" s="1" t="s">
        <v>222698</v>
      </c>
      <c r="J68652" s="1" t="s">
        <v>228923</v>
      </c>
    </row>
    <row r="68653" spans="1:10" x14ac:dyDescent="0.35">
      <c r="A68653" s="1" t="s">
        <v>14126</v>
      </c>
      <c r="B68653" s="1" t="s">
        <v>222693</v>
      </c>
      <c r="C68653" s="1" t="s">
        <v>65</v>
      </c>
      <c r="D68653" s="1" t="s">
        <v>66394</v>
      </c>
      <c r="E68653" s="1" t="s">
        <v>228924</v>
      </c>
      <c r="F68653" s="1" t="s">
        <v>228925</v>
      </c>
      <c r="G68653" s="1" t="s">
        <v>228888</v>
      </c>
      <c r="H68653" s="1" t="s">
        <v>228889</v>
      </c>
      <c r="I68653" s="1" t="s">
        <v>222698</v>
      </c>
      <c r="J68653" s="1" t="s">
        <v>228926</v>
      </c>
    </row>
    <row r="68654" spans="1:10" x14ac:dyDescent="0.35">
      <c r="A68654" s="1" t="s">
        <v>14126</v>
      </c>
      <c r="B68654" s="1" t="s">
        <v>222693</v>
      </c>
      <c r="C68654" s="1" t="s">
        <v>70</v>
      </c>
      <c r="D68654" s="1" t="s">
        <v>228927</v>
      </c>
      <c r="E68654" s="1" t="s">
        <v>228928</v>
      </c>
      <c r="F68654" s="1" t="s">
        <v>228929</v>
      </c>
      <c r="G68654" s="1" t="s">
        <v>228888</v>
      </c>
      <c r="H68654" s="1" t="s">
        <v>228889</v>
      </c>
      <c r="I68654" s="1" t="s">
        <v>222698</v>
      </c>
      <c r="J68654" s="1" t="s">
        <v>228930</v>
      </c>
    </row>
    <row r="68655" spans="1:10" x14ac:dyDescent="0.35">
      <c r="A68655" s="1" t="s">
        <v>14126</v>
      </c>
      <c r="B68655" s="1" t="s">
        <v>222693</v>
      </c>
      <c r="C68655" s="1" t="s">
        <v>75</v>
      </c>
      <c r="D68655" s="1" t="s">
        <v>228931</v>
      </c>
      <c r="E68655" s="1" t="s">
        <v>228932</v>
      </c>
      <c r="F68655" s="1" t="s">
        <v>228933</v>
      </c>
      <c r="G68655" s="1" t="s">
        <v>228888</v>
      </c>
      <c r="H68655" s="1" t="s">
        <v>228889</v>
      </c>
      <c r="I68655" s="1" t="s">
        <v>222698</v>
      </c>
      <c r="J68655" s="1" t="s">
        <v>228934</v>
      </c>
    </row>
    <row r="68656" spans="1:10" x14ac:dyDescent="0.35">
      <c r="A68656" s="1" t="s">
        <v>14126</v>
      </c>
      <c r="B68656" s="1" t="s">
        <v>222693</v>
      </c>
      <c r="C68656" s="1" t="s">
        <v>80</v>
      </c>
      <c r="D68656" s="1" t="s">
        <v>154025</v>
      </c>
      <c r="E68656" s="1" t="s">
        <v>228935</v>
      </c>
      <c r="F68656" s="1" t="s">
        <v>228936</v>
      </c>
      <c r="G68656" s="1" t="s">
        <v>228888</v>
      </c>
      <c r="H68656" s="1" t="s">
        <v>228889</v>
      </c>
      <c r="I68656" s="1" t="s">
        <v>222698</v>
      </c>
      <c r="J68656" s="1" t="s">
        <v>228937</v>
      </c>
    </row>
    <row r="68657" spans="1:10" x14ac:dyDescent="0.35">
      <c r="A68657" s="1" t="s">
        <v>14126</v>
      </c>
      <c r="B68657" s="1" t="s">
        <v>222693</v>
      </c>
      <c r="C68657" s="1" t="s">
        <v>85</v>
      </c>
      <c r="D68657" s="1" t="s">
        <v>228938</v>
      </c>
      <c r="E68657" s="1" t="s">
        <v>228939</v>
      </c>
      <c r="F68657" s="1" t="s">
        <v>228940</v>
      </c>
      <c r="G68657" s="1" t="s">
        <v>228888</v>
      </c>
      <c r="H68657" s="1" t="s">
        <v>228889</v>
      </c>
      <c r="I68657" s="1" t="s">
        <v>222698</v>
      </c>
      <c r="J68657" s="1" t="s">
        <v>228941</v>
      </c>
    </row>
    <row r="68658" spans="1:10" x14ac:dyDescent="0.35">
      <c r="A68658" s="1" t="s">
        <v>14126</v>
      </c>
      <c r="B68658" s="1" t="s">
        <v>222693</v>
      </c>
      <c r="C68658" s="1" t="s">
        <v>90</v>
      </c>
      <c r="D68658" s="1" t="s">
        <v>58386</v>
      </c>
      <c r="E68658" s="1" t="s">
        <v>228942</v>
      </c>
      <c r="F68658" s="1" t="s">
        <v>228943</v>
      </c>
      <c r="G68658" s="1" t="s">
        <v>228888</v>
      </c>
      <c r="H68658" s="1" t="s">
        <v>228889</v>
      </c>
      <c r="I68658" s="1" t="s">
        <v>222698</v>
      </c>
      <c r="J68658" s="1" t="s">
        <v>228944</v>
      </c>
    </row>
    <row r="68659" spans="1:10" x14ac:dyDescent="0.35">
      <c r="A68659" s="1" t="s">
        <v>14126</v>
      </c>
      <c r="B68659" s="1" t="s">
        <v>222693</v>
      </c>
      <c r="C68659" s="1" t="s">
        <v>95</v>
      </c>
      <c r="D68659" s="1" t="s">
        <v>228945</v>
      </c>
      <c r="E68659" s="1" t="s">
        <v>228946</v>
      </c>
      <c r="F68659" s="1" t="s">
        <v>228947</v>
      </c>
      <c r="G68659" s="1" t="s">
        <v>228888</v>
      </c>
      <c r="H68659" s="1" t="s">
        <v>228889</v>
      </c>
      <c r="I68659" s="1" t="s">
        <v>222698</v>
      </c>
      <c r="J68659" s="1" t="s">
        <v>228948</v>
      </c>
    </row>
    <row r="68660" spans="1:10" x14ac:dyDescent="0.35">
      <c r="A68660" s="1" t="s">
        <v>14126</v>
      </c>
      <c r="B68660" s="1" t="s">
        <v>222693</v>
      </c>
      <c r="C68660" s="1" t="s">
        <v>100</v>
      </c>
      <c r="D68660" s="1" t="s">
        <v>56937</v>
      </c>
      <c r="E68660" s="1" t="s">
        <v>228949</v>
      </c>
      <c r="F68660" s="1" t="s">
        <v>228950</v>
      </c>
      <c r="G68660" s="1" t="s">
        <v>228888</v>
      </c>
      <c r="H68660" s="1" t="s">
        <v>228889</v>
      </c>
      <c r="I68660" s="1" t="s">
        <v>222698</v>
      </c>
      <c r="J68660" s="1" t="s">
        <v>228951</v>
      </c>
    </row>
    <row r="68661" spans="1:10" x14ac:dyDescent="0.35">
      <c r="A68661" s="1" t="s">
        <v>14126</v>
      </c>
      <c r="B68661" s="1" t="s">
        <v>222693</v>
      </c>
      <c r="C68661" s="1" t="s">
        <v>105</v>
      </c>
      <c r="D68661" s="1" t="s">
        <v>100330</v>
      </c>
      <c r="E68661" s="1" t="s">
        <v>228952</v>
      </c>
      <c r="F68661" s="1" t="s">
        <v>228953</v>
      </c>
      <c r="G68661" s="1" t="s">
        <v>228888</v>
      </c>
      <c r="H68661" s="1" t="s">
        <v>228889</v>
      </c>
      <c r="I68661" s="1" t="s">
        <v>222698</v>
      </c>
      <c r="J68661" s="1" t="s">
        <v>228954</v>
      </c>
    </row>
    <row r="68662" spans="1:10" x14ac:dyDescent="0.35">
      <c r="A68662" s="1" t="s">
        <v>14126</v>
      </c>
      <c r="B68662" s="1" t="s">
        <v>222693</v>
      </c>
      <c r="C68662" s="1" t="s">
        <v>110</v>
      </c>
      <c r="D68662" s="1" t="s">
        <v>228955</v>
      </c>
      <c r="E68662" s="1" t="s">
        <v>228956</v>
      </c>
      <c r="F68662" s="1" t="s">
        <v>228957</v>
      </c>
      <c r="G68662" s="1" t="s">
        <v>228888</v>
      </c>
      <c r="H68662" s="1" t="s">
        <v>228889</v>
      </c>
      <c r="I68662" s="1" t="s">
        <v>222698</v>
      </c>
      <c r="J68662" s="1" t="s">
        <v>228958</v>
      </c>
    </row>
    <row r="68663" spans="1:10" x14ac:dyDescent="0.35">
      <c r="A68663" s="1" t="s">
        <v>14126</v>
      </c>
      <c r="B68663" s="1" t="s">
        <v>222693</v>
      </c>
      <c r="C68663" s="1" t="s">
        <v>115</v>
      </c>
      <c r="D68663" s="1" t="s">
        <v>63212</v>
      </c>
      <c r="E68663" s="1" t="s">
        <v>228959</v>
      </c>
      <c r="F68663" s="1" t="s">
        <v>228960</v>
      </c>
      <c r="G68663" s="1" t="s">
        <v>228888</v>
      </c>
      <c r="H68663" s="1" t="s">
        <v>228889</v>
      </c>
      <c r="I68663" s="1" t="s">
        <v>222698</v>
      </c>
      <c r="J68663" s="1" t="s">
        <v>228961</v>
      </c>
    </row>
    <row r="68664" spans="1:10" x14ac:dyDescent="0.35">
      <c r="A68664" s="1" t="s">
        <v>14126</v>
      </c>
      <c r="B68664" s="1" t="s">
        <v>222693</v>
      </c>
      <c r="C68664" s="1" t="s">
        <v>120</v>
      </c>
      <c r="D68664" s="1" t="s">
        <v>62107</v>
      </c>
      <c r="E68664" s="1" t="s">
        <v>228962</v>
      </c>
      <c r="F68664" s="1" t="s">
        <v>228963</v>
      </c>
      <c r="G68664" s="1" t="s">
        <v>228888</v>
      </c>
      <c r="H68664" s="1" t="s">
        <v>228889</v>
      </c>
      <c r="I68664" s="1" t="s">
        <v>222698</v>
      </c>
      <c r="J68664" s="1" t="s">
        <v>228964</v>
      </c>
    </row>
    <row r="68665" spans="1:10" x14ac:dyDescent="0.35">
      <c r="A68665" s="1" t="s">
        <v>14126</v>
      </c>
      <c r="B68665" s="1" t="s">
        <v>222693</v>
      </c>
      <c r="C68665" s="1" t="s">
        <v>125</v>
      </c>
      <c r="D68665" s="1" t="s">
        <v>101970</v>
      </c>
      <c r="E68665" s="1" t="s">
        <v>228965</v>
      </c>
      <c r="F68665" s="1" t="s">
        <v>228966</v>
      </c>
      <c r="G68665" s="1" t="s">
        <v>228888</v>
      </c>
      <c r="H68665" s="1" t="s">
        <v>228889</v>
      </c>
      <c r="I68665" s="1" t="s">
        <v>222698</v>
      </c>
      <c r="J68665" s="1" t="s">
        <v>228967</v>
      </c>
    </row>
    <row r="68666" spans="1:10" x14ac:dyDescent="0.35">
      <c r="A68666" s="1" t="s">
        <v>14126</v>
      </c>
      <c r="B68666" s="1" t="s">
        <v>222693</v>
      </c>
      <c r="C68666" s="1" t="s">
        <v>130</v>
      </c>
      <c r="D68666" s="1" t="s">
        <v>60660</v>
      </c>
      <c r="E68666" s="1" t="s">
        <v>228968</v>
      </c>
      <c r="F68666" s="1" t="s">
        <v>228969</v>
      </c>
      <c r="G68666" s="1" t="s">
        <v>228888</v>
      </c>
      <c r="H68666" s="1" t="s">
        <v>228889</v>
      </c>
      <c r="I68666" s="1" t="s">
        <v>222698</v>
      </c>
      <c r="J68666" s="1" t="s">
        <v>228970</v>
      </c>
    </row>
    <row r="68667" spans="1:10" x14ac:dyDescent="0.35">
      <c r="A68667" s="1" t="s">
        <v>14126</v>
      </c>
      <c r="B68667" s="1" t="s">
        <v>222693</v>
      </c>
      <c r="C68667" s="1" t="s">
        <v>135</v>
      </c>
      <c r="D68667" s="1" t="s">
        <v>40710</v>
      </c>
      <c r="E68667" s="1" t="s">
        <v>228971</v>
      </c>
      <c r="F68667" s="1" t="s">
        <v>228972</v>
      </c>
      <c r="G68667" s="1" t="s">
        <v>228888</v>
      </c>
      <c r="H68667" s="1" t="s">
        <v>228889</v>
      </c>
      <c r="I68667" s="1" t="s">
        <v>222698</v>
      </c>
      <c r="J68667" s="1" t="s">
        <v>228973</v>
      </c>
    </row>
    <row r="68668" spans="1:10" x14ac:dyDescent="0.35">
      <c r="A68668" s="1" t="s">
        <v>14126</v>
      </c>
      <c r="B68668" s="1" t="s">
        <v>222693</v>
      </c>
      <c r="C68668" s="1" t="s">
        <v>140</v>
      </c>
      <c r="D68668" s="1" t="s">
        <v>228974</v>
      </c>
      <c r="E68668" s="1" t="s">
        <v>228975</v>
      </c>
      <c r="F68668" s="1" t="s">
        <v>228976</v>
      </c>
      <c r="G68668" s="1" t="s">
        <v>228888</v>
      </c>
      <c r="H68668" s="1" t="s">
        <v>228889</v>
      </c>
      <c r="I68668" s="1" t="s">
        <v>222698</v>
      </c>
      <c r="J68668" s="1" t="s">
        <v>228977</v>
      </c>
    </row>
    <row r="68669" spans="1:10" x14ac:dyDescent="0.35">
      <c r="A68669" s="1" t="s">
        <v>14126</v>
      </c>
      <c r="B68669" s="1" t="s">
        <v>222693</v>
      </c>
      <c r="C68669" s="1" t="s">
        <v>145</v>
      </c>
      <c r="D68669" s="1" t="s">
        <v>76530</v>
      </c>
      <c r="E68669" s="1" t="s">
        <v>228978</v>
      </c>
      <c r="F68669" s="1" t="s">
        <v>228979</v>
      </c>
      <c r="G68669" s="1" t="s">
        <v>228888</v>
      </c>
      <c r="H68669" s="1" t="s">
        <v>228889</v>
      </c>
      <c r="I68669" s="1" t="s">
        <v>222698</v>
      </c>
      <c r="J68669" s="1" t="s">
        <v>228980</v>
      </c>
    </row>
    <row r="68670" spans="1:10" x14ac:dyDescent="0.35">
      <c r="A68670" s="1" t="s">
        <v>14126</v>
      </c>
      <c r="B68670" s="1" t="s">
        <v>222693</v>
      </c>
      <c r="C68670" s="1" t="s">
        <v>150</v>
      </c>
      <c r="D68670" s="1" t="s">
        <v>32387</v>
      </c>
      <c r="E68670" s="1" t="s">
        <v>228981</v>
      </c>
      <c r="F68670" s="1" t="s">
        <v>228982</v>
      </c>
      <c r="G68670" s="1" t="s">
        <v>228888</v>
      </c>
      <c r="H68670" s="1" t="s">
        <v>228889</v>
      </c>
      <c r="I68670" s="1" t="s">
        <v>222698</v>
      </c>
      <c r="J68670" s="1" t="s">
        <v>228983</v>
      </c>
    </row>
    <row r="68671" spans="1:10" x14ac:dyDescent="0.35">
      <c r="A68671" s="1" t="s">
        <v>14126</v>
      </c>
      <c r="B68671" s="1" t="s">
        <v>222693</v>
      </c>
      <c r="C68671" s="1" t="s">
        <v>155</v>
      </c>
      <c r="D68671" s="1" t="s">
        <v>58919</v>
      </c>
      <c r="E68671" s="1" t="s">
        <v>228984</v>
      </c>
      <c r="F68671" s="1" t="s">
        <v>228985</v>
      </c>
      <c r="G68671" s="1" t="s">
        <v>228888</v>
      </c>
      <c r="H68671" s="1" t="s">
        <v>228889</v>
      </c>
      <c r="I68671" s="1" t="s">
        <v>222698</v>
      </c>
      <c r="J68671" s="1" t="s">
        <v>228986</v>
      </c>
    </row>
    <row r="68672" spans="1:10" x14ac:dyDescent="0.35">
      <c r="A68672" s="1" t="s">
        <v>14126</v>
      </c>
      <c r="B68672" s="1" t="s">
        <v>222693</v>
      </c>
      <c r="C68672" s="1" t="s">
        <v>160</v>
      </c>
      <c r="D68672" s="1" t="s">
        <v>56375</v>
      </c>
      <c r="E68672" s="1" t="s">
        <v>228987</v>
      </c>
      <c r="F68672" s="1" t="s">
        <v>228988</v>
      </c>
      <c r="G68672" s="1" t="s">
        <v>228888</v>
      </c>
      <c r="H68672" s="1" t="s">
        <v>228889</v>
      </c>
      <c r="I68672" s="1" t="s">
        <v>222698</v>
      </c>
      <c r="J68672" s="1" t="s">
        <v>228989</v>
      </c>
    </row>
    <row r="68673" spans="1:10" x14ac:dyDescent="0.35">
      <c r="A68673" s="1" t="s">
        <v>14126</v>
      </c>
      <c r="B68673" s="1" t="s">
        <v>222693</v>
      </c>
      <c r="C68673" s="1" t="s">
        <v>165</v>
      </c>
      <c r="D68673" s="1" t="s">
        <v>102874</v>
      </c>
      <c r="E68673" s="1" t="s">
        <v>228990</v>
      </c>
      <c r="F68673" s="1" t="s">
        <v>228991</v>
      </c>
      <c r="G68673" s="1" t="s">
        <v>228888</v>
      </c>
      <c r="H68673" s="1" t="s">
        <v>228889</v>
      </c>
      <c r="I68673" s="1" t="s">
        <v>222698</v>
      </c>
      <c r="J68673" s="1" t="s">
        <v>228992</v>
      </c>
    </row>
    <row r="68674" spans="1:10" x14ac:dyDescent="0.35">
      <c r="A68674" s="1" t="s">
        <v>14126</v>
      </c>
      <c r="B68674" s="1" t="s">
        <v>222693</v>
      </c>
      <c r="C68674" s="1" t="s">
        <v>170</v>
      </c>
      <c r="D68674" s="1" t="s">
        <v>201793</v>
      </c>
      <c r="E68674" s="1" t="s">
        <v>228993</v>
      </c>
      <c r="F68674" s="1" t="s">
        <v>228994</v>
      </c>
      <c r="G68674" s="1" t="s">
        <v>228888</v>
      </c>
      <c r="H68674" s="1" t="s">
        <v>228889</v>
      </c>
      <c r="I68674" s="1" t="s">
        <v>222698</v>
      </c>
      <c r="J68674" s="1" t="s">
        <v>228995</v>
      </c>
    </row>
    <row r="68675" spans="1:10" x14ac:dyDescent="0.35">
      <c r="A68675" s="1" t="s">
        <v>29183</v>
      </c>
      <c r="B68675" s="1" t="s">
        <v>222693</v>
      </c>
      <c r="C68675" s="1" t="s">
        <v>8</v>
      </c>
      <c r="D68675" s="1" t="s">
        <v>77446</v>
      </c>
      <c r="E68675" s="1" t="s">
        <v>228996</v>
      </c>
      <c r="F68675" s="1" t="s">
        <v>228997</v>
      </c>
      <c r="G68675" s="1" t="s">
        <v>228998</v>
      </c>
      <c r="H68675" s="1" t="s">
        <v>228999</v>
      </c>
      <c r="I68675" s="1" t="s">
        <v>222698</v>
      </c>
      <c r="J68675" s="1" t="s">
        <v>13</v>
      </c>
    </row>
    <row r="68676" spans="1:10" x14ac:dyDescent="0.35">
      <c r="A68676" s="1" t="s">
        <v>29183</v>
      </c>
      <c r="B68676" s="1" t="s">
        <v>222693</v>
      </c>
      <c r="C68676" s="1" t="s">
        <v>15</v>
      </c>
      <c r="D68676" s="1" t="s">
        <v>229000</v>
      </c>
      <c r="E68676" s="1" t="s">
        <v>229001</v>
      </c>
      <c r="F68676" s="1" t="s">
        <v>229002</v>
      </c>
      <c r="G68676" s="1" t="s">
        <v>228998</v>
      </c>
      <c r="H68676" s="1" t="s">
        <v>228999</v>
      </c>
      <c r="I68676" s="1" t="s">
        <v>222698</v>
      </c>
      <c r="J68676" s="1" t="s">
        <v>229003</v>
      </c>
    </row>
    <row r="68677" spans="1:10" x14ac:dyDescent="0.35">
      <c r="A68677" s="1" t="s">
        <v>29183</v>
      </c>
      <c r="B68677" s="1" t="s">
        <v>222693</v>
      </c>
      <c r="C68677" s="1" t="s">
        <v>20</v>
      </c>
      <c r="D68677" s="1" t="s">
        <v>36389</v>
      </c>
      <c r="E68677" s="1" t="s">
        <v>229004</v>
      </c>
      <c r="F68677" s="1" t="s">
        <v>229005</v>
      </c>
      <c r="G68677" s="1" t="s">
        <v>228998</v>
      </c>
      <c r="H68677" s="1" t="s">
        <v>228999</v>
      </c>
      <c r="I68677" s="1" t="s">
        <v>222698</v>
      </c>
      <c r="J68677" s="1" t="s">
        <v>229006</v>
      </c>
    </row>
    <row r="68678" spans="1:10" x14ac:dyDescent="0.35">
      <c r="A68678" s="1" t="s">
        <v>29183</v>
      </c>
      <c r="B68678" s="1" t="s">
        <v>222693</v>
      </c>
      <c r="C68678" s="1" t="s">
        <v>25</v>
      </c>
      <c r="D68678" s="1" t="s">
        <v>229007</v>
      </c>
      <c r="E68678" s="1" t="s">
        <v>229008</v>
      </c>
      <c r="F68678" s="1" t="s">
        <v>2170</v>
      </c>
      <c r="G68678" s="1" t="s">
        <v>228998</v>
      </c>
      <c r="H68678" s="1" t="s">
        <v>228999</v>
      </c>
      <c r="I68678" s="1" t="s">
        <v>222698</v>
      </c>
      <c r="J68678" s="1" t="s">
        <v>229009</v>
      </c>
    </row>
    <row r="68679" spans="1:10" x14ac:dyDescent="0.35">
      <c r="A68679" s="1" t="s">
        <v>29183</v>
      </c>
      <c r="B68679" s="1" t="s">
        <v>222693</v>
      </c>
      <c r="C68679" s="1" t="s">
        <v>30</v>
      </c>
      <c r="D68679" s="1" t="s">
        <v>67201</v>
      </c>
      <c r="E68679" s="1" t="s">
        <v>229010</v>
      </c>
      <c r="F68679" s="1" t="s">
        <v>229011</v>
      </c>
      <c r="G68679" s="1" t="s">
        <v>228998</v>
      </c>
      <c r="H68679" s="1" t="s">
        <v>228999</v>
      </c>
      <c r="I68679" s="1" t="s">
        <v>222698</v>
      </c>
      <c r="J68679" s="1" t="s">
        <v>229012</v>
      </c>
    </row>
    <row r="68680" spans="1:10" x14ac:dyDescent="0.35">
      <c r="A68680" s="1" t="s">
        <v>29183</v>
      </c>
      <c r="B68680" s="1" t="s">
        <v>222693</v>
      </c>
      <c r="C68680" s="1" t="s">
        <v>35</v>
      </c>
      <c r="D68680" s="1" t="s">
        <v>229013</v>
      </c>
      <c r="E68680" s="1" t="s">
        <v>229014</v>
      </c>
      <c r="F68680" s="1" t="s">
        <v>229015</v>
      </c>
      <c r="G68680" s="1" t="s">
        <v>228998</v>
      </c>
      <c r="H68680" s="1" t="s">
        <v>228999</v>
      </c>
      <c r="I68680" s="1" t="s">
        <v>222698</v>
      </c>
      <c r="J68680" s="1" t="s">
        <v>229016</v>
      </c>
    </row>
    <row r="68681" spans="1:10" x14ac:dyDescent="0.35">
      <c r="A68681" s="1" t="s">
        <v>29183</v>
      </c>
      <c r="B68681" s="1" t="s">
        <v>222693</v>
      </c>
      <c r="C68681" s="1" t="s">
        <v>40</v>
      </c>
      <c r="D68681" s="1" t="s">
        <v>229017</v>
      </c>
      <c r="E68681" s="1" t="s">
        <v>229018</v>
      </c>
      <c r="F68681" s="1" t="s">
        <v>229019</v>
      </c>
      <c r="G68681" s="1" t="s">
        <v>228998</v>
      </c>
      <c r="H68681" s="1" t="s">
        <v>228999</v>
      </c>
      <c r="I68681" s="1" t="s">
        <v>222698</v>
      </c>
      <c r="J68681" s="1" t="s">
        <v>229020</v>
      </c>
    </row>
    <row r="68682" spans="1:10" x14ac:dyDescent="0.35">
      <c r="A68682" s="1" t="s">
        <v>29183</v>
      </c>
      <c r="B68682" s="1" t="s">
        <v>222693</v>
      </c>
      <c r="C68682" s="1" t="s">
        <v>45</v>
      </c>
      <c r="D68682" s="1" t="s">
        <v>229021</v>
      </c>
      <c r="E68682" s="1" t="s">
        <v>229022</v>
      </c>
      <c r="F68682" s="1" t="s">
        <v>229023</v>
      </c>
      <c r="G68682" s="1" t="s">
        <v>228998</v>
      </c>
      <c r="H68682" s="1" t="s">
        <v>228999</v>
      </c>
      <c r="I68682" s="1" t="s">
        <v>222698</v>
      </c>
      <c r="J68682" s="1" t="s">
        <v>229024</v>
      </c>
    </row>
    <row r="68683" spans="1:10" x14ac:dyDescent="0.35">
      <c r="A68683" s="1" t="s">
        <v>29183</v>
      </c>
      <c r="B68683" s="1" t="s">
        <v>222693</v>
      </c>
      <c r="C68683" s="1" t="s">
        <v>50</v>
      </c>
      <c r="D68683" s="1" t="s">
        <v>229025</v>
      </c>
      <c r="E68683" s="1" t="s">
        <v>229026</v>
      </c>
      <c r="F68683" s="1" t="s">
        <v>229027</v>
      </c>
      <c r="G68683" s="1" t="s">
        <v>228998</v>
      </c>
      <c r="H68683" s="1" t="s">
        <v>228999</v>
      </c>
      <c r="I68683" s="1" t="s">
        <v>222698</v>
      </c>
      <c r="J68683" s="1" t="s">
        <v>229028</v>
      </c>
    </row>
    <row r="68684" spans="1:10" x14ac:dyDescent="0.35">
      <c r="A68684" s="1" t="s">
        <v>29183</v>
      </c>
      <c r="B68684" s="1" t="s">
        <v>222693</v>
      </c>
      <c r="C68684" s="1" t="s">
        <v>55</v>
      </c>
      <c r="D68684" s="1" t="s">
        <v>64292</v>
      </c>
      <c r="E68684" s="1" t="s">
        <v>229029</v>
      </c>
      <c r="F68684" s="1" t="s">
        <v>229030</v>
      </c>
      <c r="G68684" s="1" t="s">
        <v>228998</v>
      </c>
      <c r="H68684" s="1" t="s">
        <v>228999</v>
      </c>
      <c r="I68684" s="1" t="s">
        <v>222698</v>
      </c>
      <c r="J68684" s="1" t="s">
        <v>229031</v>
      </c>
    </row>
    <row r="68685" spans="1:10" x14ac:dyDescent="0.35">
      <c r="A68685" s="1" t="s">
        <v>29183</v>
      </c>
      <c r="B68685" s="1" t="s">
        <v>222693</v>
      </c>
      <c r="C68685" s="1" t="s">
        <v>60</v>
      </c>
      <c r="D68685" s="1" t="s">
        <v>70107</v>
      </c>
      <c r="E68685" s="1" t="s">
        <v>229032</v>
      </c>
      <c r="F68685" s="1" t="s">
        <v>229033</v>
      </c>
      <c r="G68685" s="1" t="s">
        <v>228998</v>
      </c>
      <c r="H68685" s="1" t="s">
        <v>228999</v>
      </c>
      <c r="I68685" s="1" t="s">
        <v>222698</v>
      </c>
      <c r="J68685" s="1" t="s">
        <v>229034</v>
      </c>
    </row>
    <row r="68686" spans="1:10" x14ac:dyDescent="0.35">
      <c r="A68686" s="1" t="s">
        <v>29183</v>
      </c>
      <c r="B68686" s="1" t="s">
        <v>222693</v>
      </c>
      <c r="C68686" s="1" t="s">
        <v>65</v>
      </c>
      <c r="D68686" s="1" t="s">
        <v>127188</v>
      </c>
      <c r="E68686" s="1" t="s">
        <v>229035</v>
      </c>
      <c r="F68686" s="1" t="s">
        <v>229036</v>
      </c>
      <c r="G68686" s="1" t="s">
        <v>228998</v>
      </c>
      <c r="H68686" s="1" t="s">
        <v>228999</v>
      </c>
      <c r="I68686" s="1" t="s">
        <v>222698</v>
      </c>
      <c r="J68686" s="1" t="s">
        <v>229037</v>
      </c>
    </row>
    <row r="68687" spans="1:10" x14ac:dyDescent="0.35">
      <c r="A68687" s="1" t="s">
        <v>29183</v>
      </c>
      <c r="B68687" s="1" t="s">
        <v>222693</v>
      </c>
      <c r="C68687" s="1" t="s">
        <v>70</v>
      </c>
      <c r="D68687" s="1" t="s">
        <v>229038</v>
      </c>
      <c r="E68687" s="1" t="s">
        <v>229039</v>
      </c>
      <c r="F68687" s="1" t="s">
        <v>229040</v>
      </c>
      <c r="G68687" s="1" t="s">
        <v>228998</v>
      </c>
      <c r="H68687" s="1" t="s">
        <v>228999</v>
      </c>
      <c r="I68687" s="1" t="s">
        <v>222698</v>
      </c>
      <c r="J68687" s="1" t="s">
        <v>229041</v>
      </c>
    </row>
    <row r="68688" spans="1:10" x14ac:dyDescent="0.35">
      <c r="A68688" s="1" t="s">
        <v>29183</v>
      </c>
      <c r="B68688" s="1" t="s">
        <v>222693</v>
      </c>
      <c r="C68688" s="1" t="s">
        <v>75</v>
      </c>
      <c r="D68688" s="1" t="s">
        <v>229042</v>
      </c>
      <c r="E68688" s="1" t="s">
        <v>229043</v>
      </c>
      <c r="F68688" s="1" t="s">
        <v>229044</v>
      </c>
      <c r="G68688" s="1" t="s">
        <v>228998</v>
      </c>
      <c r="H68688" s="1" t="s">
        <v>228999</v>
      </c>
      <c r="I68688" s="1" t="s">
        <v>222698</v>
      </c>
      <c r="J68688" s="1" t="s">
        <v>229045</v>
      </c>
    </row>
    <row r="68689" spans="1:10" x14ac:dyDescent="0.35">
      <c r="A68689" s="1" t="s">
        <v>29183</v>
      </c>
      <c r="B68689" s="1" t="s">
        <v>222693</v>
      </c>
      <c r="C68689" s="1" t="s">
        <v>80</v>
      </c>
      <c r="D68689" s="1" t="s">
        <v>229046</v>
      </c>
      <c r="E68689" s="1" t="s">
        <v>229047</v>
      </c>
      <c r="F68689" s="1" t="s">
        <v>229048</v>
      </c>
      <c r="G68689" s="1" t="s">
        <v>228998</v>
      </c>
      <c r="H68689" s="1" t="s">
        <v>228999</v>
      </c>
      <c r="I68689" s="1" t="s">
        <v>222698</v>
      </c>
      <c r="J68689" s="1" t="s">
        <v>229049</v>
      </c>
    </row>
    <row r="68690" spans="1:10" x14ac:dyDescent="0.35">
      <c r="A68690" s="1" t="s">
        <v>29183</v>
      </c>
      <c r="B68690" s="1" t="s">
        <v>222693</v>
      </c>
      <c r="C68690" s="1" t="s">
        <v>85</v>
      </c>
      <c r="D68690" s="1" t="s">
        <v>229050</v>
      </c>
      <c r="E68690" s="1" t="s">
        <v>229051</v>
      </c>
      <c r="F68690" s="1" t="s">
        <v>229052</v>
      </c>
      <c r="G68690" s="1" t="s">
        <v>228998</v>
      </c>
      <c r="H68690" s="1" t="s">
        <v>228999</v>
      </c>
      <c r="I68690" s="1" t="s">
        <v>222698</v>
      </c>
      <c r="J68690" s="1" t="s">
        <v>229053</v>
      </c>
    </row>
    <row r="68691" spans="1:10" x14ac:dyDescent="0.35">
      <c r="A68691" s="1" t="s">
        <v>29183</v>
      </c>
      <c r="B68691" s="1" t="s">
        <v>222693</v>
      </c>
      <c r="C68691" s="1" t="s">
        <v>90</v>
      </c>
      <c r="D68691" s="1" t="s">
        <v>127374</v>
      </c>
      <c r="E68691" s="1" t="s">
        <v>229054</v>
      </c>
      <c r="F68691" s="1" t="s">
        <v>229055</v>
      </c>
      <c r="G68691" s="1" t="s">
        <v>228998</v>
      </c>
      <c r="H68691" s="1" t="s">
        <v>228999</v>
      </c>
      <c r="I68691" s="1" t="s">
        <v>222698</v>
      </c>
      <c r="J68691" s="1" t="s">
        <v>229056</v>
      </c>
    </row>
    <row r="68692" spans="1:10" x14ac:dyDescent="0.35">
      <c r="A68692" s="1" t="s">
        <v>29183</v>
      </c>
      <c r="B68692" s="1" t="s">
        <v>222693</v>
      </c>
      <c r="C68692" s="1" t="s">
        <v>95</v>
      </c>
      <c r="D68692" s="1" t="s">
        <v>229057</v>
      </c>
      <c r="E68692" s="1" t="s">
        <v>229058</v>
      </c>
      <c r="F68692" s="1" t="s">
        <v>229059</v>
      </c>
      <c r="G68692" s="1" t="s">
        <v>228998</v>
      </c>
      <c r="H68692" s="1" t="s">
        <v>228999</v>
      </c>
      <c r="I68692" s="1" t="s">
        <v>222698</v>
      </c>
      <c r="J68692" s="1" t="s">
        <v>229060</v>
      </c>
    </row>
    <row r="68693" spans="1:10" x14ac:dyDescent="0.35">
      <c r="A68693" s="1" t="s">
        <v>29183</v>
      </c>
      <c r="B68693" s="1" t="s">
        <v>222693</v>
      </c>
      <c r="C68693" s="1" t="s">
        <v>100</v>
      </c>
      <c r="D68693" s="1" t="s">
        <v>40882</v>
      </c>
      <c r="E68693" s="1" t="s">
        <v>229061</v>
      </c>
      <c r="F68693" s="1" t="s">
        <v>229062</v>
      </c>
      <c r="G68693" s="1" t="s">
        <v>228998</v>
      </c>
      <c r="H68693" s="1" t="s">
        <v>228999</v>
      </c>
      <c r="I68693" s="1" t="s">
        <v>222698</v>
      </c>
      <c r="J68693" s="1" t="s">
        <v>229063</v>
      </c>
    </row>
    <row r="68694" spans="1:10" x14ac:dyDescent="0.35">
      <c r="A68694" s="1" t="s">
        <v>29183</v>
      </c>
      <c r="B68694" s="1" t="s">
        <v>222693</v>
      </c>
      <c r="C68694" s="1" t="s">
        <v>105</v>
      </c>
      <c r="D68694" s="1" t="s">
        <v>229064</v>
      </c>
      <c r="E68694" s="1" t="s">
        <v>229065</v>
      </c>
      <c r="F68694" s="1" t="s">
        <v>229066</v>
      </c>
      <c r="G68694" s="1" t="s">
        <v>228998</v>
      </c>
      <c r="H68694" s="1" t="s">
        <v>228999</v>
      </c>
      <c r="I68694" s="1" t="s">
        <v>222698</v>
      </c>
      <c r="J68694" s="1" t="s">
        <v>229067</v>
      </c>
    </row>
    <row r="68695" spans="1:10" x14ac:dyDescent="0.35">
      <c r="A68695" s="1" t="s">
        <v>29183</v>
      </c>
      <c r="B68695" s="1" t="s">
        <v>222693</v>
      </c>
      <c r="C68695" s="1" t="s">
        <v>110</v>
      </c>
      <c r="D68695" s="1" t="s">
        <v>229068</v>
      </c>
      <c r="E68695" s="1" t="s">
        <v>229069</v>
      </c>
      <c r="F68695" s="1" t="s">
        <v>229070</v>
      </c>
      <c r="G68695" s="1" t="s">
        <v>228998</v>
      </c>
      <c r="H68695" s="1" t="s">
        <v>228999</v>
      </c>
      <c r="I68695" s="1" t="s">
        <v>222698</v>
      </c>
      <c r="J68695" s="1" t="s">
        <v>229071</v>
      </c>
    </row>
    <row r="68696" spans="1:10" x14ac:dyDescent="0.35">
      <c r="A68696" s="1" t="s">
        <v>29183</v>
      </c>
      <c r="B68696" s="1" t="s">
        <v>222693</v>
      </c>
      <c r="C68696" s="1" t="s">
        <v>115</v>
      </c>
      <c r="D68696" s="1" t="s">
        <v>229072</v>
      </c>
      <c r="E68696" s="1" t="s">
        <v>229073</v>
      </c>
      <c r="F68696" s="1" t="s">
        <v>229074</v>
      </c>
      <c r="G68696" s="1" t="s">
        <v>228998</v>
      </c>
      <c r="H68696" s="1" t="s">
        <v>228999</v>
      </c>
      <c r="I68696" s="1" t="s">
        <v>222698</v>
      </c>
      <c r="J68696" s="1" t="s">
        <v>229075</v>
      </c>
    </row>
    <row r="68697" spans="1:10" x14ac:dyDescent="0.35">
      <c r="A68697" s="1" t="s">
        <v>29183</v>
      </c>
      <c r="B68697" s="1" t="s">
        <v>222693</v>
      </c>
      <c r="C68697" s="1" t="s">
        <v>120</v>
      </c>
      <c r="D68697" s="1" t="s">
        <v>226245</v>
      </c>
      <c r="E68697" s="1" t="s">
        <v>229076</v>
      </c>
      <c r="F68697" s="1" t="s">
        <v>229077</v>
      </c>
      <c r="G68697" s="1" t="s">
        <v>228998</v>
      </c>
      <c r="H68697" s="1" t="s">
        <v>228999</v>
      </c>
      <c r="I68697" s="1" t="s">
        <v>222698</v>
      </c>
      <c r="J68697" s="1" t="s">
        <v>229078</v>
      </c>
    </row>
    <row r="68698" spans="1:10" x14ac:dyDescent="0.35">
      <c r="A68698" s="1" t="s">
        <v>29183</v>
      </c>
      <c r="B68698" s="1" t="s">
        <v>222693</v>
      </c>
      <c r="C68698" s="1" t="s">
        <v>125</v>
      </c>
      <c r="D68698" s="1" t="s">
        <v>130754</v>
      </c>
      <c r="E68698" s="1" t="s">
        <v>229079</v>
      </c>
      <c r="F68698" s="1" t="s">
        <v>229080</v>
      </c>
      <c r="G68698" s="1" t="s">
        <v>228998</v>
      </c>
      <c r="H68698" s="1" t="s">
        <v>228999</v>
      </c>
      <c r="I68698" s="1" t="s">
        <v>222698</v>
      </c>
      <c r="J68698" s="1" t="s">
        <v>229081</v>
      </c>
    </row>
    <row r="68699" spans="1:10" x14ac:dyDescent="0.35">
      <c r="A68699" s="1" t="s">
        <v>29183</v>
      </c>
      <c r="B68699" s="1" t="s">
        <v>222693</v>
      </c>
      <c r="C68699" s="1" t="s">
        <v>130</v>
      </c>
      <c r="D68699" s="1" t="s">
        <v>229082</v>
      </c>
      <c r="E68699" s="1" t="s">
        <v>229083</v>
      </c>
      <c r="F68699" s="1" t="s">
        <v>229084</v>
      </c>
      <c r="G68699" s="1" t="s">
        <v>228998</v>
      </c>
      <c r="H68699" s="1" t="s">
        <v>228999</v>
      </c>
      <c r="I68699" s="1" t="s">
        <v>222698</v>
      </c>
      <c r="J68699" s="1" t="s">
        <v>229085</v>
      </c>
    </row>
    <row r="68700" spans="1:10" x14ac:dyDescent="0.35">
      <c r="A68700" s="1" t="s">
        <v>29183</v>
      </c>
      <c r="B68700" s="1" t="s">
        <v>222693</v>
      </c>
      <c r="C68700" s="1" t="s">
        <v>135</v>
      </c>
      <c r="D68700" s="1" t="s">
        <v>229086</v>
      </c>
      <c r="E68700" s="1" t="s">
        <v>229087</v>
      </c>
      <c r="F68700" s="1" t="s">
        <v>229088</v>
      </c>
      <c r="G68700" s="1" t="s">
        <v>228998</v>
      </c>
      <c r="H68700" s="1" t="s">
        <v>228999</v>
      </c>
      <c r="I68700" s="1" t="s">
        <v>222698</v>
      </c>
      <c r="J68700" s="1" t="s">
        <v>229089</v>
      </c>
    </row>
    <row r="68701" spans="1:10" x14ac:dyDescent="0.35">
      <c r="A68701" s="1" t="s">
        <v>29183</v>
      </c>
      <c r="B68701" s="1" t="s">
        <v>222693</v>
      </c>
      <c r="C68701" s="1" t="s">
        <v>140</v>
      </c>
      <c r="D68701" s="1" t="s">
        <v>58647</v>
      </c>
      <c r="E68701" s="1" t="s">
        <v>229090</v>
      </c>
      <c r="F68701" s="1" t="s">
        <v>229091</v>
      </c>
      <c r="G68701" s="1" t="s">
        <v>228998</v>
      </c>
      <c r="H68701" s="1" t="s">
        <v>228999</v>
      </c>
      <c r="I68701" s="1" t="s">
        <v>222698</v>
      </c>
      <c r="J68701" s="1" t="s">
        <v>229092</v>
      </c>
    </row>
    <row r="68702" spans="1:10" x14ac:dyDescent="0.35">
      <c r="A68702" s="1" t="s">
        <v>29183</v>
      </c>
      <c r="B68702" s="1" t="s">
        <v>222693</v>
      </c>
      <c r="C68702" s="1" t="s">
        <v>145</v>
      </c>
      <c r="D68702" s="1" t="s">
        <v>229093</v>
      </c>
      <c r="E68702" s="1" t="s">
        <v>229094</v>
      </c>
      <c r="F68702" s="1" t="s">
        <v>229095</v>
      </c>
      <c r="G68702" s="1" t="s">
        <v>228998</v>
      </c>
      <c r="H68702" s="1" t="s">
        <v>228999</v>
      </c>
      <c r="I68702" s="1" t="s">
        <v>222698</v>
      </c>
      <c r="J68702" s="1" t="s">
        <v>229096</v>
      </c>
    </row>
    <row r="68703" spans="1:10" x14ac:dyDescent="0.35">
      <c r="A68703" s="1" t="s">
        <v>29183</v>
      </c>
      <c r="B68703" s="1" t="s">
        <v>222693</v>
      </c>
      <c r="C68703" s="1" t="s">
        <v>150</v>
      </c>
      <c r="D68703" s="1" t="s">
        <v>229097</v>
      </c>
      <c r="E68703" s="1" t="s">
        <v>229098</v>
      </c>
      <c r="F68703" s="1" t="s">
        <v>229099</v>
      </c>
      <c r="G68703" s="1" t="s">
        <v>228998</v>
      </c>
      <c r="H68703" s="1" t="s">
        <v>228999</v>
      </c>
      <c r="I68703" s="1" t="s">
        <v>222698</v>
      </c>
      <c r="J68703" s="1" t="s">
        <v>229100</v>
      </c>
    </row>
    <row r="68704" spans="1:10" x14ac:dyDescent="0.35">
      <c r="A68704" s="1" t="s">
        <v>29183</v>
      </c>
      <c r="B68704" s="1" t="s">
        <v>222693</v>
      </c>
      <c r="C68704" s="1" t="s">
        <v>155</v>
      </c>
      <c r="D68704" s="1" t="s">
        <v>229101</v>
      </c>
      <c r="E68704" s="1" t="s">
        <v>229102</v>
      </c>
      <c r="F68704" s="1" t="s">
        <v>229103</v>
      </c>
      <c r="G68704" s="1" t="s">
        <v>228998</v>
      </c>
      <c r="H68704" s="1" t="s">
        <v>228999</v>
      </c>
      <c r="I68704" s="1" t="s">
        <v>222698</v>
      </c>
      <c r="J68704" s="1" t="s">
        <v>229104</v>
      </c>
    </row>
    <row r="68705" spans="1:10" x14ac:dyDescent="0.35">
      <c r="A68705" s="1" t="s">
        <v>29183</v>
      </c>
      <c r="B68705" s="1" t="s">
        <v>222693</v>
      </c>
      <c r="C68705" s="1" t="s">
        <v>160</v>
      </c>
      <c r="D68705" s="1" t="s">
        <v>229105</v>
      </c>
      <c r="E68705" s="1" t="s">
        <v>229106</v>
      </c>
      <c r="F68705" s="1" t="s">
        <v>229107</v>
      </c>
      <c r="G68705" s="1" t="s">
        <v>228998</v>
      </c>
      <c r="H68705" s="1" t="s">
        <v>228999</v>
      </c>
      <c r="I68705" s="1" t="s">
        <v>222698</v>
      </c>
      <c r="J68705" s="1" t="s">
        <v>229108</v>
      </c>
    </row>
    <row r="68706" spans="1:10" x14ac:dyDescent="0.35">
      <c r="A68706" s="1" t="s">
        <v>29183</v>
      </c>
      <c r="B68706" s="1" t="s">
        <v>222693</v>
      </c>
      <c r="C68706" s="1" t="s">
        <v>165</v>
      </c>
      <c r="D68706" s="1" t="s">
        <v>229109</v>
      </c>
      <c r="E68706" s="1" t="s">
        <v>229110</v>
      </c>
      <c r="F68706" s="1" t="s">
        <v>229111</v>
      </c>
      <c r="G68706" s="1" t="s">
        <v>228998</v>
      </c>
      <c r="H68706" s="1" t="s">
        <v>228999</v>
      </c>
      <c r="I68706" s="1" t="s">
        <v>222698</v>
      </c>
      <c r="J68706" s="1" t="s">
        <v>229112</v>
      </c>
    </row>
    <row r="68707" spans="1:10" x14ac:dyDescent="0.35">
      <c r="A68707" s="1" t="s">
        <v>29183</v>
      </c>
      <c r="B68707" s="1" t="s">
        <v>222693</v>
      </c>
      <c r="C68707" s="1" t="s">
        <v>170</v>
      </c>
      <c r="D68707" s="1" t="s">
        <v>229113</v>
      </c>
      <c r="E68707" s="1" t="s">
        <v>229114</v>
      </c>
      <c r="F68707" s="1" t="s">
        <v>229115</v>
      </c>
      <c r="G68707" s="1" t="s">
        <v>228998</v>
      </c>
      <c r="H68707" s="1" t="s">
        <v>228999</v>
      </c>
      <c r="I68707" s="1" t="s">
        <v>222698</v>
      </c>
      <c r="J68707" s="1" t="s">
        <v>229116</v>
      </c>
    </row>
    <row r="68708" spans="1:10" x14ac:dyDescent="0.35">
      <c r="A68708" s="1" t="s">
        <v>51025</v>
      </c>
      <c r="B68708" s="1" t="s">
        <v>222693</v>
      </c>
      <c r="C68708" s="1" t="s">
        <v>8</v>
      </c>
      <c r="D68708" s="1" t="s">
        <v>229117</v>
      </c>
      <c r="E68708" s="1" t="s">
        <v>229118</v>
      </c>
      <c r="F68708" s="1" t="s">
        <v>229119</v>
      </c>
      <c r="G68708" s="1" t="s">
        <v>229120</v>
      </c>
      <c r="H68708" s="1" t="s">
        <v>229121</v>
      </c>
      <c r="I68708" s="1" t="s">
        <v>222698</v>
      </c>
      <c r="J68708" s="1" t="s">
        <v>13</v>
      </c>
    </row>
    <row r="68709" spans="1:10" x14ac:dyDescent="0.35">
      <c r="A68709" s="1" t="s">
        <v>51025</v>
      </c>
      <c r="B68709" s="1" t="s">
        <v>222693</v>
      </c>
      <c r="C68709" s="1" t="s">
        <v>15</v>
      </c>
      <c r="D68709" s="1" t="s">
        <v>229122</v>
      </c>
      <c r="E68709" s="1" t="s">
        <v>229123</v>
      </c>
      <c r="F68709" s="1" t="s">
        <v>229124</v>
      </c>
      <c r="G68709" s="1" t="s">
        <v>229120</v>
      </c>
      <c r="H68709" s="1" t="s">
        <v>229121</v>
      </c>
      <c r="I68709" s="1" t="s">
        <v>222698</v>
      </c>
      <c r="J68709" s="1" t="s">
        <v>229125</v>
      </c>
    </row>
    <row r="68710" spans="1:10" x14ac:dyDescent="0.35">
      <c r="A68710" s="1" t="s">
        <v>51025</v>
      </c>
      <c r="B68710" s="1" t="s">
        <v>222693</v>
      </c>
      <c r="C68710" s="1" t="s">
        <v>20</v>
      </c>
      <c r="D68710" s="1" t="s">
        <v>229126</v>
      </c>
      <c r="E68710" s="1" t="s">
        <v>229127</v>
      </c>
      <c r="F68710" s="1" t="s">
        <v>229128</v>
      </c>
      <c r="G68710" s="1" t="s">
        <v>229120</v>
      </c>
      <c r="H68710" s="1" t="s">
        <v>229121</v>
      </c>
      <c r="I68710" s="1" t="s">
        <v>222698</v>
      </c>
      <c r="J68710" s="1" t="s">
        <v>229129</v>
      </c>
    </row>
    <row r="68711" spans="1:10" x14ac:dyDescent="0.35">
      <c r="A68711" s="1" t="s">
        <v>51025</v>
      </c>
      <c r="B68711" s="1" t="s">
        <v>222693</v>
      </c>
      <c r="C68711" s="1" t="s">
        <v>25</v>
      </c>
      <c r="D68711" s="1" t="s">
        <v>229130</v>
      </c>
      <c r="E68711" s="1" t="s">
        <v>229131</v>
      </c>
      <c r="F68711" s="1" t="s">
        <v>229132</v>
      </c>
      <c r="G68711" s="1" t="s">
        <v>229120</v>
      </c>
      <c r="H68711" s="1" t="s">
        <v>229121</v>
      </c>
      <c r="I68711" s="1" t="s">
        <v>222698</v>
      </c>
      <c r="J68711" s="1" t="s">
        <v>229133</v>
      </c>
    </row>
    <row r="68712" spans="1:10" x14ac:dyDescent="0.35">
      <c r="A68712" s="1" t="s">
        <v>51025</v>
      </c>
      <c r="B68712" s="1" t="s">
        <v>222693</v>
      </c>
      <c r="C68712" s="1" t="s">
        <v>30</v>
      </c>
      <c r="D68712" s="1" t="s">
        <v>96272</v>
      </c>
      <c r="E68712" s="1" t="s">
        <v>229134</v>
      </c>
      <c r="F68712" s="1" t="s">
        <v>229135</v>
      </c>
      <c r="G68712" s="1" t="s">
        <v>229120</v>
      </c>
      <c r="H68712" s="1" t="s">
        <v>229121</v>
      </c>
      <c r="I68712" s="1" t="s">
        <v>222698</v>
      </c>
      <c r="J68712" s="1" t="s">
        <v>229136</v>
      </c>
    </row>
    <row r="68713" spans="1:10" x14ac:dyDescent="0.35">
      <c r="A68713" s="1" t="s">
        <v>51025</v>
      </c>
      <c r="B68713" s="1" t="s">
        <v>222693</v>
      </c>
      <c r="C68713" s="1" t="s">
        <v>35</v>
      </c>
      <c r="D68713" s="1" t="s">
        <v>229137</v>
      </c>
      <c r="E68713" s="1" t="s">
        <v>229138</v>
      </c>
      <c r="F68713" s="1" t="s">
        <v>229139</v>
      </c>
      <c r="G68713" s="1" t="s">
        <v>229120</v>
      </c>
      <c r="H68713" s="1" t="s">
        <v>229121</v>
      </c>
      <c r="I68713" s="1" t="s">
        <v>222698</v>
      </c>
      <c r="J68713" s="1" t="s">
        <v>229140</v>
      </c>
    </row>
    <row r="68714" spans="1:10" x14ac:dyDescent="0.35">
      <c r="A68714" s="1" t="s">
        <v>51025</v>
      </c>
      <c r="B68714" s="1" t="s">
        <v>222693</v>
      </c>
      <c r="C68714" s="1" t="s">
        <v>40</v>
      </c>
      <c r="D68714" s="1" t="s">
        <v>62489</v>
      </c>
      <c r="E68714" s="1" t="s">
        <v>229141</v>
      </c>
      <c r="F68714" s="1" t="s">
        <v>229142</v>
      </c>
      <c r="G68714" s="1" t="s">
        <v>229120</v>
      </c>
      <c r="H68714" s="1" t="s">
        <v>229121</v>
      </c>
      <c r="I68714" s="1" t="s">
        <v>222698</v>
      </c>
      <c r="J68714" s="1" t="s">
        <v>229143</v>
      </c>
    </row>
    <row r="68715" spans="1:10" x14ac:dyDescent="0.35">
      <c r="A68715" s="1" t="s">
        <v>51025</v>
      </c>
      <c r="B68715" s="1" t="s">
        <v>222693</v>
      </c>
      <c r="C68715" s="1" t="s">
        <v>45</v>
      </c>
      <c r="D68715" s="1" t="s">
        <v>229144</v>
      </c>
      <c r="E68715" s="1" t="s">
        <v>229145</v>
      </c>
      <c r="F68715" s="1" t="s">
        <v>229146</v>
      </c>
      <c r="G68715" s="1" t="s">
        <v>229120</v>
      </c>
      <c r="H68715" s="1" t="s">
        <v>229121</v>
      </c>
      <c r="I68715" s="1" t="s">
        <v>222698</v>
      </c>
      <c r="J68715" s="1" t="s">
        <v>229147</v>
      </c>
    </row>
    <row r="68716" spans="1:10" x14ac:dyDescent="0.35">
      <c r="A68716" s="1" t="s">
        <v>51025</v>
      </c>
      <c r="B68716" s="1" t="s">
        <v>222693</v>
      </c>
      <c r="C68716" s="1" t="s">
        <v>50</v>
      </c>
      <c r="D68716" s="1" t="s">
        <v>4976</v>
      </c>
      <c r="E68716" s="1" t="s">
        <v>229148</v>
      </c>
      <c r="F68716" s="1" t="s">
        <v>229149</v>
      </c>
      <c r="G68716" s="1" t="s">
        <v>229120</v>
      </c>
      <c r="H68716" s="1" t="s">
        <v>229121</v>
      </c>
      <c r="I68716" s="1" t="s">
        <v>222698</v>
      </c>
      <c r="J68716" s="1" t="s">
        <v>229150</v>
      </c>
    </row>
    <row r="68717" spans="1:10" x14ac:dyDescent="0.35">
      <c r="A68717" s="1" t="s">
        <v>51025</v>
      </c>
      <c r="B68717" s="1" t="s">
        <v>222693</v>
      </c>
      <c r="C68717" s="1" t="s">
        <v>55</v>
      </c>
      <c r="D68717" s="1" t="s">
        <v>162720</v>
      </c>
      <c r="E68717" s="1" t="s">
        <v>229151</v>
      </c>
      <c r="F68717" s="1" t="s">
        <v>229152</v>
      </c>
      <c r="G68717" s="1" t="s">
        <v>229120</v>
      </c>
      <c r="H68717" s="1" t="s">
        <v>229121</v>
      </c>
      <c r="I68717" s="1" t="s">
        <v>222698</v>
      </c>
      <c r="J68717" s="1" t="s">
        <v>229153</v>
      </c>
    </row>
    <row r="68718" spans="1:10" x14ac:dyDescent="0.35">
      <c r="A68718" s="1" t="s">
        <v>51025</v>
      </c>
      <c r="B68718" s="1" t="s">
        <v>222693</v>
      </c>
      <c r="C68718" s="1" t="s">
        <v>60</v>
      </c>
      <c r="D68718" s="1" t="s">
        <v>162730</v>
      </c>
      <c r="E68718" s="1" t="s">
        <v>229154</v>
      </c>
      <c r="F68718" s="1" t="s">
        <v>229155</v>
      </c>
      <c r="G68718" s="1" t="s">
        <v>229120</v>
      </c>
      <c r="H68718" s="1" t="s">
        <v>229121</v>
      </c>
      <c r="I68718" s="1" t="s">
        <v>222698</v>
      </c>
      <c r="J68718" s="1" t="s">
        <v>229156</v>
      </c>
    </row>
    <row r="68719" spans="1:10" x14ac:dyDescent="0.35">
      <c r="A68719" s="1" t="s">
        <v>51025</v>
      </c>
      <c r="B68719" s="1" t="s">
        <v>222693</v>
      </c>
      <c r="C68719" s="1" t="s">
        <v>65</v>
      </c>
      <c r="D68719" s="1" t="s">
        <v>81050</v>
      </c>
      <c r="E68719" s="1" t="s">
        <v>229157</v>
      </c>
      <c r="F68719" s="1" t="s">
        <v>229158</v>
      </c>
      <c r="G68719" s="1" t="s">
        <v>229120</v>
      </c>
      <c r="H68719" s="1" t="s">
        <v>229121</v>
      </c>
      <c r="I68719" s="1" t="s">
        <v>222698</v>
      </c>
      <c r="J68719" s="1" t="s">
        <v>229159</v>
      </c>
    </row>
    <row r="68720" spans="1:10" x14ac:dyDescent="0.35">
      <c r="A68720" s="1" t="s">
        <v>51025</v>
      </c>
      <c r="B68720" s="1" t="s">
        <v>222693</v>
      </c>
      <c r="C68720" s="1" t="s">
        <v>70</v>
      </c>
      <c r="D68720" s="1" t="s">
        <v>229160</v>
      </c>
      <c r="E68720" s="1" t="s">
        <v>229161</v>
      </c>
      <c r="F68720" s="1" t="s">
        <v>229162</v>
      </c>
      <c r="G68720" s="1" t="s">
        <v>229120</v>
      </c>
      <c r="H68720" s="1" t="s">
        <v>229121</v>
      </c>
      <c r="I68720" s="1" t="s">
        <v>222698</v>
      </c>
      <c r="J68720" s="1" t="s">
        <v>229163</v>
      </c>
    </row>
    <row r="68721" spans="1:10" x14ac:dyDescent="0.35">
      <c r="A68721" s="1" t="s">
        <v>51025</v>
      </c>
      <c r="B68721" s="1" t="s">
        <v>222693</v>
      </c>
      <c r="C68721" s="1" t="s">
        <v>75</v>
      </c>
      <c r="D68721" s="1" t="s">
        <v>229164</v>
      </c>
      <c r="E68721" s="1" t="s">
        <v>229165</v>
      </c>
      <c r="F68721" s="1" t="s">
        <v>229166</v>
      </c>
      <c r="G68721" s="1" t="s">
        <v>229120</v>
      </c>
      <c r="H68721" s="1" t="s">
        <v>229121</v>
      </c>
      <c r="I68721" s="1" t="s">
        <v>222698</v>
      </c>
      <c r="J68721" s="1" t="s">
        <v>229167</v>
      </c>
    </row>
    <row r="68722" spans="1:10" x14ac:dyDescent="0.35">
      <c r="A68722" s="1" t="s">
        <v>51025</v>
      </c>
      <c r="B68722" s="1" t="s">
        <v>222693</v>
      </c>
      <c r="C68722" s="1" t="s">
        <v>80</v>
      </c>
      <c r="D68722" s="1" t="s">
        <v>229168</v>
      </c>
      <c r="E68722" s="1" t="s">
        <v>229169</v>
      </c>
      <c r="F68722" s="1" t="s">
        <v>229170</v>
      </c>
      <c r="G68722" s="1" t="s">
        <v>229120</v>
      </c>
      <c r="H68722" s="1" t="s">
        <v>229121</v>
      </c>
      <c r="I68722" s="1" t="s">
        <v>222698</v>
      </c>
      <c r="J68722" s="1" t="s">
        <v>229171</v>
      </c>
    </row>
    <row r="68723" spans="1:10" x14ac:dyDescent="0.35">
      <c r="A68723" s="1" t="s">
        <v>51025</v>
      </c>
      <c r="B68723" s="1" t="s">
        <v>222693</v>
      </c>
      <c r="C68723" s="1" t="s">
        <v>85</v>
      </c>
      <c r="D68723" s="1" t="s">
        <v>229172</v>
      </c>
      <c r="E68723" s="1" t="s">
        <v>229173</v>
      </c>
      <c r="F68723" s="1" t="s">
        <v>229174</v>
      </c>
      <c r="G68723" s="1" t="s">
        <v>229120</v>
      </c>
      <c r="H68723" s="1" t="s">
        <v>229121</v>
      </c>
      <c r="I68723" s="1" t="s">
        <v>222698</v>
      </c>
      <c r="J68723" s="1" t="s">
        <v>229175</v>
      </c>
    </row>
    <row r="68724" spans="1:10" x14ac:dyDescent="0.35">
      <c r="A68724" s="1" t="s">
        <v>51025</v>
      </c>
      <c r="B68724" s="1" t="s">
        <v>222693</v>
      </c>
      <c r="C68724" s="1" t="s">
        <v>90</v>
      </c>
      <c r="D68724" s="1" t="s">
        <v>229176</v>
      </c>
      <c r="E68724" s="1" t="s">
        <v>229177</v>
      </c>
      <c r="F68724" s="1" t="s">
        <v>229178</v>
      </c>
      <c r="G68724" s="1" t="s">
        <v>229120</v>
      </c>
      <c r="H68724" s="1" t="s">
        <v>229121</v>
      </c>
      <c r="I68724" s="1" t="s">
        <v>222698</v>
      </c>
      <c r="J68724" s="1" t="s">
        <v>229179</v>
      </c>
    </row>
    <row r="68725" spans="1:10" x14ac:dyDescent="0.35">
      <c r="A68725" s="1" t="s">
        <v>51025</v>
      </c>
      <c r="B68725" s="1" t="s">
        <v>222693</v>
      </c>
      <c r="C68725" s="1" t="s">
        <v>95</v>
      </c>
      <c r="D68725" s="1" t="s">
        <v>229180</v>
      </c>
      <c r="E68725" s="1" t="s">
        <v>229181</v>
      </c>
      <c r="F68725" s="1" t="s">
        <v>229182</v>
      </c>
      <c r="G68725" s="1" t="s">
        <v>229120</v>
      </c>
      <c r="H68725" s="1" t="s">
        <v>229121</v>
      </c>
      <c r="I68725" s="1" t="s">
        <v>222698</v>
      </c>
      <c r="J68725" s="1" t="s">
        <v>229183</v>
      </c>
    </row>
    <row r="68726" spans="1:10" x14ac:dyDescent="0.35">
      <c r="A68726" s="1" t="s">
        <v>51025</v>
      </c>
      <c r="B68726" s="1" t="s">
        <v>222693</v>
      </c>
      <c r="C68726" s="1" t="s">
        <v>100</v>
      </c>
      <c r="D68726" s="1" t="s">
        <v>229184</v>
      </c>
      <c r="E68726" s="1" t="s">
        <v>229185</v>
      </c>
      <c r="F68726" s="1" t="s">
        <v>229186</v>
      </c>
      <c r="G68726" s="1" t="s">
        <v>229120</v>
      </c>
      <c r="H68726" s="1" t="s">
        <v>229121</v>
      </c>
      <c r="I68726" s="1" t="s">
        <v>222698</v>
      </c>
      <c r="J68726" s="1" t="s">
        <v>229187</v>
      </c>
    </row>
    <row r="68727" spans="1:10" x14ac:dyDescent="0.35">
      <c r="A68727" s="1" t="s">
        <v>51025</v>
      </c>
      <c r="B68727" s="1" t="s">
        <v>222693</v>
      </c>
      <c r="C68727" s="1" t="s">
        <v>105</v>
      </c>
      <c r="D68727" s="1" t="s">
        <v>227930</v>
      </c>
      <c r="E68727" s="1" t="s">
        <v>229188</v>
      </c>
      <c r="F68727" s="1" t="s">
        <v>229189</v>
      </c>
      <c r="G68727" s="1" t="s">
        <v>229120</v>
      </c>
      <c r="H68727" s="1" t="s">
        <v>229121</v>
      </c>
      <c r="I68727" s="1" t="s">
        <v>222698</v>
      </c>
      <c r="J68727" s="1" t="s">
        <v>229190</v>
      </c>
    </row>
    <row r="68728" spans="1:10" x14ac:dyDescent="0.35">
      <c r="A68728" s="1" t="s">
        <v>51025</v>
      </c>
      <c r="B68728" s="1" t="s">
        <v>222693</v>
      </c>
      <c r="C68728" s="1" t="s">
        <v>110</v>
      </c>
      <c r="D68728" s="1" t="s">
        <v>229191</v>
      </c>
      <c r="E68728" s="1" t="s">
        <v>229192</v>
      </c>
      <c r="F68728" s="1" t="s">
        <v>229193</v>
      </c>
      <c r="G68728" s="1" t="s">
        <v>229120</v>
      </c>
      <c r="H68728" s="1" t="s">
        <v>229121</v>
      </c>
      <c r="I68728" s="1" t="s">
        <v>222698</v>
      </c>
      <c r="J68728" s="1" t="s">
        <v>229194</v>
      </c>
    </row>
    <row r="68729" spans="1:10" x14ac:dyDescent="0.35">
      <c r="A68729" s="1" t="s">
        <v>51025</v>
      </c>
      <c r="B68729" s="1" t="s">
        <v>222693</v>
      </c>
      <c r="C68729" s="1" t="s">
        <v>115</v>
      </c>
      <c r="D68729" s="1" t="s">
        <v>229195</v>
      </c>
      <c r="E68729" s="1" t="s">
        <v>229196</v>
      </c>
      <c r="F68729" s="1" t="s">
        <v>229197</v>
      </c>
      <c r="G68729" s="1" t="s">
        <v>229120</v>
      </c>
      <c r="H68729" s="1" t="s">
        <v>229121</v>
      </c>
      <c r="I68729" s="1" t="s">
        <v>222698</v>
      </c>
      <c r="J68729" s="1" t="s">
        <v>229198</v>
      </c>
    </row>
    <row r="68730" spans="1:10" x14ac:dyDescent="0.35">
      <c r="A68730" s="1" t="s">
        <v>51025</v>
      </c>
      <c r="B68730" s="1" t="s">
        <v>222693</v>
      </c>
      <c r="C68730" s="1" t="s">
        <v>120</v>
      </c>
      <c r="D68730" s="1" t="s">
        <v>229199</v>
      </c>
      <c r="E68730" s="1" t="s">
        <v>229200</v>
      </c>
      <c r="F68730" s="1" t="s">
        <v>229201</v>
      </c>
      <c r="G68730" s="1" t="s">
        <v>229120</v>
      </c>
      <c r="H68730" s="1" t="s">
        <v>229121</v>
      </c>
      <c r="I68730" s="1" t="s">
        <v>222698</v>
      </c>
      <c r="J68730" s="1" t="s">
        <v>229202</v>
      </c>
    </row>
    <row r="68731" spans="1:10" x14ac:dyDescent="0.35">
      <c r="A68731" s="1" t="s">
        <v>51025</v>
      </c>
      <c r="B68731" s="1" t="s">
        <v>222693</v>
      </c>
      <c r="C68731" s="1" t="s">
        <v>125</v>
      </c>
      <c r="D68731" s="1" t="s">
        <v>229203</v>
      </c>
      <c r="E68731" s="1" t="s">
        <v>229204</v>
      </c>
      <c r="F68731" s="1" t="s">
        <v>229205</v>
      </c>
      <c r="G68731" s="1" t="s">
        <v>229120</v>
      </c>
      <c r="H68731" s="1" t="s">
        <v>229121</v>
      </c>
      <c r="I68731" s="1" t="s">
        <v>222698</v>
      </c>
      <c r="J68731" s="1" t="s">
        <v>229206</v>
      </c>
    </row>
    <row r="68732" spans="1:10" x14ac:dyDescent="0.35">
      <c r="A68732" s="1" t="s">
        <v>51025</v>
      </c>
      <c r="B68732" s="1" t="s">
        <v>222693</v>
      </c>
      <c r="C68732" s="1" t="s">
        <v>130</v>
      </c>
      <c r="D68732" s="1" t="s">
        <v>229207</v>
      </c>
      <c r="E68732" s="1" t="s">
        <v>229208</v>
      </c>
      <c r="F68732" s="1" t="s">
        <v>229209</v>
      </c>
      <c r="G68732" s="1" t="s">
        <v>229120</v>
      </c>
      <c r="H68732" s="1" t="s">
        <v>229121</v>
      </c>
      <c r="I68732" s="1" t="s">
        <v>222698</v>
      </c>
      <c r="J68732" s="1" t="s">
        <v>229210</v>
      </c>
    </row>
    <row r="68733" spans="1:10" x14ac:dyDescent="0.35">
      <c r="A68733" s="1" t="s">
        <v>51025</v>
      </c>
      <c r="B68733" s="1" t="s">
        <v>222693</v>
      </c>
      <c r="C68733" s="1" t="s">
        <v>135</v>
      </c>
      <c r="D68733" s="1" t="s">
        <v>229211</v>
      </c>
      <c r="E68733" s="1" t="s">
        <v>229212</v>
      </c>
      <c r="F68733" s="1" t="s">
        <v>229213</v>
      </c>
      <c r="G68733" s="1" t="s">
        <v>229120</v>
      </c>
      <c r="H68733" s="1" t="s">
        <v>229121</v>
      </c>
      <c r="I68733" s="1" t="s">
        <v>222698</v>
      </c>
      <c r="J68733" s="1" t="s">
        <v>229214</v>
      </c>
    </row>
    <row r="68734" spans="1:10" x14ac:dyDescent="0.35">
      <c r="A68734" s="1" t="s">
        <v>51025</v>
      </c>
      <c r="B68734" s="1" t="s">
        <v>222693</v>
      </c>
      <c r="C68734" s="1" t="s">
        <v>140</v>
      </c>
      <c r="D68734" s="1" t="s">
        <v>229215</v>
      </c>
      <c r="E68734" s="1" t="s">
        <v>229216</v>
      </c>
      <c r="F68734" s="1" t="s">
        <v>229217</v>
      </c>
      <c r="G68734" s="1" t="s">
        <v>229120</v>
      </c>
      <c r="H68734" s="1" t="s">
        <v>229121</v>
      </c>
      <c r="I68734" s="1" t="s">
        <v>222698</v>
      </c>
      <c r="J68734" s="1" t="s">
        <v>229218</v>
      </c>
    </row>
    <row r="68735" spans="1:10" x14ac:dyDescent="0.35">
      <c r="A68735" s="1" t="s">
        <v>51025</v>
      </c>
      <c r="B68735" s="1" t="s">
        <v>222693</v>
      </c>
      <c r="C68735" s="1" t="s">
        <v>145</v>
      </c>
      <c r="D68735" s="1" t="s">
        <v>229219</v>
      </c>
      <c r="E68735" s="1" t="s">
        <v>229220</v>
      </c>
      <c r="F68735" s="1" t="s">
        <v>229221</v>
      </c>
      <c r="G68735" s="1" t="s">
        <v>229120</v>
      </c>
      <c r="H68735" s="1" t="s">
        <v>229121</v>
      </c>
      <c r="I68735" s="1" t="s">
        <v>222698</v>
      </c>
      <c r="J68735" s="1" t="s">
        <v>229222</v>
      </c>
    </row>
    <row r="68736" spans="1:10" x14ac:dyDescent="0.35">
      <c r="A68736" s="1" t="s">
        <v>51025</v>
      </c>
      <c r="B68736" s="1" t="s">
        <v>222693</v>
      </c>
      <c r="C68736" s="1" t="s">
        <v>150</v>
      </c>
      <c r="D68736" s="1" t="s">
        <v>229223</v>
      </c>
      <c r="E68736" s="1" t="s">
        <v>229224</v>
      </c>
      <c r="F68736" s="1" t="s">
        <v>229225</v>
      </c>
      <c r="G68736" s="1" t="s">
        <v>229120</v>
      </c>
      <c r="H68736" s="1" t="s">
        <v>229121</v>
      </c>
      <c r="I68736" s="1" t="s">
        <v>222698</v>
      </c>
      <c r="J68736" s="1" t="s">
        <v>229226</v>
      </c>
    </row>
    <row r="68737" spans="1:10" x14ac:dyDescent="0.35">
      <c r="A68737" s="1" t="s">
        <v>51025</v>
      </c>
      <c r="B68737" s="1" t="s">
        <v>222693</v>
      </c>
      <c r="C68737" s="1" t="s">
        <v>155</v>
      </c>
      <c r="D68737" s="1" t="s">
        <v>229227</v>
      </c>
      <c r="E68737" s="1" t="s">
        <v>229228</v>
      </c>
      <c r="F68737" s="1" t="s">
        <v>229229</v>
      </c>
      <c r="G68737" s="1" t="s">
        <v>229120</v>
      </c>
      <c r="H68737" s="1" t="s">
        <v>229121</v>
      </c>
      <c r="I68737" s="1" t="s">
        <v>222698</v>
      </c>
      <c r="J68737" s="1" t="s">
        <v>229230</v>
      </c>
    </row>
    <row r="68738" spans="1:10" x14ac:dyDescent="0.35">
      <c r="A68738" s="1" t="s">
        <v>51025</v>
      </c>
      <c r="B68738" s="1" t="s">
        <v>222693</v>
      </c>
      <c r="C68738" s="1" t="s">
        <v>160</v>
      </c>
      <c r="D68738" s="1" t="s">
        <v>229231</v>
      </c>
      <c r="E68738" s="1" t="s">
        <v>229232</v>
      </c>
      <c r="F68738" s="1" t="s">
        <v>229233</v>
      </c>
      <c r="G68738" s="1" t="s">
        <v>229120</v>
      </c>
      <c r="H68738" s="1" t="s">
        <v>229121</v>
      </c>
      <c r="I68738" s="1" t="s">
        <v>222698</v>
      </c>
      <c r="J68738" s="1" t="s">
        <v>229234</v>
      </c>
    </row>
    <row r="68739" spans="1:10" x14ac:dyDescent="0.35">
      <c r="A68739" s="1" t="s">
        <v>51025</v>
      </c>
      <c r="B68739" s="1" t="s">
        <v>222693</v>
      </c>
      <c r="C68739" s="1" t="s">
        <v>165</v>
      </c>
      <c r="D68739" s="1" t="s">
        <v>229235</v>
      </c>
      <c r="E68739" s="1" t="s">
        <v>229236</v>
      </c>
      <c r="F68739" s="1" t="s">
        <v>229237</v>
      </c>
      <c r="G68739" s="1" t="s">
        <v>229120</v>
      </c>
      <c r="H68739" s="1" t="s">
        <v>229121</v>
      </c>
      <c r="I68739" s="1" t="s">
        <v>222698</v>
      </c>
      <c r="J68739" s="1" t="s">
        <v>229238</v>
      </c>
    </row>
    <row r="68740" spans="1:10" x14ac:dyDescent="0.35">
      <c r="A68740" s="1" t="s">
        <v>51025</v>
      </c>
      <c r="B68740" s="1" t="s">
        <v>222693</v>
      </c>
      <c r="C68740" s="1" t="s">
        <v>170</v>
      </c>
      <c r="D68740" s="1" t="s">
        <v>229239</v>
      </c>
      <c r="E68740" s="1" t="s">
        <v>229240</v>
      </c>
      <c r="F68740" s="1" t="s">
        <v>229241</v>
      </c>
      <c r="G68740" s="1" t="s">
        <v>229120</v>
      </c>
      <c r="H68740" s="1" t="s">
        <v>229121</v>
      </c>
      <c r="I68740" s="1" t="s">
        <v>222698</v>
      </c>
      <c r="J68740" s="1" t="s">
        <v>229242</v>
      </c>
    </row>
    <row r="68741" spans="1:10" x14ac:dyDescent="0.35">
      <c r="A68741" s="1" t="s">
        <v>217785</v>
      </c>
      <c r="B68741" s="1" t="s">
        <v>222693</v>
      </c>
      <c r="C68741" s="1" t="s">
        <v>8</v>
      </c>
      <c r="D68741" s="1" t="s">
        <v>64799</v>
      </c>
      <c r="E68741" s="1" t="s">
        <v>229243</v>
      </c>
      <c r="F68741" s="1" t="s">
        <v>229244</v>
      </c>
      <c r="G68741" s="1" t="s">
        <v>229245</v>
      </c>
      <c r="H68741" s="1" t="s">
        <v>229246</v>
      </c>
      <c r="I68741" s="1" t="s">
        <v>222698</v>
      </c>
      <c r="J68741" s="1" t="s">
        <v>13</v>
      </c>
    </row>
    <row r="68742" spans="1:10" x14ac:dyDescent="0.35">
      <c r="A68742" s="1" t="s">
        <v>217785</v>
      </c>
      <c r="B68742" s="1" t="s">
        <v>222693</v>
      </c>
      <c r="C68742" s="1" t="s">
        <v>15</v>
      </c>
      <c r="D68742" s="1" t="s">
        <v>129494</v>
      </c>
      <c r="E68742" s="1" t="s">
        <v>229247</v>
      </c>
      <c r="F68742" s="1" t="s">
        <v>229248</v>
      </c>
      <c r="G68742" s="1" t="s">
        <v>229245</v>
      </c>
      <c r="H68742" s="1" t="s">
        <v>229246</v>
      </c>
      <c r="I68742" s="1" t="s">
        <v>222698</v>
      </c>
      <c r="J68742" s="1" t="s">
        <v>229249</v>
      </c>
    </row>
    <row r="68743" spans="1:10" x14ac:dyDescent="0.35">
      <c r="A68743" s="1" t="s">
        <v>217785</v>
      </c>
      <c r="B68743" s="1" t="s">
        <v>222693</v>
      </c>
      <c r="C68743" s="1" t="s">
        <v>20</v>
      </c>
      <c r="D68743" s="1" t="s">
        <v>167545</v>
      </c>
      <c r="E68743" s="1" t="s">
        <v>229250</v>
      </c>
      <c r="F68743" s="1" t="s">
        <v>229251</v>
      </c>
      <c r="G68743" s="1" t="s">
        <v>229245</v>
      </c>
      <c r="H68743" s="1" t="s">
        <v>229246</v>
      </c>
      <c r="I68743" s="1" t="s">
        <v>222698</v>
      </c>
      <c r="J68743" s="1" t="s">
        <v>229252</v>
      </c>
    </row>
    <row r="68744" spans="1:10" x14ac:dyDescent="0.35">
      <c r="A68744" s="1" t="s">
        <v>217785</v>
      </c>
      <c r="B68744" s="1" t="s">
        <v>222693</v>
      </c>
      <c r="C68744" s="1" t="s">
        <v>25</v>
      </c>
      <c r="D68744" s="1" t="s">
        <v>229253</v>
      </c>
      <c r="E68744" s="1" t="s">
        <v>229254</v>
      </c>
      <c r="F68744" s="1" t="s">
        <v>229255</v>
      </c>
      <c r="G68744" s="1" t="s">
        <v>229245</v>
      </c>
      <c r="H68744" s="1" t="s">
        <v>229246</v>
      </c>
      <c r="I68744" s="1" t="s">
        <v>222698</v>
      </c>
      <c r="J68744" s="1" t="s">
        <v>229256</v>
      </c>
    </row>
    <row r="68745" spans="1:10" x14ac:dyDescent="0.35">
      <c r="A68745" s="1" t="s">
        <v>217785</v>
      </c>
      <c r="B68745" s="1" t="s">
        <v>222693</v>
      </c>
      <c r="C68745" s="1" t="s">
        <v>30</v>
      </c>
      <c r="D68745" s="1" t="s">
        <v>63483</v>
      </c>
      <c r="E68745" s="1" t="s">
        <v>229257</v>
      </c>
      <c r="F68745" s="1" t="s">
        <v>229258</v>
      </c>
      <c r="G68745" s="1" t="s">
        <v>229245</v>
      </c>
      <c r="H68745" s="1" t="s">
        <v>229246</v>
      </c>
      <c r="I68745" s="1" t="s">
        <v>222698</v>
      </c>
      <c r="J68745" s="1" t="s">
        <v>229259</v>
      </c>
    </row>
    <row r="68746" spans="1:10" x14ac:dyDescent="0.35">
      <c r="A68746" s="1" t="s">
        <v>217785</v>
      </c>
      <c r="B68746" s="1" t="s">
        <v>222693</v>
      </c>
      <c r="C68746" s="1" t="s">
        <v>35</v>
      </c>
      <c r="D68746" s="1" t="s">
        <v>100735</v>
      </c>
      <c r="E68746" s="1" t="s">
        <v>229260</v>
      </c>
      <c r="F68746" s="1" t="s">
        <v>229261</v>
      </c>
      <c r="G68746" s="1" t="s">
        <v>229245</v>
      </c>
      <c r="H68746" s="1" t="s">
        <v>229246</v>
      </c>
      <c r="I68746" s="1" t="s">
        <v>222698</v>
      </c>
      <c r="J68746" s="1" t="s">
        <v>229262</v>
      </c>
    </row>
    <row r="68747" spans="1:10" x14ac:dyDescent="0.35">
      <c r="A68747" s="1" t="s">
        <v>217785</v>
      </c>
      <c r="B68747" s="1" t="s">
        <v>222693</v>
      </c>
      <c r="C68747" s="1" t="s">
        <v>40</v>
      </c>
      <c r="D68747" s="1" t="s">
        <v>133839</v>
      </c>
      <c r="E68747" s="1" t="s">
        <v>229263</v>
      </c>
      <c r="F68747" s="1" t="s">
        <v>229264</v>
      </c>
      <c r="G68747" s="1" t="s">
        <v>229245</v>
      </c>
      <c r="H68747" s="1" t="s">
        <v>229246</v>
      </c>
      <c r="I68747" s="1" t="s">
        <v>222698</v>
      </c>
      <c r="J68747" s="1" t="s">
        <v>229265</v>
      </c>
    </row>
    <row r="68748" spans="1:10" x14ac:dyDescent="0.35">
      <c r="A68748" s="1" t="s">
        <v>217785</v>
      </c>
      <c r="B68748" s="1" t="s">
        <v>222693</v>
      </c>
      <c r="C68748" s="1" t="s">
        <v>45</v>
      </c>
      <c r="D68748" s="1" t="s">
        <v>229266</v>
      </c>
      <c r="E68748" s="1" t="s">
        <v>229267</v>
      </c>
      <c r="F68748" s="1" t="s">
        <v>229268</v>
      </c>
      <c r="G68748" s="1" t="s">
        <v>229245</v>
      </c>
      <c r="H68748" s="1" t="s">
        <v>229246</v>
      </c>
      <c r="I68748" s="1" t="s">
        <v>222698</v>
      </c>
      <c r="J68748" s="1" t="s">
        <v>229269</v>
      </c>
    </row>
    <row r="68749" spans="1:10" x14ac:dyDescent="0.35">
      <c r="A68749" s="1" t="s">
        <v>217785</v>
      </c>
      <c r="B68749" s="1" t="s">
        <v>222693</v>
      </c>
      <c r="C68749" s="1" t="s">
        <v>50</v>
      </c>
      <c r="D68749" s="1" t="s">
        <v>41362</v>
      </c>
      <c r="E68749" s="1" t="s">
        <v>229270</v>
      </c>
      <c r="F68749" s="1" t="s">
        <v>229271</v>
      </c>
      <c r="G68749" s="1" t="s">
        <v>229245</v>
      </c>
      <c r="H68749" s="1" t="s">
        <v>229246</v>
      </c>
      <c r="I68749" s="1" t="s">
        <v>222698</v>
      </c>
      <c r="J68749" s="1" t="s">
        <v>229272</v>
      </c>
    </row>
    <row r="68750" spans="1:10" x14ac:dyDescent="0.35">
      <c r="A68750" s="1" t="s">
        <v>217785</v>
      </c>
      <c r="B68750" s="1" t="s">
        <v>222693</v>
      </c>
      <c r="C68750" s="1" t="s">
        <v>55</v>
      </c>
      <c r="D68750" s="1" t="s">
        <v>226911</v>
      </c>
      <c r="E68750" s="1" t="s">
        <v>229273</v>
      </c>
      <c r="F68750" s="1" t="s">
        <v>229274</v>
      </c>
      <c r="G68750" s="1" t="s">
        <v>229245</v>
      </c>
      <c r="H68750" s="1" t="s">
        <v>229246</v>
      </c>
      <c r="I68750" s="1" t="s">
        <v>222698</v>
      </c>
      <c r="J68750" s="1" t="s">
        <v>229275</v>
      </c>
    </row>
    <row r="68751" spans="1:10" x14ac:dyDescent="0.35">
      <c r="A68751" s="1" t="s">
        <v>217785</v>
      </c>
      <c r="B68751" s="1" t="s">
        <v>222693</v>
      </c>
      <c r="C68751" s="1" t="s">
        <v>60</v>
      </c>
      <c r="D68751" s="1" t="s">
        <v>229276</v>
      </c>
      <c r="E68751" s="1" t="s">
        <v>229277</v>
      </c>
      <c r="F68751" s="1" t="s">
        <v>229278</v>
      </c>
      <c r="G68751" s="1" t="s">
        <v>229245</v>
      </c>
      <c r="H68751" s="1" t="s">
        <v>229246</v>
      </c>
      <c r="I68751" s="1" t="s">
        <v>222698</v>
      </c>
      <c r="J68751" s="1" t="s">
        <v>229279</v>
      </c>
    </row>
    <row r="68752" spans="1:10" x14ac:dyDescent="0.35">
      <c r="A68752" s="1" t="s">
        <v>217785</v>
      </c>
      <c r="B68752" s="1" t="s">
        <v>222693</v>
      </c>
      <c r="C68752" s="1" t="s">
        <v>65</v>
      </c>
      <c r="D68752" s="1" t="s">
        <v>229280</v>
      </c>
      <c r="E68752" s="1" t="s">
        <v>229281</v>
      </c>
      <c r="F68752" s="1" t="s">
        <v>229282</v>
      </c>
      <c r="G68752" s="1" t="s">
        <v>229245</v>
      </c>
      <c r="H68752" s="1" t="s">
        <v>229246</v>
      </c>
      <c r="I68752" s="1" t="s">
        <v>222698</v>
      </c>
      <c r="J68752" s="1" t="s">
        <v>229283</v>
      </c>
    </row>
    <row r="68753" spans="1:10" x14ac:dyDescent="0.35">
      <c r="A68753" s="1" t="s">
        <v>217785</v>
      </c>
      <c r="B68753" s="1" t="s">
        <v>222693</v>
      </c>
      <c r="C68753" s="1" t="s">
        <v>70</v>
      </c>
      <c r="D68753" s="1" t="s">
        <v>21442</v>
      </c>
      <c r="E68753" s="1" t="s">
        <v>229284</v>
      </c>
      <c r="F68753" s="1" t="s">
        <v>229285</v>
      </c>
      <c r="G68753" s="1" t="s">
        <v>229245</v>
      </c>
      <c r="H68753" s="1" t="s">
        <v>229246</v>
      </c>
      <c r="I68753" s="1" t="s">
        <v>222698</v>
      </c>
      <c r="J68753" s="1" t="s">
        <v>229286</v>
      </c>
    </row>
    <row r="68754" spans="1:10" x14ac:dyDescent="0.35">
      <c r="A68754" s="1" t="s">
        <v>217785</v>
      </c>
      <c r="B68754" s="1" t="s">
        <v>222693</v>
      </c>
      <c r="C68754" s="1" t="s">
        <v>75</v>
      </c>
      <c r="D68754" s="1" t="s">
        <v>229287</v>
      </c>
      <c r="E68754" s="1" t="s">
        <v>229288</v>
      </c>
      <c r="F68754" s="1" t="s">
        <v>229289</v>
      </c>
      <c r="G68754" s="1" t="s">
        <v>229245</v>
      </c>
      <c r="H68754" s="1" t="s">
        <v>229246</v>
      </c>
      <c r="I68754" s="1" t="s">
        <v>222698</v>
      </c>
      <c r="J68754" s="1" t="s">
        <v>229290</v>
      </c>
    </row>
    <row r="68755" spans="1:10" x14ac:dyDescent="0.35">
      <c r="A68755" s="1" t="s">
        <v>217785</v>
      </c>
      <c r="B68755" s="1" t="s">
        <v>222693</v>
      </c>
      <c r="C68755" s="1" t="s">
        <v>80</v>
      </c>
      <c r="D68755" s="1" t="s">
        <v>229291</v>
      </c>
      <c r="E68755" s="1" t="s">
        <v>229292</v>
      </c>
      <c r="F68755" s="1" t="s">
        <v>229293</v>
      </c>
      <c r="G68755" s="1" t="s">
        <v>229245</v>
      </c>
      <c r="H68755" s="1" t="s">
        <v>229246</v>
      </c>
      <c r="I68755" s="1" t="s">
        <v>222698</v>
      </c>
      <c r="J68755" s="1" t="s">
        <v>229294</v>
      </c>
    </row>
    <row r="68756" spans="1:10" x14ac:dyDescent="0.35">
      <c r="A68756" s="1" t="s">
        <v>217785</v>
      </c>
      <c r="B68756" s="1" t="s">
        <v>222693</v>
      </c>
      <c r="C68756" s="1" t="s">
        <v>85</v>
      </c>
      <c r="D68756" s="1" t="s">
        <v>229295</v>
      </c>
      <c r="E68756" s="1" t="s">
        <v>229296</v>
      </c>
      <c r="F68756" s="1" t="s">
        <v>229297</v>
      </c>
      <c r="G68756" s="1" t="s">
        <v>229245</v>
      </c>
      <c r="H68756" s="1" t="s">
        <v>229246</v>
      </c>
      <c r="I68756" s="1" t="s">
        <v>222698</v>
      </c>
      <c r="J68756" s="1" t="s">
        <v>229298</v>
      </c>
    </row>
    <row r="68757" spans="1:10" x14ac:dyDescent="0.35">
      <c r="A68757" s="1" t="s">
        <v>217785</v>
      </c>
      <c r="B68757" s="1" t="s">
        <v>222693</v>
      </c>
      <c r="C68757" s="1" t="s">
        <v>90</v>
      </c>
      <c r="D68757" s="1" t="s">
        <v>229299</v>
      </c>
      <c r="E68757" s="1" t="s">
        <v>229300</v>
      </c>
      <c r="F68757" s="1" t="s">
        <v>229301</v>
      </c>
      <c r="G68757" s="1" t="s">
        <v>229245</v>
      </c>
      <c r="H68757" s="1" t="s">
        <v>229246</v>
      </c>
      <c r="I68757" s="1" t="s">
        <v>222698</v>
      </c>
      <c r="J68757" s="1" t="s">
        <v>229302</v>
      </c>
    </row>
    <row r="68758" spans="1:10" x14ac:dyDescent="0.35">
      <c r="A68758" s="1" t="s">
        <v>217785</v>
      </c>
      <c r="B68758" s="1" t="s">
        <v>222693</v>
      </c>
      <c r="C68758" s="1" t="s">
        <v>95</v>
      </c>
      <c r="D68758" s="1" t="s">
        <v>229303</v>
      </c>
      <c r="E68758" s="1" t="s">
        <v>229304</v>
      </c>
      <c r="F68758" s="1" t="s">
        <v>229305</v>
      </c>
      <c r="G68758" s="1" t="s">
        <v>229245</v>
      </c>
      <c r="H68758" s="1" t="s">
        <v>229246</v>
      </c>
      <c r="I68758" s="1" t="s">
        <v>222698</v>
      </c>
      <c r="J68758" s="1" t="s">
        <v>229306</v>
      </c>
    </row>
    <row r="68759" spans="1:10" x14ac:dyDescent="0.35">
      <c r="A68759" s="1" t="s">
        <v>217785</v>
      </c>
      <c r="B68759" s="1" t="s">
        <v>222693</v>
      </c>
      <c r="C68759" s="1" t="s">
        <v>100</v>
      </c>
      <c r="D68759" s="1" t="s">
        <v>229307</v>
      </c>
      <c r="E68759" s="1" t="s">
        <v>229308</v>
      </c>
      <c r="F68759" s="1" t="s">
        <v>229309</v>
      </c>
      <c r="G68759" s="1" t="s">
        <v>229245</v>
      </c>
      <c r="H68759" s="1" t="s">
        <v>229246</v>
      </c>
      <c r="I68759" s="1" t="s">
        <v>222698</v>
      </c>
      <c r="J68759" s="1" t="s">
        <v>229310</v>
      </c>
    </row>
    <row r="68760" spans="1:10" x14ac:dyDescent="0.35">
      <c r="A68760" s="1" t="s">
        <v>217785</v>
      </c>
      <c r="B68760" s="1" t="s">
        <v>222693</v>
      </c>
      <c r="C68760" s="1" t="s">
        <v>105</v>
      </c>
      <c r="D68760" s="1" t="s">
        <v>229311</v>
      </c>
      <c r="E68760" s="1" t="s">
        <v>229312</v>
      </c>
      <c r="F68760" s="1" t="s">
        <v>229313</v>
      </c>
      <c r="G68760" s="1" t="s">
        <v>229245</v>
      </c>
      <c r="H68760" s="1" t="s">
        <v>229246</v>
      </c>
      <c r="I68760" s="1" t="s">
        <v>222698</v>
      </c>
      <c r="J68760" s="1" t="s">
        <v>229314</v>
      </c>
    </row>
    <row r="68761" spans="1:10" x14ac:dyDescent="0.35">
      <c r="A68761" s="1" t="s">
        <v>217785</v>
      </c>
      <c r="B68761" s="1" t="s">
        <v>222693</v>
      </c>
      <c r="C68761" s="1" t="s">
        <v>110</v>
      </c>
      <c r="D68761" s="1" t="s">
        <v>229315</v>
      </c>
      <c r="E68761" s="1" t="s">
        <v>229316</v>
      </c>
      <c r="F68761" s="1" t="s">
        <v>229317</v>
      </c>
      <c r="G68761" s="1" t="s">
        <v>229245</v>
      </c>
      <c r="H68761" s="1" t="s">
        <v>229246</v>
      </c>
      <c r="I68761" s="1" t="s">
        <v>222698</v>
      </c>
      <c r="J68761" s="1" t="s">
        <v>229318</v>
      </c>
    </row>
    <row r="68762" spans="1:10" x14ac:dyDescent="0.35">
      <c r="A68762" s="1" t="s">
        <v>217785</v>
      </c>
      <c r="B68762" s="1" t="s">
        <v>222693</v>
      </c>
      <c r="C68762" s="1" t="s">
        <v>115</v>
      </c>
      <c r="D68762" s="1" t="s">
        <v>229319</v>
      </c>
      <c r="E68762" s="1" t="s">
        <v>229320</v>
      </c>
      <c r="F68762" s="1" t="s">
        <v>229321</v>
      </c>
      <c r="G68762" s="1" t="s">
        <v>229245</v>
      </c>
      <c r="H68762" s="1" t="s">
        <v>229246</v>
      </c>
      <c r="I68762" s="1" t="s">
        <v>222698</v>
      </c>
      <c r="J68762" s="1" t="s">
        <v>229322</v>
      </c>
    </row>
    <row r="68763" spans="1:10" x14ac:dyDescent="0.35">
      <c r="A68763" s="1" t="s">
        <v>217785</v>
      </c>
      <c r="B68763" s="1" t="s">
        <v>222693</v>
      </c>
      <c r="C68763" s="1" t="s">
        <v>120</v>
      </c>
      <c r="D68763" s="1" t="s">
        <v>229323</v>
      </c>
      <c r="E68763" s="1" t="s">
        <v>229324</v>
      </c>
      <c r="F68763" s="1" t="s">
        <v>229325</v>
      </c>
      <c r="G68763" s="1" t="s">
        <v>229245</v>
      </c>
      <c r="H68763" s="1" t="s">
        <v>229246</v>
      </c>
      <c r="I68763" s="1" t="s">
        <v>222698</v>
      </c>
      <c r="J68763" s="1" t="s">
        <v>229326</v>
      </c>
    </row>
    <row r="68764" spans="1:10" x14ac:dyDescent="0.35">
      <c r="A68764" s="1" t="s">
        <v>217785</v>
      </c>
      <c r="B68764" s="1" t="s">
        <v>222693</v>
      </c>
      <c r="C68764" s="1" t="s">
        <v>125</v>
      </c>
      <c r="D68764" s="1" t="s">
        <v>229327</v>
      </c>
      <c r="E68764" s="1" t="s">
        <v>229328</v>
      </c>
      <c r="F68764" s="1" t="s">
        <v>229329</v>
      </c>
      <c r="G68764" s="1" t="s">
        <v>229245</v>
      </c>
      <c r="H68764" s="1" t="s">
        <v>229246</v>
      </c>
      <c r="I68764" s="1" t="s">
        <v>222698</v>
      </c>
      <c r="J68764" s="1" t="s">
        <v>229330</v>
      </c>
    </row>
    <row r="68765" spans="1:10" x14ac:dyDescent="0.35">
      <c r="A68765" s="1" t="s">
        <v>217785</v>
      </c>
      <c r="B68765" s="1" t="s">
        <v>222693</v>
      </c>
      <c r="C68765" s="1" t="s">
        <v>130</v>
      </c>
      <c r="D68765" s="1" t="s">
        <v>229331</v>
      </c>
      <c r="E68765" s="1" t="s">
        <v>229332</v>
      </c>
      <c r="F68765" s="1" t="s">
        <v>229333</v>
      </c>
      <c r="G68765" s="1" t="s">
        <v>229245</v>
      </c>
      <c r="H68765" s="1" t="s">
        <v>229246</v>
      </c>
      <c r="I68765" s="1" t="s">
        <v>222698</v>
      </c>
      <c r="J68765" s="1" t="s">
        <v>229334</v>
      </c>
    </row>
    <row r="68766" spans="1:10" x14ac:dyDescent="0.35">
      <c r="A68766" s="1" t="s">
        <v>217785</v>
      </c>
      <c r="B68766" s="1" t="s">
        <v>222693</v>
      </c>
      <c r="C68766" s="1" t="s">
        <v>135</v>
      </c>
      <c r="D68766" s="1" t="s">
        <v>229335</v>
      </c>
      <c r="E68766" s="1" t="s">
        <v>229336</v>
      </c>
      <c r="F68766" s="1" t="s">
        <v>229337</v>
      </c>
      <c r="G68766" s="1" t="s">
        <v>229245</v>
      </c>
      <c r="H68766" s="1" t="s">
        <v>229246</v>
      </c>
      <c r="I68766" s="1" t="s">
        <v>222698</v>
      </c>
      <c r="J68766" s="1" t="s">
        <v>229338</v>
      </c>
    </row>
    <row r="68767" spans="1:10" x14ac:dyDescent="0.35">
      <c r="A68767" s="1" t="s">
        <v>217785</v>
      </c>
      <c r="B68767" s="1" t="s">
        <v>222693</v>
      </c>
      <c r="C68767" s="1" t="s">
        <v>140</v>
      </c>
      <c r="D68767" s="1" t="s">
        <v>229339</v>
      </c>
      <c r="E68767" s="1" t="s">
        <v>229340</v>
      </c>
      <c r="F68767" s="1" t="s">
        <v>229341</v>
      </c>
      <c r="G68767" s="1" t="s">
        <v>229245</v>
      </c>
      <c r="H68767" s="1" t="s">
        <v>229246</v>
      </c>
      <c r="I68767" s="1" t="s">
        <v>222698</v>
      </c>
      <c r="J68767" s="1" t="s">
        <v>229342</v>
      </c>
    </row>
    <row r="68768" spans="1:10" x14ac:dyDescent="0.35">
      <c r="A68768" s="1" t="s">
        <v>217785</v>
      </c>
      <c r="B68768" s="1" t="s">
        <v>222693</v>
      </c>
      <c r="C68768" s="1" t="s">
        <v>145</v>
      </c>
      <c r="D68768" s="1" t="s">
        <v>229343</v>
      </c>
      <c r="E68768" s="1" t="s">
        <v>229344</v>
      </c>
      <c r="F68768" s="1" t="s">
        <v>229345</v>
      </c>
      <c r="G68768" s="1" t="s">
        <v>229245</v>
      </c>
      <c r="H68768" s="1" t="s">
        <v>229246</v>
      </c>
      <c r="I68768" s="1" t="s">
        <v>222698</v>
      </c>
      <c r="J68768" s="1" t="s">
        <v>229346</v>
      </c>
    </row>
    <row r="68769" spans="1:10" x14ac:dyDescent="0.35">
      <c r="A68769" s="1" t="s">
        <v>217785</v>
      </c>
      <c r="B68769" s="1" t="s">
        <v>222693</v>
      </c>
      <c r="C68769" s="1" t="s">
        <v>150</v>
      </c>
      <c r="D68769" s="1" t="s">
        <v>229347</v>
      </c>
      <c r="E68769" s="1" t="s">
        <v>229348</v>
      </c>
      <c r="F68769" s="1" t="s">
        <v>229349</v>
      </c>
      <c r="G68769" s="1" t="s">
        <v>229245</v>
      </c>
      <c r="H68769" s="1" t="s">
        <v>229246</v>
      </c>
      <c r="I68769" s="1" t="s">
        <v>222698</v>
      </c>
      <c r="J68769" s="1" t="s">
        <v>229350</v>
      </c>
    </row>
    <row r="68770" spans="1:10" x14ac:dyDescent="0.35">
      <c r="A68770" s="1" t="s">
        <v>217785</v>
      </c>
      <c r="B68770" s="1" t="s">
        <v>222693</v>
      </c>
      <c r="C68770" s="1" t="s">
        <v>155</v>
      </c>
      <c r="D68770" s="1" t="s">
        <v>229351</v>
      </c>
      <c r="E68770" s="1" t="s">
        <v>229352</v>
      </c>
      <c r="F68770" s="1" t="s">
        <v>229353</v>
      </c>
      <c r="G68770" s="1" t="s">
        <v>229245</v>
      </c>
      <c r="H68770" s="1" t="s">
        <v>229246</v>
      </c>
      <c r="I68770" s="1" t="s">
        <v>222698</v>
      </c>
      <c r="J68770" s="1" t="s">
        <v>229354</v>
      </c>
    </row>
    <row r="68771" spans="1:10" x14ac:dyDescent="0.35">
      <c r="A68771" s="1" t="s">
        <v>217785</v>
      </c>
      <c r="B68771" s="1" t="s">
        <v>222693</v>
      </c>
      <c r="C68771" s="1" t="s">
        <v>160</v>
      </c>
      <c r="D68771" s="1" t="s">
        <v>40530</v>
      </c>
      <c r="E68771" s="1" t="s">
        <v>229355</v>
      </c>
      <c r="F68771" s="1" t="s">
        <v>229356</v>
      </c>
      <c r="G68771" s="1" t="s">
        <v>229245</v>
      </c>
      <c r="H68771" s="1" t="s">
        <v>229246</v>
      </c>
      <c r="I68771" s="1" t="s">
        <v>222698</v>
      </c>
      <c r="J68771" s="1" t="s">
        <v>229357</v>
      </c>
    </row>
    <row r="68772" spans="1:10" x14ac:dyDescent="0.35">
      <c r="A68772" s="1" t="s">
        <v>217785</v>
      </c>
      <c r="B68772" s="1" t="s">
        <v>222693</v>
      </c>
      <c r="C68772" s="1" t="s">
        <v>165</v>
      </c>
      <c r="D68772" s="1" t="s">
        <v>229358</v>
      </c>
      <c r="E68772" s="1" t="s">
        <v>229359</v>
      </c>
      <c r="F68772" s="1" t="s">
        <v>229360</v>
      </c>
      <c r="G68772" s="1" t="s">
        <v>229245</v>
      </c>
      <c r="H68772" s="1" t="s">
        <v>229246</v>
      </c>
      <c r="I68772" s="1" t="s">
        <v>222698</v>
      </c>
      <c r="J68772" s="1" t="s">
        <v>229361</v>
      </c>
    </row>
    <row r="68773" spans="1:10" x14ac:dyDescent="0.35">
      <c r="A68773" s="1" t="s">
        <v>217785</v>
      </c>
      <c r="B68773" s="1" t="s">
        <v>222693</v>
      </c>
      <c r="C68773" s="1" t="s">
        <v>170</v>
      </c>
      <c r="D68773" s="1" t="s">
        <v>229362</v>
      </c>
      <c r="E68773" s="1" t="s">
        <v>229363</v>
      </c>
      <c r="F68773" s="1" t="s">
        <v>229364</v>
      </c>
      <c r="G68773" s="1" t="s">
        <v>229245</v>
      </c>
      <c r="H68773" s="1" t="s">
        <v>229246</v>
      </c>
      <c r="I68773" s="1" t="s">
        <v>222698</v>
      </c>
      <c r="J68773" s="1" t="s">
        <v>229365</v>
      </c>
    </row>
    <row r="68774" spans="1:10" x14ac:dyDescent="0.35">
      <c r="A68774" s="1" t="s">
        <v>142835</v>
      </c>
      <c r="B68774" s="1" t="s">
        <v>222693</v>
      </c>
      <c r="C68774" s="1" t="s">
        <v>8</v>
      </c>
      <c r="D68774" s="1" t="s">
        <v>67250</v>
      </c>
      <c r="E68774" s="1" t="s">
        <v>229366</v>
      </c>
      <c r="F68774" s="1" t="s">
        <v>229367</v>
      </c>
      <c r="G68774" s="1" t="s">
        <v>229368</v>
      </c>
      <c r="H68774" s="1" t="s">
        <v>229369</v>
      </c>
      <c r="I68774" s="1" t="s">
        <v>222698</v>
      </c>
      <c r="J68774" s="1" t="s">
        <v>13</v>
      </c>
    </row>
    <row r="68775" spans="1:10" x14ac:dyDescent="0.35">
      <c r="A68775" s="1" t="s">
        <v>142835</v>
      </c>
      <c r="B68775" s="1" t="s">
        <v>222693</v>
      </c>
      <c r="C68775" s="1" t="s">
        <v>15</v>
      </c>
      <c r="D68775" s="1" t="s">
        <v>77881</v>
      </c>
      <c r="E68775" s="1" t="s">
        <v>229370</v>
      </c>
      <c r="F68775" s="1" t="s">
        <v>229371</v>
      </c>
      <c r="G68775" s="1" t="s">
        <v>229368</v>
      </c>
      <c r="H68775" s="1" t="s">
        <v>229369</v>
      </c>
      <c r="I68775" s="1" t="s">
        <v>222698</v>
      </c>
      <c r="J68775" s="1" t="s">
        <v>229372</v>
      </c>
    </row>
    <row r="68776" spans="1:10" x14ac:dyDescent="0.35">
      <c r="A68776" s="1" t="s">
        <v>142835</v>
      </c>
      <c r="B68776" s="1" t="s">
        <v>222693</v>
      </c>
      <c r="C68776" s="1" t="s">
        <v>20</v>
      </c>
      <c r="D68776" s="1" t="s">
        <v>91615</v>
      </c>
      <c r="E68776" s="1" t="s">
        <v>229373</v>
      </c>
      <c r="F68776" s="1" t="s">
        <v>229374</v>
      </c>
      <c r="G68776" s="1" t="s">
        <v>229368</v>
      </c>
      <c r="H68776" s="1" t="s">
        <v>229369</v>
      </c>
      <c r="I68776" s="1" t="s">
        <v>222698</v>
      </c>
      <c r="J68776" s="1" t="s">
        <v>229375</v>
      </c>
    </row>
    <row r="68777" spans="1:10" x14ac:dyDescent="0.35">
      <c r="A68777" s="1" t="s">
        <v>142835</v>
      </c>
      <c r="B68777" s="1" t="s">
        <v>222693</v>
      </c>
      <c r="C68777" s="1" t="s">
        <v>25</v>
      </c>
      <c r="D68777" s="1" t="s">
        <v>67587</v>
      </c>
      <c r="E68777" s="1" t="s">
        <v>229376</v>
      </c>
      <c r="F68777" s="1" t="s">
        <v>229377</v>
      </c>
      <c r="G68777" s="1" t="s">
        <v>229368</v>
      </c>
      <c r="H68777" s="1" t="s">
        <v>229369</v>
      </c>
      <c r="I68777" s="1" t="s">
        <v>222698</v>
      </c>
      <c r="J68777" s="1" t="s">
        <v>229378</v>
      </c>
    </row>
    <row r="68778" spans="1:10" x14ac:dyDescent="0.35">
      <c r="A68778" s="1" t="s">
        <v>142835</v>
      </c>
      <c r="B68778" s="1" t="s">
        <v>222693</v>
      </c>
      <c r="C68778" s="1" t="s">
        <v>30</v>
      </c>
      <c r="D68778" s="1" t="s">
        <v>54509</v>
      </c>
      <c r="E68778" s="1" t="s">
        <v>229379</v>
      </c>
      <c r="F68778" s="1" t="s">
        <v>229380</v>
      </c>
      <c r="G68778" s="1" t="s">
        <v>229368</v>
      </c>
      <c r="H68778" s="1" t="s">
        <v>229369</v>
      </c>
      <c r="I68778" s="1" t="s">
        <v>222698</v>
      </c>
      <c r="J68778" s="1" t="s">
        <v>229381</v>
      </c>
    </row>
    <row r="68779" spans="1:10" x14ac:dyDescent="0.35">
      <c r="A68779" s="1" t="s">
        <v>142835</v>
      </c>
      <c r="B68779" s="1" t="s">
        <v>222693</v>
      </c>
      <c r="C68779" s="1" t="s">
        <v>35</v>
      </c>
      <c r="D68779" s="1" t="s">
        <v>229382</v>
      </c>
      <c r="E68779" s="1" t="s">
        <v>229383</v>
      </c>
      <c r="F68779" s="1" t="s">
        <v>229384</v>
      </c>
      <c r="G68779" s="1" t="s">
        <v>229368</v>
      </c>
      <c r="H68779" s="1" t="s">
        <v>229369</v>
      </c>
      <c r="I68779" s="1" t="s">
        <v>222698</v>
      </c>
      <c r="J68779" s="1" t="s">
        <v>229385</v>
      </c>
    </row>
    <row r="68780" spans="1:10" x14ac:dyDescent="0.35">
      <c r="A68780" s="1" t="s">
        <v>142835</v>
      </c>
      <c r="B68780" s="1" t="s">
        <v>222693</v>
      </c>
      <c r="C68780" s="1" t="s">
        <v>40</v>
      </c>
      <c r="D68780" s="1" t="s">
        <v>229386</v>
      </c>
      <c r="E68780" s="1" t="s">
        <v>229387</v>
      </c>
      <c r="F68780" s="1" t="s">
        <v>229388</v>
      </c>
      <c r="G68780" s="1" t="s">
        <v>229368</v>
      </c>
      <c r="H68780" s="1" t="s">
        <v>229369</v>
      </c>
      <c r="I68780" s="1" t="s">
        <v>222698</v>
      </c>
      <c r="J68780" s="1" t="s">
        <v>229389</v>
      </c>
    </row>
    <row r="68781" spans="1:10" x14ac:dyDescent="0.35">
      <c r="A68781" s="1" t="s">
        <v>142835</v>
      </c>
      <c r="B68781" s="1" t="s">
        <v>222693</v>
      </c>
      <c r="C68781" s="1" t="s">
        <v>45</v>
      </c>
      <c r="D68781" s="1" t="s">
        <v>24117</v>
      </c>
      <c r="E68781" s="1" t="s">
        <v>229390</v>
      </c>
      <c r="F68781" s="1" t="s">
        <v>229391</v>
      </c>
      <c r="G68781" s="1" t="s">
        <v>229368</v>
      </c>
      <c r="H68781" s="1" t="s">
        <v>229369</v>
      </c>
      <c r="I68781" s="1" t="s">
        <v>222698</v>
      </c>
      <c r="J68781" s="1" t="s">
        <v>229392</v>
      </c>
    </row>
    <row r="68782" spans="1:10" x14ac:dyDescent="0.35">
      <c r="A68782" s="1" t="s">
        <v>142835</v>
      </c>
      <c r="B68782" s="1" t="s">
        <v>222693</v>
      </c>
      <c r="C68782" s="1" t="s">
        <v>50</v>
      </c>
      <c r="D68782" s="1" t="s">
        <v>137790</v>
      </c>
      <c r="E68782" s="1" t="s">
        <v>229393</v>
      </c>
      <c r="F68782" s="1" t="s">
        <v>229394</v>
      </c>
      <c r="G68782" s="1" t="s">
        <v>229368</v>
      </c>
      <c r="H68782" s="1" t="s">
        <v>229369</v>
      </c>
      <c r="I68782" s="1" t="s">
        <v>222698</v>
      </c>
      <c r="J68782" s="1" t="s">
        <v>229395</v>
      </c>
    </row>
    <row r="68783" spans="1:10" x14ac:dyDescent="0.35">
      <c r="A68783" s="1" t="s">
        <v>142835</v>
      </c>
      <c r="B68783" s="1" t="s">
        <v>222693</v>
      </c>
      <c r="C68783" s="1" t="s">
        <v>55</v>
      </c>
      <c r="D68783" s="1" t="s">
        <v>14485</v>
      </c>
      <c r="E68783" s="1" t="s">
        <v>229396</v>
      </c>
      <c r="F68783" s="1" t="s">
        <v>229397</v>
      </c>
      <c r="G68783" s="1" t="s">
        <v>229368</v>
      </c>
      <c r="H68783" s="1" t="s">
        <v>229369</v>
      </c>
      <c r="I68783" s="1" t="s">
        <v>222698</v>
      </c>
      <c r="J68783" s="1" t="s">
        <v>229398</v>
      </c>
    </row>
    <row r="68784" spans="1:10" x14ac:dyDescent="0.35">
      <c r="A68784" s="1" t="s">
        <v>142835</v>
      </c>
      <c r="B68784" s="1" t="s">
        <v>222693</v>
      </c>
      <c r="C68784" s="1" t="s">
        <v>60</v>
      </c>
      <c r="D68784" s="1" t="s">
        <v>229399</v>
      </c>
      <c r="E68784" s="1" t="s">
        <v>229400</v>
      </c>
      <c r="F68784" s="1" t="s">
        <v>229401</v>
      </c>
      <c r="G68784" s="1" t="s">
        <v>229368</v>
      </c>
      <c r="H68784" s="1" t="s">
        <v>229369</v>
      </c>
      <c r="I68784" s="1" t="s">
        <v>222698</v>
      </c>
      <c r="J68784" s="1" t="s">
        <v>229402</v>
      </c>
    </row>
    <row r="68785" spans="1:10" x14ac:dyDescent="0.35">
      <c r="A68785" s="1" t="s">
        <v>142835</v>
      </c>
      <c r="B68785" s="1" t="s">
        <v>222693</v>
      </c>
      <c r="C68785" s="1" t="s">
        <v>65</v>
      </c>
      <c r="D68785" s="1" t="s">
        <v>229403</v>
      </c>
      <c r="E68785" s="1" t="s">
        <v>229404</v>
      </c>
      <c r="F68785" s="1" t="s">
        <v>229405</v>
      </c>
      <c r="G68785" s="1" t="s">
        <v>229368</v>
      </c>
      <c r="H68785" s="1" t="s">
        <v>229369</v>
      </c>
      <c r="I68785" s="1" t="s">
        <v>222698</v>
      </c>
      <c r="J68785" s="1" t="s">
        <v>229406</v>
      </c>
    </row>
    <row r="68786" spans="1:10" x14ac:dyDescent="0.35">
      <c r="A68786" s="1" t="s">
        <v>142835</v>
      </c>
      <c r="B68786" s="1" t="s">
        <v>222693</v>
      </c>
      <c r="C68786" s="1" t="s">
        <v>70</v>
      </c>
      <c r="D68786" s="1" t="s">
        <v>136808</v>
      </c>
      <c r="E68786" s="1" t="s">
        <v>229407</v>
      </c>
      <c r="F68786" s="1" t="s">
        <v>229408</v>
      </c>
      <c r="G68786" s="1" t="s">
        <v>229368</v>
      </c>
      <c r="H68786" s="1" t="s">
        <v>229369</v>
      </c>
      <c r="I68786" s="1" t="s">
        <v>222698</v>
      </c>
      <c r="J68786" s="1" t="s">
        <v>229409</v>
      </c>
    </row>
    <row r="68787" spans="1:10" x14ac:dyDescent="0.35">
      <c r="A68787" s="1" t="s">
        <v>142835</v>
      </c>
      <c r="B68787" s="1" t="s">
        <v>222693</v>
      </c>
      <c r="C68787" s="1" t="s">
        <v>75</v>
      </c>
      <c r="D68787" s="1" t="s">
        <v>83914</v>
      </c>
      <c r="E68787" s="1" t="s">
        <v>229410</v>
      </c>
      <c r="F68787" s="1" t="s">
        <v>229411</v>
      </c>
      <c r="G68787" s="1" t="s">
        <v>229368</v>
      </c>
      <c r="H68787" s="1" t="s">
        <v>229369</v>
      </c>
      <c r="I68787" s="1" t="s">
        <v>222698</v>
      </c>
      <c r="J68787" s="1" t="s">
        <v>229412</v>
      </c>
    </row>
    <row r="68788" spans="1:10" x14ac:dyDescent="0.35">
      <c r="A68788" s="1" t="s">
        <v>142835</v>
      </c>
      <c r="B68788" s="1" t="s">
        <v>222693</v>
      </c>
      <c r="C68788" s="1" t="s">
        <v>80</v>
      </c>
      <c r="D68788" s="1" t="s">
        <v>126981</v>
      </c>
      <c r="E68788" s="1" t="s">
        <v>229413</v>
      </c>
      <c r="F68788" s="1" t="s">
        <v>229414</v>
      </c>
      <c r="G68788" s="1" t="s">
        <v>229368</v>
      </c>
      <c r="H68788" s="1" t="s">
        <v>229369</v>
      </c>
      <c r="I68788" s="1" t="s">
        <v>222698</v>
      </c>
      <c r="J68788" s="1" t="s">
        <v>229415</v>
      </c>
    </row>
    <row r="68789" spans="1:10" x14ac:dyDescent="0.35">
      <c r="A68789" s="1" t="s">
        <v>142835</v>
      </c>
      <c r="B68789" s="1" t="s">
        <v>222693</v>
      </c>
      <c r="C68789" s="1" t="s">
        <v>85</v>
      </c>
      <c r="D68789" s="1" t="s">
        <v>20804</v>
      </c>
      <c r="E68789" s="1" t="s">
        <v>229416</v>
      </c>
      <c r="F68789" s="1" t="s">
        <v>229417</v>
      </c>
      <c r="G68789" s="1" t="s">
        <v>229368</v>
      </c>
      <c r="H68789" s="1" t="s">
        <v>229369</v>
      </c>
      <c r="I68789" s="1" t="s">
        <v>222698</v>
      </c>
      <c r="J68789" s="1" t="s">
        <v>229418</v>
      </c>
    </row>
    <row r="68790" spans="1:10" x14ac:dyDescent="0.35">
      <c r="A68790" s="1" t="s">
        <v>142835</v>
      </c>
      <c r="B68790" s="1" t="s">
        <v>222693</v>
      </c>
      <c r="C68790" s="1" t="s">
        <v>90</v>
      </c>
      <c r="D68790" s="1" t="s">
        <v>226265</v>
      </c>
      <c r="E68790" s="1" t="s">
        <v>229419</v>
      </c>
      <c r="F68790" s="1" t="s">
        <v>229420</v>
      </c>
      <c r="G68790" s="1" t="s">
        <v>229368</v>
      </c>
      <c r="H68790" s="1" t="s">
        <v>229369</v>
      </c>
      <c r="I68790" s="1" t="s">
        <v>222698</v>
      </c>
      <c r="J68790" s="1" t="s">
        <v>229421</v>
      </c>
    </row>
    <row r="68791" spans="1:10" x14ac:dyDescent="0.35">
      <c r="A68791" s="1" t="s">
        <v>142835</v>
      </c>
      <c r="B68791" s="1" t="s">
        <v>222693</v>
      </c>
      <c r="C68791" s="1" t="s">
        <v>95</v>
      </c>
      <c r="D68791" s="1" t="s">
        <v>94077</v>
      </c>
      <c r="E68791" s="1" t="s">
        <v>229422</v>
      </c>
      <c r="F68791" s="1" t="s">
        <v>229423</v>
      </c>
      <c r="G68791" s="1" t="s">
        <v>229368</v>
      </c>
      <c r="H68791" s="1" t="s">
        <v>229369</v>
      </c>
      <c r="I68791" s="1" t="s">
        <v>222698</v>
      </c>
      <c r="J68791" s="1" t="s">
        <v>229424</v>
      </c>
    </row>
    <row r="68792" spans="1:10" x14ac:dyDescent="0.35">
      <c r="A68792" s="1" t="s">
        <v>142835</v>
      </c>
      <c r="B68792" s="1" t="s">
        <v>222693</v>
      </c>
      <c r="C68792" s="1" t="s">
        <v>100</v>
      </c>
      <c r="D68792" s="1" t="s">
        <v>55815</v>
      </c>
      <c r="E68792" s="1" t="s">
        <v>229425</v>
      </c>
      <c r="F68792" s="1" t="s">
        <v>229426</v>
      </c>
      <c r="G68792" s="1" t="s">
        <v>229368</v>
      </c>
      <c r="H68792" s="1" t="s">
        <v>229369</v>
      </c>
      <c r="I68792" s="1" t="s">
        <v>222698</v>
      </c>
      <c r="J68792" s="1" t="s">
        <v>229427</v>
      </c>
    </row>
    <row r="68793" spans="1:10" x14ac:dyDescent="0.35">
      <c r="A68793" s="1" t="s">
        <v>142835</v>
      </c>
      <c r="B68793" s="1" t="s">
        <v>222693</v>
      </c>
      <c r="C68793" s="1" t="s">
        <v>105</v>
      </c>
      <c r="D68793" s="1" t="s">
        <v>58147</v>
      </c>
      <c r="E68793" s="1" t="s">
        <v>229428</v>
      </c>
      <c r="F68793" s="1" t="s">
        <v>229429</v>
      </c>
      <c r="G68793" s="1" t="s">
        <v>229368</v>
      </c>
      <c r="H68793" s="1" t="s">
        <v>229369</v>
      </c>
      <c r="I68793" s="1" t="s">
        <v>222698</v>
      </c>
      <c r="J68793" s="1" t="s">
        <v>229430</v>
      </c>
    </row>
    <row r="68794" spans="1:10" x14ac:dyDescent="0.35">
      <c r="A68794" s="1" t="s">
        <v>142835</v>
      </c>
      <c r="B68794" s="1" t="s">
        <v>222693</v>
      </c>
      <c r="C68794" s="1" t="s">
        <v>110</v>
      </c>
      <c r="D68794" s="1" t="s">
        <v>78329</v>
      </c>
      <c r="E68794" s="1" t="s">
        <v>229431</v>
      </c>
      <c r="F68794" s="1" t="s">
        <v>229432</v>
      </c>
      <c r="G68794" s="1" t="s">
        <v>229368</v>
      </c>
      <c r="H68794" s="1" t="s">
        <v>229369</v>
      </c>
      <c r="I68794" s="1" t="s">
        <v>222698</v>
      </c>
      <c r="J68794" s="1" t="s">
        <v>229433</v>
      </c>
    </row>
    <row r="68795" spans="1:10" x14ac:dyDescent="0.35">
      <c r="A68795" s="1" t="s">
        <v>142835</v>
      </c>
      <c r="B68795" s="1" t="s">
        <v>222693</v>
      </c>
      <c r="C68795" s="1" t="s">
        <v>115</v>
      </c>
      <c r="D68795" s="1" t="s">
        <v>229434</v>
      </c>
      <c r="E68795" s="1" t="s">
        <v>229435</v>
      </c>
      <c r="F68795" s="1" t="s">
        <v>229436</v>
      </c>
      <c r="G68795" s="1" t="s">
        <v>229368</v>
      </c>
      <c r="H68795" s="1" t="s">
        <v>229369</v>
      </c>
      <c r="I68795" s="1" t="s">
        <v>222698</v>
      </c>
      <c r="J68795" s="1" t="s">
        <v>229437</v>
      </c>
    </row>
    <row r="68796" spans="1:10" x14ac:dyDescent="0.35">
      <c r="A68796" s="1" t="s">
        <v>142835</v>
      </c>
      <c r="B68796" s="1" t="s">
        <v>222693</v>
      </c>
      <c r="C68796" s="1" t="s">
        <v>120</v>
      </c>
      <c r="D68796" s="1" t="s">
        <v>229438</v>
      </c>
      <c r="E68796" s="1" t="s">
        <v>229439</v>
      </c>
      <c r="F68796" s="1" t="s">
        <v>229440</v>
      </c>
      <c r="G68796" s="1" t="s">
        <v>229368</v>
      </c>
      <c r="H68796" s="1" t="s">
        <v>229369</v>
      </c>
      <c r="I68796" s="1" t="s">
        <v>222698</v>
      </c>
      <c r="J68796" s="1" t="s">
        <v>229441</v>
      </c>
    </row>
    <row r="68797" spans="1:10" x14ac:dyDescent="0.35">
      <c r="A68797" s="1" t="s">
        <v>142835</v>
      </c>
      <c r="B68797" s="1" t="s">
        <v>222693</v>
      </c>
      <c r="C68797" s="1" t="s">
        <v>125</v>
      </c>
      <c r="D68797" s="1" t="s">
        <v>129402</v>
      </c>
      <c r="E68797" s="1" t="s">
        <v>229442</v>
      </c>
      <c r="F68797" s="1" t="s">
        <v>229443</v>
      </c>
      <c r="G68797" s="1" t="s">
        <v>229368</v>
      </c>
      <c r="H68797" s="1" t="s">
        <v>229369</v>
      </c>
      <c r="I68797" s="1" t="s">
        <v>222698</v>
      </c>
      <c r="J68797" s="1" t="s">
        <v>229444</v>
      </c>
    </row>
    <row r="68798" spans="1:10" x14ac:dyDescent="0.35">
      <c r="A68798" s="1" t="s">
        <v>142835</v>
      </c>
      <c r="B68798" s="1" t="s">
        <v>222693</v>
      </c>
      <c r="C68798" s="1" t="s">
        <v>130</v>
      </c>
      <c r="D68798" s="1" t="s">
        <v>227854</v>
      </c>
      <c r="E68798" s="1" t="s">
        <v>229445</v>
      </c>
      <c r="F68798" s="1" t="s">
        <v>229446</v>
      </c>
      <c r="G68798" s="1" t="s">
        <v>229368</v>
      </c>
      <c r="H68798" s="1" t="s">
        <v>229369</v>
      </c>
      <c r="I68798" s="1" t="s">
        <v>222698</v>
      </c>
      <c r="J68798" s="1" t="s">
        <v>229447</v>
      </c>
    </row>
    <row r="68799" spans="1:10" x14ac:dyDescent="0.35">
      <c r="A68799" s="1" t="s">
        <v>142835</v>
      </c>
      <c r="B68799" s="1" t="s">
        <v>222693</v>
      </c>
      <c r="C68799" s="1" t="s">
        <v>135</v>
      </c>
      <c r="D68799" s="1" t="s">
        <v>41570</v>
      </c>
      <c r="E68799" s="1" t="s">
        <v>229448</v>
      </c>
      <c r="F68799" s="1" t="s">
        <v>229449</v>
      </c>
      <c r="G68799" s="1" t="s">
        <v>229368</v>
      </c>
      <c r="H68799" s="1" t="s">
        <v>229369</v>
      </c>
      <c r="I68799" s="1" t="s">
        <v>222698</v>
      </c>
      <c r="J68799" s="1" t="s">
        <v>229450</v>
      </c>
    </row>
    <row r="68800" spans="1:10" x14ac:dyDescent="0.35">
      <c r="A68800" s="1" t="s">
        <v>142835</v>
      </c>
      <c r="B68800" s="1" t="s">
        <v>222693</v>
      </c>
      <c r="C68800" s="1" t="s">
        <v>140</v>
      </c>
      <c r="D68800" s="1" t="s">
        <v>69172</v>
      </c>
      <c r="E68800" s="1" t="s">
        <v>229451</v>
      </c>
      <c r="F68800" s="1" t="s">
        <v>229452</v>
      </c>
      <c r="G68800" s="1" t="s">
        <v>229368</v>
      </c>
      <c r="H68800" s="1" t="s">
        <v>229369</v>
      </c>
      <c r="I68800" s="1" t="s">
        <v>222698</v>
      </c>
      <c r="J68800" s="1" t="s">
        <v>229453</v>
      </c>
    </row>
    <row r="68801" spans="1:10" x14ac:dyDescent="0.35">
      <c r="A68801" s="1" t="s">
        <v>142835</v>
      </c>
      <c r="B68801" s="1" t="s">
        <v>222693</v>
      </c>
      <c r="C68801" s="1" t="s">
        <v>145</v>
      </c>
      <c r="D68801" s="1" t="s">
        <v>99850</v>
      </c>
      <c r="E68801" s="1" t="s">
        <v>229454</v>
      </c>
      <c r="F68801" s="1" t="s">
        <v>229455</v>
      </c>
      <c r="G68801" s="1" t="s">
        <v>229368</v>
      </c>
      <c r="H68801" s="1" t="s">
        <v>229369</v>
      </c>
      <c r="I68801" s="1" t="s">
        <v>222698</v>
      </c>
      <c r="J68801" s="1" t="s">
        <v>229456</v>
      </c>
    </row>
    <row r="68802" spans="1:10" x14ac:dyDescent="0.35">
      <c r="A68802" s="1" t="s">
        <v>142835</v>
      </c>
      <c r="B68802" s="1" t="s">
        <v>222693</v>
      </c>
      <c r="C68802" s="1" t="s">
        <v>150</v>
      </c>
      <c r="D68802" s="1" t="s">
        <v>229457</v>
      </c>
      <c r="E68802" s="1" t="s">
        <v>229458</v>
      </c>
      <c r="F68802" s="1" t="s">
        <v>229459</v>
      </c>
      <c r="G68802" s="1" t="s">
        <v>229368</v>
      </c>
      <c r="H68802" s="1" t="s">
        <v>229369</v>
      </c>
      <c r="I68802" s="1" t="s">
        <v>222698</v>
      </c>
      <c r="J68802" s="1" t="s">
        <v>229460</v>
      </c>
    </row>
    <row r="68803" spans="1:10" x14ac:dyDescent="0.35">
      <c r="A68803" s="1" t="s">
        <v>142835</v>
      </c>
      <c r="B68803" s="1" t="s">
        <v>222693</v>
      </c>
      <c r="C68803" s="1" t="s">
        <v>155</v>
      </c>
      <c r="D68803" s="1" t="s">
        <v>229461</v>
      </c>
      <c r="E68803" s="1" t="s">
        <v>229462</v>
      </c>
      <c r="F68803" s="1" t="s">
        <v>229463</v>
      </c>
      <c r="G68803" s="1" t="s">
        <v>229368</v>
      </c>
      <c r="H68803" s="1" t="s">
        <v>229369</v>
      </c>
      <c r="I68803" s="1" t="s">
        <v>222698</v>
      </c>
      <c r="J68803" s="1" t="s">
        <v>229464</v>
      </c>
    </row>
    <row r="68804" spans="1:10" x14ac:dyDescent="0.35">
      <c r="A68804" s="1" t="s">
        <v>142835</v>
      </c>
      <c r="B68804" s="1" t="s">
        <v>222693</v>
      </c>
      <c r="C68804" s="1" t="s">
        <v>160</v>
      </c>
      <c r="D68804" s="1" t="s">
        <v>229465</v>
      </c>
      <c r="E68804" s="1" t="s">
        <v>229466</v>
      </c>
      <c r="F68804" s="1" t="s">
        <v>229467</v>
      </c>
      <c r="G68804" s="1" t="s">
        <v>229368</v>
      </c>
      <c r="H68804" s="1" t="s">
        <v>229369</v>
      </c>
      <c r="I68804" s="1" t="s">
        <v>222698</v>
      </c>
      <c r="J68804" s="1" t="s">
        <v>229468</v>
      </c>
    </row>
    <row r="68805" spans="1:10" x14ac:dyDescent="0.35">
      <c r="A68805" s="1" t="s">
        <v>142835</v>
      </c>
      <c r="B68805" s="1" t="s">
        <v>222693</v>
      </c>
      <c r="C68805" s="1" t="s">
        <v>165</v>
      </c>
      <c r="D68805" s="1" t="s">
        <v>229469</v>
      </c>
      <c r="E68805" s="1" t="s">
        <v>229470</v>
      </c>
      <c r="F68805" s="1" t="s">
        <v>229471</v>
      </c>
      <c r="G68805" s="1" t="s">
        <v>229368</v>
      </c>
      <c r="H68805" s="1" t="s">
        <v>229369</v>
      </c>
      <c r="I68805" s="1" t="s">
        <v>222698</v>
      </c>
      <c r="J68805" s="1" t="s">
        <v>229472</v>
      </c>
    </row>
    <row r="68806" spans="1:10" x14ac:dyDescent="0.35">
      <c r="A68806" s="1" t="s">
        <v>142835</v>
      </c>
      <c r="B68806" s="1" t="s">
        <v>222693</v>
      </c>
      <c r="C68806" s="1" t="s">
        <v>170</v>
      </c>
      <c r="D68806" s="1" t="s">
        <v>162527</v>
      </c>
      <c r="E68806" s="1" t="s">
        <v>229473</v>
      </c>
      <c r="F68806" s="1" t="s">
        <v>229474</v>
      </c>
      <c r="G68806" s="1" t="s">
        <v>229368</v>
      </c>
      <c r="H68806" s="1" t="s">
        <v>229369</v>
      </c>
      <c r="I68806" s="1" t="s">
        <v>222698</v>
      </c>
      <c r="J68806" s="1" t="s">
        <v>229475</v>
      </c>
    </row>
    <row r="68807" spans="1:10" x14ac:dyDescent="0.35">
      <c r="A68807" s="1" t="s">
        <v>145635</v>
      </c>
      <c r="B68807" s="1" t="s">
        <v>222693</v>
      </c>
      <c r="C68807" s="1" t="s">
        <v>8</v>
      </c>
      <c r="D68807" s="1" t="s">
        <v>26874</v>
      </c>
      <c r="E68807" s="1" t="s">
        <v>229476</v>
      </c>
      <c r="F68807" s="1" t="s">
        <v>229477</v>
      </c>
      <c r="G68807" s="1" t="s">
        <v>229478</v>
      </c>
      <c r="H68807" s="1" t="s">
        <v>229479</v>
      </c>
      <c r="I68807" s="1" t="s">
        <v>222698</v>
      </c>
      <c r="J68807" s="1" t="s">
        <v>13</v>
      </c>
    </row>
    <row r="68808" spans="1:10" x14ac:dyDescent="0.35">
      <c r="A68808" s="1" t="s">
        <v>145635</v>
      </c>
      <c r="B68808" s="1" t="s">
        <v>222693</v>
      </c>
      <c r="C68808" s="1" t="s">
        <v>15</v>
      </c>
      <c r="D68808" s="1" t="s">
        <v>98487</v>
      </c>
      <c r="E68808" s="1" t="s">
        <v>229480</v>
      </c>
      <c r="F68808" s="1" t="s">
        <v>229481</v>
      </c>
      <c r="G68808" s="1" t="s">
        <v>229478</v>
      </c>
      <c r="H68808" s="1" t="s">
        <v>229479</v>
      </c>
      <c r="I68808" s="1" t="s">
        <v>222698</v>
      </c>
      <c r="J68808" s="1" t="s">
        <v>229482</v>
      </c>
    </row>
    <row r="68809" spans="1:10" x14ac:dyDescent="0.35">
      <c r="A68809" s="1" t="s">
        <v>145635</v>
      </c>
      <c r="B68809" s="1" t="s">
        <v>222693</v>
      </c>
      <c r="C68809" s="1" t="s">
        <v>20</v>
      </c>
      <c r="D68809" s="1" t="s">
        <v>95016</v>
      </c>
      <c r="E68809" s="1" t="s">
        <v>229483</v>
      </c>
      <c r="F68809" s="1" t="s">
        <v>229484</v>
      </c>
      <c r="G68809" s="1" t="s">
        <v>229478</v>
      </c>
      <c r="H68809" s="1" t="s">
        <v>229479</v>
      </c>
      <c r="I68809" s="1" t="s">
        <v>222698</v>
      </c>
      <c r="J68809" s="1" t="s">
        <v>229485</v>
      </c>
    </row>
    <row r="68810" spans="1:10" x14ac:dyDescent="0.35">
      <c r="A68810" s="1" t="s">
        <v>145635</v>
      </c>
      <c r="B68810" s="1" t="s">
        <v>222693</v>
      </c>
      <c r="C68810" s="1" t="s">
        <v>25</v>
      </c>
      <c r="D68810" s="1" t="s">
        <v>66776</v>
      </c>
      <c r="E68810" s="1" t="s">
        <v>229486</v>
      </c>
      <c r="F68810" s="1" t="s">
        <v>229487</v>
      </c>
      <c r="G68810" s="1" t="s">
        <v>229478</v>
      </c>
      <c r="H68810" s="1" t="s">
        <v>229479</v>
      </c>
      <c r="I68810" s="1" t="s">
        <v>222698</v>
      </c>
      <c r="J68810" s="1" t="s">
        <v>229488</v>
      </c>
    </row>
    <row r="68811" spans="1:10" x14ac:dyDescent="0.35">
      <c r="A68811" s="1" t="s">
        <v>145635</v>
      </c>
      <c r="B68811" s="1" t="s">
        <v>222693</v>
      </c>
      <c r="C68811" s="1" t="s">
        <v>30</v>
      </c>
      <c r="D68811" s="1" t="s">
        <v>199976</v>
      </c>
      <c r="E68811" s="1" t="s">
        <v>229489</v>
      </c>
      <c r="F68811" s="1" t="s">
        <v>229490</v>
      </c>
      <c r="G68811" s="1" t="s">
        <v>229478</v>
      </c>
      <c r="H68811" s="1" t="s">
        <v>229479</v>
      </c>
      <c r="I68811" s="1" t="s">
        <v>222698</v>
      </c>
      <c r="J68811" s="1" t="s">
        <v>229491</v>
      </c>
    </row>
    <row r="68812" spans="1:10" x14ac:dyDescent="0.35">
      <c r="A68812" s="1" t="s">
        <v>145635</v>
      </c>
      <c r="B68812" s="1" t="s">
        <v>222693</v>
      </c>
      <c r="C68812" s="1" t="s">
        <v>35</v>
      </c>
      <c r="D68812" s="1" t="s">
        <v>229492</v>
      </c>
      <c r="E68812" s="1" t="s">
        <v>229493</v>
      </c>
      <c r="F68812" s="1" t="s">
        <v>229494</v>
      </c>
      <c r="G68812" s="1" t="s">
        <v>229478</v>
      </c>
      <c r="H68812" s="1" t="s">
        <v>229479</v>
      </c>
      <c r="I68812" s="1" t="s">
        <v>222698</v>
      </c>
      <c r="J68812" s="1" t="s">
        <v>229495</v>
      </c>
    </row>
    <row r="68813" spans="1:10" x14ac:dyDescent="0.35">
      <c r="A68813" s="1" t="s">
        <v>145635</v>
      </c>
      <c r="B68813" s="1" t="s">
        <v>222693</v>
      </c>
      <c r="C68813" s="1" t="s">
        <v>40</v>
      </c>
      <c r="D68813" s="1" t="s">
        <v>229496</v>
      </c>
      <c r="E68813" s="1" t="s">
        <v>229497</v>
      </c>
      <c r="F68813" s="1" t="s">
        <v>229498</v>
      </c>
      <c r="G68813" s="1" t="s">
        <v>229478</v>
      </c>
      <c r="H68813" s="1" t="s">
        <v>229479</v>
      </c>
      <c r="I68813" s="1" t="s">
        <v>222698</v>
      </c>
      <c r="J68813" s="1" t="s">
        <v>229499</v>
      </c>
    </row>
    <row r="68814" spans="1:10" x14ac:dyDescent="0.35">
      <c r="A68814" s="1" t="s">
        <v>145635</v>
      </c>
      <c r="B68814" s="1" t="s">
        <v>222693</v>
      </c>
      <c r="C68814" s="1" t="s">
        <v>45</v>
      </c>
      <c r="D68814" s="1" t="s">
        <v>55431</v>
      </c>
      <c r="E68814" s="1" t="s">
        <v>229500</v>
      </c>
      <c r="F68814" s="1" t="s">
        <v>229501</v>
      </c>
      <c r="G68814" s="1" t="s">
        <v>229478</v>
      </c>
      <c r="H68814" s="1" t="s">
        <v>229479</v>
      </c>
      <c r="I68814" s="1" t="s">
        <v>222698</v>
      </c>
      <c r="J68814" s="1" t="s">
        <v>229502</v>
      </c>
    </row>
    <row r="68815" spans="1:10" x14ac:dyDescent="0.35">
      <c r="A68815" s="1" t="s">
        <v>145635</v>
      </c>
      <c r="B68815" s="1" t="s">
        <v>222693</v>
      </c>
      <c r="C68815" s="1" t="s">
        <v>50</v>
      </c>
      <c r="D68815" s="1" t="s">
        <v>229503</v>
      </c>
      <c r="E68815" s="1" t="s">
        <v>229504</v>
      </c>
      <c r="F68815" s="1" t="s">
        <v>229505</v>
      </c>
      <c r="G68815" s="1" t="s">
        <v>229478</v>
      </c>
      <c r="H68815" s="1" t="s">
        <v>229479</v>
      </c>
      <c r="I68815" s="1" t="s">
        <v>222698</v>
      </c>
      <c r="J68815" s="1" t="s">
        <v>229506</v>
      </c>
    </row>
    <row r="68816" spans="1:10" x14ac:dyDescent="0.35">
      <c r="A68816" s="1" t="s">
        <v>145635</v>
      </c>
      <c r="B68816" s="1" t="s">
        <v>222693</v>
      </c>
      <c r="C68816" s="1" t="s">
        <v>55</v>
      </c>
      <c r="D68816" s="1" t="s">
        <v>56628</v>
      </c>
      <c r="E68816" s="1" t="s">
        <v>229507</v>
      </c>
      <c r="F68816" s="1" t="s">
        <v>229508</v>
      </c>
      <c r="G68816" s="1" t="s">
        <v>229478</v>
      </c>
      <c r="H68816" s="1" t="s">
        <v>229479</v>
      </c>
      <c r="I68816" s="1" t="s">
        <v>222698</v>
      </c>
      <c r="J68816" s="1" t="s">
        <v>229509</v>
      </c>
    </row>
    <row r="68817" spans="1:10" x14ac:dyDescent="0.35">
      <c r="A68817" s="1" t="s">
        <v>145635</v>
      </c>
      <c r="B68817" s="1" t="s">
        <v>222693</v>
      </c>
      <c r="C68817" s="1" t="s">
        <v>60</v>
      </c>
      <c r="D68817" s="1" t="s">
        <v>229510</v>
      </c>
      <c r="E68817" s="1" t="s">
        <v>229511</v>
      </c>
      <c r="F68817" s="1" t="s">
        <v>229512</v>
      </c>
      <c r="G68817" s="1" t="s">
        <v>229478</v>
      </c>
      <c r="H68817" s="1" t="s">
        <v>229479</v>
      </c>
      <c r="I68817" s="1" t="s">
        <v>222698</v>
      </c>
      <c r="J68817" s="1" t="s">
        <v>229513</v>
      </c>
    </row>
    <row r="68818" spans="1:10" x14ac:dyDescent="0.35">
      <c r="A68818" s="1" t="s">
        <v>145635</v>
      </c>
      <c r="B68818" s="1" t="s">
        <v>222693</v>
      </c>
      <c r="C68818" s="1" t="s">
        <v>65</v>
      </c>
      <c r="D68818" s="1" t="s">
        <v>229514</v>
      </c>
      <c r="E68818" s="1" t="s">
        <v>229515</v>
      </c>
      <c r="F68818" s="1" t="s">
        <v>229516</v>
      </c>
      <c r="G68818" s="1" t="s">
        <v>229478</v>
      </c>
      <c r="H68818" s="1" t="s">
        <v>229479</v>
      </c>
      <c r="I68818" s="1" t="s">
        <v>222698</v>
      </c>
      <c r="J68818" s="1" t="s">
        <v>229517</v>
      </c>
    </row>
    <row r="68819" spans="1:10" x14ac:dyDescent="0.35">
      <c r="A68819" s="1" t="s">
        <v>145635</v>
      </c>
      <c r="B68819" s="1" t="s">
        <v>222693</v>
      </c>
      <c r="C68819" s="1" t="s">
        <v>70</v>
      </c>
      <c r="D68819" s="1" t="s">
        <v>229518</v>
      </c>
      <c r="E68819" s="1" t="s">
        <v>229519</v>
      </c>
      <c r="F68819" s="1" t="s">
        <v>229520</v>
      </c>
      <c r="G68819" s="1" t="s">
        <v>229478</v>
      </c>
      <c r="H68819" s="1" t="s">
        <v>229479</v>
      </c>
      <c r="I68819" s="1" t="s">
        <v>222698</v>
      </c>
      <c r="J68819" s="1" t="s">
        <v>229521</v>
      </c>
    </row>
    <row r="68820" spans="1:10" x14ac:dyDescent="0.35">
      <c r="A68820" s="1" t="s">
        <v>145635</v>
      </c>
      <c r="B68820" s="1" t="s">
        <v>222693</v>
      </c>
      <c r="C68820" s="1" t="s">
        <v>75</v>
      </c>
      <c r="D68820" s="1" t="s">
        <v>63031</v>
      </c>
      <c r="E68820" s="1" t="s">
        <v>229522</v>
      </c>
      <c r="F68820" s="1" t="s">
        <v>229523</v>
      </c>
      <c r="G68820" s="1" t="s">
        <v>229478</v>
      </c>
      <c r="H68820" s="1" t="s">
        <v>229479</v>
      </c>
      <c r="I68820" s="1" t="s">
        <v>222698</v>
      </c>
      <c r="J68820" s="1" t="s">
        <v>229524</v>
      </c>
    </row>
    <row r="68821" spans="1:10" x14ac:dyDescent="0.35">
      <c r="A68821" s="1" t="s">
        <v>145635</v>
      </c>
      <c r="B68821" s="1" t="s">
        <v>222693</v>
      </c>
      <c r="C68821" s="1" t="s">
        <v>80</v>
      </c>
      <c r="D68821" s="1" t="s">
        <v>229525</v>
      </c>
      <c r="E68821" s="1" t="s">
        <v>229526</v>
      </c>
      <c r="F68821" s="1" t="s">
        <v>229527</v>
      </c>
      <c r="G68821" s="1" t="s">
        <v>229478</v>
      </c>
      <c r="H68821" s="1" t="s">
        <v>229479</v>
      </c>
      <c r="I68821" s="1" t="s">
        <v>222698</v>
      </c>
      <c r="J68821" s="1" t="s">
        <v>229528</v>
      </c>
    </row>
    <row r="68822" spans="1:10" x14ac:dyDescent="0.35">
      <c r="A68822" s="1" t="s">
        <v>145635</v>
      </c>
      <c r="B68822" s="1" t="s">
        <v>222693</v>
      </c>
      <c r="C68822" s="1" t="s">
        <v>85</v>
      </c>
      <c r="D68822" s="1" t="s">
        <v>58653</v>
      </c>
      <c r="E68822" s="1" t="s">
        <v>229529</v>
      </c>
      <c r="F68822" s="1" t="s">
        <v>229530</v>
      </c>
      <c r="G68822" s="1" t="s">
        <v>229478</v>
      </c>
      <c r="H68822" s="1" t="s">
        <v>229479</v>
      </c>
      <c r="I68822" s="1" t="s">
        <v>222698</v>
      </c>
      <c r="J68822" s="1" t="s">
        <v>229531</v>
      </c>
    </row>
    <row r="68823" spans="1:10" x14ac:dyDescent="0.35">
      <c r="A68823" s="1" t="s">
        <v>145635</v>
      </c>
      <c r="B68823" s="1" t="s">
        <v>222693</v>
      </c>
      <c r="C68823" s="1" t="s">
        <v>90</v>
      </c>
      <c r="D68823" s="1" t="s">
        <v>229532</v>
      </c>
      <c r="E68823" s="1" t="s">
        <v>229533</v>
      </c>
      <c r="F68823" s="1" t="s">
        <v>229534</v>
      </c>
      <c r="G68823" s="1" t="s">
        <v>229478</v>
      </c>
      <c r="H68823" s="1" t="s">
        <v>229479</v>
      </c>
      <c r="I68823" s="1" t="s">
        <v>222698</v>
      </c>
      <c r="J68823" s="1" t="s">
        <v>229535</v>
      </c>
    </row>
    <row r="68824" spans="1:10" x14ac:dyDescent="0.35">
      <c r="A68824" s="1" t="s">
        <v>145635</v>
      </c>
      <c r="B68824" s="1" t="s">
        <v>222693</v>
      </c>
      <c r="C68824" s="1" t="s">
        <v>95</v>
      </c>
      <c r="D68824" s="1" t="s">
        <v>229536</v>
      </c>
      <c r="E68824" s="1" t="s">
        <v>229537</v>
      </c>
      <c r="F68824" s="1" t="s">
        <v>229538</v>
      </c>
      <c r="G68824" s="1" t="s">
        <v>229478</v>
      </c>
      <c r="H68824" s="1" t="s">
        <v>229479</v>
      </c>
      <c r="I68824" s="1" t="s">
        <v>222698</v>
      </c>
      <c r="J68824" s="1" t="s">
        <v>229539</v>
      </c>
    </row>
    <row r="68825" spans="1:10" x14ac:dyDescent="0.35">
      <c r="A68825" s="1" t="s">
        <v>145635</v>
      </c>
      <c r="B68825" s="1" t="s">
        <v>222693</v>
      </c>
      <c r="C68825" s="1" t="s">
        <v>100</v>
      </c>
      <c r="D68825" s="1" t="s">
        <v>229540</v>
      </c>
      <c r="E68825" s="1" t="s">
        <v>229541</v>
      </c>
      <c r="F68825" s="1" t="s">
        <v>229542</v>
      </c>
      <c r="G68825" s="1" t="s">
        <v>229478</v>
      </c>
      <c r="H68825" s="1" t="s">
        <v>229479</v>
      </c>
      <c r="I68825" s="1" t="s">
        <v>222698</v>
      </c>
      <c r="J68825" s="1" t="s">
        <v>229543</v>
      </c>
    </row>
    <row r="68826" spans="1:10" x14ac:dyDescent="0.35">
      <c r="A68826" s="1" t="s">
        <v>145635</v>
      </c>
      <c r="B68826" s="1" t="s">
        <v>222693</v>
      </c>
      <c r="C68826" s="1" t="s">
        <v>105</v>
      </c>
      <c r="D68826" s="1" t="s">
        <v>229544</v>
      </c>
      <c r="E68826" s="1" t="s">
        <v>229545</v>
      </c>
      <c r="F68826" s="1" t="s">
        <v>229546</v>
      </c>
      <c r="G68826" s="1" t="s">
        <v>229478</v>
      </c>
      <c r="H68826" s="1" t="s">
        <v>229479</v>
      </c>
      <c r="I68826" s="1" t="s">
        <v>222698</v>
      </c>
      <c r="J68826" s="1" t="s">
        <v>229547</v>
      </c>
    </row>
    <row r="68827" spans="1:10" x14ac:dyDescent="0.35">
      <c r="A68827" s="1" t="s">
        <v>145635</v>
      </c>
      <c r="B68827" s="1" t="s">
        <v>222693</v>
      </c>
      <c r="C68827" s="1" t="s">
        <v>110</v>
      </c>
      <c r="D68827" s="1" t="s">
        <v>41881</v>
      </c>
      <c r="E68827" s="1" t="s">
        <v>229548</v>
      </c>
      <c r="F68827" s="1" t="s">
        <v>229549</v>
      </c>
      <c r="G68827" s="1" t="s">
        <v>229478</v>
      </c>
      <c r="H68827" s="1" t="s">
        <v>229479</v>
      </c>
      <c r="I68827" s="1" t="s">
        <v>222698</v>
      </c>
      <c r="J68827" s="1" t="s">
        <v>229550</v>
      </c>
    </row>
    <row r="68828" spans="1:10" x14ac:dyDescent="0.35">
      <c r="A68828" s="1" t="s">
        <v>145635</v>
      </c>
      <c r="B68828" s="1" t="s">
        <v>222693</v>
      </c>
      <c r="C68828" s="1" t="s">
        <v>115</v>
      </c>
      <c r="D68828" s="1" t="s">
        <v>229551</v>
      </c>
      <c r="E68828" s="1" t="s">
        <v>229552</v>
      </c>
      <c r="F68828" s="1" t="s">
        <v>229553</v>
      </c>
      <c r="G68828" s="1" t="s">
        <v>229478</v>
      </c>
      <c r="H68828" s="1" t="s">
        <v>229479</v>
      </c>
      <c r="I68828" s="1" t="s">
        <v>222698</v>
      </c>
      <c r="J68828" s="1" t="s">
        <v>229554</v>
      </c>
    </row>
    <row r="68829" spans="1:10" x14ac:dyDescent="0.35">
      <c r="A68829" s="1" t="s">
        <v>145635</v>
      </c>
      <c r="B68829" s="1" t="s">
        <v>222693</v>
      </c>
      <c r="C68829" s="1" t="s">
        <v>120</v>
      </c>
      <c r="D68829" s="1" t="s">
        <v>165428</v>
      </c>
      <c r="E68829" s="1" t="s">
        <v>229555</v>
      </c>
      <c r="F68829" s="1" t="s">
        <v>229556</v>
      </c>
      <c r="G68829" s="1" t="s">
        <v>229478</v>
      </c>
      <c r="H68829" s="1" t="s">
        <v>229479</v>
      </c>
      <c r="I68829" s="1" t="s">
        <v>222698</v>
      </c>
      <c r="J68829" s="1" t="s">
        <v>229557</v>
      </c>
    </row>
    <row r="68830" spans="1:10" x14ac:dyDescent="0.35">
      <c r="A68830" s="1" t="s">
        <v>145635</v>
      </c>
      <c r="B68830" s="1" t="s">
        <v>222693</v>
      </c>
      <c r="C68830" s="1" t="s">
        <v>125</v>
      </c>
      <c r="D68830" s="1" t="s">
        <v>229558</v>
      </c>
      <c r="E68830" s="1" t="s">
        <v>229559</v>
      </c>
      <c r="F68830" s="1" t="s">
        <v>229560</v>
      </c>
      <c r="G68830" s="1" t="s">
        <v>229478</v>
      </c>
      <c r="H68830" s="1" t="s">
        <v>229479</v>
      </c>
      <c r="I68830" s="1" t="s">
        <v>222698</v>
      </c>
      <c r="J68830" s="1" t="s">
        <v>229561</v>
      </c>
    </row>
    <row r="68831" spans="1:10" x14ac:dyDescent="0.35">
      <c r="A68831" s="1" t="s">
        <v>145635</v>
      </c>
      <c r="B68831" s="1" t="s">
        <v>222693</v>
      </c>
      <c r="C68831" s="1" t="s">
        <v>130</v>
      </c>
      <c r="D68831" s="1" t="s">
        <v>132093</v>
      </c>
      <c r="E68831" s="1" t="s">
        <v>229562</v>
      </c>
      <c r="F68831" s="1" t="s">
        <v>229563</v>
      </c>
      <c r="G68831" s="1" t="s">
        <v>229478</v>
      </c>
      <c r="H68831" s="1" t="s">
        <v>229479</v>
      </c>
      <c r="I68831" s="1" t="s">
        <v>222698</v>
      </c>
      <c r="J68831" s="1" t="s">
        <v>229564</v>
      </c>
    </row>
    <row r="68832" spans="1:10" x14ac:dyDescent="0.35">
      <c r="A68832" s="1" t="s">
        <v>145635</v>
      </c>
      <c r="B68832" s="1" t="s">
        <v>222693</v>
      </c>
      <c r="C68832" s="1" t="s">
        <v>135</v>
      </c>
      <c r="D68832" s="1" t="s">
        <v>229565</v>
      </c>
      <c r="E68832" s="1" t="s">
        <v>229566</v>
      </c>
      <c r="F68832" s="1" t="s">
        <v>229567</v>
      </c>
      <c r="G68832" s="1" t="s">
        <v>229478</v>
      </c>
      <c r="H68832" s="1" t="s">
        <v>229479</v>
      </c>
      <c r="I68832" s="1" t="s">
        <v>222698</v>
      </c>
      <c r="J68832" s="1" t="s">
        <v>229568</v>
      </c>
    </row>
    <row r="68833" spans="1:10" x14ac:dyDescent="0.35">
      <c r="A68833" s="1" t="s">
        <v>145635</v>
      </c>
      <c r="B68833" s="1" t="s">
        <v>222693</v>
      </c>
      <c r="C68833" s="1" t="s">
        <v>140</v>
      </c>
      <c r="D68833" s="1" t="s">
        <v>229569</v>
      </c>
      <c r="E68833" s="1" t="s">
        <v>229570</v>
      </c>
      <c r="F68833" s="1" t="s">
        <v>229571</v>
      </c>
      <c r="G68833" s="1" t="s">
        <v>229478</v>
      </c>
      <c r="H68833" s="1" t="s">
        <v>229479</v>
      </c>
      <c r="I68833" s="1" t="s">
        <v>222698</v>
      </c>
      <c r="J68833" s="1" t="s">
        <v>229572</v>
      </c>
    </row>
    <row r="68834" spans="1:10" x14ac:dyDescent="0.35">
      <c r="A68834" s="1" t="s">
        <v>145635</v>
      </c>
      <c r="B68834" s="1" t="s">
        <v>222693</v>
      </c>
      <c r="C68834" s="1" t="s">
        <v>145</v>
      </c>
      <c r="D68834" s="1" t="s">
        <v>229573</v>
      </c>
      <c r="E68834" s="1" t="s">
        <v>229574</v>
      </c>
      <c r="F68834" s="1" t="s">
        <v>229575</v>
      </c>
      <c r="G68834" s="1" t="s">
        <v>229478</v>
      </c>
      <c r="H68834" s="1" t="s">
        <v>229479</v>
      </c>
      <c r="I68834" s="1" t="s">
        <v>222698</v>
      </c>
      <c r="J68834" s="1" t="s">
        <v>229576</v>
      </c>
    </row>
    <row r="68835" spans="1:10" x14ac:dyDescent="0.35">
      <c r="A68835" s="1" t="s">
        <v>145635</v>
      </c>
      <c r="B68835" s="1" t="s">
        <v>222693</v>
      </c>
      <c r="C68835" s="1" t="s">
        <v>150</v>
      </c>
      <c r="D68835" s="1" t="s">
        <v>228296</v>
      </c>
      <c r="E68835" s="1" t="s">
        <v>229577</v>
      </c>
      <c r="F68835" s="1" t="s">
        <v>229578</v>
      </c>
      <c r="G68835" s="1" t="s">
        <v>229478</v>
      </c>
      <c r="H68835" s="1" t="s">
        <v>229479</v>
      </c>
      <c r="I68835" s="1" t="s">
        <v>222698</v>
      </c>
      <c r="J68835" s="1" t="s">
        <v>229579</v>
      </c>
    </row>
    <row r="68836" spans="1:10" x14ac:dyDescent="0.35">
      <c r="A68836" s="1" t="s">
        <v>145635</v>
      </c>
      <c r="B68836" s="1" t="s">
        <v>222693</v>
      </c>
      <c r="C68836" s="1" t="s">
        <v>155</v>
      </c>
      <c r="D68836" s="1" t="s">
        <v>229580</v>
      </c>
      <c r="E68836" s="1" t="s">
        <v>229581</v>
      </c>
      <c r="F68836" s="1" t="s">
        <v>229582</v>
      </c>
      <c r="G68836" s="1" t="s">
        <v>229478</v>
      </c>
      <c r="H68836" s="1" t="s">
        <v>229479</v>
      </c>
      <c r="I68836" s="1" t="s">
        <v>222698</v>
      </c>
      <c r="J68836" s="1" t="s">
        <v>229583</v>
      </c>
    </row>
    <row r="68837" spans="1:10" x14ac:dyDescent="0.35">
      <c r="A68837" s="1" t="s">
        <v>145635</v>
      </c>
      <c r="B68837" s="1" t="s">
        <v>222693</v>
      </c>
      <c r="C68837" s="1" t="s">
        <v>160</v>
      </c>
      <c r="D68837" s="1" t="s">
        <v>229584</v>
      </c>
      <c r="E68837" s="1" t="s">
        <v>229585</v>
      </c>
      <c r="F68837" s="1" t="s">
        <v>229586</v>
      </c>
      <c r="G68837" s="1" t="s">
        <v>229478</v>
      </c>
      <c r="H68837" s="1" t="s">
        <v>229479</v>
      </c>
      <c r="I68837" s="1" t="s">
        <v>222698</v>
      </c>
      <c r="J68837" s="1" t="s">
        <v>229587</v>
      </c>
    </row>
    <row r="68838" spans="1:10" x14ac:dyDescent="0.35">
      <c r="A68838" s="1" t="s">
        <v>145635</v>
      </c>
      <c r="B68838" s="1" t="s">
        <v>222693</v>
      </c>
      <c r="C68838" s="1" t="s">
        <v>165</v>
      </c>
      <c r="D68838" s="1" t="s">
        <v>229588</v>
      </c>
      <c r="E68838" s="1" t="s">
        <v>229589</v>
      </c>
      <c r="F68838" s="1" t="s">
        <v>229590</v>
      </c>
      <c r="G68838" s="1" t="s">
        <v>229478</v>
      </c>
      <c r="H68838" s="1" t="s">
        <v>229479</v>
      </c>
      <c r="I68838" s="1" t="s">
        <v>222698</v>
      </c>
      <c r="J68838" s="1" t="s">
        <v>229591</v>
      </c>
    </row>
    <row r="68839" spans="1:10" x14ac:dyDescent="0.35">
      <c r="A68839" s="1" t="s">
        <v>145635</v>
      </c>
      <c r="B68839" s="1" t="s">
        <v>222693</v>
      </c>
      <c r="C68839" s="1" t="s">
        <v>170</v>
      </c>
      <c r="D68839" s="1" t="s">
        <v>229592</v>
      </c>
      <c r="E68839" s="1" t="s">
        <v>229593</v>
      </c>
      <c r="F68839" s="1" t="s">
        <v>229594</v>
      </c>
      <c r="G68839" s="1" t="s">
        <v>229478</v>
      </c>
      <c r="H68839" s="1" t="s">
        <v>229479</v>
      </c>
      <c r="I68839" s="1" t="s">
        <v>222698</v>
      </c>
      <c r="J68839" s="1" t="s">
        <v>229595</v>
      </c>
    </row>
    <row r="68840" spans="1:10" x14ac:dyDescent="0.35">
      <c r="A68840" s="1" t="s">
        <v>5079</v>
      </c>
      <c r="B68840" s="1" t="s">
        <v>222693</v>
      </c>
      <c r="C68840" s="1" t="s">
        <v>8</v>
      </c>
      <c r="D68840" s="1" t="s">
        <v>80395</v>
      </c>
      <c r="E68840" s="1" t="s">
        <v>229596</v>
      </c>
      <c r="F68840" s="1" t="s">
        <v>229597</v>
      </c>
      <c r="G68840" s="1" t="s">
        <v>229598</v>
      </c>
      <c r="H68840" s="1" t="s">
        <v>229599</v>
      </c>
      <c r="I68840" s="1" t="s">
        <v>222698</v>
      </c>
      <c r="J68840" s="1" t="s">
        <v>13</v>
      </c>
    </row>
    <row r="68841" spans="1:10" x14ac:dyDescent="0.35">
      <c r="A68841" s="1" t="s">
        <v>5079</v>
      </c>
      <c r="B68841" s="1" t="s">
        <v>222693</v>
      </c>
      <c r="C68841" s="1" t="s">
        <v>15</v>
      </c>
      <c r="D68841" s="1" t="s">
        <v>229600</v>
      </c>
      <c r="E68841" s="1" t="s">
        <v>229601</v>
      </c>
      <c r="F68841" s="1" t="s">
        <v>229602</v>
      </c>
      <c r="G68841" s="1" t="s">
        <v>229598</v>
      </c>
      <c r="H68841" s="1" t="s">
        <v>229599</v>
      </c>
      <c r="I68841" s="1" t="s">
        <v>222698</v>
      </c>
      <c r="J68841" s="1" t="s">
        <v>229603</v>
      </c>
    </row>
    <row r="68842" spans="1:10" x14ac:dyDescent="0.35">
      <c r="A68842" s="1" t="s">
        <v>5079</v>
      </c>
      <c r="B68842" s="1" t="s">
        <v>222693</v>
      </c>
      <c r="C68842" s="1" t="s">
        <v>20</v>
      </c>
      <c r="D68842" s="1" t="s">
        <v>229604</v>
      </c>
      <c r="E68842" s="1" t="s">
        <v>229605</v>
      </c>
      <c r="F68842" s="1" t="s">
        <v>229606</v>
      </c>
      <c r="G68842" s="1" t="s">
        <v>229598</v>
      </c>
      <c r="H68842" s="1" t="s">
        <v>229599</v>
      </c>
      <c r="I68842" s="1" t="s">
        <v>222698</v>
      </c>
      <c r="J68842" s="1" t="s">
        <v>229607</v>
      </c>
    </row>
    <row r="68843" spans="1:10" x14ac:dyDescent="0.35">
      <c r="A68843" s="1" t="s">
        <v>5079</v>
      </c>
      <c r="B68843" s="1" t="s">
        <v>222693</v>
      </c>
      <c r="C68843" s="1" t="s">
        <v>25</v>
      </c>
      <c r="D68843" s="1" t="s">
        <v>229608</v>
      </c>
      <c r="E68843" s="1" t="s">
        <v>229609</v>
      </c>
      <c r="F68843" s="1" t="s">
        <v>229610</v>
      </c>
      <c r="G68843" s="1" t="s">
        <v>229598</v>
      </c>
      <c r="H68843" s="1" t="s">
        <v>229599</v>
      </c>
      <c r="I68843" s="1" t="s">
        <v>222698</v>
      </c>
      <c r="J68843" s="1" t="s">
        <v>229611</v>
      </c>
    </row>
    <row r="68844" spans="1:10" x14ac:dyDescent="0.35">
      <c r="A68844" s="1" t="s">
        <v>5079</v>
      </c>
      <c r="B68844" s="1" t="s">
        <v>222693</v>
      </c>
      <c r="C68844" s="1" t="s">
        <v>30</v>
      </c>
      <c r="D68844" s="1" t="s">
        <v>229612</v>
      </c>
      <c r="E68844" s="1" t="s">
        <v>229613</v>
      </c>
      <c r="F68844" s="1" t="s">
        <v>229614</v>
      </c>
      <c r="G68844" s="1" t="s">
        <v>229598</v>
      </c>
      <c r="H68844" s="1" t="s">
        <v>229599</v>
      </c>
      <c r="I68844" s="1" t="s">
        <v>222698</v>
      </c>
      <c r="J68844" s="1" t="s">
        <v>229615</v>
      </c>
    </row>
    <row r="68845" spans="1:10" x14ac:dyDescent="0.35">
      <c r="A68845" s="1" t="s">
        <v>5079</v>
      </c>
      <c r="B68845" s="1" t="s">
        <v>222693</v>
      </c>
      <c r="C68845" s="1" t="s">
        <v>35</v>
      </c>
      <c r="D68845" s="1" t="s">
        <v>80447</v>
      </c>
      <c r="E68845" s="1" t="s">
        <v>229616</v>
      </c>
      <c r="F68845" s="1" t="s">
        <v>229617</v>
      </c>
      <c r="G68845" s="1" t="s">
        <v>229598</v>
      </c>
      <c r="H68845" s="1" t="s">
        <v>229599</v>
      </c>
      <c r="I68845" s="1" t="s">
        <v>222698</v>
      </c>
      <c r="J68845" s="1" t="s">
        <v>229618</v>
      </c>
    </row>
    <row r="68846" spans="1:10" x14ac:dyDescent="0.35">
      <c r="A68846" s="1" t="s">
        <v>5079</v>
      </c>
      <c r="B68846" s="1" t="s">
        <v>222693</v>
      </c>
      <c r="C68846" s="1" t="s">
        <v>40</v>
      </c>
      <c r="D68846" s="1" t="s">
        <v>139198</v>
      </c>
      <c r="E68846" s="1" t="s">
        <v>229619</v>
      </c>
      <c r="F68846" s="1" t="s">
        <v>229620</v>
      </c>
      <c r="G68846" s="1" t="s">
        <v>229598</v>
      </c>
      <c r="H68846" s="1" t="s">
        <v>229599</v>
      </c>
      <c r="I68846" s="1" t="s">
        <v>222698</v>
      </c>
      <c r="J68846" s="1" t="s">
        <v>229621</v>
      </c>
    </row>
    <row r="68847" spans="1:10" x14ac:dyDescent="0.35">
      <c r="A68847" s="1" t="s">
        <v>5079</v>
      </c>
      <c r="B68847" s="1" t="s">
        <v>222693</v>
      </c>
      <c r="C68847" s="1" t="s">
        <v>45</v>
      </c>
      <c r="D68847" s="1" t="s">
        <v>229622</v>
      </c>
      <c r="E68847" s="1" t="s">
        <v>229623</v>
      </c>
      <c r="F68847" s="1" t="s">
        <v>229624</v>
      </c>
      <c r="G68847" s="1" t="s">
        <v>229598</v>
      </c>
      <c r="H68847" s="1" t="s">
        <v>229599</v>
      </c>
      <c r="I68847" s="1" t="s">
        <v>222698</v>
      </c>
      <c r="J68847" s="1" t="s">
        <v>229625</v>
      </c>
    </row>
    <row r="68848" spans="1:10" x14ac:dyDescent="0.35">
      <c r="A68848" s="1" t="s">
        <v>5079</v>
      </c>
      <c r="B68848" s="1" t="s">
        <v>222693</v>
      </c>
      <c r="C68848" s="1" t="s">
        <v>50</v>
      </c>
      <c r="D68848" s="1" t="s">
        <v>80635</v>
      </c>
      <c r="E68848" s="1" t="s">
        <v>229626</v>
      </c>
      <c r="F68848" s="1" t="s">
        <v>229627</v>
      </c>
      <c r="G68848" s="1" t="s">
        <v>229598</v>
      </c>
      <c r="H68848" s="1" t="s">
        <v>229599</v>
      </c>
      <c r="I68848" s="1" t="s">
        <v>222698</v>
      </c>
      <c r="J68848" s="1" t="s">
        <v>229628</v>
      </c>
    </row>
    <row r="68849" spans="1:10" x14ac:dyDescent="0.35">
      <c r="A68849" s="1" t="s">
        <v>5079</v>
      </c>
      <c r="B68849" s="1" t="s">
        <v>222693</v>
      </c>
      <c r="C68849" s="1" t="s">
        <v>55</v>
      </c>
      <c r="D68849" s="1" t="s">
        <v>133482</v>
      </c>
      <c r="E68849" s="1" t="s">
        <v>229629</v>
      </c>
      <c r="F68849" s="1" t="s">
        <v>229630</v>
      </c>
      <c r="G68849" s="1" t="s">
        <v>229598</v>
      </c>
      <c r="H68849" s="1" t="s">
        <v>229599</v>
      </c>
      <c r="I68849" s="1" t="s">
        <v>222698</v>
      </c>
      <c r="J68849" s="1" t="s">
        <v>229631</v>
      </c>
    </row>
    <row r="68850" spans="1:10" x14ac:dyDescent="0.35">
      <c r="A68850" s="1" t="s">
        <v>5079</v>
      </c>
      <c r="B68850" s="1" t="s">
        <v>222693</v>
      </c>
      <c r="C68850" s="1" t="s">
        <v>60</v>
      </c>
      <c r="D68850" s="1" t="s">
        <v>57244</v>
      </c>
      <c r="E68850" s="1" t="s">
        <v>229632</v>
      </c>
      <c r="F68850" s="1" t="s">
        <v>229633</v>
      </c>
      <c r="G68850" s="1" t="s">
        <v>229598</v>
      </c>
      <c r="H68850" s="1" t="s">
        <v>229599</v>
      </c>
      <c r="I68850" s="1" t="s">
        <v>222698</v>
      </c>
      <c r="J68850" s="1" t="s">
        <v>196626</v>
      </c>
    </row>
    <row r="68851" spans="1:10" x14ac:dyDescent="0.35">
      <c r="A68851" s="1" t="s">
        <v>5079</v>
      </c>
      <c r="B68851" s="1" t="s">
        <v>222693</v>
      </c>
      <c r="C68851" s="1" t="s">
        <v>65</v>
      </c>
      <c r="D68851" s="1" t="s">
        <v>229634</v>
      </c>
      <c r="E68851" s="1" t="s">
        <v>229635</v>
      </c>
      <c r="F68851" s="1" t="s">
        <v>229636</v>
      </c>
      <c r="G68851" s="1" t="s">
        <v>229598</v>
      </c>
      <c r="H68851" s="1" t="s">
        <v>229599</v>
      </c>
      <c r="I68851" s="1" t="s">
        <v>222698</v>
      </c>
      <c r="J68851" s="1" t="s">
        <v>229637</v>
      </c>
    </row>
    <row r="68852" spans="1:10" x14ac:dyDescent="0.35">
      <c r="A68852" s="1" t="s">
        <v>5079</v>
      </c>
      <c r="B68852" s="1" t="s">
        <v>222693</v>
      </c>
      <c r="C68852" s="1" t="s">
        <v>70</v>
      </c>
      <c r="D68852" s="1" t="s">
        <v>229638</v>
      </c>
      <c r="E68852" s="1" t="s">
        <v>229639</v>
      </c>
      <c r="F68852" s="1" t="s">
        <v>229640</v>
      </c>
      <c r="G68852" s="1" t="s">
        <v>229598</v>
      </c>
      <c r="H68852" s="1" t="s">
        <v>229599</v>
      </c>
      <c r="I68852" s="1" t="s">
        <v>222698</v>
      </c>
      <c r="J68852" s="1" t="s">
        <v>229641</v>
      </c>
    </row>
    <row r="68853" spans="1:10" x14ac:dyDescent="0.35">
      <c r="A68853" s="1" t="s">
        <v>5079</v>
      </c>
      <c r="B68853" s="1" t="s">
        <v>222693</v>
      </c>
      <c r="C68853" s="1" t="s">
        <v>75</v>
      </c>
      <c r="D68853" s="1" t="s">
        <v>137258</v>
      </c>
      <c r="E68853" s="1" t="s">
        <v>229642</v>
      </c>
      <c r="F68853" s="1" t="s">
        <v>229643</v>
      </c>
      <c r="G68853" s="1" t="s">
        <v>229598</v>
      </c>
      <c r="H68853" s="1" t="s">
        <v>229599</v>
      </c>
      <c r="I68853" s="1" t="s">
        <v>222698</v>
      </c>
      <c r="J68853" s="1" t="s">
        <v>229644</v>
      </c>
    </row>
    <row r="68854" spans="1:10" x14ac:dyDescent="0.35">
      <c r="A68854" s="1" t="s">
        <v>5079</v>
      </c>
      <c r="B68854" s="1" t="s">
        <v>222693</v>
      </c>
      <c r="C68854" s="1" t="s">
        <v>80</v>
      </c>
      <c r="D68854" s="1" t="s">
        <v>91743</v>
      </c>
      <c r="E68854" s="1" t="s">
        <v>229645</v>
      </c>
      <c r="F68854" s="1" t="s">
        <v>229646</v>
      </c>
      <c r="G68854" s="1" t="s">
        <v>229598</v>
      </c>
      <c r="H68854" s="1" t="s">
        <v>229599</v>
      </c>
      <c r="I68854" s="1" t="s">
        <v>222698</v>
      </c>
      <c r="J68854" s="1" t="s">
        <v>229647</v>
      </c>
    </row>
    <row r="68855" spans="1:10" x14ac:dyDescent="0.35">
      <c r="A68855" s="1" t="s">
        <v>5079</v>
      </c>
      <c r="B68855" s="1" t="s">
        <v>222693</v>
      </c>
      <c r="C68855" s="1" t="s">
        <v>85</v>
      </c>
      <c r="D68855" s="1" t="s">
        <v>82003</v>
      </c>
      <c r="E68855" s="1" t="s">
        <v>229648</v>
      </c>
      <c r="F68855" s="1" t="s">
        <v>229649</v>
      </c>
      <c r="G68855" s="1" t="s">
        <v>229598</v>
      </c>
      <c r="H68855" s="1" t="s">
        <v>229599</v>
      </c>
      <c r="I68855" s="1" t="s">
        <v>222698</v>
      </c>
      <c r="J68855" s="1" t="s">
        <v>229650</v>
      </c>
    </row>
    <row r="68856" spans="1:10" x14ac:dyDescent="0.35">
      <c r="A68856" s="1" t="s">
        <v>5079</v>
      </c>
      <c r="B68856" s="1" t="s">
        <v>222693</v>
      </c>
      <c r="C68856" s="1" t="s">
        <v>90</v>
      </c>
      <c r="D68856" s="1" t="s">
        <v>229651</v>
      </c>
      <c r="E68856" s="1" t="s">
        <v>229652</v>
      </c>
      <c r="F68856" s="1" t="s">
        <v>229653</v>
      </c>
      <c r="G68856" s="1" t="s">
        <v>229598</v>
      </c>
      <c r="H68856" s="1" t="s">
        <v>229599</v>
      </c>
      <c r="I68856" s="1" t="s">
        <v>222698</v>
      </c>
      <c r="J68856" s="1" t="s">
        <v>229654</v>
      </c>
    </row>
    <row r="68857" spans="1:10" x14ac:dyDescent="0.35">
      <c r="A68857" s="1" t="s">
        <v>5079</v>
      </c>
      <c r="B68857" s="1" t="s">
        <v>222693</v>
      </c>
      <c r="C68857" s="1" t="s">
        <v>95</v>
      </c>
      <c r="D68857" s="1" t="s">
        <v>229655</v>
      </c>
      <c r="E68857" s="1" t="s">
        <v>229656</v>
      </c>
      <c r="F68857" s="1" t="s">
        <v>229657</v>
      </c>
      <c r="G68857" s="1" t="s">
        <v>229598</v>
      </c>
      <c r="H68857" s="1" t="s">
        <v>229599</v>
      </c>
      <c r="I68857" s="1" t="s">
        <v>222698</v>
      </c>
      <c r="J68857" s="1" t="s">
        <v>229658</v>
      </c>
    </row>
    <row r="68858" spans="1:10" x14ac:dyDescent="0.35">
      <c r="A68858" s="1" t="s">
        <v>5079</v>
      </c>
      <c r="B68858" s="1" t="s">
        <v>222693</v>
      </c>
      <c r="C68858" s="1" t="s">
        <v>100</v>
      </c>
      <c r="D68858" s="1" t="s">
        <v>229659</v>
      </c>
      <c r="E68858" s="1" t="s">
        <v>229660</v>
      </c>
      <c r="F68858" s="1" t="s">
        <v>229661</v>
      </c>
      <c r="G68858" s="1" t="s">
        <v>229598</v>
      </c>
      <c r="H68858" s="1" t="s">
        <v>229599</v>
      </c>
      <c r="I68858" s="1" t="s">
        <v>222698</v>
      </c>
      <c r="J68858" s="1" t="s">
        <v>229662</v>
      </c>
    </row>
    <row r="68859" spans="1:10" x14ac:dyDescent="0.35">
      <c r="A68859" s="1" t="s">
        <v>5079</v>
      </c>
      <c r="B68859" s="1" t="s">
        <v>222693</v>
      </c>
      <c r="C68859" s="1" t="s">
        <v>105</v>
      </c>
      <c r="D68859" s="1" t="s">
        <v>61570</v>
      </c>
      <c r="E68859" s="1" t="s">
        <v>229663</v>
      </c>
      <c r="F68859" s="1" t="s">
        <v>229664</v>
      </c>
      <c r="G68859" s="1" t="s">
        <v>229598</v>
      </c>
      <c r="H68859" s="1" t="s">
        <v>229599</v>
      </c>
      <c r="I68859" s="1" t="s">
        <v>222698</v>
      </c>
      <c r="J68859" s="1" t="s">
        <v>229665</v>
      </c>
    </row>
    <row r="68860" spans="1:10" x14ac:dyDescent="0.35">
      <c r="A68860" s="1" t="s">
        <v>5079</v>
      </c>
      <c r="B68860" s="1" t="s">
        <v>222693</v>
      </c>
      <c r="C68860" s="1" t="s">
        <v>110</v>
      </c>
      <c r="D68860" s="1" t="s">
        <v>227831</v>
      </c>
      <c r="E68860" s="1" t="s">
        <v>229666</v>
      </c>
      <c r="F68860" s="1" t="s">
        <v>229667</v>
      </c>
      <c r="G68860" s="1" t="s">
        <v>229598</v>
      </c>
      <c r="H68860" s="1" t="s">
        <v>229599</v>
      </c>
      <c r="I68860" s="1" t="s">
        <v>222698</v>
      </c>
      <c r="J68860" s="1" t="s">
        <v>229668</v>
      </c>
    </row>
    <row r="68861" spans="1:10" x14ac:dyDescent="0.35">
      <c r="A68861" s="1" t="s">
        <v>5079</v>
      </c>
      <c r="B68861" s="1" t="s">
        <v>222693</v>
      </c>
      <c r="C68861" s="1" t="s">
        <v>115</v>
      </c>
      <c r="D68861" s="1" t="s">
        <v>229669</v>
      </c>
      <c r="E68861" s="1" t="s">
        <v>229670</v>
      </c>
      <c r="F68861" s="1" t="s">
        <v>229671</v>
      </c>
      <c r="G68861" s="1" t="s">
        <v>229598</v>
      </c>
      <c r="H68861" s="1" t="s">
        <v>229599</v>
      </c>
      <c r="I68861" s="1" t="s">
        <v>222698</v>
      </c>
      <c r="J68861" s="1" t="s">
        <v>229672</v>
      </c>
    </row>
    <row r="68862" spans="1:10" x14ac:dyDescent="0.35">
      <c r="A68862" s="1" t="s">
        <v>5079</v>
      </c>
      <c r="B68862" s="1" t="s">
        <v>222693</v>
      </c>
      <c r="C68862" s="1" t="s">
        <v>120</v>
      </c>
      <c r="D68862" s="1" t="s">
        <v>229673</v>
      </c>
      <c r="E68862" s="1" t="s">
        <v>229674</v>
      </c>
      <c r="F68862" s="1" t="s">
        <v>229675</v>
      </c>
      <c r="G68862" s="1" t="s">
        <v>229598</v>
      </c>
      <c r="H68862" s="1" t="s">
        <v>229599</v>
      </c>
      <c r="I68862" s="1" t="s">
        <v>222698</v>
      </c>
      <c r="J68862" s="1" t="s">
        <v>229676</v>
      </c>
    </row>
    <row r="68863" spans="1:10" x14ac:dyDescent="0.35">
      <c r="A68863" s="1" t="s">
        <v>5079</v>
      </c>
      <c r="B68863" s="1" t="s">
        <v>222693</v>
      </c>
      <c r="C68863" s="1" t="s">
        <v>125</v>
      </c>
      <c r="D68863" s="1" t="s">
        <v>137786</v>
      </c>
      <c r="E68863" s="1" t="s">
        <v>229677</v>
      </c>
      <c r="F68863" s="1" t="s">
        <v>229678</v>
      </c>
      <c r="G68863" s="1" t="s">
        <v>229598</v>
      </c>
      <c r="H68863" s="1" t="s">
        <v>229599</v>
      </c>
      <c r="I68863" s="1" t="s">
        <v>222698</v>
      </c>
      <c r="J68863" s="1" t="s">
        <v>229679</v>
      </c>
    </row>
    <row r="68864" spans="1:10" x14ac:dyDescent="0.35">
      <c r="A68864" s="1" t="s">
        <v>5079</v>
      </c>
      <c r="B68864" s="1" t="s">
        <v>222693</v>
      </c>
      <c r="C68864" s="1" t="s">
        <v>130</v>
      </c>
      <c r="D68864" s="1" t="s">
        <v>7464</v>
      </c>
      <c r="E68864" s="1" t="s">
        <v>229680</v>
      </c>
      <c r="F68864" s="1" t="s">
        <v>229681</v>
      </c>
      <c r="G68864" s="1" t="s">
        <v>229598</v>
      </c>
      <c r="H68864" s="1" t="s">
        <v>229599</v>
      </c>
      <c r="I68864" s="1" t="s">
        <v>222698</v>
      </c>
      <c r="J68864" s="1" t="s">
        <v>229682</v>
      </c>
    </row>
    <row r="68865" spans="1:10" x14ac:dyDescent="0.35">
      <c r="A68865" s="1" t="s">
        <v>5079</v>
      </c>
      <c r="B68865" s="1" t="s">
        <v>222693</v>
      </c>
      <c r="C68865" s="1" t="s">
        <v>135</v>
      </c>
      <c r="D68865" s="1" t="s">
        <v>229683</v>
      </c>
      <c r="E68865" s="1" t="s">
        <v>229684</v>
      </c>
      <c r="F68865" s="1" t="s">
        <v>229685</v>
      </c>
      <c r="G68865" s="1" t="s">
        <v>229598</v>
      </c>
      <c r="H68865" s="1" t="s">
        <v>229599</v>
      </c>
      <c r="I68865" s="1" t="s">
        <v>222698</v>
      </c>
      <c r="J68865" s="1" t="s">
        <v>229686</v>
      </c>
    </row>
    <row r="68866" spans="1:10" x14ac:dyDescent="0.35">
      <c r="A68866" s="1" t="s">
        <v>5079</v>
      </c>
      <c r="B68866" s="1" t="s">
        <v>222693</v>
      </c>
      <c r="C68866" s="1" t="s">
        <v>140</v>
      </c>
      <c r="D68866" s="1" t="s">
        <v>56736</v>
      </c>
      <c r="E68866" s="1" t="s">
        <v>229687</v>
      </c>
      <c r="F68866" s="1" t="s">
        <v>229688</v>
      </c>
      <c r="G68866" s="1" t="s">
        <v>229598</v>
      </c>
      <c r="H68866" s="1" t="s">
        <v>229599</v>
      </c>
      <c r="I68866" s="1" t="s">
        <v>222698</v>
      </c>
      <c r="J68866" s="1" t="s">
        <v>229689</v>
      </c>
    </row>
    <row r="68867" spans="1:10" x14ac:dyDescent="0.35">
      <c r="A68867" s="1" t="s">
        <v>5079</v>
      </c>
      <c r="B68867" s="1" t="s">
        <v>222693</v>
      </c>
      <c r="C68867" s="1" t="s">
        <v>145</v>
      </c>
      <c r="D68867" s="1" t="s">
        <v>64560</v>
      </c>
      <c r="E68867" s="1" t="s">
        <v>229690</v>
      </c>
      <c r="F68867" s="1" t="s">
        <v>229691</v>
      </c>
      <c r="G68867" s="1" t="s">
        <v>229598</v>
      </c>
      <c r="H68867" s="1" t="s">
        <v>229599</v>
      </c>
      <c r="I68867" s="1" t="s">
        <v>222698</v>
      </c>
      <c r="J68867" s="1" t="s">
        <v>229692</v>
      </c>
    </row>
    <row r="68868" spans="1:10" x14ac:dyDescent="0.35">
      <c r="A68868" s="1" t="s">
        <v>5079</v>
      </c>
      <c r="B68868" s="1" t="s">
        <v>222693</v>
      </c>
      <c r="C68868" s="1" t="s">
        <v>150</v>
      </c>
      <c r="D68868" s="1" t="s">
        <v>229693</v>
      </c>
      <c r="E68868" s="1" t="s">
        <v>229694</v>
      </c>
      <c r="F68868" s="1" t="s">
        <v>229695</v>
      </c>
      <c r="G68868" s="1" t="s">
        <v>229598</v>
      </c>
      <c r="H68868" s="1" t="s">
        <v>229599</v>
      </c>
      <c r="I68868" s="1" t="s">
        <v>222698</v>
      </c>
      <c r="J68868" s="1" t="s">
        <v>229696</v>
      </c>
    </row>
    <row r="68869" spans="1:10" x14ac:dyDescent="0.35">
      <c r="A68869" s="1" t="s">
        <v>5079</v>
      </c>
      <c r="B68869" s="1" t="s">
        <v>222693</v>
      </c>
      <c r="C68869" s="1" t="s">
        <v>155</v>
      </c>
      <c r="D68869" s="1" t="s">
        <v>229697</v>
      </c>
      <c r="E68869" s="1" t="s">
        <v>229698</v>
      </c>
      <c r="F68869" s="1" t="s">
        <v>229699</v>
      </c>
      <c r="G68869" s="1" t="s">
        <v>229598</v>
      </c>
      <c r="H68869" s="1" t="s">
        <v>229599</v>
      </c>
      <c r="I68869" s="1" t="s">
        <v>222698</v>
      </c>
      <c r="J68869" s="1" t="s">
        <v>229700</v>
      </c>
    </row>
    <row r="68870" spans="1:10" x14ac:dyDescent="0.35">
      <c r="A68870" s="1" t="s">
        <v>5079</v>
      </c>
      <c r="B68870" s="1" t="s">
        <v>222693</v>
      </c>
      <c r="C68870" s="1" t="s">
        <v>160</v>
      </c>
      <c r="D68870" s="1" t="s">
        <v>26950</v>
      </c>
      <c r="E68870" s="1" t="s">
        <v>229701</v>
      </c>
      <c r="F68870" s="1" t="s">
        <v>229702</v>
      </c>
      <c r="G68870" s="1" t="s">
        <v>229598</v>
      </c>
      <c r="H68870" s="1" t="s">
        <v>229599</v>
      </c>
      <c r="I68870" s="1" t="s">
        <v>222698</v>
      </c>
      <c r="J68870" s="1" t="s">
        <v>229703</v>
      </c>
    </row>
    <row r="68871" spans="1:10" x14ac:dyDescent="0.35">
      <c r="A68871" s="1" t="s">
        <v>5079</v>
      </c>
      <c r="B68871" s="1" t="s">
        <v>222693</v>
      </c>
      <c r="C68871" s="1" t="s">
        <v>165</v>
      </c>
      <c r="D68871" s="1" t="s">
        <v>229704</v>
      </c>
      <c r="E68871" s="1" t="s">
        <v>229705</v>
      </c>
      <c r="F68871" s="1" t="s">
        <v>229706</v>
      </c>
      <c r="G68871" s="1" t="s">
        <v>229598</v>
      </c>
      <c r="H68871" s="1" t="s">
        <v>229599</v>
      </c>
      <c r="I68871" s="1" t="s">
        <v>222698</v>
      </c>
      <c r="J68871" s="1" t="s">
        <v>229707</v>
      </c>
    </row>
    <row r="68872" spans="1:10" x14ac:dyDescent="0.35">
      <c r="A68872" s="1" t="s">
        <v>5079</v>
      </c>
      <c r="B68872" s="1" t="s">
        <v>222693</v>
      </c>
      <c r="C68872" s="1" t="s">
        <v>170</v>
      </c>
      <c r="D68872" s="1" t="s">
        <v>70168</v>
      </c>
      <c r="E68872" s="1" t="s">
        <v>229708</v>
      </c>
      <c r="F68872" s="1" t="s">
        <v>159075</v>
      </c>
      <c r="G68872" s="1" t="s">
        <v>229598</v>
      </c>
      <c r="H68872" s="1" t="s">
        <v>229599</v>
      </c>
      <c r="I68872" s="1" t="s">
        <v>222698</v>
      </c>
      <c r="J68872" s="1" t="s">
        <v>229709</v>
      </c>
    </row>
    <row r="68873" spans="1:10" x14ac:dyDescent="0.35">
      <c r="A68873" s="1" t="s">
        <v>44048</v>
      </c>
      <c r="B68873" s="1" t="s">
        <v>222693</v>
      </c>
      <c r="C68873" s="1" t="s">
        <v>8</v>
      </c>
      <c r="D68873" s="1" t="s">
        <v>99676</v>
      </c>
      <c r="E68873" s="1" t="s">
        <v>229710</v>
      </c>
      <c r="F68873" s="1" t="s">
        <v>229711</v>
      </c>
      <c r="G68873" s="1" t="s">
        <v>229712</v>
      </c>
      <c r="H68873" s="1" t="s">
        <v>229713</v>
      </c>
      <c r="I68873" s="1" t="s">
        <v>222698</v>
      </c>
      <c r="J68873" s="1" t="s">
        <v>13</v>
      </c>
    </row>
    <row r="68874" spans="1:10" x14ac:dyDescent="0.35">
      <c r="A68874" s="1" t="s">
        <v>44048</v>
      </c>
      <c r="B68874" s="1" t="s">
        <v>222693</v>
      </c>
      <c r="C68874" s="1" t="s">
        <v>15</v>
      </c>
      <c r="D68874" s="1" t="s">
        <v>229714</v>
      </c>
      <c r="E68874" s="1" t="s">
        <v>229715</v>
      </c>
      <c r="F68874" s="1" t="s">
        <v>229716</v>
      </c>
      <c r="G68874" s="1" t="s">
        <v>229712</v>
      </c>
      <c r="H68874" s="1" t="s">
        <v>229713</v>
      </c>
      <c r="I68874" s="1" t="s">
        <v>222698</v>
      </c>
      <c r="J68874" s="1" t="s">
        <v>229717</v>
      </c>
    </row>
    <row r="68875" spans="1:10" x14ac:dyDescent="0.35">
      <c r="A68875" s="1" t="s">
        <v>44048</v>
      </c>
      <c r="B68875" s="1" t="s">
        <v>222693</v>
      </c>
      <c r="C68875" s="1" t="s">
        <v>20</v>
      </c>
      <c r="D68875" s="1" t="s">
        <v>84677</v>
      </c>
      <c r="E68875" s="1" t="s">
        <v>229718</v>
      </c>
      <c r="F68875" s="1" t="s">
        <v>229719</v>
      </c>
      <c r="G68875" s="1" t="s">
        <v>229712</v>
      </c>
      <c r="H68875" s="1" t="s">
        <v>229713</v>
      </c>
      <c r="I68875" s="1" t="s">
        <v>222698</v>
      </c>
      <c r="J68875" s="1" t="s">
        <v>229720</v>
      </c>
    </row>
    <row r="68876" spans="1:10" x14ac:dyDescent="0.35">
      <c r="A68876" s="1" t="s">
        <v>44048</v>
      </c>
      <c r="B68876" s="1" t="s">
        <v>222693</v>
      </c>
      <c r="C68876" s="1" t="s">
        <v>25</v>
      </c>
      <c r="D68876" s="1" t="s">
        <v>229721</v>
      </c>
      <c r="E68876" s="1" t="s">
        <v>229722</v>
      </c>
      <c r="F68876" s="1" t="s">
        <v>229723</v>
      </c>
      <c r="G68876" s="1" t="s">
        <v>229712</v>
      </c>
      <c r="H68876" s="1" t="s">
        <v>229713</v>
      </c>
      <c r="I68876" s="1" t="s">
        <v>222698</v>
      </c>
      <c r="J68876" s="1" t="s">
        <v>229724</v>
      </c>
    </row>
    <row r="68877" spans="1:10" x14ac:dyDescent="0.35">
      <c r="A68877" s="1" t="s">
        <v>44048</v>
      </c>
      <c r="B68877" s="1" t="s">
        <v>222693</v>
      </c>
      <c r="C68877" s="1" t="s">
        <v>30</v>
      </c>
      <c r="D68877" s="1" t="s">
        <v>150393</v>
      </c>
      <c r="E68877" s="1" t="s">
        <v>229725</v>
      </c>
      <c r="F68877" s="1" t="s">
        <v>229726</v>
      </c>
      <c r="G68877" s="1" t="s">
        <v>229712</v>
      </c>
      <c r="H68877" s="1" t="s">
        <v>229713</v>
      </c>
      <c r="I68877" s="1" t="s">
        <v>222698</v>
      </c>
      <c r="J68877" s="1" t="s">
        <v>229727</v>
      </c>
    </row>
    <row r="68878" spans="1:10" x14ac:dyDescent="0.35">
      <c r="A68878" s="1" t="s">
        <v>44048</v>
      </c>
      <c r="B68878" s="1" t="s">
        <v>222693</v>
      </c>
      <c r="C68878" s="1" t="s">
        <v>35</v>
      </c>
      <c r="D68878" s="1" t="s">
        <v>39373</v>
      </c>
      <c r="E68878" s="1" t="s">
        <v>229728</v>
      </c>
      <c r="F68878" s="1" t="s">
        <v>229729</v>
      </c>
      <c r="G68878" s="1" t="s">
        <v>229712</v>
      </c>
      <c r="H68878" s="1" t="s">
        <v>229713</v>
      </c>
      <c r="I68878" s="1" t="s">
        <v>222698</v>
      </c>
      <c r="J68878" s="1" t="s">
        <v>229730</v>
      </c>
    </row>
    <row r="68879" spans="1:10" x14ac:dyDescent="0.35">
      <c r="A68879" s="1" t="s">
        <v>44048</v>
      </c>
      <c r="B68879" s="1" t="s">
        <v>222693</v>
      </c>
      <c r="C68879" s="1" t="s">
        <v>40</v>
      </c>
      <c r="D68879" s="1" t="s">
        <v>42320</v>
      </c>
      <c r="E68879" s="1" t="s">
        <v>229731</v>
      </c>
      <c r="F68879" s="1" t="s">
        <v>229732</v>
      </c>
      <c r="G68879" s="1" t="s">
        <v>229712</v>
      </c>
      <c r="H68879" s="1" t="s">
        <v>229713</v>
      </c>
      <c r="I68879" s="1" t="s">
        <v>222698</v>
      </c>
      <c r="J68879" s="1" t="s">
        <v>229733</v>
      </c>
    </row>
    <row r="68880" spans="1:10" x14ac:dyDescent="0.35">
      <c r="A68880" s="1" t="s">
        <v>44048</v>
      </c>
      <c r="B68880" s="1" t="s">
        <v>222693</v>
      </c>
      <c r="C68880" s="1" t="s">
        <v>45</v>
      </c>
      <c r="D68880" s="1" t="s">
        <v>229734</v>
      </c>
      <c r="E68880" s="1" t="s">
        <v>229735</v>
      </c>
      <c r="F68880" s="1" t="s">
        <v>229736</v>
      </c>
      <c r="G68880" s="1" t="s">
        <v>229712</v>
      </c>
      <c r="H68880" s="1" t="s">
        <v>229713</v>
      </c>
      <c r="I68880" s="1" t="s">
        <v>222698</v>
      </c>
      <c r="J68880" s="1" t="s">
        <v>229737</v>
      </c>
    </row>
    <row r="68881" spans="1:10" x14ac:dyDescent="0.35">
      <c r="A68881" s="1" t="s">
        <v>44048</v>
      </c>
      <c r="B68881" s="1" t="s">
        <v>222693</v>
      </c>
      <c r="C68881" s="1" t="s">
        <v>50</v>
      </c>
      <c r="D68881" s="1" t="s">
        <v>229738</v>
      </c>
      <c r="E68881" s="1" t="s">
        <v>229739</v>
      </c>
      <c r="F68881" s="1" t="s">
        <v>229740</v>
      </c>
      <c r="G68881" s="1" t="s">
        <v>229712</v>
      </c>
      <c r="H68881" s="1" t="s">
        <v>229713</v>
      </c>
      <c r="I68881" s="1" t="s">
        <v>222698</v>
      </c>
      <c r="J68881" s="1" t="s">
        <v>229741</v>
      </c>
    </row>
    <row r="68882" spans="1:10" x14ac:dyDescent="0.35">
      <c r="A68882" s="1" t="s">
        <v>44048</v>
      </c>
      <c r="B68882" s="1" t="s">
        <v>222693</v>
      </c>
      <c r="C68882" s="1" t="s">
        <v>55</v>
      </c>
      <c r="D68882" s="1" t="s">
        <v>199894</v>
      </c>
      <c r="E68882" s="1" t="s">
        <v>229742</v>
      </c>
      <c r="F68882" s="1" t="s">
        <v>229743</v>
      </c>
      <c r="G68882" s="1" t="s">
        <v>229712</v>
      </c>
      <c r="H68882" s="1" t="s">
        <v>229713</v>
      </c>
      <c r="I68882" s="1" t="s">
        <v>222698</v>
      </c>
      <c r="J68882" s="1" t="s">
        <v>229744</v>
      </c>
    </row>
    <row r="68883" spans="1:10" x14ac:dyDescent="0.35">
      <c r="A68883" s="1" t="s">
        <v>44048</v>
      </c>
      <c r="B68883" s="1" t="s">
        <v>222693</v>
      </c>
      <c r="C68883" s="1" t="s">
        <v>60</v>
      </c>
      <c r="D68883" s="1" t="s">
        <v>229745</v>
      </c>
      <c r="E68883" s="1" t="s">
        <v>229746</v>
      </c>
      <c r="F68883" s="1" t="s">
        <v>229747</v>
      </c>
      <c r="G68883" s="1" t="s">
        <v>229712</v>
      </c>
      <c r="H68883" s="1" t="s">
        <v>229713</v>
      </c>
      <c r="I68883" s="1" t="s">
        <v>222698</v>
      </c>
      <c r="J68883" s="1" t="s">
        <v>229748</v>
      </c>
    </row>
    <row r="68884" spans="1:10" x14ac:dyDescent="0.35">
      <c r="A68884" s="1" t="s">
        <v>44048</v>
      </c>
      <c r="B68884" s="1" t="s">
        <v>222693</v>
      </c>
      <c r="C68884" s="1" t="s">
        <v>65</v>
      </c>
      <c r="D68884" s="1" t="s">
        <v>63571</v>
      </c>
      <c r="E68884" s="1" t="s">
        <v>229749</v>
      </c>
      <c r="F68884" s="1" t="s">
        <v>229750</v>
      </c>
      <c r="G68884" s="1" t="s">
        <v>229712</v>
      </c>
      <c r="H68884" s="1" t="s">
        <v>229713</v>
      </c>
      <c r="I68884" s="1" t="s">
        <v>222698</v>
      </c>
      <c r="J68884" s="1" t="s">
        <v>229751</v>
      </c>
    </row>
    <row r="68885" spans="1:10" x14ac:dyDescent="0.35">
      <c r="A68885" s="1" t="s">
        <v>44048</v>
      </c>
      <c r="B68885" s="1" t="s">
        <v>222693</v>
      </c>
      <c r="C68885" s="1" t="s">
        <v>70</v>
      </c>
      <c r="D68885" s="1" t="s">
        <v>229752</v>
      </c>
      <c r="E68885" s="1" t="s">
        <v>229753</v>
      </c>
      <c r="F68885" s="1" t="s">
        <v>229754</v>
      </c>
      <c r="G68885" s="1" t="s">
        <v>229712</v>
      </c>
      <c r="H68885" s="1" t="s">
        <v>229713</v>
      </c>
      <c r="I68885" s="1" t="s">
        <v>222698</v>
      </c>
      <c r="J68885" s="1" t="s">
        <v>229755</v>
      </c>
    </row>
    <row r="68886" spans="1:10" x14ac:dyDescent="0.35">
      <c r="A68886" s="1" t="s">
        <v>44048</v>
      </c>
      <c r="B68886" s="1" t="s">
        <v>222693</v>
      </c>
      <c r="C68886" s="1" t="s">
        <v>75</v>
      </c>
      <c r="D68886" s="1" t="s">
        <v>137040</v>
      </c>
      <c r="E68886" s="1" t="s">
        <v>229756</v>
      </c>
      <c r="F68886" s="1" t="s">
        <v>229757</v>
      </c>
      <c r="G68886" s="1" t="s">
        <v>229712</v>
      </c>
      <c r="H68886" s="1" t="s">
        <v>229713</v>
      </c>
      <c r="I68886" s="1" t="s">
        <v>222698</v>
      </c>
      <c r="J68886" s="1" t="s">
        <v>229758</v>
      </c>
    </row>
    <row r="68887" spans="1:10" x14ac:dyDescent="0.35">
      <c r="A68887" s="1" t="s">
        <v>44048</v>
      </c>
      <c r="B68887" s="1" t="s">
        <v>222693</v>
      </c>
      <c r="C68887" s="1" t="s">
        <v>80</v>
      </c>
      <c r="D68887" s="1" t="s">
        <v>21422</v>
      </c>
      <c r="E68887" s="1" t="s">
        <v>229759</v>
      </c>
      <c r="F68887" s="1" t="s">
        <v>229760</v>
      </c>
      <c r="G68887" s="1" t="s">
        <v>229712</v>
      </c>
      <c r="H68887" s="1" t="s">
        <v>229713</v>
      </c>
      <c r="I68887" s="1" t="s">
        <v>222698</v>
      </c>
      <c r="J68887" s="1" t="s">
        <v>229761</v>
      </c>
    </row>
    <row r="68888" spans="1:10" x14ac:dyDescent="0.35">
      <c r="A68888" s="1" t="s">
        <v>44048</v>
      </c>
      <c r="B68888" s="1" t="s">
        <v>222693</v>
      </c>
      <c r="C68888" s="1" t="s">
        <v>85</v>
      </c>
      <c r="D68888" s="1" t="s">
        <v>229762</v>
      </c>
      <c r="E68888" s="1" t="s">
        <v>229763</v>
      </c>
      <c r="F68888" s="1" t="s">
        <v>229764</v>
      </c>
      <c r="G68888" s="1" t="s">
        <v>229712</v>
      </c>
      <c r="H68888" s="1" t="s">
        <v>229713</v>
      </c>
      <c r="I68888" s="1" t="s">
        <v>222698</v>
      </c>
      <c r="J68888" s="1" t="s">
        <v>229765</v>
      </c>
    </row>
    <row r="68889" spans="1:10" x14ac:dyDescent="0.35">
      <c r="A68889" s="1" t="s">
        <v>44048</v>
      </c>
      <c r="B68889" s="1" t="s">
        <v>222693</v>
      </c>
      <c r="C68889" s="1" t="s">
        <v>90</v>
      </c>
      <c r="D68889" s="1" t="s">
        <v>164201</v>
      </c>
      <c r="E68889" s="1" t="s">
        <v>229766</v>
      </c>
      <c r="F68889" s="1" t="s">
        <v>229767</v>
      </c>
      <c r="G68889" s="1" t="s">
        <v>229712</v>
      </c>
      <c r="H68889" s="1" t="s">
        <v>229713</v>
      </c>
      <c r="I68889" s="1" t="s">
        <v>222698</v>
      </c>
      <c r="J68889" s="1" t="s">
        <v>229768</v>
      </c>
    </row>
    <row r="68890" spans="1:10" x14ac:dyDescent="0.35">
      <c r="A68890" s="1" t="s">
        <v>44048</v>
      </c>
      <c r="B68890" s="1" t="s">
        <v>222693</v>
      </c>
      <c r="C68890" s="1" t="s">
        <v>95</v>
      </c>
      <c r="D68890" s="1" t="s">
        <v>229769</v>
      </c>
      <c r="E68890" s="1" t="s">
        <v>229770</v>
      </c>
      <c r="F68890" s="1" t="s">
        <v>229771</v>
      </c>
      <c r="G68890" s="1" t="s">
        <v>229712</v>
      </c>
      <c r="H68890" s="1" t="s">
        <v>229713</v>
      </c>
      <c r="I68890" s="1" t="s">
        <v>222698</v>
      </c>
      <c r="J68890" s="1" t="s">
        <v>229772</v>
      </c>
    </row>
    <row r="68891" spans="1:10" x14ac:dyDescent="0.35">
      <c r="A68891" s="1" t="s">
        <v>44048</v>
      </c>
      <c r="B68891" s="1" t="s">
        <v>222693</v>
      </c>
      <c r="C68891" s="1" t="s">
        <v>100</v>
      </c>
      <c r="D68891" s="1" t="s">
        <v>229773</v>
      </c>
      <c r="E68891" s="1" t="s">
        <v>229774</v>
      </c>
      <c r="F68891" s="1" t="s">
        <v>229775</v>
      </c>
      <c r="G68891" s="1" t="s">
        <v>229712</v>
      </c>
      <c r="H68891" s="1" t="s">
        <v>229713</v>
      </c>
      <c r="I68891" s="1" t="s">
        <v>222698</v>
      </c>
      <c r="J68891" s="1" t="s">
        <v>229776</v>
      </c>
    </row>
    <row r="68892" spans="1:10" x14ac:dyDescent="0.35">
      <c r="A68892" s="1" t="s">
        <v>44048</v>
      </c>
      <c r="B68892" s="1" t="s">
        <v>222693</v>
      </c>
      <c r="C68892" s="1" t="s">
        <v>105</v>
      </c>
      <c r="D68892" s="1" t="s">
        <v>100618</v>
      </c>
      <c r="E68892" s="1" t="s">
        <v>229777</v>
      </c>
      <c r="F68892" s="1" t="s">
        <v>229778</v>
      </c>
      <c r="G68892" s="1" t="s">
        <v>229712</v>
      </c>
      <c r="H68892" s="1" t="s">
        <v>229713</v>
      </c>
      <c r="I68892" s="1" t="s">
        <v>222698</v>
      </c>
      <c r="J68892" s="1" t="s">
        <v>229779</v>
      </c>
    </row>
    <row r="68893" spans="1:10" x14ac:dyDescent="0.35">
      <c r="A68893" s="1" t="s">
        <v>44048</v>
      </c>
      <c r="B68893" s="1" t="s">
        <v>222693</v>
      </c>
      <c r="C68893" s="1" t="s">
        <v>110</v>
      </c>
      <c r="D68893" s="1" t="s">
        <v>102870</v>
      </c>
      <c r="E68893" s="1" t="s">
        <v>229780</v>
      </c>
      <c r="F68893" s="1" t="s">
        <v>229781</v>
      </c>
      <c r="G68893" s="1" t="s">
        <v>229712</v>
      </c>
      <c r="H68893" s="1" t="s">
        <v>229713</v>
      </c>
      <c r="I68893" s="1" t="s">
        <v>222698</v>
      </c>
      <c r="J68893" s="1" t="s">
        <v>229782</v>
      </c>
    </row>
    <row r="68894" spans="1:10" x14ac:dyDescent="0.35">
      <c r="A68894" s="1" t="s">
        <v>44048</v>
      </c>
      <c r="B68894" s="1" t="s">
        <v>222693</v>
      </c>
      <c r="C68894" s="1" t="s">
        <v>115</v>
      </c>
      <c r="D68894" s="1" t="s">
        <v>229783</v>
      </c>
      <c r="E68894" s="1" t="s">
        <v>229784</v>
      </c>
      <c r="F68894" s="1" t="s">
        <v>229785</v>
      </c>
      <c r="G68894" s="1" t="s">
        <v>229712</v>
      </c>
      <c r="H68894" s="1" t="s">
        <v>229713</v>
      </c>
      <c r="I68894" s="1" t="s">
        <v>222698</v>
      </c>
      <c r="J68894" s="1" t="s">
        <v>229786</v>
      </c>
    </row>
    <row r="68895" spans="1:10" x14ac:dyDescent="0.35">
      <c r="A68895" s="1" t="s">
        <v>44048</v>
      </c>
      <c r="B68895" s="1" t="s">
        <v>222693</v>
      </c>
      <c r="C68895" s="1" t="s">
        <v>120</v>
      </c>
      <c r="D68895" s="1" t="s">
        <v>163388</v>
      </c>
      <c r="E68895" s="1" t="s">
        <v>229787</v>
      </c>
      <c r="F68895" s="1" t="s">
        <v>229788</v>
      </c>
      <c r="G68895" s="1" t="s">
        <v>229712</v>
      </c>
      <c r="H68895" s="1" t="s">
        <v>229713</v>
      </c>
      <c r="I68895" s="1" t="s">
        <v>222698</v>
      </c>
      <c r="J68895" s="1" t="s">
        <v>229789</v>
      </c>
    </row>
    <row r="68896" spans="1:10" x14ac:dyDescent="0.35">
      <c r="A68896" s="1" t="s">
        <v>44048</v>
      </c>
      <c r="B68896" s="1" t="s">
        <v>222693</v>
      </c>
      <c r="C68896" s="1" t="s">
        <v>125</v>
      </c>
      <c r="D68896" s="1" t="s">
        <v>229790</v>
      </c>
      <c r="E68896" s="1" t="s">
        <v>229791</v>
      </c>
      <c r="F68896" s="1" t="s">
        <v>229792</v>
      </c>
      <c r="G68896" s="1" t="s">
        <v>229712</v>
      </c>
      <c r="H68896" s="1" t="s">
        <v>229713</v>
      </c>
      <c r="I68896" s="1" t="s">
        <v>222698</v>
      </c>
      <c r="J68896" s="1" t="s">
        <v>229793</v>
      </c>
    </row>
    <row r="68897" spans="1:10" x14ac:dyDescent="0.35">
      <c r="A68897" s="1" t="s">
        <v>44048</v>
      </c>
      <c r="B68897" s="1" t="s">
        <v>222693</v>
      </c>
      <c r="C68897" s="1" t="s">
        <v>130</v>
      </c>
      <c r="D68897" s="1" t="s">
        <v>21458</v>
      </c>
      <c r="E68897" s="1" t="s">
        <v>229794</v>
      </c>
      <c r="F68897" s="1" t="s">
        <v>229795</v>
      </c>
      <c r="G68897" s="1" t="s">
        <v>229712</v>
      </c>
      <c r="H68897" s="1" t="s">
        <v>229713</v>
      </c>
      <c r="I68897" s="1" t="s">
        <v>222698</v>
      </c>
      <c r="J68897" s="1" t="s">
        <v>229796</v>
      </c>
    </row>
    <row r="68898" spans="1:10" x14ac:dyDescent="0.35">
      <c r="A68898" s="1" t="s">
        <v>44048</v>
      </c>
      <c r="B68898" s="1" t="s">
        <v>222693</v>
      </c>
      <c r="C68898" s="1" t="s">
        <v>135</v>
      </c>
      <c r="D68898" s="1" t="s">
        <v>102450</v>
      </c>
      <c r="E68898" s="1" t="s">
        <v>229797</v>
      </c>
      <c r="F68898" s="1" t="s">
        <v>229798</v>
      </c>
      <c r="G68898" s="1" t="s">
        <v>229712</v>
      </c>
      <c r="H68898" s="1" t="s">
        <v>229713</v>
      </c>
      <c r="I68898" s="1" t="s">
        <v>222698</v>
      </c>
      <c r="J68898" s="1" t="s">
        <v>229799</v>
      </c>
    </row>
    <row r="68899" spans="1:10" x14ac:dyDescent="0.35">
      <c r="A68899" s="1" t="s">
        <v>44048</v>
      </c>
      <c r="B68899" s="1" t="s">
        <v>222693</v>
      </c>
      <c r="C68899" s="1" t="s">
        <v>140</v>
      </c>
      <c r="D68899" s="1" t="s">
        <v>229800</v>
      </c>
      <c r="E68899" s="1" t="s">
        <v>229801</v>
      </c>
      <c r="F68899" s="1" t="s">
        <v>229802</v>
      </c>
      <c r="G68899" s="1" t="s">
        <v>229712</v>
      </c>
      <c r="H68899" s="1" t="s">
        <v>229713</v>
      </c>
      <c r="I68899" s="1" t="s">
        <v>222698</v>
      </c>
      <c r="J68899" s="1" t="s">
        <v>229803</v>
      </c>
    </row>
    <row r="68900" spans="1:10" x14ac:dyDescent="0.35">
      <c r="A68900" s="1" t="s">
        <v>44048</v>
      </c>
      <c r="B68900" s="1" t="s">
        <v>222693</v>
      </c>
      <c r="C68900" s="1" t="s">
        <v>145</v>
      </c>
      <c r="D68900" s="1" t="s">
        <v>229804</v>
      </c>
      <c r="E68900" s="1" t="s">
        <v>229805</v>
      </c>
      <c r="F68900" s="1" t="s">
        <v>229806</v>
      </c>
      <c r="G68900" s="1" t="s">
        <v>229712</v>
      </c>
      <c r="H68900" s="1" t="s">
        <v>229713</v>
      </c>
      <c r="I68900" s="1" t="s">
        <v>222698</v>
      </c>
      <c r="J68900" s="1" t="s">
        <v>229807</v>
      </c>
    </row>
    <row r="68901" spans="1:10" x14ac:dyDescent="0.35">
      <c r="A68901" s="1" t="s">
        <v>44048</v>
      </c>
      <c r="B68901" s="1" t="s">
        <v>222693</v>
      </c>
      <c r="C68901" s="1" t="s">
        <v>150</v>
      </c>
      <c r="D68901" s="1" t="s">
        <v>132026</v>
      </c>
      <c r="E68901" s="1" t="s">
        <v>229808</v>
      </c>
      <c r="F68901" s="1" t="s">
        <v>229809</v>
      </c>
      <c r="G68901" s="1" t="s">
        <v>229712</v>
      </c>
      <c r="H68901" s="1" t="s">
        <v>229713</v>
      </c>
      <c r="I68901" s="1" t="s">
        <v>222698</v>
      </c>
      <c r="J68901" s="1" t="s">
        <v>229810</v>
      </c>
    </row>
    <row r="68902" spans="1:10" x14ac:dyDescent="0.35">
      <c r="A68902" s="1" t="s">
        <v>44048</v>
      </c>
      <c r="B68902" s="1" t="s">
        <v>222693</v>
      </c>
      <c r="C68902" s="1" t="s">
        <v>155</v>
      </c>
      <c r="D68902" s="1" t="s">
        <v>229811</v>
      </c>
      <c r="E68902" s="1" t="s">
        <v>229812</v>
      </c>
      <c r="F68902" s="1" t="s">
        <v>229813</v>
      </c>
      <c r="G68902" s="1" t="s">
        <v>229712</v>
      </c>
      <c r="H68902" s="1" t="s">
        <v>229713</v>
      </c>
      <c r="I68902" s="1" t="s">
        <v>222698</v>
      </c>
      <c r="J68902" s="1" t="s">
        <v>229814</v>
      </c>
    </row>
    <row r="68903" spans="1:10" x14ac:dyDescent="0.35">
      <c r="A68903" s="1" t="s">
        <v>44048</v>
      </c>
      <c r="B68903" s="1" t="s">
        <v>222693</v>
      </c>
      <c r="C68903" s="1" t="s">
        <v>160</v>
      </c>
      <c r="D68903" s="1" t="s">
        <v>229815</v>
      </c>
      <c r="E68903" s="1" t="s">
        <v>229816</v>
      </c>
      <c r="F68903" s="1" t="s">
        <v>229817</v>
      </c>
      <c r="G68903" s="1" t="s">
        <v>229712</v>
      </c>
      <c r="H68903" s="1" t="s">
        <v>229713</v>
      </c>
      <c r="I68903" s="1" t="s">
        <v>222698</v>
      </c>
      <c r="J68903" s="1" t="s">
        <v>229818</v>
      </c>
    </row>
    <row r="68904" spans="1:10" x14ac:dyDescent="0.35">
      <c r="A68904" s="1" t="s">
        <v>44048</v>
      </c>
      <c r="B68904" s="1" t="s">
        <v>222693</v>
      </c>
      <c r="C68904" s="1" t="s">
        <v>165</v>
      </c>
      <c r="D68904" s="1" t="s">
        <v>229819</v>
      </c>
      <c r="E68904" s="1" t="s">
        <v>229820</v>
      </c>
      <c r="F68904" s="1" t="s">
        <v>229821</v>
      </c>
      <c r="G68904" s="1" t="s">
        <v>229712</v>
      </c>
      <c r="H68904" s="1" t="s">
        <v>229713</v>
      </c>
      <c r="I68904" s="1" t="s">
        <v>222698</v>
      </c>
      <c r="J68904" s="1" t="s">
        <v>229822</v>
      </c>
    </row>
    <row r="68905" spans="1:10" x14ac:dyDescent="0.35">
      <c r="A68905" s="1" t="s">
        <v>44048</v>
      </c>
      <c r="B68905" s="1" t="s">
        <v>222693</v>
      </c>
      <c r="C68905" s="1" t="s">
        <v>170</v>
      </c>
      <c r="D68905" s="1" t="s">
        <v>229823</v>
      </c>
      <c r="E68905" s="1" t="s">
        <v>229824</v>
      </c>
      <c r="F68905" s="1" t="s">
        <v>229825</v>
      </c>
      <c r="G68905" s="1" t="s">
        <v>229712</v>
      </c>
      <c r="H68905" s="1" t="s">
        <v>229713</v>
      </c>
      <c r="I68905" s="1" t="s">
        <v>222698</v>
      </c>
      <c r="J68905" s="1" t="s">
        <v>229826</v>
      </c>
    </row>
    <row r="68906" spans="1:10" x14ac:dyDescent="0.35">
      <c r="A68906" s="1" t="s">
        <v>112192</v>
      </c>
      <c r="B68906" s="1" t="s">
        <v>222693</v>
      </c>
      <c r="C68906" s="1" t="s">
        <v>8</v>
      </c>
      <c r="D68906" s="1" t="s">
        <v>167109</v>
      </c>
      <c r="E68906" s="1" t="s">
        <v>229827</v>
      </c>
      <c r="F68906" s="1" t="s">
        <v>229828</v>
      </c>
      <c r="G68906" s="1" t="s">
        <v>229829</v>
      </c>
      <c r="H68906" s="1" t="s">
        <v>229830</v>
      </c>
      <c r="I68906" s="1" t="s">
        <v>222698</v>
      </c>
      <c r="J68906" s="1" t="s">
        <v>13</v>
      </c>
    </row>
    <row r="68907" spans="1:10" x14ac:dyDescent="0.35">
      <c r="A68907" s="1" t="s">
        <v>112192</v>
      </c>
      <c r="B68907" s="1" t="s">
        <v>222693</v>
      </c>
      <c r="C68907" s="1" t="s">
        <v>15</v>
      </c>
      <c r="D68907" s="1" t="s">
        <v>20570</v>
      </c>
      <c r="E68907" s="1" t="s">
        <v>229831</v>
      </c>
      <c r="F68907" s="1" t="s">
        <v>229832</v>
      </c>
      <c r="G68907" s="1" t="s">
        <v>229829</v>
      </c>
      <c r="H68907" s="1" t="s">
        <v>229830</v>
      </c>
      <c r="I68907" s="1" t="s">
        <v>222698</v>
      </c>
      <c r="J68907" s="1" t="s">
        <v>229833</v>
      </c>
    </row>
    <row r="68908" spans="1:10" x14ac:dyDescent="0.35">
      <c r="A68908" s="1" t="s">
        <v>112192</v>
      </c>
      <c r="B68908" s="1" t="s">
        <v>222693</v>
      </c>
      <c r="C68908" s="1" t="s">
        <v>20</v>
      </c>
      <c r="D68908" s="1" t="s">
        <v>88945</v>
      </c>
      <c r="E68908" s="1" t="s">
        <v>229834</v>
      </c>
      <c r="F68908" s="1" t="s">
        <v>229835</v>
      </c>
      <c r="G68908" s="1" t="s">
        <v>229829</v>
      </c>
      <c r="H68908" s="1" t="s">
        <v>229830</v>
      </c>
      <c r="I68908" s="1" t="s">
        <v>222698</v>
      </c>
      <c r="J68908" s="1" t="s">
        <v>229836</v>
      </c>
    </row>
    <row r="68909" spans="1:10" x14ac:dyDescent="0.35">
      <c r="A68909" s="1" t="s">
        <v>112192</v>
      </c>
      <c r="B68909" s="1" t="s">
        <v>222693</v>
      </c>
      <c r="C68909" s="1" t="s">
        <v>25</v>
      </c>
      <c r="D68909" s="1" t="s">
        <v>229837</v>
      </c>
      <c r="E68909" s="1" t="s">
        <v>229838</v>
      </c>
      <c r="F68909" s="1" t="s">
        <v>229839</v>
      </c>
      <c r="G68909" s="1" t="s">
        <v>229829</v>
      </c>
      <c r="H68909" s="1" t="s">
        <v>229830</v>
      </c>
      <c r="I68909" s="1" t="s">
        <v>222698</v>
      </c>
      <c r="J68909" s="1" t="s">
        <v>229840</v>
      </c>
    </row>
    <row r="68910" spans="1:10" x14ac:dyDescent="0.35">
      <c r="A68910" s="1" t="s">
        <v>112192</v>
      </c>
      <c r="B68910" s="1" t="s">
        <v>222693</v>
      </c>
      <c r="C68910" s="1" t="s">
        <v>30</v>
      </c>
      <c r="D68910" s="1" t="s">
        <v>229841</v>
      </c>
      <c r="E68910" s="1" t="s">
        <v>229842</v>
      </c>
      <c r="F68910" s="1" t="s">
        <v>229843</v>
      </c>
      <c r="G68910" s="1" t="s">
        <v>229829</v>
      </c>
      <c r="H68910" s="1" t="s">
        <v>229830</v>
      </c>
      <c r="I68910" s="1" t="s">
        <v>222698</v>
      </c>
      <c r="J68910" s="1" t="s">
        <v>229844</v>
      </c>
    </row>
    <row r="68911" spans="1:10" x14ac:dyDescent="0.35">
      <c r="A68911" s="1" t="s">
        <v>112192</v>
      </c>
      <c r="B68911" s="1" t="s">
        <v>222693</v>
      </c>
      <c r="C68911" s="1" t="s">
        <v>35</v>
      </c>
      <c r="D68911" s="1" t="s">
        <v>139643</v>
      </c>
      <c r="E68911" s="1" t="s">
        <v>229845</v>
      </c>
      <c r="F68911" s="1" t="s">
        <v>229846</v>
      </c>
      <c r="G68911" s="1" t="s">
        <v>229829</v>
      </c>
      <c r="H68911" s="1" t="s">
        <v>229830</v>
      </c>
      <c r="I68911" s="1" t="s">
        <v>222698</v>
      </c>
      <c r="J68911" s="1" t="s">
        <v>229847</v>
      </c>
    </row>
    <row r="68912" spans="1:10" x14ac:dyDescent="0.35">
      <c r="A68912" s="1" t="s">
        <v>112192</v>
      </c>
      <c r="B68912" s="1" t="s">
        <v>222693</v>
      </c>
      <c r="C68912" s="1" t="s">
        <v>40</v>
      </c>
      <c r="D68912" s="1" t="s">
        <v>108189</v>
      </c>
      <c r="E68912" s="1" t="s">
        <v>229848</v>
      </c>
      <c r="F68912" s="1" t="s">
        <v>229849</v>
      </c>
      <c r="G68912" s="1" t="s">
        <v>229829</v>
      </c>
      <c r="H68912" s="1" t="s">
        <v>229830</v>
      </c>
      <c r="I68912" s="1" t="s">
        <v>222698</v>
      </c>
      <c r="J68912" s="1" t="s">
        <v>229850</v>
      </c>
    </row>
    <row r="68913" spans="1:10" x14ac:dyDescent="0.35">
      <c r="A68913" s="1" t="s">
        <v>112192</v>
      </c>
      <c r="B68913" s="1" t="s">
        <v>222693</v>
      </c>
      <c r="C68913" s="1" t="s">
        <v>45</v>
      </c>
      <c r="D68913" s="1" t="s">
        <v>108877</v>
      </c>
      <c r="E68913" s="1" t="s">
        <v>229851</v>
      </c>
      <c r="F68913" s="1" t="s">
        <v>229852</v>
      </c>
      <c r="G68913" s="1" t="s">
        <v>229829</v>
      </c>
      <c r="H68913" s="1" t="s">
        <v>229830</v>
      </c>
      <c r="I68913" s="1" t="s">
        <v>222698</v>
      </c>
      <c r="J68913" s="1" t="s">
        <v>229853</v>
      </c>
    </row>
    <row r="68914" spans="1:10" x14ac:dyDescent="0.35">
      <c r="A68914" s="1" t="s">
        <v>112192</v>
      </c>
      <c r="B68914" s="1" t="s">
        <v>222693</v>
      </c>
      <c r="C68914" s="1" t="s">
        <v>50</v>
      </c>
      <c r="D68914" s="1" t="s">
        <v>229854</v>
      </c>
      <c r="E68914" s="1" t="s">
        <v>229855</v>
      </c>
      <c r="F68914" s="1" t="s">
        <v>229856</v>
      </c>
      <c r="G68914" s="1" t="s">
        <v>229829</v>
      </c>
      <c r="H68914" s="1" t="s">
        <v>229830</v>
      </c>
      <c r="I68914" s="1" t="s">
        <v>222698</v>
      </c>
      <c r="J68914" s="1" t="s">
        <v>229857</v>
      </c>
    </row>
    <row r="68915" spans="1:10" x14ac:dyDescent="0.35">
      <c r="A68915" s="1" t="s">
        <v>112192</v>
      </c>
      <c r="B68915" s="1" t="s">
        <v>222693</v>
      </c>
      <c r="C68915" s="1" t="s">
        <v>55</v>
      </c>
      <c r="D68915" s="1" t="s">
        <v>65839</v>
      </c>
      <c r="E68915" s="1" t="s">
        <v>229858</v>
      </c>
      <c r="F68915" s="1" t="s">
        <v>229859</v>
      </c>
      <c r="G68915" s="1" t="s">
        <v>229829</v>
      </c>
      <c r="H68915" s="1" t="s">
        <v>229830</v>
      </c>
      <c r="I68915" s="1" t="s">
        <v>222698</v>
      </c>
      <c r="J68915" s="1" t="s">
        <v>229860</v>
      </c>
    </row>
    <row r="68916" spans="1:10" x14ac:dyDescent="0.35">
      <c r="A68916" s="1" t="s">
        <v>112192</v>
      </c>
      <c r="B68916" s="1" t="s">
        <v>222693</v>
      </c>
      <c r="C68916" s="1" t="s">
        <v>60</v>
      </c>
      <c r="D68916" s="1" t="s">
        <v>229861</v>
      </c>
      <c r="E68916" s="1" t="s">
        <v>229862</v>
      </c>
      <c r="F68916" s="1" t="s">
        <v>229863</v>
      </c>
      <c r="G68916" s="1" t="s">
        <v>229829</v>
      </c>
      <c r="H68916" s="1" t="s">
        <v>229830</v>
      </c>
      <c r="I68916" s="1" t="s">
        <v>222698</v>
      </c>
      <c r="J68916" s="1" t="s">
        <v>229864</v>
      </c>
    </row>
    <row r="68917" spans="1:10" x14ac:dyDescent="0.35">
      <c r="A68917" s="1" t="s">
        <v>112192</v>
      </c>
      <c r="B68917" s="1" t="s">
        <v>222693</v>
      </c>
      <c r="C68917" s="1" t="s">
        <v>65</v>
      </c>
      <c r="D68917" s="1" t="s">
        <v>229865</v>
      </c>
      <c r="E68917" s="1" t="s">
        <v>229866</v>
      </c>
      <c r="F68917" s="1" t="s">
        <v>229867</v>
      </c>
      <c r="G68917" s="1" t="s">
        <v>229829</v>
      </c>
      <c r="H68917" s="1" t="s">
        <v>229830</v>
      </c>
      <c r="I68917" s="1" t="s">
        <v>222698</v>
      </c>
      <c r="J68917" s="1" t="s">
        <v>229868</v>
      </c>
    </row>
    <row r="68918" spans="1:10" x14ac:dyDescent="0.35">
      <c r="A68918" s="1" t="s">
        <v>112192</v>
      </c>
      <c r="B68918" s="1" t="s">
        <v>222693</v>
      </c>
      <c r="C68918" s="1" t="s">
        <v>70</v>
      </c>
      <c r="D68918" s="1" t="s">
        <v>229869</v>
      </c>
      <c r="E68918" s="1" t="s">
        <v>229870</v>
      </c>
      <c r="F68918" s="1" t="s">
        <v>229871</v>
      </c>
      <c r="G68918" s="1" t="s">
        <v>229829</v>
      </c>
      <c r="H68918" s="1" t="s">
        <v>229830</v>
      </c>
      <c r="I68918" s="1" t="s">
        <v>222698</v>
      </c>
      <c r="J68918" s="1" t="s">
        <v>229872</v>
      </c>
    </row>
    <row r="68919" spans="1:10" x14ac:dyDescent="0.35">
      <c r="A68919" s="1" t="s">
        <v>112192</v>
      </c>
      <c r="B68919" s="1" t="s">
        <v>222693</v>
      </c>
      <c r="C68919" s="1" t="s">
        <v>75</v>
      </c>
      <c r="D68919" s="1" t="s">
        <v>229873</v>
      </c>
      <c r="E68919" s="1" t="s">
        <v>229874</v>
      </c>
      <c r="F68919" s="1" t="s">
        <v>229875</v>
      </c>
      <c r="G68919" s="1" t="s">
        <v>229829</v>
      </c>
      <c r="H68919" s="1" t="s">
        <v>229830</v>
      </c>
      <c r="I68919" s="1" t="s">
        <v>222698</v>
      </c>
      <c r="J68919" s="1" t="s">
        <v>229876</v>
      </c>
    </row>
    <row r="68920" spans="1:10" x14ac:dyDescent="0.35">
      <c r="A68920" s="1" t="s">
        <v>112192</v>
      </c>
      <c r="B68920" s="1" t="s">
        <v>222693</v>
      </c>
      <c r="C68920" s="1" t="s">
        <v>80</v>
      </c>
      <c r="D68920" s="1" t="s">
        <v>40710</v>
      </c>
      <c r="E68920" s="1" t="s">
        <v>229877</v>
      </c>
      <c r="F68920" s="1" t="s">
        <v>229878</v>
      </c>
      <c r="G68920" s="1" t="s">
        <v>229829</v>
      </c>
      <c r="H68920" s="1" t="s">
        <v>229830</v>
      </c>
      <c r="I68920" s="1" t="s">
        <v>222698</v>
      </c>
      <c r="J68920" s="1" t="s">
        <v>229879</v>
      </c>
    </row>
    <row r="68921" spans="1:10" x14ac:dyDescent="0.35">
      <c r="A68921" s="1" t="s">
        <v>112192</v>
      </c>
      <c r="B68921" s="1" t="s">
        <v>222693</v>
      </c>
      <c r="C68921" s="1" t="s">
        <v>85</v>
      </c>
      <c r="D68921" s="1" t="s">
        <v>69763</v>
      </c>
      <c r="E68921" s="1" t="s">
        <v>229880</v>
      </c>
      <c r="F68921" s="1" t="s">
        <v>229881</v>
      </c>
      <c r="G68921" s="1" t="s">
        <v>229829</v>
      </c>
      <c r="H68921" s="1" t="s">
        <v>229830</v>
      </c>
      <c r="I68921" s="1" t="s">
        <v>222698</v>
      </c>
      <c r="J68921" s="1" t="s">
        <v>229882</v>
      </c>
    </row>
    <row r="68922" spans="1:10" x14ac:dyDescent="0.35">
      <c r="A68922" s="1" t="s">
        <v>112192</v>
      </c>
      <c r="B68922" s="1" t="s">
        <v>222693</v>
      </c>
      <c r="C68922" s="1" t="s">
        <v>90</v>
      </c>
      <c r="D68922" s="1" t="s">
        <v>229883</v>
      </c>
      <c r="E68922" s="1" t="s">
        <v>229884</v>
      </c>
      <c r="F68922" s="1" t="s">
        <v>229885</v>
      </c>
      <c r="G68922" s="1" t="s">
        <v>229829</v>
      </c>
      <c r="H68922" s="1" t="s">
        <v>229830</v>
      </c>
      <c r="I68922" s="1" t="s">
        <v>222698</v>
      </c>
      <c r="J68922" s="1" t="s">
        <v>229886</v>
      </c>
    </row>
    <row r="68923" spans="1:10" x14ac:dyDescent="0.35">
      <c r="A68923" s="1" t="s">
        <v>112192</v>
      </c>
      <c r="B68923" s="1" t="s">
        <v>222693</v>
      </c>
      <c r="C68923" s="1" t="s">
        <v>95</v>
      </c>
      <c r="D68923" s="1" t="s">
        <v>63389</v>
      </c>
      <c r="E68923" s="1" t="s">
        <v>229887</v>
      </c>
      <c r="F68923" s="1" t="s">
        <v>229888</v>
      </c>
      <c r="G68923" s="1" t="s">
        <v>229829</v>
      </c>
      <c r="H68923" s="1" t="s">
        <v>229830</v>
      </c>
      <c r="I68923" s="1" t="s">
        <v>222698</v>
      </c>
      <c r="J68923" s="1" t="s">
        <v>229889</v>
      </c>
    </row>
    <row r="68924" spans="1:10" x14ac:dyDescent="0.35">
      <c r="A68924" s="1" t="s">
        <v>112192</v>
      </c>
      <c r="B68924" s="1" t="s">
        <v>222693</v>
      </c>
      <c r="C68924" s="1" t="s">
        <v>100</v>
      </c>
      <c r="D68924" s="1" t="s">
        <v>69796</v>
      </c>
      <c r="E68924" s="1" t="s">
        <v>229890</v>
      </c>
      <c r="F68924" s="1" t="s">
        <v>229891</v>
      </c>
      <c r="G68924" s="1" t="s">
        <v>229829</v>
      </c>
      <c r="H68924" s="1" t="s">
        <v>229830</v>
      </c>
      <c r="I68924" s="1" t="s">
        <v>222698</v>
      </c>
      <c r="J68924" s="1" t="s">
        <v>229892</v>
      </c>
    </row>
    <row r="68925" spans="1:10" x14ac:dyDescent="0.35">
      <c r="A68925" s="1" t="s">
        <v>112192</v>
      </c>
      <c r="B68925" s="1" t="s">
        <v>222693</v>
      </c>
      <c r="C68925" s="1" t="s">
        <v>105</v>
      </c>
      <c r="D68925" s="1" t="s">
        <v>229893</v>
      </c>
      <c r="E68925" s="1" t="s">
        <v>229894</v>
      </c>
      <c r="F68925" s="1" t="s">
        <v>229895</v>
      </c>
      <c r="G68925" s="1" t="s">
        <v>229829</v>
      </c>
      <c r="H68925" s="1" t="s">
        <v>229830</v>
      </c>
      <c r="I68925" s="1" t="s">
        <v>222698</v>
      </c>
      <c r="J68925" s="1" t="s">
        <v>229896</v>
      </c>
    </row>
    <row r="68926" spans="1:10" x14ac:dyDescent="0.35">
      <c r="A68926" s="1" t="s">
        <v>112192</v>
      </c>
      <c r="B68926" s="1" t="s">
        <v>222693</v>
      </c>
      <c r="C68926" s="1" t="s">
        <v>110</v>
      </c>
      <c r="D68926" s="1" t="s">
        <v>12339</v>
      </c>
      <c r="E68926" s="1" t="s">
        <v>229897</v>
      </c>
      <c r="F68926" s="1" t="s">
        <v>229898</v>
      </c>
      <c r="G68926" s="1" t="s">
        <v>229829</v>
      </c>
      <c r="H68926" s="1" t="s">
        <v>229830</v>
      </c>
      <c r="I68926" s="1" t="s">
        <v>222698</v>
      </c>
      <c r="J68926" s="1" t="s">
        <v>229899</v>
      </c>
    </row>
    <row r="68927" spans="1:10" x14ac:dyDescent="0.35">
      <c r="A68927" s="1" t="s">
        <v>112192</v>
      </c>
      <c r="B68927" s="1" t="s">
        <v>222693</v>
      </c>
      <c r="C68927" s="1" t="s">
        <v>115</v>
      </c>
      <c r="D68927" s="1" t="s">
        <v>229900</v>
      </c>
      <c r="E68927" s="1" t="s">
        <v>229901</v>
      </c>
      <c r="F68927" s="1" t="s">
        <v>229902</v>
      </c>
      <c r="G68927" s="1" t="s">
        <v>229829</v>
      </c>
      <c r="H68927" s="1" t="s">
        <v>229830</v>
      </c>
      <c r="I68927" s="1" t="s">
        <v>222698</v>
      </c>
      <c r="J68927" s="1" t="s">
        <v>229903</v>
      </c>
    </row>
    <row r="68928" spans="1:10" x14ac:dyDescent="0.35">
      <c r="A68928" s="1" t="s">
        <v>112192</v>
      </c>
      <c r="B68928" s="1" t="s">
        <v>222693</v>
      </c>
      <c r="C68928" s="1" t="s">
        <v>120</v>
      </c>
      <c r="D68928" s="1" t="s">
        <v>167434</v>
      </c>
      <c r="E68928" s="1" t="s">
        <v>229904</v>
      </c>
      <c r="F68928" s="1" t="s">
        <v>229905</v>
      </c>
      <c r="G68928" s="1" t="s">
        <v>229829</v>
      </c>
      <c r="H68928" s="1" t="s">
        <v>229830</v>
      </c>
      <c r="I68928" s="1" t="s">
        <v>222698</v>
      </c>
      <c r="J68928" s="1" t="s">
        <v>229906</v>
      </c>
    </row>
    <row r="68929" spans="1:10" x14ac:dyDescent="0.35">
      <c r="A68929" s="1" t="s">
        <v>112192</v>
      </c>
      <c r="B68929" s="1" t="s">
        <v>222693</v>
      </c>
      <c r="C68929" s="1" t="s">
        <v>125</v>
      </c>
      <c r="D68929" s="1" t="s">
        <v>229907</v>
      </c>
      <c r="E68929" s="1" t="s">
        <v>229908</v>
      </c>
      <c r="F68929" s="1" t="s">
        <v>229909</v>
      </c>
      <c r="G68929" s="1" t="s">
        <v>229829</v>
      </c>
      <c r="H68929" s="1" t="s">
        <v>229830</v>
      </c>
      <c r="I68929" s="1" t="s">
        <v>222698</v>
      </c>
      <c r="J68929" s="1" t="s">
        <v>229910</v>
      </c>
    </row>
    <row r="68930" spans="1:10" x14ac:dyDescent="0.35">
      <c r="A68930" s="1" t="s">
        <v>112192</v>
      </c>
      <c r="B68930" s="1" t="s">
        <v>222693</v>
      </c>
      <c r="C68930" s="1" t="s">
        <v>130</v>
      </c>
      <c r="D68930" s="1" t="s">
        <v>91416</v>
      </c>
      <c r="E68930" s="1" t="s">
        <v>229911</v>
      </c>
      <c r="F68930" s="1" t="s">
        <v>229912</v>
      </c>
      <c r="G68930" s="1" t="s">
        <v>229829</v>
      </c>
      <c r="H68930" s="1" t="s">
        <v>229830</v>
      </c>
      <c r="I68930" s="1" t="s">
        <v>222698</v>
      </c>
      <c r="J68930" s="1" t="s">
        <v>229913</v>
      </c>
    </row>
    <row r="68931" spans="1:10" x14ac:dyDescent="0.35">
      <c r="A68931" s="1" t="s">
        <v>112192</v>
      </c>
      <c r="B68931" s="1" t="s">
        <v>222693</v>
      </c>
      <c r="C68931" s="1" t="s">
        <v>135</v>
      </c>
      <c r="D68931" s="1" t="s">
        <v>67668</v>
      </c>
      <c r="E68931" s="1" t="s">
        <v>229914</v>
      </c>
      <c r="F68931" s="1" t="s">
        <v>229915</v>
      </c>
      <c r="G68931" s="1" t="s">
        <v>229829</v>
      </c>
      <c r="H68931" s="1" t="s">
        <v>229830</v>
      </c>
      <c r="I68931" s="1" t="s">
        <v>222698</v>
      </c>
      <c r="J68931" s="1" t="s">
        <v>229916</v>
      </c>
    </row>
    <row r="68932" spans="1:10" x14ac:dyDescent="0.35">
      <c r="A68932" s="1" t="s">
        <v>112192</v>
      </c>
      <c r="B68932" s="1" t="s">
        <v>222693</v>
      </c>
      <c r="C68932" s="1" t="s">
        <v>140</v>
      </c>
      <c r="D68932" s="1" t="s">
        <v>229917</v>
      </c>
      <c r="E68932" s="1" t="s">
        <v>229918</v>
      </c>
      <c r="F68932" s="1" t="s">
        <v>229919</v>
      </c>
      <c r="G68932" s="1" t="s">
        <v>229829</v>
      </c>
      <c r="H68932" s="1" t="s">
        <v>229830</v>
      </c>
      <c r="I68932" s="1" t="s">
        <v>222698</v>
      </c>
      <c r="J68932" s="1" t="s">
        <v>229920</v>
      </c>
    </row>
    <row r="68933" spans="1:10" x14ac:dyDescent="0.35">
      <c r="A68933" s="1" t="s">
        <v>112192</v>
      </c>
      <c r="B68933" s="1" t="s">
        <v>222693</v>
      </c>
      <c r="C68933" s="1" t="s">
        <v>145</v>
      </c>
      <c r="D68933" s="1" t="s">
        <v>87560</v>
      </c>
      <c r="E68933" s="1" t="s">
        <v>229921</v>
      </c>
      <c r="F68933" s="1" t="s">
        <v>229922</v>
      </c>
      <c r="G68933" s="1" t="s">
        <v>229829</v>
      </c>
      <c r="H68933" s="1" t="s">
        <v>229830</v>
      </c>
      <c r="I68933" s="1" t="s">
        <v>222698</v>
      </c>
      <c r="J68933" s="1" t="s">
        <v>229923</v>
      </c>
    </row>
    <row r="68934" spans="1:10" x14ac:dyDescent="0.35">
      <c r="A68934" s="1" t="s">
        <v>112192</v>
      </c>
      <c r="B68934" s="1" t="s">
        <v>222693</v>
      </c>
      <c r="C68934" s="1" t="s">
        <v>150</v>
      </c>
      <c r="D68934" s="1" t="s">
        <v>97183</v>
      </c>
      <c r="E68934" s="1" t="s">
        <v>229924</v>
      </c>
      <c r="F68934" s="1" t="s">
        <v>229925</v>
      </c>
      <c r="G68934" s="1" t="s">
        <v>229829</v>
      </c>
      <c r="H68934" s="1" t="s">
        <v>229830</v>
      </c>
      <c r="I68934" s="1" t="s">
        <v>222698</v>
      </c>
      <c r="J68934" s="1" t="s">
        <v>229926</v>
      </c>
    </row>
    <row r="68935" spans="1:10" x14ac:dyDescent="0.35">
      <c r="A68935" s="1" t="s">
        <v>112192</v>
      </c>
      <c r="B68935" s="1" t="s">
        <v>222693</v>
      </c>
      <c r="C68935" s="1" t="s">
        <v>155</v>
      </c>
      <c r="D68935" s="1" t="s">
        <v>229927</v>
      </c>
      <c r="E68935" s="1" t="s">
        <v>229928</v>
      </c>
      <c r="F68935" s="1" t="s">
        <v>229929</v>
      </c>
      <c r="G68935" s="1" t="s">
        <v>229829</v>
      </c>
      <c r="H68935" s="1" t="s">
        <v>229830</v>
      </c>
      <c r="I68935" s="1" t="s">
        <v>222698</v>
      </c>
      <c r="J68935" s="1" t="s">
        <v>229930</v>
      </c>
    </row>
    <row r="68936" spans="1:10" x14ac:dyDescent="0.35">
      <c r="A68936" s="1" t="s">
        <v>112192</v>
      </c>
      <c r="B68936" s="1" t="s">
        <v>222693</v>
      </c>
      <c r="C68936" s="1" t="s">
        <v>160</v>
      </c>
      <c r="D68936" s="1" t="s">
        <v>229931</v>
      </c>
      <c r="E68936" s="1" t="s">
        <v>229932</v>
      </c>
      <c r="F68936" s="1" t="s">
        <v>229933</v>
      </c>
      <c r="G68936" s="1" t="s">
        <v>229829</v>
      </c>
      <c r="H68936" s="1" t="s">
        <v>229830</v>
      </c>
      <c r="I68936" s="1" t="s">
        <v>222698</v>
      </c>
      <c r="J68936" s="1" t="s">
        <v>229934</v>
      </c>
    </row>
    <row r="68937" spans="1:10" x14ac:dyDescent="0.35">
      <c r="A68937" s="1" t="s">
        <v>112192</v>
      </c>
      <c r="B68937" s="1" t="s">
        <v>222693</v>
      </c>
      <c r="C68937" s="1" t="s">
        <v>165</v>
      </c>
      <c r="D68937" s="1" t="s">
        <v>132266</v>
      </c>
      <c r="E68937" s="1" t="s">
        <v>229935</v>
      </c>
      <c r="F68937" s="1" t="s">
        <v>229936</v>
      </c>
      <c r="G68937" s="1" t="s">
        <v>229829</v>
      </c>
      <c r="H68937" s="1" t="s">
        <v>229830</v>
      </c>
      <c r="I68937" s="1" t="s">
        <v>222698</v>
      </c>
      <c r="J68937" s="1" t="s">
        <v>229937</v>
      </c>
    </row>
    <row r="68938" spans="1:10" x14ac:dyDescent="0.35">
      <c r="A68938" s="1" t="s">
        <v>112192</v>
      </c>
      <c r="B68938" s="1" t="s">
        <v>222693</v>
      </c>
      <c r="C68938" s="1" t="s">
        <v>170</v>
      </c>
      <c r="D68938" s="1" t="s">
        <v>229938</v>
      </c>
      <c r="E68938" s="1" t="s">
        <v>229939</v>
      </c>
      <c r="F68938" s="1" t="s">
        <v>229940</v>
      </c>
      <c r="G68938" s="1" t="s">
        <v>229829</v>
      </c>
      <c r="H68938" s="1" t="s">
        <v>229830</v>
      </c>
      <c r="I68938" s="1" t="s">
        <v>222698</v>
      </c>
      <c r="J68938" s="1" t="s">
        <v>229941</v>
      </c>
    </row>
    <row r="68939" spans="1:10" x14ac:dyDescent="0.35">
      <c r="A68939" s="1" t="s">
        <v>9983</v>
      </c>
      <c r="B68939" s="1" t="s">
        <v>222693</v>
      </c>
      <c r="C68939" s="1" t="s">
        <v>8</v>
      </c>
      <c r="D68939" s="1" t="s">
        <v>229942</v>
      </c>
      <c r="E68939" s="1" t="s">
        <v>229943</v>
      </c>
      <c r="F68939" s="1" t="s">
        <v>229944</v>
      </c>
      <c r="G68939" s="1" t="s">
        <v>229945</v>
      </c>
      <c r="H68939" s="1" t="s">
        <v>229946</v>
      </c>
      <c r="I68939" s="1" t="s">
        <v>222698</v>
      </c>
      <c r="J68939" s="1" t="s">
        <v>13</v>
      </c>
    </row>
    <row r="68940" spans="1:10" x14ac:dyDescent="0.35">
      <c r="A68940" s="1" t="s">
        <v>9983</v>
      </c>
      <c r="B68940" s="1" t="s">
        <v>222693</v>
      </c>
      <c r="C68940" s="1" t="s">
        <v>15</v>
      </c>
      <c r="D68940" s="1" t="s">
        <v>92175</v>
      </c>
      <c r="E68940" s="1" t="s">
        <v>229947</v>
      </c>
      <c r="F68940" s="1" t="s">
        <v>229948</v>
      </c>
      <c r="G68940" s="1" t="s">
        <v>229945</v>
      </c>
      <c r="H68940" s="1" t="s">
        <v>229946</v>
      </c>
      <c r="I68940" s="1" t="s">
        <v>222698</v>
      </c>
      <c r="J68940" s="1" t="s">
        <v>229949</v>
      </c>
    </row>
    <row r="68941" spans="1:10" x14ac:dyDescent="0.35">
      <c r="A68941" s="1" t="s">
        <v>9983</v>
      </c>
      <c r="B68941" s="1" t="s">
        <v>222693</v>
      </c>
      <c r="C68941" s="1" t="s">
        <v>20</v>
      </c>
      <c r="D68941" s="1" t="s">
        <v>66677</v>
      </c>
      <c r="E68941" s="1" t="s">
        <v>229950</v>
      </c>
      <c r="F68941" s="1" t="s">
        <v>229951</v>
      </c>
      <c r="G68941" s="1" t="s">
        <v>229945</v>
      </c>
      <c r="H68941" s="1" t="s">
        <v>229946</v>
      </c>
      <c r="I68941" s="1" t="s">
        <v>222698</v>
      </c>
      <c r="J68941" s="1" t="s">
        <v>229952</v>
      </c>
    </row>
    <row r="68942" spans="1:10" x14ac:dyDescent="0.35">
      <c r="A68942" s="1" t="s">
        <v>9983</v>
      </c>
      <c r="B68942" s="1" t="s">
        <v>222693</v>
      </c>
      <c r="C68942" s="1" t="s">
        <v>25</v>
      </c>
      <c r="D68942" s="1" t="s">
        <v>86315</v>
      </c>
      <c r="E68942" s="1" t="s">
        <v>229953</v>
      </c>
      <c r="F68942" s="1" t="s">
        <v>229954</v>
      </c>
      <c r="G68942" s="1" t="s">
        <v>229945</v>
      </c>
      <c r="H68942" s="1" t="s">
        <v>229946</v>
      </c>
      <c r="I68942" s="1" t="s">
        <v>222698</v>
      </c>
      <c r="J68942" s="1" t="s">
        <v>229955</v>
      </c>
    </row>
    <row r="68943" spans="1:10" x14ac:dyDescent="0.35">
      <c r="A68943" s="1" t="s">
        <v>9983</v>
      </c>
      <c r="B68943" s="1" t="s">
        <v>222693</v>
      </c>
      <c r="C68943" s="1" t="s">
        <v>30</v>
      </c>
      <c r="D68943" s="1" t="s">
        <v>65893</v>
      </c>
      <c r="E68943" s="1" t="s">
        <v>229956</v>
      </c>
      <c r="F68943" s="1" t="s">
        <v>229957</v>
      </c>
      <c r="G68943" s="1" t="s">
        <v>229945</v>
      </c>
      <c r="H68943" s="1" t="s">
        <v>229946</v>
      </c>
      <c r="I68943" s="1" t="s">
        <v>222698</v>
      </c>
      <c r="J68943" s="1" t="s">
        <v>229958</v>
      </c>
    </row>
    <row r="68944" spans="1:10" x14ac:dyDescent="0.35">
      <c r="A68944" s="1" t="s">
        <v>9983</v>
      </c>
      <c r="B68944" s="1" t="s">
        <v>222693</v>
      </c>
      <c r="C68944" s="1" t="s">
        <v>35</v>
      </c>
      <c r="D68944" s="1" t="s">
        <v>59793</v>
      </c>
      <c r="E68944" s="1" t="s">
        <v>229959</v>
      </c>
      <c r="F68944" s="1" t="s">
        <v>229960</v>
      </c>
      <c r="G68944" s="1" t="s">
        <v>229945</v>
      </c>
      <c r="H68944" s="1" t="s">
        <v>229946</v>
      </c>
      <c r="I68944" s="1" t="s">
        <v>222698</v>
      </c>
      <c r="J68944" s="1" t="s">
        <v>229961</v>
      </c>
    </row>
    <row r="68945" spans="1:10" x14ac:dyDescent="0.35">
      <c r="A68945" s="1" t="s">
        <v>9983</v>
      </c>
      <c r="B68945" s="1" t="s">
        <v>222693</v>
      </c>
      <c r="C68945" s="1" t="s">
        <v>40</v>
      </c>
      <c r="D68945" s="1" t="s">
        <v>65762</v>
      </c>
      <c r="E68945" s="1" t="s">
        <v>229962</v>
      </c>
      <c r="F68945" s="1" t="s">
        <v>229963</v>
      </c>
      <c r="G68945" s="1" t="s">
        <v>229945</v>
      </c>
      <c r="H68945" s="1" t="s">
        <v>229946</v>
      </c>
      <c r="I68945" s="1" t="s">
        <v>222698</v>
      </c>
      <c r="J68945" s="1" t="s">
        <v>229964</v>
      </c>
    </row>
    <row r="68946" spans="1:10" x14ac:dyDescent="0.35">
      <c r="A68946" s="1" t="s">
        <v>9983</v>
      </c>
      <c r="B68946" s="1" t="s">
        <v>222693</v>
      </c>
      <c r="C68946" s="1" t="s">
        <v>45</v>
      </c>
      <c r="D68946" s="1" t="s">
        <v>65743</v>
      </c>
      <c r="E68946" s="1" t="s">
        <v>229965</v>
      </c>
      <c r="F68946" s="1" t="s">
        <v>229966</v>
      </c>
      <c r="G68946" s="1" t="s">
        <v>229945</v>
      </c>
      <c r="H68946" s="1" t="s">
        <v>229946</v>
      </c>
      <c r="I68946" s="1" t="s">
        <v>222698</v>
      </c>
      <c r="J68946" s="1" t="s">
        <v>229967</v>
      </c>
    </row>
    <row r="68947" spans="1:10" x14ac:dyDescent="0.35">
      <c r="A68947" s="1" t="s">
        <v>9983</v>
      </c>
      <c r="B68947" s="1" t="s">
        <v>222693</v>
      </c>
      <c r="C68947" s="1" t="s">
        <v>50</v>
      </c>
      <c r="D68947" s="1" t="s">
        <v>81196</v>
      </c>
      <c r="E68947" s="1" t="s">
        <v>229968</v>
      </c>
      <c r="F68947" s="1" t="s">
        <v>229969</v>
      </c>
      <c r="G68947" s="1" t="s">
        <v>229945</v>
      </c>
      <c r="H68947" s="1" t="s">
        <v>229946</v>
      </c>
      <c r="I68947" s="1" t="s">
        <v>222698</v>
      </c>
      <c r="J68947" s="1" t="s">
        <v>229970</v>
      </c>
    </row>
    <row r="68948" spans="1:10" x14ac:dyDescent="0.35">
      <c r="A68948" s="1" t="s">
        <v>9983</v>
      </c>
      <c r="B68948" s="1" t="s">
        <v>222693</v>
      </c>
      <c r="C68948" s="1" t="s">
        <v>55</v>
      </c>
      <c r="D68948" s="1" t="s">
        <v>7704</v>
      </c>
      <c r="E68948" s="1" t="s">
        <v>229971</v>
      </c>
      <c r="F68948" s="1" t="s">
        <v>229972</v>
      </c>
      <c r="G68948" s="1" t="s">
        <v>229945</v>
      </c>
      <c r="H68948" s="1" t="s">
        <v>229946</v>
      </c>
      <c r="I68948" s="1" t="s">
        <v>222698</v>
      </c>
      <c r="J68948" s="1" t="s">
        <v>229973</v>
      </c>
    </row>
    <row r="68949" spans="1:10" x14ac:dyDescent="0.35">
      <c r="A68949" s="1" t="s">
        <v>9983</v>
      </c>
      <c r="B68949" s="1" t="s">
        <v>222693</v>
      </c>
      <c r="C68949" s="1" t="s">
        <v>60</v>
      </c>
      <c r="D68949" s="1" t="s">
        <v>61535</v>
      </c>
      <c r="E68949" s="1" t="s">
        <v>229974</v>
      </c>
      <c r="F68949" s="1" t="s">
        <v>229975</v>
      </c>
      <c r="G68949" s="1" t="s">
        <v>229945</v>
      </c>
      <c r="H68949" s="1" t="s">
        <v>229946</v>
      </c>
      <c r="I68949" s="1" t="s">
        <v>222698</v>
      </c>
      <c r="J68949" s="1" t="s">
        <v>229976</v>
      </c>
    </row>
    <row r="68950" spans="1:10" x14ac:dyDescent="0.35">
      <c r="A68950" s="1" t="s">
        <v>9983</v>
      </c>
      <c r="B68950" s="1" t="s">
        <v>222693</v>
      </c>
      <c r="C68950" s="1" t="s">
        <v>65</v>
      </c>
      <c r="D68950" s="1" t="s">
        <v>229977</v>
      </c>
      <c r="E68950" s="1" t="s">
        <v>229978</v>
      </c>
      <c r="F68950" s="1" t="s">
        <v>229979</v>
      </c>
      <c r="G68950" s="1" t="s">
        <v>229945</v>
      </c>
      <c r="H68950" s="1" t="s">
        <v>229946</v>
      </c>
      <c r="I68950" s="1" t="s">
        <v>222698</v>
      </c>
      <c r="J68950" s="1" t="s">
        <v>229980</v>
      </c>
    </row>
    <row r="68951" spans="1:10" x14ac:dyDescent="0.35">
      <c r="A68951" s="1" t="s">
        <v>9983</v>
      </c>
      <c r="B68951" s="1" t="s">
        <v>222693</v>
      </c>
      <c r="C68951" s="1" t="s">
        <v>70</v>
      </c>
      <c r="D68951" s="1" t="s">
        <v>2786</v>
      </c>
      <c r="E68951" s="1" t="s">
        <v>229981</v>
      </c>
      <c r="F68951" s="1" t="s">
        <v>229982</v>
      </c>
      <c r="G68951" s="1" t="s">
        <v>229945</v>
      </c>
      <c r="H68951" s="1" t="s">
        <v>229946</v>
      </c>
      <c r="I68951" s="1" t="s">
        <v>222698</v>
      </c>
      <c r="J68951" s="1" t="s">
        <v>229983</v>
      </c>
    </row>
    <row r="68952" spans="1:10" x14ac:dyDescent="0.35">
      <c r="A68952" s="1" t="s">
        <v>9983</v>
      </c>
      <c r="B68952" s="1" t="s">
        <v>222693</v>
      </c>
      <c r="C68952" s="1" t="s">
        <v>75</v>
      </c>
      <c r="D68952" s="1" t="s">
        <v>88136</v>
      </c>
      <c r="E68952" s="1" t="s">
        <v>229984</v>
      </c>
      <c r="F68952" s="1" t="s">
        <v>229985</v>
      </c>
      <c r="G68952" s="1" t="s">
        <v>229945</v>
      </c>
      <c r="H68952" s="1" t="s">
        <v>229946</v>
      </c>
      <c r="I68952" s="1" t="s">
        <v>222698</v>
      </c>
      <c r="J68952" s="1" t="s">
        <v>229986</v>
      </c>
    </row>
    <row r="68953" spans="1:10" x14ac:dyDescent="0.35">
      <c r="A68953" s="1" t="s">
        <v>9983</v>
      </c>
      <c r="B68953" s="1" t="s">
        <v>222693</v>
      </c>
      <c r="C68953" s="1" t="s">
        <v>80</v>
      </c>
      <c r="D68953" s="1" t="s">
        <v>229987</v>
      </c>
      <c r="E68953" s="1" t="s">
        <v>229988</v>
      </c>
      <c r="F68953" s="1" t="s">
        <v>229989</v>
      </c>
      <c r="G68953" s="1" t="s">
        <v>229945</v>
      </c>
      <c r="H68953" s="1" t="s">
        <v>229946</v>
      </c>
      <c r="I68953" s="1" t="s">
        <v>222698</v>
      </c>
      <c r="J68953" s="1" t="s">
        <v>229990</v>
      </c>
    </row>
    <row r="68954" spans="1:10" x14ac:dyDescent="0.35">
      <c r="A68954" s="1" t="s">
        <v>9983</v>
      </c>
      <c r="B68954" s="1" t="s">
        <v>222693</v>
      </c>
      <c r="C68954" s="1" t="s">
        <v>85</v>
      </c>
      <c r="D68954" s="1" t="s">
        <v>70546</v>
      </c>
      <c r="E68954" s="1" t="s">
        <v>229991</v>
      </c>
      <c r="F68954" s="1" t="s">
        <v>229992</v>
      </c>
      <c r="G68954" s="1" t="s">
        <v>229945</v>
      </c>
      <c r="H68954" s="1" t="s">
        <v>229946</v>
      </c>
      <c r="I68954" s="1" t="s">
        <v>222698</v>
      </c>
      <c r="J68954" s="1" t="s">
        <v>229993</v>
      </c>
    </row>
    <row r="68955" spans="1:10" x14ac:dyDescent="0.35">
      <c r="A68955" s="1" t="s">
        <v>9983</v>
      </c>
      <c r="B68955" s="1" t="s">
        <v>222693</v>
      </c>
      <c r="C68955" s="1" t="s">
        <v>90</v>
      </c>
      <c r="D68955" s="1" t="s">
        <v>140937</v>
      </c>
      <c r="E68955" s="1" t="s">
        <v>229994</v>
      </c>
      <c r="F68955" s="1" t="s">
        <v>229995</v>
      </c>
      <c r="G68955" s="1" t="s">
        <v>229945</v>
      </c>
      <c r="H68955" s="1" t="s">
        <v>229946</v>
      </c>
      <c r="I68955" s="1" t="s">
        <v>222698</v>
      </c>
      <c r="J68955" s="1" t="s">
        <v>229996</v>
      </c>
    </row>
    <row r="68956" spans="1:10" x14ac:dyDescent="0.35">
      <c r="A68956" s="1" t="s">
        <v>9983</v>
      </c>
      <c r="B68956" s="1" t="s">
        <v>222693</v>
      </c>
      <c r="C68956" s="1" t="s">
        <v>95</v>
      </c>
      <c r="D68956" s="1" t="s">
        <v>229997</v>
      </c>
      <c r="E68956" s="1" t="s">
        <v>229998</v>
      </c>
      <c r="F68956" s="1" t="s">
        <v>229999</v>
      </c>
      <c r="G68956" s="1" t="s">
        <v>229945</v>
      </c>
      <c r="H68956" s="1" t="s">
        <v>229946</v>
      </c>
      <c r="I68956" s="1" t="s">
        <v>222698</v>
      </c>
      <c r="J68956" s="1" t="s">
        <v>230000</v>
      </c>
    </row>
    <row r="68957" spans="1:10" x14ac:dyDescent="0.35">
      <c r="A68957" s="1" t="s">
        <v>9983</v>
      </c>
      <c r="B68957" s="1" t="s">
        <v>222693</v>
      </c>
      <c r="C68957" s="1" t="s">
        <v>100</v>
      </c>
      <c r="D68957" s="1" t="s">
        <v>230001</v>
      </c>
      <c r="E68957" s="1" t="s">
        <v>230002</v>
      </c>
      <c r="F68957" s="1" t="s">
        <v>230003</v>
      </c>
      <c r="G68957" s="1" t="s">
        <v>229945</v>
      </c>
      <c r="H68957" s="1" t="s">
        <v>229946</v>
      </c>
      <c r="I68957" s="1" t="s">
        <v>222698</v>
      </c>
      <c r="J68957" s="1" t="s">
        <v>230004</v>
      </c>
    </row>
    <row r="68958" spans="1:10" x14ac:dyDescent="0.35">
      <c r="A68958" s="1" t="s">
        <v>9983</v>
      </c>
      <c r="B68958" s="1" t="s">
        <v>222693</v>
      </c>
      <c r="C68958" s="1" t="s">
        <v>105</v>
      </c>
      <c r="D68958" s="1" t="s">
        <v>22702</v>
      </c>
      <c r="E68958" s="1" t="s">
        <v>230005</v>
      </c>
      <c r="F68958" s="1" t="s">
        <v>230006</v>
      </c>
      <c r="G68958" s="1" t="s">
        <v>229945</v>
      </c>
      <c r="H68958" s="1" t="s">
        <v>229946</v>
      </c>
      <c r="I68958" s="1" t="s">
        <v>222698</v>
      </c>
      <c r="J68958" s="1" t="s">
        <v>230007</v>
      </c>
    </row>
    <row r="68959" spans="1:10" x14ac:dyDescent="0.35">
      <c r="A68959" s="1" t="s">
        <v>9983</v>
      </c>
      <c r="B68959" s="1" t="s">
        <v>222693</v>
      </c>
      <c r="C68959" s="1" t="s">
        <v>110</v>
      </c>
      <c r="D68959" s="1" t="s">
        <v>89276</v>
      </c>
      <c r="E68959" s="1" t="s">
        <v>230008</v>
      </c>
      <c r="F68959" s="1" t="s">
        <v>230009</v>
      </c>
      <c r="G68959" s="1" t="s">
        <v>229945</v>
      </c>
      <c r="H68959" s="1" t="s">
        <v>229946</v>
      </c>
      <c r="I68959" s="1" t="s">
        <v>222698</v>
      </c>
      <c r="J68959" s="1" t="s">
        <v>230010</v>
      </c>
    </row>
    <row r="68960" spans="1:10" x14ac:dyDescent="0.35">
      <c r="A68960" s="1" t="s">
        <v>9983</v>
      </c>
      <c r="B68960" s="1" t="s">
        <v>222693</v>
      </c>
      <c r="C68960" s="1" t="s">
        <v>115</v>
      </c>
      <c r="D68960" s="1" t="s">
        <v>199997</v>
      </c>
      <c r="E68960" s="1" t="s">
        <v>230011</v>
      </c>
      <c r="F68960" s="1" t="s">
        <v>230012</v>
      </c>
      <c r="G68960" s="1" t="s">
        <v>229945</v>
      </c>
      <c r="H68960" s="1" t="s">
        <v>229946</v>
      </c>
      <c r="I68960" s="1" t="s">
        <v>222698</v>
      </c>
      <c r="J68960" s="1" t="s">
        <v>230013</v>
      </c>
    </row>
    <row r="68961" spans="1:10" x14ac:dyDescent="0.35">
      <c r="A68961" s="1" t="s">
        <v>9983</v>
      </c>
      <c r="B68961" s="1" t="s">
        <v>222693</v>
      </c>
      <c r="C68961" s="1" t="s">
        <v>120</v>
      </c>
      <c r="D68961" s="1" t="s">
        <v>167558</v>
      </c>
      <c r="E68961" s="1" t="s">
        <v>230014</v>
      </c>
      <c r="F68961" s="1" t="s">
        <v>230015</v>
      </c>
      <c r="G68961" s="1" t="s">
        <v>229945</v>
      </c>
      <c r="H68961" s="1" t="s">
        <v>229946</v>
      </c>
      <c r="I68961" s="1" t="s">
        <v>222698</v>
      </c>
      <c r="J68961" s="1" t="s">
        <v>230016</v>
      </c>
    </row>
    <row r="68962" spans="1:10" x14ac:dyDescent="0.35">
      <c r="A68962" s="1" t="s">
        <v>9983</v>
      </c>
      <c r="B68962" s="1" t="s">
        <v>222693</v>
      </c>
      <c r="C68962" s="1" t="s">
        <v>125</v>
      </c>
      <c r="D68962" s="1" t="s">
        <v>126730</v>
      </c>
      <c r="E68962" s="1" t="s">
        <v>230017</v>
      </c>
      <c r="F68962" s="1" t="s">
        <v>230018</v>
      </c>
      <c r="G68962" s="1" t="s">
        <v>229945</v>
      </c>
      <c r="H68962" s="1" t="s">
        <v>229946</v>
      </c>
      <c r="I68962" s="1" t="s">
        <v>222698</v>
      </c>
      <c r="J68962" s="1" t="s">
        <v>230019</v>
      </c>
    </row>
    <row r="68963" spans="1:10" x14ac:dyDescent="0.35">
      <c r="A68963" s="1" t="s">
        <v>9983</v>
      </c>
      <c r="B68963" s="1" t="s">
        <v>222693</v>
      </c>
      <c r="C68963" s="1" t="s">
        <v>130</v>
      </c>
      <c r="D68963" s="1" t="s">
        <v>230020</v>
      </c>
      <c r="E68963" s="1" t="s">
        <v>230021</v>
      </c>
      <c r="F68963" s="1" t="s">
        <v>230022</v>
      </c>
      <c r="G68963" s="1" t="s">
        <v>229945</v>
      </c>
      <c r="H68963" s="1" t="s">
        <v>229946</v>
      </c>
      <c r="I68963" s="1" t="s">
        <v>222698</v>
      </c>
      <c r="J68963" s="1" t="s">
        <v>230023</v>
      </c>
    </row>
    <row r="68964" spans="1:10" x14ac:dyDescent="0.35">
      <c r="A68964" s="1" t="s">
        <v>9983</v>
      </c>
      <c r="B68964" s="1" t="s">
        <v>222693</v>
      </c>
      <c r="C68964" s="1" t="s">
        <v>135</v>
      </c>
      <c r="D68964" s="1" t="s">
        <v>230024</v>
      </c>
      <c r="E68964" s="1" t="s">
        <v>230025</v>
      </c>
      <c r="F68964" s="1" t="s">
        <v>230026</v>
      </c>
      <c r="G68964" s="1" t="s">
        <v>229945</v>
      </c>
      <c r="H68964" s="1" t="s">
        <v>229946</v>
      </c>
      <c r="I68964" s="1" t="s">
        <v>222698</v>
      </c>
      <c r="J68964" s="1" t="s">
        <v>230027</v>
      </c>
    </row>
    <row r="68965" spans="1:10" x14ac:dyDescent="0.35">
      <c r="A68965" s="1" t="s">
        <v>9983</v>
      </c>
      <c r="B68965" s="1" t="s">
        <v>222693</v>
      </c>
      <c r="C68965" s="1" t="s">
        <v>140</v>
      </c>
      <c r="D68965" s="1" t="s">
        <v>230028</v>
      </c>
      <c r="E68965" s="1" t="s">
        <v>230029</v>
      </c>
      <c r="F68965" s="1" t="s">
        <v>230030</v>
      </c>
      <c r="G68965" s="1" t="s">
        <v>229945</v>
      </c>
      <c r="H68965" s="1" t="s">
        <v>229946</v>
      </c>
      <c r="I68965" s="1" t="s">
        <v>222698</v>
      </c>
      <c r="J68965" s="1" t="s">
        <v>230031</v>
      </c>
    </row>
    <row r="68966" spans="1:10" x14ac:dyDescent="0.35">
      <c r="A68966" s="1" t="s">
        <v>9983</v>
      </c>
      <c r="B68966" s="1" t="s">
        <v>222693</v>
      </c>
      <c r="C68966" s="1" t="s">
        <v>145</v>
      </c>
      <c r="D68966" s="1" t="s">
        <v>114010</v>
      </c>
      <c r="E68966" s="1" t="s">
        <v>230032</v>
      </c>
      <c r="F68966" s="1" t="s">
        <v>230033</v>
      </c>
      <c r="G68966" s="1" t="s">
        <v>229945</v>
      </c>
      <c r="H68966" s="1" t="s">
        <v>229946</v>
      </c>
      <c r="I68966" s="1" t="s">
        <v>222698</v>
      </c>
      <c r="J68966" s="1" t="s">
        <v>230034</v>
      </c>
    </row>
    <row r="68967" spans="1:10" x14ac:dyDescent="0.35">
      <c r="A68967" s="1" t="s">
        <v>9983</v>
      </c>
      <c r="B68967" s="1" t="s">
        <v>222693</v>
      </c>
      <c r="C68967" s="1" t="s">
        <v>150</v>
      </c>
      <c r="D68967" s="1" t="s">
        <v>2798</v>
      </c>
      <c r="E68967" s="1" t="s">
        <v>230035</v>
      </c>
      <c r="F68967" s="1" t="s">
        <v>230036</v>
      </c>
      <c r="G68967" s="1" t="s">
        <v>229945</v>
      </c>
      <c r="H68967" s="1" t="s">
        <v>229946</v>
      </c>
      <c r="I68967" s="1" t="s">
        <v>222698</v>
      </c>
      <c r="J68967" s="1" t="s">
        <v>230037</v>
      </c>
    </row>
    <row r="68968" spans="1:10" x14ac:dyDescent="0.35">
      <c r="A68968" s="1" t="s">
        <v>9983</v>
      </c>
      <c r="B68968" s="1" t="s">
        <v>222693</v>
      </c>
      <c r="C68968" s="1" t="s">
        <v>155</v>
      </c>
      <c r="D68968" s="1" t="s">
        <v>83791</v>
      </c>
      <c r="E68968" s="1" t="s">
        <v>230038</v>
      </c>
      <c r="F68968" s="1" t="s">
        <v>230039</v>
      </c>
      <c r="G68968" s="1" t="s">
        <v>229945</v>
      </c>
      <c r="H68968" s="1" t="s">
        <v>229946</v>
      </c>
      <c r="I68968" s="1" t="s">
        <v>222698</v>
      </c>
      <c r="J68968" s="1" t="s">
        <v>230040</v>
      </c>
    </row>
    <row r="68969" spans="1:10" x14ac:dyDescent="0.35">
      <c r="A68969" s="1" t="s">
        <v>9983</v>
      </c>
      <c r="B68969" s="1" t="s">
        <v>222693</v>
      </c>
      <c r="C68969" s="1" t="s">
        <v>160</v>
      </c>
      <c r="D68969" s="1" t="s">
        <v>230041</v>
      </c>
      <c r="E68969" s="1" t="s">
        <v>230042</v>
      </c>
      <c r="F68969" s="1" t="s">
        <v>230043</v>
      </c>
      <c r="G68969" s="1" t="s">
        <v>229945</v>
      </c>
      <c r="H68969" s="1" t="s">
        <v>229946</v>
      </c>
      <c r="I68969" s="1" t="s">
        <v>222698</v>
      </c>
      <c r="J68969" s="1" t="s">
        <v>230044</v>
      </c>
    </row>
    <row r="68970" spans="1:10" x14ac:dyDescent="0.35">
      <c r="A68970" s="1" t="s">
        <v>9983</v>
      </c>
      <c r="B68970" s="1" t="s">
        <v>222693</v>
      </c>
      <c r="C68970" s="1" t="s">
        <v>165</v>
      </c>
      <c r="D68970" s="1" t="s">
        <v>229773</v>
      </c>
      <c r="E68970" s="1" t="s">
        <v>230045</v>
      </c>
      <c r="F68970" s="1" t="s">
        <v>230046</v>
      </c>
      <c r="G68970" s="1" t="s">
        <v>229945</v>
      </c>
      <c r="H68970" s="1" t="s">
        <v>229946</v>
      </c>
      <c r="I68970" s="1" t="s">
        <v>222698</v>
      </c>
      <c r="J68970" s="1" t="s">
        <v>230047</v>
      </c>
    </row>
    <row r="68971" spans="1:10" x14ac:dyDescent="0.35">
      <c r="A68971" s="1" t="s">
        <v>9983</v>
      </c>
      <c r="B68971" s="1" t="s">
        <v>222693</v>
      </c>
      <c r="C68971" s="1" t="s">
        <v>170</v>
      </c>
      <c r="D68971" s="1" t="s">
        <v>130103</v>
      </c>
      <c r="E68971" s="1" t="s">
        <v>230048</v>
      </c>
      <c r="F68971" s="1" t="s">
        <v>230049</v>
      </c>
      <c r="G68971" s="1" t="s">
        <v>229945</v>
      </c>
      <c r="H68971" s="1" t="s">
        <v>229946</v>
      </c>
      <c r="I68971" s="1" t="s">
        <v>222698</v>
      </c>
      <c r="J68971" s="1" t="s">
        <v>230050</v>
      </c>
    </row>
    <row r="68972" spans="1:10" x14ac:dyDescent="0.35">
      <c r="A68972" s="1" t="s">
        <v>15055</v>
      </c>
      <c r="B68972" s="1" t="s">
        <v>222693</v>
      </c>
      <c r="C68972" s="1" t="s">
        <v>8</v>
      </c>
      <c r="D68972" s="1" t="s">
        <v>85326</v>
      </c>
      <c r="E68972" s="1" t="s">
        <v>230051</v>
      </c>
      <c r="F68972" s="1" t="s">
        <v>230052</v>
      </c>
      <c r="G68972" s="1" t="s">
        <v>230053</v>
      </c>
      <c r="H68972" s="1" t="s">
        <v>230054</v>
      </c>
      <c r="I68972" s="1" t="s">
        <v>222698</v>
      </c>
      <c r="J68972" s="1" t="s">
        <v>13</v>
      </c>
    </row>
    <row r="68973" spans="1:10" x14ac:dyDescent="0.35">
      <c r="A68973" s="1" t="s">
        <v>15055</v>
      </c>
      <c r="B68973" s="1" t="s">
        <v>222693</v>
      </c>
      <c r="C68973" s="1" t="s">
        <v>15</v>
      </c>
      <c r="D68973" s="1" t="s">
        <v>163104</v>
      </c>
      <c r="E68973" s="1" t="s">
        <v>230055</v>
      </c>
      <c r="F68973" s="1" t="s">
        <v>230056</v>
      </c>
      <c r="G68973" s="1" t="s">
        <v>230053</v>
      </c>
      <c r="H68973" s="1" t="s">
        <v>230054</v>
      </c>
      <c r="I68973" s="1" t="s">
        <v>222698</v>
      </c>
      <c r="J68973" s="1" t="s">
        <v>230057</v>
      </c>
    </row>
    <row r="68974" spans="1:10" x14ac:dyDescent="0.35">
      <c r="A68974" s="1" t="s">
        <v>15055</v>
      </c>
      <c r="B68974" s="1" t="s">
        <v>222693</v>
      </c>
      <c r="C68974" s="1" t="s">
        <v>20</v>
      </c>
      <c r="D68974" s="1" t="s">
        <v>58746</v>
      </c>
      <c r="E68974" s="1" t="s">
        <v>230058</v>
      </c>
      <c r="F68974" s="1" t="s">
        <v>230059</v>
      </c>
      <c r="G68974" s="1" t="s">
        <v>230053</v>
      </c>
      <c r="H68974" s="1" t="s">
        <v>230054</v>
      </c>
      <c r="I68974" s="1" t="s">
        <v>222698</v>
      </c>
      <c r="J68974" s="1" t="s">
        <v>230060</v>
      </c>
    </row>
    <row r="68975" spans="1:10" x14ac:dyDescent="0.35">
      <c r="A68975" s="1" t="s">
        <v>15055</v>
      </c>
      <c r="B68975" s="1" t="s">
        <v>222693</v>
      </c>
      <c r="C68975" s="1" t="s">
        <v>25</v>
      </c>
      <c r="D68975" s="1" t="s">
        <v>17367</v>
      </c>
      <c r="E68975" s="1" t="s">
        <v>230061</v>
      </c>
      <c r="F68975" s="1" t="s">
        <v>230062</v>
      </c>
      <c r="G68975" s="1" t="s">
        <v>230053</v>
      </c>
      <c r="H68975" s="1" t="s">
        <v>230054</v>
      </c>
      <c r="I68975" s="1" t="s">
        <v>222698</v>
      </c>
      <c r="J68975" s="1" t="s">
        <v>230063</v>
      </c>
    </row>
    <row r="68976" spans="1:10" x14ac:dyDescent="0.35">
      <c r="A68976" s="1" t="s">
        <v>15055</v>
      </c>
      <c r="B68976" s="1" t="s">
        <v>222693</v>
      </c>
      <c r="C68976" s="1" t="s">
        <v>30</v>
      </c>
      <c r="D68976" s="1" t="s">
        <v>63738</v>
      </c>
      <c r="E68976" s="1" t="s">
        <v>230064</v>
      </c>
      <c r="F68976" s="1" t="s">
        <v>230065</v>
      </c>
      <c r="G68976" s="1" t="s">
        <v>230053</v>
      </c>
      <c r="H68976" s="1" t="s">
        <v>230054</v>
      </c>
      <c r="I68976" s="1" t="s">
        <v>222698</v>
      </c>
      <c r="J68976" s="1" t="s">
        <v>230066</v>
      </c>
    </row>
    <row r="68977" spans="1:10" x14ac:dyDescent="0.35">
      <c r="A68977" s="1" t="s">
        <v>15055</v>
      </c>
      <c r="B68977" s="1" t="s">
        <v>222693</v>
      </c>
      <c r="C68977" s="1" t="s">
        <v>35</v>
      </c>
      <c r="D68977" s="1" t="s">
        <v>136069</v>
      </c>
      <c r="E68977" s="1" t="s">
        <v>230067</v>
      </c>
      <c r="F68977" s="1" t="s">
        <v>230068</v>
      </c>
      <c r="G68977" s="1" t="s">
        <v>230053</v>
      </c>
      <c r="H68977" s="1" t="s">
        <v>230054</v>
      </c>
      <c r="I68977" s="1" t="s">
        <v>222698</v>
      </c>
      <c r="J68977" s="1" t="s">
        <v>230069</v>
      </c>
    </row>
    <row r="68978" spans="1:10" x14ac:dyDescent="0.35">
      <c r="A68978" s="1" t="s">
        <v>15055</v>
      </c>
      <c r="B68978" s="1" t="s">
        <v>222693</v>
      </c>
      <c r="C68978" s="1" t="s">
        <v>40</v>
      </c>
      <c r="D68978" s="1" t="s">
        <v>40372</v>
      </c>
      <c r="E68978" s="1" t="s">
        <v>230070</v>
      </c>
      <c r="F68978" s="1" t="s">
        <v>230071</v>
      </c>
      <c r="G68978" s="1" t="s">
        <v>230053</v>
      </c>
      <c r="H68978" s="1" t="s">
        <v>230054</v>
      </c>
      <c r="I68978" s="1" t="s">
        <v>222698</v>
      </c>
      <c r="J68978" s="1" t="s">
        <v>230072</v>
      </c>
    </row>
    <row r="68979" spans="1:10" x14ac:dyDescent="0.35">
      <c r="A68979" s="1" t="s">
        <v>15055</v>
      </c>
      <c r="B68979" s="1" t="s">
        <v>222693</v>
      </c>
      <c r="C68979" s="1" t="s">
        <v>45</v>
      </c>
      <c r="D68979" s="1" t="s">
        <v>230073</v>
      </c>
      <c r="E68979" s="1" t="s">
        <v>230074</v>
      </c>
      <c r="F68979" s="1" t="s">
        <v>230075</v>
      </c>
      <c r="G68979" s="1" t="s">
        <v>230053</v>
      </c>
      <c r="H68979" s="1" t="s">
        <v>230054</v>
      </c>
      <c r="I68979" s="1" t="s">
        <v>222698</v>
      </c>
      <c r="J68979" s="1" t="s">
        <v>230076</v>
      </c>
    </row>
    <row r="68980" spans="1:10" x14ac:dyDescent="0.35">
      <c r="A68980" s="1" t="s">
        <v>15055</v>
      </c>
      <c r="B68980" s="1" t="s">
        <v>222693</v>
      </c>
      <c r="C68980" s="1" t="s">
        <v>50</v>
      </c>
      <c r="D68980" s="1" t="s">
        <v>56268</v>
      </c>
      <c r="E68980" s="1" t="s">
        <v>230077</v>
      </c>
      <c r="F68980" s="1" t="s">
        <v>230078</v>
      </c>
      <c r="G68980" s="1" t="s">
        <v>230053</v>
      </c>
      <c r="H68980" s="1" t="s">
        <v>230054</v>
      </c>
      <c r="I68980" s="1" t="s">
        <v>222698</v>
      </c>
      <c r="J68980" s="1" t="s">
        <v>230079</v>
      </c>
    </row>
    <row r="68981" spans="1:10" x14ac:dyDescent="0.35">
      <c r="A68981" s="1" t="s">
        <v>15055</v>
      </c>
      <c r="B68981" s="1" t="s">
        <v>222693</v>
      </c>
      <c r="C68981" s="1" t="s">
        <v>55</v>
      </c>
      <c r="D68981" s="1" t="s">
        <v>56835</v>
      </c>
      <c r="E68981" s="1" t="s">
        <v>230080</v>
      </c>
      <c r="F68981" s="1" t="s">
        <v>230081</v>
      </c>
      <c r="G68981" s="1" t="s">
        <v>230053</v>
      </c>
      <c r="H68981" s="1" t="s">
        <v>230054</v>
      </c>
      <c r="I68981" s="1" t="s">
        <v>222698</v>
      </c>
      <c r="J68981" s="1" t="s">
        <v>230082</v>
      </c>
    </row>
    <row r="68982" spans="1:10" x14ac:dyDescent="0.35">
      <c r="A68982" s="1" t="s">
        <v>15055</v>
      </c>
      <c r="B68982" s="1" t="s">
        <v>222693</v>
      </c>
      <c r="C68982" s="1" t="s">
        <v>60</v>
      </c>
      <c r="D68982" s="1" t="s">
        <v>230083</v>
      </c>
      <c r="E68982" s="1" t="s">
        <v>230084</v>
      </c>
      <c r="F68982" s="1" t="s">
        <v>230085</v>
      </c>
      <c r="G68982" s="1" t="s">
        <v>230053</v>
      </c>
      <c r="H68982" s="1" t="s">
        <v>230054</v>
      </c>
      <c r="I68982" s="1" t="s">
        <v>222698</v>
      </c>
      <c r="J68982" s="1" t="s">
        <v>230086</v>
      </c>
    </row>
    <row r="68983" spans="1:10" x14ac:dyDescent="0.35">
      <c r="A68983" s="1" t="s">
        <v>15055</v>
      </c>
      <c r="B68983" s="1" t="s">
        <v>222693</v>
      </c>
      <c r="C68983" s="1" t="s">
        <v>65</v>
      </c>
      <c r="D68983" s="1" t="s">
        <v>54992</v>
      </c>
      <c r="E68983" s="1" t="s">
        <v>230087</v>
      </c>
      <c r="F68983" s="1" t="s">
        <v>230088</v>
      </c>
      <c r="G68983" s="1" t="s">
        <v>230053</v>
      </c>
      <c r="H68983" s="1" t="s">
        <v>230054</v>
      </c>
      <c r="I68983" s="1" t="s">
        <v>222698</v>
      </c>
      <c r="J68983" s="1" t="s">
        <v>230089</v>
      </c>
    </row>
    <row r="68984" spans="1:10" x14ac:dyDescent="0.35">
      <c r="A68984" s="1" t="s">
        <v>15055</v>
      </c>
      <c r="B68984" s="1" t="s">
        <v>222693</v>
      </c>
      <c r="C68984" s="1" t="s">
        <v>70</v>
      </c>
      <c r="D68984" s="1" t="s">
        <v>90731</v>
      </c>
      <c r="E68984" s="1" t="s">
        <v>230090</v>
      </c>
      <c r="F68984" s="1" t="s">
        <v>230091</v>
      </c>
      <c r="G68984" s="1" t="s">
        <v>230053</v>
      </c>
      <c r="H68984" s="1" t="s">
        <v>230054</v>
      </c>
      <c r="I68984" s="1" t="s">
        <v>222698</v>
      </c>
      <c r="J68984" s="1" t="s">
        <v>230092</v>
      </c>
    </row>
    <row r="68985" spans="1:10" x14ac:dyDescent="0.35">
      <c r="A68985" s="1" t="s">
        <v>15055</v>
      </c>
      <c r="B68985" s="1" t="s">
        <v>222693</v>
      </c>
      <c r="C68985" s="1" t="s">
        <v>75</v>
      </c>
      <c r="D68985" s="1" t="s">
        <v>230093</v>
      </c>
      <c r="E68985" s="1" t="s">
        <v>230094</v>
      </c>
      <c r="F68985" s="1" t="s">
        <v>230095</v>
      </c>
      <c r="G68985" s="1" t="s">
        <v>230053</v>
      </c>
      <c r="H68985" s="1" t="s">
        <v>230054</v>
      </c>
      <c r="I68985" s="1" t="s">
        <v>222698</v>
      </c>
      <c r="J68985" s="1" t="s">
        <v>230096</v>
      </c>
    </row>
    <row r="68986" spans="1:10" x14ac:dyDescent="0.35">
      <c r="A68986" s="1" t="s">
        <v>15055</v>
      </c>
      <c r="B68986" s="1" t="s">
        <v>222693</v>
      </c>
      <c r="C68986" s="1" t="s">
        <v>80</v>
      </c>
      <c r="D68986" s="1" t="s">
        <v>100843</v>
      </c>
      <c r="E68986" s="1" t="s">
        <v>230097</v>
      </c>
      <c r="F68986" s="1" t="s">
        <v>230098</v>
      </c>
      <c r="G68986" s="1" t="s">
        <v>230053</v>
      </c>
      <c r="H68986" s="1" t="s">
        <v>230054</v>
      </c>
      <c r="I68986" s="1" t="s">
        <v>222698</v>
      </c>
      <c r="J68986" s="1" t="s">
        <v>230099</v>
      </c>
    </row>
    <row r="68987" spans="1:10" x14ac:dyDescent="0.35">
      <c r="A68987" s="1" t="s">
        <v>15055</v>
      </c>
      <c r="B68987" s="1" t="s">
        <v>222693</v>
      </c>
      <c r="C68987" s="1" t="s">
        <v>85</v>
      </c>
      <c r="D68987" s="1" t="s">
        <v>230100</v>
      </c>
      <c r="E68987" s="1" t="s">
        <v>230101</v>
      </c>
      <c r="F68987" s="1" t="s">
        <v>230102</v>
      </c>
      <c r="G68987" s="1" t="s">
        <v>230053</v>
      </c>
      <c r="H68987" s="1" t="s">
        <v>230054</v>
      </c>
      <c r="I68987" s="1" t="s">
        <v>222698</v>
      </c>
      <c r="J68987" s="1" t="s">
        <v>230103</v>
      </c>
    </row>
    <row r="68988" spans="1:10" x14ac:dyDescent="0.35">
      <c r="A68988" s="1" t="s">
        <v>15055</v>
      </c>
      <c r="B68988" s="1" t="s">
        <v>222693</v>
      </c>
      <c r="C68988" s="1" t="s">
        <v>90</v>
      </c>
      <c r="D68988" s="1" t="s">
        <v>163497</v>
      </c>
      <c r="E68988" s="1" t="s">
        <v>230104</v>
      </c>
      <c r="F68988" s="1" t="s">
        <v>230105</v>
      </c>
      <c r="G68988" s="1" t="s">
        <v>230053</v>
      </c>
      <c r="H68988" s="1" t="s">
        <v>230054</v>
      </c>
      <c r="I68988" s="1" t="s">
        <v>222698</v>
      </c>
      <c r="J68988" s="1" t="s">
        <v>230106</v>
      </c>
    </row>
    <row r="68989" spans="1:10" x14ac:dyDescent="0.35">
      <c r="A68989" s="1" t="s">
        <v>15055</v>
      </c>
      <c r="B68989" s="1" t="s">
        <v>222693</v>
      </c>
      <c r="C68989" s="1" t="s">
        <v>95</v>
      </c>
      <c r="D68989" s="1" t="s">
        <v>63235</v>
      </c>
      <c r="E68989" s="1" t="s">
        <v>230107</v>
      </c>
      <c r="F68989" s="1" t="s">
        <v>230108</v>
      </c>
      <c r="G68989" s="1" t="s">
        <v>230053</v>
      </c>
      <c r="H68989" s="1" t="s">
        <v>230054</v>
      </c>
      <c r="I68989" s="1" t="s">
        <v>222698</v>
      </c>
      <c r="J68989" s="1" t="s">
        <v>230109</v>
      </c>
    </row>
    <row r="68990" spans="1:10" x14ac:dyDescent="0.35">
      <c r="A68990" s="1" t="s">
        <v>15055</v>
      </c>
      <c r="B68990" s="1" t="s">
        <v>222693</v>
      </c>
      <c r="C68990" s="1" t="s">
        <v>100</v>
      </c>
      <c r="D68990" s="1" t="s">
        <v>230110</v>
      </c>
      <c r="E68990" s="1" t="s">
        <v>230111</v>
      </c>
      <c r="F68990" s="1" t="s">
        <v>230112</v>
      </c>
      <c r="G68990" s="1" t="s">
        <v>230053</v>
      </c>
      <c r="H68990" s="1" t="s">
        <v>230054</v>
      </c>
      <c r="I68990" s="1" t="s">
        <v>222698</v>
      </c>
      <c r="J68990" s="1" t="s">
        <v>230113</v>
      </c>
    </row>
    <row r="68991" spans="1:10" x14ac:dyDescent="0.35">
      <c r="A68991" s="1" t="s">
        <v>15055</v>
      </c>
      <c r="B68991" s="1" t="s">
        <v>222693</v>
      </c>
      <c r="C68991" s="1" t="s">
        <v>105</v>
      </c>
      <c r="D68991" s="1" t="s">
        <v>222761</v>
      </c>
      <c r="E68991" s="1" t="s">
        <v>230114</v>
      </c>
      <c r="F68991" s="1" t="s">
        <v>230115</v>
      </c>
      <c r="G68991" s="1" t="s">
        <v>230053</v>
      </c>
      <c r="H68991" s="1" t="s">
        <v>230054</v>
      </c>
      <c r="I68991" s="1" t="s">
        <v>222698</v>
      </c>
      <c r="J68991" s="1" t="s">
        <v>230116</v>
      </c>
    </row>
    <row r="68992" spans="1:10" x14ac:dyDescent="0.35">
      <c r="A68992" s="1" t="s">
        <v>15055</v>
      </c>
      <c r="B68992" s="1" t="s">
        <v>222693</v>
      </c>
      <c r="C68992" s="1" t="s">
        <v>110</v>
      </c>
      <c r="D68992" s="1" t="s">
        <v>230117</v>
      </c>
      <c r="E68992" s="1" t="s">
        <v>230118</v>
      </c>
      <c r="F68992" s="1" t="s">
        <v>230119</v>
      </c>
      <c r="G68992" s="1" t="s">
        <v>230053</v>
      </c>
      <c r="H68992" s="1" t="s">
        <v>230054</v>
      </c>
      <c r="I68992" s="1" t="s">
        <v>222698</v>
      </c>
      <c r="J68992" s="1" t="s">
        <v>230120</v>
      </c>
    </row>
    <row r="68993" spans="1:10" x14ac:dyDescent="0.35">
      <c r="A68993" s="1" t="s">
        <v>15055</v>
      </c>
      <c r="B68993" s="1" t="s">
        <v>222693</v>
      </c>
      <c r="C68993" s="1" t="s">
        <v>115</v>
      </c>
      <c r="D68993" s="1" t="s">
        <v>230121</v>
      </c>
      <c r="E68993" s="1" t="s">
        <v>230122</v>
      </c>
      <c r="F68993" s="1" t="s">
        <v>230123</v>
      </c>
      <c r="G68993" s="1" t="s">
        <v>230053</v>
      </c>
      <c r="H68993" s="1" t="s">
        <v>230054</v>
      </c>
      <c r="I68993" s="1" t="s">
        <v>222698</v>
      </c>
      <c r="J68993" s="1" t="s">
        <v>230124</v>
      </c>
    </row>
    <row r="68994" spans="1:10" x14ac:dyDescent="0.35">
      <c r="A68994" s="1" t="s">
        <v>15055</v>
      </c>
      <c r="B68994" s="1" t="s">
        <v>222693</v>
      </c>
      <c r="C68994" s="1" t="s">
        <v>120</v>
      </c>
      <c r="D68994" s="1" t="s">
        <v>230125</v>
      </c>
      <c r="E68994" s="1" t="s">
        <v>230126</v>
      </c>
      <c r="F68994" s="1" t="s">
        <v>230127</v>
      </c>
      <c r="G68994" s="1" t="s">
        <v>230053</v>
      </c>
      <c r="H68994" s="1" t="s">
        <v>230054</v>
      </c>
      <c r="I68994" s="1" t="s">
        <v>222698</v>
      </c>
      <c r="J68994" s="1" t="s">
        <v>230128</v>
      </c>
    </row>
    <row r="68995" spans="1:10" x14ac:dyDescent="0.35">
      <c r="A68995" s="1" t="s">
        <v>15055</v>
      </c>
      <c r="B68995" s="1" t="s">
        <v>222693</v>
      </c>
      <c r="C68995" s="1" t="s">
        <v>125</v>
      </c>
      <c r="D68995" s="1" t="s">
        <v>230129</v>
      </c>
      <c r="E68995" s="1" t="s">
        <v>230130</v>
      </c>
      <c r="F68995" s="1" t="s">
        <v>230131</v>
      </c>
      <c r="G68995" s="1" t="s">
        <v>230053</v>
      </c>
      <c r="H68995" s="1" t="s">
        <v>230054</v>
      </c>
      <c r="I68995" s="1" t="s">
        <v>222698</v>
      </c>
      <c r="J68995" s="1" t="s">
        <v>230132</v>
      </c>
    </row>
    <row r="68996" spans="1:10" x14ac:dyDescent="0.35">
      <c r="A68996" s="1" t="s">
        <v>15055</v>
      </c>
      <c r="B68996" s="1" t="s">
        <v>222693</v>
      </c>
      <c r="C68996" s="1" t="s">
        <v>130</v>
      </c>
      <c r="D68996" s="1" t="s">
        <v>230133</v>
      </c>
      <c r="E68996" s="1" t="s">
        <v>230134</v>
      </c>
      <c r="F68996" s="1" t="s">
        <v>230135</v>
      </c>
      <c r="G68996" s="1" t="s">
        <v>230053</v>
      </c>
      <c r="H68996" s="1" t="s">
        <v>230054</v>
      </c>
      <c r="I68996" s="1" t="s">
        <v>222698</v>
      </c>
      <c r="J68996" s="1" t="s">
        <v>230136</v>
      </c>
    </row>
    <row r="68997" spans="1:10" x14ac:dyDescent="0.35">
      <c r="A68997" s="1" t="s">
        <v>15055</v>
      </c>
      <c r="B68997" s="1" t="s">
        <v>222693</v>
      </c>
      <c r="C68997" s="1" t="s">
        <v>135</v>
      </c>
      <c r="D68997" s="1" t="s">
        <v>230137</v>
      </c>
      <c r="E68997" s="1" t="s">
        <v>230138</v>
      </c>
      <c r="F68997" s="1" t="s">
        <v>230139</v>
      </c>
      <c r="G68997" s="1" t="s">
        <v>230053</v>
      </c>
      <c r="H68997" s="1" t="s">
        <v>230054</v>
      </c>
      <c r="I68997" s="1" t="s">
        <v>222698</v>
      </c>
      <c r="J68997" s="1" t="s">
        <v>230140</v>
      </c>
    </row>
    <row r="68998" spans="1:10" x14ac:dyDescent="0.35">
      <c r="A68998" s="1" t="s">
        <v>15055</v>
      </c>
      <c r="B68998" s="1" t="s">
        <v>222693</v>
      </c>
      <c r="C68998" s="1" t="s">
        <v>140</v>
      </c>
      <c r="D68998" s="1" t="s">
        <v>230141</v>
      </c>
      <c r="E68998" s="1" t="s">
        <v>230142</v>
      </c>
      <c r="F68998" s="1" t="s">
        <v>230143</v>
      </c>
      <c r="G68998" s="1" t="s">
        <v>230053</v>
      </c>
      <c r="H68998" s="1" t="s">
        <v>230054</v>
      </c>
      <c r="I68998" s="1" t="s">
        <v>222698</v>
      </c>
      <c r="J68998" s="1" t="s">
        <v>230144</v>
      </c>
    </row>
    <row r="68999" spans="1:10" x14ac:dyDescent="0.35">
      <c r="A68999" s="1" t="s">
        <v>15055</v>
      </c>
      <c r="B68999" s="1" t="s">
        <v>222693</v>
      </c>
      <c r="C68999" s="1" t="s">
        <v>145</v>
      </c>
      <c r="D68999" s="1" t="s">
        <v>230145</v>
      </c>
      <c r="E68999" s="1" t="s">
        <v>230146</v>
      </c>
      <c r="F68999" s="1" t="s">
        <v>230147</v>
      </c>
      <c r="G68999" s="1" t="s">
        <v>230053</v>
      </c>
      <c r="H68999" s="1" t="s">
        <v>230054</v>
      </c>
      <c r="I68999" s="1" t="s">
        <v>222698</v>
      </c>
      <c r="J68999" s="1" t="s">
        <v>230148</v>
      </c>
    </row>
    <row r="69000" spans="1:10" x14ac:dyDescent="0.35">
      <c r="A69000" s="1" t="s">
        <v>15055</v>
      </c>
      <c r="B69000" s="1" t="s">
        <v>222693</v>
      </c>
      <c r="C69000" s="1" t="s">
        <v>150</v>
      </c>
      <c r="D69000" s="1" t="s">
        <v>230149</v>
      </c>
      <c r="E69000" s="1" t="s">
        <v>230150</v>
      </c>
      <c r="F69000" s="1" t="s">
        <v>230151</v>
      </c>
      <c r="G69000" s="1" t="s">
        <v>230053</v>
      </c>
      <c r="H69000" s="1" t="s">
        <v>230054</v>
      </c>
      <c r="I69000" s="1" t="s">
        <v>222698</v>
      </c>
      <c r="J69000" s="1" t="s">
        <v>230152</v>
      </c>
    </row>
    <row r="69001" spans="1:10" x14ac:dyDescent="0.35">
      <c r="A69001" s="1" t="s">
        <v>15055</v>
      </c>
      <c r="B69001" s="1" t="s">
        <v>222693</v>
      </c>
      <c r="C69001" s="1" t="s">
        <v>155</v>
      </c>
      <c r="D69001" s="1" t="s">
        <v>20001</v>
      </c>
      <c r="E69001" s="1" t="s">
        <v>230153</v>
      </c>
      <c r="F69001" s="1" t="s">
        <v>230154</v>
      </c>
      <c r="G69001" s="1" t="s">
        <v>230053</v>
      </c>
      <c r="H69001" s="1" t="s">
        <v>230054</v>
      </c>
      <c r="I69001" s="1" t="s">
        <v>222698</v>
      </c>
      <c r="J69001" s="1" t="s">
        <v>230155</v>
      </c>
    </row>
    <row r="69002" spans="1:10" x14ac:dyDescent="0.35">
      <c r="A69002" s="1" t="s">
        <v>15055</v>
      </c>
      <c r="B69002" s="1" t="s">
        <v>222693</v>
      </c>
      <c r="C69002" s="1" t="s">
        <v>160</v>
      </c>
      <c r="D69002" s="1" t="s">
        <v>230156</v>
      </c>
      <c r="E69002" s="1" t="s">
        <v>230157</v>
      </c>
      <c r="F69002" s="1" t="s">
        <v>230158</v>
      </c>
      <c r="G69002" s="1" t="s">
        <v>230053</v>
      </c>
      <c r="H69002" s="1" t="s">
        <v>230054</v>
      </c>
      <c r="I69002" s="1" t="s">
        <v>222698</v>
      </c>
      <c r="J69002" s="1" t="s">
        <v>230159</v>
      </c>
    </row>
    <row r="69003" spans="1:10" x14ac:dyDescent="0.35">
      <c r="A69003" s="1" t="s">
        <v>15055</v>
      </c>
      <c r="B69003" s="1" t="s">
        <v>222693</v>
      </c>
      <c r="C69003" s="1" t="s">
        <v>165</v>
      </c>
      <c r="D69003" s="1" t="s">
        <v>230160</v>
      </c>
      <c r="E69003" s="1" t="s">
        <v>230161</v>
      </c>
      <c r="F69003" s="1" t="s">
        <v>230162</v>
      </c>
      <c r="G69003" s="1" t="s">
        <v>230053</v>
      </c>
      <c r="H69003" s="1" t="s">
        <v>230054</v>
      </c>
      <c r="I69003" s="1" t="s">
        <v>222698</v>
      </c>
      <c r="J69003" s="1" t="s">
        <v>230163</v>
      </c>
    </row>
    <row r="69004" spans="1:10" x14ac:dyDescent="0.35">
      <c r="A69004" s="1" t="s">
        <v>15055</v>
      </c>
      <c r="B69004" s="1" t="s">
        <v>222693</v>
      </c>
      <c r="C69004" s="1" t="s">
        <v>170</v>
      </c>
      <c r="D69004" s="1" t="s">
        <v>230164</v>
      </c>
      <c r="E69004" s="1" t="s">
        <v>230165</v>
      </c>
      <c r="F69004" s="1" t="s">
        <v>230166</v>
      </c>
      <c r="G69004" s="1" t="s">
        <v>230053</v>
      </c>
      <c r="H69004" s="1" t="s">
        <v>230054</v>
      </c>
      <c r="I69004" s="1" t="s">
        <v>222698</v>
      </c>
      <c r="J69004" s="1" t="s">
        <v>230167</v>
      </c>
    </row>
    <row r="69005" spans="1:10" x14ac:dyDescent="0.35">
      <c r="A69005" s="1" t="s">
        <v>14146</v>
      </c>
      <c r="B69005" s="1" t="s">
        <v>222693</v>
      </c>
      <c r="C69005" s="1" t="s">
        <v>8</v>
      </c>
      <c r="D69005" s="1" t="s">
        <v>230168</v>
      </c>
      <c r="E69005" s="1" t="s">
        <v>230169</v>
      </c>
      <c r="F69005" s="1" t="s">
        <v>230170</v>
      </c>
      <c r="G69005" s="1" t="s">
        <v>230171</v>
      </c>
      <c r="H69005" s="1" t="s">
        <v>230172</v>
      </c>
      <c r="I69005" s="1" t="s">
        <v>222698</v>
      </c>
      <c r="J69005" s="1" t="s">
        <v>13</v>
      </c>
    </row>
    <row r="69006" spans="1:10" x14ac:dyDescent="0.35">
      <c r="A69006" s="1" t="s">
        <v>14146</v>
      </c>
      <c r="B69006" s="1" t="s">
        <v>222693</v>
      </c>
      <c r="C69006" s="1" t="s">
        <v>15</v>
      </c>
      <c r="D69006" s="1" t="s">
        <v>55799</v>
      </c>
      <c r="E69006" s="1" t="s">
        <v>230173</v>
      </c>
      <c r="F69006" s="1" t="s">
        <v>230174</v>
      </c>
      <c r="G69006" s="1" t="s">
        <v>230171</v>
      </c>
      <c r="H69006" s="1" t="s">
        <v>230172</v>
      </c>
      <c r="I69006" s="1" t="s">
        <v>222698</v>
      </c>
      <c r="J69006" s="1" t="s">
        <v>230175</v>
      </c>
    </row>
    <row r="69007" spans="1:10" x14ac:dyDescent="0.35">
      <c r="A69007" s="1" t="s">
        <v>14146</v>
      </c>
      <c r="B69007" s="1" t="s">
        <v>222693</v>
      </c>
      <c r="C69007" s="1" t="s">
        <v>20</v>
      </c>
      <c r="D69007" s="1" t="s">
        <v>61688</v>
      </c>
      <c r="E69007" s="1" t="s">
        <v>230176</v>
      </c>
      <c r="F69007" s="1" t="s">
        <v>230177</v>
      </c>
      <c r="G69007" s="1" t="s">
        <v>230171</v>
      </c>
      <c r="H69007" s="1" t="s">
        <v>230172</v>
      </c>
      <c r="I69007" s="1" t="s">
        <v>222698</v>
      </c>
      <c r="J69007" s="1" t="s">
        <v>230178</v>
      </c>
    </row>
    <row r="69008" spans="1:10" x14ac:dyDescent="0.35">
      <c r="A69008" s="1" t="s">
        <v>14146</v>
      </c>
      <c r="B69008" s="1" t="s">
        <v>222693</v>
      </c>
      <c r="C69008" s="1" t="s">
        <v>25</v>
      </c>
      <c r="D69008" s="1" t="s">
        <v>98097</v>
      </c>
      <c r="E69008" s="1" t="s">
        <v>230179</v>
      </c>
      <c r="F69008" s="1" t="s">
        <v>230180</v>
      </c>
      <c r="G69008" s="1" t="s">
        <v>230171</v>
      </c>
      <c r="H69008" s="1" t="s">
        <v>230172</v>
      </c>
      <c r="I69008" s="1" t="s">
        <v>222698</v>
      </c>
      <c r="J69008" s="1" t="s">
        <v>230181</v>
      </c>
    </row>
    <row r="69009" spans="1:10" x14ac:dyDescent="0.35">
      <c r="A69009" s="1" t="s">
        <v>14146</v>
      </c>
      <c r="B69009" s="1" t="s">
        <v>222693</v>
      </c>
      <c r="C69009" s="1" t="s">
        <v>30</v>
      </c>
      <c r="D69009" s="1" t="s">
        <v>104028</v>
      </c>
      <c r="E69009" s="1" t="s">
        <v>230182</v>
      </c>
      <c r="F69009" s="1" t="s">
        <v>230183</v>
      </c>
      <c r="G69009" s="1" t="s">
        <v>230171</v>
      </c>
      <c r="H69009" s="1" t="s">
        <v>230172</v>
      </c>
      <c r="I69009" s="1" t="s">
        <v>222698</v>
      </c>
      <c r="J69009" s="1" t="s">
        <v>230184</v>
      </c>
    </row>
    <row r="69010" spans="1:10" x14ac:dyDescent="0.35">
      <c r="A69010" s="1" t="s">
        <v>14146</v>
      </c>
      <c r="B69010" s="1" t="s">
        <v>222693</v>
      </c>
      <c r="C69010" s="1" t="s">
        <v>35</v>
      </c>
      <c r="D69010" s="1" t="s">
        <v>229403</v>
      </c>
      <c r="E69010" s="1" t="s">
        <v>230185</v>
      </c>
      <c r="F69010" s="1" t="s">
        <v>230186</v>
      </c>
      <c r="G69010" s="1" t="s">
        <v>230171</v>
      </c>
      <c r="H69010" s="1" t="s">
        <v>230172</v>
      </c>
      <c r="I69010" s="1" t="s">
        <v>222698</v>
      </c>
      <c r="J69010" s="1" t="s">
        <v>230187</v>
      </c>
    </row>
    <row r="69011" spans="1:10" x14ac:dyDescent="0.35">
      <c r="A69011" s="1" t="s">
        <v>14146</v>
      </c>
      <c r="B69011" s="1" t="s">
        <v>222693</v>
      </c>
      <c r="C69011" s="1" t="s">
        <v>40</v>
      </c>
      <c r="D69011" s="1" t="s">
        <v>230188</v>
      </c>
      <c r="E69011" s="1" t="s">
        <v>230189</v>
      </c>
      <c r="F69011" s="1" t="s">
        <v>230190</v>
      </c>
      <c r="G69011" s="1" t="s">
        <v>230171</v>
      </c>
      <c r="H69011" s="1" t="s">
        <v>230172</v>
      </c>
      <c r="I69011" s="1" t="s">
        <v>222698</v>
      </c>
      <c r="J69011" s="1" t="s">
        <v>230191</v>
      </c>
    </row>
    <row r="69012" spans="1:10" x14ac:dyDescent="0.35">
      <c r="A69012" s="1" t="s">
        <v>14146</v>
      </c>
      <c r="B69012" s="1" t="s">
        <v>222693</v>
      </c>
      <c r="C69012" s="1" t="s">
        <v>45</v>
      </c>
      <c r="D69012" s="1" t="s">
        <v>230192</v>
      </c>
      <c r="E69012" s="1" t="s">
        <v>230193</v>
      </c>
      <c r="F69012" s="1" t="s">
        <v>230194</v>
      </c>
      <c r="G69012" s="1" t="s">
        <v>230171</v>
      </c>
      <c r="H69012" s="1" t="s">
        <v>230172</v>
      </c>
      <c r="I69012" s="1" t="s">
        <v>222698</v>
      </c>
      <c r="J69012" s="1" t="s">
        <v>230195</v>
      </c>
    </row>
    <row r="69013" spans="1:10" x14ac:dyDescent="0.35">
      <c r="A69013" s="1" t="s">
        <v>14146</v>
      </c>
      <c r="B69013" s="1" t="s">
        <v>222693</v>
      </c>
      <c r="C69013" s="1" t="s">
        <v>50</v>
      </c>
      <c r="D69013" s="1" t="s">
        <v>20674</v>
      </c>
      <c r="E69013" s="1" t="s">
        <v>230196</v>
      </c>
      <c r="F69013" s="1" t="s">
        <v>230197</v>
      </c>
      <c r="G69013" s="1" t="s">
        <v>230171</v>
      </c>
      <c r="H69013" s="1" t="s">
        <v>230172</v>
      </c>
      <c r="I69013" s="1" t="s">
        <v>222698</v>
      </c>
      <c r="J69013" s="1" t="s">
        <v>230198</v>
      </c>
    </row>
    <row r="69014" spans="1:10" x14ac:dyDescent="0.35">
      <c r="A69014" s="1" t="s">
        <v>14146</v>
      </c>
      <c r="B69014" s="1" t="s">
        <v>222693</v>
      </c>
      <c r="C69014" s="1" t="s">
        <v>55</v>
      </c>
      <c r="D69014" s="1" t="s">
        <v>230199</v>
      </c>
      <c r="E69014" s="1" t="s">
        <v>230200</v>
      </c>
      <c r="F69014" s="1" t="s">
        <v>230201</v>
      </c>
      <c r="G69014" s="1" t="s">
        <v>230171</v>
      </c>
      <c r="H69014" s="1" t="s">
        <v>230172</v>
      </c>
      <c r="I69014" s="1" t="s">
        <v>222698</v>
      </c>
      <c r="J69014" s="1" t="s">
        <v>230202</v>
      </c>
    </row>
    <row r="69015" spans="1:10" x14ac:dyDescent="0.35">
      <c r="A69015" s="1" t="s">
        <v>14146</v>
      </c>
      <c r="B69015" s="1" t="s">
        <v>222693</v>
      </c>
      <c r="C69015" s="1" t="s">
        <v>60</v>
      </c>
      <c r="D69015" s="1" t="s">
        <v>230203</v>
      </c>
      <c r="E69015" s="1" t="s">
        <v>230204</v>
      </c>
      <c r="F69015" s="1" t="s">
        <v>230205</v>
      </c>
      <c r="G69015" s="1" t="s">
        <v>230171</v>
      </c>
      <c r="H69015" s="1" t="s">
        <v>230172</v>
      </c>
      <c r="I69015" s="1" t="s">
        <v>222698</v>
      </c>
      <c r="J69015" s="1" t="s">
        <v>230206</v>
      </c>
    </row>
    <row r="69016" spans="1:10" x14ac:dyDescent="0.35">
      <c r="A69016" s="1" t="s">
        <v>14146</v>
      </c>
      <c r="B69016" s="1" t="s">
        <v>222693</v>
      </c>
      <c r="C69016" s="1" t="s">
        <v>65</v>
      </c>
      <c r="D69016" s="1" t="s">
        <v>227360</v>
      </c>
      <c r="E69016" s="1" t="s">
        <v>230207</v>
      </c>
      <c r="F69016" s="1" t="s">
        <v>230208</v>
      </c>
      <c r="G69016" s="1" t="s">
        <v>230171</v>
      </c>
      <c r="H69016" s="1" t="s">
        <v>230172</v>
      </c>
      <c r="I69016" s="1" t="s">
        <v>222698</v>
      </c>
      <c r="J69016" s="1" t="s">
        <v>230209</v>
      </c>
    </row>
    <row r="69017" spans="1:10" x14ac:dyDescent="0.35">
      <c r="A69017" s="1" t="s">
        <v>14146</v>
      </c>
      <c r="B69017" s="1" t="s">
        <v>222693</v>
      </c>
      <c r="C69017" s="1" t="s">
        <v>70</v>
      </c>
      <c r="D69017" s="1" t="s">
        <v>132991</v>
      </c>
      <c r="E69017" s="1" t="s">
        <v>230210</v>
      </c>
      <c r="F69017" s="1" t="s">
        <v>230211</v>
      </c>
      <c r="G69017" s="1" t="s">
        <v>230171</v>
      </c>
      <c r="H69017" s="1" t="s">
        <v>230172</v>
      </c>
      <c r="I69017" s="1" t="s">
        <v>222698</v>
      </c>
      <c r="J69017" s="1" t="s">
        <v>230212</v>
      </c>
    </row>
    <row r="69018" spans="1:10" x14ac:dyDescent="0.35">
      <c r="A69018" s="1" t="s">
        <v>14146</v>
      </c>
      <c r="B69018" s="1" t="s">
        <v>222693</v>
      </c>
      <c r="C69018" s="1" t="s">
        <v>75</v>
      </c>
      <c r="D69018" s="1" t="s">
        <v>70397</v>
      </c>
      <c r="E69018" s="1" t="s">
        <v>230213</v>
      </c>
      <c r="F69018" s="1" t="s">
        <v>230214</v>
      </c>
      <c r="G69018" s="1" t="s">
        <v>230171</v>
      </c>
      <c r="H69018" s="1" t="s">
        <v>230172</v>
      </c>
      <c r="I69018" s="1" t="s">
        <v>222698</v>
      </c>
      <c r="J69018" s="1" t="s">
        <v>230215</v>
      </c>
    </row>
    <row r="69019" spans="1:10" x14ac:dyDescent="0.35">
      <c r="A69019" s="1" t="s">
        <v>14146</v>
      </c>
      <c r="B69019" s="1" t="s">
        <v>222693</v>
      </c>
      <c r="C69019" s="1" t="s">
        <v>80</v>
      </c>
      <c r="D69019" s="1" t="s">
        <v>60034</v>
      </c>
      <c r="E69019" s="1" t="s">
        <v>230216</v>
      </c>
      <c r="F69019" s="1" t="s">
        <v>230217</v>
      </c>
      <c r="G69019" s="1" t="s">
        <v>230171</v>
      </c>
      <c r="H69019" s="1" t="s">
        <v>230172</v>
      </c>
      <c r="I69019" s="1" t="s">
        <v>222698</v>
      </c>
      <c r="J69019" s="1" t="s">
        <v>230218</v>
      </c>
    </row>
    <row r="69020" spans="1:10" x14ac:dyDescent="0.35">
      <c r="A69020" s="1" t="s">
        <v>14146</v>
      </c>
      <c r="B69020" s="1" t="s">
        <v>222693</v>
      </c>
      <c r="C69020" s="1" t="s">
        <v>85</v>
      </c>
      <c r="D69020" s="1" t="s">
        <v>180300</v>
      </c>
      <c r="E69020" s="1" t="s">
        <v>230219</v>
      </c>
      <c r="F69020" s="1" t="s">
        <v>230220</v>
      </c>
      <c r="G69020" s="1" t="s">
        <v>230171</v>
      </c>
      <c r="H69020" s="1" t="s">
        <v>230172</v>
      </c>
      <c r="I69020" s="1" t="s">
        <v>222698</v>
      </c>
      <c r="J69020" s="1" t="s">
        <v>230221</v>
      </c>
    </row>
    <row r="69021" spans="1:10" x14ac:dyDescent="0.35">
      <c r="A69021" s="1" t="s">
        <v>14146</v>
      </c>
      <c r="B69021" s="1" t="s">
        <v>222693</v>
      </c>
      <c r="C69021" s="1" t="s">
        <v>90</v>
      </c>
      <c r="D69021" s="1" t="s">
        <v>230222</v>
      </c>
      <c r="E69021" s="1" t="s">
        <v>230223</v>
      </c>
      <c r="F69021" s="1" t="s">
        <v>230224</v>
      </c>
      <c r="G69021" s="1" t="s">
        <v>230171</v>
      </c>
      <c r="H69021" s="1" t="s">
        <v>230172</v>
      </c>
      <c r="I69021" s="1" t="s">
        <v>222698</v>
      </c>
      <c r="J69021" s="1" t="s">
        <v>230225</v>
      </c>
    </row>
    <row r="69022" spans="1:10" x14ac:dyDescent="0.35">
      <c r="A69022" s="1" t="s">
        <v>14146</v>
      </c>
      <c r="B69022" s="1" t="s">
        <v>222693</v>
      </c>
      <c r="C69022" s="1" t="s">
        <v>95</v>
      </c>
      <c r="D69022" s="1" t="s">
        <v>230226</v>
      </c>
      <c r="E69022" s="1" t="s">
        <v>230227</v>
      </c>
      <c r="F69022" s="1" t="s">
        <v>230228</v>
      </c>
      <c r="G69022" s="1" t="s">
        <v>230171</v>
      </c>
      <c r="H69022" s="1" t="s">
        <v>230172</v>
      </c>
      <c r="I69022" s="1" t="s">
        <v>222698</v>
      </c>
      <c r="J69022" s="1" t="s">
        <v>230229</v>
      </c>
    </row>
    <row r="69023" spans="1:10" x14ac:dyDescent="0.35">
      <c r="A69023" s="1" t="s">
        <v>14146</v>
      </c>
      <c r="B69023" s="1" t="s">
        <v>222693</v>
      </c>
      <c r="C69023" s="1" t="s">
        <v>100</v>
      </c>
      <c r="D69023" s="1" t="s">
        <v>230230</v>
      </c>
      <c r="E69023" s="1" t="s">
        <v>230231</v>
      </c>
      <c r="F69023" s="1" t="s">
        <v>230232</v>
      </c>
      <c r="G69023" s="1" t="s">
        <v>230171</v>
      </c>
      <c r="H69023" s="1" t="s">
        <v>230172</v>
      </c>
      <c r="I69023" s="1" t="s">
        <v>222698</v>
      </c>
      <c r="J69023" s="1" t="s">
        <v>230233</v>
      </c>
    </row>
    <row r="69024" spans="1:10" x14ac:dyDescent="0.35">
      <c r="A69024" s="1" t="s">
        <v>14146</v>
      </c>
      <c r="B69024" s="1" t="s">
        <v>222693</v>
      </c>
      <c r="C69024" s="1" t="s">
        <v>105</v>
      </c>
      <c r="D69024" s="1" t="s">
        <v>70182</v>
      </c>
      <c r="E69024" s="1" t="s">
        <v>230234</v>
      </c>
      <c r="F69024" s="1" t="s">
        <v>230235</v>
      </c>
      <c r="G69024" s="1" t="s">
        <v>230171</v>
      </c>
      <c r="H69024" s="1" t="s">
        <v>230172</v>
      </c>
      <c r="I69024" s="1" t="s">
        <v>222698</v>
      </c>
      <c r="J69024" s="1" t="s">
        <v>230236</v>
      </c>
    </row>
    <row r="69025" spans="1:10" x14ac:dyDescent="0.35">
      <c r="A69025" s="1" t="s">
        <v>14146</v>
      </c>
      <c r="B69025" s="1" t="s">
        <v>222693</v>
      </c>
      <c r="C69025" s="1" t="s">
        <v>110</v>
      </c>
      <c r="D69025" s="1" t="s">
        <v>134213</v>
      </c>
      <c r="E69025" s="1" t="s">
        <v>230237</v>
      </c>
      <c r="F69025" s="1" t="s">
        <v>230238</v>
      </c>
      <c r="G69025" s="1" t="s">
        <v>230171</v>
      </c>
      <c r="H69025" s="1" t="s">
        <v>230172</v>
      </c>
      <c r="I69025" s="1" t="s">
        <v>222698</v>
      </c>
      <c r="J69025" s="1" t="s">
        <v>230239</v>
      </c>
    </row>
    <row r="69026" spans="1:10" x14ac:dyDescent="0.35">
      <c r="A69026" s="1" t="s">
        <v>14146</v>
      </c>
      <c r="B69026" s="1" t="s">
        <v>222693</v>
      </c>
      <c r="C69026" s="1" t="s">
        <v>115</v>
      </c>
      <c r="D69026" s="1" t="s">
        <v>230240</v>
      </c>
      <c r="E69026" s="1" t="s">
        <v>230241</v>
      </c>
      <c r="F69026" s="1" t="s">
        <v>230242</v>
      </c>
      <c r="G69026" s="1" t="s">
        <v>230171</v>
      </c>
      <c r="H69026" s="1" t="s">
        <v>230172</v>
      </c>
      <c r="I69026" s="1" t="s">
        <v>222698</v>
      </c>
      <c r="J69026" s="1" t="s">
        <v>230243</v>
      </c>
    </row>
    <row r="69027" spans="1:10" x14ac:dyDescent="0.35">
      <c r="A69027" s="1" t="s">
        <v>14146</v>
      </c>
      <c r="B69027" s="1" t="s">
        <v>222693</v>
      </c>
      <c r="C69027" s="1" t="s">
        <v>120</v>
      </c>
      <c r="D69027" s="1" t="s">
        <v>230244</v>
      </c>
      <c r="E69027" s="1" t="s">
        <v>230245</v>
      </c>
      <c r="F69027" s="1" t="s">
        <v>230246</v>
      </c>
      <c r="G69027" s="1" t="s">
        <v>230171</v>
      </c>
      <c r="H69027" s="1" t="s">
        <v>230172</v>
      </c>
      <c r="I69027" s="1" t="s">
        <v>222698</v>
      </c>
      <c r="J69027" s="1" t="s">
        <v>230247</v>
      </c>
    </row>
    <row r="69028" spans="1:10" x14ac:dyDescent="0.35">
      <c r="A69028" s="1" t="s">
        <v>14146</v>
      </c>
      <c r="B69028" s="1" t="s">
        <v>222693</v>
      </c>
      <c r="C69028" s="1" t="s">
        <v>125</v>
      </c>
      <c r="D69028" s="1" t="s">
        <v>230248</v>
      </c>
      <c r="E69028" s="1" t="s">
        <v>230249</v>
      </c>
      <c r="F69028" s="1" t="s">
        <v>230250</v>
      </c>
      <c r="G69028" s="1" t="s">
        <v>230171</v>
      </c>
      <c r="H69028" s="1" t="s">
        <v>230172</v>
      </c>
      <c r="I69028" s="1" t="s">
        <v>222698</v>
      </c>
      <c r="J69028" s="1" t="s">
        <v>230251</v>
      </c>
    </row>
    <row r="69029" spans="1:10" x14ac:dyDescent="0.35">
      <c r="A69029" s="1" t="s">
        <v>14146</v>
      </c>
      <c r="B69029" s="1" t="s">
        <v>222693</v>
      </c>
      <c r="C69029" s="1" t="s">
        <v>130</v>
      </c>
      <c r="D69029" s="1" t="s">
        <v>76374</v>
      </c>
      <c r="E69029" s="1" t="s">
        <v>230252</v>
      </c>
      <c r="F69029" s="1" t="s">
        <v>230253</v>
      </c>
      <c r="G69029" s="1" t="s">
        <v>230171</v>
      </c>
      <c r="H69029" s="1" t="s">
        <v>230172</v>
      </c>
      <c r="I69029" s="1" t="s">
        <v>222698</v>
      </c>
      <c r="J69029" s="1" t="s">
        <v>230254</v>
      </c>
    </row>
    <row r="69030" spans="1:10" x14ac:dyDescent="0.35">
      <c r="A69030" s="1" t="s">
        <v>14146</v>
      </c>
      <c r="B69030" s="1" t="s">
        <v>222693</v>
      </c>
      <c r="C69030" s="1" t="s">
        <v>135</v>
      </c>
      <c r="D69030" s="1" t="s">
        <v>70134</v>
      </c>
      <c r="E69030" s="1" t="s">
        <v>230255</v>
      </c>
      <c r="F69030" s="1" t="s">
        <v>230256</v>
      </c>
      <c r="G69030" s="1" t="s">
        <v>230171</v>
      </c>
      <c r="H69030" s="1" t="s">
        <v>230172</v>
      </c>
      <c r="I69030" s="1" t="s">
        <v>222698</v>
      </c>
      <c r="J69030" s="1" t="s">
        <v>230257</v>
      </c>
    </row>
    <row r="69031" spans="1:10" x14ac:dyDescent="0.35">
      <c r="A69031" s="1" t="s">
        <v>14146</v>
      </c>
      <c r="B69031" s="1" t="s">
        <v>222693</v>
      </c>
      <c r="C69031" s="1" t="s">
        <v>140</v>
      </c>
      <c r="D69031" s="1" t="s">
        <v>134566</v>
      </c>
      <c r="E69031" s="1" t="s">
        <v>230258</v>
      </c>
      <c r="F69031" s="1" t="s">
        <v>230259</v>
      </c>
      <c r="G69031" s="1" t="s">
        <v>230171</v>
      </c>
      <c r="H69031" s="1" t="s">
        <v>230172</v>
      </c>
      <c r="I69031" s="1" t="s">
        <v>222698</v>
      </c>
      <c r="J69031" s="1" t="s">
        <v>230260</v>
      </c>
    </row>
    <row r="69032" spans="1:10" x14ac:dyDescent="0.35">
      <c r="A69032" s="1" t="s">
        <v>14146</v>
      </c>
      <c r="B69032" s="1" t="s">
        <v>222693</v>
      </c>
      <c r="C69032" s="1" t="s">
        <v>145</v>
      </c>
      <c r="D69032" s="1" t="s">
        <v>230261</v>
      </c>
      <c r="E69032" s="1" t="s">
        <v>230262</v>
      </c>
      <c r="F69032" s="1" t="s">
        <v>230263</v>
      </c>
      <c r="G69032" s="1" t="s">
        <v>230171</v>
      </c>
      <c r="H69032" s="1" t="s">
        <v>230172</v>
      </c>
      <c r="I69032" s="1" t="s">
        <v>222698</v>
      </c>
      <c r="J69032" s="1" t="s">
        <v>230264</v>
      </c>
    </row>
    <row r="69033" spans="1:10" x14ac:dyDescent="0.35">
      <c r="A69033" s="1" t="s">
        <v>14146</v>
      </c>
      <c r="B69033" s="1" t="s">
        <v>222693</v>
      </c>
      <c r="C69033" s="1" t="s">
        <v>150</v>
      </c>
      <c r="D69033" s="1" t="s">
        <v>230265</v>
      </c>
      <c r="E69033" s="1" t="s">
        <v>230266</v>
      </c>
      <c r="F69033" s="1" t="s">
        <v>230267</v>
      </c>
      <c r="G69033" s="1" t="s">
        <v>230171</v>
      </c>
      <c r="H69033" s="1" t="s">
        <v>230172</v>
      </c>
      <c r="I69033" s="1" t="s">
        <v>222698</v>
      </c>
      <c r="J69033" s="1" t="s">
        <v>230268</v>
      </c>
    </row>
    <row r="69034" spans="1:10" x14ac:dyDescent="0.35">
      <c r="A69034" s="1" t="s">
        <v>14146</v>
      </c>
      <c r="B69034" s="1" t="s">
        <v>222693</v>
      </c>
      <c r="C69034" s="1" t="s">
        <v>155</v>
      </c>
      <c r="D69034" s="1" t="s">
        <v>69843</v>
      </c>
      <c r="E69034" s="1" t="s">
        <v>230269</v>
      </c>
      <c r="F69034" s="1" t="s">
        <v>230270</v>
      </c>
      <c r="G69034" s="1" t="s">
        <v>230171</v>
      </c>
      <c r="H69034" s="1" t="s">
        <v>230172</v>
      </c>
      <c r="I69034" s="1" t="s">
        <v>222698</v>
      </c>
      <c r="J69034" s="1" t="s">
        <v>230271</v>
      </c>
    </row>
    <row r="69035" spans="1:10" x14ac:dyDescent="0.35">
      <c r="A69035" s="1" t="s">
        <v>14146</v>
      </c>
      <c r="B69035" s="1" t="s">
        <v>222693</v>
      </c>
      <c r="C69035" s="1" t="s">
        <v>160</v>
      </c>
      <c r="D69035" s="1" t="s">
        <v>230272</v>
      </c>
      <c r="E69035" s="1" t="s">
        <v>230273</v>
      </c>
      <c r="F69035" s="1" t="s">
        <v>230274</v>
      </c>
      <c r="G69035" s="1" t="s">
        <v>230171</v>
      </c>
      <c r="H69035" s="1" t="s">
        <v>230172</v>
      </c>
      <c r="I69035" s="1" t="s">
        <v>222698</v>
      </c>
      <c r="J69035" s="1" t="s">
        <v>230275</v>
      </c>
    </row>
    <row r="69036" spans="1:10" x14ac:dyDescent="0.35">
      <c r="A69036" s="1" t="s">
        <v>14146</v>
      </c>
      <c r="B69036" s="1" t="s">
        <v>222693</v>
      </c>
      <c r="C69036" s="1" t="s">
        <v>165</v>
      </c>
      <c r="D69036" s="1" t="s">
        <v>22965</v>
      </c>
      <c r="E69036" s="1" t="s">
        <v>230276</v>
      </c>
      <c r="F69036" s="1" t="s">
        <v>230277</v>
      </c>
      <c r="G69036" s="1" t="s">
        <v>230171</v>
      </c>
      <c r="H69036" s="1" t="s">
        <v>230172</v>
      </c>
      <c r="I69036" s="1" t="s">
        <v>222698</v>
      </c>
      <c r="J69036" s="1" t="s">
        <v>230278</v>
      </c>
    </row>
    <row r="69037" spans="1:10" x14ac:dyDescent="0.35">
      <c r="A69037" s="1" t="s">
        <v>14146</v>
      </c>
      <c r="B69037" s="1" t="s">
        <v>222693</v>
      </c>
      <c r="C69037" s="1" t="s">
        <v>170</v>
      </c>
      <c r="D69037" s="1" t="s">
        <v>230279</v>
      </c>
      <c r="E69037" s="1" t="s">
        <v>230280</v>
      </c>
      <c r="F69037" s="1" t="s">
        <v>230281</v>
      </c>
      <c r="G69037" s="1" t="s">
        <v>230171</v>
      </c>
      <c r="H69037" s="1" t="s">
        <v>230172</v>
      </c>
      <c r="I69037" s="1" t="s">
        <v>222698</v>
      </c>
      <c r="J69037" s="1" t="s">
        <v>230282</v>
      </c>
    </row>
    <row r="69038" spans="1:10" x14ac:dyDescent="0.35">
      <c r="A69038" s="1" t="s">
        <v>29087</v>
      </c>
      <c r="B69038" s="1" t="s">
        <v>222693</v>
      </c>
      <c r="C69038" s="1" t="s">
        <v>8</v>
      </c>
      <c r="D69038" s="1" t="s">
        <v>152051</v>
      </c>
      <c r="E69038" s="1" t="s">
        <v>230283</v>
      </c>
      <c r="F69038" s="1" t="s">
        <v>230284</v>
      </c>
      <c r="G69038" s="1" t="s">
        <v>230285</v>
      </c>
      <c r="H69038" s="1" t="s">
        <v>230286</v>
      </c>
      <c r="I69038" s="1" t="s">
        <v>222698</v>
      </c>
      <c r="J69038" s="1" t="s">
        <v>13</v>
      </c>
    </row>
    <row r="69039" spans="1:10" x14ac:dyDescent="0.35">
      <c r="A69039" s="1" t="s">
        <v>29087</v>
      </c>
      <c r="B69039" s="1" t="s">
        <v>222693</v>
      </c>
      <c r="C69039" s="1" t="s">
        <v>15</v>
      </c>
      <c r="D69039" s="1" t="s">
        <v>66817</v>
      </c>
      <c r="E69039" s="1" t="s">
        <v>230287</v>
      </c>
      <c r="F69039" s="1" t="s">
        <v>230288</v>
      </c>
      <c r="G69039" s="1" t="s">
        <v>230285</v>
      </c>
      <c r="H69039" s="1" t="s">
        <v>230286</v>
      </c>
      <c r="I69039" s="1" t="s">
        <v>222698</v>
      </c>
      <c r="J69039" s="1" t="s">
        <v>230289</v>
      </c>
    </row>
    <row r="69040" spans="1:10" x14ac:dyDescent="0.35">
      <c r="A69040" s="1" t="s">
        <v>29087</v>
      </c>
      <c r="B69040" s="1" t="s">
        <v>222693</v>
      </c>
      <c r="C69040" s="1" t="s">
        <v>20</v>
      </c>
      <c r="D69040" s="1" t="s">
        <v>183678</v>
      </c>
      <c r="E69040" s="1" t="s">
        <v>230290</v>
      </c>
      <c r="F69040" s="1" t="s">
        <v>230291</v>
      </c>
      <c r="G69040" s="1" t="s">
        <v>230285</v>
      </c>
      <c r="H69040" s="1" t="s">
        <v>230286</v>
      </c>
      <c r="I69040" s="1" t="s">
        <v>222698</v>
      </c>
      <c r="J69040" s="1" t="s">
        <v>230292</v>
      </c>
    </row>
    <row r="69041" spans="1:10" x14ac:dyDescent="0.35">
      <c r="A69041" s="1" t="s">
        <v>29087</v>
      </c>
      <c r="B69041" s="1" t="s">
        <v>222693</v>
      </c>
      <c r="C69041" s="1" t="s">
        <v>25</v>
      </c>
      <c r="D69041" s="1" t="s">
        <v>128118</v>
      </c>
      <c r="E69041" s="1" t="s">
        <v>230293</v>
      </c>
      <c r="F69041" s="1" t="s">
        <v>230294</v>
      </c>
      <c r="G69041" s="1" t="s">
        <v>230285</v>
      </c>
      <c r="H69041" s="1" t="s">
        <v>230286</v>
      </c>
      <c r="I69041" s="1" t="s">
        <v>222698</v>
      </c>
      <c r="J69041" s="1" t="s">
        <v>230295</v>
      </c>
    </row>
    <row r="69042" spans="1:10" x14ac:dyDescent="0.35">
      <c r="A69042" s="1" t="s">
        <v>29087</v>
      </c>
      <c r="B69042" s="1" t="s">
        <v>222693</v>
      </c>
      <c r="C69042" s="1" t="s">
        <v>30</v>
      </c>
      <c r="D69042" s="1" t="s">
        <v>230296</v>
      </c>
      <c r="E69042" s="1" t="s">
        <v>230297</v>
      </c>
      <c r="F69042" s="1" t="s">
        <v>230298</v>
      </c>
      <c r="G69042" s="1" t="s">
        <v>230285</v>
      </c>
      <c r="H69042" s="1" t="s">
        <v>230286</v>
      </c>
      <c r="I69042" s="1" t="s">
        <v>222698</v>
      </c>
      <c r="J69042" s="1" t="s">
        <v>230299</v>
      </c>
    </row>
    <row r="69043" spans="1:10" x14ac:dyDescent="0.35">
      <c r="A69043" s="1" t="s">
        <v>29087</v>
      </c>
      <c r="B69043" s="1" t="s">
        <v>222693</v>
      </c>
      <c r="C69043" s="1" t="s">
        <v>35</v>
      </c>
      <c r="D69043" s="1" t="s">
        <v>103973</v>
      </c>
      <c r="E69043" s="1" t="s">
        <v>230300</v>
      </c>
      <c r="F69043" s="1" t="s">
        <v>230301</v>
      </c>
      <c r="G69043" s="1" t="s">
        <v>230285</v>
      </c>
      <c r="H69043" s="1" t="s">
        <v>230286</v>
      </c>
      <c r="I69043" s="1" t="s">
        <v>222698</v>
      </c>
      <c r="J69043" s="1" t="s">
        <v>230302</v>
      </c>
    </row>
    <row r="69044" spans="1:10" x14ac:dyDescent="0.35">
      <c r="A69044" s="1" t="s">
        <v>29087</v>
      </c>
      <c r="B69044" s="1" t="s">
        <v>222693</v>
      </c>
      <c r="C69044" s="1" t="s">
        <v>40</v>
      </c>
      <c r="D69044" s="1" t="s">
        <v>66598</v>
      </c>
      <c r="E69044" s="1" t="s">
        <v>230303</v>
      </c>
      <c r="F69044" s="1" t="s">
        <v>230304</v>
      </c>
      <c r="G69044" s="1" t="s">
        <v>230285</v>
      </c>
      <c r="H69044" s="1" t="s">
        <v>230286</v>
      </c>
      <c r="I69044" s="1" t="s">
        <v>222698</v>
      </c>
      <c r="J69044" s="1" t="s">
        <v>230305</v>
      </c>
    </row>
    <row r="69045" spans="1:10" x14ac:dyDescent="0.35">
      <c r="A69045" s="1" t="s">
        <v>29087</v>
      </c>
      <c r="B69045" s="1" t="s">
        <v>222693</v>
      </c>
      <c r="C69045" s="1" t="s">
        <v>45</v>
      </c>
      <c r="D69045" s="1" t="s">
        <v>230306</v>
      </c>
      <c r="E69045" s="1" t="s">
        <v>230307</v>
      </c>
      <c r="F69045" s="1" t="s">
        <v>230308</v>
      </c>
      <c r="G69045" s="1" t="s">
        <v>230285</v>
      </c>
      <c r="H69045" s="1" t="s">
        <v>230286</v>
      </c>
      <c r="I69045" s="1" t="s">
        <v>222698</v>
      </c>
      <c r="J69045" s="1" t="s">
        <v>230309</v>
      </c>
    </row>
    <row r="69046" spans="1:10" x14ac:dyDescent="0.35">
      <c r="A69046" s="1" t="s">
        <v>29087</v>
      </c>
      <c r="B69046" s="1" t="s">
        <v>222693</v>
      </c>
      <c r="C69046" s="1" t="s">
        <v>50</v>
      </c>
      <c r="D69046" s="1" t="s">
        <v>230310</v>
      </c>
      <c r="E69046" s="1" t="s">
        <v>230311</v>
      </c>
      <c r="F69046" s="1" t="s">
        <v>230312</v>
      </c>
      <c r="G69046" s="1" t="s">
        <v>230285</v>
      </c>
      <c r="H69046" s="1" t="s">
        <v>230286</v>
      </c>
      <c r="I69046" s="1" t="s">
        <v>222698</v>
      </c>
      <c r="J69046" s="1" t="s">
        <v>230313</v>
      </c>
    </row>
    <row r="69047" spans="1:10" x14ac:dyDescent="0.35">
      <c r="A69047" s="1" t="s">
        <v>29087</v>
      </c>
      <c r="B69047" s="1" t="s">
        <v>222693</v>
      </c>
      <c r="C69047" s="1" t="s">
        <v>55</v>
      </c>
      <c r="D69047" s="1" t="s">
        <v>230314</v>
      </c>
      <c r="E69047" s="1" t="s">
        <v>230315</v>
      </c>
      <c r="F69047" s="1" t="s">
        <v>230316</v>
      </c>
      <c r="G69047" s="1" t="s">
        <v>230285</v>
      </c>
      <c r="H69047" s="1" t="s">
        <v>230286</v>
      </c>
      <c r="I69047" s="1" t="s">
        <v>222698</v>
      </c>
      <c r="J69047" s="1" t="s">
        <v>230317</v>
      </c>
    </row>
    <row r="69048" spans="1:10" x14ac:dyDescent="0.35">
      <c r="A69048" s="1" t="s">
        <v>29087</v>
      </c>
      <c r="B69048" s="1" t="s">
        <v>222693</v>
      </c>
      <c r="C69048" s="1" t="s">
        <v>60</v>
      </c>
      <c r="D69048" s="1" t="s">
        <v>102522</v>
      </c>
      <c r="E69048" s="1" t="s">
        <v>230318</v>
      </c>
      <c r="F69048" s="1" t="s">
        <v>230319</v>
      </c>
      <c r="G69048" s="1" t="s">
        <v>230285</v>
      </c>
      <c r="H69048" s="1" t="s">
        <v>230286</v>
      </c>
      <c r="I69048" s="1" t="s">
        <v>222698</v>
      </c>
      <c r="J69048" s="1" t="s">
        <v>230320</v>
      </c>
    </row>
    <row r="69049" spans="1:10" x14ac:dyDescent="0.35">
      <c r="A69049" s="1" t="s">
        <v>29087</v>
      </c>
      <c r="B69049" s="1" t="s">
        <v>222693</v>
      </c>
      <c r="C69049" s="1" t="s">
        <v>65</v>
      </c>
      <c r="D69049" s="1" t="s">
        <v>230321</v>
      </c>
      <c r="E69049" s="1" t="s">
        <v>230322</v>
      </c>
      <c r="F69049" s="1" t="s">
        <v>230323</v>
      </c>
      <c r="G69049" s="1" t="s">
        <v>230285</v>
      </c>
      <c r="H69049" s="1" t="s">
        <v>230286</v>
      </c>
      <c r="I69049" s="1" t="s">
        <v>222698</v>
      </c>
      <c r="J69049" s="1" t="s">
        <v>230324</v>
      </c>
    </row>
    <row r="69050" spans="1:10" x14ac:dyDescent="0.35">
      <c r="A69050" s="1" t="s">
        <v>29087</v>
      </c>
      <c r="B69050" s="1" t="s">
        <v>222693</v>
      </c>
      <c r="C69050" s="1" t="s">
        <v>70</v>
      </c>
      <c r="D69050" s="1" t="s">
        <v>230325</v>
      </c>
      <c r="E69050" s="1" t="s">
        <v>230326</v>
      </c>
      <c r="F69050" s="1" t="s">
        <v>230327</v>
      </c>
      <c r="G69050" s="1" t="s">
        <v>230285</v>
      </c>
      <c r="H69050" s="1" t="s">
        <v>230286</v>
      </c>
      <c r="I69050" s="1" t="s">
        <v>222698</v>
      </c>
      <c r="J69050" s="1" t="s">
        <v>230328</v>
      </c>
    </row>
    <row r="69051" spans="1:10" x14ac:dyDescent="0.35">
      <c r="A69051" s="1" t="s">
        <v>29087</v>
      </c>
      <c r="B69051" s="1" t="s">
        <v>222693</v>
      </c>
      <c r="C69051" s="1" t="s">
        <v>75</v>
      </c>
      <c r="D69051" s="1" t="s">
        <v>199952</v>
      </c>
      <c r="E69051" s="1" t="s">
        <v>230329</v>
      </c>
      <c r="F69051" s="1" t="s">
        <v>230330</v>
      </c>
      <c r="G69051" s="1" t="s">
        <v>230285</v>
      </c>
      <c r="H69051" s="1" t="s">
        <v>230286</v>
      </c>
      <c r="I69051" s="1" t="s">
        <v>222698</v>
      </c>
      <c r="J69051" s="1" t="s">
        <v>230331</v>
      </c>
    </row>
    <row r="69052" spans="1:10" x14ac:dyDescent="0.35">
      <c r="A69052" s="1" t="s">
        <v>29087</v>
      </c>
      <c r="B69052" s="1" t="s">
        <v>222693</v>
      </c>
      <c r="C69052" s="1" t="s">
        <v>80</v>
      </c>
      <c r="D69052" s="1" t="s">
        <v>87899</v>
      </c>
      <c r="E69052" s="1" t="s">
        <v>230332</v>
      </c>
      <c r="F69052" s="1" t="s">
        <v>230333</v>
      </c>
      <c r="G69052" s="1" t="s">
        <v>230285</v>
      </c>
      <c r="H69052" s="1" t="s">
        <v>230286</v>
      </c>
      <c r="I69052" s="1" t="s">
        <v>222698</v>
      </c>
      <c r="J69052" s="1" t="s">
        <v>230334</v>
      </c>
    </row>
    <row r="69053" spans="1:10" x14ac:dyDescent="0.35">
      <c r="A69053" s="1" t="s">
        <v>29087</v>
      </c>
      <c r="B69053" s="1" t="s">
        <v>222693</v>
      </c>
      <c r="C69053" s="1" t="s">
        <v>85</v>
      </c>
      <c r="D69053" s="1" t="s">
        <v>69737</v>
      </c>
      <c r="E69053" s="1" t="s">
        <v>230335</v>
      </c>
      <c r="F69053" s="1" t="s">
        <v>230336</v>
      </c>
      <c r="G69053" s="1" t="s">
        <v>230285</v>
      </c>
      <c r="H69053" s="1" t="s">
        <v>230286</v>
      </c>
      <c r="I69053" s="1" t="s">
        <v>222698</v>
      </c>
      <c r="J69053" s="1" t="s">
        <v>230337</v>
      </c>
    </row>
    <row r="69054" spans="1:10" x14ac:dyDescent="0.35">
      <c r="A69054" s="1" t="s">
        <v>29087</v>
      </c>
      <c r="B69054" s="1" t="s">
        <v>222693</v>
      </c>
      <c r="C69054" s="1" t="s">
        <v>90</v>
      </c>
      <c r="D69054" s="1" t="s">
        <v>230338</v>
      </c>
      <c r="E69054" s="1" t="s">
        <v>230339</v>
      </c>
      <c r="F69054" s="1" t="s">
        <v>230340</v>
      </c>
      <c r="G69054" s="1" t="s">
        <v>230285</v>
      </c>
      <c r="H69054" s="1" t="s">
        <v>230286</v>
      </c>
      <c r="I69054" s="1" t="s">
        <v>222698</v>
      </c>
      <c r="J69054" s="1" t="s">
        <v>230341</v>
      </c>
    </row>
    <row r="69055" spans="1:10" x14ac:dyDescent="0.35">
      <c r="A69055" s="1" t="s">
        <v>29087</v>
      </c>
      <c r="B69055" s="1" t="s">
        <v>222693</v>
      </c>
      <c r="C69055" s="1" t="s">
        <v>95</v>
      </c>
      <c r="D69055" s="1" t="s">
        <v>230342</v>
      </c>
      <c r="E69055" s="1" t="s">
        <v>230343</v>
      </c>
      <c r="F69055" s="1" t="s">
        <v>230344</v>
      </c>
      <c r="G69055" s="1" t="s">
        <v>230285</v>
      </c>
      <c r="H69055" s="1" t="s">
        <v>230286</v>
      </c>
      <c r="I69055" s="1" t="s">
        <v>222698</v>
      </c>
      <c r="J69055" s="1" t="s">
        <v>230345</v>
      </c>
    </row>
    <row r="69056" spans="1:10" x14ac:dyDescent="0.35">
      <c r="A69056" s="1" t="s">
        <v>29087</v>
      </c>
      <c r="B69056" s="1" t="s">
        <v>222693</v>
      </c>
      <c r="C69056" s="1" t="s">
        <v>100</v>
      </c>
      <c r="D69056" s="1" t="s">
        <v>230346</v>
      </c>
      <c r="E69056" s="1" t="s">
        <v>230347</v>
      </c>
      <c r="F69056" s="1" t="s">
        <v>230348</v>
      </c>
      <c r="G69056" s="1" t="s">
        <v>230285</v>
      </c>
      <c r="H69056" s="1" t="s">
        <v>230286</v>
      </c>
      <c r="I69056" s="1" t="s">
        <v>222698</v>
      </c>
      <c r="J69056" s="1" t="s">
        <v>230349</v>
      </c>
    </row>
    <row r="69057" spans="1:10" x14ac:dyDescent="0.35">
      <c r="A69057" s="1" t="s">
        <v>29087</v>
      </c>
      <c r="B69057" s="1" t="s">
        <v>222693</v>
      </c>
      <c r="C69057" s="1" t="s">
        <v>105</v>
      </c>
      <c r="D69057" s="1" t="s">
        <v>62161</v>
      </c>
      <c r="E69057" s="1" t="s">
        <v>230350</v>
      </c>
      <c r="F69057" s="1" t="s">
        <v>230351</v>
      </c>
      <c r="G69057" s="1" t="s">
        <v>230285</v>
      </c>
      <c r="H69057" s="1" t="s">
        <v>230286</v>
      </c>
      <c r="I69057" s="1" t="s">
        <v>222698</v>
      </c>
      <c r="J69057" s="1" t="s">
        <v>230352</v>
      </c>
    </row>
    <row r="69058" spans="1:10" x14ac:dyDescent="0.35">
      <c r="A69058" s="1" t="s">
        <v>29087</v>
      </c>
      <c r="B69058" s="1" t="s">
        <v>222693</v>
      </c>
      <c r="C69058" s="1" t="s">
        <v>110</v>
      </c>
      <c r="D69058" s="1" t="s">
        <v>230353</v>
      </c>
      <c r="E69058" s="1" t="s">
        <v>230354</v>
      </c>
      <c r="F69058" s="1" t="s">
        <v>230355</v>
      </c>
      <c r="G69058" s="1" t="s">
        <v>230285</v>
      </c>
      <c r="H69058" s="1" t="s">
        <v>230286</v>
      </c>
      <c r="I69058" s="1" t="s">
        <v>222698</v>
      </c>
      <c r="J69058" s="1" t="s">
        <v>230356</v>
      </c>
    </row>
    <row r="69059" spans="1:10" x14ac:dyDescent="0.35">
      <c r="A69059" s="1" t="s">
        <v>29087</v>
      </c>
      <c r="B69059" s="1" t="s">
        <v>222693</v>
      </c>
      <c r="C69059" s="1" t="s">
        <v>115</v>
      </c>
      <c r="D69059" s="1" t="s">
        <v>230357</v>
      </c>
      <c r="E69059" s="1" t="s">
        <v>230358</v>
      </c>
      <c r="F69059" s="1" t="s">
        <v>230359</v>
      </c>
      <c r="G69059" s="1" t="s">
        <v>230285</v>
      </c>
      <c r="H69059" s="1" t="s">
        <v>230286</v>
      </c>
      <c r="I69059" s="1" t="s">
        <v>222698</v>
      </c>
      <c r="J69059" s="1" t="s">
        <v>230360</v>
      </c>
    </row>
    <row r="69060" spans="1:10" x14ac:dyDescent="0.35">
      <c r="A69060" s="1" t="s">
        <v>29087</v>
      </c>
      <c r="B69060" s="1" t="s">
        <v>222693</v>
      </c>
      <c r="C69060" s="1" t="s">
        <v>120</v>
      </c>
      <c r="D69060" s="1" t="s">
        <v>230361</v>
      </c>
      <c r="E69060" s="1" t="s">
        <v>230362</v>
      </c>
      <c r="F69060" s="1" t="s">
        <v>230363</v>
      </c>
      <c r="G69060" s="1" t="s">
        <v>230285</v>
      </c>
      <c r="H69060" s="1" t="s">
        <v>230286</v>
      </c>
      <c r="I69060" s="1" t="s">
        <v>222698</v>
      </c>
      <c r="J69060" s="1" t="s">
        <v>230364</v>
      </c>
    </row>
    <row r="69061" spans="1:10" x14ac:dyDescent="0.35">
      <c r="A69061" s="1" t="s">
        <v>29087</v>
      </c>
      <c r="B69061" s="1" t="s">
        <v>222693</v>
      </c>
      <c r="C69061" s="1" t="s">
        <v>125</v>
      </c>
      <c r="D69061" s="1" t="s">
        <v>230365</v>
      </c>
      <c r="E69061" s="1" t="s">
        <v>230366</v>
      </c>
      <c r="F69061" s="1" t="s">
        <v>230367</v>
      </c>
      <c r="G69061" s="1" t="s">
        <v>230285</v>
      </c>
      <c r="H69061" s="1" t="s">
        <v>230286</v>
      </c>
      <c r="I69061" s="1" t="s">
        <v>222698</v>
      </c>
      <c r="J69061" s="1" t="s">
        <v>230368</v>
      </c>
    </row>
    <row r="69062" spans="1:10" x14ac:dyDescent="0.35">
      <c r="A69062" s="1" t="s">
        <v>29087</v>
      </c>
      <c r="B69062" s="1" t="s">
        <v>222693</v>
      </c>
      <c r="C69062" s="1" t="s">
        <v>130</v>
      </c>
      <c r="D69062" s="1" t="s">
        <v>230369</v>
      </c>
      <c r="E69062" s="1" t="s">
        <v>230370</v>
      </c>
      <c r="F69062" s="1" t="s">
        <v>230371</v>
      </c>
      <c r="G69062" s="1" t="s">
        <v>230285</v>
      </c>
      <c r="H69062" s="1" t="s">
        <v>230286</v>
      </c>
      <c r="I69062" s="1" t="s">
        <v>222698</v>
      </c>
      <c r="J69062" s="1" t="s">
        <v>230372</v>
      </c>
    </row>
    <row r="69063" spans="1:10" x14ac:dyDescent="0.35">
      <c r="A69063" s="1" t="s">
        <v>29087</v>
      </c>
      <c r="B69063" s="1" t="s">
        <v>222693</v>
      </c>
      <c r="C69063" s="1" t="s">
        <v>135</v>
      </c>
      <c r="D69063" s="1" t="s">
        <v>230373</v>
      </c>
      <c r="E69063" s="1" t="s">
        <v>230374</v>
      </c>
      <c r="F69063" s="1" t="s">
        <v>230375</v>
      </c>
      <c r="G69063" s="1" t="s">
        <v>230285</v>
      </c>
      <c r="H69063" s="1" t="s">
        <v>230286</v>
      </c>
      <c r="I69063" s="1" t="s">
        <v>222698</v>
      </c>
      <c r="J69063" s="1" t="s">
        <v>230376</v>
      </c>
    </row>
    <row r="69064" spans="1:10" x14ac:dyDescent="0.35">
      <c r="A69064" s="1" t="s">
        <v>29087</v>
      </c>
      <c r="B69064" s="1" t="s">
        <v>222693</v>
      </c>
      <c r="C69064" s="1" t="s">
        <v>140</v>
      </c>
      <c r="D69064" s="1" t="s">
        <v>199879</v>
      </c>
      <c r="E69064" s="1" t="s">
        <v>230377</v>
      </c>
      <c r="F69064" s="1" t="s">
        <v>230378</v>
      </c>
      <c r="G69064" s="1" t="s">
        <v>230285</v>
      </c>
      <c r="H69064" s="1" t="s">
        <v>230286</v>
      </c>
      <c r="I69064" s="1" t="s">
        <v>222698</v>
      </c>
      <c r="J69064" s="1" t="s">
        <v>230379</v>
      </c>
    </row>
    <row r="69065" spans="1:10" x14ac:dyDescent="0.35">
      <c r="A69065" s="1" t="s">
        <v>29087</v>
      </c>
      <c r="B69065" s="1" t="s">
        <v>222693</v>
      </c>
      <c r="C69065" s="1" t="s">
        <v>145</v>
      </c>
      <c r="D69065" s="1" t="s">
        <v>41869</v>
      </c>
      <c r="E69065" s="1" t="s">
        <v>230380</v>
      </c>
      <c r="F69065" s="1" t="s">
        <v>230381</v>
      </c>
      <c r="G69065" s="1" t="s">
        <v>230285</v>
      </c>
      <c r="H69065" s="1" t="s">
        <v>230286</v>
      </c>
      <c r="I69065" s="1" t="s">
        <v>222698</v>
      </c>
      <c r="J69065" s="1" t="s">
        <v>230382</v>
      </c>
    </row>
    <row r="69066" spans="1:10" x14ac:dyDescent="0.35">
      <c r="A69066" s="1" t="s">
        <v>29087</v>
      </c>
      <c r="B69066" s="1" t="s">
        <v>222693</v>
      </c>
      <c r="C69066" s="1" t="s">
        <v>150</v>
      </c>
      <c r="D69066" s="1" t="s">
        <v>82049</v>
      </c>
      <c r="E69066" s="1" t="s">
        <v>230383</v>
      </c>
      <c r="F69066" s="1" t="s">
        <v>230384</v>
      </c>
      <c r="G69066" s="1" t="s">
        <v>230285</v>
      </c>
      <c r="H69066" s="1" t="s">
        <v>230286</v>
      </c>
      <c r="I69066" s="1" t="s">
        <v>222698</v>
      </c>
      <c r="J69066" s="1" t="s">
        <v>230385</v>
      </c>
    </row>
    <row r="69067" spans="1:10" x14ac:dyDescent="0.35">
      <c r="A69067" s="1" t="s">
        <v>29087</v>
      </c>
      <c r="B69067" s="1" t="s">
        <v>222693</v>
      </c>
      <c r="C69067" s="1" t="s">
        <v>155</v>
      </c>
      <c r="D69067" s="1" t="s">
        <v>230386</v>
      </c>
      <c r="E69067" s="1" t="s">
        <v>230387</v>
      </c>
      <c r="F69067" s="1" t="s">
        <v>230388</v>
      </c>
      <c r="G69067" s="1" t="s">
        <v>230285</v>
      </c>
      <c r="H69067" s="1" t="s">
        <v>230286</v>
      </c>
      <c r="I69067" s="1" t="s">
        <v>222698</v>
      </c>
      <c r="J69067" s="1" t="s">
        <v>230389</v>
      </c>
    </row>
    <row r="69068" spans="1:10" x14ac:dyDescent="0.35">
      <c r="A69068" s="1" t="s">
        <v>29087</v>
      </c>
      <c r="B69068" s="1" t="s">
        <v>222693</v>
      </c>
      <c r="C69068" s="1" t="s">
        <v>160</v>
      </c>
      <c r="D69068" s="1" t="s">
        <v>230390</v>
      </c>
      <c r="E69068" s="1" t="s">
        <v>230391</v>
      </c>
      <c r="F69068" s="1" t="s">
        <v>230392</v>
      </c>
      <c r="G69068" s="1" t="s">
        <v>230285</v>
      </c>
      <c r="H69068" s="1" t="s">
        <v>230286</v>
      </c>
      <c r="I69068" s="1" t="s">
        <v>222698</v>
      </c>
      <c r="J69068" s="1" t="s">
        <v>230393</v>
      </c>
    </row>
    <row r="69069" spans="1:10" x14ac:dyDescent="0.35">
      <c r="A69069" s="1" t="s">
        <v>29087</v>
      </c>
      <c r="B69069" s="1" t="s">
        <v>222693</v>
      </c>
      <c r="C69069" s="1" t="s">
        <v>165</v>
      </c>
      <c r="D69069" s="1" t="s">
        <v>132901</v>
      </c>
      <c r="E69069" s="1" t="s">
        <v>230394</v>
      </c>
      <c r="F69069" s="1" t="s">
        <v>230395</v>
      </c>
      <c r="G69069" s="1" t="s">
        <v>230285</v>
      </c>
      <c r="H69069" s="1" t="s">
        <v>230286</v>
      </c>
      <c r="I69069" s="1" t="s">
        <v>222698</v>
      </c>
      <c r="J69069" s="1" t="s">
        <v>230396</v>
      </c>
    </row>
    <row r="69070" spans="1:10" x14ac:dyDescent="0.35">
      <c r="A69070" s="1" t="s">
        <v>29087</v>
      </c>
      <c r="B69070" s="1" t="s">
        <v>222693</v>
      </c>
      <c r="C69070" s="1" t="s">
        <v>170</v>
      </c>
      <c r="D69070" s="1" t="s">
        <v>134001</v>
      </c>
      <c r="E69070" s="1" t="s">
        <v>230397</v>
      </c>
      <c r="F69070" s="1" t="s">
        <v>230398</v>
      </c>
      <c r="G69070" s="1" t="s">
        <v>230285</v>
      </c>
      <c r="H69070" s="1" t="s">
        <v>230286</v>
      </c>
      <c r="I69070" s="1" t="s">
        <v>222698</v>
      </c>
      <c r="J69070" s="1" t="s">
        <v>230399</v>
      </c>
    </row>
    <row r="69071" spans="1:10" x14ac:dyDescent="0.35">
      <c r="A69071" s="1" t="s">
        <v>110663</v>
      </c>
      <c r="B69071" s="1" t="s">
        <v>222693</v>
      </c>
      <c r="C69071" s="1" t="s">
        <v>8</v>
      </c>
      <c r="D69071" s="1" t="s">
        <v>230400</v>
      </c>
      <c r="E69071" s="1" t="s">
        <v>230401</v>
      </c>
      <c r="F69071" s="1" t="s">
        <v>230402</v>
      </c>
      <c r="G69071" s="1" t="s">
        <v>230403</v>
      </c>
      <c r="H69071" s="1" t="s">
        <v>230404</v>
      </c>
      <c r="I69071" s="1" t="s">
        <v>222698</v>
      </c>
      <c r="J69071" s="1" t="s">
        <v>13</v>
      </c>
    </row>
    <row r="69072" spans="1:10" x14ac:dyDescent="0.35">
      <c r="A69072" s="1" t="s">
        <v>110663</v>
      </c>
      <c r="B69072" s="1" t="s">
        <v>222693</v>
      </c>
      <c r="C69072" s="1" t="s">
        <v>15</v>
      </c>
      <c r="D69072" s="1" t="s">
        <v>230405</v>
      </c>
      <c r="E69072" s="1" t="s">
        <v>230406</v>
      </c>
      <c r="F69072" s="1" t="s">
        <v>230407</v>
      </c>
      <c r="G69072" s="1" t="s">
        <v>230403</v>
      </c>
      <c r="H69072" s="1" t="s">
        <v>230404</v>
      </c>
      <c r="I69072" s="1" t="s">
        <v>222698</v>
      </c>
      <c r="J69072" s="1" t="s">
        <v>230408</v>
      </c>
    </row>
    <row r="69073" spans="1:10" x14ac:dyDescent="0.35">
      <c r="A69073" s="1" t="s">
        <v>110663</v>
      </c>
      <c r="B69073" s="1" t="s">
        <v>222693</v>
      </c>
      <c r="C69073" s="1" t="s">
        <v>20</v>
      </c>
      <c r="D69073" s="1" t="s">
        <v>39992</v>
      </c>
      <c r="E69073" s="1" t="s">
        <v>230409</v>
      </c>
      <c r="F69073" s="1" t="s">
        <v>230410</v>
      </c>
      <c r="G69073" s="1" t="s">
        <v>230403</v>
      </c>
      <c r="H69073" s="1" t="s">
        <v>230404</v>
      </c>
      <c r="I69073" s="1" t="s">
        <v>222698</v>
      </c>
      <c r="J69073" s="1" t="s">
        <v>230411</v>
      </c>
    </row>
    <row r="69074" spans="1:10" x14ac:dyDescent="0.35">
      <c r="A69074" s="1" t="s">
        <v>110663</v>
      </c>
      <c r="B69074" s="1" t="s">
        <v>222693</v>
      </c>
      <c r="C69074" s="1" t="s">
        <v>25</v>
      </c>
      <c r="D69074" s="1" t="s">
        <v>230412</v>
      </c>
      <c r="E69074" s="1" t="s">
        <v>230413</v>
      </c>
      <c r="F69074" s="1" t="s">
        <v>230414</v>
      </c>
      <c r="G69074" s="1" t="s">
        <v>230403</v>
      </c>
      <c r="H69074" s="1" t="s">
        <v>230404</v>
      </c>
      <c r="I69074" s="1" t="s">
        <v>222698</v>
      </c>
      <c r="J69074" s="1" t="s">
        <v>230415</v>
      </c>
    </row>
    <row r="69075" spans="1:10" x14ac:dyDescent="0.35">
      <c r="A69075" s="1" t="s">
        <v>110663</v>
      </c>
      <c r="B69075" s="1" t="s">
        <v>222693</v>
      </c>
      <c r="C69075" s="1" t="s">
        <v>30</v>
      </c>
      <c r="D69075" s="1" t="s">
        <v>230416</v>
      </c>
      <c r="E69075" s="1" t="s">
        <v>230417</v>
      </c>
      <c r="F69075" s="1" t="s">
        <v>230418</v>
      </c>
      <c r="G69075" s="1" t="s">
        <v>230403</v>
      </c>
      <c r="H69075" s="1" t="s">
        <v>230404</v>
      </c>
      <c r="I69075" s="1" t="s">
        <v>222698</v>
      </c>
      <c r="J69075" s="1" t="s">
        <v>230419</v>
      </c>
    </row>
    <row r="69076" spans="1:10" x14ac:dyDescent="0.35">
      <c r="A69076" s="1" t="s">
        <v>110663</v>
      </c>
      <c r="B69076" s="1" t="s">
        <v>222693</v>
      </c>
      <c r="C69076" s="1" t="s">
        <v>35</v>
      </c>
      <c r="D69076" s="1" t="s">
        <v>230420</v>
      </c>
      <c r="E69076" s="1" t="s">
        <v>230421</v>
      </c>
      <c r="F69076" s="1" t="s">
        <v>230422</v>
      </c>
      <c r="G69076" s="1" t="s">
        <v>230403</v>
      </c>
      <c r="H69076" s="1" t="s">
        <v>230404</v>
      </c>
      <c r="I69076" s="1" t="s">
        <v>222698</v>
      </c>
      <c r="J69076" s="1" t="s">
        <v>230423</v>
      </c>
    </row>
    <row r="69077" spans="1:10" x14ac:dyDescent="0.35">
      <c r="A69077" s="1" t="s">
        <v>110663</v>
      </c>
      <c r="B69077" s="1" t="s">
        <v>222693</v>
      </c>
      <c r="C69077" s="1" t="s">
        <v>40</v>
      </c>
      <c r="D69077" s="1" t="s">
        <v>230424</v>
      </c>
      <c r="E69077" s="1" t="s">
        <v>230425</v>
      </c>
      <c r="F69077" s="1" t="s">
        <v>230426</v>
      </c>
      <c r="G69077" s="1" t="s">
        <v>230403</v>
      </c>
      <c r="H69077" s="1" t="s">
        <v>230404</v>
      </c>
      <c r="I69077" s="1" t="s">
        <v>222698</v>
      </c>
      <c r="J69077" s="1" t="s">
        <v>230427</v>
      </c>
    </row>
    <row r="69078" spans="1:10" x14ac:dyDescent="0.35">
      <c r="A69078" s="1" t="s">
        <v>110663</v>
      </c>
      <c r="B69078" s="1" t="s">
        <v>222693</v>
      </c>
      <c r="C69078" s="1" t="s">
        <v>45</v>
      </c>
      <c r="D69078" s="1" t="s">
        <v>131229</v>
      </c>
      <c r="E69078" s="1" t="s">
        <v>230428</v>
      </c>
      <c r="F69078" s="1" t="s">
        <v>230429</v>
      </c>
      <c r="G69078" s="1" t="s">
        <v>230403</v>
      </c>
      <c r="H69078" s="1" t="s">
        <v>230404</v>
      </c>
      <c r="I69078" s="1" t="s">
        <v>222698</v>
      </c>
      <c r="J69078" s="1" t="s">
        <v>230430</v>
      </c>
    </row>
    <row r="69079" spans="1:10" x14ac:dyDescent="0.35">
      <c r="A69079" s="1" t="s">
        <v>110663</v>
      </c>
      <c r="B69079" s="1" t="s">
        <v>222693</v>
      </c>
      <c r="C69079" s="1" t="s">
        <v>50</v>
      </c>
      <c r="D69079" s="1" t="s">
        <v>230431</v>
      </c>
      <c r="E69079" s="1" t="s">
        <v>230432</v>
      </c>
      <c r="F69079" s="1" t="s">
        <v>230433</v>
      </c>
      <c r="G69079" s="1" t="s">
        <v>230403</v>
      </c>
      <c r="H69079" s="1" t="s">
        <v>230404</v>
      </c>
      <c r="I69079" s="1" t="s">
        <v>222698</v>
      </c>
      <c r="J69079" s="1" t="s">
        <v>230434</v>
      </c>
    </row>
    <row r="69080" spans="1:10" x14ac:dyDescent="0.35">
      <c r="A69080" s="1" t="s">
        <v>110663</v>
      </c>
      <c r="B69080" s="1" t="s">
        <v>222693</v>
      </c>
      <c r="C69080" s="1" t="s">
        <v>55</v>
      </c>
      <c r="D69080" s="1" t="s">
        <v>97256</v>
      </c>
      <c r="E69080" s="1" t="s">
        <v>230435</v>
      </c>
      <c r="F69080" s="1" t="s">
        <v>230436</v>
      </c>
      <c r="G69080" s="1" t="s">
        <v>230403</v>
      </c>
      <c r="H69080" s="1" t="s">
        <v>230404</v>
      </c>
      <c r="I69080" s="1" t="s">
        <v>222698</v>
      </c>
      <c r="J69080" s="1" t="s">
        <v>230437</v>
      </c>
    </row>
    <row r="69081" spans="1:10" x14ac:dyDescent="0.35">
      <c r="A69081" s="1" t="s">
        <v>110663</v>
      </c>
      <c r="B69081" s="1" t="s">
        <v>222693</v>
      </c>
      <c r="C69081" s="1" t="s">
        <v>60</v>
      </c>
      <c r="D69081" s="1" t="s">
        <v>230438</v>
      </c>
      <c r="E69081" s="1" t="s">
        <v>230439</v>
      </c>
      <c r="F69081" s="1" t="s">
        <v>230440</v>
      </c>
      <c r="G69081" s="1" t="s">
        <v>230403</v>
      </c>
      <c r="H69081" s="1" t="s">
        <v>230404</v>
      </c>
      <c r="I69081" s="1" t="s">
        <v>222698</v>
      </c>
      <c r="J69081" s="1" t="s">
        <v>230441</v>
      </c>
    </row>
    <row r="69082" spans="1:10" x14ac:dyDescent="0.35">
      <c r="A69082" s="1" t="s">
        <v>110663</v>
      </c>
      <c r="B69082" s="1" t="s">
        <v>222693</v>
      </c>
      <c r="C69082" s="1" t="s">
        <v>65</v>
      </c>
      <c r="D69082" s="1" t="s">
        <v>130457</v>
      </c>
      <c r="E69082" s="1" t="s">
        <v>230442</v>
      </c>
      <c r="F69082" s="1" t="s">
        <v>230443</v>
      </c>
      <c r="G69082" s="1" t="s">
        <v>230403</v>
      </c>
      <c r="H69082" s="1" t="s">
        <v>230404</v>
      </c>
      <c r="I69082" s="1" t="s">
        <v>222698</v>
      </c>
      <c r="J69082" s="1" t="s">
        <v>230444</v>
      </c>
    </row>
    <row r="69083" spans="1:10" x14ac:dyDescent="0.35">
      <c r="A69083" s="1" t="s">
        <v>110663</v>
      </c>
      <c r="B69083" s="1" t="s">
        <v>222693</v>
      </c>
      <c r="C69083" s="1" t="s">
        <v>70</v>
      </c>
      <c r="D69083" s="1" t="s">
        <v>230445</v>
      </c>
      <c r="E69083" s="1" t="s">
        <v>230446</v>
      </c>
      <c r="F69083" s="1" t="s">
        <v>230447</v>
      </c>
      <c r="G69083" s="1" t="s">
        <v>230403</v>
      </c>
      <c r="H69083" s="1" t="s">
        <v>230404</v>
      </c>
      <c r="I69083" s="1" t="s">
        <v>222698</v>
      </c>
      <c r="J69083" s="1" t="s">
        <v>230448</v>
      </c>
    </row>
    <row r="69084" spans="1:10" x14ac:dyDescent="0.35">
      <c r="A69084" s="1" t="s">
        <v>110663</v>
      </c>
      <c r="B69084" s="1" t="s">
        <v>222693</v>
      </c>
      <c r="C69084" s="1" t="s">
        <v>75</v>
      </c>
      <c r="D69084" s="1" t="s">
        <v>230449</v>
      </c>
      <c r="E69084" s="1" t="s">
        <v>230450</v>
      </c>
      <c r="F69084" s="1" t="s">
        <v>230451</v>
      </c>
      <c r="G69084" s="1" t="s">
        <v>230403</v>
      </c>
      <c r="H69084" s="1" t="s">
        <v>230404</v>
      </c>
      <c r="I69084" s="1" t="s">
        <v>222698</v>
      </c>
      <c r="J69084" s="1" t="s">
        <v>230452</v>
      </c>
    </row>
    <row r="69085" spans="1:10" x14ac:dyDescent="0.35">
      <c r="A69085" s="1" t="s">
        <v>110663</v>
      </c>
      <c r="B69085" s="1" t="s">
        <v>222693</v>
      </c>
      <c r="C69085" s="1" t="s">
        <v>80</v>
      </c>
      <c r="D69085" s="1" t="s">
        <v>60165</v>
      </c>
      <c r="E69085" s="1" t="s">
        <v>230453</v>
      </c>
      <c r="F69085" s="1" t="s">
        <v>230454</v>
      </c>
      <c r="G69085" s="1" t="s">
        <v>230403</v>
      </c>
      <c r="H69085" s="1" t="s">
        <v>230404</v>
      </c>
      <c r="I69085" s="1" t="s">
        <v>222698</v>
      </c>
      <c r="J69085" s="1" t="s">
        <v>230455</v>
      </c>
    </row>
    <row r="69086" spans="1:10" x14ac:dyDescent="0.35">
      <c r="A69086" s="1" t="s">
        <v>110663</v>
      </c>
      <c r="B69086" s="1" t="s">
        <v>222693</v>
      </c>
      <c r="C69086" s="1" t="s">
        <v>85</v>
      </c>
      <c r="D69086" s="1" t="s">
        <v>230456</v>
      </c>
      <c r="E69086" s="1" t="s">
        <v>230457</v>
      </c>
      <c r="F69086" s="1" t="s">
        <v>230458</v>
      </c>
      <c r="G69086" s="1" t="s">
        <v>230403</v>
      </c>
      <c r="H69086" s="1" t="s">
        <v>230404</v>
      </c>
      <c r="I69086" s="1" t="s">
        <v>222698</v>
      </c>
      <c r="J69086" s="1" t="s">
        <v>230459</v>
      </c>
    </row>
    <row r="69087" spans="1:10" x14ac:dyDescent="0.35">
      <c r="A69087" s="1" t="s">
        <v>110663</v>
      </c>
      <c r="B69087" s="1" t="s">
        <v>222693</v>
      </c>
      <c r="C69087" s="1" t="s">
        <v>90</v>
      </c>
      <c r="D69087" s="1" t="s">
        <v>230460</v>
      </c>
      <c r="E69087" s="1" t="s">
        <v>230461</v>
      </c>
      <c r="F69087" s="1" t="s">
        <v>230462</v>
      </c>
      <c r="G69087" s="1" t="s">
        <v>230403</v>
      </c>
      <c r="H69087" s="1" t="s">
        <v>230404</v>
      </c>
      <c r="I69087" s="1" t="s">
        <v>222698</v>
      </c>
      <c r="J69087" s="1" t="s">
        <v>230463</v>
      </c>
    </row>
    <row r="69088" spans="1:10" x14ac:dyDescent="0.35">
      <c r="A69088" s="1" t="s">
        <v>110663</v>
      </c>
      <c r="B69088" s="1" t="s">
        <v>222693</v>
      </c>
      <c r="C69088" s="1" t="s">
        <v>95</v>
      </c>
      <c r="D69088" s="1" t="s">
        <v>530</v>
      </c>
      <c r="E69088" s="1" t="s">
        <v>230464</v>
      </c>
      <c r="F69088" s="1" t="s">
        <v>230465</v>
      </c>
      <c r="G69088" s="1" t="s">
        <v>230403</v>
      </c>
      <c r="H69088" s="1" t="s">
        <v>230404</v>
      </c>
      <c r="I69088" s="1" t="s">
        <v>222698</v>
      </c>
      <c r="J69088" s="1" t="s">
        <v>230466</v>
      </c>
    </row>
    <row r="69089" spans="1:10" x14ac:dyDescent="0.35">
      <c r="A69089" s="1" t="s">
        <v>110663</v>
      </c>
      <c r="B69089" s="1" t="s">
        <v>222693</v>
      </c>
      <c r="C69089" s="1" t="s">
        <v>100</v>
      </c>
      <c r="D69089" s="1" t="s">
        <v>230467</v>
      </c>
      <c r="E69089" s="1" t="s">
        <v>230468</v>
      </c>
      <c r="F69089" s="1" t="s">
        <v>230469</v>
      </c>
      <c r="G69089" s="1" t="s">
        <v>230403</v>
      </c>
      <c r="H69089" s="1" t="s">
        <v>230404</v>
      </c>
      <c r="I69089" s="1" t="s">
        <v>222698</v>
      </c>
      <c r="J69089" s="1" t="s">
        <v>230470</v>
      </c>
    </row>
    <row r="69090" spans="1:10" x14ac:dyDescent="0.35">
      <c r="A69090" s="1" t="s">
        <v>110663</v>
      </c>
      <c r="B69090" s="1" t="s">
        <v>222693</v>
      </c>
      <c r="C69090" s="1" t="s">
        <v>105</v>
      </c>
      <c r="D69090" s="1" t="s">
        <v>230471</v>
      </c>
      <c r="E69090" s="1" t="s">
        <v>230472</v>
      </c>
      <c r="F69090" s="1" t="s">
        <v>230473</v>
      </c>
      <c r="G69090" s="1" t="s">
        <v>230403</v>
      </c>
      <c r="H69090" s="1" t="s">
        <v>230404</v>
      </c>
      <c r="I69090" s="1" t="s">
        <v>222698</v>
      </c>
      <c r="J69090" s="1" t="s">
        <v>230474</v>
      </c>
    </row>
    <row r="69091" spans="1:10" x14ac:dyDescent="0.35">
      <c r="A69091" s="1" t="s">
        <v>110663</v>
      </c>
      <c r="B69091" s="1" t="s">
        <v>222693</v>
      </c>
      <c r="C69091" s="1" t="s">
        <v>110</v>
      </c>
      <c r="D69091" s="1" t="s">
        <v>230475</v>
      </c>
      <c r="E69091" s="1" t="s">
        <v>230476</v>
      </c>
      <c r="F69091" s="1" t="s">
        <v>230477</v>
      </c>
      <c r="G69091" s="1" t="s">
        <v>230403</v>
      </c>
      <c r="H69091" s="1" t="s">
        <v>230404</v>
      </c>
      <c r="I69091" s="1" t="s">
        <v>222698</v>
      </c>
      <c r="J69091" s="1" t="s">
        <v>230478</v>
      </c>
    </row>
    <row r="69092" spans="1:10" x14ac:dyDescent="0.35">
      <c r="A69092" s="1" t="s">
        <v>110663</v>
      </c>
      <c r="B69092" s="1" t="s">
        <v>222693</v>
      </c>
      <c r="C69092" s="1" t="s">
        <v>115</v>
      </c>
      <c r="D69092" s="1" t="s">
        <v>230479</v>
      </c>
      <c r="E69092" s="1" t="s">
        <v>230480</v>
      </c>
      <c r="F69092" s="1" t="s">
        <v>230481</v>
      </c>
      <c r="G69092" s="1" t="s">
        <v>230403</v>
      </c>
      <c r="H69092" s="1" t="s">
        <v>230404</v>
      </c>
      <c r="I69092" s="1" t="s">
        <v>222698</v>
      </c>
      <c r="J69092" s="1" t="s">
        <v>230482</v>
      </c>
    </row>
    <row r="69093" spans="1:10" x14ac:dyDescent="0.35">
      <c r="A69093" s="1" t="s">
        <v>110663</v>
      </c>
      <c r="B69093" s="1" t="s">
        <v>222693</v>
      </c>
      <c r="C69093" s="1" t="s">
        <v>120</v>
      </c>
      <c r="D69093" s="1" t="s">
        <v>56447</v>
      </c>
      <c r="E69093" s="1" t="s">
        <v>230483</v>
      </c>
      <c r="F69093" s="1" t="s">
        <v>230484</v>
      </c>
      <c r="G69093" s="1" t="s">
        <v>230403</v>
      </c>
      <c r="H69093" s="1" t="s">
        <v>230404</v>
      </c>
      <c r="I69093" s="1" t="s">
        <v>222698</v>
      </c>
      <c r="J69093" s="1" t="s">
        <v>230485</v>
      </c>
    </row>
    <row r="69094" spans="1:10" x14ac:dyDescent="0.35">
      <c r="A69094" s="1" t="s">
        <v>110663</v>
      </c>
      <c r="B69094" s="1" t="s">
        <v>222693</v>
      </c>
      <c r="C69094" s="1" t="s">
        <v>125</v>
      </c>
      <c r="D69094" s="1" t="s">
        <v>230486</v>
      </c>
      <c r="E69094" s="1" t="s">
        <v>230487</v>
      </c>
      <c r="F69094" s="1" t="s">
        <v>230488</v>
      </c>
      <c r="G69094" s="1" t="s">
        <v>230403</v>
      </c>
      <c r="H69094" s="1" t="s">
        <v>230404</v>
      </c>
      <c r="I69094" s="1" t="s">
        <v>222698</v>
      </c>
      <c r="J69094" s="1" t="s">
        <v>230489</v>
      </c>
    </row>
    <row r="69095" spans="1:10" x14ac:dyDescent="0.35">
      <c r="A69095" s="1" t="s">
        <v>110663</v>
      </c>
      <c r="B69095" s="1" t="s">
        <v>222693</v>
      </c>
      <c r="C69095" s="1" t="s">
        <v>130</v>
      </c>
      <c r="D69095" s="1" t="s">
        <v>230490</v>
      </c>
      <c r="E69095" s="1" t="s">
        <v>230491</v>
      </c>
      <c r="F69095" s="1" t="s">
        <v>230492</v>
      </c>
      <c r="G69095" s="1" t="s">
        <v>230403</v>
      </c>
      <c r="H69095" s="1" t="s">
        <v>230404</v>
      </c>
      <c r="I69095" s="1" t="s">
        <v>222698</v>
      </c>
      <c r="J69095" s="1" t="s">
        <v>230493</v>
      </c>
    </row>
    <row r="69096" spans="1:10" x14ac:dyDescent="0.35">
      <c r="A69096" s="1" t="s">
        <v>110663</v>
      </c>
      <c r="B69096" s="1" t="s">
        <v>222693</v>
      </c>
      <c r="C69096" s="1" t="s">
        <v>135</v>
      </c>
      <c r="D69096" s="1" t="s">
        <v>230494</v>
      </c>
      <c r="E69096" s="1" t="s">
        <v>230495</v>
      </c>
      <c r="F69096" s="1" t="s">
        <v>230496</v>
      </c>
      <c r="G69096" s="1" t="s">
        <v>230403</v>
      </c>
      <c r="H69096" s="1" t="s">
        <v>230404</v>
      </c>
      <c r="I69096" s="1" t="s">
        <v>222698</v>
      </c>
      <c r="J69096" s="1" t="s">
        <v>230497</v>
      </c>
    </row>
    <row r="69097" spans="1:10" x14ac:dyDescent="0.35">
      <c r="A69097" s="1" t="s">
        <v>110663</v>
      </c>
      <c r="B69097" s="1" t="s">
        <v>222693</v>
      </c>
      <c r="C69097" s="1" t="s">
        <v>140</v>
      </c>
      <c r="D69097" s="1" t="s">
        <v>230498</v>
      </c>
      <c r="E69097" s="1" t="s">
        <v>230499</v>
      </c>
      <c r="F69097" s="1" t="s">
        <v>230500</v>
      </c>
      <c r="G69097" s="1" t="s">
        <v>230403</v>
      </c>
      <c r="H69097" s="1" t="s">
        <v>230404</v>
      </c>
      <c r="I69097" s="1" t="s">
        <v>222698</v>
      </c>
      <c r="J69097" s="1" t="s">
        <v>230501</v>
      </c>
    </row>
    <row r="69098" spans="1:10" x14ac:dyDescent="0.35">
      <c r="A69098" s="1" t="s">
        <v>110663</v>
      </c>
      <c r="B69098" s="1" t="s">
        <v>222693</v>
      </c>
      <c r="C69098" s="1" t="s">
        <v>145</v>
      </c>
      <c r="D69098" s="1" t="s">
        <v>230502</v>
      </c>
      <c r="E69098" s="1" t="s">
        <v>230503</v>
      </c>
      <c r="F69098" s="1" t="s">
        <v>230504</v>
      </c>
      <c r="G69098" s="1" t="s">
        <v>230403</v>
      </c>
      <c r="H69098" s="1" t="s">
        <v>230404</v>
      </c>
      <c r="I69098" s="1" t="s">
        <v>222698</v>
      </c>
      <c r="J69098" s="1" t="s">
        <v>230505</v>
      </c>
    </row>
    <row r="69099" spans="1:10" x14ac:dyDescent="0.35">
      <c r="A69099" s="1" t="s">
        <v>110663</v>
      </c>
      <c r="B69099" s="1" t="s">
        <v>222693</v>
      </c>
      <c r="C69099" s="1" t="s">
        <v>150</v>
      </c>
      <c r="D69099" s="1" t="s">
        <v>59222</v>
      </c>
      <c r="E69099" s="1" t="s">
        <v>230506</v>
      </c>
      <c r="F69099" s="1" t="s">
        <v>230507</v>
      </c>
      <c r="G69099" s="1" t="s">
        <v>230403</v>
      </c>
      <c r="H69099" s="1" t="s">
        <v>230404</v>
      </c>
      <c r="I69099" s="1" t="s">
        <v>222698</v>
      </c>
      <c r="J69099" s="1" t="s">
        <v>230508</v>
      </c>
    </row>
    <row r="69100" spans="1:10" x14ac:dyDescent="0.35">
      <c r="A69100" s="1" t="s">
        <v>110663</v>
      </c>
      <c r="B69100" s="1" t="s">
        <v>222693</v>
      </c>
      <c r="C69100" s="1" t="s">
        <v>155</v>
      </c>
      <c r="D69100" s="1" t="s">
        <v>230509</v>
      </c>
      <c r="E69100" s="1" t="s">
        <v>230510</v>
      </c>
      <c r="F69100" s="1" t="s">
        <v>230511</v>
      </c>
      <c r="G69100" s="1" t="s">
        <v>230403</v>
      </c>
      <c r="H69100" s="1" t="s">
        <v>230404</v>
      </c>
      <c r="I69100" s="1" t="s">
        <v>222698</v>
      </c>
      <c r="J69100" s="1" t="s">
        <v>230512</v>
      </c>
    </row>
    <row r="69101" spans="1:10" x14ac:dyDescent="0.35">
      <c r="A69101" s="1" t="s">
        <v>110663</v>
      </c>
      <c r="B69101" s="1" t="s">
        <v>222693</v>
      </c>
      <c r="C69101" s="1" t="s">
        <v>160</v>
      </c>
      <c r="D69101" s="1" t="s">
        <v>230513</v>
      </c>
      <c r="E69101" s="1" t="s">
        <v>230514</v>
      </c>
      <c r="F69101" s="1" t="s">
        <v>230515</v>
      </c>
      <c r="G69101" s="1" t="s">
        <v>230403</v>
      </c>
      <c r="H69101" s="1" t="s">
        <v>230404</v>
      </c>
      <c r="I69101" s="1" t="s">
        <v>222698</v>
      </c>
      <c r="J69101" s="1" t="s">
        <v>230516</v>
      </c>
    </row>
    <row r="69102" spans="1:10" x14ac:dyDescent="0.35">
      <c r="A69102" s="1" t="s">
        <v>110663</v>
      </c>
      <c r="B69102" s="1" t="s">
        <v>222693</v>
      </c>
      <c r="C69102" s="1" t="s">
        <v>165</v>
      </c>
      <c r="D69102" s="1" t="s">
        <v>230517</v>
      </c>
      <c r="E69102" s="1" t="s">
        <v>230518</v>
      </c>
      <c r="F69102" s="1" t="s">
        <v>230519</v>
      </c>
      <c r="G69102" s="1" t="s">
        <v>230403</v>
      </c>
      <c r="H69102" s="1" t="s">
        <v>230404</v>
      </c>
      <c r="I69102" s="1" t="s">
        <v>222698</v>
      </c>
      <c r="J69102" s="1" t="s">
        <v>230520</v>
      </c>
    </row>
    <row r="69103" spans="1:10" x14ac:dyDescent="0.35">
      <c r="A69103" s="1" t="s">
        <v>110663</v>
      </c>
      <c r="B69103" s="1" t="s">
        <v>222693</v>
      </c>
      <c r="C69103" s="1" t="s">
        <v>170</v>
      </c>
      <c r="D69103" s="1" t="s">
        <v>55321</v>
      </c>
      <c r="E69103" s="1" t="s">
        <v>230521</v>
      </c>
      <c r="F69103" s="1" t="s">
        <v>230522</v>
      </c>
      <c r="G69103" s="1" t="s">
        <v>230403</v>
      </c>
      <c r="H69103" s="1" t="s">
        <v>230404</v>
      </c>
      <c r="I69103" s="1" t="s">
        <v>222698</v>
      </c>
      <c r="J69103" s="1" t="s">
        <v>230523</v>
      </c>
    </row>
    <row r="69104" spans="1:10" x14ac:dyDescent="0.35">
      <c r="A69104" s="1" t="s">
        <v>27577</v>
      </c>
      <c r="B69104" s="1" t="s">
        <v>222693</v>
      </c>
      <c r="C69104" s="1" t="s">
        <v>8</v>
      </c>
      <c r="D69104" s="1" t="s">
        <v>55503</v>
      </c>
      <c r="E69104" s="1" t="s">
        <v>230524</v>
      </c>
      <c r="F69104" s="1" t="s">
        <v>230525</v>
      </c>
      <c r="G69104" s="1" t="s">
        <v>230526</v>
      </c>
      <c r="H69104" s="1" t="s">
        <v>230527</v>
      </c>
      <c r="I69104" s="1" t="s">
        <v>222698</v>
      </c>
      <c r="J69104" s="1" t="s">
        <v>13</v>
      </c>
    </row>
    <row r="69105" spans="1:10" x14ac:dyDescent="0.35">
      <c r="A69105" s="1" t="s">
        <v>27577</v>
      </c>
      <c r="B69105" s="1" t="s">
        <v>222693</v>
      </c>
      <c r="C69105" s="1" t="s">
        <v>15</v>
      </c>
      <c r="D69105" s="1" t="s">
        <v>230528</v>
      </c>
      <c r="E69105" s="1" t="s">
        <v>230529</v>
      </c>
      <c r="F69105" s="1" t="s">
        <v>230530</v>
      </c>
      <c r="G69105" s="1" t="s">
        <v>230526</v>
      </c>
      <c r="H69105" s="1" t="s">
        <v>230527</v>
      </c>
      <c r="I69105" s="1" t="s">
        <v>222698</v>
      </c>
      <c r="J69105" s="1" t="s">
        <v>230531</v>
      </c>
    </row>
    <row r="69106" spans="1:10" x14ac:dyDescent="0.35">
      <c r="A69106" s="1" t="s">
        <v>27577</v>
      </c>
      <c r="B69106" s="1" t="s">
        <v>222693</v>
      </c>
      <c r="C69106" s="1" t="s">
        <v>20</v>
      </c>
      <c r="D69106" s="1" t="s">
        <v>86894</v>
      </c>
      <c r="E69106" s="1" t="s">
        <v>230532</v>
      </c>
      <c r="F69106" s="1" t="s">
        <v>230533</v>
      </c>
      <c r="G69106" s="1" t="s">
        <v>230526</v>
      </c>
      <c r="H69106" s="1" t="s">
        <v>230527</v>
      </c>
      <c r="I69106" s="1" t="s">
        <v>222698</v>
      </c>
      <c r="J69106" s="1" t="s">
        <v>230534</v>
      </c>
    </row>
    <row r="69107" spans="1:10" x14ac:dyDescent="0.35">
      <c r="A69107" s="1" t="s">
        <v>27577</v>
      </c>
      <c r="B69107" s="1" t="s">
        <v>222693</v>
      </c>
      <c r="C69107" s="1" t="s">
        <v>25</v>
      </c>
      <c r="D69107" s="1" t="s">
        <v>230535</v>
      </c>
      <c r="E69107" s="1" t="s">
        <v>230536</v>
      </c>
      <c r="F69107" s="1" t="s">
        <v>230537</v>
      </c>
      <c r="G69107" s="1" t="s">
        <v>230526</v>
      </c>
      <c r="H69107" s="1" t="s">
        <v>230527</v>
      </c>
      <c r="I69107" s="1" t="s">
        <v>222698</v>
      </c>
      <c r="J69107" s="1" t="s">
        <v>230538</v>
      </c>
    </row>
    <row r="69108" spans="1:10" x14ac:dyDescent="0.35">
      <c r="A69108" s="1" t="s">
        <v>27577</v>
      </c>
      <c r="B69108" s="1" t="s">
        <v>222693</v>
      </c>
      <c r="C69108" s="1" t="s">
        <v>30</v>
      </c>
      <c r="D69108" s="1" t="s">
        <v>230539</v>
      </c>
      <c r="E69108" s="1" t="s">
        <v>230540</v>
      </c>
      <c r="F69108" s="1" t="s">
        <v>230541</v>
      </c>
      <c r="G69108" s="1" t="s">
        <v>230526</v>
      </c>
      <c r="H69108" s="1" t="s">
        <v>230527</v>
      </c>
      <c r="I69108" s="1" t="s">
        <v>222698</v>
      </c>
      <c r="J69108" s="1" t="s">
        <v>230542</v>
      </c>
    </row>
    <row r="69109" spans="1:10" x14ac:dyDescent="0.35">
      <c r="A69109" s="1" t="s">
        <v>27577</v>
      </c>
      <c r="B69109" s="1" t="s">
        <v>222693</v>
      </c>
      <c r="C69109" s="1" t="s">
        <v>35</v>
      </c>
      <c r="D69109" s="1" t="s">
        <v>230543</v>
      </c>
      <c r="E69109" s="1" t="s">
        <v>230544</v>
      </c>
      <c r="F69109" s="1" t="s">
        <v>230545</v>
      </c>
      <c r="G69109" s="1" t="s">
        <v>230526</v>
      </c>
      <c r="H69109" s="1" t="s">
        <v>230527</v>
      </c>
      <c r="I69109" s="1" t="s">
        <v>222698</v>
      </c>
      <c r="J69109" s="1" t="s">
        <v>230546</v>
      </c>
    </row>
    <row r="69110" spans="1:10" x14ac:dyDescent="0.35">
      <c r="A69110" s="1" t="s">
        <v>27577</v>
      </c>
      <c r="B69110" s="1" t="s">
        <v>222693</v>
      </c>
      <c r="C69110" s="1" t="s">
        <v>40</v>
      </c>
      <c r="D69110" s="1" t="s">
        <v>20700</v>
      </c>
      <c r="E69110" s="1" t="s">
        <v>230547</v>
      </c>
      <c r="F69110" s="1" t="s">
        <v>230548</v>
      </c>
      <c r="G69110" s="1" t="s">
        <v>230526</v>
      </c>
      <c r="H69110" s="1" t="s">
        <v>230527</v>
      </c>
      <c r="I69110" s="1" t="s">
        <v>222698</v>
      </c>
      <c r="J69110" s="1" t="s">
        <v>230549</v>
      </c>
    </row>
    <row r="69111" spans="1:10" x14ac:dyDescent="0.35">
      <c r="A69111" s="1" t="s">
        <v>27577</v>
      </c>
      <c r="B69111" s="1" t="s">
        <v>222693</v>
      </c>
      <c r="C69111" s="1" t="s">
        <v>45</v>
      </c>
      <c r="D69111" s="1" t="s">
        <v>56324</v>
      </c>
      <c r="E69111" s="1" t="s">
        <v>230550</v>
      </c>
      <c r="F69111" s="1" t="s">
        <v>230551</v>
      </c>
      <c r="G69111" s="1" t="s">
        <v>230526</v>
      </c>
      <c r="H69111" s="1" t="s">
        <v>230527</v>
      </c>
      <c r="I69111" s="1" t="s">
        <v>222698</v>
      </c>
      <c r="J69111" s="1" t="s">
        <v>230552</v>
      </c>
    </row>
    <row r="69112" spans="1:10" x14ac:dyDescent="0.35">
      <c r="A69112" s="1" t="s">
        <v>27577</v>
      </c>
      <c r="B69112" s="1" t="s">
        <v>222693</v>
      </c>
      <c r="C69112" s="1" t="s">
        <v>50</v>
      </c>
      <c r="D69112" s="1" t="s">
        <v>21390</v>
      </c>
      <c r="E69112" s="1" t="s">
        <v>230553</v>
      </c>
      <c r="F69112" s="1" t="s">
        <v>230554</v>
      </c>
      <c r="G69112" s="1" t="s">
        <v>230526</v>
      </c>
      <c r="H69112" s="1" t="s">
        <v>230527</v>
      </c>
      <c r="I69112" s="1" t="s">
        <v>222698</v>
      </c>
      <c r="J69112" s="1" t="s">
        <v>230555</v>
      </c>
    </row>
    <row r="69113" spans="1:10" x14ac:dyDescent="0.35">
      <c r="A69113" s="1" t="s">
        <v>27577</v>
      </c>
      <c r="B69113" s="1" t="s">
        <v>222693</v>
      </c>
      <c r="C69113" s="1" t="s">
        <v>55</v>
      </c>
      <c r="D69113" s="1" t="s">
        <v>230556</v>
      </c>
      <c r="E69113" s="1" t="s">
        <v>230557</v>
      </c>
      <c r="F69113" s="1" t="s">
        <v>230558</v>
      </c>
      <c r="G69113" s="1" t="s">
        <v>230526</v>
      </c>
      <c r="H69113" s="1" t="s">
        <v>230527</v>
      </c>
      <c r="I69113" s="1" t="s">
        <v>222698</v>
      </c>
      <c r="J69113" s="1" t="s">
        <v>230559</v>
      </c>
    </row>
    <row r="69114" spans="1:10" x14ac:dyDescent="0.35">
      <c r="A69114" s="1" t="s">
        <v>27577</v>
      </c>
      <c r="B69114" s="1" t="s">
        <v>222693</v>
      </c>
      <c r="C69114" s="1" t="s">
        <v>60</v>
      </c>
      <c r="D69114" s="1" t="s">
        <v>14461</v>
      </c>
      <c r="E69114" s="1" t="s">
        <v>230560</v>
      </c>
      <c r="F69114" s="1" t="s">
        <v>230561</v>
      </c>
      <c r="G69114" s="1" t="s">
        <v>230526</v>
      </c>
      <c r="H69114" s="1" t="s">
        <v>230527</v>
      </c>
      <c r="I69114" s="1" t="s">
        <v>222698</v>
      </c>
      <c r="J69114" s="1" t="s">
        <v>230562</v>
      </c>
    </row>
    <row r="69115" spans="1:10" x14ac:dyDescent="0.35">
      <c r="A69115" s="1" t="s">
        <v>27577</v>
      </c>
      <c r="B69115" s="1" t="s">
        <v>222693</v>
      </c>
      <c r="C69115" s="1" t="s">
        <v>65</v>
      </c>
      <c r="D69115" s="1" t="s">
        <v>20846</v>
      </c>
      <c r="E69115" s="1" t="s">
        <v>230563</v>
      </c>
      <c r="F69115" s="1" t="s">
        <v>230564</v>
      </c>
      <c r="G69115" s="1" t="s">
        <v>230526</v>
      </c>
      <c r="H69115" s="1" t="s">
        <v>230527</v>
      </c>
      <c r="I69115" s="1" t="s">
        <v>222698</v>
      </c>
      <c r="J69115" s="1" t="s">
        <v>230565</v>
      </c>
    </row>
    <row r="69116" spans="1:10" x14ac:dyDescent="0.35">
      <c r="A69116" s="1" t="s">
        <v>27577</v>
      </c>
      <c r="B69116" s="1" t="s">
        <v>222693</v>
      </c>
      <c r="C69116" s="1" t="s">
        <v>70</v>
      </c>
      <c r="D69116" s="1" t="s">
        <v>62205</v>
      </c>
      <c r="E69116" s="1" t="s">
        <v>230566</v>
      </c>
      <c r="F69116" s="1" t="s">
        <v>230567</v>
      </c>
      <c r="G69116" s="1" t="s">
        <v>230526</v>
      </c>
      <c r="H69116" s="1" t="s">
        <v>230527</v>
      </c>
      <c r="I69116" s="1" t="s">
        <v>222698</v>
      </c>
      <c r="J69116" s="1" t="s">
        <v>230568</v>
      </c>
    </row>
    <row r="69117" spans="1:10" x14ac:dyDescent="0.35">
      <c r="A69117" s="1" t="s">
        <v>27577</v>
      </c>
      <c r="B69117" s="1" t="s">
        <v>222693</v>
      </c>
      <c r="C69117" s="1" t="s">
        <v>75</v>
      </c>
      <c r="D69117" s="1" t="s">
        <v>64592</v>
      </c>
      <c r="E69117" s="1" t="s">
        <v>230569</v>
      </c>
      <c r="F69117" s="1" t="s">
        <v>230570</v>
      </c>
      <c r="G69117" s="1" t="s">
        <v>230526</v>
      </c>
      <c r="H69117" s="1" t="s">
        <v>230527</v>
      </c>
      <c r="I69117" s="1" t="s">
        <v>222698</v>
      </c>
      <c r="J69117" s="1" t="s">
        <v>230571</v>
      </c>
    </row>
    <row r="69118" spans="1:10" x14ac:dyDescent="0.35">
      <c r="A69118" s="1" t="s">
        <v>27577</v>
      </c>
      <c r="B69118" s="1" t="s">
        <v>222693</v>
      </c>
      <c r="C69118" s="1" t="s">
        <v>80</v>
      </c>
      <c r="D69118" s="1" t="s">
        <v>91335</v>
      </c>
      <c r="E69118" s="1" t="s">
        <v>230572</v>
      </c>
      <c r="F69118" s="1" t="s">
        <v>230573</v>
      </c>
      <c r="G69118" s="1" t="s">
        <v>230526</v>
      </c>
      <c r="H69118" s="1" t="s">
        <v>230527</v>
      </c>
      <c r="I69118" s="1" t="s">
        <v>222698</v>
      </c>
      <c r="J69118" s="1" t="s">
        <v>230574</v>
      </c>
    </row>
    <row r="69119" spans="1:10" x14ac:dyDescent="0.35">
      <c r="A69119" s="1" t="s">
        <v>27577</v>
      </c>
      <c r="B69119" s="1" t="s">
        <v>222693</v>
      </c>
      <c r="C69119" s="1" t="s">
        <v>85</v>
      </c>
      <c r="D69119" s="1" t="s">
        <v>68074</v>
      </c>
      <c r="E69119" s="1" t="s">
        <v>230575</v>
      </c>
      <c r="F69119" s="1" t="s">
        <v>230576</v>
      </c>
      <c r="G69119" s="1" t="s">
        <v>230526</v>
      </c>
      <c r="H69119" s="1" t="s">
        <v>230527</v>
      </c>
      <c r="I69119" s="1" t="s">
        <v>222698</v>
      </c>
      <c r="J69119" s="1" t="s">
        <v>230577</v>
      </c>
    </row>
    <row r="69120" spans="1:10" x14ac:dyDescent="0.35">
      <c r="A69120" s="1" t="s">
        <v>27577</v>
      </c>
      <c r="B69120" s="1" t="s">
        <v>222693</v>
      </c>
      <c r="C69120" s="1" t="s">
        <v>90</v>
      </c>
      <c r="D69120" s="1" t="s">
        <v>230578</v>
      </c>
      <c r="E69120" s="1" t="s">
        <v>230579</v>
      </c>
      <c r="F69120" s="1" t="s">
        <v>230580</v>
      </c>
      <c r="G69120" s="1" t="s">
        <v>230526</v>
      </c>
      <c r="H69120" s="1" t="s">
        <v>230527</v>
      </c>
      <c r="I69120" s="1" t="s">
        <v>222698</v>
      </c>
      <c r="J69120" s="1" t="s">
        <v>230581</v>
      </c>
    </row>
    <row r="69121" spans="1:10" x14ac:dyDescent="0.35">
      <c r="A69121" s="1" t="s">
        <v>27577</v>
      </c>
      <c r="B69121" s="1" t="s">
        <v>222693</v>
      </c>
      <c r="C69121" s="1" t="s">
        <v>95</v>
      </c>
      <c r="D69121" s="1" t="s">
        <v>19245</v>
      </c>
      <c r="E69121" s="1" t="s">
        <v>230582</v>
      </c>
      <c r="F69121" s="1" t="s">
        <v>230583</v>
      </c>
      <c r="G69121" s="1" t="s">
        <v>230526</v>
      </c>
      <c r="H69121" s="1" t="s">
        <v>230527</v>
      </c>
      <c r="I69121" s="1" t="s">
        <v>222698</v>
      </c>
      <c r="J69121" s="1" t="s">
        <v>230584</v>
      </c>
    </row>
    <row r="69122" spans="1:10" x14ac:dyDescent="0.35">
      <c r="A69122" s="1" t="s">
        <v>27577</v>
      </c>
      <c r="B69122" s="1" t="s">
        <v>222693</v>
      </c>
      <c r="C69122" s="1" t="s">
        <v>100</v>
      </c>
      <c r="D69122" s="1" t="s">
        <v>230585</v>
      </c>
      <c r="E69122" s="1" t="s">
        <v>230586</v>
      </c>
      <c r="F69122" s="1" t="s">
        <v>230587</v>
      </c>
      <c r="G69122" s="1" t="s">
        <v>230526</v>
      </c>
      <c r="H69122" s="1" t="s">
        <v>230527</v>
      </c>
      <c r="I69122" s="1" t="s">
        <v>222698</v>
      </c>
      <c r="J69122" s="1" t="s">
        <v>230588</v>
      </c>
    </row>
    <row r="69123" spans="1:10" x14ac:dyDescent="0.35">
      <c r="A69123" s="1" t="s">
        <v>27577</v>
      </c>
      <c r="B69123" s="1" t="s">
        <v>222693</v>
      </c>
      <c r="C69123" s="1" t="s">
        <v>105</v>
      </c>
      <c r="D69123" s="1" t="s">
        <v>58922</v>
      </c>
      <c r="E69123" s="1" t="s">
        <v>230589</v>
      </c>
      <c r="F69123" s="1" t="s">
        <v>230590</v>
      </c>
      <c r="G69123" s="1" t="s">
        <v>230526</v>
      </c>
      <c r="H69123" s="1" t="s">
        <v>230527</v>
      </c>
      <c r="I69123" s="1" t="s">
        <v>222698</v>
      </c>
      <c r="J69123" s="1" t="s">
        <v>230591</v>
      </c>
    </row>
    <row r="69124" spans="1:10" x14ac:dyDescent="0.35">
      <c r="A69124" s="1" t="s">
        <v>27577</v>
      </c>
      <c r="B69124" s="1" t="s">
        <v>222693</v>
      </c>
      <c r="C69124" s="1" t="s">
        <v>110</v>
      </c>
      <c r="D69124" s="1" t="s">
        <v>230592</v>
      </c>
      <c r="E69124" s="1" t="s">
        <v>230593</v>
      </c>
      <c r="F69124" s="1" t="s">
        <v>230594</v>
      </c>
      <c r="G69124" s="1" t="s">
        <v>230526</v>
      </c>
      <c r="H69124" s="1" t="s">
        <v>230527</v>
      </c>
      <c r="I69124" s="1" t="s">
        <v>222698</v>
      </c>
      <c r="J69124" s="1" t="s">
        <v>230595</v>
      </c>
    </row>
    <row r="69125" spans="1:10" x14ac:dyDescent="0.35">
      <c r="A69125" s="1" t="s">
        <v>27577</v>
      </c>
      <c r="B69125" s="1" t="s">
        <v>222693</v>
      </c>
      <c r="C69125" s="1" t="s">
        <v>115</v>
      </c>
      <c r="D69125" s="1" t="s">
        <v>230596</v>
      </c>
      <c r="E69125" s="1" t="s">
        <v>230597</v>
      </c>
      <c r="F69125" s="1" t="s">
        <v>230598</v>
      </c>
      <c r="G69125" s="1" t="s">
        <v>230526</v>
      </c>
      <c r="H69125" s="1" t="s">
        <v>230527</v>
      </c>
      <c r="I69125" s="1" t="s">
        <v>222698</v>
      </c>
      <c r="J69125" s="1" t="s">
        <v>230599</v>
      </c>
    </row>
    <row r="69126" spans="1:10" x14ac:dyDescent="0.35">
      <c r="A69126" s="1" t="s">
        <v>27577</v>
      </c>
      <c r="B69126" s="1" t="s">
        <v>222693</v>
      </c>
      <c r="C69126" s="1" t="s">
        <v>120</v>
      </c>
      <c r="D69126" s="1" t="s">
        <v>230600</v>
      </c>
      <c r="E69126" s="1" t="s">
        <v>230601</v>
      </c>
      <c r="F69126" s="1" t="s">
        <v>230602</v>
      </c>
      <c r="G69126" s="1" t="s">
        <v>230526</v>
      </c>
      <c r="H69126" s="1" t="s">
        <v>230527</v>
      </c>
      <c r="I69126" s="1" t="s">
        <v>222698</v>
      </c>
      <c r="J69126" s="1" t="s">
        <v>230603</v>
      </c>
    </row>
    <row r="69127" spans="1:10" x14ac:dyDescent="0.35">
      <c r="A69127" s="1" t="s">
        <v>27577</v>
      </c>
      <c r="B69127" s="1" t="s">
        <v>222693</v>
      </c>
      <c r="C69127" s="1" t="s">
        <v>125</v>
      </c>
      <c r="D69127" s="1" t="s">
        <v>227189</v>
      </c>
      <c r="E69127" s="1" t="s">
        <v>230604</v>
      </c>
      <c r="F69127" s="1" t="s">
        <v>230605</v>
      </c>
      <c r="G69127" s="1" t="s">
        <v>230526</v>
      </c>
      <c r="H69127" s="1" t="s">
        <v>230527</v>
      </c>
      <c r="I69127" s="1" t="s">
        <v>222698</v>
      </c>
      <c r="J69127" s="1" t="s">
        <v>230606</v>
      </c>
    </row>
    <row r="69128" spans="1:10" x14ac:dyDescent="0.35">
      <c r="A69128" s="1" t="s">
        <v>27577</v>
      </c>
      <c r="B69128" s="1" t="s">
        <v>222693</v>
      </c>
      <c r="C69128" s="1" t="s">
        <v>130</v>
      </c>
      <c r="D69128" s="1" t="s">
        <v>230607</v>
      </c>
      <c r="E69128" s="1" t="s">
        <v>230608</v>
      </c>
      <c r="F69128" s="1" t="s">
        <v>230609</v>
      </c>
      <c r="G69128" s="1" t="s">
        <v>230526</v>
      </c>
      <c r="H69128" s="1" t="s">
        <v>230527</v>
      </c>
      <c r="I69128" s="1" t="s">
        <v>222698</v>
      </c>
      <c r="J69128" s="1" t="s">
        <v>230610</v>
      </c>
    </row>
    <row r="69129" spans="1:10" x14ac:dyDescent="0.35">
      <c r="A69129" s="1" t="s">
        <v>27577</v>
      </c>
      <c r="B69129" s="1" t="s">
        <v>222693</v>
      </c>
      <c r="C69129" s="1" t="s">
        <v>135</v>
      </c>
      <c r="D69129" s="1" t="s">
        <v>228594</v>
      </c>
      <c r="E69129" s="1" t="s">
        <v>230611</v>
      </c>
      <c r="F69129" s="1" t="s">
        <v>230612</v>
      </c>
      <c r="G69129" s="1" t="s">
        <v>230526</v>
      </c>
      <c r="H69129" s="1" t="s">
        <v>230527</v>
      </c>
      <c r="I69129" s="1" t="s">
        <v>222698</v>
      </c>
      <c r="J69129" s="1" t="s">
        <v>230613</v>
      </c>
    </row>
    <row r="69130" spans="1:10" x14ac:dyDescent="0.35">
      <c r="A69130" s="1" t="s">
        <v>27577</v>
      </c>
      <c r="B69130" s="1" t="s">
        <v>222693</v>
      </c>
      <c r="C69130" s="1" t="s">
        <v>140</v>
      </c>
      <c r="D69130" s="1" t="s">
        <v>230614</v>
      </c>
      <c r="E69130" s="1" t="s">
        <v>230615</v>
      </c>
      <c r="F69130" s="1" t="s">
        <v>230616</v>
      </c>
      <c r="G69130" s="1" t="s">
        <v>230526</v>
      </c>
      <c r="H69130" s="1" t="s">
        <v>230527</v>
      </c>
      <c r="I69130" s="1" t="s">
        <v>222698</v>
      </c>
      <c r="J69130" s="1" t="s">
        <v>230617</v>
      </c>
    </row>
    <row r="69131" spans="1:10" x14ac:dyDescent="0.35">
      <c r="A69131" s="1" t="s">
        <v>27577</v>
      </c>
      <c r="B69131" s="1" t="s">
        <v>222693</v>
      </c>
      <c r="C69131" s="1" t="s">
        <v>145</v>
      </c>
      <c r="D69131" s="1" t="s">
        <v>226186</v>
      </c>
      <c r="E69131" s="1" t="s">
        <v>230618</v>
      </c>
      <c r="F69131" s="1" t="s">
        <v>230619</v>
      </c>
      <c r="G69131" s="1" t="s">
        <v>230526</v>
      </c>
      <c r="H69131" s="1" t="s">
        <v>230527</v>
      </c>
      <c r="I69131" s="1" t="s">
        <v>222698</v>
      </c>
      <c r="J69131" s="1" t="s">
        <v>230620</v>
      </c>
    </row>
    <row r="69132" spans="1:10" x14ac:dyDescent="0.35">
      <c r="A69132" s="1" t="s">
        <v>27577</v>
      </c>
      <c r="B69132" s="1" t="s">
        <v>222693</v>
      </c>
      <c r="C69132" s="1" t="s">
        <v>150</v>
      </c>
      <c r="D69132" s="1" t="s">
        <v>230621</v>
      </c>
      <c r="E69132" s="1" t="s">
        <v>230622</v>
      </c>
      <c r="F69132" s="1" t="s">
        <v>230623</v>
      </c>
      <c r="G69132" s="1" t="s">
        <v>230526</v>
      </c>
      <c r="H69132" s="1" t="s">
        <v>230527</v>
      </c>
      <c r="I69132" s="1" t="s">
        <v>222698</v>
      </c>
      <c r="J69132" s="1" t="s">
        <v>230624</v>
      </c>
    </row>
    <row r="69133" spans="1:10" x14ac:dyDescent="0.35">
      <c r="A69133" s="1" t="s">
        <v>27577</v>
      </c>
      <c r="B69133" s="1" t="s">
        <v>222693</v>
      </c>
      <c r="C69133" s="1" t="s">
        <v>155</v>
      </c>
      <c r="D69133" s="1" t="s">
        <v>230625</v>
      </c>
      <c r="E69133" s="1" t="s">
        <v>230626</v>
      </c>
      <c r="F69133" s="1" t="s">
        <v>230627</v>
      </c>
      <c r="G69133" s="1" t="s">
        <v>230526</v>
      </c>
      <c r="H69133" s="1" t="s">
        <v>230527</v>
      </c>
      <c r="I69133" s="1" t="s">
        <v>222698</v>
      </c>
      <c r="J69133" s="1" t="s">
        <v>230628</v>
      </c>
    </row>
    <row r="69134" spans="1:10" x14ac:dyDescent="0.35">
      <c r="A69134" s="1" t="s">
        <v>27577</v>
      </c>
      <c r="B69134" s="1" t="s">
        <v>222693</v>
      </c>
      <c r="C69134" s="1" t="s">
        <v>160</v>
      </c>
      <c r="D69134" s="1" t="s">
        <v>230629</v>
      </c>
      <c r="E69134" s="1" t="s">
        <v>230630</v>
      </c>
      <c r="F69134" s="1" t="s">
        <v>230631</v>
      </c>
      <c r="G69134" s="1" t="s">
        <v>230526</v>
      </c>
      <c r="H69134" s="1" t="s">
        <v>230527</v>
      </c>
      <c r="I69134" s="1" t="s">
        <v>222698</v>
      </c>
      <c r="J69134" s="1" t="s">
        <v>230632</v>
      </c>
    </row>
    <row r="69135" spans="1:10" x14ac:dyDescent="0.35">
      <c r="A69135" s="1" t="s">
        <v>27577</v>
      </c>
      <c r="B69135" s="1" t="s">
        <v>222693</v>
      </c>
      <c r="C69135" s="1" t="s">
        <v>165</v>
      </c>
      <c r="D69135" s="1" t="s">
        <v>230633</v>
      </c>
      <c r="E69135" s="1" t="s">
        <v>230634</v>
      </c>
      <c r="F69135" s="1" t="s">
        <v>230635</v>
      </c>
      <c r="G69135" s="1" t="s">
        <v>230526</v>
      </c>
      <c r="H69135" s="1" t="s">
        <v>230527</v>
      </c>
      <c r="I69135" s="1" t="s">
        <v>222698</v>
      </c>
      <c r="J69135" s="1" t="s">
        <v>230636</v>
      </c>
    </row>
    <row r="69136" spans="1:10" x14ac:dyDescent="0.35">
      <c r="A69136" s="1" t="s">
        <v>27577</v>
      </c>
      <c r="B69136" s="1" t="s">
        <v>222693</v>
      </c>
      <c r="C69136" s="1" t="s">
        <v>170</v>
      </c>
      <c r="D69136" s="1" t="s">
        <v>230637</v>
      </c>
      <c r="E69136" s="1" t="s">
        <v>230638</v>
      </c>
      <c r="F69136" s="1" t="s">
        <v>230639</v>
      </c>
      <c r="G69136" s="1" t="s">
        <v>230526</v>
      </c>
      <c r="H69136" s="1" t="s">
        <v>230527</v>
      </c>
      <c r="I69136" s="1" t="s">
        <v>222698</v>
      </c>
      <c r="J69136" s="1" t="s">
        <v>230640</v>
      </c>
    </row>
    <row r="69137" spans="1:10" x14ac:dyDescent="0.35">
      <c r="A69137" s="1" t="s">
        <v>2051</v>
      </c>
      <c r="B69137" s="1" t="s">
        <v>222693</v>
      </c>
      <c r="C69137" s="1" t="s">
        <v>8</v>
      </c>
      <c r="D69137" s="1" t="s">
        <v>59166</v>
      </c>
      <c r="E69137" s="1" t="s">
        <v>230641</v>
      </c>
      <c r="F69137" s="1" t="s">
        <v>230642</v>
      </c>
      <c r="G69137" s="1" t="s">
        <v>230643</v>
      </c>
      <c r="H69137" s="1" t="s">
        <v>230644</v>
      </c>
      <c r="I69137" s="1" t="s">
        <v>222698</v>
      </c>
      <c r="J69137" s="1" t="s">
        <v>13</v>
      </c>
    </row>
    <row r="69138" spans="1:10" x14ac:dyDescent="0.35">
      <c r="A69138" s="1" t="s">
        <v>2051</v>
      </c>
      <c r="B69138" s="1" t="s">
        <v>222693</v>
      </c>
      <c r="C69138" s="1" t="s">
        <v>15</v>
      </c>
      <c r="D69138" s="1" t="s">
        <v>230645</v>
      </c>
      <c r="E69138" s="1" t="s">
        <v>230646</v>
      </c>
      <c r="F69138" s="1" t="s">
        <v>230647</v>
      </c>
      <c r="G69138" s="1" t="s">
        <v>230643</v>
      </c>
      <c r="H69138" s="1" t="s">
        <v>230644</v>
      </c>
      <c r="I69138" s="1" t="s">
        <v>222698</v>
      </c>
      <c r="J69138" s="1" t="s">
        <v>230648</v>
      </c>
    </row>
    <row r="69139" spans="1:10" x14ac:dyDescent="0.35">
      <c r="A69139" s="1" t="s">
        <v>2051</v>
      </c>
      <c r="B69139" s="1" t="s">
        <v>222693</v>
      </c>
      <c r="C69139" s="1" t="s">
        <v>20</v>
      </c>
      <c r="D69139" s="1" t="s">
        <v>131710</v>
      </c>
      <c r="E69139" s="1" t="s">
        <v>230649</v>
      </c>
      <c r="F69139" s="1" t="s">
        <v>230650</v>
      </c>
      <c r="G69139" s="1" t="s">
        <v>230643</v>
      </c>
      <c r="H69139" s="1" t="s">
        <v>230644</v>
      </c>
      <c r="I69139" s="1" t="s">
        <v>222698</v>
      </c>
      <c r="J69139" s="1" t="s">
        <v>230651</v>
      </c>
    </row>
    <row r="69140" spans="1:10" x14ac:dyDescent="0.35">
      <c r="A69140" s="1" t="s">
        <v>2051</v>
      </c>
      <c r="B69140" s="1" t="s">
        <v>222693</v>
      </c>
      <c r="C69140" s="1" t="s">
        <v>25</v>
      </c>
      <c r="D69140" s="1" t="s">
        <v>230652</v>
      </c>
      <c r="E69140" s="1" t="s">
        <v>230653</v>
      </c>
      <c r="F69140" s="1" t="s">
        <v>230654</v>
      </c>
      <c r="G69140" s="1" t="s">
        <v>230643</v>
      </c>
      <c r="H69140" s="1" t="s">
        <v>230644</v>
      </c>
      <c r="I69140" s="1" t="s">
        <v>222698</v>
      </c>
      <c r="J69140" s="1" t="s">
        <v>230655</v>
      </c>
    </row>
    <row r="69141" spans="1:10" x14ac:dyDescent="0.35">
      <c r="A69141" s="1" t="s">
        <v>2051</v>
      </c>
      <c r="B69141" s="1" t="s">
        <v>222693</v>
      </c>
      <c r="C69141" s="1" t="s">
        <v>30</v>
      </c>
      <c r="D69141" s="1" t="s">
        <v>66795</v>
      </c>
      <c r="E69141" s="1" t="s">
        <v>230656</v>
      </c>
      <c r="F69141" s="1" t="s">
        <v>230657</v>
      </c>
      <c r="G69141" s="1" t="s">
        <v>230643</v>
      </c>
      <c r="H69141" s="1" t="s">
        <v>230644</v>
      </c>
      <c r="I69141" s="1" t="s">
        <v>222698</v>
      </c>
      <c r="J69141" s="1" t="s">
        <v>230658</v>
      </c>
    </row>
    <row r="69142" spans="1:10" x14ac:dyDescent="0.35">
      <c r="A69142" s="1" t="s">
        <v>2051</v>
      </c>
      <c r="B69142" s="1" t="s">
        <v>222693</v>
      </c>
      <c r="C69142" s="1" t="s">
        <v>35</v>
      </c>
      <c r="D69142" s="1" t="s">
        <v>199838</v>
      </c>
      <c r="E69142" s="1" t="s">
        <v>230659</v>
      </c>
      <c r="F69142" s="1" t="s">
        <v>230660</v>
      </c>
      <c r="G69142" s="1" t="s">
        <v>230643</v>
      </c>
      <c r="H69142" s="1" t="s">
        <v>230644</v>
      </c>
      <c r="I69142" s="1" t="s">
        <v>222698</v>
      </c>
      <c r="J69142" s="1" t="s">
        <v>230661</v>
      </c>
    </row>
    <row r="69143" spans="1:10" x14ac:dyDescent="0.35">
      <c r="A69143" s="1" t="s">
        <v>2051</v>
      </c>
      <c r="B69143" s="1" t="s">
        <v>222693</v>
      </c>
      <c r="C69143" s="1" t="s">
        <v>40</v>
      </c>
      <c r="D69143" s="1" t="s">
        <v>133446</v>
      </c>
      <c r="E69143" s="1" t="s">
        <v>230662</v>
      </c>
      <c r="F69143" s="1" t="s">
        <v>230663</v>
      </c>
      <c r="G69143" s="1" t="s">
        <v>230643</v>
      </c>
      <c r="H69143" s="1" t="s">
        <v>230644</v>
      </c>
      <c r="I69143" s="1" t="s">
        <v>222698</v>
      </c>
      <c r="J69143" s="1" t="s">
        <v>230664</v>
      </c>
    </row>
    <row r="69144" spans="1:10" x14ac:dyDescent="0.35">
      <c r="A69144" s="1" t="s">
        <v>2051</v>
      </c>
      <c r="B69144" s="1" t="s">
        <v>222693</v>
      </c>
      <c r="C69144" s="1" t="s">
        <v>45</v>
      </c>
      <c r="D69144" s="1" t="s">
        <v>230665</v>
      </c>
      <c r="E69144" s="1" t="s">
        <v>230666</v>
      </c>
      <c r="F69144" s="1" t="s">
        <v>230667</v>
      </c>
      <c r="G69144" s="1" t="s">
        <v>230643</v>
      </c>
      <c r="H69144" s="1" t="s">
        <v>230644</v>
      </c>
      <c r="I69144" s="1" t="s">
        <v>222698</v>
      </c>
      <c r="J69144" s="1" t="s">
        <v>230668</v>
      </c>
    </row>
    <row r="69145" spans="1:10" x14ac:dyDescent="0.35">
      <c r="A69145" s="1" t="s">
        <v>2051</v>
      </c>
      <c r="B69145" s="1" t="s">
        <v>222693</v>
      </c>
      <c r="C69145" s="1" t="s">
        <v>50</v>
      </c>
      <c r="D69145" s="1" t="s">
        <v>56855</v>
      </c>
      <c r="E69145" s="1" t="s">
        <v>230669</v>
      </c>
      <c r="F69145" s="1" t="s">
        <v>230670</v>
      </c>
      <c r="G69145" s="1" t="s">
        <v>230643</v>
      </c>
      <c r="H69145" s="1" t="s">
        <v>230644</v>
      </c>
      <c r="I69145" s="1" t="s">
        <v>222698</v>
      </c>
      <c r="J69145" s="1" t="s">
        <v>230671</v>
      </c>
    </row>
    <row r="69146" spans="1:10" x14ac:dyDescent="0.35">
      <c r="A69146" s="1" t="s">
        <v>2051</v>
      </c>
      <c r="B69146" s="1" t="s">
        <v>222693</v>
      </c>
      <c r="C69146" s="1" t="s">
        <v>55</v>
      </c>
      <c r="D69146" s="1" t="s">
        <v>197814</v>
      </c>
      <c r="E69146" s="1" t="s">
        <v>230672</v>
      </c>
      <c r="F69146" s="1" t="s">
        <v>230673</v>
      </c>
      <c r="G69146" s="1" t="s">
        <v>230643</v>
      </c>
      <c r="H69146" s="1" t="s">
        <v>230644</v>
      </c>
      <c r="I69146" s="1" t="s">
        <v>222698</v>
      </c>
      <c r="J69146" s="1" t="s">
        <v>230674</v>
      </c>
    </row>
    <row r="69147" spans="1:10" x14ac:dyDescent="0.35">
      <c r="A69147" s="1" t="s">
        <v>2051</v>
      </c>
      <c r="B69147" s="1" t="s">
        <v>222693</v>
      </c>
      <c r="C69147" s="1" t="s">
        <v>60</v>
      </c>
      <c r="D69147" s="1" t="s">
        <v>230675</v>
      </c>
      <c r="E69147" s="1" t="s">
        <v>230676</v>
      </c>
      <c r="F69147" s="1" t="s">
        <v>230677</v>
      </c>
      <c r="G69147" s="1" t="s">
        <v>230643</v>
      </c>
      <c r="H69147" s="1" t="s">
        <v>230644</v>
      </c>
      <c r="I69147" s="1" t="s">
        <v>222698</v>
      </c>
      <c r="J69147" s="1" t="s">
        <v>230678</v>
      </c>
    </row>
    <row r="69148" spans="1:10" x14ac:dyDescent="0.35">
      <c r="A69148" s="1" t="s">
        <v>2051</v>
      </c>
      <c r="B69148" s="1" t="s">
        <v>222693</v>
      </c>
      <c r="C69148" s="1" t="s">
        <v>65</v>
      </c>
      <c r="D69148" s="1" t="s">
        <v>230679</v>
      </c>
      <c r="E69148" s="1" t="s">
        <v>230680</v>
      </c>
      <c r="F69148" s="1" t="s">
        <v>230681</v>
      </c>
      <c r="G69148" s="1" t="s">
        <v>230643</v>
      </c>
      <c r="H69148" s="1" t="s">
        <v>230644</v>
      </c>
      <c r="I69148" s="1" t="s">
        <v>222698</v>
      </c>
      <c r="J69148" s="1" t="s">
        <v>230682</v>
      </c>
    </row>
    <row r="69149" spans="1:10" x14ac:dyDescent="0.35">
      <c r="A69149" s="1" t="s">
        <v>2051</v>
      </c>
      <c r="B69149" s="1" t="s">
        <v>222693</v>
      </c>
      <c r="C69149" s="1" t="s">
        <v>70</v>
      </c>
      <c r="D69149" s="1" t="s">
        <v>230683</v>
      </c>
      <c r="E69149" s="1" t="s">
        <v>230684</v>
      </c>
      <c r="F69149" s="1" t="s">
        <v>230685</v>
      </c>
      <c r="G69149" s="1" t="s">
        <v>230643</v>
      </c>
      <c r="H69149" s="1" t="s">
        <v>230644</v>
      </c>
      <c r="I69149" s="1" t="s">
        <v>222698</v>
      </c>
      <c r="J69149" s="1" t="s">
        <v>230686</v>
      </c>
    </row>
    <row r="69150" spans="1:10" x14ac:dyDescent="0.35">
      <c r="A69150" s="1" t="s">
        <v>2051</v>
      </c>
      <c r="B69150" s="1" t="s">
        <v>222693</v>
      </c>
      <c r="C69150" s="1" t="s">
        <v>75</v>
      </c>
      <c r="D69150" s="1" t="s">
        <v>230687</v>
      </c>
      <c r="E69150" s="1" t="s">
        <v>230688</v>
      </c>
      <c r="F69150" s="1" t="s">
        <v>230689</v>
      </c>
      <c r="G69150" s="1" t="s">
        <v>230643</v>
      </c>
      <c r="H69150" s="1" t="s">
        <v>230644</v>
      </c>
      <c r="I69150" s="1" t="s">
        <v>222698</v>
      </c>
      <c r="J69150" s="1" t="s">
        <v>230690</v>
      </c>
    </row>
    <row r="69151" spans="1:10" x14ac:dyDescent="0.35">
      <c r="A69151" s="1" t="s">
        <v>2051</v>
      </c>
      <c r="B69151" s="1" t="s">
        <v>222693</v>
      </c>
      <c r="C69151" s="1" t="s">
        <v>80</v>
      </c>
      <c r="D69151" s="1" t="s">
        <v>39105</v>
      </c>
      <c r="E69151" s="1" t="s">
        <v>230691</v>
      </c>
      <c r="F69151" s="1" t="s">
        <v>230692</v>
      </c>
      <c r="G69151" s="1" t="s">
        <v>230643</v>
      </c>
      <c r="H69151" s="1" t="s">
        <v>230644</v>
      </c>
      <c r="I69151" s="1" t="s">
        <v>222698</v>
      </c>
      <c r="J69151" s="1" t="s">
        <v>230693</v>
      </c>
    </row>
    <row r="69152" spans="1:10" x14ac:dyDescent="0.35">
      <c r="A69152" s="1" t="s">
        <v>2051</v>
      </c>
      <c r="B69152" s="1" t="s">
        <v>222693</v>
      </c>
      <c r="C69152" s="1" t="s">
        <v>85</v>
      </c>
      <c r="D69152" s="1" t="s">
        <v>56163</v>
      </c>
      <c r="E69152" s="1" t="s">
        <v>230694</v>
      </c>
      <c r="F69152" s="1" t="s">
        <v>230695</v>
      </c>
      <c r="G69152" s="1" t="s">
        <v>230643</v>
      </c>
      <c r="H69152" s="1" t="s">
        <v>230644</v>
      </c>
      <c r="I69152" s="1" t="s">
        <v>222698</v>
      </c>
      <c r="J69152" s="1" t="s">
        <v>230696</v>
      </c>
    </row>
    <row r="69153" spans="1:10" x14ac:dyDescent="0.35">
      <c r="A69153" s="1" t="s">
        <v>2051</v>
      </c>
      <c r="B69153" s="1" t="s">
        <v>222693</v>
      </c>
      <c r="C69153" s="1" t="s">
        <v>90</v>
      </c>
      <c r="D69153" s="1" t="s">
        <v>163497</v>
      </c>
      <c r="E69153" s="1" t="s">
        <v>230697</v>
      </c>
      <c r="F69153" s="1" t="s">
        <v>230698</v>
      </c>
      <c r="G69153" s="1" t="s">
        <v>230643</v>
      </c>
      <c r="H69153" s="1" t="s">
        <v>230644</v>
      </c>
      <c r="I69153" s="1" t="s">
        <v>222698</v>
      </c>
      <c r="J69153" s="1" t="s">
        <v>230699</v>
      </c>
    </row>
    <row r="69154" spans="1:10" x14ac:dyDescent="0.35">
      <c r="A69154" s="1" t="s">
        <v>2051</v>
      </c>
      <c r="B69154" s="1" t="s">
        <v>222693</v>
      </c>
      <c r="C69154" s="1" t="s">
        <v>95</v>
      </c>
      <c r="D69154" s="1" t="s">
        <v>230700</v>
      </c>
      <c r="E69154" s="1" t="s">
        <v>230701</v>
      </c>
      <c r="F69154" s="1" t="s">
        <v>230702</v>
      </c>
      <c r="G69154" s="1" t="s">
        <v>230643</v>
      </c>
      <c r="H69154" s="1" t="s">
        <v>230644</v>
      </c>
      <c r="I69154" s="1" t="s">
        <v>222698</v>
      </c>
      <c r="J69154" s="1" t="s">
        <v>230703</v>
      </c>
    </row>
    <row r="69155" spans="1:10" x14ac:dyDescent="0.35">
      <c r="A69155" s="1" t="s">
        <v>2051</v>
      </c>
      <c r="B69155" s="1" t="s">
        <v>222693</v>
      </c>
      <c r="C69155" s="1" t="s">
        <v>100</v>
      </c>
      <c r="D69155" s="1" t="s">
        <v>230704</v>
      </c>
      <c r="E69155" s="1" t="s">
        <v>230705</v>
      </c>
      <c r="F69155" s="1" t="s">
        <v>230706</v>
      </c>
      <c r="G69155" s="1" t="s">
        <v>230643</v>
      </c>
      <c r="H69155" s="1" t="s">
        <v>230644</v>
      </c>
      <c r="I69155" s="1" t="s">
        <v>222698</v>
      </c>
      <c r="J69155" s="1" t="s">
        <v>230707</v>
      </c>
    </row>
    <row r="69156" spans="1:10" x14ac:dyDescent="0.35">
      <c r="A69156" s="1" t="s">
        <v>2051</v>
      </c>
      <c r="B69156" s="1" t="s">
        <v>222693</v>
      </c>
      <c r="C69156" s="1" t="s">
        <v>105</v>
      </c>
      <c r="D69156" s="1" t="s">
        <v>201002</v>
      </c>
      <c r="E69156" s="1" t="s">
        <v>230708</v>
      </c>
      <c r="F69156" s="1" t="s">
        <v>230709</v>
      </c>
      <c r="G69156" s="1" t="s">
        <v>230643</v>
      </c>
      <c r="H69156" s="1" t="s">
        <v>230644</v>
      </c>
      <c r="I69156" s="1" t="s">
        <v>222698</v>
      </c>
      <c r="J69156" s="1" t="s">
        <v>230710</v>
      </c>
    </row>
    <row r="69157" spans="1:10" x14ac:dyDescent="0.35">
      <c r="A69157" s="1" t="s">
        <v>2051</v>
      </c>
      <c r="B69157" s="1" t="s">
        <v>222693</v>
      </c>
      <c r="C69157" s="1" t="s">
        <v>110</v>
      </c>
      <c r="D69157" s="1" t="s">
        <v>228870</v>
      </c>
      <c r="E69157" s="1" t="s">
        <v>230711</v>
      </c>
      <c r="F69157" s="1" t="s">
        <v>230712</v>
      </c>
      <c r="G69157" s="1" t="s">
        <v>230643</v>
      </c>
      <c r="H69157" s="1" t="s">
        <v>230644</v>
      </c>
      <c r="I69157" s="1" t="s">
        <v>222698</v>
      </c>
      <c r="J69157" s="1" t="s">
        <v>230713</v>
      </c>
    </row>
    <row r="69158" spans="1:10" x14ac:dyDescent="0.35">
      <c r="A69158" s="1" t="s">
        <v>2051</v>
      </c>
      <c r="B69158" s="1" t="s">
        <v>222693</v>
      </c>
      <c r="C69158" s="1" t="s">
        <v>115</v>
      </c>
      <c r="D69158" s="1" t="s">
        <v>96543</v>
      </c>
      <c r="E69158" s="1" t="s">
        <v>230714</v>
      </c>
      <c r="F69158" s="1" t="s">
        <v>230715</v>
      </c>
      <c r="G69158" s="1" t="s">
        <v>230643</v>
      </c>
      <c r="H69158" s="1" t="s">
        <v>230644</v>
      </c>
      <c r="I69158" s="1" t="s">
        <v>222698</v>
      </c>
      <c r="J69158" s="1" t="s">
        <v>230716</v>
      </c>
    </row>
    <row r="69159" spans="1:10" x14ac:dyDescent="0.35">
      <c r="A69159" s="1" t="s">
        <v>2051</v>
      </c>
      <c r="B69159" s="1" t="s">
        <v>222693</v>
      </c>
      <c r="C69159" s="1" t="s">
        <v>120</v>
      </c>
      <c r="D69159" s="1" t="s">
        <v>96543</v>
      </c>
      <c r="E69159" s="1" t="s">
        <v>230717</v>
      </c>
      <c r="F69159" s="1" t="s">
        <v>230718</v>
      </c>
      <c r="G69159" s="1" t="s">
        <v>230643</v>
      </c>
      <c r="H69159" s="1" t="s">
        <v>230644</v>
      </c>
      <c r="I69159" s="1" t="s">
        <v>222698</v>
      </c>
      <c r="J69159" s="1" t="s">
        <v>1180</v>
      </c>
    </row>
    <row r="69160" spans="1:10" x14ac:dyDescent="0.35">
      <c r="A69160" s="1" t="s">
        <v>2051</v>
      </c>
      <c r="B69160" s="1" t="s">
        <v>222693</v>
      </c>
      <c r="C69160" s="1" t="s">
        <v>125</v>
      </c>
      <c r="D69160" s="1" t="s">
        <v>230719</v>
      </c>
      <c r="E69160" s="1" t="s">
        <v>230720</v>
      </c>
      <c r="F69160" s="1" t="s">
        <v>230721</v>
      </c>
      <c r="G69160" s="1" t="s">
        <v>230643</v>
      </c>
      <c r="H69160" s="1" t="s">
        <v>230644</v>
      </c>
      <c r="I69160" s="1" t="s">
        <v>222698</v>
      </c>
      <c r="J69160" s="1" t="s">
        <v>230722</v>
      </c>
    </row>
    <row r="69161" spans="1:10" x14ac:dyDescent="0.35">
      <c r="A69161" s="1" t="s">
        <v>2051</v>
      </c>
      <c r="B69161" s="1" t="s">
        <v>222693</v>
      </c>
      <c r="C69161" s="1" t="s">
        <v>130</v>
      </c>
      <c r="D69161" s="1" t="s">
        <v>8161</v>
      </c>
      <c r="E69161" s="1" t="s">
        <v>230723</v>
      </c>
      <c r="F69161" s="1" t="s">
        <v>230724</v>
      </c>
      <c r="G69161" s="1" t="s">
        <v>230643</v>
      </c>
      <c r="H69161" s="1" t="s">
        <v>230644</v>
      </c>
      <c r="I69161" s="1" t="s">
        <v>222698</v>
      </c>
      <c r="J69161" s="1" t="s">
        <v>230725</v>
      </c>
    </row>
    <row r="69162" spans="1:10" x14ac:dyDescent="0.35">
      <c r="A69162" s="1" t="s">
        <v>2051</v>
      </c>
      <c r="B69162" s="1" t="s">
        <v>222693</v>
      </c>
      <c r="C69162" s="1" t="s">
        <v>135</v>
      </c>
      <c r="D69162" s="1" t="s">
        <v>230726</v>
      </c>
      <c r="E69162" s="1" t="s">
        <v>230727</v>
      </c>
      <c r="F69162" s="1" t="s">
        <v>230728</v>
      </c>
      <c r="G69162" s="1" t="s">
        <v>230643</v>
      </c>
      <c r="H69162" s="1" t="s">
        <v>230644</v>
      </c>
      <c r="I69162" s="1" t="s">
        <v>222698</v>
      </c>
      <c r="J69162" s="1" t="s">
        <v>230729</v>
      </c>
    </row>
    <row r="69163" spans="1:10" x14ac:dyDescent="0.35">
      <c r="A69163" s="1" t="s">
        <v>2051</v>
      </c>
      <c r="B69163" s="1" t="s">
        <v>222693</v>
      </c>
      <c r="C69163" s="1" t="s">
        <v>140</v>
      </c>
      <c r="D69163" s="1" t="s">
        <v>60928</v>
      </c>
      <c r="E69163" s="1" t="s">
        <v>230730</v>
      </c>
      <c r="F69163" s="1" t="s">
        <v>230731</v>
      </c>
      <c r="G69163" s="1" t="s">
        <v>230643</v>
      </c>
      <c r="H69163" s="1" t="s">
        <v>230644</v>
      </c>
      <c r="I69163" s="1" t="s">
        <v>222698</v>
      </c>
      <c r="J69163" s="1" t="s">
        <v>230732</v>
      </c>
    </row>
    <row r="69164" spans="1:10" x14ac:dyDescent="0.35">
      <c r="A69164" s="1" t="s">
        <v>2051</v>
      </c>
      <c r="B69164" s="1" t="s">
        <v>222693</v>
      </c>
      <c r="C69164" s="1" t="s">
        <v>145</v>
      </c>
      <c r="D69164" s="1" t="s">
        <v>230733</v>
      </c>
      <c r="E69164" s="1" t="s">
        <v>230734</v>
      </c>
      <c r="F69164" s="1" t="s">
        <v>230735</v>
      </c>
      <c r="G69164" s="1" t="s">
        <v>230643</v>
      </c>
      <c r="H69164" s="1" t="s">
        <v>230644</v>
      </c>
      <c r="I69164" s="1" t="s">
        <v>222698</v>
      </c>
      <c r="J69164" s="1" t="s">
        <v>230736</v>
      </c>
    </row>
    <row r="69165" spans="1:10" x14ac:dyDescent="0.35">
      <c r="A69165" s="1" t="s">
        <v>2051</v>
      </c>
      <c r="B69165" s="1" t="s">
        <v>222693</v>
      </c>
      <c r="C69165" s="1" t="s">
        <v>150</v>
      </c>
      <c r="D69165" s="1" t="s">
        <v>230737</v>
      </c>
      <c r="E69165" s="1" t="s">
        <v>230738</v>
      </c>
      <c r="F69165" s="1" t="s">
        <v>230739</v>
      </c>
      <c r="G69165" s="1" t="s">
        <v>230643</v>
      </c>
      <c r="H69165" s="1" t="s">
        <v>230644</v>
      </c>
      <c r="I69165" s="1" t="s">
        <v>222698</v>
      </c>
      <c r="J69165" s="1" t="s">
        <v>230740</v>
      </c>
    </row>
    <row r="69166" spans="1:10" x14ac:dyDescent="0.35">
      <c r="A69166" s="1" t="s">
        <v>2051</v>
      </c>
      <c r="B69166" s="1" t="s">
        <v>222693</v>
      </c>
      <c r="C69166" s="1" t="s">
        <v>155</v>
      </c>
      <c r="D69166" s="1" t="s">
        <v>230741</v>
      </c>
      <c r="E69166" s="1" t="s">
        <v>230742</v>
      </c>
      <c r="F69166" s="1" t="s">
        <v>230743</v>
      </c>
      <c r="G69166" s="1" t="s">
        <v>230643</v>
      </c>
      <c r="H69166" s="1" t="s">
        <v>230644</v>
      </c>
      <c r="I69166" s="1" t="s">
        <v>222698</v>
      </c>
      <c r="J69166" s="1" t="s">
        <v>230744</v>
      </c>
    </row>
    <row r="69167" spans="1:10" x14ac:dyDescent="0.35">
      <c r="A69167" s="1" t="s">
        <v>2051</v>
      </c>
      <c r="B69167" s="1" t="s">
        <v>222693</v>
      </c>
      <c r="C69167" s="1" t="s">
        <v>160</v>
      </c>
      <c r="D69167" s="1" t="s">
        <v>230745</v>
      </c>
      <c r="E69167" s="1" t="s">
        <v>230746</v>
      </c>
      <c r="F69167" s="1" t="s">
        <v>230747</v>
      </c>
      <c r="G69167" s="1" t="s">
        <v>230643</v>
      </c>
      <c r="H69167" s="1" t="s">
        <v>230644</v>
      </c>
      <c r="I69167" s="1" t="s">
        <v>222698</v>
      </c>
      <c r="J69167" s="1" t="s">
        <v>230748</v>
      </c>
    </row>
    <row r="69168" spans="1:10" x14ac:dyDescent="0.35">
      <c r="A69168" s="1" t="s">
        <v>2051</v>
      </c>
      <c r="B69168" s="1" t="s">
        <v>222693</v>
      </c>
      <c r="C69168" s="1" t="s">
        <v>165</v>
      </c>
      <c r="D69168" s="1" t="s">
        <v>230749</v>
      </c>
      <c r="E69168" s="1" t="s">
        <v>230750</v>
      </c>
      <c r="F69168" s="1" t="s">
        <v>230751</v>
      </c>
      <c r="G69168" s="1" t="s">
        <v>230643</v>
      </c>
      <c r="H69168" s="1" t="s">
        <v>230644</v>
      </c>
      <c r="I69168" s="1" t="s">
        <v>222698</v>
      </c>
      <c r="J69168" s="1" t="s">
        <v>230752</v>
      </c>
    </row>
    <row r="69169" spans="1:10" x14ac:dyDescent="0.35">
      <c r="A69169" s="1" t="s">
        <v>2051</v>
      </c>
      <c r="B69169" s="1" t="s">
        <v>222693</v>
      </c>
      <c r="C69169" s="1" t="s">
        <v>170</v>
      </c>
      <c r="D69169" s="1" t="s">
        <v>230753</v>
      </c>
      <c r="E69169" s="1" t="s">
        <v>230754</v>
      </c>
      <c r="F69169" s="1" t="s">
        <v>230755</v>
      </c>
      <c r="G69169" s="1" t="s">
        <v>230643</v>
      </c>
      <c r="H69169" s="1" t="s">
        <v>230644</v>
      </c>
      <c r="I69169" s="1" t="s">
        <v>222698</v>
      </c>
      <c r="J69169" s="1" t="s">
        <v>230756</v>
      </c>
    </row>
    <row r="69170" spans="1:10" x14ac:dyDescent="0.35">
      <c r="A69170" s="1" t="s">
        <v>230757</v>
      </c>
      <c r="B69170" s="1" t="s">
        <v>222693</v>
      </c>
      <c r="C69170" s="1" t="s">
        <v>8</v>
      </c>
      <c r="D69170" s="1" t="s">
        <v>230758</v>
      </c>
      <c r="E69170" s="1" t="s">
        <v>230759</v>
      </c>
      <c r="F69170" s="1" t="s">
        <v>230760</v>
      </c>
      <c r="G69170" s="1" t="s">
        <v>230761</v>
      </c>
      <c r="H69170" s="1" t="s">
        <v>230762</v>
      </c>
      <c r="I69170" s="1" t="s">
        <v>222698</v>
      </c>
      <c r="J69170" s="1" t="s">
        <v>13</v>
      </c>
    </row>
    <row r="69171" spans="1:10" x14ac:dyDescent="0.35">
      <c r="A69171" s="1" t="s">
        <v>230757</v>
      </c>
      <c r="B69171" s="1" t="s">
        <v>222693</v>
      </c>
      <c r="C69171" s="1" t="s">
        <v>15</v>
      </c>
      <c r="D69171" s="1" t="s">
        <v>84975</v>
      </c>
      <c r="E69171" s="1" t="s">
        <v>230763</v>
      </c>
      <c r="F69171" s="1" t="s">
        <v>230764</v>
      </c>
      <c r="G69171" s="1" t="s">
        <v>230761</v>
      </c>
      <c r="H69171" s="1" t="s">
        <v>230762</v>
      </c>
      <c r="I69171" s="1" t="s">
        <v>222698</v>
      </c>
      <c r="J69171" s="1" t="s">
        <v>230765</v>
      </c>
    </row>
    <row r="69172" spans="1:10" x14ac:dyDescent="0.35">
      <c r="A69172" s="1" t="s">
        <v>230757</v>
      </c>
      <c r="B69172" s="1" t="s">
        <v>222693</v>
      </c>
      <c r="C69172" s="1" t="s">
        <v>20</v>
      </c>
      <c r="D69172" s="1" t="s">
        <v>103496</v>
      </c>
      <c r="E69172" s="1" t="s">
        <v>230766</v>
      </c>
      <c r="F69172" s="1" t="s">
        <v>230767</v>
      </c>
      <c r="G69172" s="1" t="s">
        <v>230761</v>
      </c>
      <c r="H69172" s="1" t="s">
        <v>230762</v>
      </c>
      <c r="I69172" s="1" t="s">
        <v>222698</v>
      </c>
      <c r="J69172" s="1" t="s">
        <v>230768</v>
      </c>
    </row>
    <row r="69173" spans="1:10" x14ac:dyDescent="0.35">
      <c r="A69173" s="1" t="s">
        <v>230757</v>
      </c>
      <c r="B69173" s="1" t="s">
        <v>222693</v>
      </c>
      <c r="C69173" s="1" t="s">
        <v>25</v>
      </c>
      <c r="D69173" s="1" t="s">
        <v>230769</v>
      </c>
      <c r="E69173" s="1" t="s">
        <v>230770</v>
      </c>
      <c r="F69173" s="1" t="s">
        <v>230771</v>
      </c>
      <c r="G69173" s="1" t="s">
        <v>230761</v>
      </c>
      <c r="H69173" s="1" t="s">
        <v>230762</v>
      </c>
      <c r="I69173" s="1" t="s">
        <v>222698</v>
      </c>
      <c r="J69173" s="1" t="s">
        <v>230772</v>
      </c>
    </row>
    <row r="69174" spans="1:10" x14ac:dyDescent="0.35">
      <c r="A69174" s="1" t="s">
        <v>230757</v>
      </c>
      <c r="B69174" s="1" t="s">
        <v>222693</v>
      </c>
      <c r="C69174" s="1" t="s">
        <v>30</v>
      </c>
      <c r="D69174" s="1" t="s">
        <v>66711</v>
      </c>
      <c r="E69174" s="1" t="s">
        <v>230773</v>
      </c>
      <c r="F69174" s="1" t="s">
        <v>230774</v>
      </c>
      <c r="G69174" s="1" t="s">
        <v>230761</v>
      </c>
      <c r="H69174" s="1" t="s">
        <v>230762</v>
      </c>
      <c r="I69174" s="1" t="s">
        <v>222698</v>
      </c>
      <c r="J69174" s="1" t="s">
        <v>230775</v>
      </c>
    </row>
    <row r="69175" spans="1:10" x14ac:dyDescent="0.35">
      <c r="A69175" s="1" t="s">
        <v>230757</v>
      </c>
      <c r="B69175" s="1" t="s">
        <v>222693</v>
      </c>
      <c r="C69175" s="1" t="s">
        <v>35</v>
      </c>
      <c r="D69175" s="1" t="s">
        <v>138242</v>
      </c>
      <c r="E69175" s="1" t="s">
        <v>230776</v>
      </c>
      <c r="F69175" s="1" t="s">
        <v>230777</v>
      </c>
      <c r="G69175" s="1" t="s">
        <v>230761</v>
      </c>
      <c r="H69175" s="1" t="s">
        <v>230762</v>
      </c>
      <c r="I69175" s="1" t="s">
        <v>222698</v>
      </c>
      <c r="J69175" s="1" t="s">
        <v>230778</v>
      </c>
    </row>
    <row r="69176" spans="1:10" x14ac:dyDescent="0.35">
      <c r="A69176" s="1" t="s">
        <v>230757</v>
      </c>
      <c r="B69176" s="1" t="s">
        <v>222693</v>
      </c>
      <c r="C69176" s="1" t="s">
        <v>40</v>
      </c>
      <c r="D69176" s="1" t="s">
        <v>166580</v>
      </c>
      <c r="E69176" s="1" t="s">
        <v>230779</v>
      </c>
      <c r="F69176" s="1" t="s">
        <v>230780</v>
      </c>
      <c r="G69176" s="1" t="s">
        <v>230761</v>
      </c>
      <c r="H69176" s="1" t="s">
        <v>230762</v>
      </c>
      <c r="I69176" s="1" t="s">
        <v>222698</v>
      </c>
      <c r="J69176" s="1" t="s">
        <v>230781</v>
      </c>
    </row>
    <row r="69177" spans="1:10" x14ac:dyDescent="0.35">
      <c r="A69177" s="1" t="s">
        <v>230757</v>
      </c>
      <c r="B69177" s="1" t="s">
        <v>222693</v>
      </c>
      <c r="C69177" s="1" t="s">
        <v>45</v>
      </c>
      <c r="D69177" s="1" t="s">
        <v>230782</v>
      </c>
      <c r="E69177" s="1" t="s">
        <v>230783</v>
      </c>
      <c r="F69177" s="1" t="s">
        <v>230784</v>
      </c>
      <c r="G69177" s="1" t="s">
        <v>230761</v>
      </c>
      <c r="H69177" s="1" t="s">
        <v>230762</v>
      </c>
      <c r="I69177" s="1" t="s">
        <v>222698</v>
      </c>
      <c r="J69177" s="1" t="s">
        <v>230785</v>
      </c>
    </row>
    <row r="69178" spans="1:10" x14ac:dyDescent="0.35">
      <c r="A69178" s="1" t="s">
        <v>230757</v>
      </c>
      <c r="B69178" s="1" t="s">
        <v>222693</v>
      </c>
      <c r="C69178" s="1" t="s">
        <v>50</v>
      </c>
      <c r="D69178" s="1" t="s">
        <v>201974</v>
      </c>
      <c r="E69178" s="1" t="s">
        <v>230786</v>
      </c>
      <c r="F69178" s="1" t="s">
        <v>230787</v>
      </c>
      <c r="G69178" s="1" t="s">
        <v>230761</v>
      </c>
      <c r="H69178" s="1" t="s">
        <v>230762</v>
      </c>
      <c r="I69178" s="1" t="s">
        <v>222698</v>
      </c>
      <c r="J69178" s="1" t="s">
        <v>230788</v>
      </c>
    </row>
    <row r="69179" spans="1:10" x14ac:dyDescent="0.35">
      <c r="A69179" s="1" t="s">
        <v>230757</v>
      </c>
      <c r="B69179" s="1" t="s">
        <v>222693</v>
      </c>
      <c r="C69179" s="1" t="s">
        <v>55</v>
      </c>
      <c r="D69179" s="1" t="s">
        <v>230789</v>
      </c>
      <c r="E69179" s="1" t="s">
        <v>230790</v>
      </c>
      <c r="F69179" s="1" t="s">
        <v>230791</v>
      </c>
      <c r="G69179" s="1" t="s">
        <v>230761</v>
      </c>
      <c r="H69179" s="1" t="s">
        <v>230762</v>
      </c>
      <c r="I69179" s="1" t="s">
        <v>222698</v>
      </c>
      <c r="J69179" s="1" t="s">
        <v>230792</v>
      </c>
    </row>
    <row r="69180" spans="1:10" x14ac:dyDescent="0.35">
      <c r="A69180" s="1" t="s">
        <v>230757</v>
      </c>
      <c r="B69180" s="1" t="s">
        <v>222693</v>
      </c>
      <c r="C69180" s="1" t="s">
        <v>60</v>
      </c>
      <c r="D69180" s="1" t="s">
        <v>230793</v>
      </c>
      <c r="E69180" s="1" t="s">
        <v>230794</v>
      </c>
      <c r="F69180" s="1" t="s">
        <v>230795</v>
      </c>
      <c r="G69180" s="1" t="s">
        <v>230761</v>
      </c>
      <c r="H69180" s="1" t="s">
        <v>230762</v>
      </c>
      <c r="I69180" s="1" t="s">
        <v>222698</v>
      </c>
      <c r="J69180" s="1" t="s">
        <v>230796</v>
      </c>
    </row>
    <row r="69181" spans="1:10" x14ac:dyDescent="0.35">
      <c r="A69181" s="1" t="s">
        <v>230757</v>
      </c>
      <c r="B69181" s="1" t="s">
        <v>222693</v>
      </c>
      <c r="C69181" s="1" t="s">
        <v>65</v>
      </c>
      <c r="D69181" s="1" t="s">
        <v>230797</v>
      </c>
      <c r="E69181" s="1" t="s">
        <v>230798</v>
      </c>
      <c r="F69181" s="1" t="s">
        <v>230799</v>
      </c>
      <c r="G69181" s="1" t="s">
        <v>230761</v>
      </c>
      <c r="H69181" s="1" t="s">
        <v>230762</v>
      </c>
      <c r="I69181" s="1" t="s">
        <v>222698</v>
      </c>
      <c r="J69181" s="1" t="s">
        <v>230800</v>
      </c>
    </row>
    <row r="69182" spans="1:10" x14ac:dyDescent="0.35">
      <c r="A69182" s="1" t="s">
        <v>230757</v>
      </c>
      <c r="B69182" s="1" t="s">
        <v>222693</v>
      </c>
      <c r="C69182" s="1" t="s">
        <v>70</v>
      </c>
      <c r="D69182" s="1" t="s">
        <v>230801</v>
      </c>
      <c r="E69182" s="1" t="s">
        <v>230802</v>
      </c>
      <c r="F69182" s="1" t="s">
        <v>230803</v>
      </c>
      <c r="G69182" s="1" t="s">
        <v>230761</v>
      </c>
      <c r="H69182" s="1" t="s">
        <v>230762</v>
      </c>
      <c r="I69182" s="1" t="s">
        <v>222698</v>
      </c>
      <c r="J69182" s="1" t="s">
        <v>230804</v>
      </c>
    </row>
    <row r="69183" spans="1:10" x14ac:dyDescent="0.35">
      <c r="A69183" s="1" t="s">
        <v>230757</v>
      </c>
      <c r="B69183" s="1" t="s">
        <v>222693</v>
      </c>
      <c r="C69183" s="1" t="s">
        <v>75</v>
      </c>
      <c r="D69183" s="1" t="s">
        <v>230805</v>
      </c>
      <c r="E69183" s="1" t="s">
        <v>230806</v>
      </c>
      <c r="F69183" s="1" t="s">
        <v>230807</v>
      </c>
      <c r="G69183" s="1" t="s">
        <v>230761</v>
      </c>
      <c r="H69183" s="1" t="s">
        <v>230762</v>
      </c>
      <c r="I69183" s="1" t="s">
        <v>222698</v>
      </c>
      <c r="J69183" s="1" t="s">
        <v>230808</v>
      </c>
    </row>
    <row r="69184" spans="1:10" x14ac:dyDescent="0.35">
      <c r="A69184" s="1" t="s">
        <v>230757</v>
      </c>
      <c r="B69184" s="1" t="s">
        <v>222693</v>
      </c>
      <c r="C69184" s="1" t="s">
        <v>80</v>
      </c>
      <c r="D69184" s="1" t="s">
        <v>230809</v>
      </c>
      <c r="E69184" s="1" t="s">
        <v>230810</v>
      </c>
      <c r="F69184" s="1" t="s">
        <v>230811</v>
      </c>
      <c r="G69184" s="1" t="s">
        <v>230761</v>
      </c>
      <c r="H69184" s="1" t="s">
        <v>230762</v>
      </c>
      <c r="I69184" s="1" t="s">
        <v>222698</v>
      </c>
      <c r="J69184" s="1" t="s">
        <v>230812</v>
      </c>
    </row>
    <row r="69185" spans="1:10" x14ac:dyDescent="0.35">
      <c r="A69185" s="1" t="s">
        <v>230757</v>
      </c>
      <c r="B69185" s="1" t="s">
        <v>222693</v>
      </c>
      <c r="C69185" s="1" t="s">
        <v>85</v>
      </c>
      <c r="D69185" s="1" t="s">
        <v>95359</v>
      </c>
      <c r="E69185" s="1" t="s">
        <v>230813</v>
      </c>
      <c r="F69185" s="1" t="s">
        <v>230814</v>
      </c>
      <c r="G69185" s="1" t="s">
        <v>230761</v>
      </c>
      <c r="H69185" s="1" t="s">
        <v>230762</v>
      </c>
      <c r="I69185" s="1" t="s">
        <v>222698</v>
      </c>
      <c r="J69185" s="1" t="s">
        <v>230815</v>
      </c>
    </row>
    <row r="69186" spans="1:10" x14ac:dyDescent="0.35">
      <c r="A69186" s="1" t="s">
        <v>230757</v>
      </c>
      <c r="B69186" s="1" t="s">
        <v>222693</v>
      </c>
      <c r="C69186" s="1" t="s">
        <v>90</v>
      </c>
      <c r="D69186" s="1" t="s">
        <v>230816</v>
      </c>
      <c r="E69186" s="1" t="s">
        <v>230817</v>
      </c>
      <c r="F69186" s="1" t="s">
        <v>230818</v>
      </c>
      <c r="G69186" s="1" t="s">
        <v>230761</v>
      </c>
      <c r="H69186" s="1" t="s">
        <v>230762</v>
      </c>
      <c r="I69186" s="1" t="s">
        <v>222698</v>
      </c>
      <c r="J69186" s="1" t="s">
        <v>230819</v>
      </c>
    </row>
    <row r="69187" spans="1:10" x14ac:dyDescent="0.35">
      <c r="A69187" s="1" t="s">
        <v>230757</v>
      </c>
      <c r="B69187" s="1" t="s">
        <v>222693</v>
      </c>
      <c r="C69187" s="1" t="s">
        <v>95</v>
      </c>
      <c r="D69187" s="1" t="s">
        <v>230820</v>
      </c>
      <c r="E69187" s="1" t="s">
        <v>230821</v>
      </c>
      <c r="F69187" s="1" t="s">
        <v>230822</v>
      </c>
      <c r="G69187" s="1" t="s">
        <v>230761</v>
      </c>
      <c r="H69187" s="1" t="s">
        <v>230762</v>
      </c>
      <c r="I69187" s="1" t="s">
        <v>222698</v>
      </c>
      <c r="J69187" s="1" t="s">
        <v>230823</v>
      </c>
    </row>
    <row r="69188" spans="1:10" x14ac:dyDescent="0.35">
      <c r="A69188" s="1" t="s">
        <v>230757</v>
      </c>
      <c r="B69188" s="1" t="s">
        <v>222693</v>
      </c>
      <c r="C69188" s="1" t="s">
        <v>100</v>
      </c>
      <c r="D69188" s="1" t="s">
        <v>230824</v>
      </c>
      <c r="E69188" s="1" t="s">
        <v>230825</v>
      </c>
      <c r="F69188" s="1" t="s">
        <v>230826</v>
      </c>
      <c r="G69188" s="1" t="s">
        <v>230761</v>
      </c>
      <c r="H69188" s="1" t="s">
        <v>230762</v>
      </c>
      <c r="I69188" s="1" t="s">
        <v>222698</v>
      </c>
      <c r="J69188" s="1" t="s">
        <v>230827</v>
      </c>
    </row>
    <row r="69189" spans="1:10" x14ac:dyDescent="0.35">
      <c r="A69189" s="1" t="s">
        <v>230757</v>
      </c>
      <c r="B69189" s="1" t="s">
        <v>222693</v>
      </c>
      <c r="C69189" s="1" t="s">
        <v>105</v>
      </c>
      <c r="D69189" s="1" t="s">
        <v>20869</v>
      </c>
      <c r="E69189" s="1" t="s">
        <v>230828</v>
      </c>
      <c r="F69189" s="1" t="s">
        <v>230829</v>
      </c>
      <c r="G69189" s="1" t="s">
        <v>230761</v>
      </c>
      <c r="H69189" s="1" t="s">
        <v>230762</v>
      </c>
      <c r="I69189" s="1" t="s">
        <v>222698</v>
      </c>
      <c r="J69189" s="1" t="s">
        <v>230830</v>
      </c>
    </row>
    <row r="69190" spans="1:10" x14ac:dyDescent="0.35">
      <c r="A69190" s="1" t="s">
        <v>230757</v>
      </c>
      <c r="B69190" s="1" t="s">
        <v>222693</v>
      </c>
      <c r="C69190" s="1" t="s">
        <v>110</v>
      </c>
      <c r="D69190" s="1" t="s">
        <v>230831</v>
      </c>
      <c r="E69190" s="1" t="s">
        <v>230832</v>
      </c>
      <c r="F69190" s="1" t="s">
        <v>230833</v>
      </c>
      <c r="G69190" s="1" t="s">
        <v>230761</v>
      </c>
      <c r="H69190" s="1" t="s">
        <v>230762</v>
      </c>
      <c r="I69190" s="1" t="s">
        <v>222698</v>
      </c>
      <c r="J69190" s="1" t="s">
        <v>230834</v>
      </c>
    </row>
    <row r="69191" spans="1:10" x14ac:dyDescent="0.35">
      <c r="A69191" s="1" t="s">
        <v>230757</v>
      </c>
      <c r="B69191" s="1" t="s">
        <v>222693</v>
      </c>
      <c r="C69191" s="1" t="s">
        <v>115</v>
      </c>
      <c r="D69191" s="1" t="s">
        <v>230835</v>
      </c>
      <c r="E69191" s="1" t="s">
        <v>230836</v>
      </c>
      <c r="F69191" s="1" t="s">
        <v>230837</v>
      </c>
      <c r="G69191" s="1" t="s">
        <v>230761</v>
      </c>
      <c r="H69191" s="1" t="s">
        <v>230762</v>
      </c>
      <c r="I69191" s="1" t="s">
        <v>222698</v>
      </c>
      <c r="J69191" s="1" t="s">
        <v>230838</v>
      </c>
    </row>
    <row r="69192" spans="1:10" x14ac:dyDescent="0.35">
      <c r="A69192" s="1" t="s">
        <v>230757</v>
      </c>
      <c r="B69192" s="1" t="s">
        <v>222693</v>
      </c>
      <c r="C69192" s="1" t="s">
        <v>120</v>
      </c>
      <c r="D69192" s="1" t="s">
        <v>230839</v>
      </c>
      <c r="E69192" s="1" t="s">
        <v>230840</v>
      </c>
      <c r="F69192" s="1" t="s">
        <v>230841</v>
      </c>
      <c r="G69192" s="1" t="s">
        <v>230761</v>
      </c>
      <c r="H69192" s="1" t="s">
        <v>230762</v>
      </c>
      <c r="I69192" s="1" t="s">
        <v>222698</v>
      </c>
      <c r="J69192" s="1" t="s">
        <v>230842</v>
      </c>
    </row>
    <row r="69193" spans="1:10" x14ac:dyDescent="0.35">
      <c r="A69193" s="1" t="s">
        <v>230757</v>
      </c>
      <c r="B69193" s="1" t="s">
        <v>222693</v>
      </c>
      <c r="C69193" s="1" t="s">
        <v>125</v>
      </c>
      <c r="D69193" s="1" t="s">
        <v>223661</v>
      </c>
      <c r="E69193" s="1" t="s">
        <v>230843</v>
      </c>
      <c r="F69193" s="1" t="s">
        <v>230844</v>
      </c>
      <c r="G69193" s="1" t="s">
        <v>230761</v>
      </c>
      <c r="H69193" s="1" t="s">
        <v>230762</v>
      </c>
      <c r="I69193" s="1" t="s">
        <v>222698</v>
      </c>
      <c r="J69193" s="1" t="s">
        <v>230845</v>
      </c>
    </row>
    <row r="69194" spans="1:10" x14ac:dyDescent="0.35">
      <c r="A69194" s="1" t="s">
        <v>230757</v>
      </c>
      <c r="B69194" s="1" t="s">
        <v>222693</v>
      </c>
      <c r="C69194" s="1" t="s">
        <v>130</v>
      </c>
      <c r="D69194" s="1" t="s">
        <v>230846</v>
      </c>
      <c r="E69194" s="1" t="s">
        <v>230847</v>
      </c>
      <c r="F69194" s="1" t="s">
        <v>230848</v>
      </c>
      <c r="G69194" s="1" t="s">
        <v>230761</v>
      </c>
      <c r="H69194" s="1" t="s">
        <v>230762</v>
      </c>
      <c r="I69194" s="1" t="s">
        <v>222698</v>
      </c>
      <c r="J69194" s="1" t="s">
        <v>230849</v>
      </c>
    </row>
    <row r="69195" spans="1:10" x14ac:dyDescent="0.35">
      <c r="A69195" s="1" t="s">
        <v>230757</v>
      </c>
      <c r="B69195" s="1" t="s">
        <v>222693</v>
      </c>
      <c r="C69195" s="1" t="s">
        <v>135</v>
      </c>
      <c r="D69195" s="1" t="s">
        <v>230850</v>
      </c>
      <c r="E69195" s="1" t="s">
        <v>230851</v>
      </c>
      <c r="F69195" s="1" t="s">
        <v>230852</v>
      </c>
      <c r="G69195" s="1" t="s">
        <v>230761</v>
      </c>
      <c r="H69195" s="1" t="s">
        <v>230762</v>
      </c>
      <c r="I69195" s="1" t="s">
        <v>222698</v>
      </c>
      <c r="J69195" s="1" t="s">
        <v>230853</v>
      </c>
    </row>
    <row r="69196" spans="1:10" x14ac:dyDescent="0.35">
      <c r="A69196" s="1" t="s">
        <v>230757</v>
      </c>
      <c r="B69196" s="1" t="s">
        <v>222693</v>
      </c>
      <c r="C69196" s="1" t="s">
        <v>140</v>
      </c>
      <c r="D69196" s="1" t="s">
        <v>230854</v>
      </c>
      <c r="E69196" s="1" t="s">
        <v>230855</v>
      </c>
      <c r="F69196" s="1" t="s">
        <v>230856</v>
      </c>
      <c r="G69196" s="1" t="s">
        <v>230761</v>
      </c>
      <c r="H69196" s="1" t="s">
        <v>230762</v>
      </c>
      <c r="I69196" s="1" t="s">
        <v>222698</v>
      </c>
      <c r="J69196" s="1" t="s">
        <v>230857</v>
      </c>
    </row>
    <row r="69197" spans="1:10" x14ac:dyDescent="0.35">
      <c r="A69197" s="1" t="s">
        <v>230757</v>
      </c>
      <c r="B69197" s="1" t="s">
        <v>222693</v>
      </c>
      <c r="C69197" s="1" t="s">
        <v>145</v>
      </c>
      <c r="D69197" s="1" t="s">
        <v>230858</v>
      </c>
      <c r="E69197" s="1" t="s">
        <v>230859</v>
      </c>
      <c r="F69197" s="1" t="s">
        <v>230860</v>
      </c>
      <c r="G69197" s="1" t="s">
        <v>230761</v>
      </c>
      <c r="H69197" s="1" t="s">
        <v>230762</v>
      </c>
      <c r="I69197" s="1" t="s">
        <v>222698</v>
      </c>
      <c r="J69197" s="1" t="s">
        <v>230861</v>
      </c>
    </row>
    <row r="69198" spans="1:10" x14ac:dyDescent="0.35">
      <c r="A69198" s="1" t="s">
        <v>230757</v>
      </c>
      <c r="B69198" s="1" t="s">
        <v>222693</v>
      </c>
      <c r="C69198" s="1" t="s">
        <v>150</v>
      </c>
      <c r="D69198" s="1" t="s">
        <v>230862</v>
      </c>
      <c r="E69198" s="1" t="s">
        <v>230863</v>
      </c>
      <c r="F69198" s="1" t="s">
        <v>230864</v>
      </c>
      <c r="G69198" s="1" t="s">
        <v>230761</v>
      </c>
      <c r="H69198" s="1" t="s">
        <v>230762</v>
      </c>
      <c r="I69198" s="1" t="s">
        <v>222698</v>
      </c>
      <c r="J69198" s="1" t="s">
        <v>230865</v>
      </c>
    </row>
    <row r="69199" spans="1:10" x14ac:dyDescent="0.35">
      <c r="A69199" s="1" t="s">
        <v>230757</v>
      </c>
      <c r="B69199" s="1" t="s">
        <v>222693</v>
      </c>
      <c r="C69199" s="1" t="s">
        <v>155</v>
      </c>
      <c r="D69199" s="1" t="s">
        <v>230866</v>
      </c>
      <c r="E69199" s="1" t="s">
        <v>230867</v>
      </c>
      <c r="F69199" s="1" t="s">
        <v>230868</v>
      </c>
      <c r="G69199" s="1" t="s">
        <v>230761</v>
      </c>
      <c r="H69199" s="1" t="s">
        <v>230762</v>
      </c>
      <c r="I69199" s="1" t="s">
        <v>222698</v>
      </c>
      <c r="J69199" s="1" t="s">
        <v>230869</v>
      </c>
    </row>
    <row r="69200" spans="1:10" x14ac:dyDescent="0.35">
      <c r="A69200" s="1" t="s">
        <v>230757</v>
      </c>
      <c r="B69200" s="1" t="s">
        <v>222693</v>
      </c>
      <c r="C69200" s="1" t="s">
        <v>160</v>
      </c>
      <c r="D69200" s="1" t="s">
        <v>230870</v>
      </c>
      <c r="E69200" s="1" t="s">
        <v>230871</v>
      </c>
      <c r="F69200" s="1" t="s">
        <v>230872</v>
      </c>
      <c r="G69200" s="1" t="s">
        <v>230761</v>
      </c>
      <c r="H69200" s="1" t="s">
        <v>230762</v>
      </c>
      <c r="I69200" s="1" t="s">
        <v>222698</v>
      </c>
      <c r="J69200" s="1" t="s">
        <v>230873</v>
      </c>
    </row>
    <row r="69201" spans="1:10" x14ac:dyDescent="0.35">
      <c r="A69201" s="1" t="s">
        <v>230757</v>
      </c>
      <c r="B69201" s="1" t="s">
        <v>222693</v>
      </c>
      <c r="C69201" s="1" t="s">
        <v>165</v>
      </c>
      <c r="D69201" s="1" t="s">
        <v>230874</v>
      </c>
      <c r="E69201" s="1" t="s">
        <v>230875</v>
      </c>
      <c r="F69201" s="1" t="s">
        <v>230876</v>
      </c>
      <c r="G69201" s="1" t="s">
        <v>230761</v>
      </c>
      <c r="H69201" s="1" t="s">
        <v>230762</v>
      </c>
      <c r="I69201" s="1" t="s">
        <v>222698</v>
      </c>
      <c r="J69201" s="1" t="s">
        <v>230877</v>
      </c>
    </row>
    <row r="69202" spans="1:10" x14ac:dyDescent="0.35">
      <c r="A69202" s="1" t="s">
        <v>230757</v>
      </c>
      <c r="B69202" s="1" t="s">
        <v>222693</v>
      </c>
      <c r="C69202" s="1" t="s">
        <v>170</v>
      </c>
      <c r="D69202" s="1" t="s">
        <v>230878</v>
      </c>
      <c r="E69202" s="1" t="s">
        <v>230879</v>
      </c>
      <c r="F69202" s="1" t="s">
        <v>230880</v>
      </c>
      <c r="G69202" s="1" t="s">
        <v>230761</v>
      </c>
      <c r="H69202" s="1" t="s">
        <v>230762</v>
      </c>
      <c r="I69202" s="1" t="s">
        <v>222698</v>
      </c>
      <c r="J69202" s="1" t="s">
        <v>230881</v>
      </c>
    </row>
    <row r="69203" spans="1:10" x14ac:dyDescent="0.35">
      <c r="A69203" s="1" t="s">
        <v>207235</v>
      </c>
      <c r="B69203" s="1" t="s">
        <v>222693</v>
      </c>
      <c r="C69203" s="1" t="s">
        <v>8</v>
      </c>
      <c r="D69203" s="1" t="s">
        <v>230882</v>
      </c>
      <c r="E69203" s="1" t="s">
        <v>230883</v>
      </c>
      <c r="F69203" s="1" t="s">
        <v>230884</v>
      </c>
      <c r="G69203" s="1" t="s">
        <v>230885</v>
      </c>
      <c r="H69203" s="1" t="s">
        <v>230886</v>
      </c>
      <c r="I69203" s="1" t="s">
        <v>222698</v>
      </c>
      <c r="J69203" s="1" t="s">
        <v>13</v>
      </c>
    </row>
    <row r="69204" spans="1:10" x14ac:dyDescent="0.35">
      <c r="A69204" s="1" t="s">
        <v>207235</v>
      </c>
      <c r="B69204" s="1" t="s">
        <v>222693</v>
      </c>
      <c r="C69204" s="1" t="s">
        <v>15</v>
      </c>
      <c r="D69204" s="1" t="s">
        <v>102769</v>
      </c>
      <c r="E69204" s="1" t="s">
        <v>230887</v>
      </c>
      <c r="F69204" s="1" t="s">
        <v>230888</v>
      </c>
      <c r="G69204" s="1" t="s">
        <v>230885</v>
      </c>
      <c r="H69204" s="1" t="s">
        <v>230886</v>
      </c>
      <c r="I69204" s="1" t="s">
        <v>222698</v>
      </c>
      <c r="J69204" s="1" t="s">
        <v>230889</v>
      </c>
    </row>
    <row r="69205" spans="1:10" x14ac:dyDescent="0.35">
      <c r="A69205" s="1" t="s">
        <v>207235</v>
      </c>
      <c r="B69205" s="1" t="s">
        <v>222693</v>
      </c>
      <c r="C69205" s="1" t="s">
        <v>20</v>
      </c>
      <c r="D69205" s="1" t="s">
        <v>230890</v>
      </c>
      <c r="E69205" s="1" t="s">
        <v>230891</v>
      </c>
      <c r="F69205" s="1" t="s">
        <v>230892</v>
      </c>
      <c r="G69205" s="1" t="s">
        <v>230885</v>
      </c>
      <c r="H69205" s="1" t="s">
        <v>230886</v>
      </c>
      <c r="I69205" s="1" t="s">
        <v>222698</v>
      </c>
      <c r="J69205" s="1" t="s">
        <v>230893</v>
      </c>
    </row>
    <row r="69206" spans="1:10" x14ac:dyDescent="0.35">
      <c r="A69206" s="1" t="s">
        <v>207235</v>
      </c>
      <c r="B69206" s="1" t="s">
        <v>222693</v>
      </c>
      <c r="C69206" s="1" t="s">
        <v>25</v>
      </c>
      <c r="D69206" s="1" t="s">
        <v>230894</v>
      </c>
      <c r="E69206" s="1" t="s">
        <v>230895</v>
      </c>
      <c r="F69206" s="1" t="s">
        <v>230896</v>
      </c>
      <c r="G69206" s="1" t="s">
        <v>230885</v>
      </c>
      <c r="H69206" s="1" t="s">
        <v>230886</v>
      </c>
      <c r="I69206" s="1" t="s">
        <v>222698</v>
      </c>
      <c r="J69206" s="1" t="s">
        <v>230897</v>
      </c>
    </row>
    <row r="69207" spans="1:10" x14ac:dyDescent="0.35">
      <c r="A69207" s="1" t="s">
        <v>207235</v>
      </c>
      <c r="B69207" s="1" t="s">
        <v>222693</v>
      </c>
      <c r="C69207" s="1" t="s">
        <v>30</v>
      </c>
      <c r="D69207" s="1" t="s">
        <v>230898</v>
      </c>
      <c r="E69207" s="1" t="s">
        <v>230899</v>
      </c>
      <c r="F69207" s="1" t="s">
        <v>230900</v>
      </c>
      <c r="G69207" s="1" t="s">
        <v>230885</v>
      </c>
      <c r="H69207" s="1" t="s">
        <v>230886</v>
      </c>
      <c r="I69207" s="1" t="s">
        <v>222698</v>
      </c>
      <c r="J69207" s="1" t="s">
        <v>230901</v>
      </c>
    </row>
    <row r="69208" spans="1:10" x14ac:dyDescent="0.35">
      <c r="A69208" s="1" t="s">
        <v>207235</v>
      </c>
      <c r="B69208" s="1" t="s">
        <v>222693</v>
      </c>
      <c r="C69208" s="1" t="s">
        <v>35</v>
      </c>
      <c r="D69208" s="1" t="s">
        <v>132934</v>
      </c>
      <c r="E69208" s="1" t="s">
        <v>230902</v>
      </c>
      <c r="F69208" s="1" t="s">
        <v>230903</v>
      </c>
      <c r="G69208" s="1" t="s">
        <v>230885</v>
      </c>
      <c r="H69208" s="1" t="s">
        <v>230886</v>
      </c>
      <c r="I69208" s="1" t="s">
        <v>222698</v>
      </c>
      <c r="J69208" s="1" t="s">
        <v>230904</v>
      </c>
    </row>
    <row r="69209" spans="1:10" x14ac:dyDescent="0.35">
      <c r="A69209" s="1" t="s">
        <v>207235</v>
      </c>
      <c r="B69209" s="1" t="s">
        <v>222693</v>
      </c>
      <c r="C69209" s="1" t="s">
        <v>40</v>
      </c>
      <c r="D69209" s="1" t="s">
        <v>132240</v>
      </c>
      <c r="E69209" s="1" t="s">
        <v>230905</v>
      </c>
      <c r="F69209" s="1" t="s">
        <v>230906</v>
      </c>
      <c r="G69209" s="1" t="s">
        <v>230885</v>
      </c>
      <c r="H69209" s="1" t="s">
        <v>230886</v>
      </c>
      <c r="I69209" s="1" t="s">
        <v>222698</v>
      </c>
      <c r="J69209" s="1" t="s">
        <v>230907</v>
      </c>
    </row>
    <row r="69210" spans="1:10" x14ac:dyDescent="0.35">
      <c r="A69210" s="1" t="s">
        <v>207235</v>
      </c>
      <c r="B69210" s="1" t="s">
        <v>222693</v>
      </c>
      <c r="C69210" s="1" t="s">
        <v>45</v>
      </c>
      <c r="D69210" s="1" t="s">
        <v>230908</v>
      </c>
      <c r="E69210" s="1" t="s">
        <v>230909</v>
      </c>
      <c r="F69210" s="1" t="s">
        <v>230910</v>
      </c>
      <c r="G69210" s="1" t="s">
        <v>230885</v>
      </c>
      <c r="H69210" s="1" t="s">
        <v>230886</v>
      </c>
      <c r="I69210" s="1" t="s">
        <v>222698</v>
      </c>
      <c r="J69210" s="1" t="s">
        <v>230911</v>
      </c>
    </row>
    <row r="69211" spans="1:10" x14ac:dyDescent="0.35">
      <c r="A69211" s="1" t="s">
        <v>207235</v>
      </c>
      <c r="B69211" s="1" t="s">
        <v>222693</v>
      </c>
      <c r="C69211" s="1" t="s">
        <v>50</v>
      </c>
      <c r="D69211" s="1" t="s">
        <v>55090</v>
      </c>
      <c r="E69211" s="1" t="s">
        <v>230912</v>
      </c>
      <c r="F69211" s="1" t="s">
        <v>230913</v>
      </c>
      <c r="G69211" s="1" t="s">
        <v>230885</v>
      </c>
      <c r="H69211" s="1" t="s">
        <v>230886</v>
      </c>
      <c r="I69211" s="1" t="s">
        <v>222698</v>
      </c>
      <c r="J69211" s="1" t="s">
        <v>230914</v>
      </c>
    </row>
    <row r="69212" spans="1:10" x14ac:dyDescent="0.35">
      <c r="A69212" s="1" t="s">
        <v>207235</v>
      </c>
      <c r="B69212" s="1" t="s">
        <v>222693</v>
      </c>
      <c r="C69212" s="1" t="s">
        <v>55</v>
      </c>
      <c r="D69212" s="1" t="s">
        <v>230915</v>
      </c>
      <c r="E69212" s="1" t="s">
        <v>230916</v>
      </c>
      <c r="F69212" s="1" t="s">
        <v>230917</v>
      </c>
      <c r="G69212" s="1" t="s">
        <v>230885</v>
      </c>
      <c r="H69212" s="1" t="s">
        <v>230886</v>
      </c>
      <c r="I69212" s="1" t="s">
        <v>222698</v>
      </c>
      <c r="J69212" s="1" t="s">
        <v>230918</v>
      </c>
    </row>
    <row r="69213" spans="1:10" x14ac:dyDescent="0.35">
      <c r="A69213" s="1" t="s">
        <v>207235</v>
      </c>
      <c r="B69213" s="1" t="s">
        <v>222693</v>
      </c>
      <c r="C69213" s="1" t="s">
        <v>60</v>
      </c>
      <c r="D69213" s="1" t="s">
        <v>230919</v>
      </c>
      <c r="E69213" s="1" t="s">
        <v>230920</v>
      </c>
      <c r="F69213" s="1" t="s">
        <v>230921</v>
      </c>
      <c r="G69213" s="1" t="s">
        <v>230885</v>
      </c>
      <c r="H69213" s="1" t="s">
        <v>230886</v>
      </c>
      <c r="I69213" s="1" t="s">
        <v>222698</v>
      </c>
      <c r="J69213" s="1" t="s">
        <v>230922</v>
      </c>
    </row>
    <row r="69214" spans="1:10" x14ac:dyDescent="0.35">
      <c r="A69214" s="1" t="s">
        <v>207235</v>
      </c>
      <c r="B69214" s="1" t="s">
        <v>222693</v>
      </c>
      <c r="C69214" s="1" t="s">
        <v>65</v>
      </c>
      <c r="D69214" s="1" t="s">
        <v>230923</v>
      </c>
      <c r="E69214" s="1" t="s">
        <v>230924</v>
      </c>
      <c r="F69214" s="1" t="s">
        <v>230925</v>
      </c>
      <c r="G69214" s="1" t="s">
        <v>230885</v>
      </c>
      <c r="H69214" s="1" t="s">
        <v>230886</v>
      </c>
      <c r="I69214" s="1" t="s">
        <v>222698</v>
      </c>
      <c r="J69214" s="1" t="s">
        <v>230926</v>
      </c>
    </row>
    <row r="69215" spans="1:10" x14ac:dyDescent="0.35">
      <c r="A69215" s="1" t="s">
        <v>207235</v>
      </c>
      <c r="B69215" s="1" t="s">
        <v>222693</v>
      </c>
      <c r="C69215" s="1" t="s">
        <v>70</v>
      </c>
      <c r="D69215" s="1" t="s">
        <v>76254</v>
      </c>
      <c r="E69215" s="1" t="s">
        <v>230927</v>
      </c>
      <c r="F69215" s="1" t="s">
        <v>230928</v>
      </c>
      <c r="G69215" s="1" t="s">
        <v>230885</v>
      </c>
      <c r="H69215" s="1" t="s">
        <v>230886</v>
      </c>
      <c r="I69215" s="1" t="s">
        <v>222698</v>
      </c>
      <c r="J69215" s="1" t="s">
        <v>230929</v>
      </c>
    </row>
    <row r="69216" spans="1:10" x14ac:dyDescent="0.35">
      <c r="A69216" s="1" t="s">
        <v>207235</v>
      </c>
      <c r="B69216" s="1" t="s">
        <v>222693</v>
      </c>
      <c r="C69216" s="1" t="s">
        <v>75</v>
      </c>
      <c r="D69216" s="1" t="s">
        <v>180325</v>
      </c>
      <c r="E69216" s="1" t="s">
        <v>230930</v>
      </c>
      <c r="F69216" s="1" t="s">
        <v>230931</v>
      </c>
      <c r="G69216" s="1" t="s">
        <v>230885</v>
      </c>
      <c r="H69216" s="1" t="s">
        <v>230886</v>
      </c>
      <c r="I69216" s="1" t="s">
        <v>222698</v>
      </c>
      <c r="J69216" s="1" t="s">
        <v>230932</v>
      </c>
    </row>
    <row r="69217" spans="1:10" x14ac:dyDescent="0.35">
      <c r="A69217" s="1" t="s">
        <v>207235</v>
      </c>
      <c r="B69217" s="1" t="s">
        <v>222693</v>
      </c>
      <c r="C69217" s="1" t="s">
        <v>80</v>
      </c>
      <c r="D69217" s="1" t="s">
        <v>226915</v>
      </c>
      <c r="E69217" s="1" t="s">
        <v>230933</v>
      </c>
      <c r="F69217" s="1" t="s">
        <v>230934</v>
      </c>
      <c r="G69217" s="1" t="s">
        <v>230885</v>
      </c>
      <c r="H69217" s="1" t="s">
        <v>230886</v>
      </c>
      <c r="I69217" s="1" t="s">
        <v>222698</v>
      </c>
      <c r="J69217" s="1" t="s">
        <v>230935</v>
      </c>
    </row>
    <row r="69218" spans="1:10" x14ac:dyDescent="0.35">
      <c r="A69218" s="1" t="s">
        <v>207235</v>
      </c>
      <c r="B69218" s="1" t="s">
        <v>222693</v>
      </c>
      <c r="C69218" s="1" t="s">
        <v>85</v>
      </c>
      <c r="D69218" s="1" t="s">
        <v>230936</v>
      </c>
      <c r="E69218" s="1" t="s">
        <v>230937</v>
      </c>
      <c r="F69218" s="1" t="s">
        <v>230938</v>
      </c>
      <c r="G69218" s="1" t="s">
        <v>230885</v>
      </c>
      <c r="H69218" s="1" t="s">
        <v>230886</v>
      </c>
      <c r="I69218" s="1" t="s">
        <v>222698</v>
      </c>
      <c r="J69218" s="1" t="s">
        <v>230939</v>
      </c>
    </row>
    <row r="69219" spans="1:10" x14ac:dyDescent="0.35">
      <c r="A69219" s="1" t="s">
        <v>207235</v>
      </c>
      <c r="B69219" s="1" t="s">
        <v>222693</v>
      </c>
      <c r="C69219" s="1" t="s">
        <v>90</v>
      </c>
      <c r="D69219" s="1" t="s">
        <v>230940</v>
      </c>
      <c r="E69219" s="1" t="s">
        <v>230941</v>
      </c>
      <c r="F69219" s="1" t="s">
        <v>230942</v>
      </c>
      <c r="G69219" s="1" t="s">
        <v>230885</v>
      </c>
      <c r="H69219" s="1" t="s">
        <v>230886</v>
      </c>
      <c r="I69219" s="1" t="s">
        <v>222698</v>
      </c>
      <c r="J69219" s="1" t="s">
        <v>230943</v>
      </c>
    </row>
    <row r="69220" spans="1:10" x14ac:dyDescent="0.35">
      <c r="A69220" s="1" t="s">
        <v>207235</v>
      </c>
      <c r="B69220" s="1" t="s">
        <v>222693</v>
      </c>
      <c r="C69220" s="1" t="s">
        <v>95</v>
      </c>
      <c r="D69220" s="1" t="s">
        <v>230944</v>
      </c>
      <c r="E69220" s="1" t="s">
        <v>230945</v>
      </c>
      <c r="F69220" s="1" t="s">
        <v>230946</v>
      </c>
      <c r="G69220" s="1" t="s">
        <v>230885</v>
      </c>
      <c r="H69220" s="1" t="s">
        <v>230886</v>
      </c>
      <c r="I69220" s="1" t="s">
        <v>222698</v>
      </c>
      <c r="J69220" s="1" t="s">
        <v>230947</v>
      </c>
    </row>
    <row r="69221" spans="1:10" x14ac:dyDescent="0.35">
      <c r="A69221" s="1" t="s">
        <v>207235</v>
      </c>
      <c r="B69221" s="1" t="s">
        <v>222693</v>
      </c>
      <c r="C69221" s="1" t="s">
        <v>100</v>
      </c>
      <c r="D69221" s="1" t="s">
        <v>167246</v>
      </c>
      <c r="E69221" s="1" t="s">
        <v>230948</v>
      </c>
      <c r="F69221" s="1" t="s">
        <v>230949</v>
      </c>
      <c r="G69221" s="1" t="s">
        <v>230885</v>
      </c>
      <c r="H69221" s="1" t="s">
        <v>230886</v>
      </c>
      <c r="I69221" s="1" t="s">
        <v>222698</v>
      </c>
      <c r="J69221" s="1" t="s">
        <v>230950</v>
      </c>
    </row>
    <row r="69222" spans="1:10" x14ac:dyDescent="0.35">
      <c r="A69222" s="1" t="s">
        <v>207235</v>
      </c>
      <c r="B69222" s="1" t="s">
        <v>222693</v>
      </c>
      <c r="C69222" s="1" t="s">
        <v>105</v>
      </c>
      <c r="D69222" s="1" t="s">
        <v>132084</v>
      </c>
      <c r="E69222" s="1" t="s">
        <v>230951</v>
      </c>
      <c r="F69222" s="1" t="s">
        <v>230952</v>
      </c>
      <c r="G69222" s="1" t="s">
        <v>230885</v>
      </c>
      <c r="H69222" s="1" t="s">
        <v>230886</v>
      </c>
      <c r="I69222" s="1" t="s">
        <v>222698</v>
      </c>
      <c r="J69222" s="1" t="s">
        <v>230953</v>
      </c>
    </row>
    <row r="69223" spans="1:10" x14ac:dyDescent="0.35">
      <c r="A69223" s="1" t="s">
        <v>207235</v>
      </c>
      <c r="B69223" s="1" t="s">
        <v>222693</v>
      </c>
      <c r="C69223" s="1" t="s">
        <v>110</v>
      </c>
      <c r="D69223" s="1" t="s">
        <v>230954</v>
      </c>
      <c r="E69223" s="1" t="s">
        <v>230955</v>
      </c>
      <c r="F69223" s="1" t="s">
        <v>230956</v>
      </c>
      <c r="G69223" s="1" t="s">
        <v>230885</v>
      </c>
      <c r="H69223" s="1" t="s">
        <v>230886</v>
      </c>
      <c r="I69223" s="1" t="s">
        <v>222698</v>
      </c>
      <c r="J69223" s="1" t="s">
        <v>230957</v>
      </c>
    </row>
    <row r="69224" spans="1:10" x14ac:dyDescent="0.35">
      <c r="A69224" s="1" t="s">
        <v>207235</v>
      </c>
      <c r="B69224" s="1" t="s">
        <v>222693</v>
      </c>
      <c r="C69224" s="1" t="s">
        <v>115</v>
      </c>
      <c r="D69224" s="1" t="s">
        <v>230958</v>
      </c>
      <c r="E69224" s="1" t="s">
        <v>230959</v>
      </c>
      <c r="F69224" s="1" t="s">
        <v>230960</v>
      </c>
      <c r="G69224" s="1" t="s">
        <v>230885</v>
      </c>
      <c r="H69224" s="1" t="s">
        <v>230886</v>
      </c>
      <c r="I69224" s="1" t="s">
        <v>222698</v>
      </c>
      <c r="J69224" s="1" t="s">
        <v>230961</v>
      </c>
    </row>
    <row r="69225" spans="1:10" x14ac:dyDescent="0.35">
      <c r="A69225" s="1" t="s">
        <v>207235</v>
      </c>
      <c r="B69225" s="1" t="s">
        <v>222693</v>
      </c>
      <c r="C69225" s="1" t="s">
        <v>120</v>
      </c>
      <c r="D69225" s="1" t="s">
        <v>230962</v>
      </c>
      <c r="E69225" s="1" t="s">
        <v>230963</v>
      </c>
      <c r="F69225" s="1" t="s">
        <v>230964</v>
      </c>
      <c r="G69225" s="1" t="s">
        <v>230885</v>
      </c>
      <c r="H69225" s="1" t="s">
        <v>230886</v>
      </c>
      <c r="I69225" s="1" t="s">
        <v>222698</v>
      </c>
      <c r="J69225" s="1" t="s">
        <v>230965</v>
      </c>
    </row>
    <row r="69226" spans="1:10" x14ac:dyDescent="0.35">
      <c r="A69226" s="1" t="s">
        <v>207235</v>
      </c>
      <c r="B69226" s="1" t="s">
        <v>222693</v>
      </c>
      <c r="C69226" s="1" t="s">
        <v>125</v>
      </c>
      <c r="D69226" s="1" t="s">
        <v>230966</v>
      </c>
      <c r="E69226" s="1" t="s">
        <v>230967</v>
      </c>
      <c r="F69226" s="1" t="s">
        <v>230968</v>
      </c>
      <c r="G69226" s="1" t="s">
        <v>230885</v>
      </c>
      <c r="H69226" s="1" t="s">
        <v>230886</v>
      </c>
      <c r="I69226" s="1" t="s">
        <v>222698</v>
      </c>
      <c r="J69226" s="1" t="s">
        <v>230969</v>
      </c>
    </row>
    <row r="69227" spans="1:10" x14ac:dyDescent="0.35">
      <c r="A69227" s="1" t="s">
        <v>207235</v>
      </c>
      <c r="B69227" s="1" t="s">
        <v>222693</v>
      </c>
      <c r="C69227" s="1" t="s">
        <v>130</v>
      </c>
      <c r="D69227" s="1" t="s">
        <v>127763</v>
      </c>
      <c r="E69227" s="1" t="s">
        <v>230970</v>
      </c>
      <c r="F69227" s="1" t="s">
        <v>230971</v>
      </c>
      <c r="G69227" s="1" t="s">
        <v>230885</v>
      </c>
      <c r="H69227" s="1" t="s">
        <v>230886</v>
      </c>
      <c r="I69227" s="1" t="s">
        <v>222698</v>
      </c>
      <c r="J69227" s="1" t="s">
        <v>230972</v>
      </c>
    </row>
    <row r="69228" spans="1:10" x14ac:dyDescent="0.35">
      <c r="A69228" s="1" t="s">
        <v>207235</v>
      </c>
      <c r="B69228" s="1" t="s">
        <v>222693</v>
      </c>
      <c r="C69228" s="1" t="s">
        <v>135</v>
      </c>
      <c r="D69228" s="1" t="s">
        <v>230973</v>
      </c>
      <c r="E69228" s="1" t="s">
        <v>230974</v>
      </c>
      <c r="F69228" s="1" t="s">
        <v>230975</v>
      </c>
      <c r="G69228" s="1" t="s">
        <v>230885</v>
      </c>
      <c r="H69228" s="1" t="s">
        <v>230886</v>
      </c>
      <c r="I69228" s="1" t="s">
        <v>222698</v>
      </c>
      <c r="J69228" s="1" t="s">
        <v>230976</v>
      </c>
    </row>
    <row r="69229" spans="1:10" x14ac:dyDescent="0.35">
      <c r="A69229" s="1" t="s">
        <v>207235</v>
      </c>
      <c r="B69229" s="1" t="s">
        <v>222693</v>
      </c>
      <c r="C69229" s="1" t="s">
        <v>140</v>
      </c>
      <c r="D69229" s="1" t="s">
        <v>230977</v>
      </c>
      <c r="E69229" s="1" t="s">
        <v>230978</v>
      </c>
      <c r="F69229" s="1" t="s">
        <v>230979</v>
      </c>
      <c r="G69229" s="1" t="s">
        <v>230885</v>
      </c>
      <c r="H69229" s="1" t="s">
        <v>230886</v>
      </c>
      <c r="I69229" s="1" t="s">
        <v>222698</v>
      </c>
      <c r="J69229" s="1" t="s">
        <v>230980</v>
      </c>
    </row>
    <row r="69230" spans="1:10" x14ac:dyDescent="0.35">
      <c r="A69230" s="1" t="s">
        <v>207235</v>
      </c>
      <c r="B69230" s="1" t="s">
        <v>222693</v>
      </c>
      <c r="C69230" s="1" t="s">
        <v>145</v>
      </c>
      <c r="D69230" s="1" t="s">
        <v>230981</v>
      </c>
      <c r="E69230" s="1" t="s">
        <v>230982</v>
      </c>
      <c r="F69230" s="1" t="s">
        <v>230983</v>
      </c>
      <c r="G69230" s="1" t="s">
        <v>230885</v>
      </c>
      <c r="H69230" s="1" t="s">
        <v>230886</v>
      </c>
      <c r="I69230" s="1" t="s">
        <v>222698</v>
      </c>
      <c r="J69230" s="1" t="s">
        <v>230984</v>
      </c>
    </row>
    <row r="69231" spans="1:10" x14ac:dyDescent="0.35">
      <c r="A69231" s="1" t="s">
        <v>207235</v>
      </c>
      <c r="B69231" s="1" t="s">
        <v>222693</v>
      </c>
      <c r="C69231" s="1" t="s">
        <v>150</v>
      </c>
      <c r="D69231" s="1" t="s">
        <v>230985</v>
      </c>
      <c r="E69231" s="1" t="s">
        <v>230986</v>
      </c>
      <c r="F69231" s="1" t="s">
        <v>230987</v>
      </c>
      <c r="G69231" s="1" t="s">
        <v>230885</v>
      </c>
      <c r="H69231" s="1" t="s">
        <v>230886</v>
      </c>
      <c r="I69231" s="1" t="s">
        <v>222698</v>
      </c>
      <c r="J69231" s="1" t="s">
        <v>230988</v>
      </c>
    </row>
    <row r="69232" spans="1:10" x14ac:dyDescent="0.35">
      <c r="A69232" s="1" t="s">
        <v>207235</v>
      </c>
      <c r="B69232" s="1" t="s">
        <v>222693</v>
      </c>
      <c r="C69232" s="1" t="s">
        <v>155</v>
      </c>
      <c r="D69232" s="1" t="s">
        <v>230989</v>
      </c>
      <c r="E69232" s="1" t="s">
        <v>230990</v>
      </c>
      <c r="F69232" s="1" t="s">
        <v>230991</v>
      </c>
      <c r="G69232" s="1" t="s">
        <v>230885</v>
      </c>
      <c r="H69232" s="1" t="s">
        <v>230886</v>
      </c>
      <c r="I69232" s="1" t="s">
        <v>222698</v>
      </c>
      <c r="J69232" s="1" t="s">
        <v>230992</v>
      </c>
    </row>
    <row r="69233" spans="1:10" x14ac:dyDescent="0.35">
      <c r="A69233" s="1" t="s">
        <v>207235</v>
      </c>
      <c r="B69233" s="1" t="s">
        <v>222693</v>
      </c>
      <c r="C69233" s="1" t="s">
        <v>160</v>
      </c>
      <c r="D69233" s="1" t="s">
        <v>230993</v>
      </c>
      <c r="E69233" s="1" t="s">
        <v>230994</v>
      </c>
      <c r="F69233" s="1" t="s">
        <v>230995</v>
      </c>
      <c r="G69233" s="1" t="s">
        <v>230885</v>
      </c>
      <c r="H69233" s="1" t="s">
        <v>230886</v>
      </c>
      <c r="I69233" s="1" t="s">
        <v>222698</v>
      </c>
      <c r="J69233" s="1" t="s">
        <v>230996</v>
      </c>
    </row>
    <row r="69234" spans="1:10" x14ac:dyDescent="0.35">
      <c r="A69234" s="1" t="s">
        <v>207235</v>
      </c>
      <c r="B69234" s="1" t="s">
        <v>222693</v>
      </c>
      <c r="C69234" s="1" t="s">
        <v>165</v>
      </c>
      <c r="D69234" s="1" t="s">
        <v>230997</v>
      </c>
      <c r="E69234" s="1" t="s">
        <v>230998</v>
      </c>
      <c r="F69234" s="1" t="s">
        <v>230999</v>
      </c>
      <c r="G69234" s="1" t="s">
        <v>230885</v>
      </c>
      <c r="H69234" s="1" t="s">
        <v>230886</v>
      </c>
      <c r="I69234" s="1" t="s">
        <v>222698</v>
      </c>
      <c r="J69234" s="1" t="s">
        <v>231000</v>
      </c>
    </row>
    <row r="69235" spans="1:10" x14ac:dyDescent="0.35">
      <c r="A69235" s="1" t="s">
        <v>207235</v>
      </c>
      <c r="B69235" s="1" t="s">
        <v>222693</v>
      </c>
      <c r="C69235" s="1" t="s">
        <v>170</v>
      </c>
      <c r="D69235" s="1" t="s">
        <v>231001</v>
      </c>
      <c r="E69235" s="1" t="s">
        <v>231002</v>
      </c>
      <c r="F69235" s="1" t="s">
        <v>231003</v>
      </c>
      <c r="G69235" s="1" t="s">
        <v>230885</v>
      </c>
      <c r="H69235" s="1" t="s">
        <v>230886</v>
      </c>
      <c r="I69235" s="1" t="s">
        <v>222698</v>
      </c>
      <c r="J69235" s="1" t="s">
        <v>231004</v>
      </c>
    </row>
    <row r="69236" spans="1:10" x14ac:dyDescent="0.35">
      <c r="A69236" s="1" t="s">
        <v>110319</v>
      </c>
      <c r="B69236" s="1" t="s">
        <v>222693</v>
      </c>
      <c r="C69236" s="1" t="s">
        <v>8</v>
      </c>
      <c r="D69236" s="1" t="s">
        <v>225789</v>
      </c>
      <c r="E69236" s="1" t="s">
        <v>231005</v>
      </c>
      <c r="F69236" s="1" t="s">
        <v>231006</v>
      </c>
      <c r="G69236" s="1" t="s">
        <v>231007</v>
      </c>
      <c r="H69236" s="1" t="s">
        <v>231008</v>
      </c>
      <c r="I69236" s="1" t="s">
        <v>222698</v>
      </c>
      <c r="J69236" s="1" t="s">
        <v>13</v>
      </c>
    </row>
    <row r="69237" spans="1:10" x14ac:dyDescent="0.35">
      <c r="A69237" s="1" t="s">
        <v>110319</v>
      </c>
      <c r="B69237" s="1" t="s">
        <v>222693</v>
      </c>
      <c r="C69237" s="1" t="s">
        <v>15</v>
      </c>
      <c r="D69237" s="1" t="s">
        <v>184144</v>
      </c>
      <c r="E69237" s="1" t="s">
        <v>231009</v>
      </c>
      <c r="F69237" s="1" t="s">
        <v>231010</v>
      </c>
      <c r="G69237" s="1" t="s">
        <v>231007</v>
      </c>
      <c r="H69237" s="1" t="s">
        <v>231008</v>
      </c>
      <c r="I69237" s="1" t="s">
        <v>222698</v>
      </c>
      <c r="J69237" s="1" t="s">
        <v>231011</v>
      </c>
    </row>
    <row r="69238" spans="1:10" x14ac:dyDescent="0.35">
      <c r="A69238" s="1" t="s">
        <v>110319</v>
      </c>
      <c r="B69238" s="1" t="s">
        <v>222693</v>
      </c>
      <c r="C69238" s="1" t="s">
        <v>20</v>
      </c>
      <c r="D69238" s="1" t="s">
        <v>231012</v>
      </c>
      <c r="E69238" s="1" t="s">
        <v>231013</v>
      </c>
      <c r="F69238" s="1" t="s">
        <v>231014</v>
      </c>
      <c r="G69238" s="1" t="s">
        <v>231007</v>
      </c>
      <c r="H69238" s="1" t="s">
        <v>231008</v>
      </c>
      <c r="I69238" s="1" t="s">
        <v>222698</v>
      </c>
      <c r="J69238" s="1" t="s">
        <v>231015</v>
      </c>
    </row>
    <row r="69239" spans="1:10" x14ac:dyDescent="0.35">
      <c r="A69239" s="1" t="s">
        <v>110319</v>
      </c>
      <c r="B69239" s="1" t="s">
        <v>222693</v>
      </c>
      <c r="C69239" s="1" t="s">
        <v>25</v>
      </c>
      <c r="D69239" s="1" t="s">
        <v>77625</v>
      </c>
      <c r="E69239" s="1" t="s">
        <v>231016</v>
      </c>
      <c r="F69239" s="1" t="s">
        <v>231017</v>
      </c>
      <c r="G69239" s="1" t="s">
        <v>231007</v>
      </c>
      <c r="H69239" s="1" t="s">
        <v>231008</v>
      </c>
      <c r="I69239" s="1" t="s">
        <v>222698</v>
      </c>
      <c r="J69239" s="1" t="s">
        <v>231018</v>
      </c>
    </row>
    <row r="69240" spans="1:10" x14ac:dyDescent="0.35">
      <c r="A69240" s="1" t="s">
        <v>110319</v>
      </c>
      <c r="B69240" s="1" t="s">
        <v>222693</v>
      </c>
      <c r="C69240" s="1" t="s">
        <v>30</v>
      </c>
      <c r="D69240" s="1" t="s">
        <v>231019</v>
      </c>
      <c r="E69240" s="1" t="s">
        <v>231020</v>
      </c>
      <c r="F69240" s="1" t="s">
        <v>231021</v>
      </c>
      <c r="G69240" s="1" t="s">
        <v>231007</v>
      </c>
      <c r="H69240" s="1" t="s">
        <v>231008</v>
      </c>
      <c r="I69240" s="1" t="s">
        <v>222698</v>
      </c>
      <c r="J69240" s="1" t="s">
        <v>231022</v>
      </c>
    </row>
    <row r="69241" spans="1:10" x14ac:dyDescent="0.35">
      <c r="A69241" s="1" t="s">
        <v>110319</v>
      </c>
      <c r="B69241" s="1" t="s">
        <v>222693</v>
      </c>
      <c r="C69241" s="1" t="s">
        <v>35</v>
      </c>
      <c r="D69241" s="1" t="s">
        <v>231023</v>
      </c>
      <c r="E69241" s="1" t="s">
        <v>231024</v>
      </c>
      <c r="F69241" s="1" t="s">
        <v>231025</v>
      </c>
      <c r="G69241" s="1" t="s">
        <v>231007</v>
      </c>
      <c r="H69241" s="1" t="s">
        <v>231008</v>
      </c>
      <c r="I69241" s="1" t="s">
        <v>222698</v>
      </c>
      <c r="J69241" s="1" t="s">
        <v>231026</v>
      </c>
    </row>
    <row r="69242" spans="1:10" x14ac:dyDescent="0.35">
      <c r="A69242" s="1" t="s">
        <v>110319</v>
      </c>
      <c r="B69242" s="1" t="s">
        <v>222693</v>
      </c>
      <c r="C69242" s="1" t="s">
        <v>40</v>
      </c>
      <c r="D69242" s="1" t="s">
        <v>63110</v>
      </c>
      <c r="E69242" s="1" t="s">
        <v>231027</v>
      </c>
      <c r="F69242" s="1" t="s">
        <v>231028</v>
      </c>
      <c r="G69242" s="1" t="s">
        <v>231007</v>
      </c>
      <c r="H69242" s="1" t="s">
        <v>231008</v>
      </c>
      <c r="I69242" s="1" t="s">
        <v>222698</v>
      </c>
      <c r="J69242" s="1" t="s">
        <v>231029</v>
      </c>
    </row>
    <row r="69243" spans="1:10" x14ac:dyDescent="0.35">
      <c r="A69243" s="1" t="s">
        <v>110319</v>
      </c>
      <c r="B69243" s="1" t="s">
        <v>222693</v>
      </c>
      <c r="C69243" s="1" t="s">
        <v>45</v>
      </c>
      <c r="D69243" s="1" t="s">
        <v>164179</v>
      </c>
      <c r="E69243" s="1" t="s">
        <v>231030</v>
      </c>
      <c r="F69243" s="1" t="s">
        <v>231031</v>
      </c>
      <c r="G69243" s="1" t="s">
        <v>231007</v>
      </c>
      <c r="H69243" s="1" t="s">
        <v>231008</v>
      </c>
      <c r="I69243" s="1" t="s">
        <v>222698</v>
      </c>
      <c r="J69243" s="1" t="s">
        <v>231032</v>
      </c>
    </row>
    <row r="69244" spans="1:10" x14ac:dyDescent="0.35">
      <c r="A69244" s="1" t="s">
        <v>110319</v>
      </c>
      <c r="B69244" s="1" t="s">
        <v>222693</v>
      </c>
      <c r="C69244" s="1" t="s">
        <v>50</v>
      </c>
      <c r="D69244" s="1" t="s">
        <v>231033</v>
      </c>
      <c r="E69244" s="1" t="s">
        <v>231034</v>
      </c>
      <c r="F69244" s="1" t="s">
        <v>231035</v>
      </c>
      <c r="G69244" s="1" t="s">
        <v>231007</v>
      </c>
      <c r="H69244" s="1" t="s">
        <v>231008</v>
      </c>
      <c r="I69244" s="1" t="s">
        <v>222698</v>
      </c>
      <c r="J69244" s="1" t="s">
        <v>231036</v>
      </c>
    </row>
    <row r="69245" spans="1:10" x14ac:dyDescent="0.35">
      <c r="A69245" s="1" t="s">
        <v>110319</v>
      </c>
      <c r="B69245" s="1" t="s">
        <v>222693</v>
      </c>
      <c r="C69245" s="1" t="s">
        <v>55</v>
      </c>
      <c r="D69245" s="1" t="s">
        <v>231037</v>
      </c>
      <c r="E69245" s="1" t="s">
        <v>231038</v>
      </c>
      <c r="F69245" s="1" t="s">
        <v>231039</v>
      </c>
      <c r="G69245" s="1" t="s">
        <v>231007</v>
      </c>
      <c r="H69245" s="1" t="s">
        <v>231008</v>
      </c>
      <c r="I69245" s="1" t="s">
        <v>222698</v>
      </c>
      <c r="J69245" s="1" t="s">
        <v>231040</v>
      </c>
    </row>
    <row r="69246" spans="1:10" x14ac:dyDescent="0.35">
      <c r="A69246" s="1" t="s">
        <v>110319</v>
      </c>
      <c r="B69246" s="1" t="s">
        <v>222693</v>
      </c>
      <c r="C69246" s="1" t="s">
        <v>60</v>
      </c>
      <c r="D69246" s="1" t="s">
        <v>231041</v>
      </c>
      <c r="E69246" s="1" t="s">
        <v>231042</v>
      </c>
      <c r="F69246" s="1" t="s">
        <v>231043</v>
      </c>
      <c r="G69246" s="1" t="s">
        <v>231007</v>
      </c>
      <c r="H69246" s="1" t="s">
        <v>231008</v>
      </c>
      <c r="I69246" s="1" t="s">
        <v>222698</v>
      </c>
      <c r="J69246" s="1" t="s">
        <v>231044</v>
      </c>
    </row>
    <row r="69247" spans="1:10" x14ac:dyDescent="0.35">
      <c r="A69247" s="1" t="s">
        <v>110319</v>
      </c>
      <c r="B69247" s="1" t="s">
        <v>222693</v>
      </c>
      <c r="C69247" s="1" t="s">
        <v>65</v>
      </c>
      <c r="D69247" s="1" t="s">
        <v>102020</v>
      </c>
      <c r="E69247" s="1" t="s">
        <v>231045</v>
      </c>
      <c r="F69247" s="1" t="s">
        <v>231046</v>
      </c>
      <c r="G69247" s="1" t="s">
        <v>231007</v>
      </c>
      <c r="H69247" s="1" t="s">
        <v>231008</v>
      </c>
      <c r="I69247" s="1" t="s">
        <v>222698</v>
      </c>
      <c r="J69247" s="1" t="s">
        <v>231047</v>
      </c>
    </row>
    <row r="69248" spans="1:10" x14ac:dyDescent="0.35">
      <c r="A69248" s="1" t="s">
        <v>110319</v>
      </c>
      <c r="B69248" s="1" t="s">
        <v>222693</v>
      </c>
      <c r="C69248" s="1" t="s">
        <v>70</v>
      </c>
      <c r="D69248" s="1" t="s">
        <v>231048</v>
      </c>
      <c r="E69248" s="1" t="s">
        <v>231049</v>
      </c>
      <c r="F69248" s="1" t="s">
        <v>231050</v>
      </c>
      <c r="G69248" s="1" t="s">
        <v>231007</v>
      </c>
      <c r="H69248" s="1" t="s">
        <v>231008</v>
      </c>
      <c r="I69248" s="1" t="s">
        <v>222698</v>
      </c>
      <c r="J69248" s="1" t="s">
        <v>231051</v>
      </c>
    </row>
    <row r="69249" spans="1:10" x14ac:dyDescent="0.35">
      <c r="A69249" s="1" t="s">
        <v>110319</v>
      </c>
      <c r="B69249" s="1" t="s">
        <v>222693</v>
      </c>
      <c r="C69249" s="1" t="s">
        <v>75</v>
      </c>
      <c r="D69249" s="1" t="s">
        <v>231052</v>
      </c>
      <c r="E69249" s="1" t="s">
        <v>231053</v>
      </c>
      <c r="F69249" s="1" t="s">
        <v>231054</v>
      </c>
      <c r="G69249" s="1" t="s">
        <v>231007</v>
      </c>
      <c r="H69249" s="1" t="s">
        <v>231008</v>
      </c>
      <c r="I69249" s="1" t="s">
        <v>222698</v>
      </c>
      <c r="J69249" s="1" t="s">
        <v>231055</v>
      </c>
    </row>
    <row r="69250" spans="1:10" x14ac:dyDescent="0.35">
      <c r="A69250" s="1" t="s">
        <v>110319</v>
      </c>
      <c r="B69250" s="1" t="s">
        <v>222693</v>
      </c>
      <c r="C69250" s="1" t="s">
        <v>80</v>
      </c>
      <c r="D69250" s="1" t="s">
        <v>79290</v>
      </c>
      <c r="E69250" s="1" t="s">
        <v>231056</v>
      </c>
      <c r="F69250" s="1" t="s">
        <v>231057</v>
      </c>
      <c r="G69250" s="1" t="s">
        <v>231007</v>
      </c>
      <c r="H69250" s="1" t="s">
        <v>231008</v>
      </c>
      <c r="I69250" s="1" t="s">
        <v>222698</v>
      </c>
      <c r="J69250" s="1" t="s">
        <v>231058</v>
      </c>
    </row>
    <row r="69251" spans="1:10" x14ac:dyDescent="0.35">
      <c r="A69251" s="1" t="s">
        <v>110319</v>
      </c>
      <c r="B69251" s="1" t="s">
        <v>222693</v>
      </c>
      <c r="C69251" s="1" t="s">
        <v>85</v>
      </c>
      <c r="D69251" s="1" t="s">
        <v>231059</v>
      </c>
      <c r="E69251" s="1" t="s">
        <v>231060</v>
      </c>
      <c r="F69251" s="1" t="s">
        <v>231061</v>
      </c>
      <c r="G69251" s="1" t="s">
        <v>231007</v>
      </c>
      <c r="H69251" s="1" t="s">
        <v>231008</v>
      </c>
      <c r="I69251" s="1" t="s">
        <v>222698</v>
      </c>
      <c r="J69251" s="1" t="s">
        <v>231062</v>
      </c>
    </row>
    <row r="69252" spans="1:10" x14ac:dyDescent="0.35">
      <c r="A69252" s="1" t="s">
        <v>110319</v>
      </c>
      <c r="B69252" s="1" t="s">
        <v>222693</v>
      </c>
      <c r="C69252" s="1" t="s">
        <v>90</v>
      </c>
      <c r="D69252" s="1" t="s">
        <v>231063</v>
      </c>
      <c r="E69252" s="1" t="s">
        <v>231064</v>
      </c>
      <c r="F69252" s="1" t="s">
        <v>231065</v>
      </c>
      <c r="G69252" s="1" t="s">
        <v>231007</v>
      </c>
      <c r="H69252" s="1" t="s">
        <v>231008</v>
      </c>
      <c r="I69252" s="1" t="s">
        <v>222698</v>
      </c>
      <c r="J69252" s="1" t="s">
        <v>231066</v>
      </c>
    </row>
    <row r="69253" spans="1:10" x14ac:dyDescent="0.35">
      <c r="A69253" s="1" t="s">
        <v>110319</v>
      </c>
      <c r="B69253" s="1" t="s">
        <v>222693</v>
      </c>
      <c r="C69253" s="1" t="s">
        <v>95</v>
      </c>
      <c r="D69253" s="1" t="s">
        <v>231067</v>
      </c>
      <c r="E69253" s="1" t="s">
        <v>231068</v>
      </c>
      <c r="F69253" s="1" t="s">
        <v>231069</v>
      </c>
      <c r="G69253" s="1" t="s">
        <v>231007</v>
      </c>
      <c r="H69253" s="1" t="s">
        <v>231008</v>
      </c>
      <c r="I69253" s="1" t="s">
        <v>222698</v>
      </c>
      <c r="J69253" s="1" t="s">
        <v>231070</v>
      </c>
    </row>
    <row r="69254" spans="1:10" x14ac:dyDescent="0.35">
      <c r="A69254" s="1" t="s">
        <v>110319</v>
      </c>
      <c r="B69254" s="1" t="s">
        <v>222693</v>
      </c>
      <c r="C69254" s="1" t="s">
        <v>100</v>
      </c>
      <c r="D69254" s="1" t="s">
        <v>231071</v>
      </c>
      <c r="E69254" s="1" t="s">
        <v>231072</v>
      </c>
      <c r="F69254" s="1" t="s">
        <v>231073</v>
      </c>
      <c r="G69254" s="1" t="s">
        <v>231007</v>
      </c>
      <c r="H69254" s="1" t="s">
        <v>231008</v>
      </c>
      <c r="I69254" s="1" t="s">
        <v>222698</v>
      </c>
      <c r="J69254" s="1" t="s">
        <v>231074</v>
      </c>
    </row>
    <row r="69255" spans="1:10" x14ac:dyDescent="0.35">
      <c r="A69255" s="1" t="s">
        <v>110319</v>
      </c>
      <c r="B69255" s="1" t="s">
        <v>222693</v>
      </c>
      <c r="C69255" s="1" t="s">
        <v>105</v>
      </c>
      <c r="D69255" s="1" t="s">
        <v>231075</v>
      </c>
      <c r="E69255" s="1" t="s">
        <v>231076</v>
      </c>
      <c r="F69255" s="1" t="s">
        <v>231077</v>
      </c>
      <c r="G69255" s="1" t="s">
        <v>231007</v>
      </c>
      <c r="H69255" s="1" t="s">
        <v>231008</v>
      </c>
      <c r="I69255" s="1" t="s">
        <v>222698</v>
      </c>
      <c r="J69255" s="1" t="s">
        <v>231078</v>
      </c>
    </row>
    <row r="69256" spans="1:10" x14ac:dyDescent="0.35">
      <c r="A69256" s="1" t="s">
        <v>110319</v>
      </c>
      <c r="B69256" s="1" t="s">
        <v>222693</v>
      </c>
      <c r="C69256" s="1" t="s">
        <v>110</v>
      </c>
      <c r="D69256" s="1" t="s">
        <v>231079</v>
      </c>
      <c r="E69256" s="1" t="s">
        <v>231080</v>
      </c>
      <c r="F69256" s="1" t="s">
        <v>231081</v>
      </c>
      <c r="G69256" s="1" t="s">
        <v>231007</v>
      </c>
      <c r="H69256" s="1" t="s">
        <v>231008</v>
      </c>
      <c r="I69256" s="1" t="s">
        <v>222698</v>
      </c>
      <c r="J69256" s="1" t="s">
        <v>231082</v>
      </c>
    </row>
    <row r="69257" spans="1:10" x14ac:dyDescent="0.35">
      <c r="A69257" s="1" t="s">
        <v>110319</v>
      </c>
      <c r="B69257" s="1" t="s">
        <v>222693</v>
      </c>
      <c r="C69257" s="1" t="s">
        <v>115</v>
      </c>
      <c r="D69257" s="1" t="s">
        <v>231083</v>
      </c>
      <c r="E69257" s="1" t="s">
        <v>231084</v>
      </c>
      <c r="F69257" s="1" t="s">
        <v>231085</v>
      </c>
      <c r="G69257" s="1" t="s">
        <v>231007</v>
      </c>
      <c r="H69257" s="1" t="s">
        <v>231008</v>
      </c>
      <c r="I69257" s="1" t="s">
        <v>222698</v>
      </c>
      <c r="J69257" s="1" t="s">
        <v>231086</v>
      </c>
    </row>
    <row r="69258" spans="1:10" x14ac:dyDescent="0.35">
      <c r="A69258" s="1" t="s">
        <v>110319</v>
      </c>
      <c r="B69258" s="1" t="s">
        <v>222693</v>
      </c>
      <c r="C69258" s="1" t="s">
        <v>120</v>
      </c>
      <c r="D69258" s="1" t="s">
        <v>231087</v>
      </c>
      <c r="E69258" s="1" t="s">
        <v>231088</v>
      </c>
      <c r="F69258" s="1" t="s">
        <v>231089</v>
      </c>
      <c r="G69258" s="1" t="s">
        <v>231007</v>
      </c>
      <c r="H69258" s="1" t="s">
        <v>231008</v>
      </c>
      <c r="I69258" s="1" t="s">
        <v>222698</v>
      </c>
      <c r="J69258" s="1" t="s">
        <v>231090</v>
      </c>
    </row>
    <row r="69259" spans="1:10" x14ac:dyDescent="0.35">
      <c r="A69259" s="1" t="s">
        <v>110319</v>
      </c>
      <c r="B69259" s="1" t="s">
        <v>222693</v>
      </c>
      <c r="C69259" s="1" t="s">
        <v>125</v>
      </c>
      <c r="D69259" s="1" t="s">
        <v>67703</v>
      </c>
      <c r="E69259" s="1" t="s">
        <v>231091</v>
      </c>
      <c r="F69259" s="1" t="s">
        <v>231092</v>
      </c>
      <c r="G69259" s="1" t="s">
        <v>231007</v>
      </c>
      <c r="H69259" s="1" t="s">
        <v>231008</v>
      </c>
      <c r="I69259" s="1" t="s">
        <v>222698</v>
      </c>
      <c r="J69259" s="1" t="s">
        <v>231093</v>
      </c>
    </row>
    <row r="69260" spans="1:10" x14ac:dyDescent="0.35">
      <c r="A69260" s="1" t="s">
        <v>110319</v>
      </c>
      <c r="B69260" s="1" t="s">
        <v>222693</v>
      </c>
      <c r="C69260" s="1" t="s">
        <v>130</v>
      </c>
      <c r="D69260" s="1" t="s">
        <v>231094</v>
      </c>
      <c r="E69260" s="1" t="s">
        <v>231095</v>
      </c>
      <c r="F69260" s="1" t="s">
        <v>231096</v>
      </c>
      <c r="G69260" s="1" t="s">
        <v>231007</v>
      </c>
      <c r="H69260" s="1" t="s">
        <v>231008</v>
      </c>
      <c r="I69260" s="1" t="s">
        <v>222698</v>
      </c>
      <c r="J69260" s="1" t="s">
        <v>231097</v>
      </c>
    </row>
    <row r="69261" spans="1:10" x14ac:dyDescent="0.35">
      <c r="A69261" s="1" t="s">
        <v>110319</v>
      </c>
      <c r="B69261" s="1" t="s">
        <v>222693</v>
      </c>
      <c r="C69261" s="1" t="s">
        <v>135</v>
      </c>
      <c r="D69261" s="1" t="s">
        <v>231098</v>
      </c>
      <c r="E69261" s="1" t="s">
        <v>231099</v>
      </c>
      <c r="F69261" s="1" t="s">
        <v>231100</v>
      </c>
      <c r="G69261" s="1" t="s">
        <v>231007</v>
      </c>
      <c r="H69261" s="1" t="s">
        <v>231008</v>
      </c>
      <c r="I69261" s="1" t="s">
        <v>222698</v>
      </c>
      <c r="J69261" s="1" t="s">
        <v>231101</v>
      </c>
    </row>
    <row r="69262" spans="1:10" x14ac:dyDescent="0.35">
      <c r="A69262" s="1" t="s">
        <v>110319</v>
      </c>
      <c r="B69262" s="1" t="s">
        <v>222693</v>
      </c>
      <c r="C69262" s="1" t="s">
        <v>140</v>
      </c>
      <c r="D69262" s="1" t="s">
        <v>65285</v>
      </c>
      <c r="E69262" s="1" t="s">
        <v>231102</v>
      </c>
      <c r="F69262" s="1" t="s">
        <v>231103</v>
      </c>
      <c r="G69262" s="1" t="s">
        <v>231007</v>
      </c>
      <c r="H69262" s="1" t="s">
        <v>231008</v>
      </c>
      <c r="I69262" s="1" t="s">
        <v>222698</v>
      </c>
      <c r="J69262" s="1" t="s">
        <v>231104</v>
      </c>
    </row>
    <row r="69263" spans="1:10" x14ac:dyDescent="0.35">
      <c r="A69263" s="1" t="s">
        <v>110319</v>
      </c>
      <c r="B69263" s="1" t="s">
        <v>222693</v>
      </c>
      <c r="C69263" s="1" t="s">
        <v>145</v>
      </c>
      <c r="D69263" s="1" t="s">
        <v>231105</v>
      </c>
      <c r="E69263" s="1" t="s">
        <v>231106</v>
      </c>
      <c r="F69263" s="1" t="s">
        <v>231107</v>
      </c>
      <c r="G69263" s="1" t="s">
        <v>231007</v>
      </c>
      <c r="H69263" s="1" t="s">
        <v>231008</v>
      </c>
      <c r="I69263" s="1" t="s">
        <v>222698</v>
      </c>
      <c r="J69263" s="1" t="s">
        <v>231108</v>
      </c>
    </row>
    <row r="69264" spans="1:10" x14ac:dyDescent="0.35">
      <c r="A69264" s="1" t="s">
        <v>110319</v>
      </c>
      <c r="B69264" s="1" t="s">
        <v>222693</v>
      </c>
      <c r="C69264" s="1" t="s">
        <v>150</v>
      </c>
      <c r="D69264" s="1" t="s">
        <v>231109</v>
      </c>
      <c r="E69264" s="1" t="s">
        <v>231110</v>
      </c>
      <c r="F69264" s="1" t="s">
        <v>231111</v>
      </c>
      <c r="G69264" s="1" t="s">
        <v>231007</v>
      </c>
      <c r="H69264" s="1" t="s">
        <v>231008</v>
      </c>
      <c r="I69264" s="1" t="s">
        <v>222698</v>
      </c>
      <c r="J69264" s="1" t="s">
        <v>231112</v>
      </c>
    </row>
    <row r="69265" spans="1:10" x14ac:dyDescent="0.35">
      <c r="A69265" s="1" t="s">
        <v>110319</v>
      </c>
      <c r="B69265" s="1" t="s">
        <v>222693</v>
      </c>
      <c r="C69265" s="1" t="s">
        <v>155</v>
      </c>
      <c r="D69265" s="1" t="s">
        <v>60171</v>
      </c>
      <c r="E69265" s="1" t="s">
        <v>231113</v>
      </c>
      <c r="F69265" s="1" t="s">
        <v>231114</v>
      </c>
      <c r="G69265" s="1" t="s">
        <v>231007</v>
      </c>
      <c r="H69265" s="1" t="s">
        <v>231008</v>
      </c>
      <c r="I69265" s="1" t="s">
        <v>222698</v>
      </c>
      <c r="J69265" s="1" t="s">
        <v>231115</v>
      </c>
    </row>
    <row r="69266" spans="1:10" x14ac:dyDescent="0.35">
      <c r="A69266" s="1" t="s">
        <v>110319</v>
      </c>
      <c r="B69266" s="1" t="s">
        <v>222693</v>
      </c>
      <c r="C69266" s="1" t="s">
        <v>160</v>
      </c>
      <c r="D69266" s="1" t="s">
        <v>231116</v>
      </c>
      <c r="E69266" s="1" t="s">
        <v>231117</v>
      </c>
      <c r="F69266" s="1" t="s">
        <v>231118</v>
      </c>
      <c r="G69266" s="1" t="s">
        <v>231007</v>
      </c>
      <c r="H69266" s="1" t="s">
        <v>231008</v>
      </c>
      <c r="I69266" s="1" t="s">
        <v>222698</v>
      </c>
      <c r="J69266" s="1" t="s">
        <v>231119</v>
      </c>
    </row>
    <row r="69267" spans="1:10" x14ac:dyDescent="0.35">
      <c r="A69267" s="1" t="s">
        <v>110319</v>
      </c>
      <c r="B69267" s="1" t="s">
        <v>222693</v>
      </c>
      <c r="C69267" s="1" t="s">
        <v>165</v>
      </c>
      <c r="D69267" s="1" t="s">
        <v>231120</v>
      </c>
      <c r="E69267" s="1" t="s">
        <v>231121</v>
      </c>
      <c r="F69267" s="1" t="s">
        <v>231122</v>
      </c>
      <c r="G69267" s="1" t="s">
        <v>231007</v>
      </c>
      <c r="H69267" s="1" t="s">
        <v>231008</v>
      </c>
      <c r="I69267" s="1" t="s">
        <v>222698</v>
      </c>
      <c r="J69267" s="1" t="s">
        <v>231123</v>
      </c>
    </row>
    <row r="69268" spans="1:10" x14ac:dyDescent="0.35">
      <c r="A69268" s="1" t="s">
        <v>110319</v>
      </c>
      <c r="B69268" s="1" t="s">
        <v>222693</v>
      </c>
      <c r="C69268" s="1" t="s">
        <v>170</v>
      </c>
      <c r="D69268" s="1" t="s">
        <v>231124</v>
      </c>
      <c r="E69268" s="1" t="s">
        <v>231125</v>
      </c>
      <c r="F69268" s="1" t="s">
        <v>231126</v>
      </c>
      <c r="G69268" s="1" t="s">
        <v>231007</v>
      </c>
      <c r="H69268" s="1" t="s">
        <v>231008</v>
      </c>
      <c r="I69268" s="1" t="s">
        <v>222698</v>
      </c>
      <c r="J69268" s="1" t="s">
        <v>231127</v>
      </c>
    </row>
    <row r="69269" spans="1:10" x14ac:dyDescent="0.35">
      <c r="A69269" s="1" t="s">
        <v>231128</v>
      </c>
      <c r="B69269" s="1" t="s">
        <v>222693</v>
      </c>
      <c r="C69269" s="1" t="s">
        <v>8</v>
      </c>
      <c r="D69269" s="1" t="s">
        <v>231129</v>
      </c>
      <c r="E69269" s="1" t="s">
        <v>231130</v>
      </c>
      <c r="F69269" s="1" t="s">
        <v>231131</v>
      </c>
      <c r="G69269" s="1" t="s">
        <v>231132</v>
      </c>
      <c r="H69269" s="1" t="s">
        <v>231133</v>
      </c>
      <c r="I69269" s="1" t="s">
        <v>222698</v>
      </c>
      <c r="J69269" s="1" t="s">
        <v>13</v>
      </c>
    </row>
    <row r="69270" spans="1:10" x14ac:dyDescent="0.35">
      <c r="A69270" s="1" t="s">
        <v>231128</v>
      </c>
      <c r="B69270" s="1" t="s">
        <v>222693</v>
      </c>
      <c r="C69270" s="1" t="s">
        <v>15</v>
      </c>
      <c r="D69270" s="1" t="s">
        <v>67141</v>
      </c>
      <c r="E69270" s="1" t="s">
        <v>231134</v>
      </c>
      <c r="F69270" s="1" t="s">
        <v>231135</v>
      </c>
      <c r="G69270" s="1" t="s">
        <v>231132</v>
      </c>
      <c r="H69270" s="1" t="s">
        <v>231133</v>
      </c>
      <c r="I69270" s="1" t="s">
        <v>222698</v>
      </c>
      <c r="J69270" s="1" t="s">
        <v>231136</v>
      </c>
    </row>
    <row r="69271" spans="1:10" x14ac:dyDescent="0.35">
      <c r="A69271" s="1" t="s">
        <v>231128</v>
      </c>
      <c r="B69271" s="1" t="s">
        <v>222693</v>
      </c>
      <c r="C69271" s="1" t="s">
        <v>20</v>
      </c>
      <c r="D69271" s="1" t="s">
        <v>231137</v>
      </c>
      <c r="E69271" s="1" t="s">
        <v>231138</v>
      </c>
      <c r="F69271" s="1" t="s">
        <v>231139</v>
      </c>
      <c r="G69271" s="1" t="s">
        <v>231132</v>
      </c>
      <c r="H69271" s="1" t="s">
        <v>231133</v>
      </c>
      <c r="I69271" s="1" t="s">
        <v>222698</v>
      </c>
      <c r="J69271" s="1" t="s">
        <v>231140</v>
      </c>
    </row>
    <row r="69272" spans="1:10" x14ac:dyDescent="0.35">
      <c r="A69272" s="1" t="s">
        <v>231128</v>
      </c>
      <c r="B69272" s="1" t="s">
        <v>222693</v>
      </c>
      <c r="C69272" s="1" t="s">
        <v>25</v>
      </c>
      <c r="D69272" s="1" t="s">
        <v>231141</v>
      </c>
      <c r="E69272" s="1" t="s">
        <v>231142</v>
      </c>
      <c r="F69272" s="1" t="s">
        <v>231143</v>
      </c>
      <c r="G69272" s="1" t="s">
        <v>231132</v>
      </c>
      <c r="H69272" s="1" t="s">
        <v>231133</v>
      </c>
      <c r="I69272" s="1" t="s">
        <v>222698</v>
      </c>
      <c r="J69272" s="1" t="s">
        <v>231144</v>
      </c>
    </row>
    <row r="69273" spans="1:10" x14ac:dyDescent="0.35">
      <c r="A69273" s="1" t="s">
        <v>231128</v>
      </c>
      <c r="B69273" s="1" t="s">
        <v>222693</v>
      </c>
      <c r="C69273" s="1" t="s">
        <v>30</v>
      </c>
      <c r="D69273" s="1" t="s">
        <v>231145</v>
      </c>
      <c r="E69273" s="1" t="s">
        <v>231146</v>
      </c>
      <c r="F69273" s="1" t="s">
        <v>231147</v>
      </c>
      <c r="G69273" s="1" t="s">
        <v>231132</v>
      </c>
      <c r="H69273" s="1" t="s">
        <v>231133</v>
      </c>
      <c r="I69273" s="1" t="s">
        <v>222698</v>
      </c>
      <c r="J69273" s="1" t="s">
        <v>231148</v>
      </c>
    </row>
    <row r="69274" spans="1:10" x14ac:dyDescent="0.35">
      <c r="A69274" s="1" t="s">
        <v>231128</v>
      </c>
      <c r="B69274" s="1" t="s">
        <v>222693</v>
      </c>
      <c r="C69274" s="1" t="s">
        <v>35</v>
      </c>
      <c r="D69274" s="1" t="s">
        <v>70425</v>
      </c>
      <c r="E69274" s="1" t="s">
        <v>231149</v>
      </c>
      <c r="F69274" s="1" t="s">
        <v>231150</v>
      </c>
      <c r="G69274" s="1" t="s">
        <v>231132</v>
      </c>
      <c r="H69274" s="1" t="s">
        <v>231133</v>
      </c>
      <c r="I69274" s="1" t="s">
        <v>222698</v>
      </c>
      <c r="J69274" s="1" t="s">
        <v>231151</v>
      </c>
    </row>
    <row r="69275" spans="1:10" x14ac:dyDescent="0.35">
      <c r="A69275" s="1" t="s">
        <v>231128</v>
      </c>
      <c r="B69275" s="1" t="s">
        <v>222693</v>
      </c>
      <c r="C69275" s="1" t="s">
        <v>40</v>
      </c>
      <c r="D69275" s="1" t="s">
        <v>231152</v>
      </c>
      <c r="E69275" s="1" t="s">
        <v>231153</v>
      </c>
      <c r="F69275" s="1" t="s">
        <v>231154</v>
      </c>
      <c r="G69275" s="1" t="s">
        <v>231132</v>
      </c>
      <c r="H69275" s="1" t="s">
        <v>231133</v>
      </c>
      <c r="I69275" s="1" t="s">
        <v>222698</v>
      </c>
      <c r="J69275" s="1" t="s">
        <v>231155</v>
      </c>
    </row>
    <row r="69276" spans="1:10" x14ac:dyDescent="0.35">
      <c r="A69276" s="1" t="s">
        <v>231128</v>
      </c>
      <c r="B69276" s="1" t="s">
        <v>222693</v>
      </c>
      <c r="C69276" s="1" t="s">
        <v>45</v>
      </c>
      <c r="D69276" s="1" t="s">
        <v>64171</v>
      </c>
      <c r="E69276" s="1" t="s">
        <v>231156</v>
      </c>
      <c r="F69276" s="1" t="s">
        <v>231157</v>
      </c>
      <c r="G69276" s="1" t="s">
        <v>231132</v>
      </c>
      <c r="H69276" s="1" t="s">
        <v>231133</v>
      </c>
      <c r="I69276" s="1" t="s">
        <v>222698</v>
      </c>
      <c r="J69276" s="1" t="s">
        <v>231158</v>
      </c>
    </row>
    <row r="69277" spans="1:10" x14ac:dyDescent="0.35">
      <c r="A69277" s="1" t="s">
        <v>231128</v>
      </c>
      <c r="B69277" s="1" t="s">
        <v>222693</v>
      </c>
      <c r="C69277" s="1" t="s">
        <v>50</v>
      </c>
      <c r="D69277" s="1" t="s">
        <v>231159</v>
      </c>
      <c r="E69277" s="1" t="s">
        <v>231160</v>
      </c>
      <c r="F69277" s="1" t="s">
        <v>231161</v>
      </c>
      <c r="G69277" s="1" t="s">
        <v>231132</v>
      </c>
      <c r="H69277" s="1" t="s">
        <v>231133</v>
      </c>
      <c r="I69277" s="1" t="s">
        <v>222698</v>
      </c>
      <c r="J69277" s="1" t="s">
        <v>231162</v>
      </c>
    </row>
    <row r="69278" spans="1:10" x14ac:dyDescent="0.35">
      <c r="A69278" s="1" t="s">
        <v>231128</v>
      </c>
      <c r="B69278" s="1" t="s">
        <v>222693</v>
      </c>
      <c r="C69278" s="1" t="s">
        <v>55</v>
      </c>
      <c r="D69278" s="1" t="s">
        <v>231163</v>
      </c>
      <c r="E69278" s="1" t="s">
        <v>231164</v>
      </c>
      <c r="F69278" s="1" t="s">
        <v>231165</v>
      </c>
      <c r="G69278" s="1" t="s">
        <v>231132</v>
      </c>
      <c r="H69278" s="1" t="s">
        <v>231133</v>
      </c>
      <c r="I69278" s="1" t="s">
        <v>222698</v>
      </c>
      <c r="J69278" s="1" t="s">
        <v>231166</v>
      </c>
    </row>
    <row r="69279" spans="1:10" x14ac:dyDescent="0.35">
      <c r="A69279" s="1" t="s">
        <v>231128</v>
      </c>
      <c r="B69279" s="1" t="s">
        <v>222693</v>
      </c>
      <c r="C69279" s="1" t="s">
        <v>60</v>
      </c>
      <c r="D69279" s="1" t="s">
        <v>231167</v>
      </c>
      <c r="E69279" s="1" t="s">
        <v>231168</v>
      </c>
      <c r="F69279" s="1" t="s">
        <v>231169</v>
      </c>
      <c r="G69279" s="1" t="s">
        <v>231132</v>
      </c>
      <c r="H69279" s="1" t="s">
        <v>231133</v>
      </c>
      <c r="I69279" s="1" t="s">
        <v>222698</v>
      </c>
      <c r="J69279" s="1" t="s">
        <v>231170</v>
      </c>
    </row>
    <row r="69280" spans="1:10" x14ac:dyDescent="0.35">
      <c r="A69280" s="1" t="s">
        <v>231128</v>
      </c>
      <c r="B69280" s="1" t="s">
        <v>222693</v>
      </c>
      <c r="C69280" s="1" t="s">
        <v>65</v>
      </c>
      <c r="D69280" s="1" t="s">
        <v>231171</v>
      </c>
      <c r="E69280" s="1" t="s">
        <v>231172</v>
      </c>
      <c r="F69280" s="1" t="s">
        <v>231173</v>
      </c>
      <c r="G69280" s="1" t="s">
        <v>231132</v>
      </c>
      <c r="H69280" s="1" t="s">
        <v>231133</v>
      </c>
      <c r="I69280" s="1" t="s">
        <v>222698</v>
      </c>
      <c r="J69280" s="1" t="s">
        <v>231174</v>
      </c>
    </row>
    <row r="69281" spans="1:10" x14ac:dyDescent="0.35">
      <c r="A69281" s="1" t="s">
        <v>231128</v>
      </c>
      <c r="B69281" s="1" t="s">
        <v>222693</v>
      </c>
      <c r="C69281" s="1" t="s">
        <v>70</v>
      </c>
      <c r="D69281" s="1" t="s">
        <v>231175</v>
      </c>
      <c r="E69281" s="1" t="s">
        <v>231176</v>
      </c>
      <c r="F69281" s="1" t="s">
        <v>231177</v>
      </c>
      <c r="G69281" s="1" t="s">
        <v>231132</v>
      </c>
      <c r="H69281" s="1" t="s">
        <v>231133</v>
      </c>
      <c r="I69281" s="1" t="s">
        <v>222698</v>
      </c>
      <c r="J69281" s="1" t="s">
        <v>231178</v>
      </c>
    </row>
    <row r="69282" spans="1:10" x14ac:dyDescent="0.35">
      <c r="A69282" s="1" t="s">
        <v>231128</v>
      </c>
      <c r="B69282" s="1" t="s">
        <v>222693</v>
      </c>
      <c r="C69282" s="1" t="s">
        <v>75</v>
      </c>
      <c r="D69282" s="1" t="s">
        <v>231179</v>
      </c>
      <c r="E69282" s="1" t="s">
        <v>231180</v>
      </c>
      <c r="F69282" s="1" t="s">
        <v>231181</v>
      </c>
      <c r="G69282" s="1" t="s">
        <v>231132</v>
      </c>
      <c r="H69282" s="1" t="s">
        <v>231133</v>
      </c>
      <c r="I69282" s="1" t="s">
        <v>222698</v>
      </c>
      <c r="J69282" s="1" t="s">
        <v>231182</v>
      </c>
    </row>
    <row r="69283" spans="1:10" x14ac:dyDescent="0.35">
      <c r="A69283" s="1" t="s">
        <v>231128</v>
      </c>
      <c r="B69283" s="1" t="s">
        <v>222693</v>
      </c>
      <c r="C69283" s="1" t="s">
        <v>80</v>
      </c>
      <c r="D69283" s="1" t="s">
        <v>231183</v>
      </c>
      <c r="E69283" s="1" t="s">
        <v>231184</v>
      </c>
      <c r="F69283" s="1" t="s">
        <v>231185</v>
      </c>
      <c r="G69283" s="1" t="s">
        <v>231132</v>
      </c>
      <c r="H69283" s="1" t="s">
        <v>231133</v>
      </c>
      <c r="I69283" s="1" t="s">
        <v>222698</v>
      </c>
      <c r="J69283" s="1" t="s">
        <v>231186</v>
      </c>
    </row>
    <row r="69284" spans="1:10" x14ac:dyDescent="0.35">
      <c r="A69284" s="1" t="s">
        <v>231128</v>
      </c>
      <c r="B69284" s="1" t="s">
        <v>222693</v>
      </c>
      <c r="C69284" s="1" t="s">
        <v>85</v>
      </c>
      <c r="D69284" s="1" t="s">
        <v>231187</v>
      </c>
      <c r="E69284" s="1" t="s">
        <v>231188</v>
      </c>
      <c r="F69284" s="1" t="s">
        <v>231189</v>
      </c>
      <c r="G69284" s="1" t="s">
        <v>231132</v>
      </c>
      <c r="H69284" s="1" t="s">
        <v>231133</v>
      </c>
      <c r="I69284" s="1" t="s">
        <v>222698</v>
      </c>
      <c r="J69284" s="1" t="s">
        <v>231190</v>
      </c>
    </row>
    <row r="69285" spans="1:10" x14ac:dyDescent="0.35">
      <c r="A69285" s="1" t="s">
        <v>231128</v>
      </c>
      <c r="B69285" s="1" t="s">
        <v>222693</v>
      </c>
      <c r="C69285" s="1" t="s">
        <v>90</v>
      </c>
      <c r="D69285" s="1" t="s">
        <v>231191</v>
      </c>
      <c r="E69285" s="1" t="s">
        <v>231192</v>
      </c>
      <c r="F69285" s="1" t="s">
        <v>231193</v>
      </c>
      <c r="G69285" s="1" t="s">
        <v>231132</v>
      </c>
      <c r="H69285" s="1" t="s">
        <v>231133</v>
      </c>
      <c r="I69285" s="1" t="s">
        <v>222698</v>
      </c>
      <c r="J69285" s="1" t="s">
        <v>231194</v>
      </c>
    </row>
    <row r="69286" spans="1:10" x14ac:dyDescent="0.35">
      <c r="A69286" s="1" t="s">
        <v>231128</v>
      </c>
      <c r="B69286" s="1" t="s">
        <v>222693</v>
      </c>
      <c r="C69286" s="1" t="s">
        <v>95</v>
      </c>
      <c r="D69286" s="1" t="s">
        <v>231195</v>
      </c>
      <c r="E69286" s="1" t="s">
        <v>231196</v>
      </c>
      <c r="F69286" s="1" t="s">
        <v>231197</v>
      </c>
      <c r="G69286" s="1" t="s">
        <v>231132</v>
      </c>
      <c r="H69286" s="1" t="s">
        <v>231133</v>
      </c>
      <c r="I69286" s="1" t="s">
        <v>222698</v>
      </c>
      <c r="J69286" s="1" t="s">
        <v>231198</v>
      </c>
    </row>
    <row r="69287" spans="1:10" x14ac:dyDescent="0.35">
      <c r="A69287" s="1" t="s">
        <v>231128</v>
      </c>
      <c r="B69287" s="1" t="s">
        <v>222693</v>
      </c>
      <c r="C69287" s="1" t="s">
        <v>100</v>
      </c>
      <c r="D69287" s="1" t="s">
        <v>231199</v>
      </c>
      <c r="E69287" s="1" t="s">
        <v>231200</v>
      </c>
      <c r="F69287" s="1" t="s">
        <v>231201</v>
      </c>
      <c r="G69287" s="1" t="s">
        <v>231132</v>
      </c>
      <c r="H69287" s="1" t="s">
        <v>231133</v>
      </c>
      <c r="I69287" s="1" t="s">
        <v>222698</v>
      </c>
      <c r="J69287" s="1" t="s">
        <v>231202</v>
      </c>
    </row>
    <row r="69288" spans="1:10" x14ac:dyDescent="0.35">
      <c r="A69288" s="1" t="s">
        <v>231128</v>
      </c>
      <c r="B69288" s="1" t="s">
        <v>222693</v>
      </c>
      <c r="C69288" s="1" t="s">
        <v>105</v>
      </c>
      <c r="D69288" s="1" t="s">
        <v>231203</v>
      </c>
      <c r="E69288" s="1" t="s">
        <v>231204</v>
      </c>
      <c r="F69288" s="1" t="s">
        <v>231205</v>
      </c>
      <c r="G69288" s="1" t="s">
        <v>231132</v>
      </c>
      <c r="H69288" s="1" t="s">
        <v>231133</v>
      </c>
      <c r="I69288" s="1" t="s">
        <v>222698</v>
      </c>
      <c r="J69288" s="1" t="s">
        <v>231206</v>
      </c>
    </row>
    <row r="69289" spans="1:10" x14ac:dyDescent="0.35">
      <c r="A69289" s="1" t="s">
        <v>231128</v>
      </c>
      <c r="B69289" s="1" t="s">
        <v>222693</v>
      </c>
      <c r="C69289" s="1" t="s">
        <v>110</v>
      </c>
      <c r="D69289" s="1" t="s">
        <v>231207</v>
      </c>
      <c r="E69289" s="1" t="s">
        <v>231208</v>
      </c>
      <c r="F69289" s="1" t="s">
        <v>231209</v>
      </c>
      <c r="G69289" s="1" t="s">
        <v>231132</v>
      </c>
      <c r="H69289" s="1" t="s">
        <v>231133</v>
      </c>
      <c r="I69289" s="1" t="s">
        <v>222698</v>
      </c>
      <c r="J69289" s="1" t="s">
        <v>231210</v>
      </c>
    </row>
    <row r="69290" spans="1:10" x14ac:dyDescent="0.35">
      <c r="A69290" s="1" t="s">
        <v>231128</v>
      </c>
      <c r="B69290" s="1" t="s">
        <v>222693</v>
      </c>
      <c r="C69290" s="1" t="s">
        <v>115</v>
      </c>
      <c r="D69290" s="1" t="s">
        <v>231211</v>
      </c>
      <c r="E69290" s="1" t="s">
        <v>231212</v>
      </c>
      <c r="F69290" s="1" t="s">
        <v>231213</v>
      </c>
      <c r="G69290" s="1" t="s">
        <v>231132</v>
      </c>
      <c r="H69290" s="1" t="s">
        <v>231133</v>
      </c>
      <c r="I69290" s="1" t="s">
        <v>222698</v>
      </c>
      <c r="J69290" s="1" t="s">
        <v>231214</v>
      </c>
    </row>
    <row r="69291" spans="1:10" x14ac:dyDescent="0.35">
      <c r="A69291" s="1" t="s">
        <v>231128</v>
      </c>
      <c r="B69291" s="1" t="s">
        <v>222693</v>
      </c>
      <c r="C69291" s="1" t="s">
        <v>120</v>
      </c>
      <c r="D69291" s="1" t="s">
        <v>231215</v>
      </c>
      <c r="E69291" s="1" t="s">
        <v>231216</v>
      </c>
      <c r="F69291" s="1" t="s">
        <v>231217</v>
      </c>
      <c r="G69291" s="1" t="s">
        <v>231132</v>
      </c>
      <c r="H69291" s="1" t="s">
        <v>231133</v>
      </c>
      <c r="I69291" s="1" t="s">
        <v>222698</v>
      </c>
      <c r="J69291" s="1" t="s">
        <v>231218</v>
      </c>
    </row>
    <row r="69292" spans="1:10" x14ac:dyDescent="0.35">
      <c r="A69292" s="1" t="s">
        <v>231128</v>
      </c>
      <c r="B69292" s="1" t="s">
        <v>222693</v>
      </c>
      <c r="C69292" s="1" t="s">
        <v>125</v>
      </c>
      <c r="D69292" s="1" t="s">
        <v>231219</v>
      </c>
      <c r="E69292" s="1" t="s">
        <v>231220</v>
      </c>
      <c r="F69292" s="1" t="s">
        <v>231221</v>
      </c>
      <c r="G69292" s="1" t="s">
        <v>231132</v>
      </c>
      <c r="H69292" s="1" t="s">
        <v>231133</v>
      </c>
      <c r="I69292" s="1" t="s">
        <v>222698</v>
      </c>
      <c r="J69292" s="1" t="s">
        <v>231222</v>
      </c>
    </row>
    <row r="69293" spans="1:10" x14ac:dyDescent="0.35">
      <c r="A69293" s="1" t="s">
        <v>231128</v>
      </c>
      <c r="B69293" s="1" t="s">
        <v>222693</v>
      </c>
      <c r="C69293" s="1" t="s">
        <v>130</v>
      </c>
      <c r="D69293" s="1" t="s">
        <v>231223</v>
      </c>
      <c r="E69293" s="1" t="s">
        <v>231224</v>
      </c>
      <c r="F69293" s="1" t="s">
        <v>231225</v>
      </c>
      <c r="G69293" s="1" t="s">
        <v>231132</v>
      </c>
      <c r="H69293" s="1" t="s">
        <v>231133</v>
      </c>
      <c r="I69293" s="1" t="s">
        <v>222698</v>
      </c>
      <c r="J69293" s="1" t="s">
        <v>231226</v>
      </c>
    </row>
    <row r="69294" spans="1:10" x14ac:dyDescent="0.35">
      <c r="A69294" s="1" t="s">
        <v>231128</v>
      </c>
      <c r="B69294" s="1" t="s">
        <v>222693</v>
      </c>
      <c r="C69294" s="1" t="s">
        <v>135</v>
      </c>
      <c r="D69294" s="1" t="s">
        <v>231227</v>
      </c>
      <c r="E69294" s="1" t="s">
        <v>231228</v>
      </c>
      <c r="F69294" s="1" t="s">
        <v>231229</v>
      </c>
      <c r="G69294" s="1" t="s">
        <v>231132</v>
      </c>
      <c r="H69294" s="1" t="s">
        <v>231133</v>
      </c>
      <c r="I69294" s="1" t="s">
        <v>222698</v>
      </c>
      <c r="J69294" s="1" t="s">
        <v>231230</v>
      </c>
    </row>
    <row r="69295" spans="1:10" x14ac:dyDescent="0.35">
      <c r="A69295" s="1" t="s">
        <v>231128</v>
      </c>
      <c r="B69295" s="1" t="s">
        <v>222693</v>
      </c>
      <c r="C69295" s="1" t="s">
        <v>140</v>
      </c>
      <c r="D69295" s="1" t="s">
        <v>231231</v>
      </c>
      <c r="E69295" s="1" t="s">
        <v>231232</v>
      </c>
      <c r="F69295" s="1" t="s">
        <v>231233</v>
      </c>
      <c r="G69295" s="1" t="s">
        <v>231132</v>
      </c>
      <c r="H69295" s="1" t="s">
        <v>231133</v>
      </c>
      <c r="I69295" s="1" t="s">
        <v>222698</v>
      </c>
      <c r="J69295" s="1" t="s">
        <v>231234</v>
      </c>
    </row>
    <row r="69296" spans="1:10" x14ac:dyDescent="0.35">
      <c r="A69296" s="1" t="s">
        <v>231128</v>
      </c>
      <c r="B69296" s="1" t="s">
        <v>222693</v>
      </c>
      <c r="C69296" s="1" t="s">
        <v>145</v>
      </c>
      <c r="D69296" s="1" t="s">
        <v>231235</v>
      </c>
      <c r="E69296" s="1" t="s">
        <v>231236</v>
      </c>
      <c r="F69296" s="1" t="s">
        <v>231237</v>
      </c>
      <c r="G69296" s="1" t="s">
        <v>231132</v>
      </c>
      <c r="H69296" s="1" t="s">
        <v>231133</v>
      </c>
      <c r="I69296" s="1" t="s">
        <v>222698</v>
      </c>
      <c r="J69296" s="1" t="s">
        <v>231238</v>
      </c>
    </row>
    <row r="69297" spans="1:10" x14ac:dyDescent="0.35">
      <c r="A69297" s="1" t="s">
        <v>231128</v>
      </c>
      <c r="B69297" s="1" t="s">
        <v>222693</v>
      </c>
      <c r="C69297" s="1" t="s">
        <v>150</v>
      </c>
      <c r="D69297" s="1" t="s">
        <v>231239</v>
      </c>
      <c r="E69297" s="1" t="s">
        <v>231240</v>
      </c>
      <c r="F69297" s="1" t="s">
        <v>231241</v>
      </c>
      <c r="G69297" s="1" t="s">
        <v>231132</v>
      </c>
      <c r="H69297" s="1" t="s">
        <v>231133</v>
      </c>
      <c r="I69297" s="1" t="s">
        <v>222698</v>
      </c>
      <c r="J69297" s="1" t="s">
        <v>231242</v>
      </c>
    </row>
    <row r="69298" spans="1:10" x14ac:dyDescent="0.35">
      <c r="A69298" s="1" t="s">
        <v>231128</v>
      </c>
      <c r="B69298" s="1" t="s">
        <v>222693</v>
      </c>
      <c r="C69298" s="1" t="s">
        <v>155</v>
      </c>
      <c r="D69298" s="1" t="s">
        <v>231243</v>
      </c>
      <c r="E69298" s="1" t="s">
        <v>231244</v>
      </c>
      <c r="F69298" s="1" t="s">
        <v>231245</v>
      </c>
      <c r="G69298" s="1" t="s">
        <v>231132</v>
      </c>
      <c r="H69298" s="1" t="s">
        <v>231133</v>
      </c>
      <c r="I69298" s="1" t="s">
        <v>222698</v>
      </c>
      <c r="J69298" s="1" t="s">
        <v>231246</v>
      </c>
    </row>
    <row r="69299" spans="1:10" x14ac:dyDescent="0.35">
      <c r="A69299" s="1" t="s">
        <v>231128</v>
      </c>
      <c r="B69299" s="1" t="s">
        <v>222693</v>
      </c>
      <c r="C69299" s="1" t="s">
        <v>160</v>
      </c>
      <c r="D69299" s="1" t="s">
        <v>231247</v>
      </c>
      <c r="E69299" s="1" t="s">
        <v>231248</v>
      </c>
      <c r="F69299" s="1" t="s">
        <v>231249</v>
      </c>
      <c r="G69299" s="1" t="s">
        <v>231132</v>
      </c>
      <c r="H69299" s="1" t="s">
        <v>231133</v>
      </c>
      <c r="I69299" s="1" t="s">
        <v>222698</v>
      </c>
      <c r="J69299" s="1" t="s">
        <v>231250</v>
      </c>
    </row>
    <row r="69300" spans="1:10" x14ac:dyDescent="0.35">
      <c r="A69300" s="1" t="s">
        <v>231128</v>
      </c>
      <c r="B69300" s="1" t="s">
        <v>222693</v>
      </c>
      <c r="C69300" s="1" t="s">
        <v>165</v>
      </c>
      <c r="D69300" s="1" t="s">
        <v>231251</v>
      </c>
      <c r="E69300" s="1" t="s">
        <v>231252</v>
      </c>
      <c r="F69300" s="1" t="s">
        <v>231253</v>
      </c>
      <c r="G69300" s="1" t="s">
        <v>231132</v>
      </c>
      <c r="H69300" s="1" t="s">
        <v>231133</v>
      </c>
      <c r="I69300" s="1" t="s">
        <v>222698</v>
      </c>
      <c r="J69300" s="1" t="s">
        <v>231254</v>
      </c>
    </row>
    <row r="69301" spans="1:10" x14ac:dyDescent="0.35">
      <c r="A69301" s="1" t="s">
        <v>231128</v>
      </c>
      <c r="B69301" s="1" t="s">
        <v>222693</v>
      </c>
      <c r="C69301" s="1" t="s">
        <v>170</v>
      </c>
      <c r="D69301" s="1" t="s">
        <v>231255</v>
      </c>
      <c r="E69301" s="1" t="s">
        <v>231256</v>
      </c>
      <c r="F69301" s="1" t="s">
        <v>231257</v>
      </c>
      <c r="G69301" s="1" t="s">
        <v>231132</v>
      </c>
      <c r="H69301" s="1" t="s">
        <v>231133</v>
      </c>
      <c r="I69301" s="1" t="s">
        <v>222698</v>
      </c>
      <c r="J69301" s="1" t="s">
        <v>231258</v>
      </c>
    </row>
    <row r="69302" spans="1:10" x14ac:dyDescent="0.35">
      <c r="A69302" s="1" t="s">
        <v>8695</v>
      </c>
      <c r="B69302" s="1" t="s">
        <v>222693</v>
      </c>
      <c r="C69302" s="1" t="s">
        <v>8</v>
      </c>
      <c r="D69302" s="1" t="s">
        <v>138073</v>
      </c>
      <c r="E69302" s="1" t="s">
        <v>231259</v>
      </c>
      <c r="F69302" s="1" t="s">
        <v>231260</v>
      </c>
      <c r="G69302" s="1" t="s">
        <v>231261</v>
      </c>
      <c r="H69302" s="1" t="s">
        <v>231262</v>
      </c>
      <c r="I69302" s="1" t="s">
        <v>222698</v>
      </c>
      <c r="J69302" s="1" t="s">
        <v>13</v>
      </c>
    </row>
    <row r="69303" spans="1:10" x14ac:dyDescent="0.35">
      <c r="A69303" s="1" t="s">
        <v>8695</v>
      </c>
      <c r="B69303" s="1" t="s">
        <v>222693</v>
      </c>
      <c r="C69303" s="1" t="s">
        <v>15</v>
      </c>
      <c r="D69303" s="1" t="s">
        <v>231263</v>
      </c>
      <c r="E69303" s="1" t="s">
        <v>231264</v>
      </c>
      <c r="F69303" s="1" t="s">
        <v>6553</v>
      </c>
      <c r="G69303" s="1" t="s">
        <v>231261</v>
      </c>
      <c r="H69303" s="1" t="s">
        <v>231262</v>
      </c>
      <c r="I69303" s="1" t="s">
        <v>222698</v>
      </c>
      <c r="J69303" s="1" t="s">
        <v>231265</v>
      </c>
    </row>
    <row r="69304" spans="1:10" x14ac:dyDescent="0.35">
      <c r="A69304" s="1" t="s">
        <v>8695</v>
      </c>
      <c r="B69304" s="1" t="s">
        <v>222693</v>
      </c>
      <c r="C69304" s="1" t="s">
        <v>20</v>
      </c>
      <c r="D69304" s="1" t="s">
        <v>231266</v>
      </c>
      <c r="E69304" s="1" t="s">
        <v>231267</v>
      </c>
      <c r="F69304" s="1" t="s">
        <v>231268</v>
      </c>
      <c r="G69304" s="1" t="s">
        <v>231261</v>
      </c>
      <c r="H69304" s="1" t="s">
        <v>231262</v>
      </c>
      <c r="I69304" s="1" t="s">
        <v>222698</v>
      </c>
      <c r="J69304" s="1" t="s">
        <v>231269</v>
      </c>
    </row>
    <row r="69305" spans="1:10" x14ac:dyDescent="0.35">
      <c r="A69305" s="1" t="s">
        <v>8695</v>
      </c>
      <c r="B69305" s="1" t="s">
        <v>222693</v>
      </c>
      <c r="C69305" s="1" t="s">
        <v>25</v>
      </c>
      <c r="D69305" s="1" t="s">
        <v>231270</v>
      </c>
      <c r="E69305" s="1" t="s">
        <v>231271</v>
      </c>
      <c r="F69305" s="1" t="s">
        <v>231272</v>
      </c>
      <c r="G69305" s="1" t="s">
        <v>231261</v>
      </c>
      <c r="H69305" s="1" t="s">
        <v>231262</v>
      </c>
      <c r="I69305" s="1" t="s">
        <v>222698</v>
      </c>
      <c r="J69305" s="1" t="s">
        <v>231273</v>
      </c>
    </row>
    <row r="69306" spans="1:10" x14ac:dyDescent="0.35">
      <c r="A69306" s="1" t="s">
        <v>8695</v>
      </c>
      <c r="B69306" s="1" t="s">
        <v>222693</v>
      </c>
      <c r="C69306" s="1" t="s">
        <v>30</v>
      </c>
      <c r="D69306" s="1" t="s">
        <v>60093</v>
      </c>
      <c r="E69306" s="1" t="s">
        <v>231274</v>
      </c>
      <c r="F69306" s="1" t="s">
        <v>231275</v>
      </c>
      <c r="G69306" s="1" t="s">
        <v>231261</v>
      </c>
      <c r="H69306" s="1" t="s">
        <v>231262</v>
      </c>
      <c r="I69306" s="1" t="s">
        <v>222698</v>
      </c>
      <c r="J69306" s="1" t="s">
        <v>231276</v>
      </c>
    </row>
    <row r="69307" spans="1:10" x14ac:dyDescent="0.35">
      <c r="A69307" s="1" t="s">
        <v>8695</v>
      </c>
      <c r="B69307" s="1" t="s">
        <v>222693</v>
      </c>
      <c r="C69307" s="1" t="s">
        <v>35</v>
      </c>
      <c r="D69307" s="1" t="s">
        <v>136181</v>
      </c>
      <c r="E69307" s="1" t="s">
        <v>231277</v>
      </c>
      <c r="F69307" s="1" t="s">
        <v>231278</v>
      </c>
      <c r="G69307" s="1" t="s">
        <v>231261</v>
      </c>
      <c r="H69307" s="1" t="s">
        <v>231262</v>
      </c>
      <c r="I69307" s="1" t="s">
        <v>222698</v>
      </c>
      <c r="J69307" s="1" t="s">
        <v>231279</v>
      </c>
    </row>
    <row r="69308" spans="1:10" x14ac:dyDescent="0.35">
      <c r="A69308" s="1" t="s">
        <v>8695</v>
      </c>
      <c r="B69308" s="1" t="s">
        <v>222693</v>
      </c>
      <c r="C69308" s="1" t="s">
        <v>40</v>
      </c>
      <c r="D69308" s="1" t="s">
        <v>53791</v>
      </c>
      <c r="E69308" s="1" t="s">
        <v>231280</v>
      </c>
      <c r="F69308" s="1" t="s">
        <v>231281</v>
      </c>
      <c r="G69308" s="1" t="s">
        <v>231261</v>
      </c>
      <c r="H69308" s="1" t="s">
        <v>231262</v>
      </c>
      <c r="I69308" s="1" t="s">
        <v>222698</v>
      </c>
      <c r="J69308" s="1" t="s">
        <v>231282</v>
      </c>
    </row>
    <row r="69309" spans="1:10" x14ac:dyDescent="0.35">
      <c r="A69309" s="1" t="s">
        <v>8695</v>
      </c>
      <c r="B69309" s="1" t="s">
        <v>222693</v>
      </c>
      <c r="C69309" s="1" t="s">
        <v>45</v>
      </c>
      <c r="D69309" s="1" t="s">
        <v>231283</v>
      </c>
      <c r="E69309" s="1" t="s">
        <v>231284</v>
      </c>
      <c r="F69309" s="1" t="s">
        <v>231285</v>
      </c>
      <c r="G69309" s="1" t="s">
        <v>231261</v>
      </c>
      <c r="H69309" s="1" t="s">
        <v>231262</v>
      </c>
      <c r="I69309" s="1" t="s">
        <v>222698</v>
      </c>
      <c r="J69309" s="1" t="s">
        <v>231286</v>
      </c>
    </row>
    <row r="69310" spans="1:10" x14ac:dyDescent="0.35">
      <c r="A69310" s="1" t="s">
        <v>8695</v>
      </c>
      <c r="B69310" s="1" t="s">
        <v>222693</v>
      </c>
      <c r="C69310" s="1" t="s">
        <v>50</v>
      </c>
      <c r="D69310" s="1" t="s">
        <v>55201</v>
      </c>
      <c r="E69310" s="1" t="s">
        <v>231287</v>
      </c>
      <c r="F69310" s="1" t="s">
        <v>231288</v>
      </c>
      <c r="G69310" s="1" t="s">
        <v>231261</v>
      </c>
      <c r="H69310" s="1" t="s">
        <v>231262</v>
      </c>
      <c r="I69310" s="1" t="s">
        <v>222698</v>
      </c>
      <c r="J69310" s="1" t="s">
        <v>231289</v>
      </c>
    </row>
    <row r="69311" spans="1:10" x14ac:dyDescent="0.35">
      <c r="A69311" s="1" t="s">
        <v>8695</v>
      </c>
      <c r="B69311" s="1" t="s">
        <v>222693</v>
      </c>
      <c r="C69311" s="1" t="s">
        <v>55</v>
      </c>
      <c r="D69311" s="1" t="s">
        <v>66566</v>
      </c>
      <c r="E69311" s="1" t="s">
        <v>231290</v>
      </c>
      <c r="F69311" s="1" t="s">
        <v>231291</v>
      </c>
      <c r="G69311" s="1" t="s">
        <v>231261</v>
      </c>
      <c r="H69311" s="1" t="s">
        <v>231262</v>
      </c>
      <c r="I69311" s="1" t="s">
        <v>222698</v>
      </c>
      <c r="J69311" s="1" t="s">
        <v>231292</v>
      </c>
    </row>
    <row r="69312" spans="1:10" x14ac:dyDescent="0.35">
      <c r="A69312" s="1" t="s">
        <v>8695</v>
      </c>
      <c r="B69312" s="1" t="s">
        <v>222693</v>
      </c>
      <c r="C69312" s="1" t="s">
        <v>60</v>
      </c>
      <c r="D69312" s="1" t="s">
        <v>68610</v>
      </c>
      <c r="E69312" s="1" t="s">
        <v>231293</v>
      </c>
      <c r="F69312" s="1" t="s">
        <v>231294</v>
      </c>
      <c r="G69312" s="1" t="s">
        <v>231261</v>
      </c>
      <c r="H69312" s="1" t="s">
        <v>231262</v>
      </c>
      <c r="I69312" s="1" t="s">
        <v>222698</v>
      </c>
      <c r="J69312" s="1" t="s">
        <v>231295</v>
      </c>
    </row>
    <row r="69313" spans="1:10" x14ac:dyDescent="0.35">
      <c r="A69313" s="1" t="s">
        <v>8695</v>
      </c>
      <c r="B69313" s="1" t="s">
        <v>222693</v>
      </c>
      <c r="C69313" s="1" t="s">
        <v>65</v>
      </c>
      <c r="D69313" s="1" t="s">
        <v>231296</v>
      </c>
      <c r="E69313" s="1" t="s">
        <v>231297</v>
      </c>
      <c r="F69313" s="1" t="s">
        <v>231298</v>
      </c>
      <c r="G69313" s="1" t="s">
        <v>231261</v>
      </c>
      <c r="H69313" s="1" t="s">
        <v>231262</v>
      </c>
      <c r="I69313" s="1" t="s">
        <v>222698</v>
      </c>
      <c r="J69313" s="1" t="s">
        <v>231299</v>
      </c>
    </row>
    <row r="69314" spans="1:10" x14ac:dyDescent="0.35">
      <c r="A69314" s="1" t="s">
        <v>8695</v>
      </c>
      <c r="B69314" s="1" t="s">
        <v>222693</v>
      </c>
      <c r="C69314" s="1" t="s">
        <v>70</v>
      </c>
      <c r="D69314" s="1" t="s">
        <v>63071</v>
      </c>
      <c r="E69314" s="1" t="s">
        <v>231300</v>
      </c>
      <c r="F69314" s="1" t="s">
        <v>231301</v>
      </c>
      <c r="G69314" s="1" t="s">
        <v>231261</v>
      </c>
      <c r="H69314" s="1" t="s">
        <v>231262</v>
      </c>
      <c r="I69314" s="1" t="s">
        <v>222698</v>
      </c>
      <c r="J69314" s="1" t="s">
        <v>231302</v>
      </c>
    </row>
    <row r="69315" spans="1:10" x14ac:dyDescent="0.35">
      <c r="A69315" s="1" t="s">
        <v>8695</v>
      </c>
      <c r="B69315" s="1" t="s">
        <v>222693</v>
      </c>
      <c r="C69315" s="1" t="s">
        <v>75</v>
      </c>
      <c r="D69315" s="1" t="s">
        <v>91991</v>
      </c>
      <c r="E69315" s="1" t="s">
        <v>231303</v>
      </c>
      <c r="F69315" s="1" t="s">
        <v>231304</v>
      </c>
      <c r="G69315" s="1" t="s">
        <v>231261</v>
      </c>
      <c r="H69315" s="1" t="s">
        <v>231262</v>
      </c>
      <c r="I69315" s="1" t="s">
        <v>222698</v>
      </c>
      <c r="J69315" s="1" t="s">
        <v>231305</v>
      </c>
    </row>
    <row r="69316" spans="1:10" x14ac:dyDescent="0.35">
      <c r="A69316" s="1" t="s">
        <v>8695</v>
      </c>
      <c r="B69316" s="1" t="s">
        <v>222693</v>
      </c>
      <c r="C69316" s="1" t="s">
        <v>80</v>
      </c>
      <c r="D69316" s="1" t="s">
        <v>36338</v>
      </c>
      <c r="E69316" s="1" t="s">
        <v>231306</v>
      </c>
      <c r="F69316" s="1" t="s">
        <v>231307</v>
      </c>
      <c r="G69316" s="1" t="s">
        <v>231261</v>
      </c>
      <c r="H69316" s="1" t="s">
        <v>231262</v>
      </c>
      <c r="I69316" s="1" t="s">
        <v>222698</v>
      </c>
      <c r="J69316" s="1" t="s">
        <v>231308</v>
      </c>
    </row>
    <row r="69317" spans="1:10" x14ac:dyDescent="0.35">
      <c r="A69317" s="1" t="s">
        <v>8695</v>
      </c>
      <c r="B69317" s="1" t="s">
        <v>222693</v>
      </c>
      <c r="C69317" s="1" t="s">
        <v>85</v>
      </c>
      <c r="D69317" s="1" t="s">
        <v>69681</v>
      </c>
      <c r="E69317" s="1" t="s">
        <v>231309</v>
      </c>
      <c r="F69317" s="1" t="s">
        <v>231310</v>
      </c>
      <c r="G69317" s="1" t="s">
        <v>231261</v>
      </c>
      <c r="H69317" s="1" t="s">
        <v>231262</v>
      </c>
      <c r="I69317" s="1" t="s">
        <v>222698</v>
      </c>
      <c r="J69317" s="1" t="s">
        <v>231311</v>
      </c>
    </row>
    <row r="69318" spans="1:10" x14ac:dyDescent="0.35">
      <c r="A69318" s="1" t="s">
        <v>8695</v>
      </c>
      <c r="B69318" s="1" t="s">
        <v>222693</v>
      </c>
      <c r="C69318" s="1" t="s">
        <v>90</v>
      </c>
      <c r="D69318" s="1" t="s">
        <v>231312</v>
      </c>
      <c r="E69318" s="1" t="s">
        <v>231313</v>
      </c>
      <c r="F69318" s="1" t="s">
        <v>231314</v>
      </c>
      <c r="G69318" s="1" t="s">
        <v>231261</v>
      </c>
      <c r="H69318" s="1" t="s">
        <v>231262</v>
      </c>
      <c r="I69318" s="1" t="s">
        <v>222698</v>
      </c>
      <c r="J69318" s="1" t="s">
        <v>231315</v>
      </c>
    </row>
    <row r="69319" spans="1:10" x14ac:dyDescent="0.35">
      <c r="A69319" s="1" t="s">
        <v>8695</v>
      </c>
      <c r="B69319" s="1" t="s">
        <v>222693</v>
      </c>
      <c r="C69319" s="1" t="s">
        <v>95</v>
      </c>
      <c r="D69319" s="1" t="s">
        <v>27214</v>
      </c>
      <c r="E69319" s="1" t="s">
        <v>231316</v>
      </c>
      <c r="F69319" s="1" t="s">
        <v>231317</v>
      </c>
      <c r="G69319" s="1" t="s">
        <v>231261</v>
      </c>
      <c r="H69319" s="1" t="s">
        <v>231262</v>
      </c>
      <c r="I69319" s="1" t="s">
        <v>222698</v>
      </c>
      <c r="J69319" s="1" t="s">
        <v>231318</v>
      </c>
    </row>
    <row r="69320" spans="1:10" x14ac:dyDescent="0.35">
      <c r="A69320" s="1" t="s">
        <v>8695</v>
      </c>
      <c r="B69320" s="1" t="s">
        <v>222693</v>
      </c>
      <c r="C69320" s="1" t="s">
        <v>100</v>
      </c>
      <c r="D69320" s="1" t="s">
        <v>102870</v>
      </c>
      <c r="E69320" s="1" t="s">
        <v>231319</v>
      </c>
      <c r="F69320" s="1" t="s">
        <v>231320</v>
      </c>
      <c r="G69320" s="1" t="s">
        <v>231261</v>
      </c>
      <c r="H69320" s="1" t="s">
        <v>231262</v>
      </c>
      <c r="I69320" s="1" t="s">
        <v>222698</v>
      </c>
      <c r="J69320" s="1" t="s">
        <v>231321</v>
      </c>
    </row>
    <row r="69321" spans="1:10" x14ac:dyDescent="0.35">
      <c r="A69321" s="1" t="s">
        <v>8695</v>
      </c>
      <c r="B69321" s="1" t="s">
        <v>222693</v>
      </c>
      <c r="C69321" s="1" t="s">
        <v>105</v>
      </c>
      <c r="D69321" s="1" t="s">
        <v>67015</v>
      </c>
      <c r="E69321" s="1" t="s">
        <v>231322</v>
      </c>
      <c r="F69321" s="1" t="s">
        <v>231323</v>
      </c>
      <c r="G69321" s="1" t="s">
        <v>231261</v>
      </c>
      <c r="H69321" s="1" t="s">
        <v>231262</v>
      </c>
      <c r="I69321" s="1" t="s">
        <v>222698</v>
      </c>
      <c r="J69321" s="1" t="s">
        <v>231324</v>
      </c>
    </row>
    <row r="69322" spans="1:10" x14ac:dyDescent="0.35">
      <c r="A69322" s="1" t="s">
        <v>8695</v>
      </c>
      <c r="B69322" s="1" t="s">
        <v>222693</v>
      </c>
      <c r="C69322" s="1" t="s">
        <v>110</v>
      </c>
      <c r="D69322" s="1" t="s">
        <v>70179</v>
      </c>
      <c r="E69322" s="1" t="s">
        <v>231325</v>
      </c>
      <c r="F69322" s="1" t="s">
        <v>231326</v>
      </c>
      <c r="G69322" s="1" t="s">
        <v>231261</v>
      </c>
      <c r="H69322" s="1" t="s">
        <v>231262</v>
      </c>
      <c r="I69322" s="1" t="s">
        <v>222698</v>
      </c>
      <c r="J69322" s="1" t="s">
        <v>231327</v>
      </c>
    </row>
    <row r="69323" spans="1:10" x14ac:dyDescent="0.35">
      <c r="A69323" s="1" t="s">
        <v>8695</v>
      </c>
      <c r="B69323" s="1" t="s">
        <v>222693</v>
      </c>
      <c r="C69323" s="1" t="s">
        <v>115</v>
      </c>
      <c r="D69323" s="1" t="s">
        <v>102125</v>
      </c>
      <c r="E69323" s="1" t="s">
        <v>231328</v>
      </c>
      <c r="F69323" s="1" t="s">
        <v>231329</v>
      </c>
      <c r="G69323" s="1" t="s">
        <v>231261</v>
      </c>
      <c r="H69323" s="1" t="s">
        <v>231262</v>
      </c>
      <c r="I69323" s="1" t="s">
        <v>222698</v>
      </c>
      <c r="J69323" s="1" t="s">
        <v>231330</v>
      </c>
    </row>
    <row r="69324" spans="1:10" x14ac:dyDescent="0.35">
      <c r="A69324" s="1" t="s">
        <v>8695</v>
      </c>
      <c r="B69324" s="1" t="s">
        <v>222693</v>
      </c>
      <c r="C69324" s="1" t="s">
        <v>120</v>
      </c>
      <c r="D69324" s="1" t="s">
        <v>231331</v>
      </c>
      <c r="E69324" s="1" t="s">
        <v>231332</v>
      </c>
      <c r="F69324" s="1" t="s">
        <v>231333</v>
      </c>
      <c r="G69324" s="1" t="s">
        <v>231261</v>
      </c>
      <c r="H69324" s="1" t="s">
        <v>231262</v>
      </c>
      <c r="I69324" s="1" t="s">
        <v>222698</v>
      </c>
      <c r="J69324" s="1" t="s">
        <v>231334</v>
      </c>
    </row>
    <row r="69325" spans="1:10" x14ac:dyDescent="0.35">
      <c r="A69325" s="1" t="s">
        <v>8695</v>
      </c>
      <c r="B69325" s="1" t="s">
        <v>222693</v>
      </c>
      <c r="C69325" s="1" t="s">
        <v>125</v>
      </c>
      <c r="D69325" s="1" t="s">
        <v>231335</v>
      </c>
      <c r="E69325" s="1" t="s">
        <v>231336</v>
      </c>
      <c r="F69325" s="1" t="s">
        <v>231337</v>
      </c>
      <c r="G69325" s="1" t="s">
        <v>231261</v>
      </c>
      <c r="H69325" s="1" t="s">
        <v>231262</v>
      </c>
      <c r="I69325" s="1" t="s">
        <v>222698</v>
      </c>
      <c r="J69325" s="1" t="s">
        <v>231338</v>
      </c>
    </row>
    <row r="69326" spans="1:10" x14ac:dyDescent="0.35">
      <c r="A69326" s="1" t="s">
        <v>8695</v>
      </c>
      <c r="B69326" s="1" t="s">
        <v>222693</v>
      </c>
      <c r="C69326" s="1" t="s">
        <v>130</v>
      </c>
      <c r="D69326" s="1" t="s">
        <v>231339</v>
      </c>
      <c r="E69326" s="1" t="s">
        <v>231340</v>
      </c>
      <c r="F69326" s="1" t="s">
        <v>231341</v>
      </c>
      <c r="G69326" s="1" t="s">
        <v>231261</v>
      </c>
      <c r="H69326" s="1" t="s">
        <v>231262</v>
      </c>
      <c r="I69326" s="1" t="s">
        <v>222698</v>
      </c>
      <c r="J69326" s="1" t="s">
        <v>231342</v>
      </c>
    </row>
    <row r="69327" spans="1:10" x14ac:dyDescent="0.35">
      <c r="A69327" s="1" t="s">
        <v>8695</v>
      </c>
      <c r="B69327" s="1" t="s">
        <v>222693</v>
      </c>
      <c r="C69327" s="1" t="s">
        <v>135</v>
      </c>
      <c r="D69327" s="1" t="s">
        <v>231343</v>
      </c>
      <c r="E69327" s="1" t="s">
        <v>231344</v>
      </c>
      <c r="F69327" s="1" t="s">
        <v>231345</v>
      </c>
      <c r="G69327" s="1" t="s">
        <v>231261</v>
      </c>
      <c r="H69327" s="1" t="s">
        <v>231262</v>
      </c>
      <c r="I69327" s="1" t="s">
        <v>222698</v>
      </c>
      <c r="J69327" s="1" t="s">
        <v>231346</v>
      </c>
    </row>
    <row r="69328" spans="1:10" x14ac:dyDescent="0.35">
      <c r="A69328" s="1" t="s">
        <v>8695</v>
      </c>
      <c r="B69328" s="1" t="s">
        <v>222693</v>
      </c>
      <c r="C69328" s="1" t="s">
        <v>140</v>
      </c>
      <c r="D69328" s="1" t="s">
        <v>23858</v>
      </c>
      <c r="E69328" s="1" t="s">
        <v>231347</v>
      </c>
      <c r="F69328" s="1" t="s">
        <v>231348</v>
      </c>
      <c r="G69328" s="1" t="s">
        <v>231261</v>
      </c>
      <c r="H69328" s="1" t="s">
        <v>231262</v>
      </c>
      <c r="I69328" s="1" t="s">
        <v>222698</v>
      </c>
      <c r="J69328" s="1" t="s">
        <v>231349</v>
      </c>
    </row>
    <row r="69329" spans="1:10" x14ac:dyDescent="0.35">
      <c r="A69329" s="1" t="s">
        <v>8695</v>
      </c>
      <c r="B69329" s="1" t="s">
        <v>222693</v>
      </c>
      <c r="C69329" s="1" t="s">
        <v>145</v>
      </c>
      <c r="D69329" s="1" t="s">
        <v>231350</v>
      </c>
      <c r="E69329" s="1" t="s">
        <v>231351</v>
      </c>
      <c r="F69329" s="1" t="s">
        <v>231352</v>
      </c>
      <c r="G69329" s="1" t="s">
        <v>231261</v>
      </c>
      <c r="H69329" s="1" t="s">
        <v>231262</v>
      </c>
      <c r="I69329" s="1" t="s">
        <v>222698</v>
      </c>
      <c r="J69329" s="1" t="s">
        <v>231353</v>
      </c>
    </row>
    <row r="69330" spans="1:10" x14ac:dyDescent="0.35">
      <c r="A69330" s="1" t="s">
        <v>8695</v>
      </c>
      <c r="B69330" s="1" t="s">
        <v>222693</v>
      </c>
      <c r="C69330" s="1" t="s">
        <v>150</v>
      </c>
      <c r="D69330" s="1" t="s">
        <v>231354</v>
      </c>
      <c r="E69330" s="1" t="s">
        <v>231355</v>
      </c>
      <c r="F69330" s="1" t="s">
        <v>231356</v>
      </c>
      <c r="G69330" s="1" t="s">
        <v>231261</v>
      </c>
      <c r="H69330" s="1" t="s">
        <v>231262</v>
      </c>
      <c r="I69330" s="1" t="s">
        <v>222698</v>
      </c>
      <c r="J69330" s="1" t="s">
        <v>231357</v>
      </c>
    </row>
    <row r="69331" spans="1:10" x14ac:dyDescent="0.35">
      <c r="A69331" s="1" t="s">
        <v>8695</v>
      </c>
      <c r="B69331" s="1" t="s">
        <v>222693</v>
      </c>
      <c r="C69331" s="1" t="s">
        <v>155</v>
      </c>
      <c r="D69331" s="1" t="s">
        <v>231358</v>
      </c>
      <c r="E69331" s="1" t="s">
        <v>231359</v>
      </c>
      <c r="F69331" s="1" t="s">
        <v>231360</v>
      </c>
      <c r="G69331" s="1" t="s">
        <v>231261</v>
      </c>
      <c r="H69331" s="1" t="s">
        <v>231262</v>
      </c>
      <c r="I69331" s="1" t="s">
        <v>222698</v>
      </c>
      <c r="J69331" s="1" t="s">
        <v>231361</v>
      </c>
    </row>
    <row r="69332" spans="1:10" x14ac:dyDescent="0.35">
      <c r="A69332" s="1" t="s">
        <v>8695</v>
      </c>
      <c r="B69332" s="1" t="s">
        <v>222693</v>
      </c>
      <c r="C69332" s="1" t="s">
        <v>160</v>
      </c>
      <c r="D69332" s="1" t="s">
        <v>231362</v>
      </c>
      <c r="E69332" s="1" t="s">
        <v>231363</v>
      </c>
      <c r="F69332" s="1" t="s">
        <v>231364</v>
      </c>
      <c r="G69332" s="1" t="s">
        <v>231261</v>
      </c>
      <c r="H69332" s="1" t="s">
        <v>231262</v>
      </c>
      <c r="I69332" s="1" t="s">
        <v>222698</v>
      </c>
      <c r="J69332" s="1" t="s">
        <v>231365</v>
      </c>
    </row>
    <row r="69333" spans="1:10" x14ac:dyDescent="0.35">
      <c r="A69333" s="1" t="s">
        <v>8695</v>
      </c>
      <c r="B69333" s="1" t="s">
        <v>222693</v>
      </c>
      <c r="C69333" s="1" t="s">
        <v>165</v>
      </c>
      <c r="D69333" s="1" t="s">
        <v>231366</v>
      </c>
      <c r="E69333" s="1" t="s">
        <v>231367</v>
      </c>
      <c r="F69333" s="1" t="s">
        <v>231368</v>
      </c>
      <c r="G69333" s="1" t="s">
        <v>231261</v>
      </c>
      <c r="H69333" s="1" t="s">
        <v>231262</v>
      </c>
      <c r="I69333" s="1" t="s">
        <v>222698</v>
      </c>
      <c r="J69333" s="1" t="s">
        <v>231369</v>
      </c>
    </row>
    <row r="69334" spans="1:10" x14ac:dyDescent="0.35">
      <c r="A69334" s="1" t="s">
        <v>8695</v>
      </c>
      <c r="B69334" s="1" t="s">
        <v>222693</v>
      </c>
      <c r="C69334" s="1" t="s">
        <v>170</v>
      </c>
      <c r="D69334" s="1" t="s">
        <v>231370</v>
      </c>
      <c r="E69334" s="1" t="s">
        <v>231371</v>
      </c>
      <c r="F69334" s="1" t="s">
        <v>231372</v>
      </c>
      <c r="G69334" s="1" t="s">
        <v>231261</v>
      </c>
      <c r="H69334" s="1" t="s">
        <v>231262</v>
      </c>
      <c r="I69334" s="1" t="s">
        <v>222698</v>
      </c>
      <c r="J69334" s="1" t="s">
        <v>231373</v>
      </c>
    </row>
    <row r="69335" spans="1:10" x14ac:dyDescent="0.35">
      <c r="A69335" s="1" t="s">
        <v>144672</v>
      </c>
      <c r="B69335" s="1" t="s">
        <v>222693</v>
      </c>
      <c r="C69335" s="1" t="s">
        <v>8</v>
      </c>
      <c r="D69335" s="1" t="s">
        <v>198987</v>
      </c>
      <c r="E69335" s="1" t="s">
        <v>231374</v>
      </c>
      <c r="F69335" s="1" t="s">
        <v>231375</v>
      </c>
      <c r="G69335" s="1" t="s">
        <v>231376</v>
      </c>
      <c r="H69335" s="1" t="s">
        <v>231377</v>
      </c>
      <c r="I69335" s="1" t="s">
        <v>222698</v>
      </c>
      <c r="J69335" s="1" t="s">
        <v>13</v>
      </c>
    </row>
    <row r="69336" spans="1:10" x14ac:dyDescent="0.35">
      <c r="A69336" s="1" t="s">
        <v>144672</v>
      </c>
      <c r="B69336" s="1" t="s">
        <v>222693</v>
      </c>
      <c r="C69336" s="1" t="s">
        <v>15</v>
      </c>
      <c r="D69336" s="1" t="s">
        <v>231378</v>
      </c>
      <c r="E69336" s="1" t="s">
        <v>231379</v>
      </c>
      <c r="F69336" s="1" t="s">
        <v>231380</v>
      </c>
      <c r="G69336" s="1" t="s">
        <v>231376</v>
      </c>
      <c r="H69336" s="1" t="s">
        <v>231377</v>
      </c>
      <c r="I69336" s="1" t="s">
        <v>222698</v>
      </c>
      <c r="J69336" s="1" t="s">
        <v>231381</v>
      </c>
    </row>
    <row r="69337" spans="1:10" x14ac:dyDescent="0.35">
      <c r="A69337" s="1" t="s">
        <v>144672</v>
      </c>
      <c r="B69337" s="1" t="s">
        <v>222693</v>
      </c>
      <c r="C69337" s="1" t="s">
        <v>20</v>
      </c>
      <c r="D69337" s="1" t="s">
        <v>131192</v>
      </c>
      <c r="E69337" s="1" t="s">
        <v>231382</v>
      </c>
      <c r="F69337" s="1" t="s">
        <v>231383</v>
      </c>
      <c r="G69337" s="1" t="s">
        <v>231376</v>
      </c>
      <c r="H69337" s="1" t="s">
        <v>231377</v>
      </c>
      <c r="I69337" s="1" t="s">
        <v>222698</v>
      </c>
      <c r="J69337" s="1" t="s">
        <v>231384</v>
      </c>
    </row>
    <row r="69338" spans="1:10" x14ac:dyDescent="0.35">
      <c r="A69338" s="1" t="s">
        <v>144672</v>
      </c>
      <c r="B69338" s="1" t="s">
        <v>222693</v>
      </c>
      <c r="C69338" s="1" t="s">
        <v>25</v>
      </c>
      <c r="D69338" s="1" t="s">
        <v>91408</v>
      </c>
      <c r="E69338" s="1" t="s">
        <v>231385</v>
      </c>
      <c r="F69338" s="1" t="s">
        <v>231386</v>
      </c>
      <c r="G69338" s="1" t="s">
        <v>231376</v>
      </c>
      <c r="H69338" s="1" t="s">
        <v>231377</v>
      </c>
      <c r="I69338" s="1" t="s">
        <v>222698</v>
      </c>
      <c r="J69338" s="1" t="s">
        <v>231387</v>
      </c>
    </row>
    <row r="69339" spans="1:10" x14ac:dyDescent="0.35">
      <c r="A69339" s="1" t="s">
        <v>144672</v>
      </c>
      <c r="B69339" s="1" t="s">
        <v>222693</v>
      </c>
      <c r="C69339" s="1" t="s">
        <v>30</v>
      </c>
      <c r="D69339" s="1" t="s">
        <v>231388</v>
      </c>
      <c r="E69339" s="1" t="s">
        <v>231389</v>
      </c>
      <c r="F69339" s="1" t="s">
        <v>231390</v>
      </c>
      <c r="G69339" s="1" t="s">
        <v>231376</v>
      </c>
      <c r="H69339" s="1" t="s">
        <v>231377</v>
      </c>
      <c r="I69339" s="1" t="s">
        <v>222698</v>
      </c>
      <c r="J69339" s="1" t="s">
        <v>231391</v>
      </c>
    </row>
    <row r="69340" spans="1:10" x14ac:dyDescent="0.35">
      <c r="A69340" s="1" t="s">
        <v>144672</v>
      </c>
      <c r="B69340" s="1" t="s">
        <v>222693</v>
      </c>
      <c r="C69340" s="1" t="s">
        <v>35</v>
      </c>
      <c r="D69340" s="1" t="s">
        <v>84561</v>
      </c>
      <c r="E69340" s="1" t="s">
        <v>231392</v>
      </c>
      <c r="F69340" s="1" t="s">
        <v>231393</v>
      </c>
      <c r="G69340" s="1" t="s">
        <v>231376</v>
      </c>
      <c r="H69340" s="1" t="s">
        <v>231377</v>
      </c>
      <c r="I69340" s="1" t="s">
        <v>222698</v>
      </c>
      <c r="J69340" s="1" t="s">
        <v>231394</v>
      </c>
    </row>
    <row r="69341" spans="1:10" x14ac:dyDescent="0.35">
      <c r="A69341" s="1" t="s">
        <v>144672</v>
      </c>
      <c r="B69341" s="1" t="s">
        <v>222693</v>
      </c>
      <c r="C69341" s="1" t="s">
        <v>40</v>
      </c>
      <c r="D69341" s="1" t="s">
        <v>231395</v>
      </c>
      <c r="E69341" s="1" t="s">
        <v>231396</v>
      </c>
      <c r="F69341" s="1" t="s">
        <v>231397</v>
      </c>
      <c r="G69341" s="1" t="s">
        <v>231376</v>
      </c>
      <c r="H69341" s="1" t="s">
        <v>231377</v>
      </c>
      <c r="I69341" s="1" t="s">
        <v>222698</v>
      </c>
      <c r="J69341" s="1" t="s">
        <v>231398</v>
      </c>
    </row>
    <row r="69342" spans="1:10" x14ac:dyDescent="0.35">
      <c r="A69342" s="1" t="s">
        <v>144672</v>
      </c>
      <c r="B69342" s="1" t="s">
        <v>222693</v>
      </c>
      <c r="C69342" s="1" t="s">
        <v>45</v>
      </c>
      <c r="D69342" s="1" t="s">
        <v>231399</v>
      </c>
      <c r="E69342" s="1" t="s">
        <v>231400</v>
      </c>
      <c r="F69342" s="1" t="s">
        <v>231401</v>
      </c>
      <c r="G69342" s="1" t="s">
        <v>231376</v>
      </c>
      <c r="H69342" s="1" t="s">
        <v>231377</v>
      </c>
      <c r="I69342" s="1" t="s">
        <v>222698</v>
      </c>
      <c r="J69342" s="1" t="s">
        <v>231402</v>
      </c>
    </row>
    <row r="69343" spans="1:10" x14ac:dyDescent="0.35">
      <c r="A69343" s="1" t="s">
        <v>144672</v>
      </c>
      <c r="B69343" s="1" t="s">
        <v>222693</v>
      </c>
      <c r="C69343" s="1" t="s">
        <v>50</v>
      </c>
      <c r="D69343" s="1" t="s">
        <v>231403</v>
      </c>
      <c r="E69343" s="1" t="s">
        <v>231404</v>
      </c>
      <c r="F69343" s="1" t="s">
        <v>231405</v>
      </c>
      <c r="G69343" s="1" t="s">
        <v>231376</v>
      </c>
      <c r="H69343" s="1" t="s">
        <v>231377</v>
      </c>
      <c r="I69343" s="1" t="s">
        <v>222698</v>
      </c>
      <c r="J69343" s="1" t="s">
        <v>231406</v>
      </c>
    </row>
    <row r="69344" spans="1:10" x14ac:dyDescent="0.35">
      <c r="A69344" s="1" t="s">
        <v>144672</v>
      </c>
      <c r="B69344" s="1" t="s">
        <v>222693</v>
      </c>
      <c r="C69344" s="1" t="s">
        <v>55</v>
      </c>
      <c r="D69344" s="1" t="s">
        <v>231407</v>
      </c>
      <c r="E69344" s="1" t="s">
        <v>231408</v>
      </c>
      <c r="F69344" s="1" t="s">
        <v>231409</v>
      </c>
      <c r="G69344" s="1" t="s">
        <v>231376</v>
      </c>
      <c r="H69344" s="1" t="s">
        <v>231377</v>
      </c>
      <c r="I69344" s="1" t="s">
        <v>222698</v>
      </c>
      <c r="J69344" s="1" t="s">
        <v>231410</v>
      </c>
    </row>
    <row r="69345" spans="1:10" x14ac:dyDescent="0.35">
      <c r="A69345" s="1" t="s">
        <v>144672</v>
      </c>
      <c r="B69345" s="1" t="s">
        <v>222693</v>
      </c>
      <c r="C69345" s="1" t="s">
        <v>60</v>
      </c>
      <c r="D69345" s="1" t="s">
        <v>231411</v>
      </c>
      <c r="E69345" s="1" t="s">
        <v>231412</v>
      </c>
      <c r="F69345" s="1" t="s">
        <v>231413</v>
      </c>
      <c r="G69345" s="1" t="s">
        <v>231376</v>
      </c>
      <c r="H69345" s="1" t="s">
        <v>231377</v>
      </c>
      <c r="I69345" s="1" t="s">
        <v>222698</v>
      </c>
      <c r="J69345" s="1" t="s">
        <v>231414</v>
      </c>
    </row>
    <row r="69346" spans="1:10" x14ac:dyDescent="0.35">
      <c r="A69346" s="1" t="s">
        <v>144672</v>
      </c>
      <c r="B69346" s="1" t="s">
        <v>222693</v>
      </c>
      <c r="C69346" s="1" t="s">
        <v>65</v>
      </c>
      <c r="D69346" s="1" t="s">
        <v>231415</v>
      </c>
      <c r="E69346" s="1" t="s">
        <v>231416</v>
      </c>
      <c r="F69346" s="1" t="s">
        <v>231417</v>
      </c>
      <c r="G69346" s="1" t="s">
        <v>231376</v>
      </c>
      <c r="H69346" s="1" t="s">
        <v>231377</v>
      </c>
      <c r="I69346" s="1" t="s">
        <v>222698</v>
      </c>
      <c r="J69346" s="1" t="s">
        <v>231418</v>
      </c>
    </row>
    <row r="69347" spans="1:10" x14ac:dyDescent="0.35">
      <c r="A69347" s="1" t="s">
        <v>144672</v>
      </c>
      <c r="B69347" s="1" t="s">
        <v>222693</v>
      </c>
      <c r="C69347" s="1" t="s">
        <v>70</v>
      </c>
      <c r="D69347" s="1" t="s">
        <v>231419</v>
      </c>
      <c r="E69347" s="1" t="s">
        <v>231420</v>
      </c>
      <c r="F69347" s="1" t="s">
        <v>231421</v>
      </c>
      <c r="G69347" s="1" t="s">
        <v>231376</v>
      </c>
      <c r="H69347" s="1" t="s">
        <v>231377</v>
      </c>
      <c r="I69347" s="1" t="s">
        <v>222698</v>
      </c>
      <c r="J69347" s="1" t="s">
        <v>231422</v>
      </c>
    </row>
    <row r="69348" spans="1:10" x14ac:dyDescent="0.35">
      <c r="A69348" s="1" t="s">
        <v>144672</v>
      </c>
      <c r="B69348" s="1" t="s">
        <v>222693</v>
      </c>
      <c r="C69348" s="1" t="s">
        <v>75</v>
      </c>
      <c r="D69348" s="1" t="s">
        <v>231423</v>
      </c>
      <c r="E69348" s="1" t="s">
        <v>231424</v>
      </c>
      <c r="F69348" s="1" t="s">
        <v>231425</v>
      </c>
      <c r="G69348" s="1" t="s">
        <v>231376</v>
      </c>
      <c r="H69348" s="1" t="s">
        <v>231377</v>
      </c>
      <c r="I69348" s="1" t="s">
        <v>222698</v>
      </c>
      <c r="J69348" s="1" t="s">
        <v>231426</v>
      </c>
    </row>
    <row r="69349" spans="1:10" x14ac:dyDescent="0.35">
      <c r="A69349" s="1" t="s">
        <v>144672</v>
      </c>
      <c r="B69349" s="1" t="s">
        <v>222693</v>
      </c>
      <c r="C69349" s="1" t="s">
        <v>80</v>
      </c>
      <c r="D69349" s="1" t="s">
        <v>103728</v>
      </c>
      <c r="E69349" s="1" t="s">
        <v>231427</v>
      </c>
      <c r="F69349" s="1" t="s">
        <v>231428</v>
      </c>
      <c r="G69349" s="1" t="s">
        <v>231376</v>
      </c>
      <c r="H69349" s="1" t="s">
        <v>231377</v>
      </c>
      <c r="I69349" s="1" t="s">
        <v>222698</v>
      </c>
      <c r="J69349" s="1" t="s">
        <v>231429</v>
      </c>
    </row>
    <row r="69350" spans="1:10" x14ac:dyDescent="0.35">
      <c r="A69350" s="1" t="s">
        <v>144672</v>
      </c>
      <c r="B69350" s="1" t="s">
        <v>222693</v>
      </c>
      <c r="C69350" s="1" t="s">
        <v>85</v>
      </c>
      <c r="D69350" s="1" t="s">
        <v>231430</v>
      </c>
      <c r="E69350" s="1" t="s">
        <v>231431</v>
      </c>
      <c r="F69350" s="1" t="s">
        <v>231432</v>
      </c>
      <c r="G69350" s="1" t="s">
        <v>231376</v>
      </c>
      <c r="H69350" s="1" t="s">
        <v>231377</v>
      </c>
      <c r="I69350" s="1" t="s">
        <v>222698</v>
      </c>
      <c r="J69350" s="1" t="s">
        <v>231433</v>
      </c>
    </row>
    <row r="69351" spans="1:10" x14ac:dyDescent="0.35">
      <c r="A69351" s="1" t="s">
        <v>144672</v>
      </c>
      <c r="B69351" s="1" t="s">
        <v>222693</v>
      </c>
      <c r="C69351" s="1" t="s">
        <v>90</v>
      </c>
      <c r="D69351" s="1" t="s">
        <v>231434</v>
      </c>
      <c r="E69351" s="1" t="s">
        <v>231435</v>
      </c>
      <c r="F69351" s="1" t="s">
        <v>231436</v>
      </c>
      <c r="G69351" s="1" t="s">
        <v>231376</v>
      </c>
      <c r="H69351" s="1" t="s">
        <v>231377</v>
      </c>
      <c r="I69351" s="1" t="s">
        <v>222698</v>
      </c>
      <c r="J69351" s="1" t="s">
        <v>231437</v>
      </c>
    </row>
    <row r="69352" spans="1:10" x14ac:dyDescent="0.35">
      <c r="A69352" s="1" t="s">
        <v>144672</v>
      </c>
      <c r="B69352" s="1" t="s">
        <v>222693</v>
      </c>
      <c r="C69352" s="1" t="s">
        <v>95</v>
      </c>
      <c r="D69352" s="1" t="s">
        <v>231438</v>
      </c>
      <c r="E69352" s="1" t="s">
        <v>231439</v>
      </c>
      <c r="F69352" s="1" t="s">
        <v>231440</v>
      </c>
      <c r="G69352" s="1" t="s">
        <v>231376</v>
      </c>
      <c r="H69352" s="1" t="s">
        <v>231377</v>
      </c>
      <c r="I69352" s="1" t="s">
        <v>222698</v>
      </c>
      <c r="J69352" s="1" t="s">
        <v>231441</v>
      </c>
    </row>
    <row r="69353" spans="1:10" x14ac:dyDescent="0.35">
      <c r="A69353" s="1" t="s">
        <v>144672</v>
      </c>
      <c r="B69353" s="1" t="s">
        <v>222693</v>
      </c>
      <c r="C69353" s="1" t="s">
        <v>100</v>
      </c>
      <c r="D69353" s="1" t="s">
        <v>231442</v>
      </c>
      <c r="E69353" s="1" t="s">
        <v>231443</v>
      </c>
      <c r="F69353" s="1" t="s">
        <v>231444</v>
      </c>
      <c r="G69353" s="1" t="s">
        <v>231376</v>
      </c>
      <c r="H69353" s="1" t="s">
        <v>231377</v>
      </c>
      <c r="I69353" s="1" t="s">
        <v>222698</v>
      </c>
      <c r="J69353" s="1" t="s">
        <v>231445</v>
      </c>
    </row>
    <row r="69354" spans="1:10" x14ac:dyDescent="0.35">
      <c r="A69354" s="1" t="s">
        <v>144672</v>
      </c>
      <c r="B69354" s="1" t="s">
        <v>222693</v>
      </c>
      <c r="C69354" s="1" t="s">
        <v>105</v>
      </c>
      <c r="D69354" s="1" t="s">
        <v>231446</v>
      </c>
      <c r="E69354" s="1" t="s">
        <v>231447</v>
      </c>
      <c r="F69354" s="1" t="s">
        <v>231448</v>
      </c>
      <c r="G69354" s="1" t="s">
        <v>231376</v>
      </c>
      <c r="H69354" s="1" t="s">
        <v>231377</v>
      </c>
      <c r="I69354" s="1" t="s">
        <v>222698</v>
      </c>
      <c r="J69354" s="1" t="s">
        <v>231449</v>
      </c>
    </row>
    <row r="69355" spans="1:10" x14ac:dyDescent="0.35">
      <c r="A69355" s="1" t="s">
        <v>144672</v>
      </c>
      <c r="B69355" s="1" t="s">
        <v>222693</v>
      </c>
      <c r="C69355" s="1" t="s">
        <v>110</v>
      </c>
      <c r="D69355" s="1" t="s">
        <v>231450</v>
      </c>
      <c r="E69355" s="1" t="s">
        <v>231451</v>
      </c>
      <c r="F69355" s="1" t="s">
        <v>231452</v>
      </c>
      <c r="G69355" s="1" t="s">
        <v>231376</v>
      </c>
      <c r="H69355" s="1" t="s">
        <v>231377</v>
      </c>
      <c r="I69355" s="1" t="s">
        <v>222698</v>
      </c>
      <c r="J69355" s="1" t="s">
        <v>231453</v>
      </c>
    </row>
    <row r="69356" spans="1:10" x14ac:dyDescent="0.35">
      <c r="A69356" s="1" t="s">
        <v>144672</v>
      </c>
      <c r="B69356" s="1" t="s">
        <v>222693</v>
      </c>
      <c r="C69356" s="1" t="s">
        <v>115</v>
      </c>
      <c r="D69356" s="1" t="s">
        <v>231454</v>
      </c>
      <c r="E69356" s="1" t="s">
        <v>231455</v>
      </c>
      <c r="F69356" s="1" t="s">
        <v>231456</v>
      </c>
      <c r="G69356" s="1" t="s">
        <v>231376</v>
      </c>
      <c r="H69356" s="1" t="s">
        <v>231377</v>
      </c>
      <c r="I69356" s="1" t="s">
        <v>222698</v>
      </c>
      <c r="J69356" s="1" t="s">
        <v>231457</v>
      </c>
    </row>
    <row r="69357" spans="1:10" x14ac:dyDescent="0.35">
      <c r="A69357" s="1" t="s">
        <v>144672</v>
      </c>
      <c r="B69357" s="1" t="s">
        <v>222693</v>
      </c>
      <c r="C69357" s="1" t="s">
        <v>120</v>
      </c>
      <c r="D69357" s="1" t="s">
        <v>231458</v>
      </c>
      <c r="E69357" s="1" t="s">
        <v>231459</v>
      </c>
      <c r="F69357" s="1" t="s">
        <v>231460</v>
      </c>
      <c r="G69357" s="1" t="s">
        <v>231376</v>
      </c>
      <c r="H69357" s="1" t="s">
        <v>231377</v>
      </c>
      <c r="I69357" s="1" t="s">
        <v>222698</v>
      </c>
      <c r="J69357" s="1" t="s">
        <v>231461</v>
      </c>
    </row>
    <row r="69358" spans="1:10" x14ac:dyDescent="0.35">
      <c r="A69358" s="1" t="s">
        <v>144672</v>
      </c>
      <c r="B69358" s="1" t="s">
        <v>222693</v>
      </c>
      <c r="C69358" s="1" t="s">
        <v>125</v>
      </c>
      <c r="D69358" s="1" t="s">
        <v>231462</v>
      </c>
      <c r="E69358" s="1" t="s">
        <v>231463</v>
      </c>
      <c r="F69358" s="1" t="s">
        <v>231464</v>
      </c>
      <c r="G69358" s="1" t="s">
        <v>231376</v>
      </c>
      <c r="H69358" s="1" t="s">
        <v>231377</v>
      </c>
      <c r="I69358" s="1" t="s">
        <v>222698</v>
      </c>
      <c r="J69358" s="1" t="s">
        <v>231465</v>
      </c>
    </row>
    <row r="69359" spans="1:10" x14ac:dyDescent="0.35">
      <c r="A69359" s="1" t="s">
        <v>144672</v>
      </c>
      <c r="B69359" s="1" t="s">
        <v>222693</v>
      </c>
      <c r="C69359" s="1" t="s">
        <v>130</v>
      </c>
      <c r="D69359" s="1" t="s">
        <v>231466</v>
      </c>
      <c r="E69359" s="1" t="s">
        <v>231467</v>
      </c>
      <c r="F69359" s="1" t="s">
        <v>231468</v>
      </c>
      <c r="G69359" s="1" t="s">
        <v>231376</v>
      </c>
      <c r="H69359" s="1" t="s">
        <v>231377</v>
      </c>
      <c r="I69359" s="1" t="s">
        <v>222698</v>
      </c>
      <c r="J69359" s="1" t="s">
        <v>231469</v>
      </c>
    </row>
    <row r="69360" spans="1:10" x14ac:dyDescent="0.35">
      <c r="A69360" s="1" t="s">
        <v>144672</v>
      </c>
      <c r="B69360" s="1" t="s">
        <v>222693</v>
      </c>
      <c r="C69360" s="1" t="s">
        <v>135</v>
      </c>
      <c r="D69360" s="1" t="s">
        <v>231470</v>
      </c>
      <c r="E69360" s="1" t="s">
        <v>231471</v>
      </c>
      <c r="F69360" s="1" t="s">
        <v>231472</v>
      </c>
      <c r="G69360" s="1" t="s">
        <v>231376</v>
      </c>
      <c r="H69360" s="1" t="s">
        <v>231377</v>
      </c>
      <c r="I69360" s="1" t="s">
        <v>222698</v>
      </c>
      <c r="J69360" s="1" t="s">
        <v>231473</v>
      </c>
    </row>
    <row r="69361" spans="1:10" x14ac:dyDescent="0.35">
      <c r="A69361" s="1" t="s">
        <v>144672</v>
      </c>
      <c r="B69361" s="1" t="s">
        <v>222693</v>
      </c>
      <c r="C69361" s="1" t="s">
        <v>140</v>
      </c>
      <c r="D69361" s="1" t="s">
        <v>231474</v>
      </c>
      <c r="E69361" s="1" t="s">
        <v>231475</v>
      </c>
      <c r="F69361" s="1" t="s">
        <v>231476</v>
      </c>
      <c r="G69361" s="1" t="s">
        <v>231376</v>
      </c>
      <c r="H69361" s="1" t="s">
        <v>231377</v>
      </c>
      <c r="I69361" s="1" t="s">
        <v>222698</v>
      </c>
      <c r="J69361" s="1" t="s">
        <v>231477</v>
      </c>
    </row>
    <row r="69362" spans="1:10" x14ac:dyDescent="0.35">
      <c r="A69362" s="1" t="s">
        <v>144672</v>
      </c>
      <c r="B69362" s="1" t="s">
        <v>222693</v>
      </c>
      <c r="C69362" s="1" t="s">
        <v>145</v>
      </c>
      <c r="D69362" s="1" t="s">
        <v>231478</v>
      </c>
      <c r="E69362" s="1" t="s">
        <v>231479</v>
      </c>
      <c r="F69362" s="1" t="s">
        <v>231480</v>
      </c>
      <c r="G69362" s="1" t="s">
        <v>231376</v>
      </c>
      <c r="H69362" s="1" t="s">
        <v>231377</v>
      </c>
      <c r="I69362" s="1" t="s">
        <v>222698</v>
      </c>
      <c r="J69362" s="1" t="s">
        <v>231481</v>
      </c>
    </row>
    <row r="69363" spans="1:10" x14ac:dyDescent="0.35">
      <c r="A69363" s="1" t="s">
        <v>144672</v>
      </c>
      <c r="B69363" s="1" t="s">
        <v>222693</v>
      </c>
      <c r="C69363" s="1" t="s">
        <v>150</v>
      </c>
      <c r="D69363" s="1" t="s">
        <v>231482</v>
      </c>
      <c r="E69363" s="1" t="s">
        <v>231483</v>
      </c>
      <c r="F69363" s="1" t="s">
        <v>231484</v>
      </c>
      <c r="G69363" s="1" t="s">
        <v>231376</v>
      </c>
      <c r="H69363" s="1" t="s">
        <v>231377</v>
      </c>
      <c r="I69363" s="1" t="s">
        <v>222698</v>
      </c>
      <c r="J69363" s="1" t="s">
        <v>231485</v>
      </c>
    </row>
    <row r="69364" spans="1:10" x14ac:dyDescent="0.35">
      <c r="A69364" s="1" t="s">
        <v>144672</v>
      </c>
      <c r="B69364" s="1" t="s">
        <v>222693</v>
      </c>
      <c r="C69364" s="1" t="s">
        <v>155</v>
      </c>
      <c r="D69364" s="1" t="s">
        <v>231486</v>
      </c>
      <c r="E69364" s="1" t="s">
        <v>231487</v>
      </c>
      <c r="F69364" s="1" t="s">
        <v>231488</v>
      </c>
      <c r="G69364" s="1" t="s">
        <v>231376</v>
      </c>
      <c r="H69364" s="1" t="s">
        <v>231377</v>
      </c>
      <c r="I69364" s="1" t="s">
        <v>222698</v>
      </c>
      <c r="J69364" s="1" t="s">
        <v>231489</v>
      </c>
    </row>
    <row r="69365" spans="1:10" x14ac:dyDescent="0.35">
      <c r="A69365" s="1" t="s">
        <v>144672</v>
      </c>
      <c r="B69365" s="1" t="s">
        <v>222693</v>
      </c>
      <c r="C69365" s="1" t="s">
        <v>160</v>
      </c>
      <c r="D69365" s="1" t="s">
        <v>227628</v>
      </c>
      <c r="E69365" s="1" t="s">
        <v>231490</v>
      </c>
      <c r="F69365" s="1" t="s">
        <v>231491</v>
      </c>
      <c r="G69365" s="1" t="s">
        <v>231376</v>
      </c>
      <c r="H69365" s="1" t="s">
        <v>231377</v>
      </c>
      <c r="I69365" s="1" t="s">
        <v>222698</v>
      </c>
      <c r="J69365" s="1" t="s">
        <v>231492</v>
      </c>
    </row>
    <row r="69366" spans="1:10" x14ac:dyDescent="0.35">
      <c r="A69366" s="1" t="s">
        <v>144672</v>
      </c>
      <c r="B69366" s="1" t="s">
        <v>222693</v>
      </c>
      <c r="C69366" s="1" t="s">
        <v>165</v>
      </c>
      <c r="D69366" s="1" t="s">
        <v>231493</v>
      </c>
      <c r="E69366" s="1" t="s">
        <v>231494</v>
      </c>
      <c r="F69366" s="1" t="s">
        <v>231495</v>
      </c>
      <c r="G69366" s="1" t="s">
        <v>231376</v>
      </c>
      <c r="H69366" s="1" t="s">
        <v>231377</v>
      </c>
      <c r="I69366" s="1" t="s">
        <v>222698</v>
      </c>
      <c r="J69366" s="1" t="s">
        <v>231496</v>
      </c>
    </row>
    <row r="69367" spans="1:10" x14ac:dyDescent="0.35">
      <c r="A69367" s="1" t="s">
        <v>144672</v>
      </c>
      <c r="B69367" s="1" t="s">
        <v>222693</v>
      </c>
      <c r="C69367" s="1" t="s">
        <v>170</v>
      </c>
      <c r="D69367" s="1" t="s">
        <v>231497</v>
      </c>
      <c r="E69367" s="1" t="s">
        <v>231498</v>
      </c>
      <c r="F69367" s="1" t="s">
        <v>231499</v>
      </c>
      <c r="G69367" s="1" t="s">
        <v>231376</v>
      </c>
      <c r="H69367" s="1" t="s">
        <v>231377</v>
      </c>
      <c r="I69367" s="1" t="s">
        <v>222698</v>
      </c>
      <c r="J69367" s="1" t="s">
        <v>231500</v>
      </c>
    </row>
    <row r="69368" spans="1:10" x14ac:dyDescent="0.35">
      <c r="A69368" s="1" t="s">
        <v>2039</v>
      </c>
      <c r="B69368" s="1" t="s">
        <v>222693</v>
      </c>
      <c r="C69368" s="1" t="s">
        <v>8</v>
      </c>
      <c r="D69368" s="1" t="s">
        <v>231501</v>
      </c>
      <c r="E69368" s="1" t="s">
        <v>231502</v>
      </c>
      <c r="F69368" s="1" t="s">
        <v>231503</v>
      </c>
      <c r="G69368" s="1" t="s">
        <v>231504</v>
      </c>
      <c r="H69368" s="1" t="s">
        <v>231505</v>
      </c>
      <c r="I69368" s="1" t="s">
        <v>222698</v>
      </c>
      <c r="J69368" s="1" t="s">
        <v>13</v>
      </c>
    </row>
    <row r="69369" spans="1:10" x14ac:dyDescent="0.35">
      <c r="A69369" s="1" t="s">
        <v>2039</v>
      </c>
      <c r="B69369" s="1" t="s">
        <v>222693</v>
      </c>
      <c r="C69369" s="1" t="s">
        <v>15</v>
      </c>
      <c r="D69369" s="1" t="s">
        <v>79541</v>
      </c>
      <c r="E69369" s="1" t="s">
        <v>231506</v>
      </c>
      <c r="F69369" s="1" t="s">
        <v>231507</v>
      </c>
      <c r="G69369" s="1" t="s">
        <v>231504</v>
      </c>
      <c r="H69369" s="1" t="s">
        <v>231505</v>
      </c>
      <c r="I69369" s="1" t="s">
        <v>222698</v>
      </c>
      <c r="J69369" s="1" t="s">
        <v>231508</v>
      </c>
    </row>
    <row r="69370" spans="1:10" x14ac:dyDescent="0.35">
      <c r="A69370" s="1" t="s">
        <v>2039</v>
      </c>
      <c r="B69370" s="1" t="s">
        <v>222693</v>
      </c>
      <c r="C69370" s="1" t="s">
        <v>20</v>
      </c>
      <c r="D69370" s="1" t="s">
        <v>223265</v>
      </c>
      <c r="E69370" s="1" t="s">
        <v>231509</v>
      </c>
      <c r="F69370" s="1" t="s">
        <v>231510</v>
      </c>
      <c r="G69370" s="1" t="s">
        <v>231504</v>
      </c>
      <c r="H69370" s="1" t="s">
        <v>231505</v>
      </c>
      <c r="I69370" s="1" t="s">
        <v>222698</v>
      </c>
      <c r="J69370" s="1" t="s">
        <v>231511</v>
      </c>
    </row>
    <row r="69371" spans="1:10" x14ac:dyDescent="0.35">
      <c r="A69371" s="1" t="s">
        <v>2039</v>
      </c>
      <c r="B69371" s="1" t="s">
        <v>222693</v>
      </c>
      <c r="C69371" s="1" t="s">
        <v>25</v>
      </c>
      <c r="D69371" s="1" t="s">
        <v>66455</v>
      </c>
      <c r="E69371" s="1" t="s">
        <v>231512</v>
      </c>
      <c r="F69371" s="1" t="s">
        <v>231513</v>
      </c>
      <c r="G69371" s="1" t="s">
        <v>231504</v>
      </c>
      <c r="H69371" s="1" t="s">
        <v>231505</v>
      </c>
      <c r="I69371" s="1" t="s">
        <v>222698</v>
      </c>
      <c r="J69371" s="1" t="s">
        <v>231514</v>
      </c>
    </row>
    <row r="69372" spans="1:10" x14ac:dyDescent="0.35">
      <c r="A69372" s="1" t="s">
        <v>2039</v>
      </c>
      <c r="B69372" s="1" t="s">
        <v>222693</v>
      </c>
      <c r="C69372" s="1" t="s">
        <v>30</v>
      </c>
      <c r="D69372" s="1" t="s">
        <v>96569</v>
      </c>
      <c r="E69372" s="1" t="s">
        <v>231515</v>
      </c>
      <c r="F69372" s="1" t="s">
        <v>231516</v>
      </c>
      <c r="G69372" s="1" t="s">
        <v>231504</v>
      </c>
      <c r="H69372" s="1" t="s">
        <v>231505</v>
      </c>
      <c r="I69372" s="1" t="s">
        <v>222698</v>
      </c>
      <c r="J69372" s="1" t="s">
        <v>231517</v>
      </c>
    </row>
    <row r="69373" spans="1:10" x14ac:dyDescent="0.35">
      <c r="A69373" s="1" t="s">
        <v>2039</v>
      </c>
      <c r="B69373" s="1" t="s">
        <v>222693</v>
      </c>
      <c r="C69373" s="1" t="s">
        <v>35</v>
      </c>
      <c r="D69373" s="1" t="s">
        <v>231518</v>
      </c>
      <c r="E69373" s="1" t="s">
        <v>231519</v>
      </c>
      <c r="F69373" s="1" t="s">
        <v>231520</v>
      </c>
      <c r="G69373" s="1" t="s">
        <v>231504</v>
      </c>
      <c r="H69373" s="1" t="s">
        <v>231505</v>
      </c>
      <c r="I69373" s="1" t="s">
        <v>222698</v>
      </c>
      <c r="J69373" s="1" t="s">
        <v>231521</v>
      </c>
    </row>
    <row r="69374" spans="1:10" x14ac:dyDescent="0.35">
      <c r="A69374" s="1" t="s">
        <v>2039</v>
      </c>
      <c r="B69374" s="1" t="s">
        <v>222693</v>
      </c>
      <c r="C69374" s="1" t="s">
        <v>40</v>
      </c>
      <c r="D69374" s="1" t="s">
        <v>231522</v>
      </c>
      <c r="E69374" s="1" t="s">
        <v>231523</v>
      </c>
      <c r="F69374" s="1" t="s">
        <v>231524</v>
      </c>
      <c r="G69374" s="1" t="s">
        <v>231504</v>
      </c>
      <c r="H69374" s="1" t="s">
        <v>231505</v>
      </c>
      <c r="I69374" s="1" t="s">
        <v>222698</v>
      </c>
      <c r="J69374" s="1" t="s">
        <v>231525</v>
      </c>
    </row>
    <row r="69375" spans="1:10" x14ac:dyDescent="0.35">
      <c r="A69375" s="1" t="s">
        <v>2039</v>
      </c>
      <c r="B69375" s="1" t="s">
        <v>222693</v>
      </c>
      <c r="C69375" s="1" t="s">
        <v>45</v>
      </c>
      <c r="D69375" s="1" t="s">
        <v>231526</v>
      </c>
      <c r="E69375" s="1" t="s">
        <v>231527</v>
      </c>
      <c r="F69375" s="1" t="s">
        <v>231528</v>
      </c>
      <c r="G69375" s="1" t="s">
        <v>231504</v>
      </c>
      <c r="H69375" s="1" t="s">
        <v>231505</v>
      </c>
      <c r="I69375" s="1" t="s">
        <v>222698</v>
      </c>
      <c r="J69375" s="1" t="s">
        <v>231529</v>
      </c>
    </row>
    <row r="69376" spans="1:10" x14ac:dyDescent="0.35">
      <c r="A69376" s="1" t="s">
        <v>2039</v>
      </c>
      <c r="B69376" s="1" t="s">
        <v>222693</v>
      </c>
      <c r="C69376" s="1" t="s">
        <v>50</v>
      </c>
      <c r="D69376" s="1" t="s">
        <v>231530</v>
      </c>
      <c r="E69376" s="1" t="s">
        <v>231531</v>
      </c>
      <c r="F69376" s="1" t="s">
        <v>231532</v>
      </c>
      <c r="G69376" s="1" t="s">
        <v>231504</v>
      </c>
      <c r="H69376" s="1" t="s">
        <v>231505</v>
      </c>
      <c r="I69376" s="1" t="s">
        <v>222698</v>
      </c>
      <c r="J69376" s="1" t="s">
        <v>231533</v>
      </c>
    </row>
    <row r="69377" spans="1:10" x14ac:dyDescent="0.35">
      <c r="A69377" s="1" t="s">
        <v>2039</v>
      </c>
      <c r="B69377" s="1" t="s">
        <v>222693</v>
      </c>
      <c r="C69377" s="1" t="s">
        <v>55</v>
      </c>
      <c r="D69377" s="1" t="s">
        <v>231534</v>
      </c>
      <c r="E69377" s="1" t="s">
        <v>231535</v>
      </c>
      <c r="F69377" s="1" t="s">
        <v>231536</v>
      </c>
      <c r="G69377" s="1" t="s">
        <v>231504</v>
      </c>
      <c r="H69377" s="1" t="s">
        <v>231505</v>
      </c>
      <c r="I69377" s="1" t="s">
        <v>222698</v>
      </c>
      <c r="J69377" s="1" t="s">
        <v>231537</v>
      </c>
    </row>
    <row r="69378" spans="1:10" x14ac:dyDescent="0.35">
      <c r="A69378" s="1" t="s">
        <v>2039</v>
      </c>
      <c r="B69378" s="1" t="s">
        <v>222693</v>
      </c>
      <c r="C69378" s="1" t="s">
        <v>60</v>
      </c>
      <c r="D69378" s="1" t="s">
        <v>231538</v>
      </c>
      <c r="E69378" s="1" t="s">
        <v>231539</v>
      </c>
      <c r="F69378" s="1" t="s">
        <v>231540</v>
      </c>
      <c r="G69378" s="1" t="s">
        <v>231504</v>
      </c>
      <c r="H69378" s="1" t="s">
        <v>231505</v>
      </c>
      <c r="I69378" s="1" t="s">
        <v>222698</v>
      </c>
      <c r="J69378" s="1" t="s">
        <v>231541</v>
      </c>
    </row>
    <row r="69379" spans="1:10" x14ac:dyDescent="0.35">
      <c r="A69379" s="1" t="s">
        <v>2039</v>
      </c>
      <c r="B69379" s="1" t="s">
        <v>222693</v>
      </c>
      <c r="C69379" s="1" t="s">
        <v>65</v>
      </c>
      <c r="D69379" s="1" t="s">
        <v>231542</v>
      </c>
      <c r="E69379" s="1" t="s">
        <v>231543</v>
      </c>
      <c r="F69379" s="1" t="s">
        <v>231544</v>
      </c>
      <c r="G69379" s="1" t="s">
        <v>231504</v>
      </c>
      <c r="H69379" s="1" t="s">
        <v>231505</v>
      </c>
      <c r="I69379" s="1" t="s">
        <v>222698</v>
      </c>
      <c r="J69379" s="1" t="s">
        <v>231545</v>
      </c>
    </row>
    <row r="69380" spans="1:10" x14ac:dyDescent="0.35">
      <c r="A69380" s="1" t="s">
        <v>2039</v>
      </c>
      <c r="B69380" s="1" t="s">
        <v>222693</v>
      </c>
      <c r="C69380" s="1" t="s">
        <v>70</v>
      </c>
      <c r="D69380" s="1" t="s">
        <v>231546</v>
      </c>
      <c r="E69380" s="1" t="s">
        <v>231547</v>
      </c>
      <c r="F69380" s="1" t="s">
        <v>231548</v>
      </c>
      <c r="G69380" s="1" t="s">
        <v>231504</v>
      </c>
      <c r="H69380" s="1" t="s">
        <v>231505</v>
      </c>
      <c r="I69380" s="1" t="s">
        <v>222698</v>
      </c>
      <c r="J69380" s="1" t="s">
        <v>231549</v>
      </c>
    </row>
    <row r="69381" spans="1:10" x14ac:dyDescent="0.35">
      <c r="A69381" s="1" t="s">
        <v>2039</v>
      </c>
      <c r="B69381" s="1" t="s">
        <v>222693</v>
      </c>
      <c r="C69381" s="1" t="s">
        <v>75</v>
      </c>
      <c r="D69381" s="1" t="s">
        <v>231550</v>
      </c>
      <c r="E69381" s="1" t="s">
        <v>231551</v>
      </c>
      <c r="F69381" s="1" t="s">
        <v>231552</v>
      </c>
      <c r="G69381" s="1" t="s">
        <v>231504</v>
      </c>
      <c r="H69381" s="1" t="s">
        <v>231505</v>
      </c>
      <c r="I69381" s="1" t="s">
        <v>222698</v>
      </c>
      <c r="J69381" s="1" t="s">
        <v>231553</v>
      </c>
    </row>
    <row r="69382" spans="1:10" x14ac:dyDescent="0.35">
      <c r="A69382" s="1" t="s">
        <v>2039</v>
      </c>
      <c r="B69382" s="1" t="s">
        <v>222693</v>
      </c>
      <c r="C69382" s="1" t="s">
        <v>80</v>
      </c>
      <c r="D69382" s="1" t="s">
        <v>231554</v>
      </c>
      <c r="E69382" s="1" t="s">
        <v>231555</v>
      </c>
      <c r="F69382" s="1" t="s">
        <v>231556</v>
      </c>
      <c r="G69382" s="1" t="s">
        <v>231504</v>
      </c>
      <c r="H69382" s="1" t="s">
        <v>231505</v>
      </c>
      <c r="I69382" s="1" t="s">
        <v>222698</v>
      </c>
      <c r="J69382" s="1" t="s">
        <v>231557</v>
      </c>
    </row>
    <row r="69383" spans="1:10" x14ac:dyDescent="0.35">
      <c r="A69383" s="1" t="s">
        <v>2039</v>
      </c>
      <c r="B69383" s="1" t="s">
        <v>222693</v>
      </c>
      <c r="C69383" s="1" t="s">
        <v>85</v>
      </c>
      <c r="D69383" s="1" t="s">
        <v>231558</v>
      </c>
      <c r="E69383" s="1" t="s">
        <v>231559</v>
      </c>
      <c r="F69383" s="1" t="s">
        <v>231560</v>
      </c>
      <c r="G69383" s="1" t="s">
        <v>231504</v>
      </c>
      <c r="H69383" s="1" t="s">
        <v>231505</v>
      </c>
      <c r="I69383" s="1" t="s">
        <v>222698</v>
      </c>
      <c r="J69383" s="1" t="s">
        <v>231561</v>
      </c>
    </row>
    <row r="69384" spans="1:10" x14ac:dyDescent="0.35">
      <c r="A69384" s="1" t="s">
        <v>2039</v>
      </c>
      <c r="B69384" s="1" t="s">
        <v>222693</v>
      </c>
      <c r="C69384" s="1" t="s">
        <v>90</v>
      </c>
      <c r="D69384" s="1" t="s">
        <v>132352</v>
      </c>
      <c r="E69384" s="1" t="s">
        <v>231562</v>
      </c>
      <c r="F69384" s="1" t="s">
        <v>231563</v>
      </c>
      <c r="G69384" s="1" t="s">
        <v>231504</v>
      </c>
      <c r="H69384" s="1" t="s">
        <v>231505</v>
      </c>
      <c r="I69384" s="1" t="s">
        <v>222698</v>
      </c>
      <c r="J69384" s="1" t="s">
        <v>231564</v>
      </c>
    </row>
    <row r="69385" spans="1:10" x14ac:dyDescent="0.35">
      <c r="A69385" s="1" t="s">
        <v>2039</v>
      </c>
      <c r="B69385" s="1" t="s">
        <v>222693</v>
      </c>
      <c r="C69385" s="1" t="s">
        <v>95</v>
      </c>
      <c r="D69385" s="1" t="s">
        <v>231565</v>
      </c>
      <c r="E69385" s="1" t="s">
        <v>231566</v>
      </c>
      <c r="F69385" s="1" t="s">
        <v>231567</v>
      </c>
      <c r="G69385" s="1" t="s">
        <v>231504</v>
      </c>
      <c r="H69385" s="1" t="s">
        <v>231505</v>
      </c>
      <c r="I69385" s="1" t="s">
        <v>222698</v>
      </c>
      <c r="J69385" s="1" t="s">
        <v>231568</v>
      </c>
    </row>
    <row r="69386" spans="1:10" x14ac:dyDescent="0.35">
      <c r="A69386" s="1" t="s">
        <v>2039</v>
      </c>
      <c r="B69386" s="1" t="s">
        <v>222693</v>
      </c>
      <c r="C69386" s="1" t="s">
        <v>100</v>
      </c>
      <c r="D69386" s="1" t="s">
        <v>231569</v>
      </c>
      <c r="E69386" s="1" t="s">
        <v>231570</v>
      </c>
      <c r="F69386" s="1" t="s">
        <v>231571</v>
      </c>
      <c r="G69386" s="1" t="s">
        <v>231504</v>
      </c>
      <c r="H69386" s="1" t="s">
        <v>231505</v>
      </c>
      <c r="I69386" s="1" t="s">
        <v>222698</v>
      </c>
      <c r="J69386" s="1" t="s">
        <v>231572</v>
      </c>
    </row>
    <row r="69387" spans="1:10" x14ac:dyDescent="0.35">
      <c r="A69387" s="1" t="s">
        <v>2039</v>
      </c>
      <c r="B69387" s="1" t="s">
        <v>222693</v>
      </c>
      <c r="C69387" s="1" t="s">
        <v>105</v>
      </c>
      <c r="D69387" s="1" t="s">
        <v>231573</v>
      </c>
      <c r="E69387" s="1" t="s">
        <v>231574</v>
      </c>
      <c r="F69387" s="1" t="s">
        <v>231575</v>
      </c>
      <c r="G69387" s="1" t="s">
        <v>231504</v>
      </c>
      <c r="H69387" s="1" t="s">
        <v>231505</v>
      </c>
      <c r="I69387" s="1" t="s">
        <v>222698</v>
      </c>
      <c r="J69387" s="1" t="s">
        <v>231576</v>
      </c>
    </row>
    <row r="69388" spans="1:10" x14ac:dyDescent="0.35">
      <c r="A69388" s="1" t="s">
        <v>2039</v>
      </c>
      <c r="B69388" s="1" t="s">
        <v>222693</v>
      </c>
      <c r="C69388" s="1" t="s">
        <v>110</v>
      </c>
      <c r="D69388" s="1" t="s">
        <v>231577</v>
      </c>
      <c r="E69388" s="1" t="s">
        <v>231578</v>
      </c>
      <c r="F69388" s="1" t="s">
        <v>231579</v>
      </c>
      <c r="G69388" s="1" t="s">
        <v>231504</v>
      </c>
      <c r="H69388" s="1" t="s">
        <v>231505</v>
      </c>
      <c r="I69388" s="1" t="s">
        <v>222698</v>
      </c>
      <c r="J69388" s="1" t="s">
        <v>231580</v>
      </c>
    </row>
    <row r="69389" spans="1:10" x14ac:dyDescent="0.35">
      <c r="A69389" s="1" t="s">
        <v>2039</v>
      </c>
      <c r="B69389" s="1" t="s">
        <v>222693</v>
      </c>
      <c r="C69389" s="1" t="s">
        <v>115</v>
      </c>
      <c r="D69389" s="1" t="s">
        <v>231581</v>
      </c>
      <c r="E69389" s="1" t="s">
        <v>231582</v>
      </c>
      <c r="F69389" s="1" t="s">
        <v>231583</v>
      </c>
      <c r="G69389" s="1" t="s">
        <v>231504</v>
      </c>
      <c r="H69389" s="1" t="s">
        <v>231505</v>
      </c>
      <c r="I69389" s="1" t="s">
        <v>222698</v>
      </c>
      <c r="J69389" s="1" t="s">
        <v>231584</v>
      </c>
    </row>
    <row r="69390" spans="1:10" x14ac:dyDescent="0.35">
      <c r="A69390" s="1" t="s">
        <v>2039</v>
      </c>
      <c r="B69390" s="1" t="s">
        <v>222693</v>
      </c>
      <c r="C69390" s="1" t="s">
        <v>120</v>
      </c>
      <c r="D69390" s="1" t="s">
        <v>231585</v>
      </c>
      <c r="E69390" s="1" t="s">
        <v>231586</v>
      </c>
      <c r="F69390" s="1" t="s">
        <v>231587</v>
      </c>
      <c r="G69390" s="1" t="s">
        <v>231504</v>
      </c>
      <c r="H69390" s="1" t="s">
        <v>231505</v>
      </c>
      <c r="I69390" s="1" t="s">
        <v>222698</v>
      </c>
      <c r="J69390" s="1" t="s">
        <v>231588</v>
      </c>
    </row>
    <row r="69391" spans="1:10" x14ac:dyDescent="0.35">
      <c r="A69391" s="1" t="s">
        <v>2039</v>
      </c>
      <c r="B69391" s="1" t="s">
        <v>222693</v>
      </c>
      <c r="C69391" s="1" t="s">
        <v>125</v>
      </c>
      <c r="D69391" s="1" t="s">
        <v>231589</v>
      </c>
      <c r="E69391" s="1" t="s">
        <v>231590</v>
      </c>
      <c r="F69391" s="1" t="s">
        <v>231591</v>
      </c>
      <c r="G69391" s="1" t="s">
        <v>231504</v>
      </c>
      <c r="H69391" s="1" t="s">
        <v>231505</v>
      </c>
      <c r="I69391" s="1" t="s">
        <v>222698</v>
      </c>
      <c r="J69391" s="1" t="s">
        <v>231592</v>
      </c>
    </row>
    <row r="69392" spans="1:10" x14ac:dyDescent="0.35">
      <c r="A69392" s="1" t="s">
        <v>2039</v>
      </c>
      <c r="B69392" s="1" t="s">
        <v>222693</v>
      </c>
      <c r="C69392" s="1" t="s">
        <v>130</v>
      </c>
      <c r="D69392" s="1" t="s">
        <v>231593</v>
      </c>
      <c r="E69392" s="1" t="s">
        <v>231594</v>
      </c>
      <c r="F69392" s="1" t="s">
        <v>231595</v>
      </c>
      <c r="G69392" s="1" t="s">
        <v>231504</v>
      </c>
      <c r="H69392" s="1" t="s">
        <v>231505</v>
      </c>
      <c r="I69392" s="1" t="s">
        <v>222698</v>
      </c>
      <c r="J69392" s="1" t="s">
        <v>231596</v>
      </c>
    </row>
    <row r="69393" spans="1:10" x14ac:dyDescent="0.35">
      <c r="A69393" s="1" t="s">
        <v>2039</v>
      </c>
      <c r="B69393" s="1" t="s">
        <v>222693</v>
      </c>
      <c r="C69393" s="1" t="s">
        <v>135</v>
      </c>
      <c r="D69393" s="1" t="s">
        <v>231597</v>
      </c>
      <c r="E69393" s="1" t="s">
        <v>231598</v>
      </c>
      <c r="F69393" s="1" t="s">
        <v>231599</v>
      </c>
      <c r="G69393" s="1" t="s">
        <v>231504</v>
      </c>
      <c r="H69393" s="1" t="s">
        <v>231505</v>
      </c>
      <c r="I69393" s="1" t="s">
        <v>222698</v>
      </c>
      <c r="J69393" s="1" t="s">
        <v>231600</v>
      </c>
    </row>
    <row r="69394" spans="1:10" x14ac:dyDescent="0.35">
      <c r="A69394" s="1" t="s">
        <v>2039</v>
      </c>
      <c r="B69394" s="1" t="s">
        <v>222693</v>
      </c>
      <c r="C69394" s="1" t="s">
        <v>140</v>
      </c>
      <c r="D69394" s="1" t="s">
        <v>231601</v>
      </c>
      <c r="E69394" s="1" t="s">
        <v>231602</v>
      </c>
      <c r="F69394" s="1" t="s">
        <v>231603</v>
      </c>
      <c r="G69394" s="1" t="s">
        <v>231504</v>
      </c>
      <c r="H69394" s="1" t="s">
        <v>231505</v>
      </c>
      <c r="I69394" s="1" t="s">
        <v>222698</v>
      </c>
      <c r="J69394" s="1" t="s">
        <v>231604</v>
      </c>
    </row>
    <row r="69395" spans="1:10" x14ac:dyDescent="0.35">
      <c r="A69395" s="1" t="s">
        <v>2039</v>
      </c>
      <c r="B69395" s="1" t="s">
        <v>222693</v>
      </c>
      <c r="C69395" s="1" t="s">
        <v>145</v>
      </c>
      <c r="D69395" s="1" t="s">
        <v>231605</v>
      </c>
      <c r="E69395" s="1" t="s">
        <v>231606</v>
      </c>
      <c r="F69395" s="1" t="s">
        <v>231607</v>
      </c>
      <c r="G69395" s="1" t="s">
        <v>231504</v>
      </c>
      <c r="H69395" s="1" t="s">
        <v>231505</v>
      </c>
      <c r="I69395" s="1" t="s">
        <v>222698</v>
      </c>
      <c r="J69395" s="1" t="s">
        <v>231608</v>
      </c>
    </row>
    <row r="69396" spans="1:10" x14ac:dyDescent="0.35">
      <c r="A69396" s="1" t="s">
        <v>2039</v>
      </c>
      <c r="B69396" s="1" t="s">
        <v>222693</v>
      </c>
      <c r="C69396" s="1" t="s">
        <v>150</v>
      </c>
      <c r="D69396" s="1" t="s">
        <v>231609</v>
      </c>
      <c r="E69396" s="1" t="s">
        <v>231610</v>
      </c>
      <c r="F69396" s="1" t="s">
        <v>231611</v>
      </c>
      <c r="G69396" s="1" t="s">
        <v>231504</v>
      </c>
      <c r="H69396" s="1" t="s">
        <v>231505</v>
      </c>
      <c r="I69396" s="1" t="s">
        <v>222698</v>
      </c>
      <c r="J69396" s="1" t="s">
        <v>231612</v>
      </c>
    </row>
    <row r="69397" spans="1:10" x14ac:dyDescent="0.35">
      <c r="A69397" s="1" t="s">
        <v>2039</v>
      </c>
      <c r="B69397" s="1" t="s">
        <v>222693</v>
      </c>
      <c r="C69397" s="1" t="s">
        <v>155</v>
      </c>
      <c r="D69397" s="1" t="s">
        <v>41955</v>
      </c>
      <c r="E69397" s="1" t="s">
        <v>231613</v>
      </c>
      <c r="F69397" s="1" t="s">
        <v>231614</v>
      </c>
      <c r="G69397" s="1" t="s">
        <v>231504</v>
      </c>
      <c r="H69397" s="1" t="s">
        <v>231505</v>
      </c>
      <c r="I69397" s="1" t="s">
        <v>222698</v>
      </c>
      <c r="J69397" s="1" t="s">
        <v>231615</v>
      </c>
    </row>
    <row r="69398" spans="1:10" x14ac:dyDescent="0.35">
      <c r="A69398" s="1" t="s">
        <v>2039</v>
      </c>
      <c r="B69398" s="1" t="s">
        <v>222693</v>
      </c>
      <c r="C69398" s="1" t="s">
        <v>160</v>
      </c>
      <c r="D69398" s="1" t="s">
        <v>231616</v>
      </c>
      <c r="E69398" s="1" t="s">
        <v>231617</v>
      </c>
      <c r="F69398" s="1" t="s">
        <v>231618</v>
      </c>
      <c r="G69398" s="1" t="s">
        <v>231504</v>
      </c>
      <c r="H69398" s="1" t="s">
        <v>231505</v>
      </c>
      <c r="I69398" s="1" t="s">
        <v>222698</v>
      </c>
      <c r="J69398" s="1" t="s">
        <v>231619</v>
      </c>
    </row>
    <row r="69399" spans="1:10" x14ac:dyDescent="0.35">
      <c r="A69399" s="1" t="s">
        <v>2039</v>
      </c>
      <c r="B69399" s="1" t="s">
        <v>222693</v>
      </c>
      <c r="C69399" s="1" t="s">
        <v>165</v>
      </c>
      <c r="D69399" s="1" t="s">
        <v>231620</v>
      </c>
      <c r="E69399" s="1" t="s">
        <v>231621</v>
      </c>
      <c r="F69399" s="1" t="s">
        <v>231622</v>
      </c>
      <c r="G69399" s="1" t="s">
        <v>231504</v>
      </c>
      <c r="H69399" s="1" t="s">
        <v>231505</v>
      </c>
      <c r="I69399" s="1" t="s">
        <v>222698</v>
      </c>
      <c r="J69399" s="1" t="s">
        <v>231623</v>
      </c>
    </row>
    <row r="69400" spans="1:10" x14ac:dyDescent="0.35">
      <c r="A69400" s="1" t="s">
        <v>2039</v>
      </c>
      <c r="B69400" s="1" t="s">
        <v>222693</v>
      </c>
      <c r="C69400" s="1" t="s">
        <v>170</v>
      </c>
      <c r="D69400" s="1" t="s">
        <v>231624</v>
      </c>
      <c r="E69400" s="1" t="s">
        <v>231625</v>
      </c>
      <c r="F69400" s="1" t="s">
        <v>231626</v>
      </c>
      <c r="G69400" s="1" t="s">
        <v>231504</v>
      </c>
      <c r="H69400" s="1" t="s">
        <v>231505</v>
      </c>
      <c r="I69400" s="1" t="s">
        <v>222698</v>
      </c>
      <c r="J69400" s="1" t="s">
        <v>231627</v>
      </c>
    </row>
    <row r="69401" spans="1:10" x14ac:dyDescent="0.35">
      <c r="A69401" s="1" t="s">
        <v>15059</v>
      </c>
      <c r="B69401" s="1" t="s">
        <v>222693</v>
      </c>
      <c r="C69401" s="1" t="s">
        <v>8</v>
      </c>
      <c r="D69401" s="1" t="s">
        <v>103044</v>
      </c>
      <c r="E69401" s="1" t="s">
        <v>231628</v>
      </c>
      <c r="F69401" s="1" t="s">
        <v>231629</v>
      </c>
      <c r="G69401" s="1" t="s">
        <v>231630</v>
      </c>
      <c r="H69401" s="1" t="s">
        <v>231631</v>
      </c>
      <c r="I69401" s="1" t="s">
        <v>222698</v>
      </c>
      <c r="J69401" s="1" t="s">
        <v>13</v>
      </c>
    </row>
    <row r="69402" spans="1:10" x14ac:dyDescent="0.35">
      <c r="A69402" s="1" t="s">
        <v>15059</v>
      </c>
      <c r="B69402" s="1" t="s">
        <v>222693</v>
      </c>
      <c r="C69402" s="1" t="s">
        <v>15</v>
      </c>
      <c r="D69402" s="1" t="s">
        <v>88010</v>
      </c>
      <c r="E69402" s="1" t="s">
        <v>231632</v>
      </c>
      <c r="F69402" s="1" t="s">
        <v>231633</v>
      </c>
      <c r="G69402" s="1" t="s">
        <v>231630</v>
      </c>
      <c r="H69402" s="1" t="s">
        <v>231631</v>
      </c>
      <c r="I69402" s="1" t="s">
        <v>222698</v>
      </c>
      <c r="J69402" s="1" t="s">
        <v>231634</v>
      </c>
    </row>
    <row r="69403" spans="1:10" x14ac:dyDescent="0.35">
      <c r="A69403" s="1" t="s">
        <v>15059</v>
      </c>
      <c r="B69403" s="1" t="s">
        <v>222693</v>
      </c>
      <c r="C69403" s="1" t="s">
        <v>20</v>
      </c>
      <c r="D69403" s="1" t="s">
        <v>81891</v>
      </c>
      <c r="E69403" s="1" t="s">
        <v>231635</v>
      </c>
      <c r="F69403" s="1" t="s">
        <v>231636</v>
      </c>
      <c r="G69403" s="1" t="s">
        <v>231630</v>
      </c>
      <c r="H69403" s="1" t="s">
        <v>231631</v>
      </c>
      <c r="I69403" s="1" t="s">
        <v>222698</v>
      </c>
      <c r="J69403" s="1" t="s">
        <v>231637</v>
      </c>
    </row>
    <row r="69404" spans="1:10" x14ac:dyDescent="0.35">
      <c r="A69404" s="1" t="s">
        <v>15059</v>
      </c>
      <c r="B69404" s="1" t="s">
        <v>222693</v>
      </c>
      <c r="C69404" s="1" t="s">
        <v>25</v>
      </c>
      <c r="D69404" s="1" t="s">
        <v>68179</v>
      </c>
      <c r="E69404" s="1" t="s">
        <v>231638</v>
      </c>
      <c r="F69404" s="1" t="s">
        <v>231639</v>
      </c>
      <c r="G69404" s="1" t="s">
        <v>231630</v>
      </c>
      <c r="H69404" s="1" t="s">
        <v>231631</v>
      </c>
      <c r="I69404" s="1" t="s">
        <v>222698</v>
      </c>
      <c r="J69404" s="1" t="s">
        <v>231640</v>
      </c>
    </row>
    <row r="69405" spans="1:10" x14ac:dyDescent="0.35">
      <c r="A69405" s="1" t="s">
        <v>15059</v>
      </c>
      <c r="B69405" s="1" t="s">
        <v>222693</v>
      </c>
      <c r="C69405" s="1" t="s">
        <v>30</v>
      </c>
      <c r="D69405" s="1" t="s">
        <v>68006</v>
      </c>
      <c r="E69405" s="1" t="s">
        <v>231641</v>
      </c>
      <c r="F69405" s="1" t="s">
        <v>231642</v>
      </c>
      <c r="G69405" s="1" t="s">
        <v>231630</v>
      </c>
      <c r="H69405" s="1" t="s">
        <v>231631</v>
      </c>
      <c r="I69405" s="1" t="s">
        <v>222698</v>
      </c>
      <c r="J69405" s="1" t="s">
        <v>231643</v>
      </c>
    </row>
    <row r="69406" spans="1:10" x14ac:dyDescent="0.35">
      <c r="A69406" s="1" t="s">
        <v>15059</v>
      </c>
      <c r="B69406" s="1" t="s">
        <v>222693</v>
      </c>
      <c r="C69406" s="1" t="s">
        <v>35</v>
      </c>
      <c r="D69406" s="1" t="s">
        <v>59450</v>
      </c>
      <c r="E69406" s="1" t="s">
        <v>231644</v>
      </c>
      <c r="F69406" s="1" t="s">
        <v>231645</v>
      </c>
      <c r="G69406" s="1" t="s">
        <v>231630</v>
      </c>
      <c r="H69406" s="1" t="s">
        <v>231631</v>
      </c>
      <c r="I69406" s="1" t="s">
        <v>222698</v>
      </c>
      <c r="J69406" s="1" t="s">
        <v>231646</v>
      </c>
    </row>
    <row r="69407" spans="1:10" x14ac:dyDescent="0.35">
      <c r="A69407" s="1" t="s">
        <v>15059</v>
      </c>
      <c r="B69407" s="1" t="s">
        <v>222693</v>
      </c>
      <c r="C69407" s="1" t="s">
        <v>40</v>
      </c>
      <c r="D69407" s="1" t="s">
        <v>231647</v>
      </c>
      <c r="E69407" s="1" t="s">
        <v>231648</v>
      </c>
      <c r="F69407" s="1" t="s">
        <v>231649</v>
      </c>
      <c r="G69407" s="1" t="s">
        <v>231630</v>
      </c>
      <c r="H69407" s="1" t="s">
        <v>231631</v>
      </c>
      <c r="I69407" s="1" t="s">
        <v>222698</v>
      </c>
      <c r="J69407" s="1" t="s">
        <v>231650</v>
      </c>
    </row>
    <row r="69408" spans="1:10" x14ac:dyDescent="0.35">
      <c r="A69408" s="1" t="s">
        <v>15059</v>
      </c>
      <c r="B69408" s="1" t="s">
        <v>222693</v>
      </c>
      <c r="C69408" s="1" t="s">
        <v>45</v>
      </c>
      <c r="D69408" s="1" t="s">
        <v>231651</v>
      </c>
      <c r="E69408" s="1" t="s">
        <v>231652</v>
      </c>
      <c r="F69408" s="1" t="s">
        <v>231653</v>
      </c>
      <c r="G69408" s="1" t="s">
        <v>231630</v>
      </c>
      <c r="H69408" s="1" t="s">
        <v>231631</v>
      </c>
      <c r="I69408" s="1" t="s">
        <v>222698</v>
      </c>
      <c r="J69408" s="1" t="s">
        <v>231654</v>
      </c>
    </row>
    <row r="69409" spans="1:10" x14ac:dyDescent="0.35">
      <c r="A69409" s="1" t="s">
        <v>15059</v>
      </c>
      <c r="B69409" s="1" t="s">
        <v>222693</v>
      </c>
      <c r="C69409" s="1" t="s">
        <v>50</v>
      </c>
      <c r="D69409" s="1" t="s">
        <v>69575</v>
      </c>
      <c r="E69409" s="1" t="s">
        <v>231655</v>
      </c>
      <c r="F69409" s="1" t="s">
        <v>231656</v>
      </c>
      <c r="G69409" s="1" t="s">
        <v>231630</v>
      </c>
      <c r="H69409" s="1" t="s">
        <v>231631</v>
      </c>
      <c r="I69409" s="1" t="s">
        <v>222698</v>
      </c>
      <c r="J69409" s="1" t="s">
        <v>231657</v>
      </c>
    </row>
    <row r="69410" spans="1:10" x14ac:dyDescent="0.35">
      <c r="A69410" s="1" t="s">
        <v>15059</v>
      </c>
      <c r="B69410" s="1" t="s">
        <v>222693</v>
      </c>
      <c r="C69410" s="1" t="s">
        <v>55</v>
      </c>
      <c r="D69410" s="1" t="s">
        <v>136756</v>
      </c>
      <c r="E69410" s="1" t="s">
        <v>231658</v>
      </c>
      <c r="F69410" s="1" t="s">
        <v>231659</v>
      </c>
      <c r="G69410" s="1" t="s">
        <v>231630</v>
      </c>
      <c r="H69410" s="1" t="s">
        <v>231631</v>
      </c>
      <c r="I69410" s="1" t="s">
        <v>222698</v>
      </c>
      <c r="J69410" s="1" t="s">
        <v>231660</v>
      </c>
    </row>
    <row r="69411" spans="1:10" x14ac:dyDescent="0.35">
      <c r="A69411" s="1" t="s">
        <v>15059</v>
      </c>
      <c r="B69411" s="1" t="s">
        <v>222693</v>
      </c>
      <c r="C69411" s="1" t="s">
        <v>60</v>
      </c>
      <c r="D69411" s="1" t="s">
        <v>138820</v>
      </c>
      <c r="E69411" s="1" t="s">
        <v>231661</v>
      </c>
      <c r="F69411" s="1" t="s">
        <v>231662</v>
      </c>
      <c r="G69411" s="1" t="s">
        <v>231630</v>
      </c>
      <c r="H69411" s="1" t="s">
        <v>231631</v>
      </c>
      <c r="I69411" s="1" t="s">
        <v>222698</v>
      </c>
      <c r="J69411" s="1" t="s">
        <v>231663</v>
      </c>
    </row>
    <row r="69412" spans="1:10" x14ac:dyDescent="0.35">
      <c r="A69412" s="1" t="s">
        <v>15059</v>
      </c>
      <c r="B69412" s="1" t="s">
        <v>222693</v>
      </c>
      <c r="C69412" s="1" t="s">
        <v>65</v>
      </c>
      <c r="D69412" s="1" t="s">
        <v>231664</v>
      </c>
      <c r="E69412" s="1" t="s">
        <v>231665</v>
      </c>
      <c r="F69412" s="1" t="s">
        <v>231666</v>
      </c>
      <c r="G69412" s="1" t="s">
        <v>231630</v>
      </c>
      <c r="H69412" s="1" t="s">
        <v>231631</v>
      </c>
      <c r="I69412" s="1" t="s">
        <v>222698</v>
      </c>
      <c r="J69412" s="1" t="s">
        <v>231667</v>
      </c>
    </row>
    <row r="69413" spans="1:10" x14ac:dyDescent="0.35">
      <c r="A69413" s="1" t="s">
        <v>15059</v>
      </c>
      <c r="B69413" s="1" t="s">
        <v>222693</v>
      </c>
      <c r="C69413" s="1" t="s">
        <v>70</v>
      </c>
      <c r="D69413" s="1" t="s">
        <v>91313</v>
      </c>
      <c r="E69413" s="1" t="s">
        <v>231668</v>
      </c>
      <c r="F69413" s="1" t="s">
        <v>231669</v>
      </c>
      <c r="G69413" s="1" t="s">
        <v>231630</v>
      </c>
      <c r="H69413" s="1" t="s">
        <v>231631</v>
      </c>
      <c r="I69413" s="1" t="s">
        <v>222698</v>
      </c>
      <c r="J69413" s="1" t="s">
        <v>231670</v>
      </c>
    </row>
    <row r="69414" spans="1:10" x14ac:dyDescent="0.35">
      <c r="A69414" s="1" t="s">
        <v>15059</v>
      </c>
      <c r="B69414" s="1" t="s">
        <v>222693</v>
      </c>
      <c r="C69414" s="1" t="s">
        <v>75</v>
      </c>
      <c r="D69414" s="1" t="s">
        <v>127122</v>
      </c>
      <c r="E69414" s="1" t="s">
        <v>231671</v>
      </c>
      <c r="F69414" s="1" t="s">
        <v>231672</v>
      </c>
      <c r="G69414" s="1" t="s">
        <v>231630</v>
      </c>
      <c r="H69414" s="1" t="s">
        <v>231631</v>
      </c>
      <c r="I69414" s="1" t="s">
        <v>222698</v>
      </c>
      <c r="J69414" s="1" t="s">
        <v>231673</v>
      </c>
    </row>
    <row r="69415" spans="1:10" x14ac:dyDescent="0.35">
      <c r="A69415" s="1" t="s">
        <v>15059</v>
      </c>
      <c r="B69415" s="1" t="s">
        <v>222693</v>
      </c>
      <c r="C69415" s="1" t="s">
        <v>80</v>
      </c>
      <c r="D69415" s="1" t="s">
        <v>99845</v>
      </c>
      <c r="E69415" s="1" t="s">
        <v>231674</v>
      </c>
      <c r="F69415" s="1" t="s">
        <v>231675</v>
      </c>
      <c r="G69415" s="1" t="s">
        <v>231630</v>
      </c>
      <c r="H69415" s="1" t="s">
        <v>231631</v>
      </c>
      <c r="I69415" s="1" t="s">
        <v>222698</v>
      </c>
      <c r="J69415" s="1" t="s">
        <v>231676</v>
      </c>
    </row>
    <row r="69416" spans="1:10" x14ac:dyDescent="0.35">
      <c r="A69416" s="1" t="s">
        <v>15059</v>
      </c>
      <c r="B69416" s="1" t="s">
        <v>222693</v>
      </c>
      <c r="C69416" s="1" t="s">
        <v>85</v>
      </c>
      <c r="D69416" s="1" t="s">
        <v>107595</v>
      </c>
      <c r="E69416" s="1" t="s">
        <v>231677</v>
      </c>
      <c r="F69416" s="1" t="s">
        <v>231678</v>
      </c>
      <c r="G69416" s="1" t="s">
        <v>231630</v>
      </c>
      <c r="H69416" s="1" t="s">
        <v>231631</v>
      </c>
      <c r="I69416" s="1" t="s">
        <v>222698</v>
      </c>
      <c r="J69416" s="1" t="s">
        <v>231679</v>
      </c>
    </row>
    <row r="69417" spans="1:10" x14ac:dyDescent="0.35">
      <c r="A69417" s="1" t="s">
        <v>15059</v>
      </c>
      <c r="B69417" s="1" t="s">
        <v>222693</v>
      </c>
      <c r="C69417" s="1" t="s">
        <v>90</v>
      </c>
      <c r="D69417" s="1" t="s">
        <v>167169</v>
      </c>
      <c r="E69417" s="1" t="s">
        <v>231680</v>
      </c>
      <c r="F69417" s="1" t="s">
        <v>231681</v>
      </c>
      <c r="G69417" s="1" t="s">
        <v>231630</v>
      </c>
      <c r="H69417" s="1" t="s">
        <v>231631</v>
      </c>
      <c r="I69417" s="1" t="s">
        <v>222698</v>
      </c>
      <c r="J69417" s="1" t="s">
        <v>231682</v>
      </c>
    </row>
    <row r="69418" spans="1:10" x14ac:dyDescent="0.35">
      <c r="A69418" s="1" t="s">
        <v>15059</v>
      </c>
      <c r="B69418" s="1" t="s">
        <v>222693</v>
      </c>
      <c r="C69418" s="1" t="s">
        <v>95</v>
      </c>
      <c r="D69418" s="1" t="s">
        <v>129826</v>
      </c>
      <c r="E69418" s="1" t="s">
        <v>231683</v>
      </c>
      <c r="F69418" s="1" t="s">
        <v>231684</v>
      </c>
      <c r="G69418" s="1" t="s">
        <v>231630</v>
      </c>
      <c r="H69418" s="1" t="s">
        <v>231631</v>
      </c>
      <c r="I69418" s="1" t="s">
        <v>222698</v>
      </c>
      <c r="J69418" s="1" t="s">
        <v>231685</v>
      </c>
    </row>
    <row r="69419" spans="1:10" x14ac:dyDescent="0.35">
      <c r="A69419" s="1" t="s">
        <v>15059</v>
      </c>
      <c r="B69419" s="1" t="s">
        <v>222693</v>
      </c>
      <c r="C69419" s="1" t="s">
        <v>100</v>
      </c>
      <c r="D69419" s="1" t="s">
        <v>87462</v>
      </c>
      <c r="E69419" s="1" t="s">
        <v>231686</v>
      </c>
      <c r="F69419" s="1" t="s">
        <v>231687</v>
      </c>
      <c r="G69419" s="1" t="s">
        <v>231630</v>
      </c>
      <c r="H69419" s="1" t="s">
        <v>231631</v>
      </c>
      <c r="I69419" s="1" t="s">
        <v>222698</v>
      </c>
      <c r="J69419" s="1" t="s">
        <v>231688</v>
      </c>
    </row>
    <row r="69420" spans="1:10" x14ac:dyDescent="0.35">
      <c r="A69420" s="1" t="s">
        <v>15059</v>
      </c>
      <c r="B69420" s="1" t="s">
        <v>222693</v>
      </c>
      <c r="C69420" s="1" t="s">
        <v>105</v>
      </c>
      <c r="D69420" s="1" t="s">
        <v>231689</v>
      </c>
      <c r="E69420" s="1" t="s">
        <v>231690</v>
      </c>
      <c r="F69420" s="1" t="s">
        <v>231691</v>
      </c>
      <c r="G69420" s="1" t="s">
        <v>231630</v>
      </c>
      <c r="H69420" s="1" t="s">
        <v>231631</v>
      </c>
      <c r="I69420" s="1" t="s">
        <v>222698</v>
      </c>
      <c r="J69420" s="1" t="s">
        <v>231692</v>
      </c>
    </row>
    <row r="69421" spans="1:10" x14ac:dyDescent="0.35">
      <c r="A69421" s="1" t="s">
        <v>15059</v>
      </c>
      <c r="B69421" s="1" t="s">
        <v>222693</v>
      </c>
      <c r="C69421" s="1" t="s">
        <v>110</v>
      </c>
      <c r="D69421" s="1" t="s">
        <v>24037</v>
      </c>
      <c r="E69421" s="1" t="s">
        <v>231693</v>
      </c>
      <c r="F69421" s="1" t="s">
        <v>231694</v>
      </c>
      <c r="G69421" s="1" t="s">
        <v>231630</v>
      </c>
      <c r="H69421" s="1" t="s">
        <v>231631</v>
      </c>
      <c r="I69421" s="1" t="s">
        <v>222698</v>
      </c>
      <c r="J69421" s="1" t="s">
        <v>231695</v>
      </c>
    </row>
    <row r="69422" spans="1:10" x14ac:dyDescent="0.35">
      <c r="A69422" s="1" t="s">
        <v>15059</v>
      </c>
      <c r="B69422" s="1" t="s">
        <v>222693</v>
      </c>
      <c r="C69422" s="1" t="s">
        <v>115</v>
      </c>
      <c r="D69422" s="1" t="s">
        <v>166241</v>
      </c>
      <c r="E69422" s="1" t="s">
        <v>231696</v>
      </c>
      <c r="F69422" s="1" t="s">
        <v>231697</v>
      </c>
      <c r="G69422" s="1" t="s">
        <v>231630</v>
      </c>
      <c r="H69422" s="1" t="s">
        <v>231631</v>
      </c>
      <c r="I69422" s="1" t="s">
        <v>222698</v>
      </c>
      <c r="J69422" s="1" t="s">
        <v>231698</v>
      </c>
    </row>
    <row r="69423" spans="1:10" x14ac:dyDescent="0.35">
      <c r="A69423" s="1" t="s">
        <v>15059</v>
      </c>
      <c r="B69423" s="1" t="s">
        <v>222693</v>
      </c>
      <c r="C69423" s="1" t="s">
        <v>120</v>
      </c>
      <c r="D69423" s="1" t="s">
        <v>231699</v>
      </c>
      <c r="E69423" s="1" t="s">
        <v>231700</v>
      </c>
      <c r="F69423" s="1" t="s">
        <v>231701</v>
      </c>
      <c r="G69423" s="1" t="s">
        <v>231630</v>
      </c>
      <c r="H69423" s="1" t="s">
        <v>231631</v>
      </c>
      <c r="I69423" s="1" t="s">
        <v>222698</v>
      </c>
      <c r="J69423" s="1" t="s">
        <v>231702</v>
      </c>
    </row>
    <row r="69424" spans="1:10" x14ac:dyDescent="0.35">
      <c r="A69424" s="1" t="s">
        <v>15059</v>
      </c>
      <c r="B69424" s="1" t="s">
        <v>222693</v>
      </c>
      <c r="C69424" s="1" t="s">
        <v>125</v>
      </c>
      <c r="D69424" s="1" t="s">
        <v>231703</v>
      </c>
      <c r="E69424" s="1" t="s">
        <v>231704</v>
      </c>
      <c r="F69424" s="1" t="s">
        <v>231705</v>
      </c>
      <c r="G69424" s="1" t="s">
        <v>231630</v>
      </c>
      <c r="H69424" s="1" t="s">
        <v>231631</v>
      </c>
      <c r="I69424" s="1" t="s">
        <v>222698</v>
      </c>
      <c r="J69424" s="1" t="s">
        <v>231706</v>
      </c>
    </row>
    <row r="69425" spans="1:10" x14ac:dyDescent="0.35">
      <c r="A69425" s="1" t="s">
        <v>15059</v>
      </c>
      <c r="B69425" s="1" t="s">
        <v>222693</v>
      </c>
      <c r="C69425" s="1" t="s">
        <v>130</v>
      </c>
      <c r="D69425" s="1" t="s">
        <v>231707</v>
      </c>
      <c r="E69425" s="1" t="s">
        <v>231708</v>
      </c>
      <c r="F69425" s="1" t="s">
        <v>231709</v>
      </c>
      <c r="G69425" s="1" t="s">
        <v>231630</v>
      </c>
      <c r="H69425" s="1" t="s">
        <v>231631</v>
      </c>
      <c r="I69425" s="1" t="s">
        <v>222698</v>
      </c>
      <c r="J69425" s="1" t="s">
        <v>231710</v>
      </c>
    </row>
    <row r="69426" spans="1:10" x14ac:dyDescent="0.35">
      <c r="A69426" s="1" t="s">
        <v>15059</v>
      </c>
      <c r="B69426" s="1" t="s">
        <v>222693</v>
      </c>
      <c r="C69426" s="1" t="s">
        <v>135</v>
      </c>
      <c r="D69426" s="1" t="s">
        <v>61192</v>
      </c>
      <c r="E69426" s="1" t="s">
        <v>231711</v>
      </c>
      <c r="F69426" s="1" t="s">
        <v>231712</v>
      </c>
      <c r="G69426" s="1" t="s">
        <v>231630</v>
      </c>
      <c r="H69426" s="1" t="s">
        <v>231631</v>
      </c>
      <c r="I69426" s="1" t="s">
        <v>222698</v>
      </c>
      <c r="J69426" s="1" t="s">
        <v>231713</v>
      </c>
    </row>
    <row r="69427" spans="1:10" x14ac:dyDescent="0.35">
      <c r="A69427" s="1" t="s">
        <v>15059</v>
      </c>
      <c r="B69427" s="1" t="s">
        <v>222693</v>
      </c>
      <c r="C69427" s="1" t="s">
        <v>140</v>
      </c>
      <c r="D69427" s="1" t="s">
        <v>20351</v>
      </c>
      <c r="E69427" s="1" t="s">
        <v>231714</v>
      </c>
      <c r="F69427" s="1" t="s">
        <v>231715</v>
      </c>
      <c r="G69427" s="1" t="s">
        <v>231630</v>
      </c>
      <c r="H69427" s="1" t="s">
        <v>231631</v>
      </c>
      <c r="I69427" s="1" t="s">
        <v>222698</v>
      </c>
      <c r="J69427" s="1" t="s">
        <v>231716</v>
      </c>
    </row>
    <row r="69428" spans="1:10" x14ac:dyDescent="0.35">
      <c r="A69428" s="1" t="s">
        <v>15059</v>
      </c>
      <c r="B69428" s="1" t="s">
        <v>222693</v>
      </c>
      <c r="C69428" s="1" t="s">
        <v>145</v>
      </c>
      <c r="D69428" s="1" t="s">
        <v>231717</v>
      </c>
      <c r="E69428" s="1" t="s">
        <v>231718</v>
      </c>
      <c r="F69428" s="1" t="s">
        <v>231719</v>
      </c>
      <c r="G69428" s="1" t="s">
        <v>231630</v>
      </c>
      <c r="H69428" s="1" t="s">
        <v>231631</v>
      </c>
      <c r="I69428" s="1" t="s">
        <v>222698</v>
      </c>
      <c r="J69428" s="1" t="s">
        <v>231720</v>
      </c>
    </row>
    <row r="69429" spans="1:10" x14ac:dyDescent="0.35">
      <c r="A69429" s="1" t="s">
        <v>15059</v>
      </c>
      <c r="B69429" s="1" t="s">
        <v>222693</v>
      </c>
      <c r="C69429" s="1" t="s">
        <v>150</v>
      </c>
      <c r="D69429" s="1" t="s">
        <v>231721</v>
      </c>
      <c r="E69429" s="1" t="s">
        <v>231722</v>
      </c>
      <c r="F69429" s="1" t="s">
        <v>231723</v>
      </c>
      <c r="G69429" s="1" t="s">
        <v>231630</v>
      </c>
      <c r="H69429" s="1" t="s">
        <v>231631</v>
      </c>
      <c r="I69429" s="1" t="s">
        <v>222698</v>
      </c>
      <c r="J69429" s="1" t="s">
        <v>231724</v>
      </c>
    </row>
    <row r="69430" spans="1:10" x14ac:dyDescent="0.35">
      <c r="A69430" s="1" t="s">
        <v>15059</v>
      </c>
      <c r="B69430" s="1" t="s">
        <v>222693</v>
      </c>
      <c r="C69430" s="1" t="s">
        <v>155</v>
      </c>
      <c r="D69430" s="1" t="s">
        <v>231725</v>
      </c>
      <c r="E69430" s="1" t="s">
        <v>231726</v>
      </c>
      <c r="F69430" s="1" t="s">
        <v>231727</v>
      </c>
      <c r="G69430" s="1" t="s">
        <v>231630</v>
      </c>
      <c r="H69430" s="1" t="s">
        <v>231631</v>
      </c>
      <c r="I69430" s="1" t="s">
        <v>222698</v>
      </c>
      <c r="J69430" s="1" t="s">
        <v>231728</v>
      </c>
    </row>
    <row r="69431" spans="1:10" x14ac:dyDescent="0.35">
      <c r="A69431" s="1" t="s">
        <v>15059</v>
      </c>
      <c r="B69431" s="1" t="s">
        <v>222693</v>
      </c>
      <c r="C69431" s="1" t="s">
        <v>160</v>
      </c>
      <c r="D69431" s="1" t="s">
        <v>231729</v>
      </c>
      <c r="E69431" s="1" t="s">
        <v>231730</v>
      </c>
      <c r="F69431" s="1" t="s">
        <v>231731</v>
      </c>
      <c r="G69431" s="1" t="s">
        <v>231630</v>
      </c>
      <c r="H69431" s="1" t="s">
        <v>231631</v>
      </c>
      <c r="I69431" s="1" t="s">
        <v>222698</v>
      </c>
      <c r="J69431" s="1" t="s">
        <v>231732</v>
      </c>
    </row>
    <row r="69432" spans="1:10" x14ac:dyDescent="0.35">
      <c r="A69432" s="1" t="s">
        <v>15059</v>
      </c>
      <c r="B69432" s="1" t="s">
        <v>222693</v>
      </c>
      <c r="C69432" s="1" t="s">
        <v>165</v>
      </c>
      <c r="D69432" s="1" t="s">
        <v>231733</v>
      </c>
      <c r="E69432" s="1" t="s">
        <v>231734</v>
      </c>
      <c r="F69432" s="1" t="s">
        <v>231735</v>
      </c>
      <c r="G69432" s="1" t="s">
        <v>231630</v>
      </c>
      <c r="H69432" s="1" t="s">
        <v>231631</v>
      </c>
      <c r="I69432" s="1" t="s">
        <v>222698</v>
      </c>
      <c r="J69432" s="1" t="s">
        <v>231736</v>
      </c>
    </row>
    <row r="69433" spans="1:10" x14ac:dyDescent="0.35">
      <c r="A69433" s="1" t="s">
        <v>15059</v>
      </c>
      <c r="B69433" s="1" t="s">
        <v>222693</v>
      </c>
      <c r="C69433" s="1" t="s">
        <v>170</v>
      </c>
      <c r="D69433" s="1" t="s">
        <v>226923</v>
      </c>
      <c r="E69433" s="1" t="s">
        <v>231737</v>
      </c>
      <c r="F69433" s="1" t="s">
        <v>231738</v>
      </c>
      <c r="G69433" s="1" t="s">
        <v>231630</v>
      </c>
      <c r="H69433" s="1" t="s">
        <v>231631</v>
      </c>
      <c r="I69433" s="1" t="s">
        <v>222698</v>
      </c>
      <c r="J69433" s="1" t="s">
        <v>231739</v>
      </c>
    </row>
    <row r="69434" spans="1:10" x14ac:dyDescent="0.35">
      <c r="A69434" s="1" t="s">
        <v>171910</v>
      </c>
      <c r="B69434" s="1" t="s">
        <v>222693</v>
      </c>
      <c r="C69434" s="1" t="s">
        <v>8</v>
      </c>
      <c r="D69434" s="1" t="s">
        <v>95367</v>
      </c>
      <c r="E69434" s="1" t="s">
        <v>231740</v>
      </c>
      <c r="F69434" s="1" t="s">
        <v>231741</v>
      </c>
      <c r="G69434" s="1" t="s">
        <v>231742</v>
      </c>
      <c r="H69434" s="1" t="s">
        <v>231743</v>
      </c>
      <c r="I69434" s="1" t="s">
        <v>222698</v>
      </c>
      <c r="J69434" s="1" t="s">
        <v>13</v>
      </c>
    </row>
    <row r="69435" spans="1:10" x14ac:dyDescent="0.35">
      <c r="A69435" s="1" t="s">
        <v>171910</v>
      </c>
      <c r="B69435" s="1" t="s">
        <v>222693</v>
      </c>
      <c r="C69435" s="1" t="s">
        <v>15</v>
      </c>
      <c r="D69435" s="1" t="s">
        <v>88960</v>
      </c>
      <c r="E69435" s="1" t="s">
        <v>231744</v>
      </c>
      <c r="F69435" s="1" t="s">
        <v>231745</v>
      </c>
      <c r="G69435" s="1" t="s">
        <v>231742</v>
      </c>
      <c r="H69435" s="1" t="s">
        <v>231743</v>
      </c>
      <c r="I69435" s="1" t="s">
        <v>222698</v>
      </c>
      <c r="J69435" s="1" t="s">
        <v>231746</v>
      </c>
    </row>
    <row r="69436" spans="1:10" x14ac:dyDescent="0.35">
      <c r="A69436" s="1" t="s">
        <v>171910</v>
      </c>
      <c r="B69436" s="1" t="s">
        <v>222693</v>
      </c>
      <c r="C69436" s="1" t="s">
        <v>20</v>
      </c>
      <c r="D69436" s="1" t="s">
        <v>99945</v>
      </c>
      <c r="E69436" s="1" t="s">
        <v>231747</v>
      </c>
      <c r="F69436" s="1" t="s">
        <v>231748</v>
      </c>
      <c r="G69436" s="1" t="s">
        <v>231742</v>
      </c>
      <c r="H69436" s="1" t="s">
        <v>231743</v>
      </c>
      <c r="I69436" s="1" t="s">
        <v>222698</v>
      </c>
      <c r="J69436" s="1" t="s">
        <v>231749</v>
      </c>
    </row>
    <row r="69437" spans="1:10" x14ac:dyDescent="0.35">
      <c r="A69437" s="1" t="s">
        <v>171910</v>
      </c>
      <c r="B69437" s="1" t="s">
        <v>222693</v>
      </c>
      <c r="C69437" s="1" t="s">
        <v>25</v>
      </c>
      <c r="D69437" s="1" t="s">
        <v>93595</v>
      </c>
      <c r="E69437" s="1" t="s">
        <v>231750</v>
      </c>
      <c r="F69437" s="1" t="s">
        <v>231751</v>
      </c>
      <c r="G69437" s="1" t="s">
        <v>231742</v>
      </c>
      <c r="H69437" s="1" t="s">
        <v>231743</v>
      </c>
      <c r="I69437" s="1" t="s">
        <v>222698</v>
      </c>
      <c r="J69437" s="1" t="s">
        <v>231752</v>
      </c>
    </row>
    <row r="69438" spans="1:10" x14ac:dyDescent="0.35">
      <c r="A69438" s="1" t="s">
        <v>171910</v>
      </c>
      <c r="B69438" s="1" t="s">
        <v>222693</v>
      </c>
      <c r="C69438" s="1" t="s">
        <v>30</v>
      </c>
      <c r="D69438" s="1" t="s">
        <v>230769</v>
      </c>
      <c r="E69438" s="1" t="s">
        <v>231753</v>
      </c>
      <c r="F69438" s="1" t="s">
        <v>231754</v>
      </c>
      <c r="G69438" s="1" t="s">
        <v>231742</v>
      </c>
      <c r="H69438" s="1" t="s">
        <v>231743</v>
      </c>
      <c r="I69438" s="1" t="s">
        <v>222698</v>
      </c>
      <c r="J69438" s="1" t="s">
        <v>231755</v>
      </c>
    </row>
    <row r="69439" spans="1:10" x14ac:dyDescent="0.35">
      <c r="A69439" s="1" t="s">
        <v>171910</v>
      </c>
      <c r="B69439" s="1" t="s">
        <v>222693</v>
      </c>
      <c r="C69439" s="1" t="s">
        <v>35</v>
      </c>
      <c r="D69439" s="1" t="s">
        <v>109459</v>
      </c>
      <c r="E69439" s="1" t="s">
        <v>231756</v>
      </c>
      <c r="F69439" s="1" t="s">
        <v>231757</v>
      </c>
      <c r="G69439" s="1" t="s">
        <v>231742</v>
      </c>
      <c r="H69439" s="1" t="s">
        <v>231743</v>
      </c>
      <c r="I69439" s="1" t="s">
        <v>222698</v>
      </c>
      <c r="J69439" s="1" t="s">
        <v>231758</v>
      </c>
    </row>
    <row r="69440" spans="1:10" x14ac:dyDescent="0.35">
      <c r="A69440" s="1" t="s">
        <v>171910</v>
      </c>
      <c r="B69440" s="1" t="s">
        <v>222693</v>
      </c>
      <c r="C69440" s="1" t="s">
        <v>40</v>
      </c>
      <c r="D69440" s="1" t="s">
        <v>93090</v>
      </c>
      <c r="E69440" s="1" t="s">
        <v>231759</v>
      </c>
      <c r="F69440" s="1" t="s">
        <v>231760</v>
      </c>
      <c r="G69440" s="1" t="s">
        <v>231742</v>
      </c>
      <c r="H69440" s="1" t="s">
        <v>231743</v>
      </c>
      <c r="I69440" s="1" t="s">
        <v>222698</v>
      </c>
      <c r="J69440" s="1" t="s">
        <v>231761</v>
      </c>
    </row>
    <row r="69441" spans="1:10" x14ac:dyDescent="0.35">
      <c r="A69441" s="1" t="s">
        <v>171910</v>
      </c>
      <c r="B69441" s="1" t="s">
        <v>222693</v>
      </c>
      <c r="C69441" s="1" t="s">
        <v>45</v>
      </c>
      <c r="D69441" s="1" t="s">
        <v>166587</v>
      </c>
      <c r="E69441" s="1" t="s">
        <v>231762</v>
      </c>
      <c r="F69441" s="1" t="s">
        <v>231763</v>
      </c>
      <c r="G69441" s="1" t="s">
        <v>231742</v>
      </c>
      <c r="H69441" s="1" t="s">
        <v>231743</v>
      </c>
      <c r="I69441" s="1" t="s">
        <v>222698</v>
      </c>
      <c r="J69441" s="1" t="s">
        <v>231764</v>
      </c>
    </row>
    <row r="69442" spans="1:10" x14ac:dyDescent="0.35">
      <c r="A69442" s="1" t="s">
        <v>171910</v>
      </c>
      <c r="B69442" s="1" t="s">
        <v>222693</v>
      </c>
      <c r="C69442" s="1" t="s">
        <v>50</v>
      </c>
      <c r="D69442" s="1" t="s">
        <v>231765</v>
      </c>
      <c r="E69442" s="1" t="s">
        <v>231766</v>
      </c>
      <c r="F69442" s="1" t="s">
        <v>231767</v>
      </c>
      <c r="G69442" s="1" t="s">
        <v>231742</v>
      </c>
      <c r="H69442" s="1" t="s">
        <v>231743</v>
      </c>
      <c r="I69442" s="1" t="s">
        <v>222698</v>
      </c>
      <c r="J69442" s="1" t="s">
        <v>231768</v>
      </c>
    </row>
    <row r="69443" spans="1:10" x14ac:dyDescent="0.35">
      <c r="A69443" s="1" t="s">
        <v>171910</v>
      </c>
      <c r="B69443" s="1" t="s">
        <v>222693</v>
      </c>
      <c r="C69443" s="1" t="s">
        <v>55</v>
      </c>
      <c r="D69443" s="1" t="s">
        <v>231769</v>
      </c>
      <c r="E69443" s="1" t="s">
        <v>231770</v>
      </c>
      <c r="F69443" s="1" t="s">
        <v>231771</v>
      </c>
      <c r="G69443" s="1" t="s">
        <v>231742</v>
      </c>
      <c r="H69443" s="1" t="s">
        <v>231743</v>
      </c>
      <c r="I69443" s="1" t="s">
        <v>222698</v>
      </c>
      <c r="J69443" s="1" t="s">
        <v>231772</v>
      </c>
    </row>
    <row r="69444" spans="1:10" x14ac:dyDescent="0.35">
      <c r="A69444" s="1" t="s">
        <v>171910</v>
      </c>
      <c r="B69444" s="1" t="s">
        <v>222693</v>
      </c>
      <c r="C69444" s="1" t="s">
        <v>60</v>
      </c>
      <c r="D69444" s="1" t="s">
        <v>90157</v>
      </c>
      <c r="E69444" s="1" t="s">
        <v>231773</v>
      </c>
      <c r="F69444" s="1" t="s">
        <v>231774</v>
      </c>
      <c r="G69444" s="1" t="s">
        <v>231742</v>
      </c>
      <c r="H69444" s="1" t="s">
        <v>231743</v>
      </c>
      <c r="I69444" s="1" t="s">
        <v>222698</v>
      </c>
      <c r="J69444" s="1" t="s">
        <v>231775</v>
      </c>
    </row>
    <row r="69445" spans="1:10" x14ac:dyDescent="0.35">
      <c r="A69445" s="1" t="s">
        <v>171910</v>
      </c>
      <c r="B69445" s="1" t="s">
        <v>222693</v>
      </c>
      <c r="C69445" s="1" t="s">
        <v>65</v>
      </c>
      <c r="D69445" s="1" t="s">
        <v>231776</v>
      </c>
      <c r="E69445" s="1" t="s">
        <v>231777</v>
      </c>
      <c r="F69445" s="1" t="s">
        <v>231778</v>
      </c>
      <c r="G69445" s="1" t="s">
        <v>231742</v>
      </c>
      <c r="H69445" s="1" t="s">
        <v>231743</v>
      </c>
      <c r="I69445" s="1" t="s">
        <v>222698</v>
      </c>
      <c r="J69445" s="1" t="s">
        <v>231779</v>
      </c>
    </row>
    <row r="69446" spans="1:10" x14ac:dyDescent="0.35">
      <c r="A69446" s="1" t="s">
        <v>171910</v>
      </c>
      <c r="B69446" s="1" t="s">
        <v>222693</v>
      </c>
      <c r="C69446" s="1" t="s">
        <v>70</v>
      </c>
      <c r="D69446" s="1" t="s">
        <v>68412</v>
      </c>
      <c r="E69446" s="1" t="s">
        <v>231780</v>
      </c>
      <c r="F69446" s="1" t="s">
        <v>231781</v>
      </c>
      <c r="G69446" s="1" t="s">
        <v>231742</v>
      </c>
      <c r="H69446" s="1" t="s">
        <v>231743</v>
      </c>
      <c r="I69446" s="1" t="s">
        <v>222698</v>
      </c>
      <c r="J69446" s="1" t="s">
        <v>231782</v>
      </c>
    </row>
    <row r="69447" spans="1:10" x14ac:dyDescent="0.35">
      <c r="A69447" s="1" t="s">
        <v>171910</v>
      </c>
      <c r="B69447" s="1" t="s">
        <v>222693</v>
      </c>
      <c r="C69447" s="1" t="s">
        <v>75</v>
      </c>
      <c r="D69447" s="1" t="s">
        <v>231769</v>
      </c>
      <c r="E69447" s="1" t="s">
        <v>231783</v>
      </c>
      <c r="F69447" s="1" t="s">
        <v>231784</v>
      </c>
      <c r="G69447" s="1" t="s">
        <v>231742</v>
      </c>
      <c r="H69447" s="1" t="s">
        <v>231743</v>
      </c>
      <c r="I69447" s="1" t="s">
        <v>222698</v>
      </c>
      <c r="J69447" s="1" t="s">
        <v>231785</v>
      </c>
    </row>
    <row r="69448" spans="1:10" x14ac:dyDescent="0.35">
      <c r="A69448" s="1" t="s">
        <v>171910</v>
      </c>
      <c r="B69448" s="1" t="s">
        <v>222693</v>
      </c>
      <c r="C69448" s="1" t="s">
        <v>80</v>
      </c>
      <c r="D69448" s="1" t="s">
        <v>4666</v>
      </c>
      <c r="E69448" s="1" t="s">
        <v>231786</v>
      </c>
      <c r="F69448" s="1" t="s">
        <v>231787</v>
      </c>
      <c r="G69448" s="1" t="s">
        <v>231742</v>
      </c>
      <c r="H69448" s="1" t="s">
        <v>231743</v>
      </c>
      <c r="I69448" s="1" t="s">
        <v>222698</v>
      </c>
      <c r="J69448" s="1" t="s">
        <v>231788</v>
      </c>
    </row>
    <row r="69449" spans="1:10" x14ac:dyDescent="0.35">
      <c r="A69449" s="1" t="s">
        <v>171910</v>
      </c>
      <c r="B69449" s="1" t="s">
        <v>222693</v>
      </c>
      <c r="C69449" s="1" t="s">
        <v>85</v>
      </c>
      <c r="D69449" s="1" t="s">
        <v>76623</v>
      </c>
      <c r="E69449" s="1" t="s">
        <v>231789</v>
      </c>
      <c r="F69449" s="1" t="s">
        <v>231790</v>
      </c>
      <c r="G69449" s="1" t="s">
        <v>231742</v>
      </c>
      <c r="H69449" s="1" t="s">
        <v>231743</v>
      </c>
      <c r="I69449" s="1" t="s">
        <v>222698</v>
      </c>
      <c r="J69449" s="1" t="s">
        <v>231791</v>
      </c>
    </row>
    <row r="69450" spans="1:10" x14ac:dyDescent="0.35">
      <c r="A69450" s="1" t="s">
        <v>171910</v>
      </c>
      <c r="B69450" s="1" t="s">
        <v>222693</v>
      </c>
      <c r="C69450" s="1" t="s">
        <v>90</v>
      </c>
      <c r="D69450" s="1" t="s">
        <v>231792</v>
      </c>
      <c r="E69450" s="1" t="s">
        <v>231793</v>
      </c>
      <c r="F69450" s="1" t="s">
        <v>231794</v>
      </c>
      <c r="G69450" s="1" t="s">
        <v>231742</v>
      </c>
      <c r="H69450" s="1" t="s">
        <v>231743</v>
      </c>
      <c r="I69450" s="1" t="s">
        <v>222698</v>
      </c>
      <c r="J69450" s="1" t="s">
        <v>231795</v>
      </c>
    </row>
    <row r="69451" spans="1:10" x14ac:dyDescent="0.35">
      <c r="A69451" s="1" t="s">
        <v>171910</v>
      </c>
      <c r="B69451" s="1" t="s">
        <v>222693</v>
      </c>
      <c r="C69451" s="1" t="s">
        <v>95</v>
      </c>
      <c r="D69451" s="1" t="s">
        <v>231796</v>
      </c>
      <c r="E69451" s="1" t="s">
        <v>231797</v>
      </c>
      <c r="F69451" s="1" t="s">
        <v>231798</v>
      </c>
      <c r="G69451" s="1" t="s">
        <v>231742</v>
      </c>
      <c r="H69451" s="1" t="s">
        <v>231743</v>
      </c>
      <c r="I69451" s="1" t="s">
        <v>222698</v>
      </c>
      <c r="J69451" s="1" t="s">
        <v>231799</v>
      </c>
    </row>
    <row r="69452" spans="1:10" x14ac:dyDescent="0.35">
      <c r="A69452" s="1" t="s">
        <v>171910</v>
      </c>
      <c r="B69452" s="1" t="s">
        <v>222693</v>
      </c>
      <c r="C69452" s="1" t="s">
        <v>100</v>
      </c>
      <c r="D69452" s="1" t="s">
        <v>231800</v>
      </c>
      <c r="E69452" s="1" t="s">
        <v>231801</v>
      </c>
      <c r="F69452" s="1" t="s">
        <v>231802</v>
      </c>
      <c r="G69452" s="1" t="s">
        <v>231742</v>
      </c>
      <c r="H69452" s="1" t="s">
        <v>231743</v>
      </c>
      <c r="I69452" s="1" t="s">
        <v>222698</v>
      </c>
      <c r="J69452" s="1" t="s">
        <v>231803</v>
      </c>
    </row>
    <row r="69453" spans="1:10" x14ac:dyDescent="0.35">
      <c r="A69453" s="1" t="s">
        <v>171910</v>
      </c>
      <c r="B69453" s="1" t="s">
        <v>222693</v>
      </c>
      <c r="C69453" s="1" t="s">
        <v>105</v>
      </c>
      <c r="D69453" s="1" t="s">
        <v>140189</v>
      </c>
      <c r="E69453" s="1" t="s">
        <v>231804</v>
      </c>
      <c r="F69453" s="1" t="s">
        <v>231805</v>
      </c>
      <c r="G69453" s="1" t="s">
        <v>231742</v>
      </c>
      <c r="H69453" s="1" t="s">
        <v>231743</v>
      </c>
      <c r="I69453" s="1" t="s">
        <v>222698</v>
      </c>
      <c r="J69453" s="1" t="s">
        <v>231806</v>
      </c>
    </row>
    <row r="69454" spans="1:10" x14ac:dyDescent="0.35">
      <c r="A69454" s="1" t="s">
        <v>171910</v>
      </c>
      <c r="B69454" s="1" t="s">
        <v>222693</v>
      </c>
      <c r="C69454" s="1" t="s">
        <v>110</v>
      </c>
      <c r="D69454" s="1" t="s">
        <v>22598</v>
      </c>
      <c r="E69454" s="1" t="s">
        <v>231807</v>
      </c>
      <c r="F69454" s="1" t="s">
        <v>231808</v>
      </c>
      <c r="G69454" s="1" t="s">
        <v>231742</v>
      </c>
      <c r="H69454" s="1" t="s">
        <v>231743</v>
      </c>
      <c r="I69454" s="1" t="s">
        <v>222698</v>
      </c>
      <c r="J69454" s="1" t="s">
        <v>231809</v>
      </c>
    </row>
    <row r="69455" spans="1:10" x14ac:dyDescent="0.35">
      <c r="A69455" s="1" t="s">
        <v>171910</v>
      </c>
      <c r="B69455" s="1" t="s">
        <v>222693</v>
      </c>
      <c r="C69455" s="1" t="s">
        <v>115</v>
      </c>
      <c r="D69455" s="1" t="s">
        <v>231810</v>
      </c>
      <c r="E69455" s="1" t="s">
        <v>231811</v>
      </c>
      <c r="F69455" s="1" t="s">
        <v>231812</v>
      </c>
      <c r="G69455" s="1" t="s">
        <v>231742</v>
      </c>
      <c r="H69455" s="1" t="s">
        <v>231743</v>
      </c>
      <c r="I69455" s="1" t="s">
        <v>222698</v>
      </c>
      <c r="J69455" s="1" t="s">
        <v>231813</v>
      </c>
    </row>
    <row r="69456" spans="1:10" x14ac:dyDescent="0.35">
      <c r="A69456" s="1" t="s">
        <v>171910</v>
      </c>
      <c r="B69456" s="1" t="s">
        <v>222693</v>
      </c>
      <c r="C69456" s="1" t="s">
        <v>120</v>
      </c>
      <c r="D69456" s="1" t="s">
        <v>231814</v>
      </c>
      <c r="E69456" s="1" t="s">
        <v>231815</v>
      </c>
      <c r="F69456" s="1" t="s">
        <v>231816</v>
      </c>
      <c r="G69456" s="1" t="s">
        <v>231742</v>
      </c>
      <c r="H69456" s="1" t="s">
        <v>231743</v>
      </c>
      <c r="I69456" s="1" t="s">
        <v>222698</v>
      </c>
      <c r="J69456" s="1" t="s">
        <v>231817</v>
      </c>
    </row>
    <row r="69457" spans="1:10" x14ac:dyDescent="0.35">
      <c r="A69457" s="1" t="s">
        <v>171910</v>
      </c>
      <c r="B69457" s="1" t="s">
        <v>222693</v>
      </c>
      <c r="C69457" s="1" t="s">
        <v>125</v>
      </c>
      <c r="D69457" s="1" t="s">
        <v>15164</v>
      </c>
      <c r="E69457" s="1" t="s">
        <v>231818</v>
      </c>
      <c r="F69457" s="1" t="s">
        <v>231819</v>
      </c>
      <c r="G69457" s="1" t="s">
        <v>231742</v>
      </c>
      <c r="H69457" s="1" t="s">
        <v>231743</v>
      </c>
      <c r="I69457" s="1" t="s">
        <v>222698</v>
      </c>
      <c r="J69457" s="1" t="s">
        <v>231820</v>
      </c>
    </row>
    <row r="69458" spans="1:10" x14ac:dyDescent="0.35">
      <c r="A69458" s="1" t="s">
        <v>171910</v>
      </c>
      <c r="B69458" s="1" t="s">
        <v>222693</v>
      </c>
      <c r="C69458" s="1" t="s">
        <v>130</v>
      </c>
      <c r="D69458" s="1" t="s">
        <v>101528</v>
      </c>
      <c r="E69458" s="1" t="s">
        <v>231821</v>
      </c>
      <c r="F69458" s="1" t="s">
        <v>231822</v>
      </c>
      <c r="G69458" s="1" t="s">
        <v>231742</v>
      </c>
      <c r="H69458" s="1" t="s">
        <v>231743</v>
      </c>
      <c r="I69458" s="1" t="s">
        <v>222698</v>
      </c>
      <c r="J69458" s="1" t="s">
        <v>231823</v>
      </c>
    </row>
    <row r="69459" spans="1:10" x14ac:dyDescent="0.35">
      <c r="A69459" s="1" t="s">
        <v>171910</v>
      </c>
      <c r="B69459" s="1" t="s">
        <v>222693</v>
      </c>
      <c r="C69459" s="1" t="s">
        <v>135</v>
      </c>
      <c r="D69459" s="1" t="s">
        <v>231824</v>
      </c>
      <c r="E69459" s="1" t="s">
        <v>231825</v>
      </c>
      <c r="F69459" s="1" t="s">
        <v>231826</v>
      </c>
      <c r="G69459" s="1" t="s">
        <v>231742</v>
      </c>
      <c r="H69459" s="1" t="s">
        <v>231743</v>
      </c>
      <c r="I69459" s="1" t="s">
        <v>222698</v>
      </c>
      <c r="J69459" s="1" t="s">
        <v>231827</v>
      </c>
    </row>
    <row r="69460" spans="1:10" x14ac:dyDescent="0.35">
      <c r="A69460" s="1" t="s">
        <v>171910</v>
      </c>
      <c r="B69460" s="1" t="s">
        <v>222693</v>
      </c>
      <c r="C69460" s="1" t="s">
        <v>140</v>
      </c>
      <c r="D69460" s="1" t="s">
        <v>231828</v>
      </c>
      <c r="E69460" s="1" t="s">
        <v>231829</v>
      </c>
      <c r="F69460" s="1" t="s">
        <v>231830</v>
      </c>
      <c r="G69460" s="1" t="s">
        <v>231742</v>
      </c>
      <c r="H69460" s="1" t="s">
        <v>231743</v>
      </c>
      <c r="I69460" s="1" t="s">
        <v>222698</v>
      </c>
      <c r="J69460" s="1" t="s">
        <v>231831</v>
      </c>
    </row>
    <row r="69461" spans="1:10" x14ac:dyDescent="0.35">
      <c r="A69461" s="1" t="s">
        <v>171910</v>
      </c>
      <c r="B69461" s="1" t="s">
        <v>222693</v>
      </c>
      <c r="C69461" s="1" t="s">
        <v>145</v>
      </c>
      <c r="D69461" s="1" t="s">
        <v>231832</v>
      </c>
      <c r="E69461" s="1" t="s">
        <v>231833</v>
      </c>
      <c r="F69461" s="1" t="s">
        <v>231834</v>
      </c>
      <c r="G69461" s="1" t="s">
        <v>231742</v>
      </c>
      <c r="H69461" s="1" t="s">
        <v>231743</v>
      </c>
      <c r="I69461" s="1" t="s">
        <v>222698</v>
      </c>
      <c r="J69461" s="1" t="s">
        <v>231835</v>
      </c>
    </row>
    <row r="69462" spans="1:10" x14ac:dyDescent="0.35">
      <c r="A69462" s="1" t="s">
        <v>171910</v>
      </c>
      <c r="B69462" s="1" t="s">
        <v>222693</v>
      </c>
      <c r="C69462" s="1" t="s">
        <v>150</v>
      </c>
      <c r="D69462" s="1" t="s">
        <v>132897</v>
      </c>
      <c r="E69462" s="1" t="s">
        <v>231836</v>
      </c>
      <c r="F69462" s="1" t="s">
        <v>231837</v>
      </c>
      <c r="G69462" s="1" t="s">
        <v>231742</v>
      </c>
      <c r="H69462" s="1" t="s">
        <v>231743</v>
      </c>
      <c r="I69462" s="1" t="s">
        <v>222698</v>
      </c>
      <c r="J69462" s="1" t="s">
        <v>231838</v>
      </c>
    </row>
    <row r="69463" spans="1:10" x14ac:dyDescent="0.35">
      <c r="A69463" s="1" t="s">
        <v>171910</v>
      </c>
      <c r="B69463" s="1" t="s">
        <v>222693</v>
      </c>
      <c r="C69463" s="1" t="s">
        <v>155</v>
      </c>
      <c r="D69463" s="1" t="s">
        <v>231839</v>
      </c>
      <c r="E69463" s="1" t="s">
        <v>231840</v>
      </c>
      <c r="F69463" s="1" t="s">
        <v>231841</v>
      </c>
      <c r="G69463" s="1" t="s">
        <v>231742</v>
      </c>
      <c r="H69463" s="1" t="s">
        <v>231743</v>
      </c>
      <c r="I69463" s="1" t="s">
        <v>222698</v>
      </c>
      <c r="J69463" s="1" t="s">
        <v>231842</v>
      </c>
    </row>
    <row r="69464" spans="1:10" x14ac:dyDescent="0.35">
      <c r="A69464" s="1" t="s">
        <v>171910</v>
      </c>
      <c r="B69464" s="1" t="s">
        <v>222693</v>
      </c>
      <c r="C69464" s="1" t="s">
        <v>160</v>
      </c>
      <c r="D69464" s="1" t="s">
        <v>231843</v>
      </c>
      <c r="E69464" s="1" t="s">
        <v>231844</v>
      </c>
      <c r="F69464" s="1" t="s">
        <v>231845</v>
      </c>
      <c r="G69464" s="1" t="s">
        <v>231742</v>
      </c>
      <c r="H69464" s="1" t="s">
        <v>231743</v>
      </c>
      <c r="I69464" s="1" t="s">
        <v>222698</v>
      </c>
      <c r="J69464" s="1" t="s">
        <v>231846</v>
      </c>
    </row>
    <row r="69465" spans="1:10" x14ac:dyDescent="0.35">
      <c r="A69465" s="1" t="s">
        <v>171910</v>
      </c>
      <c r="B69465" s="1" t="s">
        <v>222693</v>
      </c>
      <c r="C69465" s="1" t="s">
        <v>165</v>
      </c>
      <c r="D69465" s="1" t="s">
        <v>134251</v>
      </c>
      <c r="E69465" s="1" t="s">
        <v>231847</v>
      </c>
      <c r="F69465" s="1" t="s">
        <v>231848</v>
      </c>
      <c r="G69465" s="1" t="s">
        <v>231742</v>
      </c>
      <c r="H69465" s="1" t="s">
        <v>231743</v>
      </c>
      <c r="I69465" s="1" t="s">
        <v>222698</v>
      </c>
      <c r="J69465" s="1" t="s">
        <v>231849</v>
      </c>
    </row>
    <row r="69466" spans="1:10" x14ac:dyDescent="0.35">
      <c r="A69466" s="1" t="s">
        <v>171910</v>
      </c>
      <c r="B69466" s="1" t="s">
        <v>222693</v>
      </c>
      <c r="C69466" s="1" t="s">
        <v>170</v>
      </c>
      <c r="D69466" s="1" t="s">
        <v>231850</v>
      </c>
      <c r="E69466" s="1" t="s">
        <v>231851</v>
      </c>
      <c r="F69466" s="1" t="s">
        <v>231852</v>
      </c>
      <c r="G69466" s="1" t="s">
        <v>231742</v>
      </c>
      <c r="H69466" s="1" t="s">
        <v>231743</v>
      </c>
      <c r="I69466" s="1" t="s">
        <v>222698</v>
      </c>
      <c r="J69466" s="1" t="s">
        <v>231853</v>
      </c>
    </row>
    <row r="69467" spans="1:10" x14ac:dyDescent="0.35">
      <c r="A69467" s="1" t="s">
        <v>8321</v>
      </c>
      <c r="B69467" s="1" t="s">
        <v>222693</v>
      </c>
      <c r="C69467" s="1" t="s">
        <v>8</v>
      </c>
      <c r="D69467" s="1" t="s">
        <v>78360</v>
      </c>
      <c r="E69467" s="1" t="s">
        <v>231854</v>
      </c>
      <c r="F69467" s="1" t="s">
        <v>231855</v>
      </c>
      <c r="G69467" s="1" t="s">
        <v>231856</v>
      </c>
      <c r="H69467" s="1" t="s">
        <v>231857</v>
      </c>
      <c r="I69467" s="1" t="s">
        <v>222698</v>
      </c>
      <c r="J69467" s="1" t="s">
        <v>13</v>
      </c>
    </row>
    <row r="69468" spans="1:10" x14ac:dyDescent="0.35">
      <c r="A69468" s="1" t="s">
        <v>8321</v>
      </c>
      <c r="B69468" s="1" t="s">
        <v>222693</v>
      </c>
      <c r="C69468" s="1" t="s">
        <v>15</v>
      </c>
      <c r="D69468" s="1" t="s">
        <v>67635</v>
      </c>
      <c r="E69468" s="1" t="s">
        <v>231858</v>
      </c>
      <c r="F69468" s="1" t="s">
        <v>231859</v>
      </c>
      <c r="G69468" s="1" t="s">
        <v>231856</v>
      </c>
      <c r="H69468" s="1" t="s">
        <v>231857</v>
      </c>
      <c r="I69468" s="1" t="s">
        <v>222698</v>
      </c>
      <c r="J69468" s="1" t="s">
        <v>231860</v>
      </c>
    </row>
    <row r="69469" spans="1:10" x14ac:dyDescent="0.35">
      <c r="A69469" s="1" t="s">
        <v>8321</v>
      </c>
      <c r="B69469" s="1" t="s">
        <v>222693</v>
      </c>
      <c r="C69469" s="1" t="s">
        <v>20</v>
      </c>
      <c r="D69469" s="1" t="s">
        <v>94650</v>
      </c>
      <c r="E69469" s="1" t="s">
        <v>231861</v>
      </c>
      <c r="F69469" s="1" t="s">
        <v>231862</v>
      </c>
      <c r="G69469" s="1" t="s">
        <v>231856</v>
      </c>
      <c r="H69469" s="1" t="s">
        <v>231857</v>
      </c>
      <c r="I69469" s="1" t="s">
        <v>222698</v>
      </c>
      <c r="J69469" s="1" t="s">
        <v>231863</v>
      </c>
    </row>
    <row r="69470" spans="1:10" x14ac:dyDescent="0.35">
      <c r="A69470" s="1" t="s">
        <v>8321</v>
      </c>
      <c r="B69470" s="1" t="s">
        <v>222693</v>
      </c>
      <c r="C69470" s="1" t="s">
        <v>25</v>
      </c>
      <c r="D69470" s="1" t="s">
        <v>228197</v>
      </c>
      <c r="E69470" s="1" t="s">
        <v>231864</v>
      </c>
      <c r="F69470" s="1" t="s">
        <v>231865</v>
      </c>
      <c r="G69470" s="1" t="s">
        <v>231856</v>
      </c>
      <c r="H69470" s="1" t="s">
        <v>231857</v>
      </c>
      <c r="I69470" s="1" t="s">
        <v>222698</v>
      </c>
      <c r="J69470" s="1" t="s">
        <v>231866</v>
      </c>
    </row>
    <row r="69471" spans="1:10" x14ac:dyDescent="0.35">
      <c r="A69471" s="1" t="s">
        <v>8321</v>
      </c>
      <c r="B69471" s="1" t="s">
        <v>222693</v>
      </c>
      <c r="C69471" s="1" t="s">
        <v>30</v>
      </c>
      <c r="D69471" s="1" t="s">
        <v>231867</v>
      </c>
      <c r="E69471" s="1" t="s">
        <v>231868</v>
      </c>
      <c r="F69471" s="1" t="s">
        <v>231869</v>
      </c>
      <c r="G69471" s="1" t="s">
        <v>231856</v>
      </c>
      <c r="H69471" s="1" t="s">
        <v>231857</v>
      </c>
      <c r="I69471" s="1" t="s">
        <v>222698</v>
      </c>
      <c r="J69471" s="1" t="s">
        <v>231870</v>
      </c>
    </row>
    <row r="69472" spans="1:10" x14ac:dyDescent="0.35">
      <c r="A69472" s="1" t="s">
        <v>8321</v>
      </c>
      <c r="B69472" s="1" t="s">
        <v>222693</v>
      </c>
      <c r="C69472" s="1" t="s">
        <v>35</v>
      </c>
      <c r="D69472" s="1" t="s">
        <v>231871</v>
      </c>
      <c r="E69472" s="1" t="s">
        <v>231872</v>
      </c>
      <c r="F69472" s="1" t="s">
        <v>231873</v>
      </c>
      <c r="G69472" s="1" t="s">
        <v>231856</v>
      </c>
      <c r="H69472" s="1" t="s">
        <v>231857</v>
      </c>
      <c r="I69472" s="1" t="s">
        <v>222698</v>
      </c>
      <c r="J69472" s="1" t="s">
        <v>231874</v>
      </c>
    </row>
    <row r="69473" spans="1:10" x14ac:dyDescent="0.35">
      <c r="A69473" s="1" t="s">
        <v>8321</v>
      </c>
      <c r="B69473" s="1" t="s">
        <v>222693</v>
      </c>
      <c r="C69473" s="1" t="s">
        <v>40</v>
      </c>
      <c r="D69473" s="1" t="s">
        <v>130772</v>
      </c>
      <c r="E69473" s="1" t="s">
        <v>231875</v>
      </c>
      <c r="F69473" s="1" t="s">
        <v>231876</v>
      </c>
      <c r="G69473" s="1" t="s">
        <v>231856</v>
      </c>
      <c r="H69473" s="1" t="s">
        <v>231857</v>
      </c>
      <c r="I69473" s="1" t="s">
        <v>222698</v>
      </c>
      <c r="J69473" s="1" t="s">
        <v>231877</v>
      </c>
    </row>
    <row r="69474" spans="1:10" x14ac:dyDescent="0.35">
      <c r="A69474" s="1" t="s">
        <v>8321</v>
      </c>
      <c r="B69474" s="1" t="s">
        <v>222693</v>
      </c>
      <c r="C69474" s="1" t="s">
        <v>45</v>
      </c>
      <c r="D69474" s="1" t="s">
        <v>97490</v>
      </c>
      <c r="E69474" s="1" t="s">
        <v>231878</v>
      </c>
      <c r="F69474" s="1" t="s">
        <v>231879</v>
      </c>
      <c r="G69474" s="1" t="s">
        <v>231856</v>
      </c>
      <c r="H69474" s="1" t="s">
        <v>231857</v>
      </c>
      <c r="I69474" s="1" t="s">
        <v>222698</v>
      </c>
      <c r="J69474" s="1" t="s">
        <v>231880</v>
      </c>
    </row>
    <row r="69475" spans="1:10" x14ac:dyDescent="0.35">
      <c r="A69475" s="1" t="s">
        <v>8321</v>
      </c>
      <c r="B69475" s="1" t="s">
        <v>222693</v>
      </c>
      <c r="C69475" s="1" t="s">
        <v>50</v>
      </c>
      <c r="D69475" s="1" t="s">
        <v>131612</v>
      </c>
      <c r="E69475" s="1" t="s">
        <v>231881</v>
      </c>
      <c r="F69475" s="1" t="s">
        <v>231882</v>
      </c>
      <c r="G69475" s="1" t="s">
        <v>231856</v>
      </c>
      <c r="H69475" s="1" t="s">
        <v>231857</v>
      </c>
      <c r="I69475" s="1" t="s">
        <v>222698</v>
      </c>
      <c r="J69475" s="1" t="s">
        <v>231883</v>
      </c>
    </row>
    <row r="69476" spans="1:10" x14ac:dyDescent="0.35">
      <c r="A69476" s="1" t="s">
        <v>8321</v>
      </c>
      <c r="B69476" s="1" t="s">
        <v>222693</v>
      </c>
      <c r="C69476" s="1" t="s">
        <v>55</v>
      </c>
      <c r="D69476" s="1" t="s">
        <v>231884</v>
      </c>
      <c r="E69476" s="1" t="s">
        <v>231885</v>
      </c>
      <c r="F69476" s="1" t="s">
        <v>231886</v>
      </c>
      <c r="G69476" s="1" t="s">
        <v>231856</v>
      </c>
      <c r="H69476" s="1" t="s">
        <v>231857</v>
      </c>
      <c r="I69476" s="1" t="s">
        <v>222698</v>
      </c>
      <c r="J69476" s="1" t="s">
        <v>231887</v>
      </c>
    </row>
    <row r="69477" spans="1:10" x14ac:dyDescent="0.35">
      <c r="A69477" s="1" t="s">
        <v>8321</v>
      </c>
      <c r="B69477" s="1" t="s">
        <v>222693</v>
      </c>
      <c r="C69477" s="1" t="s">
        <v>60</v>
      </c>
      <c r="D69477" s="1" t="s">
        <v>231888</v>
      </c>
      <c r="E69477" s="1" t="s">
        <v>231889</v>
      </c>
      <c r="F69477" s="1" t="s">
        <v>231890</v>
      </c>
      <c r="G69477" s="1" t="s">
        <v>231856</v>
      </c>
      <c r="H69477" s="1" t="s">
        <v>231857</v>
      </c>
      <c r="I69477" s="1" t="s">
        <v>222698</v>
      </c>
      <c r="J69477" s="1" t="s">
        <v>231891</v>
      </c>
    </row>
    <row r="69478" spans="1:10" x14ac:dyDescent="0.35">
      <c r="A69478" s="1" t="s">
        <v>8321</v>
      </c>
      <c r="B69478" s="1" t="s">
        <v>222693</v>
      </c>
      <c r="C69478" s="1" t="s">
        <v>65</v>
      </c>
      <c r="D69478" s="1" t="s">
        <v>231892</v>
      </c>
      <c r="E69478" s="1" t="s">
        <v>231893</v>
      </c>
      <c r="F69478" s="1" t="s">
        <v>231894</v>
      </c>
      <c r="G69478" s="1" t="s">
        <v>231856</v>
      </c>
      <c r="H69478" s="1" t="s">
        <v>231857</v>
      </c>
      <c r="I69478" s="1" t="s">
        <v>222698</v>
      </c>
      <c r="J69478" s="1" t="s">
        <v>231895</v>
      </c>
    </row>
    <row r="69479" spans="1:10" x14ac:dyDescent="0.35">
      <c r="A69479" s="1" t="s">
        <v>8321</v>
      </c>
      <c r="B69479" s="1" t="s">
        <v>222693</v>
      </c>
      <c r="C69479" s="1" t="s">
        <v>70</v>
      </c>
      <c r="D69479" s="1" t="s">
        <v>231896</v>
      </c>
      <c r="E69479" s="1" t="s">
        <v>231897</v>
      </c>
      <c r="F69479" s="1" t="s">
        <v>231898</v>
      </c>
      <c r="G69479" s="1" t="s">
        <v>231856</v>
      </c>
      <c r="H69479" s="1" t="s">
        <v>231857</v>
      </c>
      <c r="I69479" s="1" t="s">
        <v>222698</v>
      </c>
      <c r="J69479" s="1" t="s">
        <v>231899</v>
      </c>
    </row>
    <row r="69480" spans="1:10" x14ac:dyDescent="0.35">
      <c r="A69480" s="1" t="s">
        <v>8321</v>
      </c>
      <c r="B69480" s="1" t="s">
        <v>222693</v>
      </c>
      <c r="C69480" s="1" t="s">
        <v>75</v>
      </c>
      <c r="D69480" s="1" t="s">
        <v>89315</v>
      </c>
      <c r="E69480" s="1" t="s">
        <v>231900</v>
      </c>
      <c r="F69480" s="1" t="s">
        <v>231901</v>
      </c>
      <c r="G69480" s="1" t="s">
        <v>231856</v>
      </c>
      <c r="H69480" s="1" t="s">
        <v>231857</v>
      </c>
      <c r="I69480" s="1" t="s">
        <v>222698</v>
      </c>
      <c r="J69480" s="1" t="s">
        <v>231902</v>
      </c>
    </row>
    <row r="69481" spans="1:10" x14ac:dyDescent="0.35">
      <c r="A69481" s="1" t="s">
        <v>8321</v>
      </c>
      <c r="B69481" s="1" t="s">
        <v>222693</v>
      </c>
      <c r="C69481" s="1" t="s">
        <v>80</v>
      </c>
      <c r="D69481" s="1" t="s">
        <v>231903</v>
      </c>
      <c r="E69481" s="1" t="s">
        <v>231904</v>
      </c>
      <c r="F69481" s="1" t="s">
        <v>231905</v>
      </c>
      <c r="G69481" s="1" t="s">
        <v>231856</v>
      </c>
      <c r="H69481" s="1" t="s">
        <v>231857</v>
      </c>
      <c r="I69481" s="1" t="s">
        <v>222698</v>
      </c>
      <c r="J69481" s="1" t="s">
        <v>231906</v>
      </c>
    </row>
    <row r="69482" spans="1:10" x14ac:dyDescent="0.35">
      <c r="A69482" s="1" t="s">
        <v>8321</v>
      </c>
      <c r="B69482" s="1" t="s">
        <v>222693</v>
      </c>
      <c r="C69482" s="1" t="s">
        <v>85</v>
      </c>
      <c r="D69482" s="1" t="s">
        <v>231907</v>
      </c>
      <c r="E69482" s="1" t="s">
        <v>231908</v>
      </c>
      <c r="F69482" s="1" t="s">
        <v>231909</v>
      </c>
      <c r="G69482" s="1" t="s">
        <v>231856</v>
      </c>
      <c r="H69482" s="1" t="s">
        <v>231857</v>
      </c>
      <c r="I69482" s="1" t="s">
        <v>222698</v>
      </c>
      <c r="J69482" s="1" t="s">
        <v>231910</v>
      </c>
    </row>
    <row r="69483" spans="1:10" x14ac:dyDescent="0.35">
      <c r="A69483" s="1" t="s">
        <v>8321</v>
      </c>
      <c r="B69483" s="1" t="s">
        <v>222693</v>
      </c>
      <c r="C69483" s="1" t="s">
        <v>90</v>
      </c>
      <c r="D69483" s="1" t="s">
        <v>231911</v>
      </c>
      <c r="E69483" s="1" t="s">
        <v>231912</v>
      </c>
      <c r="F69483" s="1" t="s">
        <v>231913</v>
      </c>
      <c r="G69483" s="1" t="s">
        <v>231856</v>
      </c>
      <c r="H69483" s="1" t="s">
        <v>231857</v>
      </c>
      <c r="I69483" s="1" t="s">
        <v>222698</v>
      </c>
      <c r="J69483" s="1" t="s">
        <v>144150</v>
      </c>
    </row>
    <row r="69484" spans="1:10" x14ac:dyDescent="0.35">
      <c r="A69484" s="1" t="s">
        <v>8321</v>
      </c>
      <c r="B69484" s="1" t="s">
        <v>222693</v>
      </c>
      <c r="C69484" s="1" t="s">
        <v>95</v>
      </c>
      <c r="D69484" s="1" t="s">
        <v>231914</v>
      </c>
      <c r="E69484" s="1" t="s">
        <v>231915</v>
      </c>
      <c r="F69484" s="1" t="s">
        <v>231916</v>
      </c>
      <c r="G69484" s="1" t="s">
        <v>231856</v>
      </c>
      <c r="H69484" s="1" t="s">
        <v>231857</v>
      </c>
      <c r="I69484" s="1" t="s">
        <v>222698</v>
      </c>
      <c r="J69484" s="1" t="s">
        <v>231917</v>
      </c>
    </row>
    <row r="69485" spans="1:10" x14ac:dyDescent="0.35">
      <c r="A69485" s="1" t="s">
        <v>8321</v>
      </c>
      <c r="B69485" s="1" t="s">
        <v>222693</v>
      </c>
      <c r="C69485" s="1" t="s">
        <v>100</v>
      </c>
      <c r="D69485" s="1" t="s">
        <v>226344</v>
      </c>
      <c r="E69485" s="1" t="s">
        <v>231918</v>
      </c>
      <c r="F69485" s="1" t="s">
        <v>231919</v>
      </c>
      <c r="G69485" s="1" t="s">
        <v>231856</v>
      </c>
      <c r="H69485" s="1" t="s">
        <v>231857</v>
      </c>
      <c r="I69485" s="1" t="s">
        <v>222698</v>
      </c>
      <c r="J69485" s="1" t="s">
        <v>231920</v>
      </c>
    </row>
    <row r="69486" spans="1:10" x14ac:dyDescent="0.35">
      <c r="A69486" s="1" t="s">
        <v>8321</v>
      </c>
      <c r="B69486" s="1" t="s">
        <v>222693</v>
      </c>
      <c r="C69486" s="1" t="s">
        <v>105</v>
      </c>
      <c r="D69486" s="1" t="s">
        <v>231921</v>
      </c>
      <c r="E69486" s="1" t="s">
        <v>231922</v>
      </c>
      <c r="F69486" s="1" t="s">
        <v>231923</v>
      </c>
      <c r="G69486" s="1" t="s">
        <v>231856</v>
      </c>
      <c r="H69486" s="1" t="s">
        <v>231857</v>
      </c>
      <c r="I69486" s="1" t="s">
        <v>222698</v>
      </c>
      <c r="J69486" s="1" t="s">
        <v>231924</v>
      </c>
    </row>
    <row r="69487" spans="1:10" x14ac:dyDescent="0.35">
      <c r="A69487" s="1" t="s">
        <v>8321</v>
      </c>
      <c r="B69487" s="1" t="s">
        <v>222693</v>
      </c>
      <c r="C69487" s="1" t="s">
        <v>110</v>
      </c>
      <c r="D69487" s="1" t="s">
        <v>231925</v>
      </c>
      <c r="E69487" s="1" t="s">
        <v>231926</v>
      </c>
      <c r="F69487" s="1" t="s">
        <v>231927</v>
      </c>
      <c r="G69487" s="1" t="s">
        <v>231856</v>
      </c>
      <c r="H69487" s="1" t="s">
        <v>231857</v>
      </c>
      <c r="I69487" s="1" t="s">
        <v>222698</v>
      </c>
      <c r="J69487" s="1" t="s">
        <v>231928</v>
      </c>
    </row>
    <row r="69488" spans="1:10" x14ac:dyDescent="0.35">
      <c r="A69488" s="1" t="s">
        <v>8321</v>
      </c>
      <c r="B69488" s="1" t="s">
        <v>222693</v>
      </c>
      <c r="C69488" s="1" t="s">
        <v>115</v>
      </c>
      <c r="D69488" s="1" t="s">
        <v>231929</v>
      </c>
      <c r="E69488" s="1" t="s">
        <v>231930</v>
      </c>
      <c r="F69488" s="1" t="s">
        <v>231931</v>
      </c>
      <c r="G69488" s="1" t="s">
        <v>231856</v>
      </c>
      <c r="H69488" s="1" t="s">
        <v>231857</v>
      </c>
      <c r="I69488" s="1" t="s">
        <v>222698</v>
      </c>
      <c r="J69488" s="1" t="s">
        <v>231932</v>
      </c>
    </row>
    <row r="69489" spans="1:10" x14ac:dyDescent="0.35">
      <c r="A69489" s="1" t="s">
        <v>8321</v>
      </c>
      <c r="B69489" s="1" t="s">
        <v>222693</v>
      </c>
      <c r="C69489" s="1" t="s">
        <v>120</v>
      </c>
      <c r="D69489" s="1" t="s">
        <v>231933</v>
      </c>
      <c r="E69489" s="1" t="s">
        <v>231934</v>
      </c>
      <c r="F69489" s="1" t="s">
        <v>231935</v>
      </c>
      <c r="G69489" s="1" t="s">
        <v>231856</v>
      </c>
      <c r="H69489" s="1" t="s">
        <v>231857</v>
      </c>
      <c r="I69489" s="1" t="s">
        <v>222698</v>
      </c>
      <c r="J69489" s="1" t="s">
        <v>231936</v>
      </c>
    </row>
    <row r="69490" spans="1:10" x14ac:dyDescent="0.35">
      <c r="A69490" s="1" t="s">
        <v>8321</v>
      </c>
      <c r="B69490" s="1" t="s">
        <v>222693</v>
      </c>
      <c r="C69490" s="1" t="s">
        <v>125</v>
      </c>
      <c r="D69490" s="1" t="s">
        <v>231937</v>
      </c>
      <c r="E69490" s="1" t="s">
        <v>231938</v>
      </c>
      <c r="F69490" s="1" t="s">
        <v>231939</v>
      </c>
      <c r="G69490" s="1" t="s">
        <v>231856</v>
      </c>
      <c r="H69490" s="1" t="s">
        <v>231857</v>
      </c>
      <c r="I69490" s="1" t="s">
        <v>222698</v>
      </c>
      <c r="J69490" s="1" t="s">
        <v>231940</v>
      </c>
    </row>
    <row r="69491" spans="1:10" x14ac:dyDescent="0.35">
      <c r="A69491" s="1" t="s">
        <v>8321</v>
      </c>
      <c r="B69491" s="1" t="s">
        <v>222693</v>
      </c>
      <c r="C69491" s="1" t="s">
        <v>130</v>
      </c>
      <c r="D69491" s="1" t="s">
        <v>231941</v>
      </c>
      <c r="E69491" s="1" t="s">
        <v>100514</v>
      </c>
      <c r="F69491" s="1" t="s">
        <v>231942</v>
      </c>
      <c r="G69491" s="1" t="s">
        <v>231856</v>
      </c>
      <c r="H69491" s="1" t="s">
        <v>231857</v>
      </c>
      <c r="I69491" s="1" t="s">
        <v>222698</v>
      </c>
      <c r="J69491" s="1" t="s">
        <v>231943</v>
      </c>
    </row>
    <row r="69492" spans="1:10" x14ac:dyDescent="0.35">
      <c r="A69492" s="1" t="s">
        <v>8321</v>
      </c>
      <c r="B69492" s="1" t="s">
        <v>222693</v>
      </c>
      <c r="C69492" s="1" t="s">
        <v>135</v>
      </c>
      <c r="D69492" s="1" t="s">
        <v>231944</v>
      </c>
      <c r="E69492" s="1" t="s">
        <v>231945</v>
      </c>
      <c r="F69492" s="1" t="s">
        <v>231946</v>
      </c>
      <c r="G69492" s="1" t="s">
        <v>231856</v>
      </c>
      <c r="H69492" s="1" t="s">
        <v>231857</v>
      </c>
      <c r="I69492" s="1" t="s">
        <v>222698</v>
      </c>
      <c r="J69492" s="1" t="s">
        <v>231947</v>
      </c>
    </row>
    <row r="69493" spans="1:10" x14ac:dyDescent="0.35">
      <c r="A69493" s="1" t="s">
        <v>8321</v>
      </c>
      <c r="B69493" s="1" t="s">
        <v>222693</v>
      </c>
      <c r="C69493" s="1" t="s">
        <v>140</v>
      </c>
      <c r="D69493" s="1" t="s">
        <v>231948</v>
      </c>
      <c r="E69493" s="1" t="s">
        <v>231949</v>
      </c>
      <c r="F69493" s="1" t="s">
        <v>231950</v>
      </c>
      <c r="G69493" s="1" t="s">
        <v>231856</v>
      </c>
      <c r="H69493" s="1" t="s">
        <v>231857</v>
      </c>
      <c r="I69493" s="1" t="s">
        <v>222698</v>
      </c>
      <c r="J69493" s="1" t="s">
        <v>231951</v>
      </c>
    </row>
    <row r="69494" spans="1:10" x14ac:dyDescent="0.35">
      <c r="A69494" s="1" t="s">
        <v>8321</v>
      </c>
      <c r="B69494" s="1" t="s">
        <v>222693</v>
      </c>
      <c r="C69494" s="1" t="s">
        <v>145</v>
      </c>
      <c r="D69494" s="1" t="s">
        <v>231952</v>
      </c>
      <c r="E69494" s="1" t="s">
        <v>231953</v>
      </c>
      <c r="F69494" s="1" t="s">
        <v>231954</v>
      </c>
      <c r="G69494" s="1" t="s">
        <v>231856</v>
      </c>
      <c r="H69494" s="1" t="s">
        <v>231857</v>
      </c>
      <c r="I69494" s="1" t="s">
        <v>222698</v>
      </c>
      <c r="J69494" s="1" t="s">
        <v>231955</v>
      </c>
    </row>
    <row r="69495" spans="1:10" x14ac:dyDescent="0.35">
      <c r="A69495" s="1" t="s">
        <v>8321</v>
      </c>
      <c r="B69495" s="1" t="s">
        <v>222693</v>
      </c>
      <c r="C69495" s="1" t="s">
        <v>150</v>
      </c>
      <c r="D69495" s="1" t="s">
        <v>231956</v>
      </c>
      <c r="E69495" s="1" t="s">
        <v>231957</v>
      </c>
      <c r="F69495" s="1" t="s">
        <v>231958</v>
      </c>
      <c r="G69495" s="1" t="s">
        <v>231856</v>
      </c>
      <c r="H69495" s="1" t="s">
        <v>231857</v>
      </c>
      <c r="I69495" s="1" t="s">
        <v>222698</v>
      </c>
      <c r="J69495" s="1" t="s">
        <v>231959</v>
      </c>
    </row>
    <row r="69496" spans="1:10" x14ac:dyDescent="0.35">
      <c r="A69496" s="1" t="s">
        <v>8321</v>
      </c>
      <c r="B69496" s="1" t="s">
        <v>222693</v>
      </c>
      <c r="C69496" s="1" t="s">
        <v>155</v>
      </c>
      <c r="D69496" s="1" t="s">
        <v>231458</v>
      </c>
      <c r="E69496" s="1" t="s">
        <v>231960</v>
      </c>
      <c r="F69496" s="1" t="s">
        <v>231961</v>
      </c>
      <c r="G69496" s="1" t="s">
        <v>231856</v>
      </c>
      <c r="H69496" s="1" t="s">
        <v>231857</v>
      </c>
      <c r="I69496" s="1" t="s">
        <v>222698</v>
      </c>
      <c r="J69496" s="1" t="s">
        <v>231962</v>
      </c>
    </row>
    <row r="69497" spans="1:10" x14ac:dyDescent="0.35">
      <c r="A69497" s="1" t="s">
        <v>8321</v>
      </c>
      <c r="B69497" s="1" t="s">
        <v>222693</v>
      </c>
      <c r="C69497" s="1" t="s">
        <v>160</v>
      </c>
      <c r="D69497" s="1" t="s">
        <v>231963</v>
      </c>
      <c r="E69497" s="1" t="s">
        <v>231964</v>
      </c>
      <c r="F69497" s="1" t="s">
        <v>231965</v>
      </c>
      <c r="G69497" s="1" t="s">
        <v>231856</v>
      </c>
      <c r="H69497" s="1" t="s">
        <v>231857</v>
      </c>
      <c r="I69497" s="1" t="s">
        <v>222698</v>
      </c>
      <c r="J69497" s="1" t="s">
        <v>231966</v>
      </c>
    </row>
    <row r="69498" spans="1:10" x14ac:dyDescent="0.35">
      <c r="A69498" s="1" t="s">
        <v>8321</v>
      </c>
      <c r="B69498" s="1" t="s">
        <v>222693</v>
      </c>
      <c r="C69498" s="1" t="s">
        <v>165</v>
      </c>
      <c r="D69498" s="1" t="s">
        <v>231967</v>
      </c>
      <c r="E69498" s="1" t="s">
        <v>231968</v>
      </c>
      <c r="F69498" s="1" t="s">
        <v>231969</v>
      </c>
      <c r="G69498" s="1" t="s">
        <v>231856</v>
      </c>
      <c r="H69498" s="1" t="s">
        <v>231857</v>
      </c>
      <c r="I69498" s="1" t="s">
        <v>222698</v>
      </c>
      <c r="J69498" s="1" t="s">
        <v>231970</v>
      </c>
    </row>
    <row r="69499" spans="1:10" x14ac:dyDescent="0.35">
      <c r="A69499" s="1" t="s">
        <v>8321</v>
      </c>
      <c r="B69499" s="1" t="s">
        <v>222693</v>
      </c>
      <c r="C69499" s="1" t="s">
        <v>170</v>
      </c>
      <c r="D69499" s="1" t="s">
        <v>231971</v>
      </c>
      <c r="E69499" s="1" t="s">
        <v>231972</v>
      </c>
      <c r="F69499" s="1" t="s">
        <v>231973</v>
      </c>
      <c r="G69499" s="1" t="s">
        <v>231856</v>
      </c>
      <c r="H69499" s="1" t="s">
        <v>231857</v>
      </c>
      <c r="I69499" s="1" t="s">
        <v>222698</v>
      </c>
      <c r="J69499" s="1" t="s">
        <v>231974</v>
      </c>
    </row>
    <row r="69500" spans="1:10" x14ac:dyDescent="0.35">
      <c r="A69500" s="1" t="s">
        <v>10187</v>
      </c>
      <c r="B69500" s="1" t="s">
        <v>222693</v>
      </c>
      <c r="C69500" s="1" t="s">
        <v>8</v>
      </c>
      <c r="D69500" s="1" t="s">
        <v>231975</v>
      </c>
      <c r="E69500" s="1" t="s">
        <v>231976</v>
      </c>
      <c r="F69500" s="1" t="s">
        <v>231977</v>
      </c>
      <c r="G69500" s="1" t="s">
        <v>231978</v>
      </c>
      <c r="H69500" s="1" t="s">
        <v>231979</v>
      </c>
      <c r="I69500" s="1" t="s">
        <v>222698</v>
      </c>
      <c r="J69500" s="1" t="s">
        <v>13</v>
      </c>
    </row>
    <row r="69501" spans="1:10" x14ac:dyDescent="0.35">
      <c r="A69501" s="1" t="s">
        <v>10187</v>
      </c>
      <c r="B69501" s="1" t="s">
        <v>222693</v>
      </c>
      <c r="C69501" s="1" t="s">
        <v>15</v>
      </c>
      <c r="D69501" s="1" t="s">
        <v>22039</v>
      </c>
      <c r="E69501" s="1" t="s">
        <v>231980</v>
      </c>
      <c r="F69501" s="1" t="s">
        <v>231981</v>
      </c>
      <c r="G69501" s="1" t="s">
        <v>231978</v>
      </c>
      <c r="H69501" s="1" t="s">
        <v>231979</v>
      </c>
      <c r="I69501" s="1" t="s">
        <v>222698</v>
      </c>
      <c r="J69501" s="1" t="s">
        <v>231982</v>
      </c>
    </row>
    <row r="69502" spans="1:10" x14ac:dyDescent="0.35">
      <c r="A69502" s="1" t="s">
        <v>10187</v>
      </c>
      <c r="B69502" s="1" t="s">
        <v>222693</v>
      </c>
      <c r="C69502" s="1" t="s">
        <v>20</v>
      </c>
      <c r="D69502" s="1" t="s">
        <v>67955</v>
      </c>
      <c r="E69502" s="1" t="s">
        <v>231983</v>
      </c>
      <c r="F69502" s="1" t="s">
        <v>231984</v>
      </c>
      <c r="G69502" s="1" t="s">
        <v>231978</v>
      </c>
      <c r="H69502" s="1" t="s">
        <v>231979</v>
      </c>
      <c r="I69502" s="1" t="s">
        <v>222698</v>
      </c>
      <c r="J69502" s="1" t="s">
        <v>231985</v>
      </c>
    </row>
    <row r="69503" spans="1:10" x14ac:dyDescent="0.35">
      <c r="A69503" s="1" t="s">
        <v>10187</v>
      </c>
      <c r="B69503" s="1" t="s">
        <v>222693</v>
      </c>
      <c r="C69503" s="1" t="s">
        <v>25</v>
      </c>
      <c r="D69503" s="1" t="s">
        <v>56704</v>
      </c>
      <c r="E69503" s="1" t="s">
        <v>231986</v>
      </c>
      <c r="F69503" s="1" t="s">
        <v>231987</v>
      </c>
      <c r="G69503" s="1" t="s">
        <v>231978</v>
      </c>
      <c r="H69503" s="1" t="s">
        <v>231979</v>
      </c>
      <c r="I69503" s="1" t="s">
        <v>222698</v>
      </c>
      <c r="J69503" s="1" t="s">
        <v>231988</v>
      </c>
    </row>
    <row r="69504" spans="1:10" x14ac:dyDescent="0.35">
      <c r="A69504" s="1" t="s">
        <v>10187</v>
      </c>
      <c r="B69504" s="1" t="s">
        <v>222693</v>
      </c>
      <c r="C69504" s="1" t="s">
        <v>30</v>
      </c>
      <c r="D69504" s="1" t="s">
        <v>231989</v>
      </c>
      <c r="E69504" s="1" t="s">
        <v>231990</v>
      </c>
      <c r="F69504" s="1" t="s">
        <v>231991</v>
      </c>
      <c r="G69504" s="1" t="s">
        <v>231978</v>
      </c>
      <c r="H69504" s="1" t="s">
        <v>231979</v>
      </c>
      <c r="I69504" s="1" t="s">
        <v>222698</v>
      </c>
      <c r="J69504" s="1" t="s">
        <v>231992</v>
      </c>
    </row>
    <row r="69505" spans="1:10" x14ac:dyDescent="0.35">
      <c r="A69505" s="1" t="s">
        <v>10187</v>
      </c>
      <c r="B69505" s="1" t="s">
        <v>222693</v>
      </c>
      <c r="C69505" s="1" t="s">
        <v>35</v>
      </c>
      <c r="D69505" s="1" t="s">
        <v>231993</v>
      </c>
      <c r="E69505" s="1" t="s">
        <v>231994</v>
      </c>
      <c r="F69505" s="1" t="s">
        <v>231995</v>
      </c>
      <c r="G69505" s="1" t="s">
        <v>231978</v>
      </c>
      <c r="H69505" s="1" t="s">
        <v>231979</v>
      </c>
      <c r="I69505" s="1" t="s">
        <v>222698</v>
      </c>
      <c r="J69505" s="1" t="s">
        <v>231996</v>
      </c>
    </row>
    <row r="69506" spans="1:10" x14ac:dyDescent="0.35">
      <c r="A69506" s="1" t="s">
        <v>10187</v>
      </c>
      <c r="B69506" s="1" t="s">
        <v>222693</v>
      </c>
      <c r="C69506" s="1" t="s">
        <v>40</v>
      </c>
      <c r="D69506" s="1" t="s">
        <v>64510</v>
      </c>
      <c r="E69506" s="1" t="s">
        <v>231997</v>
      </c>
      <c r="F69506" s="1" t="s">
        <v>231998</v>
      </c>
      <c r="G69506" s="1" t="s">
        <v>231978</v>
      </c>
      <c r="H69506" s="1" t="s">
        <v>231979</v>
      </c>
      <c r="I69506" s="1" t="s">
        <v>222698</v>
      </c>
      <c r="J69506" s="1" t="s">
        <v>231999</v>
      </c>
    </row>
    <row r="69507" spans="1:10" x14ac:dyDescent="0.35">
      <c r="A69507" s="1" t="s">
        <v>10187</v>
      </c>
      <c r="B69507" s="1" t="s">
        <v>222693</v>
      </c>
      <c r="C69507" s="1" t="s">
        <v>45</v>
      </c>
      <c r="D69507" s="1" t="s">
        <v>232000</v>
      </c>
      <c r="E69507" s="1" t="s">
        <v>232001</v>
      </c>
      <c r="F69507" s="1" t="s">
        <v>232002</v>
      </c>
      <c r="G69507" s="1" t="s">
        <v>231978</v>
      </c>
      <c r="H69507" s="1" t="s">
        <v>231979</v>
      </c>
      <c r="I69507" s="1" t="s">
        <v>222698</v>
      </c>
      <c r="J69507" s="1" t="s">
        <v>232003</v>
      </c>
    </row>
    <row r="69508" spans="1:10" x14ac:dyDescent="0.35">
      <c r="A69508" s="1" t="s">
        <v>10187</v>
      </c>
      <c r="B69508" s="1" t="s">
        <v>222693</v>
      </c>
      <c r="C69508" s="1" t="s">
        <v>50</v>
      </c>
      <c r="D69508" s="1" t="s">
        <v>63819</v>
      </c>
      <c r="E69508" s="1" t="s">
        <v>232004</v>
      </c>
      <c r="F69508" s="1" t="s">
        <v>232005</v>
      </c>
      <c r="G69508" s="1" t="s">
        <v>231978</v>
      </c>
      <c r="H69508" s="1" t="s">
        <v>231979</v>
      </c>
      <c r="I69508" s="1" t="s">
        <v>222698</v>
      </c>
      <c r="J69508" s="1" t="s">
        <v>232006</v>
      </c>
    </row>
    <row r="69509" spans="1:10" x14ac:dyDescent="0.35">
      <c r="A69509" s="1" t="s">
        <v>10187</v>
      </c>
      <c r="B69509" s="1" t="s">
        <v>222693</v>
      </c>
      <c r="C69509" s="1" t="s">
        <v>55</v>
      </c>
      <c r="D69509" s="1" t="s">
        <v>232007</v>
      </c>
      <c r="E69509" s="1" t="s">
        <v>232008</v>
      </c>
      <c r="F69509" s="1" t="s">
        <v>232009</v>
      </c>
      <c r="G69509" s="1" t="s">
        <v>231978</v>
      </c>
      <c r="H69509" s="1" t="s">
        <v>231979</v>
      </c>
      <c r="I69509" s="1" t="s">
        <v>222698</v>
      </c>
      <c r="J69509" s="1" t="s">
        <v>232010</v>
      </c>
    </row>
    <row r="69510" spans="1:10" x14ac:dyDescent="0.35">
      <c r="A69510" s="1" t="s">
        <v>10187</v>
      </c>
      <c r="B69510" s="1" t="s">
        <v>222693</v>
      </c>
      <c r="C69510" s="1" t="s">
        <v>60</v>
      </c>
      <c r="D69510" s="1" t="s">
        <v>232011</v>
      </c>
      <c r="E69510" s="1" t="s">
        <v>232012</v>
      </c>
      <c r="F69510" s="1" t="s">
        <v>232013</v>
      </c>
      <c r="G69510" s="1" t="s">
        <v>231978</v>
      </c>
      <c r="H69510" s="1" t="s">
        <v>231979</v>
      </c>
      <c r="I69510" s="1" t="s">
        <v>222698</v>
      </c>
      <c r="J69510" s="1" t="s">
        <v>232014</v>
      </c>
    </row>
    <row r="69511" spans="1:10" x14ac:dyDescent="0.35">
      <c r="A69511" s="1" t="s">
        <v>10187</v>
      </c>
      <c r="B69511" s="1" t="s">
        <v>222693</v>
      </c>
      <c r="C69511" s="1" t="s">
        <v>65</v>
      </c>
      <c r="D69511" s="1" t="s">
        <v>20027</v>
      </c>
      <c r="E69511" s="1" t="s">
        <v>232015</v>
      </c>
      <c r="F69511" s="1" t="s">
        <v>232016</v>
      </c>
      <c r="G69511" s="1" t="s">
        <v>231978</v>
      </c>
      <c r="H69511" s="1" t="s">
        <v>231979</v>
      </c>
      <c r="I69511" s="1" t="s">
        <v>222698</v>
      </c>
      <c r="J69511" s="1" t="s">
        <v>232017</v>
      </c>
    </row>
    <row r="69512" spans="1:10" x14ac:dyDescent="0.35">
      <c r="A69512" s="1" t="s">
        <v>10187</v>
      </c>
      <c r="B69512" s="1" t="s">
        <v>222693</v>
      </c>
      <c r="C69512" s="1" t="s">
        <v>70</v>
      </c>
      <c r="D69512" s="1" t="s">
        <v>23494</v>
      </c>
      <c r="E69512" s="1" t="s">
        <v>232018</v>
      </c>
      <c r="F69512" s="1" t="s">
        <v>232019</v>
      </c>
      <c r="G69512" s="1" t="s">
        <v>231978</v>
      </c>
      <c r="H69512" s="1" t="s">
        <v>231979</v>
      </c>
      <c r="I69512" s="1" t="s">
        <v>222698</v>
      </c>
      <c r="J69512" s="1" t="s">
        <v>232020</v>
      </c>
    </row>
    <row r="69513" spans="1:10" x14ac:dyDescent="0.35">
      <c r="A69513" s="1" t="s">
        <v>10187</v>
      </c>
      <c r="B69513" s="1" t="s">
        <v>222693</v>
      </c>
      <c r="C69513" s="1" t="s">
        <v>75</v>
      </c>
      <c r="D69513" s="1" t="s">
        <v>39058</v>
      </c>
      <c r="E69513" s="1" t="s">
        <v>232021</v>
      </c>
      <c r="F69513" s="1" t="s">
        <v>232022</v>
      </c>
      <c r="G69513" s="1" t="s">
        <v>231978</v>
      </c>
      <c r="H69513" s="1" t="s">
        <v>231979</v>
      </c>
      <c r="I69513" s="1" t="s">
        <v>222698</v>
      </c>
      <c r="J69513" s="1" t="s">
        <v>232023</v>
      </c>
    </row>
    <row r="69514" spans="1:10" x14ac:dyDescent="0.35">
      <c r="A69514" s="1" t="s">
        <v>10187</v>
      </c>
      <c r="B69514" s="1" t="s">
        <v>222693</v>
      </c>
      <c r="C69514" s="1" t="s">
        <v>80</v>
      </c>
      <c r="D69514" s="1" t="s">
        <v>232024</v>
      </c>
      <c r="E69514" s="1" t="s">
        <v>232025</v>
      </c>
      <c r="F69514" s="1" t="s">
        <v>232026</v>
      </c>
      <c r="G69514" s="1" t="s">
        <v>231978</v>
      </c>
      <c r="H69514" s="1" t="s">
        <v>231979</v>
      </c>
      <c r="I69514" s="1" t="s">
        <v>222698</v>
      </c>
      <c r="J69514" s="1" t="s">
        <v>232027</v>
      </c>
    </row>
    <row r="69515" spans="1:10" x14ac:dyDescent="0.35">
      <c r="A69515" s="1" t="s">
        <v>10187</v>
      </c>
      <c r="B69515" s="1" t="s">
        <v>222693</v>
      </c>
      <c r="C69515" s="1" t="s">
        <v>85</v>
      </c>
      <c r="D69515" s="1" t="s">
        <v>232028</v>
      </c>
      <c r="E69515" s="1" t="s">
        <v>232029</v>
      </c>
      <c r="F69515" s="1" t="s">
        <v>232030</v>
      </c>
      <c r="G69515" s="1" t="s">
        <v>231978</v>
      </c>
      <c r="H69515" s="1" t="s">
        <v>231979</v>
      </c>
      <c r="I69515" s="1" t="s">
        <v>222698</v>
      </c>
      <c r="J69515" s="1" t="s">
        <v>232031</v>
      </c>
    </row>
    <row r="69516" spans="1:10" x14ac:dyDescent="0.35">
      <c r="A69516" s="1" t="s">
        <v>10187</v>
      </c>
      <c r="B69516" s="1" t="s">
        <v>222693</v>
      </c>
      <c r="C69516" s="1" t="s">
        <v>90</v>
      </c>
      <c r="D69516" s="1" t="s">
        <v>95481</v>
      </c>
      <c r="E69516" s="1" t="s">
        <v>232032</v>
      </c>
      <c r="F69516" s="1" t="s">
        <v>232033</v>
      </c>
      <c r="G69516" s="1" t="s">
        <v>231978</v>
      </c>
      <c r="H69516" s="1" t="s">
        <v>231979</v>
      </c>
      <c r="I69516" s="1" t="s">
        <v>222698</v>
      </c>
      <c r="J69516" s="1" t="s">
        <v>232034</v>
      </c>
    </row>
    <row r="69517" spans="1:10" x14ac:dyDescent="0.35">
      <c r="A69517" s="1" t="s">
        <v>10187</v>
      </c>
      <c r="B69517" s="1" t="s">
        <v>222693</v>
      </c>
      <c r="C69517" s="1" t="s">
        <v>95</v>
      </c>
      <c r="D69517" s="1" t="s">
        <v>232035</v>
      </c>
      <c r="E69517" s="1" t="s">
        <v>232036</v>
      </c>
      <c r="F69517" s="1" t="s">
        <v>232037</v>
      </c>
      <c r="G69517" s="1" t="s">
        <v>231978</v>
      </c>
      <c r="H69517" s="1" t="s">
        <v>231979</v>
      </c>
      <c r="I69517" s="1" t="s">
        <v>222698</v>
      </c>
      <c r="J69517" s="1" t="s">
        <v>232038</v>
      </c>
    </row>
    <row r="69518" spans="1:10" x14ac:dyDescent="0.35">
      <c r="A69518" s="1" t="s">
        <v>10187</v>
      </c>
      <c r="B69518" s="1" t="s">
        <v>222693</v>
      </c>
      <c r="C69518" s="1" t="s">
        <v>100</v>
      </c>
      <c r="D69518" s="1" t="s">
        <v>162962</v>
      </c>
      <c r="E69518" s="1" t="s">
        <v>232039</v>
      </c>
      <c r="F69518" s="1" t="s">
        <v>232040</v>
      </c>
      <c r="G69518" s="1" t="s">
        <v>231978</v>
      </c>
      <c r="H69518" s="1" t="s">
        <v>231979</v>
      </c>
      <c r="I69518" s="1" t="s">
        <v>222698</v>
      </c>
      <c r="J69518" s="1" t="s">
        <v>232041</v>
      </c>
    </row>
    <row r="69519" spans="1:10" x14ac:dyDescent="0.35">
      <c r="A69519" s="1" t="s">
        <v>10187</v>
      </c>
      <c r="B69519" s="1" t="s">
        <v>222693</v>
      </c>
      <c r="C69519" s="1" t="s">
        <v>105</v>
      </c>
      <c r="D69519" s="1" t="s">
        <v>232042</v>
      </c>
      <c r="E69519" s="1" t="s">
        <v>232043</v>
      </c>
      <c r="F69519" s="1" t="s">
        <v>232044</v>
      </c>
      <c r="G69519" s="1" t="s">
        <v>231978</v>
      </c>
      <c r="H69519" s="1" t="s">
        <v>231979</v>
      </c>
      <c r="I69519" s="1" t="s">
        <v>222698</v>
      </c>
      <c r="J69519" s="1" t="s">
        <v>232045</v>
      </c>
    </row>
    <row r="69520" spans="1:10" x14ac:dyDescent="0.35">
      <c r="A69520" s="1" t="s">
        <v>10187</v>
      </c>
      <c r="B69520" s="1" t="s">
        <v>222693</v>
      </c>
      <c r="C69520" s="1" t="s">
        <v>110</v>
      </c>
      <c r="D69520" s="1" t="s">
        <v>232046</v>
      </c>
      <c r="E69520" s="1" t="s">
        <v>232047</v>
      </c>
      <c r="F69520" s="1" t="s">
        <v>232048</v>
      </c>
      <c r="G69520" s="1" t="s">
        <v>231978</v>
      </c>
      <c r="H69520" s="1" t="s">
        <v>231979</v>
      </c>
      <c r="I69520" s="1" t="s">
        <v>222698</v>
      </c>
      <c r="J69520" s="1" t="s">
        <v>232049</v>
      </c>
    </row>
    <row r="69521" spans="1:10" x14ac:dyDescent="0.35">
      <c r="A69521" s="1" t="s">
        <v>10187</v>
      </c>
      <c r="B69521" s="1" t="s">
        <v>222693</v>
      </c>
      <c r="C69521" s="1" t="s">
        <v>115</v>
      </c>
      <c r="D69521" s="1" t="s">
        <v>55998</v>
      </c>
      <c r="E69521" s="1" t="s">
        <v>232050</v>
      </c>
      <c r="F69521" s="1" t="s">
        <v>232051</v>
      </c>
      <c r="G69521" s="1" t="s">
        <v>231978</v>
      </c>
      <c r="H69521" s="1" t="s">
        <v>231979</v>
      </c>
      <c r="I69521" s="1" t="s">
        <v>222698</v>
      </c>
      <c r="J69521" s="1" t="s">
        <v>232052</v>
      </c>
    </row>
    <row r="69522" spans="1:10" x14ac:dyDescent="0.35">
      <c r="A69522" s="1" t="s">
        <v>10187</v>
      </c>
      <c r="B69522" s="1" t="s">
        <v>222693</v>
      </c>
      <c r="C69522" s="1" t="s">
        <v>120</v>
      </c>
      <c r="D69522" s="1" t="s">
        <v>66285</v>
      </c>
      <c r="E69522" s="1" t="s">
        <v>232053</v>
      </c>
      <c r="F69522" s="1" t="s">
        <v>232054</v>
      </c>
      <c r="G69522" s="1" t="s">
        <v>231978</v>
      </c>
      <c r="H69522" s="1" t="s">
        <v>231979</v>
      </c>
      <c r="I69522" s="1" t="s">
        <v>222698</v>
      </c>
      <c r="J69522" s="1" t="s">
        <v>232055</v>
      </c>
    </row>
    <row r="69523" spans="1:10" x14ac:dyDescent="0.35">
      <c r="A69523" s="1" t="s">
        <v>10187</v>
      </c>
      <c r="B69523" s="1" t="s">
        <v>222693</v>
      </c>
      <c r="C69523" s="1" t="s">
        <v>125</v>
      </c>
      <c r="D69523" s="1" t="s">
        <v>23993</v>
      </c>
      <c r="E69523" s="1" t="s">
        <v>232056</v>
      </c>
      <c r="F69523" s="1" t="s">
        <v>232057</v>
      </c>
      <c r="G69523" s="1" t="s">
        <v>231978</v>
      </c>
      <c r="H69523" s="1" t="s">
        <v>231979</v>
      </c>
      <c r="I69523" s="1" t="s">
        <v>222698</v>
      </c>
      <c r="J69523" s="1" t="s">
        <v>232058</v>
      </c>
    </row>
    <row r="69524" spans="1:10" x14ac:dyDescent="0.35">
      <c r="A69524" s="1" t="s">
        <v>10187</v>
      </c>
      <c r="B69524" s="1" t="s">
        <v>222693</v>
      </c>
      <c r="C69524" s="1" t="s">
        <v>130</v>
      </c>
      <c r="D69524" s="1" t="s">
        <v>64344</v>
      </c>
      <c r="E69524" s="1" t="s">
        <v>232059</v>
      </c>
      <c r="F69524" s="1" t="s">
        <v>232060</v>
      </c>
      <c r="G69524" s="1" t="s">
        <v>231978</v>
      </c>
      <c r="H69524" s="1" t="s">
        <v>231979</v>
      </c>
      <c r="I69524" s="1" t="s">
        <v>222698</v>
      </c>
      <c r="J69524" s="1" t="s">
        <v>232061</v>
      </c>
    </row>
    <row r="69525" spans="1:10" x14ac:dyDescent="0.35">
      <c r="A69525" s="1" t="s">
        <v>10187</v>
      </c>
      <c r="B69525" s="1" t="s">
        <v>222693</v>
      </c>
      <c r="C69525" s="1" t="s">
        <v>135</v>
      </c>
      <c r="D69525" s="1" t="s">
        <v>128850</v>
      </c>
      <c r="E69525" s="1" t="s">
        <v>232062</v>
      </c>
      <c r="F69525" s="1" t="s">
        <v>232063</v>
      </c>
      <c r="G69525" s="1" t="s">
        <v>231978</v>
      </c>
      <c r="H69525" s="1" t="s">
        <v>231979</v>
      </c>
      <c r="I69525" s="1" t="s">
        <v>222698</v>
      </c>
      <c r="J69525" s="1" t="s">
        <v>232064</v>
      </c>
    </row>
    <row r="69526" spans="1:10" x14ac:dyDescent="0.35">
      <c r="A69526" s="1" t="s">
        <v>10187</v>
      </c>
      <c r="B69526" s="1" t="s">
        <v>222693</v>
      </c>
      <c r="C69526" s="1" t="s">
        <v>140</v>
      </c>
      <c r="D69526" s="1" t="s">
        <v>27198</v>
      </c>
      <c r="E69526" s="1" t="s">
        <v>232065</v>
      </c>
      <c r="F69526" s="1" t="s">
        <v>232066</v>
      </c>
      <c r="G69526" s="1" t="s">
        <v>231978</v>
      </c>
      <c r="H69526" s="1" t="s">
        <v>231979</v>
      </c>
      <c r="I69526" s="1" t="s">
        <v>222698</v>
      </c>
      <c r="J69526" s="1" t="s">
        <v>232067</v>
      </c>
    </row>
    <row r="69527" spans="1:10" x14ac:dyDescent="0.35">
      <c r="A69527" s="1" t="s">
        <v>10187</v>
      </c>
      <c r="B69527" s="1" t="s">
        <v>222693</v>
      </c>
      <c r="C69527" s="1" t="s">
        <v>145</v>
      </c>
      <c r="D69527" s="1" t="s">
        <v>232068</v>
      </c>
      <c r="E69527" s="1" t="s">
        <v>232069</v>
      </c>
      <c r="F69527" s="1" t="s">
        <v>232070</v>
      </c>
      <c r="G69527" s="1" t="s">
        <v>231978</v>
      </c>
      <c r="H69527" s="1" t="s">
        <v>231979</v>
      </c>
      <c r="I69527" s="1" t="s">
        <v>222698</v>
      </c>
      <c r="J69527" s="1" t="s">
        <v>232071</v>
      </c>
    </row>
    <row r="69528" spans="1:10" x14ac:dyDescent="0.35">
      <c r="A69528" s="1" t="s">
        <v>10187</v>
      </c>
      <c r="B69528" s="1" t="s">
        <v>222693</v>
      </c>
      <c r="C69528" s="1" t="s">
        <v>150</v>
      </c>
      <c r="D69528" s="1" t="s">
        <v>232072</v>
      </c>
      <c r="E69528" s="1" t="s">
        <v>232073</v>
      </c>
      <c r="F69528" s="1" t="s">
        <v>232074</v>
      </c>
      <c r="G69528" s="1" t="s">
        <v>231978</v>
      </c>
      <c r="H69528" s="1" t="s">
        <v>231979</v>
      </c>
      <c r="I69528" s="1" t="s">
        <v>222698</v>
      </c>
      <c r="J69528" s="1" t="s">
        <v>232075</v>
      </c>
    </row>
    <row r="69529" spans="1:10" x14ac:dyDescent="0.35">
      <c r="A69529" s="1" t="s">
        <v>10187</v>
      </c>
      <c r="B69529" s="1" t="s">
        <v>222693</v>
      </c>
      <c r="C69529" s="1" t="s">
        <v>155</v>
      </c>
      <c r="D69529" s="1" t="s">
        <v>122393</v>
      </c>
      <c r="E69529" s="1" t="s">
        <v>232076</v>
      </c>
      <c r="F69529" s="1" t="s">
        <v>232077</v>
      </c>
      <c r="G69529" s="1" t="s">
        <v>231978</v>
      </c>
      <c r="H69529" s="1" t="s">
        <v>231979</v>
      </c>
      <c r="I69529" s="1" t="s">
        <v>222698</v>
      </c>
      <c r="J69529" s="1" t="s">
        <v>232078</v>
      </c>
    </row>
    <row r="69530" spans="1:10" x14ac:dyDescent="0.35">
      <c r="A69530" s="1" t="s">
        <v>10187</v>
      </c>
      <c r="B69530" s="1" t="s">
        <v>222693</v>
      </c>
      <c r="C69530" s="1" t="s">
        <v>160</v>
      </c>
      <c r="D69530" s="1" t="s">
        <v>23550</v>
      </c>
      <c r="E69530" s="1" t="s">
        <v>232079</v>
      </c>
      <c r="F69530" s="1" t="s">
        <v>232080</v>
      </c>
      <c r="G69530" s="1" t="s">
        <v>231978</v>
      </c>
      <c r="H69530" s="1" t="s">
        <v>231979</v>
      </c>
      <c r="I69530" s="1" t="s">
        <v>222698</v>
      </c>
      <c r="J69530" s="1" t="s">
        <v>232081</v>
      </c>
    </row>
    <row r="69531" spans="1:10" x14ac:dyDescent="0.35">
      <c r="A69531" s="1" t="s">
        <v>10187</v>
      </c>
      <c r="B69531" s="1" t="s">
        <v>222693</v>
      </c>
      <c r="C69531" s="1" t="s">
        <v>165</v>
      </c>
      <c r="D69531" s="1" t="s">
        <v>232082</v>
      </c>
      <c r="E69531" s="1" t="s">
        <v>232083</v>
      </c>
      <c r="F69531" s="1" t="s">
        <v>232084</v>
      </c>
      <c r="G69531" s="1" t="s">
        <v>231978</v>
      </c>
      <c r="H69531" s="1" t="s">
        <v>231979</v>
      </c>
      <c r="I69531" s="1" t="s">
        <v>222698</v>
      </c>
      <c r="J69531" s="1" t="s">
        <v>232085</v>
      </c>
    </row>
    <row r="69532" spans="1:10" x14ac:dyDescent="0.35">
      <c r="A69532" s="1" t="s">
        <v>10187</v>
      </c>
      <c r="B69532" s="1" t="s">
        <v>222693</v>
      </c>
      <c r="C69532" s="1" t="s">
        <v>170</v>
      </c>
      <c r="D69532" s="1" t="s">
        <v>57700</v>
      </c>
      <c r="E69532" s="1" t="s">
        <v>232086</v>
      </c>
      <c r="F69532" s="1" t="s">
        <v>232087</v>
      </c>
      <c r="G69532" s="1" t="s">
        <v>231978</v>
      </c>
      <c r="H69532" s="1" t="s">
        <v>231979</v>
      </c>
      <c r="I69532" s="1" t="s">
        <v>222698</v>
      </c>
      <c r="J69532" s="1" t="s">
        <v>232088</v>
      </c>
    </row>
    <row r="69533" spans="1:10" x14ac:dyDescent="0.35">
      <c r="A69533" s="1" t="s">
        <v>4046</v>
      </c>
      <c r="B69533" s="1" t="s">
        <v>222693</v>
      </c>
      <c r="C69533" s="1" t="s">
        <v>8</v>
      </c>
      <c r="D69533" s="1" t="s">
        <v>140746</v>
      </c>
      <c r="E69533" s="1" t="s">
        <v>232089</v>
      </c>
      <c r="F69533" s="1" t="s">
        <v>232090</v>
      </c>
      <c r="G69533" s="1" t="s">
        <v>232091</v>
      </c>
      <c r="H69533" s="1" t="s">
        <v>232092</v>
      </c>
      <c r="I69533" s="1" t="s">
        <v>222698</v>
      </c>
      <c r="J69533" s="1" t="s">
        <v>13</v>
      </c>
    </row>
    <row r="69534" spans="1:10" x14ac:dyDescent="0.35">
      <c r="A69534" s="1" t="s">
        <v>4046</v>
      </c>
      <c r="B69534" s="1" t="s">
        <v>222693</v>
      </c>
      <c r="C69534" s="1" t="s">
        <v>15</v>
      </c>
      <c r="D69534" s="1" t="s">
        <v>139872</v>
      </c>
      <c r="E69534" s="1" t="s">
        <v>232093</v>
      </c>
      <c r="F69534" s="1" t="s">
        <v>232094</v>
      </c>
      <c r="G69534" s="1" t="s">
        <v>232091</v>
      </c>
      <c r="H69534" s="1" t="s">
        <v>232092</v>
      </c>
      <c r="I69534" s="1" t="s">
        <v>222698</v>
      </c>
      <c r="J69534" s="1" t="s">
        <v>232095</v>
      </c>
    </row>
    <row r="69535" spans="1:10" x14ac:dyDescent="0.35">
      <c r="A69535" s="1" t="s">
        <v>4046</v>
      </c>
      <c r="B69535" s="1" t="s">
        <v>222693</v>
      </c>
      <c r="C69535" s="1" t="s">
        <v>20</v>
      </c>
      <c r="D69535" s="1" t="s">
        <v>62402</v>
      </c>
      <c r="E69535" s="1" t="s">
        <v>232096</v>
      </c>
      <c r="F69535" s="1" t="s">
        <v>232097</v>
      </c>
      <c r="G69535" s="1" t="s">
        <v>232091</v>
      </c>
      <c r="H69535" s="1" t="s">
        <v>232092</v>
      </c>
      <c r="I69535" s="1" t="s">
        <v>222698</v>
      </c>
      <c r="J69535" s="1" t="s">
        <v>232098</v>
      </c>
    </row>
    <row r="69536" spans="1:10" x14ac:dyDescent="0.35">
      <c r="A69536" s="1" t="s">
        <v>4046</v>
      </c>
      <c r="B69536" s="1" t="s">
        <v>222693</v>
      </c>
      <c r="C69536" s="1" t="s">
        <v>25</v>
      </c>
      <c r="D69536" s="1" t="s">
        <v>91335</v>
      </c>
      <c r="E69536" s="1" t="s">
        <v>232099</v>
      </c>
      <c r="F69536" s="1" t="s">
        <v>232100</v>
      </c>
      <c r="G69536" s="1" t="s">
        <v>232091</v>
      </c>
      <c r="H69536" s="1" t="s">
        <v>232092</v>
      </c>
      <c r="I69536" s="1" t="s">
        <v>222698</v>
      </c>
      <c r="J69536" s="1" t="s">
        <v>232101</v>
      </c>
    </row>
    <row r="69537" spans="1:10" x14ac:dyDescent="0.35">
      <c r="A69537" s="1" t="s">
        <v>4046</v>
      </c>
      <c r="B69537" s="1" t="s">
        <v>222693</v>
      </c>
      <c r="C69537" s="1" t="s">
        <v>30</v>
      </c>
      <c r="D69537" s="1" t="s">
        <v>131339</v>
      </c>
      <c r="E69537" s="1" t="s">
        <v>232102</v>
      </c>
      <c r="F69537" s="1" t="s">
        <v>232103</v>
      </c>
      <c r="G69537" s="1" t="s">
        <v>232091</v>
      </c>
      <c r="H69537" s="1" t="s">
        <v>232092</v>
      </c>
      <c r="I69537" s="1" t="s">
        <v>222698</v>
      </c>
      <c r="J69537" s="1" t="s">
        <v>232104</v>
      </c>
    </row>
    <row r="69538" spans="1:10" x14ac:dyDescent="0.35">
      <c r="A69538" s="1" t="s">
        <v>4046</v>
      </c>
      <c r="B69538" s="1" t="s">
        <v>222693</v>
      </c>
      <c r="C69538" s="1" t="s">
        <v>35</v>
      </c>
      <c r="D69538" s="1" t="s">
        <v>61009</v>
      </c>
      <c r="E69538" s="1" t="s">
        <v>232105</v>
      </c>
      <c r="F69538" s="1" t="s">
        <v>232106</v>
      </c>
      <c r="G69538" s="1" t="s">
        <v>232091</v>
      </c>
      <c r="H69538" s="1" t="s">
        <v>232092</v>
      </c>
      <c r="I69538" s="1" t="s">
        <v>222698</v>
      </c>
      <c r="J69538" s="1" t="s">
        <v>232107</v>
      </c>
    </row>
    <row r="69539" spans="1:10" x14ac:dyDescent="0.35">
      <c r="A69539" s="1" t="s">
        <v>4046</v>
      </c>
      <c r="B69539" s="1" t="s">
        <v>222693</v>
      </c>
      <c r="C69539" s="1" t="s">
        <v>40</v>
      </c>
      <c r="D69539" s="1" t="s">
        <v>100059</v>
      </c>
      <c r="E69539" s="1" t="s">
        <v>232108</v>
      </c>
      <c r="F69539" s="1" t="s">
        <v>232109</v>
      </c>
      <c r="G69539" s="1" t="s">
        <v>232091</v>
      </c>
      <c r="H69539" s="1" t="s">
        <v>232092</v>
      </c>
      <c r="I69539" s="1" t="s">
        <v>222698</v>
      </c>
      <c r="J69539" s="1" t="s">
        <v>232110</v>
      </c>
    </row>
    <row r="69540" spans="1:10" x14ac:dyDescent="0.35">
      <c r="A69540" s="1" t="s">
        <v>4046</v>
      </c>
      <c r="B69540" s="1" t="s">
        <v>222693</v>
      </c>
      <c r="C69540" s="1" t="s">
        <v>45</v>
      </c>
      <c r="D69540" s="1" t="s">
        <v>232111</v>
      </c>
      <c r="E69540" s="1" t="s">
        <v>232112</v>
      </c>
      <c r="F69540" s="1" t="s">
        <v>232113</v>
      </c>
      <c r="G69540" s="1" t="s">
        <v>232091</v>
      </c>
      <c r="H69540" s="1" t="s">
        <v>232092</v>
      </c>
      <c r="I69540" s="1" t="s">
        <v>222698</v>
      </c>
      <c r="J69540" s="1" t="s">
        <v>232114</v>
      </c>
    </row>
    <row r="69541" spans="1:10" x14ac:dyDescent="0.35">
      <c r="A69541" s="1" t="s">
        <v>4046</v>
      </c>
      <c r="B69541" s="1" t="s">
        <v>222693</v>
      </c>
      <c r="C69541" s="1" t="s">
        <v>50</v>
      </c>
      <c r="D69541" s="1" t="s">
        <v>84838</v>
      </c>
      <c r="E69541" s="1" t="s">
        <v>232115</v>
      </c>
      <c r="F69541" s="1" t="s">
        <v>232116</v>
      </c>
      <c r="G69541" s="1" t="s">
        <v>232091</v>
      </c>
      <c r="H69541" s="1" t="s">
        <v>232092</v>
      </c>
      <c r="I69541" s="1" t="s">
        <v>222698</v>
      </c>
      <c r="J69541" s="1" t="s">
        <v>232117</v>
      </c>
    </row>
    <row r="69542" spans="1:10" x14ac:dyDescent="0.35">
      <c r="A69542" s="1" t="s">
        <v>4046</v>
      </c>
      <c r="B69542" s="1" t="s">
        <v>222693</v>
      </c>
      <c r="C69542" s="1" t="s">
        <v>55</v>
      </c>
      <c r="D69542" s="1" t="s">
        <v>232118</v>
      </c>
      <c r="E69542" s="1" t="s">
        <v>232119</v>
      </c>
      <c r="F69542" s="1" t="s">
        <v>232120</v>
      </c>
      <c r="G69542" s="1" t="s">
        <v>232091</v>
      </c>
      <c r="H69542" s="1" t="s">
        <v>232092</v>
      </c>
      <c r="I69542" s="1" t="s">
        <v>222698</v>
      </c>
      <c r="J69542" s="1" t="s">
        <v>232121</v>
      </c>
    </row>
    <row r="69543" spans="1:10" x14ac:dyDescent="0.35">
      <c r="A69543" s="1" t="s">
        <v>4046</v>
      </c>
      <c r="B69543" s="1" t="s">
        <v>222693</v>
      </c>
      <c r="C69543" s="1" t="s">
        <v>60</v>
      </c>
      <c r="D69543" s="1" t="s">
        <v>85529</v>
      </c>
      <c r="E69543" s="1" t="s">
        <v>232122</v>
      </c>
      <c r="F69543" s="1" t="s">
        <v>232123</v>
      </c>
      <c r="G69543" s="1" t="s">
        <v>232091</v>
      </c>
      <c r="H69543" s="1" t="s">
        <v>232092</v>
      </c>
      <c r="I69543" s="1" t="s">
        <v>222698</v>
      </c>
      <c r="J69543" s="1" t="s">
        <v>232124</v>
      </c>
    </row>
    <row r="69544" spans="1:10" x14ac:dyDescent="0.35">
      <c r="A69544" s="1" t="s">
        <v>4046</v>
      </c>
      <c r="B69544" s="1" t="s">
        <v>222693</v>
      </c>
      <c r="C69544" s="1" t="s">
        <v>65</v>
      </c>
      <c r="D69544" s="1" t="s">
        <v>81038</v>
      </c>
      <c r="E69544" s="1" t="s">
        <v>232125</v>
      </c>
      <c r="F69544" s="1" t="s">
        <v>232126</v>
      </c>
      <c r="G69544" s="1" t="s">
        <v>232091</v>
      </c>
      <c r="H69544" s="1" t="s">
        <v>232092</v>
      </c>
      <c r="I69544" s="1" t="s">
        <v>222698</v>
      </c>
      <c r="J69544" s="1" t="s">
        <v>232127</v>
      </c>
    </row>
    <row r="69545" spans="1:10" x14ac:dyDescent="0.35">
      <c r="A69545" s="1" t="s">
        <v>4046</v>
      </c>
      <c r="B69545" s="1" t="s">
        <v>222693</v>
      </c>
      <c r="C69545" s="1" t="s">
        <v>70</v>
      </c>
      <c r="D69545" s="1" t="s">
        <v>232128</v>
      </c>
      <c r="E69545" s="1" t="s">
        <v>232129</v>
      </c>
      <c r="F69545" s="1" t="s">
        <v>232130</v>
      </c>
      <c r="G69545" s="1" t="s">
        <v>232091</v>
      </c>
      <c r="H69545" s="1" t="s">
        <v>232092</v>
      </c>
      <c r="I69545" s="1" t="s">
        <v>222698</v>
      </c>
      <c r="J69545" s="1" t="s">
        <v>232131</v>
      </c>
    </row>
    <row r="69546" spans="1:10" x14ac:dyDescent="0.35">
      <c r="A69546" s="1" t="s">
        <v>4046</v>
      </c>
      <c r="B69546" s="1" t="s">
        <v>222693</v>
      </c>
      <c r="C69546" s="1" t="s">
        <v>75</v>
      </c>
      <c r="D69546" s="1" t="s">
        <v>232132</v>
      </c>
      <c r="E69546" s="1" t="s">
        <v>232133</v>
      </c>
      <c r="F69546" s="1" t="s">
        <v>232134</v>
      </c>
      <c r="G69546" s="1" t="s">
        <v>232091</v>
      </c>
      <c r="H69546" s="1" t="s">
        <v>232092</v>
      </c>
      <c r="I69546" s="1" t="s">
        <v>222698</v>
      </c>
      <c r="J69546" s="1" t="s">
        <v>232135</v>
      </c>
    </row>
    <row r="69547" spans="1:10" x14ac:dyDescent="0.35">
      <c r="A69547" s="1" t="s">
        <v>4046</v>
      </c>
      <c r="B69547" s="1" t="s">
        <v>222693</v>
      </c>
      <c r="C69547" s="1" t="s">
        <v>80</v>
      </c>
      <c r="D69547" s="1" t="s">
        <v>232136</v>
      </c>
      <c r="E69547" s="1" t="s">
        <v>232137</v>
      </c>
      <c r="F69547" s="1" t="s">
        <v>232138</v>
      </c>
      <c r="G69547" s="1" t="s">
        <v>232091</v>
      </c>
      <c r="H69547" s="1" t="s">
        <v>232092</v>
      </c>
      <c r="I69547" s="1" t="s">
        <v>222698</v>
      </c>
      <c r="J69547" s="1" t="s">
        <v>232139</v>
      </c>
    </row>
    <row r="69548" spans="1:10" x14ac:dyDescent="0.35">
      <c r="A69548" s="1" t="s">
        <v>4046</v>
      </c>
      <c r="B69548" s="1" t="s">
        <v>222693</v>
      </c>
      <c r="C69548" s="1" t="s">
        <v>85</v>
      </c>
      <c r="D69548" s="1" t="s">
        <v>232140</v>
      </c>
      <c r="E69548" s="1" t="s">
        <v>232141</v>
      </c>
      <c r="F69548" s="1" t="s">
        <v>232142</v>
      </c>
      <c r="G69548" s="1" t="s">
        <v>232091</v>
      </c>
      <c r="H69548" s="1" t="s">
        <v>232092</v>
      </c>
      <c r="I69548" s="1" t="s">
        <v>222698</v>
      </c>
      <c r="J69548" s="1" t="s">
        <v>232143</v>
      </c>
    </row>
    <row r="69549" spans="1:10" x14ac:dyDescent="0.35">
      <c r="A69549" s="1" t="s">
        <v>4046</v>
      </c>
      <c r="B69549" s="1" t="s">
        <v>222693</v>
      </c>
      <c r="C69549" s="1" t="s">
        <v>90</v>
      </c>
      <c r="D69549" s="1" t="s">
        <v>232144</v>
      </c>
      <c r="E69549" s="1" t="s">
        <v>232145</v>
      </c>
      <c r="F69549" s="1" t="s">
        <v>232146</v>
      </c>
      <c r="G69549" s="1" t="s">
        <v>232091</v>
      </c>
      <c r="H69549" s="1" t="s">
        <v>232092</v>
      </c>
      <c r="I69549" s="1" t="s">
        <v>222698</v>
      </c>
      <c r="J69549" s="1" t="s">
        <v>232147</v>
      </c>
    </row>
    <row r="69550" spans="1:10" x14ac:dyDescent="0.35">
      <c r="A69550" s="1" t="s">
        <v>4046</v>
      </c>
      <c r="B69550" s="1" t="s">
        <v>222693</v>
      </c>
      <c r="C69550" s="1" t="s">
        <v>95</v>
      </c>
      <c r="D69550" s="1" t="s">
        <v>232148</v>
      </c>
      <c r="E69550" s="1" t="s">
        <v>232149</v>
      </c>
      <c r="F69550" s="1" t="s">
        <v>232150</v>
      </c>
      <c r="G69550" s="1" t="s">
        <v>232091</v>
      </c>
      <c r="H69550" s="1" t="s">
        <v>232092</v>
      </c>
      <c r="I69550" s="1" t="s">
        <v>222698</v>
      </c>
      <c r="J69550" s="1" t="s">
        <v>232151</v>
      </c>
    </row>
    <row r="69551" spans="1:10" x14ac:dyDescent="0.35">
      <c r="A69551" s="1" t="s">
        <v>4046</v>
      </c>
      <c r="B69551" s="1" t="s">
        <v>222693</v>
      </c>
      <c r="C69551" s="1" t="s">
        <v>100</v>
      </c>
      <c r="D69551" s="1" t="s">
        <v>8257</v>
      </c>
      <c r="E69551" s="1" t="s">
        <v>232152</v>
      </c>
      <c r="F69551" s="1" t="s">
        <v>232153</v>
      </c>
      <c r="G69551" s="1" t="s">
        <v>232091</v>
      </c>
      <c r="H69551" s="1" t="s">
        <v>232092</v>
      </c>
      <c r="I69551" s="1" t="s">
        <v>222698</v>
      </c>
      <c r="J69551" s="1" t="s">
        <v>232154</v>
      </c>
    </row>
    <row r="69552" spans="1:10" x14ac:dyDescent="0.35">
      <c r="A69552" s="1" t="s">
        <v>4046</v>
      </c>
      <c r="B69552" s="1" t="s">
        <v>222693</v>
      </c>
      <c r="C69552" s="1" t="s">
        <v>105</v>
      </c>
      <c r="D69552" s="1" t="s">
        <v>232155</v>
      </c>
      <c r="E69552" s="1" t="s">
        <v>232156</v>
      </c>
      <c r="F69552" s="1" t="s">
        <v>232157</v>
      </c>
      <c r="G69552" s="1" t="s">
        <v>232091</v>
      </c>
      <c r="H69552" s="1" t="s">
        <v>232092</v>
      </c>
      <c r="I69552" s="1" t="s">
        <v>222698</v>
      </c>
      <c r="J69552" s="1" t="s">
        <v>232158</v>
      </c>
    </row>
    <row r="69553" spans="1:10" x14ac:dyDescent="0.35">
      <c r="A69553" s="1" t="s">
        <v>4046</v>
      </c>
      <c r="B69553" s="1" t="s">
        <v>222693</v>
      </c>
      <c r="C69553" s="1" t="s">
        <v>110</v>
      </c>
      <c r="D69553" s="1" t="s">
        <v>232159</v>
      </c>
      <c r="E69553" s="1" t="s">
        <v>232160</v>
      </c>
      <c r="F69553" s="1" t="s">
        <v>232161</v>
      </c>
      <c r="G69553" s="1" t="s">
        <v>232091</v>
      </c>
      <c r="H69553" s="1" t="s">
        <v>232092</v>
      </c>
      <c r="I69553" s="1" t="s">
        <v>222698</v>
      </c>
      <c r="J69553" s="1" t="s">
        <v>232162</v>
      </c>
    </row>
    <row r="69554" spans="1:10" x14ac:dyDescent="0.35">
      <c r="A69554" s="1" t="s">
        <v>4046</v>
      </c>
      <c r="B69554" s="1" t="s">
        <v>222693</v>
      </c>
      <c r="C69554" s="1" t="s">
        <v>115</v>
      </c>
      <c r="D69554" s="1" t="s">
        <v>232163</v>
      </c>
      <c r="E69554" s="1" t="s">
        <v>232164</v>
      </c>
      <c r="F69554" s="1" t="s">
        <v>232165</v>
      </c>
      <c r="G69554" s="1" t="s">
        <v>232091</v>
      </c>
      <c r="H69554" s="1" t="s">
        <v>232092</v>
      </c>
      <c r="I69554" s="1" t="s">
        <v>222698</v>
      </c>
      <c r="J69554" s="1" t="s">
        <v>232166</v>
      </c>
    </row>
    <row r="69555" spans="1:10" x14ac:dyDescent="0.35">
      <c r="A69555" s="1" t="s">
        <v>4046</v>
      </c>
      <c r="B69555" s="1" t="s">
        <v>222693</v>
      </c>
      <c r="C69555" s="1" t="s">
        <v>120</v>
      </c>
      <c r="D69555" s="1" t="s">
        <v>92372</v>
      </c>
      <c r="E69555" s="1" t="s">
        <v>232167</v>
      </c>
      <c r="F69555" s="1" t="s">
        <v>232168</v>
      </c>
      <c r="G69555" s="1" t="s">
        <v>232091</v>
      </c>
      <c r="H69555" s="1" t="s">
        <v>232092</v>
      </c>
      <c r="I69555" s="1" t="s">
        <v>222698</v>
      </c>
      <c r="J69555" s="1" t="s">
        <v>232169</v>
      </c>
    </row>
    <row r="69556" spans="1:10" x14ac:dyDescent="0.35">
      <c r="A69556" s="1" t="s">
        <v>4046</v>
      </c>
      <c r="B69556" s="1" t="s">
        <v>222693</v>
      </c>
      <c r="C69556" s="1" t="s">
        <v>125</v>
      </c>
      <c r="D69556" s="1" t="s">
        <v>232170</v>
      </c>
      <c r="E69556" s="1" t="s">
        <v>232171</v>
      </c>
      <c r="F69556" s="1" t="s">
        <v>232172</v>
      </c>
      <c r="G69556" s="1" t="s">
        <v>232091</v>
      </c>
      <c r="H69556" s="1" t="s">
        <v>232092</v>
      </c>
      <c r="I69556" s="1" t="s">
        <v>222698</v>
      </c>
      <c r="J69556" s="1" t="s">
        <v>232173</v>
      </c>
    </row>
    <row r="69557" spans="1:10" x14ac:dyDescent="0.35">
      <c r="A69557" s="1" t="s">
        <v>4046</v>
      </c>
      <c r="B69557" s="1" t="s">
        <v>222693</v>
      </c>
      <c r="C69557" s="1" t="s">
        <v>130</v>
      </c>
      <c r="D69557" s="1" t="s">
        <v>232174</v>
      </c>
      <c r="E69557" s="1" t="s">
        <v>232175</v>
      </c>
      <c r="F69557" s="1" t="s">
        <v>232176</v>
      </c>
      <c r="G69557" s="1" t="s">
        <v>232091</v>
      </c>
      <c r="H69557" s="1" t="s">
        <v>232092</v>
      </c>
      <c r="I69557" s="1" t="s">
        <v>222698</v>
      </c>
      <c r="J69557" s="1" t="s">
        <v>232177</v>
      </c>
    </row>
    <row r="69558" spans="1:10" x14ac:dyDescent="0.35">
      <c r="A69558" s="1" t="s">
        <v>4046</v>
      </c>
      <c r="B69558" s="1" t="s">
        <v>222693</v>
      </c>
      <c r="C69558" s="1" t="s">
        <v>135</v>
      </c>
      <c r="D69558" s="1" t="s">
        <v>232178</v>
      </c>
      <c r="E69558" s="1" t="s">
        <v>232179</v>
      </c>
      <c r="F69558" s="1" t="s">
        <v>232180</v>
      </c>
      <c r="G69558" s="1" t="s">
        <v>232091</v>
      </c>
      <c r="H69558" s="1" t="s">
        <v>232092</v>
      </c>
      <c r="I69558" s="1" t="s">
        <v>222698</v>
      </c>
      <c r="J69558" s="1" t="s">
        <v>232181</v>
      </c>
    </row>
    <row r="69559" spans="1:10" x14ac:dyDescent="0.35">
      <c r="A69559" s="1" t="s">
        <v>4046</v>
      </c>
      <c r="B69559" s="1" t="s">
        <v>222693</v>
      </c>
      <c r="C69559" s="1" t="s">
        <v>140</v>
      </c>
      <c r="D69559" s="1" t="s">
        <v>59065</v>
      </c>
      <c r="E69559" s="1" t="s">
        <v>232182</v>
      </c>
      <c r="F69559" s="1" t="s">
        <v>232183</v>
      </c>
      <c r="G69559" s="1" t="s">
        <v>232091</v>
      </c>
      <c r="H69559" s="1" t="s">
        <v>232092</v>
      </c>
      <c r="I69559" s="1" t="s">
        <v>222698</v>
      </c>
      <c r="J69559" s="1" t="s">
        <v>232184</v>
      </c>
    </row>
    <row r="69560" spans="1:10" x14ac:dyDescent="0.35">
      <c r="A69560" s="1" t="s">
        <v>4046</v>
      </c>
      <c r="B69560" s="1" t="s">
        <v>222693</v>
      </c>
      <c r="C69560" s="1" t="s">
        <v>145</v>
      </c>
      <c r="D69560" s="1" t="s">
        <v>232185</v>
      </c>
      <c r="E69560" s="1" t="s">
        <v>232186</v>
      </c>
      <c r="F69560" s="1" t="s">
        <v>232187</v>
      </c>
      <c r="G69560" s="1" t="s">
        <v>232091</v>
      </c>
      <c r="H69560" s="1" t="s">
        <v>232092</v>
      </c>
      <c r="I69560" s="1" t="s">
        <v>222698</v>
      </c>
      <c r="J69560" s="1" t="s">
        <v>232188</v>
      </c>
    </row>
    <row r="69561" spans="1:10" x14ac:dyDescent="0.35">
      <c r="A69561" s="1" t="s">
        <v>4046</v>
      </c>
      <c r="B69561" s="1" t="s">
        <v>222693</v>
      </c>
      <c r="C69561" s="1" t="s">
        <v>150</v>
      </c>
      <c r="D69561" s="1" t="s">
        <v>63621</v>
      </c>
      <c r="E69561" s="1" t="s">
        <v>232189</v>
      </c>
      <c r="F69561" s="1" t="s">
        <v>232190</v>
      </c>
      <c r="G69561" s="1" t="s">
        <v>232091</v>
      </c>
      <c r="H69561" s="1" t="s">
        <v>232092</v>
      </c>
      <c r="I69561" s="1" t="s">
        <v>222698</v>
      </c>
      <c r="J69561" s="1" t="s">
        <v>232191</v>
      </c>
    </row>
    <row r="69562" spans="1:10" x14ac:dyDescent="0.35">
      <c r="A69562" s="1" t="s">
        <v>4046</v>
      </c>
      <c r="B69562" s="1" t="s">
        <v>222693</v>
      </c>
      <c r="C69562" s="1" t="s">
        <v>155</v>
      </c>
      <c r="D69562" s="1" t="s">
        <v>162226</v>
      </c>
      <c r="E69562" s="1" t="s">
        <v>232192</v>
      </c>
      <c r="F69562" s="1" t="s">
        <v>232193</v>
      </c>
      <c r="G69562" s="1" t="s">
        <v>232091</v>
      </c>
      <c r="H69562" s="1" t="s">
        <v>232092</v>
      </c>
      <c r="I69562" s="1" t="s">
        <v>222698</v>
      </c>
      <c r="J69562" s="1" t="s">
        <v>232194</v>
      </c>
    </row>
    <row r="69563" spans="1:10" x14ac:dyDescent="0.35">
      <c r="A69563" s="1" t="s">
        <v>4046</v>
      </c>
      <c r="B69563" s="1" t="s">
        <v>222693</v>
      </c>
      <c r="C69563" s="1" t="s">
        <v>160</v>
      </c>
      <c r="D69563" s="1" t="s">
        <v>232195</v>
      </c>
      <c r="E69563" s="1" t="s">
        <v>232196</v>
      </c>
      <c r="F69563" s="1" t="s">
        <v>232197</v>
      </c>
      <c r="G69563" s="1" t="s">
        <v>232091</v>
      </c>
      <c r="H69563" s="1" t="s">
        <v>232092</v>
      </c>
      <c r="I69563" s="1" t="s">
        <v>222698</v>
      </c>
      <c r="J69563" s="1" t="s">
        <v>232198</v>
      </c>
    </row>
    <row r="69564" spans="1:10" x14ac:dyDescent="0.35">
      <c r="A69564" s="1" t="s">
        <v>4046</v>
      </c>
      <c r="B69564" s="1" t="s">
        <v>222693</v>
      </c>
      <c r="C69564" s="1" t="s">
        <v>165</v>
      </c>
      <c r="D69564" s="1" t="s">
        <v>232199</v>
      </c>
      <c r="E69564" s="1" t="s">
        <v>232200</v>
      </c>
      <c r="F69564" s="1" t="s">
        <v>232201</v>
      </c>
      <c r="G69564" s="1" t="s">
        <v>232091</v>
      </c>
      <c r="H69564" s="1" t="s">
        <v>232092</v>
      </c>
      <c r="I69564" s="1" t="s">
        <v>222698</v>
      </c>
      <c r="J69564" s="1" t="s">
        <v>232202</v>
      </c>
    </row>
    <row r="69565" spans="1:10" x14ac:dyDescent="0.35">
      <c r="A69565" s="1" t="s">
        <v>4046</v>
      </c>
      <c r="B69565" s="1" t="s">
        <v>222693</v>
      </c>
      <c r="C69565" s="1" t="s">
        <v>170</v>
      </c>
      <c r="D69565" s="1" t="s">
        <v>232203</v>
      </c>
      <c r="E69565" s="1" t="s">
        <v>232204</v>
      </c>
      <c r="F69565" s="1" t="s">
        <v>232205</v>
      </c>
      <c r="G69565" s="1" t="s">
        <v>232091</v>
      </c>
      <c r="H69565" s="1" t="s">
        <v>232092</v>
      </c>
      <c r="I69565" s="1" t="s">
        <v>222698</v>
      </c>
      <c r="J69565" s="1" t="s">
        <v>232206</v>
      </c>
    </row>
    <row r="69566" spans="1:10" x14ac:dyDescent="0.35">
      <c r="A69566" s="1" t="s">
        <v>112197</v>
      </c>
      <c r="B69566" s="1" t="s">
        <v>222693</v>
      </c>
      <c r="C69566" s="1" t="s">
        <v>8</v>
      </c>
      <c r="D69566" s="1" t="s">
        <v>103981</v>
      </c>
      <c r="E69566" s="1" t="s">
        <v>232207</v>
      </c>
      <c r="F69566" s="1" t="s">
        <v>232208</v>
      </c>
      <c r="G69566" s="1" t="s">
        <v>232209</v>
      </c>
      <c r="H69566" s="1" t="s">
        <v>232210</v>
      </c>
      <c r="I69566" s="1" t="s">
        <v>222698</v>
      </c>
      <c r="J69566" s="1" t="s">
        <v>13</v>
      </c>
    </row>
    <row r="69567" spans="1:10" x14ac:dyDescent="0.35">
      <c r="A69567" s="1" t="s">
        <v>112197</v>
      </c>
      <c r="B69567" s="1" t="s">
        <v>222693</v>
      </c>
      <c r="C69567" s="1" t="s">
        <v>15</v>
      </c>
      <c r="D69567" s="1" t="s">
        <v>90221</v>
      </c>
      <c r="E69567" s="1" t="s">
        <v>232211</v>
      </c>
      <c r="F69567" s="1" t="s">
        <v>232212</v>
      </c>
      <c r="G69567" s="1" t="s">
        <v>232209</v>
      </c>
      <c r="H69567" s="1" t="s">
        <v>232210</v>
      </c>
      <c r="I69567" s="1" t="s">
        <v>222698</v>
      </c>
      <c r="J69567" s="1" t="s">
        <v>232213</v>
      </c>
    </row>
    <row r="69568" spans="1:10" x14ac:dyDescent="0.35">
      <c r="A69568" s="1" t="s">
        <v>112197</v>
      </c>
      <c r="B69568" s="1" t="s">
        <v>222693</v>
      </c>
      <c r="C69568" s="1" t="s">
        <v>20</v>
      </c>
      <c r="D69568" s="1" t="s">
        <v>232214</v>
      </c>
      <c r="E69568" s="1" t="s">
        <v>232215</v>
      </c>
      <c r="F69568" s="1" t="s">
        <v>232216</v>
      </c>
      <c r="G69568" s="1" t="s">
        <v>232209</v>
      </c>
      <c r="H69568" s="1" t="s">
        <v>232210</v>
      </c>
      <c r="I69568" s="1" t="s">
        <v>222698</v>
      </c>
      <c r="J69568" s="1" t="s">
        <v>232217</v>
      </c>
    </row>
    <row r="69569" spans="1:10" x14ac:dyDescent="0.35">
      <c r="A69569" s="1" t="s">
        <v>112197</v>
      </c>
      <c r="B69569" s="1" t="s">
        <v>222693</v>
      </c>
      <c r="C69569" s="1" t="s">
        <v>25</v>
      </c>
      <c r="D69569" s="1" t="s">
        <v>136250</v>
      </c>
      <c r="E69569" s="1" t="s">
        <v>232218</v>
      </c>
      <c r="F69569" s="1" t="s">
        <v>232219</v>
      </c>
      <c r="G69569" s="1" t="s">
        <v>232209</v>
      </c>
      <c r="H69569" s="1" t="s">
        <v>232210</v>
      </c>
      <c r="I69569" s="1" t="s">
        <v>222698</v>
      </c>
      <c r="J69569" s="1" t="s">
        <v>232220</v>
      </c>
    </row>
    <row r="69570" spans="1:10" x14ac:dyDescent="0.35">
      <c r="A69570" s="1" t="s">
        <v>112197</v>
      </c>
      <c r="B69570" s="1" t="s">
        <v>222693</v>
      </c>
      <c r="C69570" s="1" t="s">
        <v>30</v>
      </c>
      <c r="D69570" s="1" t="s">
        <v>232221</v>
      </c>
      <c r="E69570" s="1" t="s">
        <v>232222</v>
      </c>
      <c r="F69570" s="1" t="s">
        <v>232223</v>
      </c>
      <c r="G69570" s="1" t="s">
        <v>232209</v>
      </c>
      <c r="H69570" s="1" t="s">
        <v>232210</v>
      </c>
      <c r="I69570" s="1" t="s">
        <v>222698</v>
      </c>
      <c r="J69570" s="1" t="s">
        <v>232224</v>
      </c>
    </row>
    <row r="69571" spans="1:10" x14ac:dyDescent="0.35">
      <c r="A69571" s="1" t="s">
        <v>112197</v>
      </c>
      <c r="B69571" s="1" t="s">
        <v>222693</v>
      </c>
      <c r="C69571" s="1" t="s">
        <v>35</v>
      </c>
      <c r="D69571" s="1" t="s">
        <v>57911</v>
      </c>
      <c r="E69571" s="1" t="s">
        <v>232225</v>
      </c>
      <c r="F69571" s="1" t="s">
        <v>232226</v>
      </c>
      <c r="G69571" s="1" t="s">
        <v>232209</v>
      </c>
      <c r="H69571" s="1" t="s">
        <v>232210</v>
      </c>
      <c r="I69571" s="1" t="s">
        <v>222698</v>
      </c>
      <c r="J69571" s="1" t="s">
        <v>232227</v>
      </c>
    </row>
    <row r="69572" spans="1:10" x14ac:dyDescent="0.35">
      <c r="A69572" s="1" t="s">
        <v>112197</v>
      </c>
      <c r="B69572" s="1" t="s">
        <v>222693</v>
      </c>
      <c r="C69572" s="1" t="s">
        <v>40</v>
      </c>
      <c r="D69572" s="1" t="s">
        <v>232228</v>
      </c>
      <c r="E69572" s="1" t="s">
        <v>232229</v>
      </c>
      <c r="F69572" s="1" t="s">
        <v>232230</v>
      </c>
      <c r="G69572" s="1" t="s">
        <v>232209</v>
      </c>
      <c r="H69572" s="1" t="s">
        <v>232210</v>
      </c>
      <c r="I69572" s="1" t="s">
        <v>222698</v>
      </c>
      <c r="J69572" s="1" t="s">
        <v>232231</v>
      </c>
    </row>
    <row r="69573" spans="1:10" x14ac:dyDescent="0.35">
      <c r="A69573" s="1" t="s">
        <v>112197</v>
      </c>
      <c r="B69573" s="1" t="s">
        <v>222693</v>
      </c>
      <c r="C69573" s="1" t="s">
        <v>45</v>
      </c>
      <c r="D69573" s="1" t="s">
        <v>22539</v>
      </c>
      <c r="E69573" s="1" t="s">
        <v>232232</v>
      </c>
      <c r="F69573" s="1" t="s">
        <v>232233</v>
      </c>
      <c r="G69573" s="1" t="s">
        <v>232209</v>
      </c>
      <c r="H69573" s="1" t="s">
        <v>232210</v>
      </c>
      <c r="I69573" s="1" t="s">
        <v>222698</v>
      </c>
      <c r="J69573" s="1" t="s">
        <v>232234</v>
      </c>
    </row>
    <row r="69574" spans="1:10" x14ac:dyDescent="0.35">
      <c r="A69574" s="1" t="s">
        <v>112197</v>
      </c>
      <c r="B69574" s="1" t="s">
        <v>222693</v>
      </c>
      <c r="C69574" s="1" t="s">
        <v>50</v>
      </c>
      <c r="D69574" s="1" t="s">
        <v>232235</v>
      </c>
      <c r="E69574" s="1" t="s">
        <v>232236</v>
      </c>
      <c r="F69574" s="1" t="s">
        <v>232237</v>
      </c>
      <c r="G69574" s="1" t="s">
        <v>232209</v>
      </c>
      <c r="H69574" s="1" t="s">
        <v>232210</v>
      </c>
      <c r="I69574" s="1" t="s">
        <v>222698</v>
      </c>
      <c r="J69574" s="1" t="s">
        <v>232238</v>
      </c>
    </row>
    <row r="69575" spans="1:10" x14ac:dyDescent="0.35">
      <c r="A69575" s="1" t="s">
        <v>112197</v>
      </c>
      <c r="B69575" s="1" t="s">
        <v>222693</v>
      </c>
      <c r="C69575" s="1" t="s">
        <v>55</v>
      </c>
      <c r="D69575" s="1" t="s">
        <v>59938</v>
      </c>
      <c r="E69575" s="1" t="s">
        <v>232239</v>
      </c>
      <c r="F69575" s="1" t="s">
        <v>232240</v>
      </c>
      <c r="G69575" s="1" t="s">
        <v>232209</v>
      </c>
      <c r="H69575" s="1" t="s">
        <v>232210</v>
      </c>
      <c r="I69575" s="1" t="s">
        <v>222698</v>
      </c>
      <c r="J69575" s="1" t="s">
        <v>232241</v>
      </c>
    </row>
    <row r="69576" spans="1:10" x14ac:dyDescent="0.35">
      <c r="A69576" s="1" t="s">
        <v>112197</v>
      </c>
      <c r="B69576" s="1" t="s">
        <v>222693</v>
      </c>
      <c r="C69576" s="1" t="s">
        <v>60</v>
      </c>
      <c r="D69576" s="1" t="s">
        <v>232242</v>
      </c>
      <c r="E69576" s="1" t="s">
        <v>232243</v>
      </c>
      <c r="F69576" s="1" t="s">
        <v>232244</v>
      </c>
      <c r="G69576" s="1" t="s">
        <v>232209</v>
      </c>
      <c r="H69576" s="1" t="s">
        <v>232210</v>
      </c>
      <c r="I69576" s="1" t="s">
        <v>222698</v>
      </c>
      <c r="J69576" s="1" t="s">
        <v>232245</v>
      </c>
    </row>
    <row r="69577" spans="1:10" x14ac:dyDescent="0.35">
      <c r="A69577" s="1" t="s">
        <v>112197</v>
      </c>
      <c r="B69577" s="1" t="s">
        <v>222693</v>
      </c>
      <c r="C69577" s="1" t="s">
        <v>65</v>
      </c>
      <c r="D69577" s="1" t="s">
        <v>99670</v>
      </c>
      <c r="E69577" s="1" t="s">
        <v>232246</v>
      </c>
      <c r="F69577" s="1" t="s">
        <v>232247</v>
      </c>
      <c r="G69577" s="1" t="s">
        <v>232209</v>
      </c>
      <c r="H69577" s="1" t="s">
        <v>232210</v>
      </c>
      <c r="I69577" s="1" t="s">
        <v>222698</v>
      </c>
      <c r="J69577" s="1" t="s">
        <v>232248</v>
      </c>
    </row>
    <row r="69578" spans="1:10" x14ac:dyDescent="0.35">
      <c r="A69578" s="1" t="s">
        <v>112197</v>
      </c>
      <c r="B69578" s="1" t="s">
        <v>222693</v>
      </c>
      <c r="C69578" s="1" t="s">
        <v>70</v>
      </c>
      <c r="D69578" s="1" t="s">
        <v>201063</v>
      </c>
      <c r="E69578" s="1" t="s">
        <v>232249</v>
      </c>
      <c r="F69578" s="1" t="s">
        <v>232250</v>
      </c>
      <c r="G69578" s="1" t="s">
        <v>232209</v>
      </c>
      <c r="H69578" s="1" t="s">
        <v>232210</v>
      </c>
      <c r="I69578" s="1" t="s">
        <v>222698</v>
      </c>
      <c r="J69578" s="1" t="s">
        <v>232251</v>
      </c>
    </row>
    <row r="69579" spans="1:10" x14ac:dyDescent="0.35">
      <c r="A69579" s="1" t="s">
        <v>112197</v>
      </c>
      <c r="B69579" s="1" t="s">
        <v>222693</v>
      </c>
      <c r="C69579" s="1" t="s">
        <v>75</v>
      </c>
      <c r="D69579" s="1" t="s">
        <v>62538</v>
      </c>
      <c r="E69579" s="1" t="s">
        <v>232252</v>
      </c>
      <c r="F69579" s="1" t="s">
        <v>232253</v>
      </c>
      <c r="G69579" s="1" t="s">
        <v>232209</v>
      </c>
      <c r="H69579" s="1" t="s">
        <v>232210</v>
      </c>
      <c r="I69579" s="1" t="s">
        <v>222698</v>
      </c>
      <c r="J69579" s="1" t="s">
        <v>232254</v>
      </c>
    </row>
    <row r="69580" spans="1:10" x14ac:dyDescent="0.35">
      <c r="A69580" s="1" t="s">
        <v>112197</v>
      </c>
      <c r="B69580" s="1" t="s">
        <v>222693</v>
      </c>
      <c r="C69580" s="1" t="s">
        <v>80</v>
      </c>
      <c r="D69580" s="1" t="s">
        <v>140174</v>
      </c>
      <c r="E69580" s="1" t="s">
        <v>232255</v>
      </c>
      <c r="F69580" s="1" t="s">
        <v>232256</v>
      </c>
      <c r="G69580" s="1" t="s">
        <v>232209</v>
      </c>
      <c r="H69580" s="1" t="s">
        <v>232210</v>
      </c>
      <c r="I69580" s="1" t="s">
        <v>222698</v>
      </c>
      <c r="J69580" s="1" t="s">
        <v>232257</v>
      </c>
    </row>
    <row r="69581" spans="1:10" x14ac:dyDescent="0.35">
      <c r="A69581" s="1" t="s">
        <v>112197</v>
      </c>
      <c r="B69581" s="1" t="s">
        <v>222693</v>
      </c>
      <c r="C69581" s="1" t="s">
        <v>85</v>
      </c>
      <c r="D69581" s="1" t="s">
        <v>232258</v>
      </c>
      <c r="E69581" s="1" t="s">
        <v>232259</v>
      </c>
      <c r="F69581" s="1" t="s">
        <v>232260</v>
      </c>
      <c r="G69581" s="1" t="s">
        <v>232209</v>
      </c>
      <c r="H69581" s="1" t="s">
        <v>232210</v>
      </c>
      <c r="I69581" s="1" t="s">
        <v>222698</v>
      </c>
      <c r="J69581" s="1" t="s">
        <v>232261</v>
      </c>
    </row>
    <row r="69582" spans="1:10" x14ac:dyDescent="0.35">
      <c r="A69582" s="1" t="s">
        <v>112197</v>
      </c>
      <c r="B69582" s="1" t="s">
        <v>222693</v>
      </c>
      <c r="C69582" s="1" t="s">
        <v>90</v>
      </c>
      <c r="D69582" s="1" t="s">
        <v>232262</v>
      </c>
      <c r="E69582" s="1" t="s">
        <v>232263</v>
      </c>
      <c r="F69582" s="1" t="s">
        <v>232264</v>
      </c>
      <c r="G69582" s="1" t="s">
        <v>232209</v>
      </c>
      <c r="H69582" s="1" t="s">
        <v>232210</v>
      </c>
      <c r="I69582" s="1" t="s">
        <v>222698</v>
      </c>
      <c r="J69582" s="1" t="s">
        <v>232265</v>
      </c>
    </row>
    <row r="69583" spans="1:10" x14ac:dyDescent="0.35">
      <c r="A69583" s="1" t="s">
        <v>112197</v>
      </c>
      <c r="B69583" s="1" t="s">
        <v>222693</v>
      </c>
      <c r="C69583" s="1" t="s">
        <v>95</v>
      </c>
      <c r="D69583" s="1" t="s">
        <v>84428</v>
      </c>
      <c r="E69583" s="1" t="s">
        <v>232266</v>
      </c>
      <c r="F69583" s="1" t="s">
        <v>232267</v>
      </c>
      <c r="G69583" s="1" t="s">
        <v>232209</v>
      </c>
      <c r="H69583" s="1" t="s">
        <v>232210</v>
      </c>
      <c r="I69583" s="1" t="s">
        <v>222698</v>
      </c>
      <c r="J69583" s="1" t="s">
        <v>232268</v>
      </c>
    </row>
    <row r="69584" spans="1:10" x14ac:dyDescent="0.35">
      <c r="A69584" s="1" t="s">
        <v>112197</v>
      </c>
      <c r="B69584" s="1" t="s">
        <v>222693</v>
      </c>
      <c r="C69584" s="1" t="s">
        <v>100</v>
      </c>
      <c r="D69584" s="1" t="s">
        <v>137828</v>
      </c>
      <c r="E69584" s="1" t="s">
        <v>232269</v>
      </c>
      <c r="F69584" s="1" t="s">
        <v>232270</v>
      </c>
      <c r="G69584" s="1" t="s">
        <v>232209</v>
      </c>
      <c r="H69584" s="1" t="s">
        <v>232210</v>
      </c>
      <c r="I69584" s="1" t="s">
        <v>222698</v>
      </c>
      <c r="J69584" s="1" t="s">
        <v>232271</v>
      </c>
    </row>
    <row r="69585" spans="1:10" x14ac:dyDescent="0.35">
      <c r="A69585" s="1" t="s">
        <v>112197</v>
      </c>
      <c r="B69585" s="1" t="s">
        <v>222693</v>
      </c>
      <c r="C69585" s="1" t="s">
        <v>105</v>
      </c>
      <c r="D69585" s="1" t="s">
        <v>57676</v>
      </c>
      <c r="E69585" s="1" t="s">
        <v>232272</v>
      </c>
      <c r="F69585" s="1" t="s">
        <v>232273</v>
      </c>
      <c r="G69585" s="1" t="s">
        <v>232209</v>
      </c>
      <c r="H69585" s="1" t="s">
        <v>232210</v>
      </c>
      <c r="I69585" s="1" t="s">
        <v>222698</v>
      </c>
      <c r="J69585" s="1" t="s">
        <v>232274</v>
      </c>
    </row>
    <row r="69586" spans="1:10" x14ac:dyDescent="0.35">
      <c r="A69586" s="1" t="s">
        <v>112197</v>
      </c>
      <c r="B69586" s="1" t="s">
        <v>222693</v>
      </c>
      <c r="C69586" s="1" t="s">
        <v>110</v>
      </c>
      <c r="D69586" s="1" t="s">
        <v>131058</v>
      </c>
      <c r="E69586" s="1" t="s">
        <v>232275</v>
      </c>
      <c r="F69586" s="1" t="s">
        <v>232276</v>
      </c>
      <c r="G69586" s="1" t="s">
        <v>232209</v>
      </c>
      <c r="H69586" s="1" t="s">
        <v>232210</v>
      </c>
      <c r="I69586" s="1" t="s">
        <v>222698</v>
      </c>
      <c r="J69586" s="1" t="s">
        <v>232277</v>
      </c>
    </row>
    <row r="69587" spans="1:10" x14ac:dyDescent="0.35">
      <c r="A69587" s="1" t="s">
        <v>112197</v>
      </c>
      <c r="B69587" s="1" t="s">
        <v>222693</v>
      </c>
      <c r="C69587" s="1" t="s">
        <v>115</v>
      </c>
      <c r="D69587" s="1" t="s">
        <v>232278</v>
      </c>
      <c r="E69587" s="1" t="s">
        <v>232279</v>
      </c>
      <c r="F69587" s="1" t="s">
        <v>232280</v>
      </c>
      <c r="G69587" s="1" t="s">
        <v>232209</v>
      </c>
      <c r="H69587" s="1" t="s">
        <v>232210</v>
      </c>
      <c r="I69587" s="1" t="s">
        <v>222698</v>
      </c>
      <c r="J69587" s="1" t="s">
        <v>232281</v>
      </c>
    </row>
    <row r="69588" spans="1:10" x14ac:dyDescent="0.35">
      <c r="A69588" s="1" t="s">
        <v>112197</v>
      </c>
      <c r="B69588" s="1" t="s">
        <v>222693</v>
      </c>
      <c r="C69588" s="1" t="s">
        <v>120</v>
      </c>
      <c r="D69588" s="1" t="s">
        <v>100357</v>
      </c>
      <c r="E69588" s="1" t="s">
        <v>232282</v>
      </c>
      <c r="F69588" s="1" t="s">
        <v>232283</v>
      </c>
      <c r="G69588" s="1" t="s">
        <v>232209</v>
      </c>
      <c r="H69588" s="1" t="s">
        <v>232210</v>
      </c>
      <c r="I69588" s="1" t="s">
        <v>222698</v>
      </c>
      <c r="J69588" s="1" t="s">
        <v>232284</v>
      </c>
    </row>
    <row r="69589" spans="1:10" x14ac:dyDescent="0.35">
      <c r="A69589" s="1" t="s">
        <v>112197</v>
      </c>
      <c r="B69589" s="1" t="s">
        <v>222693</v>
      </c>
      <c r="C69589" s="1" t="s">
        <v>125</v>
      </c>
      <c r="D69589" s="1" t="s">
        <v>39810</v>
      </c>
      <c r="E69589" s="1" t="s">
        <v>232285</v>
      </c>
      <c r="F69589" s="1" t="s">
        <v>232286</v>
      </c>
      <c r="G69589" s="1" t="s">
        <v>232209</v>
      </c>
      <c r="H69589" s="1" t="s">
        <v>232210</v>
      </c>
      <c r="I69589" s="1" t="s">
        <v>222698</v>
      </c>
      <c r="J69589" s="1" t="s">
        <v>232287</v>
      </c>
    </row>
    <row r="69590" spans="1:10" x14ac:dyDescent="0.35">
      <c r="A69590" s="1" t="s">
        <v>112197</v>
      </c>
      <c r="B69590" s="1" t="s">
        <v>222693</v>
      </c>
      <c r="C69590" s="1" t="s">
        <v>130</v>
      </c>
      <c r="D69590" s="1" t="s">
        <v>232288</v>
      </c>
      <c r="E69590" s="1" t="s">
        <v>232289</v>
      </c>
      <c r="F69590" s="1" t="s">
        <v>232290</v>
      </c>
      <c r="G69590" s="1" t="s">
        <v>232209</v>
      </c>
      <c r="H69590" s="1" t="s">
        <v>232210</v>
      </c>
      <c r="I69590" s="1" t="s">
        <v>222698</v>
      </c>
      <c r="J69590" s="1" t="s">
        <v>232291</v>
      </c>
    </row>
    <row r="69591" spans="1:10" x14ac:dyDescent="0.35">
      <c r="A69591" s="1" t="s">
        <v>112197</v>
      </c>
      <c r="B69591" s="1" t="s">
        <v>222693</v>
      </c>
      <c r="C69591" s="1" t="s">
        <v>135</v>
      </c>
      <c r="D69591" s="1" t="s">
        <v>79369</v>
      </c>
      <c r="E69591" s="1" t="s">
        <v>232292</v>
      </c>
      <c r="F69591" s="1" t="s">
        <v>232293</v>
      </c>
      <c r="G69591" s="1" t="s">
        <v>232209</v>
      </c>
      <c r="H69591" s="1" t="s">
        <v>232210</v>
      </c>
      <c r="I69591" s="1" t="s">
        <v>222698</v>
      </c>
      <c r="J69591" s="1" t="s">
        <v>232294</v>
      </c>
    </row>
    <row r="69592" spans="1:10" x14ac:dyDescent="0.35">
      <c r="A69592" s="1" t="s">
        <v>112197</v>
      </c>
      <c r="B69592" s="1" t="s">
        <v>222693</v>
      </c>
      <c r="C69592" s="1" t="s">
        <v>140</v>
      </c>
      <c r="D69592" s="1" t="s">
        <v>222857</v>
      </c>
      <c r="E69592" s="1" t="s">
        <v>232295</v>
      </c>
      <c r="F69592" s="1" t="s">
        <v>232296</v>
      </c>
      <c r="G69592" s="1" t="s">
        <v>232209</v>
      </c>
      <c r="H69592" s="1" t="s">
        <v>232210</v>
      </c>
      <c r="I69592" s="1" t="s">
        <v>222698</v>
      </c>
      <c r="J69592" s="1" t="s">
        <v>232297</v>
      </c>
    </row>
    <row r="69593" spans="1:10" x14ac:dyDescent="0.35">
      <c r="A69593" s="1" t="s">
        <v>112197</v>
      </c>
      <c r="B69593" s="1" t="s">
        <v>222693</v>
      </c>
      <c r="C69593" s="1" t="s">
        <v>145</v>
      </c>
      <c r="D69593" s="1" t="s">
        <v>232298</v>
      </c>
      <c r="E69593" s="1" t="s">
        <v>232299</v>
      </c>
      <c r="F69593" s="1" t="s">
        <v>232300</v>
      </c>
      <c r="G69593" s="1" t="s">
        <v>232209</v>
      </c>
      <c r="H69593" s="1" t="s">
        <v>232210</v>
      </c>
      <c r="I69593" s="1" t="s">
        <v>222698</v>
      </c>
      <c r="J69593" s="1" t="s">
        <v>232301</v>
      </c>
    </row>
    <row r="69594" spans="1:10" x14ac:dyDescent="0.35">
      <c r="A69594" s="1" t="s">
        <v>112197</v>
      </c>
      <c r="B69594" s="1" t="s">
        <v>222693</v>
      </c>
      <c r="C69594" s="1" t="s">
        <v>150</v>
      </c>
      <c r="D69594" s="1" t="s">
        <v>201150</v>
      </c>
      <c r="E69594" s="1" t="s">
        <v>232302</v>
      </c>
      <c r="F69594" s="1" t="s">
        <v>232303</v>
      </c>
      <c r="G69594" s="1" t="s">
        <v>232209</v>
      </c>
      <c r="H69594" s="1" t="s">
        <v>232210</v>
      </c>
      <c r="I69594" s="1" t="s">
        <v>222698</v>
      </c>
      <c r="J69594" s="1" t="s">
        <v>232304</v>
      </c>
    </row>
    <row r="69595" spans="1:10" x14ac:dyDescent="0.35">
      <c r="A69595" s="1" t="s">
        <v>112197</v>
      </c>
      <c r="B69595" s="1" t="s">
        <v>222693</v>
      </c>
      <c r="C69595" s="1" t="s">
        <v>155</v>
      </c>
      <c r="D69595" s="1" t="s">
        <v>78325</v>
      </c>
      <c r="E69595" s="1" t="s">
        <v>232305</v>
      </c>
      <c r="F69595" s="1" t="s">
        <v>232306</v>
      </c>
      <c r="G69595" s="1" t="s">
        <v>232209</v>
      </c>
      <c r="H69595" s="1" t="s">
        <v>232210</v>
      </c>
      <c r="I69595" s="1" t="s">
        <v>222698</v>
      </c>
      <c r="J69595" s="1" t="s">
        <v>232307</v>
      </c>
    </row>
    <row r="69596" spans="1:10" x14ac:dyDescent="0.35">
      <c r="A69596" s="1" t="s">
        <v>112197</v>
      </c>
      <c r="B69596" s="1" t="s">
        <v>222693</v>
      </c>
      <c r="C69596" s="1" t="s">
        <v>160</v>
      </c>
      <c r="D69596" s="1" t="s">
        <v>163095</v>
      </c>
      <c r="E69596" s="1" t="s">
        <v>232308</v>
      </c>
      <c r="F69596" s="1" t="s">
        <v>232309</v>
      </c>
      <c r="G69596" s="1" t="s">
        <v>232209</v>
      </c>
      <c r="H69596" s="1" t="s">
        <v>232210</v>
      </c>
      <c r="I69596" s="1" t="s">
        <v>222698</v>
      </c>
      <c r="J69596" s="1" t="s">
        <v>232310</v>
      </c>
    </row>
    <row r="69597" spans="1:10" x14ac:dyDescent="0.35">
      <c r="A69597" s="1" t="s">
        <v>112197</v>
      </c>
      <c r="B69597" s="1" t="s">
        <v>222693</v>
      </c>
      <c r="C69597" s="1" t="s">
        <v>165</v>
      </c>
      <c r="D69597" s="1" t="s">
        <v>232311</v>
      </c>
      <c r="E69597" s="1" t="s">
        <v>232312</v>
      </c>
      <c r="F69597" s="1" t="s">
        <v>232313</v>
      </c>
      <c r="G69597" s="1" t="s">
        <v>232209</v>
      </c>
      <c r="H69597" s="1" t="s">
        <v>232210</v>
      </c>
      <c r="I69597" s="1" t="s">
        <v>222698</v>
      </c>
      <c r="J69597" s="1" t="s">
        <v>232314</v>
      </c>
    </row>
    <row r="69598" spans="1:10" x14ac:dyDescent="0.35">
      <c r="A69598" s="1" t="s">
        <v>112197</v>
      </c>
      <c r="B69598" s="1" t="s">
        <v>222693</v>
      </c>
      <c r="C69598" s="1" t="s">
        <v>170</v>
      </c>
      <c r="D69598" s="1" t="s">
        <v>232315</v>
      </c>
      <c r="E69598" s="1" t="s">
        <v>232316</v>
      </c>
      <c r="F69598" s="1" t="s">
        <v>232317</v>
      </c>
      <c r="G69598" s="1" t="s">
        <v>232209</v>
      </c>
      <c r="H69598" s="1" t="s">
        <v>232210</v>
      </c>
      <c r="I69598" s="1" t="s">
        <v>222698</v>
      </c>
      <c r="J69598" s="1" t="s">
        <v>232318</v>
      </c>
    </row>
    <row r="69599" spans="1:10" x14ac:dyDescent="0.35">
      <c r="A69599" s="1" t="s">
        <v>45252</v>
      </c>
      <c r="B69599" s="1" t="s">
        <v>222693</v>
      </c>
      <c r="C69599" s="1" t="s">
        <v>8</v>
      </c>
      <c r="D69599" s="1" t="s">
        <v>116684</v>
      </c>
      <c r="E69599" s="1" t="s">
        <v>232319</v>
      </c>
      <c r="F69599" s="1" t="s">
        <v>232320</v>
      </c>
      <c r="G69599" s="1" t="s">
        <v>232321</v>
      </c>
      <c r="H69599" s="1" t="s">
        <v>232322</v>
      </c>
      <c r="I69599" s="1" t="s">
        <v>222698</v>
      </c>
      <c r="J69599" s="1" t="s">
        <v>13</v>
      </c>
    </row>
    <row r="69600" spans="1:10" x14ac:dyDescent="0.35">
      <c r="A69600" s="1" t="s">
        <v>45252</v>
      </c>
      <c r="B69600" s="1" t="s">
        <v>222693</v>
      </c>
      <c r="C69600" s="1" t="s">
        <v>15</v>
      </c>
      <c r="D69600" s="1" t="s">
        <v>232323</v>
      </c>
      <c r="E69600" s="1" t="s">
        <v>232324</v>
      </c>
      <c r="F69600" s="1" t="s">
        <v>232325</v>
      </c>
      <c r="G69600" s="1" t="s">
        <v>232321</v>
      </c>
      <c r="H69600" s="1" t="s">
        <v>232322</v>
      </c>
      <c r="I69600" s="1" t="s">
        <v>222698</v>
      </c>
      <c r="J69600" s="1" t="s">
        <v>232326</v>
      </c>
    </row>
    <row r="69601" spans="1:10" x14ac:dyDescent="0.35">
      <c r="A69601" s="1" t="s">
        <v>45252</v>
      </c>
      <c r="B69601" s="1" t="s">
        <v>222693</v>
      </c>
      <c r="C69601" s="1" t="s">
        <v>20</v>
      </c>
      <c r="D69601" s="1" t="s">
        <v>108682</v>
      </c>
      <c r="E69601" s="1" t="s">
        <v>232327</v>
      </c>
      <c r="F69601" s="1" t="s">
        <v>232328</v>
      </c>
      <c r="G69601" s="1" t="s">
        <v>232321</v>
      </c>
      <c r="H69601" s="1" t="s">
        <v>232322</v>
      </c>
      <c r="I69601" s="1" t="s">
        <v>222698</v>
      </c>
      <c r="J69601" s="1" t="s">
        <v>232329</v>
      </c>
    </row>
    <row r="69602" spans="1:10" x14ac:dyDescent="0.35">
      <c r="A69602" s="1" t="s">
        <v>45252</v>
      </c>
      <c r="B69602" s="1" t="s">
        <v>222693</v>
      </c>
      <c r="C69602" s="1" t="s">
        <v>25</v>
      </c>
      <c r="D69602" s="1" t="s">
        <v>232330</v>
      </c>
      <c r="E69602" s="1" t="s">
        <v>232331</v>
      </c>
      <c r="F69602" s="1" t="s">
        <v>232332</v>
      </c>
      <c r="G69602" s="1" t="s">
        <v>232321</v>
      </c>
      <c r="H69602" s="1" t="s">
        <v>232322</v>
      </c>
      <c r="I69602" s="1" t="s">
        <v>222698</v>
      </c>
      <c r="J69602" s="1" t="s">
        <v>232333</v>
      </c>
    </row>
    <row r="69603" spans="1:10" x14ac:dyDescent="0.35">
      <c r="A69603" s="1" t="s">
        <v>45252</v>
      </c>
      <c r="B69603" s="1" t="s">
        <v>222693</v>
      </c>
      <c r="C69603" s="1" t="s">
        <v>30</v>
      </c>
      <c r="D69603" s="1" t="s">
        <v>232334</v>
      </c>
      <c r="E69603" s="1" t="s">
        <v>232335</v>
      </c>
      <c r="F69603" s="1" t="s">
        <v>232336</v>
      </c>
      <c r="G69603" s="1" t="s">
        <v>232321</v>
      </c>
      <c r="H69603" s="1" t="s">
        <v>232322</v>
      </c>
      <c r="I69603" s="1" t="s">
        <v>222698</v>
      </c>
      <c r="J69603" s="1" t="s">
        <v>232337</v>
      </c>
    </row>
    <row r="69604" spans="1:10" x14ac:dyDescent="0.35">
      <c r="A69604" s="1" t="s">
        <v>45252</v>
      </c>
      <c r="B69604" s="1" t="s">
        <v>222693</v>
      </c>
      <c r="C69604" s="1" t="s">
        <v>35</v>
      </c>
      <c r="D69604" s="1" t="s">
        <v>232338</v>
      </c>
      <c r="E69604" s="1" t="s">
        <v>232339</v>
      </c>
      <c r="F69604" s="1" t="s">
        <v>232340</v>
      </c>
      <c r="G69604" s="1" t="s">
        <v>232321</v>
      </c>
      <c r="H69604" s="1" t="s">
        <v>232322</v>
      </c>
      <c r="I69604" s="1" t="s">
        <v>222698</v>
      </c>
      <c r="J69604" s="1" t="s">
        <v>232341</v>
      </c>
    </row>
    <row r="69605" spans="1:10" x14ac:dyDescent="0.35">
      <c r="A69605" s="1" t="s">
        <v>45252</v>
      </c>
      <c r="B69605" s="1" t="s">
        <v>222693</v>
      </c>
      <c r="C69605" s="1" t="s">
        <v>40</v>
      </c>
      <c r="D69605" s="1" t="s">
        <v>139616</v>
      </c>
      <c r="E69605" s="1" t="s">
        <v>232342</v>
      </c>
      <c r="F69605" s="1" t="s">
        <v>232343</v>
      </c>
      <c r="G69605" s="1" t="s">
        <v>232321</v>
      </c>
      <c r="H69605" s="1" t="s">
        <v>232322</v>
      </c>
      <c r="I69605" s="1" t="s">
        <v>222698</v>
      </c>
      <c r="J69605" s="1" t="s">
        <v>232344</v>
      </c>
    </row>
    <row r="69606" spans="1:10" x14ac:dyDescent="0.35">
      <c r="A69606" s="1" t="s">
        <v>45252</v>
      </c>
      <c r="B69606" s="1" t="s">
        <v>222693</v>
      </c>
      <c r="C69606" s="1" t="s">
        <v>45</v>
      </c>
      <c r="D69606" s="1" t="s">
        <v>180234</v>
      </c>
      <c r="E69606" s="1" t="s">
        <v>232345</v>
      </c>
      <c r="F69606" s="1" t="s">
        <v>232346</v>
      </c>
      <c r="G69606" s="1" t="s">
        <v>232321</v>
      </c>
      <c r="H69606" s="1" t="s">
        <v>232322</v>
      </c>
      <c r="I69606" s="1" t="s">
        <v>222698</v>
      </c>
      <c r="J69606" s="1" t="s">
        <v>232347</v>
      </c>
    </row>
    <row r="69607" spans="1:10" x14ac:dyDescent="0.35">
      <c r="A69607" s="1" t="s">
        <v>45252</v>
      </c>
      <c r="B69607" s="1" t="s">
        <v>222693</v>
      </c>
      <c r="C69607" s="1" t="s">
        <v>50</v>
      </c>
      <c r="D69607" s="1" t="s">
        <v>129625</v>
      </c>
      <c r="E69607" s="1" t="s">
        <v>232348</v>
      </c>
      <c r="F69607" s="1" t="s">
        <v>232349</v>
      </c>
      <c r="G69607" s="1" t="s">
        <v>232321</v>
      </c>
      <c r="H69607" s="1" t="s">
        <v>232322</v>
      </c>
      <c r="I69607" s="1" t="s">
        <v>222698</v>
      </c>
      <c r="J69607" s="1" t="s">
        <v>232350</v>
      </c>
    </row>
    <row r="69608" spans="1:10" x14ac:dyDescent="0.35">
      <c r="A69608" s="1" t="s">
        <v>45252</v>
      </c>
      <c r="B69608" s="1" t="s">
        <v>222693</v>
      </c>
      <c r="C69608" s="1" t="s">
        <v>55</v>
      </c>
      <c r="D69608" s="1" t="s">
        <v>60192</v>
      </c>
      <c r="E69608" s="1" t="s">
        <v>232351</v>
      </c>
      <c r="F69608" s="1" t="s">
        <v>232352</v>
      </c>
      <c r="G69608" s="1" t="s">
        <v>232321</v>
      </c>
      <c r="H69608" s="1" t="s">
        <v>232322</v>
      </c>
      <c r="I69608" s="1" t="s">
        <v>222698</v>
      </c>
      <c r="J69608" s="1" t="s">
        <v>171878</v>
      </c>
    </row>
    <row r="69609" spans="1:10" x14ac:dyDescent="0.35">
      <c r="A69609" s="1" t="s">
        <v>45252</v>
      </c>
      <c r="B69609" s="1" t="s">
        <v>222693</v>
      </c>
      <c r="C69609" s="1" t="s">
        <v>60</v>
      </c>
      <c r="D69609" s="1" t="s">
        <v>83991</v>
      </c>
      <c r="E69609" s="1" t="s">
        <v>232353</v>
      </c>
      <c r="F69609" s="1" t="s">
        <v>232354</v>
      </c>
      <c r="G69609" s="1" t="s">
        <v>232321</v>
      </c>
      <c r="H69609" s="1" t="s">
        <v>232322</v>
      </c>
      <c r="I69609" s="1" t="s">
        <v>222698</v>
      </c>
      <c r="J69609" s="1" t="s">
        <v>232355</v>
      </c>
    </row>
    <row r="69610" spans="1:10" x14ac:dyDescent="0.35">
      <c r="A69610" s="1" t="s">
        <v>45252</v>
      </c>
      <c r="B69610" s="1" t="s">
        <v>222693</v>
      </c>
      <c r="C69610" s="1" t="s">
        <v>65</v>
      </c>
      <c r="D69610" s="1" t="s">
        <v>57731</v>
      </c>
      <c r="E69610" s="1" t="s">
        <v>232356</v>
      </c>
      <c r="F69610" s="1" t="s">
        <v>232357</v>
      </c>
      <c r="G69610" s="1" t="s">
        <v>232321</v>
      </c>
      <c r="H69610" s="1" t="s">
        <v>232322</v>
      </c>
      <c r="I69610" s="1" t="s">
        <v>222698</v>
      </c>
      <c r="J69610" s="1" t="s">
        <v>232358</v>
      </c>
    </row>
    <row r="69611" spans="1:10" x14ac:dyDescent="0.35">
      <c r="A69611" s="1" t="s">
        <v>45252</v>
      </c>
      <c r="B69611" s="1" t="s">
        <v>222693</v>
      </c>
      <c r="C69611" s="1" t="s">
        <v>70</v>
      </c>
      <c r="D69611" s="1" t="s">
        <v>68179</v>
      </c>
      <c r="E69611" s="1" t="s">
        <v>232359</v>
      </c>
      <c r="F69611" s="1" t="s">
        <v>232360</v>
      </c>
      <c r="G69611" s="1" t="s">
        <v>232321</v>
      </c>
      <c r="H69611" s="1" t="s">
        <v>232322</v>
      </c>
      <c r="I69611" s="1" t="s">
        <v>222698</v>
      </c>
      <c r="J69611" s="1" t="s">
        <v>232361</v>
      </c>
    </row>
    <row r="69612" spans="1:10" x14ac:dyDescent="0.35">
      <c r="A69612" s="1" t="s">
        <v>45252</v>
      </c>
      <c r="B69612" s="1" t="s">
        <v>222693</v>
      </c>
      <c r="C69612" s="1" t="s">
        <v>75</v>
      </c>
      <c r="D69612" s="1" t="s">
        <v>58780</v>
      </c>
      <c r="E69612" s="1" t="s">
        <v>232362</v>
      </c>
      <c r="F69612" s="1" t="s">
        <v>232363</v>
      </c>
      <c r="G69612" s="1" t="s">
        <v>232321</v>
      </c>
      <c r="H69612" s="1" t="s">
        <v>232322</v>
      </c>
      <c r="I69612" s="1" t="s">
        <v>222698</v>
      </c>
      <c r="J69612" s="1" t="s">
        <v>232364</v>
      </c>
    </row>
    <row r="69613" spans="1:10" x14ac:dyDescent="0.35">
      <c r="A69613" s="1" t="s">
        <v>45252</v>
      </c>
      <c r="B69613" s="1" t="s">
        <v>222693</v>
      </c>
      <c r="C69613" s="1" t="s">
        <v>80</v>
      </c>
      <c r="D69613" s="1" t="s">
        <v>129588</v>
      </c>
      <c r="E69613" s="1" t="s">
        <v>232365</v>
      </c>
      <c r="F69613" s="1" t="s">
        <v>232366</v>
      </c>
      <c r="G69613" s="1" t="s">
        <v>232321</v>
      </c>
      <c r="H69613" s="1" t="s">
        <v>232322</v>
      </c>
      <c r="I69613" s="1" t="s">
        <v>222698</v>
      </c>
      <c r="J69613" s="1" t="s">
        <v>232367</v>
      </c>
    </row>
    <row r="69614" spans="1:10" x14ac:dyDescent="0.35">
      <c r="A69614" s="1" t="s">
        <v>45252</v>
      </c>
      <c r="B69614" s="1" t="s">
        <v>222693</v>
      </c>
      <c r="C69614" s="1" t="s">
        <v>85</v>
      </c>
      <c r="D69614" s="1" t="s">
        <v>232368</v>
      </c>
      <c r="E69614" s="1" t="s">
        <v>232369</v>
      </c>
      <c r="F69614" s="1" t="s">
        <v>232370</v>
      </c>
      <c r="G69614" s="1" t="s">
        <v>232321</v>
      </c>
      <c r="H69614" s="1" t="s">
        <v>232322</v>
      </c>
      <c r="I69614" s="1" t="s">
        <v>222698</v>
      </c>
      <c r="J69614" s="1" t="s">
        <v>232371</v>
      </c>
    </row>
    <row r="69615" spans="1:10" x14ac:dyDescent="0.35">
      <c r="A69615" s="1" t="s">
        <v>45252</v>
      </c>
      <c r="B69615" s="1" t="s">
        <v>222693</v>
      </c>
      <c r="C69615" s="1" t="s">
        <v>90</v>
      </c>
      <c r="D69615" s="1" t="s">
        <v>131710</v>
      </c>
      <c r="E69615" s="1" t="s">
        <v>232372</v>
      </c>
      <c r="F69615" s="1" t="s">
        <v>232373</v>
      </c>
      <c r="G69615" s="1" t="s">
        <v>232321</v>
      </c>
      <c r="H69615" s="1" t="s">
        <v>232322</v>
      </c>
      <c r="I69615" s="1" t="s">
        <v>222698</v>
      </c>
      <c r="J69615" s="1" t="s">
        <v>232374</v>
      </c>
    </row>
    <row r="69616" spans="1:10" x14ac:dyDescent="0.35">
      <c r="A69616" s="1" t="s">
        <v>45252</v>
      </c>
      <c r="B69616" s="1" t="s">
        <v>222693</v>
      </c>
      <c r="C69616" s="1" t="s">
        <v>95</v>
      </c>
      <c r="D69616" s="1" t="s">
        <v>94155</v>
      </c>
      <c r="E69616" s="1" t="s">
        <v>232375</v>
      </c>
      <c r="F69616" s="1" t="s">
        <v>232376</v>
      </c>
      <c r="G69616" s="1" t="s">
        <v>232321</v>
      </c>
      <c r="H69616" s="1" t="s">
        <v>232322</v>
      </c>
      <c r="I69616" s="1" t="s">
        <v>222698</v>
      </c>
      <c r="J69616" s="1" t="s">
        <v>232377</v>
      </c>
    </row>
    <row r="69617" spans="1:10" x14ac:dyDescent="0.35">
      <c r="A69617" s="1" t="s">
        <v>45252</v>
      </c>
      <c r="B69617" s="1" t="s">
        <v>222693</v>
      </c>
      <c r="C69617" s="1" t="s">
        <v>100</v>
      </c>
      <c r="D69617" s="1" t="s">
        <v>41692</v>
      </c>
      <c r="E69617" s="1" t="s">
        <v>232378</v>
      </c>
      <c r="F69617" s="1" t="s">
        <v>232379</v>
      </c>
      <c r="G69617" s="1" t="s">
        <v>232321</v>
      </c>
      <c r="H69617" s="1" t="s">
        <v>232322</v>
      </c>
      <c r="I69617" s="1" t="s">
        <v>222698</v>
      </c>
      <c r="J69617" s="1" t="s">
        <v>232380</v>
      </c>
    </row>
    <row r="69618" spans="1:10" x14ac:dyDescent="0.35">
      <c r="A69618" s="1" t="s">
        <v>45252</v>
      </c>
      <c r="B69618" s="1" t="s">
        <v>222693</v>
      </c>
      <c r="C69618" s="1" t="s">
        <v>105</v>
      </c>
      <c r="D69618" s="1" t="s">
        <v>22068</v>
      </c>
      <c r="E69618" s="1" t="s">
        <v>232381</v>
      </c>
      <c r="F69618" s="1" t="s">
        <v>232382</v>
      </c>
      <c r="G69618" s="1" t="s">
        <v>232321</v>
      </c>
      <c r="H69618" s="1" t="s">
        <v>232322</v>
      </c>
      <c r="I69618" s="1" t="s">
        <v>222698</v>
      </c>
      <c r="J69618" s="1" t="s">
        <v>232383</v>
      </c>
    </row>
    <row r="69619" spans="1:10" x14ac:dyDescent="0.35">
      <c r="A69619" s="1" t="s">
        <v>45252</v>
      </c>
      <c r="B69619" s="1" t="s">
        <v>222693</v>
      </c>
      <c r="C69619" s="1" t="s">
        <v>110</v>
      </c>
      <c r="D69619" s="1" t="s">
        <v>102372</v>
      </c>
      <c r="E69619" s="1" t="s">
        <v>232384</v>
      </c>
      <c r="F69619" s="1" t="s">
        <v>232385</v>
      </c>
      <c r="G69619" s="1" t="s">
        <v>232321</v>
      </c>
      <c r="H69619" s="1" t="s">
        <v>232322</v>
      </c>
      <c r="I69619" s="1" t="s">
        <v>222698</v>
      </c>
      <c r="J69619" s="1" t="s">
        <v>232386</v>
      </c>
    </row>
    <row r="69620" spans="1:10" x14ac:dyDescent="0.35">
      <c r="A69620" s="1" t="s">
        <v>45252</v>
      </c>
      <c r="B69620" s="1" t="s">
        <v>222693</v>
      </c>
      <c r="C69620" s="1" t="s">
        <v>115</v>
      </c>
      <c r="D69620" s="1" t="s">
        <v>63775</v>
      </c>
      <c r="E69620" s="1" t="s">
        <v>232387</v>
      </c>
      <c r="F69620" s="1" t="s">
        <v>232388</v>
      </c>
      <c r="G69620" s="1" t="s">
        <v>232321</v>
      </c>
      <c r="H69620" s="1" t="s">
        <v>232322</v>
      </c>
      <c r="I69620" s="1" t="s">
        <v>222698</v>
      </c>
      <c r="J69620" s="1" t="s">
        <v>232389</v>
      </c>
    </row>
    <row r="69621" spans="1:10" x14ac:dyDescent="0.35">
      <c r="A69621" s="1" t="s">
        <v>45252</v>
      </c>
      <c r="B69621" s="1" t="s">
        <v>222693</v>
      </c>
      <c r="C69621" s="1" t="s">
        <v>120</v>
      </c>
      <c r="D69621" s="1" t="s">
        <v>88778</v>
      </c>
      <c r="E69621" s="1" t="s">
        <v>232390</v>
      </c>
      <c r="F69621" s="1" t="s">
        <v>232391</v>
      </c>
      <c r="G69621" s="1" t="s">
        <v>232321</v>
      </c>
      <c r="H69621" s="1" t="s">
        <v>232322</v>
      </c>
      <c r="I69621" s="1" t="s">
        <v>222698</v>
      </c>
      <c r="J69621" s="1" t="s">
        <v>232392</v>
      </c>
    </row>
    <row r="69622" spans="1:10" x14ac:dyDescent="0.35">
      <c r="A69622" s="1" t="s">
        <v>45252</v>
      </c>
      <c r="B69622" s="1" t="s">
        <v>222693</v>
      </c>
      <c r="C69622" s="1" t="s">
        <v>125</v>
      </c>
      <c r="D69622" s="1" t="s">
        <v>27194</v>
      </c>
      <c r="E69622" s="1" t="s">
        <v>232393</v>
      </c>
      <c r="F69622" s="1" t="s">
        <v>232394</v>
      </c>
      <c r="G69622" s="1" t="s">
        <v>232321</v>
      </c>
      <c r="H69622" s="1" t="s">
        <v>232322</v>
      </c>
      <c r="I69622" s="1" t="s">
        <v>222698</v>
      </c>
      <c r="J69622" s="1" t="s">
        <v>232395</v>
      </c>
    </row>
    <row r="69623" spans="1:10" x14ac:dyDescent="0.35">
      <c r="A69623" s="1" t="s">
        <v>45252</v>
      </c>
      <c r="B69623" s="1" t="s">
        <v>222693</v>
      </c>
      <c r="C69623" s="1" t="s">
        <v>130</v>
      </c>
      <c r="D69623" s="1" t="s">
        <v>232396</v>
      </c>
      <c r="E69623" s="1" t="s">
        <v>232397</v>
      </c>
      <c r="F69623" s="1" t="s">
        <v>232398</v>
      </c>
      <c r="G69623" s="1" t="s">
        <v>232321</v>
      </c>
      <c r="H69623" s="1" t="s">
        <v>232322</v>
      </c>
      <c r="I69623" s="1" t="s">
        <v>222698</v>
      </c>
      <c r="J69623" s="1" t="s">
        <v>232399</v>
      </c>
    </row>
    <row r="69624" spans="1:10" x14ac:dyDescent="0.35">
      <c r="A69624" s="1" t="s">
        <v>45252</v>
      </c>
      <c r="B69624" s="1" t="s">
        <v>222693</v>
      </c>
      <c r="C69624" s="1" t="s">
        <v>135</v>
      </c>
      <c r="D69624" s="1" t="s">
        <v>232400</v>
      </c>
      <c r="E69624" s="1" t="s">
        <v>232401</v>
      </c>
      <c r="F69624" s="1" t="s">
        <v>232402</v>
      </c>
      <c r="G69624" s="1" t="s">
        <v>232321</v>
      </c>
      <c r="H69624" s="1" t="s">
        <v>232322</v>
      </c>
      <c r="I69624" s="1" t="s">
        <v>222698</v>
      </c>
      <c r="J69624" s="1" t="s">
        <v>232403</v>
      </c>
    </row>
    <row r="69625" spans="1:10" x14ac:dyDescent="0.35">
      <c r="A69625" s="1" t="s">
        <v>45252</v>
      </c>
      <c r="B69625" s="1" t="s">
        <v>222693</v>
      </c>
      <c r="C69625" s="1" t="s">
        <v>140</v>
      </c>
      <c r="D69625" s="1" t="s">
        <v>58857</v>
      </c>
      <c r="E69625" s="1" t="s">
        <v>232404</v>
      </c>
      <c r="F69625" s="1" t="s">
        <v>232405</v>
      </c>
      <c r="G69625" s="1" t="s">
        <v>232321</v>
      </c>
      <c r="H69625" s="1" t="s">
        <v>232322</v>
      </c>
      <c r="I69625" s="1" t="s">
        <v>222698</v>
      </c>
      <c r="J69625" s="1" t="s">
        <v>232406</v>
      </c>
    </row>
    <row r="69626" spans="1:10" x14ac:dyDescent="0.35">
      <c r="A69626" s="1" t="s">
        <v>45252</v>
      </c>
      <c r="B69626" s="1" t="s">
        <v>222693</v>
      </c>
      <c r="C69626" s="1" t="s">
        <v>145</v>
      </c>
      <c r="D69626" s="1" t="s">
        <v>55247</v>
      </c>
      <c r="E69626" s="1" t="s">
        <v>232407</v>
      </c>
      <c r="F69626" s="1" t="s">
        <v>232408</v>
      </c>
      <c r="G69626" s="1" t="s">
        <v>232321</v>
      </c>
      <c r="H69626" s="1" t="s">
        <v>232322</v>
      </c>
      <c r="I69626" s="1" t="s">
        <v>222698</v>
      </c>
      <c r="J69626" s="1" t="s">
        <v>232409</v>
      </c>
    </row>
    <row r="69627" spans="1:10" x14ac:dyDescent="0.35">
      <c r="A69627" s="1" t="s">
        <v>45252</v>
      </c>
      <c r="B69627" s="1" t="s">
        <v>222693</v>
      </c>
      <c r="C69627" s="1" t="s">
        <v>150</v>
      </c>
      <c r="D69627" s="1" t="s">
        <v>80523</v>
      </c>
      <c r="E69627" s="1" t="s">
        <v>232410</v>
      </c>
      <c r="F69627" s="1" t="s">
        <v>232411</v>
      </c>
      <c r="G69627" s="1" t="s">
        <v>232321</v>
      </c>
      <c r="H69627" s="1" t="s">
        <v>232322</v>
      </c>
      <c r="I69627" s="1" t="s">
        <v>222698</v>
      </c>
      <c r="J69627" s="1" t="s">
        <v>232412</v>
      </c>
    </row>
    <row r="69628" spans="1:10" x14ac:dyDescent="0.35">
      <c r="A69628" s="1" t="s">
        <v>45252</v>
      </c>
      <c r="B69628" s="1" t="s">
        <v>222693</v>
      </c>
      <c r="C69628" s="1" t="s">
        <v>155</v>
      </c>
      <c r="D69628" s="1" t="s">
        <v>232413</v>
      </c>
      <c r="E69628" s="1" t="s">
        <v>232414</v>
      </c>
      <c r="F69628" s="1" t="s">
        <v>232415</v>
      </c>
      <c r="G69628" s="1" t="s">
        <v>232321</v>
      </c>
      <c r="H69628" s="1" t="s">
        <v>232322</v>
      </c>
      <c r="I69628" s="1" t="s">
        <v>222698</v>
      </c>
      <c r="J69628" s="1" t="s">
        <v>232416</v>
      </c>
    </row>
    <row r="69629" spans="1:10" x14ac:dyDescent="0.35">
      <c r="A69629" s="1" t="s">
        <v>45252</v>
      </c>
      <c r="B69629" s="1" t="s">
        <v>222693</v>
      </c>
      <c r="C69629" s="1" t="s">
        <v>160</v>
      </c>
      <c r="D69629" s="1" t="s">
        <v>166339</v>
      </c>
      <c r="E69629" s="1" t="s">
        <v>232417</v>
      </c>
      <c r="F69629" s="1" t="s">
        <v>232418</v>
      </c>
      <c r="G69629" s="1" t="s">
        <v>232321</v>
      </c>
      <c r="H69629" s="1" t="s">
        <v>232322</v>
      </c>
      <c r="I69629" s="1" t="s">
        <v>222698</v>
      </c>
      <c r="J69629" s="1" t="s">
        <v>232419</v>
      </c>
    </row>
    <row r="69630" spans="1:10" x14ac:dyDescent="0.35">
      <c r="A69630" s="1" t="s">
        <v>45252</v>
      </c>
      <c r="B69630" s="1" t="s">
        <v>222693</v>
      </c>
      <c r="C69630" s="1" t="s">
        <v>165</v>
      </c>
      <c r="D69630" s="1" t="s">
        <v>232420</v>
      </c>
      <c r="E69630" s="1" t="s">
        <v>232421</v>
      </c>
      <c r="F69630" s="1" t="s">
        <v>232422</v>
      </c>
      <c r="G69630" s="1" t="s">
        <v>232321</v>
      </c>
      <c r="H69630" s="1" t="s">
        <v>232322</v>
      </c>
      <c r="I69630" s="1" t="s">
        <v>222698</v>
      </c>
      <c r="J69630" s="1" t="s">
        <v>232423</v>
      </c>
    </row>
    <row r="69631" spans="1:10" x14ac:dyDescent="0.35">
      <c r="A69631" s="1" t="s">
        <v>45252</v>
      </c>
      <c r="B69631" s="1" t="s">
        <v>222693</v>
      </c>
      <c r="C69631" s="1" t="s">
        <v>170</v>
      </c>
      <c r="D69631" s="1" t="s">
        <v>232424</v>
      </c>
      <c r="E69631" s="1" t="s">
        <v>232425</v>
      </c>
      <c r="F69631" s="1" t="s">
        <v>232426</v>
      </c>
      <c r="G69631" s="1" t="s">
        <v>232321</v>
      </c>
      <c r="H69631" s="1" t="s">
        <v>232322</v>
      </c>
      <c r="I69631" s="1" t="s">
        <v>222698</v>
      </c>
      <c r="J69631" s="1" t="s">
        <v>232427</v>
      </c>
    </row>
    <row r="69632" spans="1:10" x14ac:dyDescent="0.35">
      <c r="A69632" s="1" t="s">
        <v>111907</v>
      </c>
      <c r="B69632" s="1" t="s">
        <v>222693</v>
      </c>
      <c r="C69632" s="1" t="s">
        <v>8</v>
      </c>
      <c r="D69632" s="1" t="s">
        <v>64009</v>
      </c>
      <c r="E69632" s="1" t="s">
        <v>232428</v>
      </c>
      <c r="F69632" s="1" t="s">
        <v>232429</v>
      </c>
      <c r="G69632" s="1" t="s">
        <v>232430</v>
      </c>
      <c r="H69632" s="1" t="s">
        <v>232431</v>
      </c>
      <c r="I69632" s="1" t="s">
        <v>222698</v>
      </c>
      <c r="J69632" s="1" t="s">
        <v>13</v>
      </c>
    </row>
    <row r="69633" spans="1:10" x14ac:dyDescent="0.35">
      <c r="A69633" s="1" t="s">
        <v>111907</v>
      </c>
      <c r="B69633" s="1" t="s">
        <v>222693</v>
      </c>
      <c r="C69633" s="1" t="s">
        <v>15</v>
      </c>
      <c r="D69633" s="1" t="s">
        <v>53135</v>
      </c>
      <c r="E69633" s="1" t="s">
        <v>232432</v>
      </c>
      <c r="F69633" s="1" t="s">
        <v>232433</v>
      </c>
      <c r="G69633" s="1" t="s">
        <v>232430</v>
      </c>
      <c r="H69633" s="1" t="s">
        <v>232431</v>
      </c>
      <c r="I69633" s="1" t="s">
        <v>222698</v>
      </c>
      <c r="J69633" s="1" t="s">
        <v>232434</v>
      </c>
    </row>
    <row r="69634" spans="1:10" x14ac:dyDescent="0.35">
      <c r="A69634" s="1" t="s">
        <v>111907</v>
      </c>
      <c r="B69634" s="1" t="s">
        <v>222693</v>
      </c>
      <c r="C69634" s="1" t="s">
        <v>20</v>
      </c>
      <c r="D69634" s="1" t="s">
        <v>79164</v>
      </c>
      <c r="E69634" s="1" t="s">
        <v>232435</v>
      </c>
      <c r="F69634" s="1" t="s">
        <v>232436</v>
      </c>
      <c r="G69634" s="1" t="s">
        <v>232430</v>
      </c>
      <c r="H69634" s="1" t="s">
        <v>232431</v>
      </c>
      <c r="I69634" s="1" t="s">
        <v>222698</v>
      </c>
      <c r="J69634" s="1" t="s">
        <v>232437</v>
      </c>
    </row>
    <row r="69635" spans="1:10" x14ac:dyDescent="0.35">
      <c r="A69635" s="1" t="s">
        <v>111907</v>
      </c>
      <c r="B69635" s="1" t="s">
        <v>222693</v>
      </c>
      <c r="C69635" s="1" t="s">
        <v>25</v>
      </c>
      <c r="D69635" s="1" t="s">
        <v>129448</v>
      </c>
      <c r="E69635" s="1" t="s">
        <v>232438</v>
      </c>
      <c r="F69635" s="1" t="s">
        <v>232439</v>
      </c>
      <c r="G69635" s="1" t="s">
        <v>232430</v>
      </c>
      <c r="H69635" s="1" t="s">
        <v>232431</v>
      </c>
      <c r="I69635" s="1" t="s">
        <v>222698</v>
      </c>
      <c r="J69635" s="1" t="s">
        <v>232440</v>
      </c>
    </row>
    <row r="69636" spans="1:10" x14ac:dyDescent="0.35">
      <c r="A69636" s="1" t="s">
        <v>111907</v>
      </c>
      <c r="B69636" s="1" t="s">
        <v>222693</v>
      </c>
      <c r="C69636" s="1" t="s">
        <v>30</v>
      </c>
      <c r="D69636" s="1" t="s">
        <v>66833</v>
      </c>
      <c r="E69636" s="1" t="s">
        <v>232441</v>
      </c>
      <c r="F69636" s="1" t="s">
        <v>232442</v>
      </c>
      <c r="G69636" s="1" t="s">
        <v>232430</v>
      </c>
      <c r="H69636" s="1" t="s">
        <v>232431</v>
      </c>
      <c r="I69636" s="1" t="s">
        <v>222698</v>
      </c>
      <c r="J69636" s="1" t="s">
        <v>232443</v>
      </c>
    </row>
    <row r="69637" spans="1:10" x14ac:dyDescent="0.35">
      <c r="A69637" s="1" t="s">
        <v>111907</v>
      </c>
      <c r="B69637" s="1" t="s">
        <v>222693</v>
      </c>
      <c r="C69637" s="1" t="s">
        <v>35</v>
      </c>
      <c r="D69637" s="1" t="s">
        <v>88979</v>
      </c>
      <c r="E69637" s="1" t="s">
        <v>232444</v>
      </c>
      <c r="F69637" s="1" t="s">
        <v>232445</v>
      </c>
      <c r="G69637" s="1" t="s">
        <v>232430</v>
      </c>
      <c r="H69637" s="1" t="s">
        <v>232431</v>
      </c>
      <c r="I69637" s="1" t="s">
        <v>222698</v>
      </c>
      <c r="J69637" s="1" t="s">
        <v>232446</v>
      </c>
    </row>
    <row r="69638" spans="1:10" x14ac:dyDescent="0.35">
      <c r="A69638" s="1" t="s">
        <v>111907</v>
      </c>
      <c r="B69638" s="1" t="s">
        <v>222693</v>
      </c>
      <c r="C69638" s="1" t="s">
        <v>40</v>
      </c>
      <c r="D69638" s="1" t="s">
        <v>166929</v>
      </c>
      <c r="E69638" s="1" t="s">
        <v>232447</v>
      </c>
      <c r="F69638" s="1" t="s">
        <v>232448</v>
      </c>
      <c r="G69638" s="1" t="s">
        <v>232430</v>
      </c>
      <c r="H69638" s="1" t="s">
        <v>232431</v>
      </c>
      <c r="I69638" s="1" t="s">
        <v>222698</v>
      </c>
      <c r="J69638" s="1" t="s">
        <v>232449</v>
      </c>
    </row>
    <row r="69639" spans="1:10" x14ac:dyDescent="0.35">
      <c r="A69639" s="1" t="s">
        <v>111907</v>
      </c>
      <c r="B69639" s="1" t="s">
        <v>222693</v>
      </c>
      <c r="C69639" s="1" t="s">
        <v>45</v>
      </c>
      <c r="D69639" s="1" t="s">
        <v>232450</v>
      </c>
      <c r="E69639" s="1" t="s">
        <v>232451</v>
      </c>
      <c r="F69639" s="1" t="s">
        <v>232452</v>
      </c>
      <c r="G69639" s="1" t="s">
        <v>232430</v>
      </c>
      <c r="H69639" s="1" t="s">
        <v>232431</v>
      </c>
      <c r="I69639" s="1" t="s">
        <v>222698</v>
      </c>
      <c r="J69639" s="1" t="s">
        <v>232453</v>
      </c>
    </row>
    <row r="69640" spans="1:10" x14ac:dyDescent="0.35">
      <c r="A69640" s="1" t="s">
        <v>111907</v>
      </c>
      <c r="B69640" s="1" t="s">
        <v>222693</v>
      </c>
      <c r="C69640" s="1" t="s">
        <v>50</v>
      </c>
      <c r="D69640" s="1" t="s">
        <v>96507</v>
      </c>
      <c r="E69640" s="1" t="s">
        <v>232454</v>
      </c>
      <c r="F69640" s="1" t="s">
        <v>232455</v>
      </c>
      <c r="G69640" s="1" t="s">
        <v>232430</v>
      </c>
      <c r="H69640" s="1" t="s">
        <v>232431</v>
      </c>
      <c r="I69640" s="1" t="s">
        <v>222698</v>
      </c>
      <c r="J69640" s="1" t="s">
        <v>232456</v>
      </c>
    </row>
    <row r="69641" spans="1:10" x14ac:dyDescent="0.35">
      <c r="A69641" s="1" t="s">
        <v>111907</v>
      </c>
      <c r="B69641" s="1" t="s">
        <v>222693</v>
      </c>
      <c r="C69641" s="1" t="s">
        <v>55</v>
      </c>
      <c r="D69641" s="1" t="s">
        <v>62473</v>
      </c>
      <c r="E69641" s="1" t="s">
        <v>232457</v>
      </c>
      <c r="F69641" s="1" t="s">
        <v>232458</v>
      </c>
      <c r="G69641" s="1" t="s">
        <v>232430</v>
      </c>
      <c r="H69641" s="1" t="s">
        <v>232431</v>
      </c>
      <c r="I69641" s="1" t="s">
        <v>222698</v>
      </c>
      <c r="J69641" s="1" t="s">
        <v>232459</v>
      </c>
    </row>
    <row r="69642" spans="1:10" x14ac:dyDescent="0.35">
      <c r="A69642" s="1" t="s">
        <v>111907</v>
      </c>
      <c r="B69642" s="1" t="s">
        <v>222693</v>
      </c>
      <c r="C69642" s="1" t="s">
        <v>60</v>
      </c>
      <c r="D69642" s="1" t="s">
        <v>93780</v>
      </c>
      <c r="E69642" s="1" t="s">
        <v>232460</v>
      </c>
      <c r="F69642" s="1" t="s">
        <v>232461</v>
      </c>
      <c r="G69642" s="1" t="s">
        <v>232430</v>
      </c>
      <c r="H69642" s="1" t="s">
        <v>232431</v>
      </c>
      <c r="I69642" s="1" t="s">
        <v>222698</v>
      </c>
      <c r="J69642" s="1" t="s">
        <v>232462</v>
      </c>
    </row>
    <row r="69643" spans="1:10" x14ac:dyDescent="0.35">
      <c r="A69643" s="1" t="s">
        <v>111907</v>
      </c>
      <c r="B69643" s="1" t="s">
        <v>222693</v>
      </c>
      <c r="C69643" s="1" t="s">
        <v>65</v>
      </c>
      <c r="D69643" s="1" t="s">
        <v>152286</v>
      </c>
      <c r="E69643" s="1" t="s">
        <v>232463</v>
      </c>
      <c r="F69643" s="1" t="s">
        <v>232464</v>
      </c>
      <c r="G69643" s="1" t="s">
        <v>232430</v>
      </c>
      <c r="H69643" s="1" t="s">
        <v>232431</v>
      </c>
      <c r="I69643" s="1" t="s">
        <v>222698</v>
      </c>
      <c r="J69643" s="1" t="s">
        <v>232465</v>
      </c>
    </row>
    <row r="69644" spans="1:10" x14ac:dyDescent="0.35">
      <c r="A69644" s="1" t="s">
        <v>111907</v>
      </c>
      <c r="B69644" s="1" t="s">
        <v>222693</v>
      </c>
      <c r="C69644" s="1" t="s">
        <v>70</v>
      </c>
      <c r="D69644" s="1" t="s">
        <v>122817</v>
      </c>
      <c r="E69644" s="1" t="s">
        <v>232466</v>
      </c>
      <c r="F69644" s="1" t="s">
        <v>232467</v>
      </c>
      <c r="G69644" s="1" t="s">
        <v>232430</v>
      </c>
      <c r="H69644" s="1" t="s">
        <v>232431</v>
      </c>
      <c r="I69644" s="1" t="s">
        <v>222698</v>
      </c>
      <c r="J69644" s="1" t="s">
        <v>232468</v>
      </c>
    </row>
    <row r="69645" spans="1:10" x14ac:dyDescent="0.35">
      <c r="A69645" s="1" t="s">
        <v>111907</v>
      </c>
      <c r="B69645" s="1" t="s">
        <v>222693</v>
      </c>
      <c r="C69645" s="1" t="s">
        <v>75</v>
      </c>
      <c r="D69645" s="1" t="s">
        <v>36307</v>
      </c>
      <c r="E69645" s="1" t="s">
        <v>232469</v>
      </c>
      <c r="F69645" s="1" t="s">
        <v>232470</v>
      </c>
      <c r="G69645" s="1" t="s">
        <v>232430</v>
      </c>
      <c r="H69645" s="1" t="s">
        <v>232431</v>
      </c>
      <c r="I69645" s="1" t="s">
        <v>222698</v>
      </c>
      <c r="J69645" s="1" t="s">
        <v>232471</v>
      </c>
    </row>
    <row r="69646" spans="1:10" x14ac:dyDescent="0.35">
      <c r="A69646" s="1" t="s">
        <v>111907</v>
      </c>
      <c r="B69646" s="1" t="s">
        <v>222693</v>
      </c>
      <c r="C69646" s="1" t="s">
        <v>80</v>
      </c>
      <c r="D69646" s="1" t="s">
        <v>55399</v>
      </c>
      <c r="E69646" s="1" t="s">
        <v>232472</v>
      </c>
      <c r="F69646" s="1" t="s">
        <v>232473</v>
      </c>
      <c r="G69646" s="1" t="s">
        <v>232430</v>
      </c>
      <c r="H69646" s="1" t="s">
        <v>232431</v>
      </c>
      <c r="I69646" s="1" t="s">
        <v>222698</v>
      </c>
      <c r="J69646" s="1" t="s">
        <v>232474</v>
      </c>
    </row>
    <row r="69647" spans="1:10" x14ac:dyDescent="0.35">
      <c r="A69647" s="1" t="s">
        <v>111907</v>
      </c>
      <c r="B69647" s="1" t="s">
        <v>222693</v>
      </c>
      <c r="C69647" s="1" t="s">
        <v>85</v>
      </c>
      <c r="D69647" s="1" t="s">
        <v>55799</v>
      </c>
      <c r="E69647" s="1" t="s">
        <v>232475</v>
      </c>
      <c r="F69647" s="1" t="s">
        <v>232476</v>
      </c>
      <c r="G69647" s="1" t="s">
        <v>232430</v>
      </c>
      <c r="H69647" s="1" t="s">
        <v>232431</v>
      </c>
      <c r="I69647" s="1" t="s">
        <v>222698</v>
      </c>
      <c r="J69647" s="1" t="s">
        <v>232477</v>
      </c>
    </row>
    <row r="69648" spans="1:10" x14ac:dyDescent="0.35">
      <c r="A69648" s="1" t="s">
        <v>111907</v>
      </c>
      <c r="B69648" s="1" t="s">
        <v>222693</v>
      </c>
      <c r="C69648" s="1" t="s">
        <v>90</v>
      </c>
      <c r="D69648" s="1" t="s">
        <v>23534</v>
      </c>
      <c r="E69648" s="1" t="s">
        <v>232478</v>
      </c>
      <c r="F69648" s="1" t="s">
        <v>232479</v>
      </c>
      <c r="G69648" s="1" t="s">
        <v>232430</v>
      </c>
      <c r="H69648" s="1" t="s">
        <v>232431</v>
      </c>
      <c r="I69648" s="1" t="s">
        <v>222698</v>
      </c>
      <c r="J69648" s="1" t="s">
        <v>232480</v>
      </c>
    </row>
    <row r="69649" spans="1:10" x14ac:dyDescent="0.35">
      <c r="A69649" s="1" t="s">
        <v>111907</v>
      </c>
      <c r="B69649" s="1" t="s">
        <v>222693</v>
      </c>
      <c r="C69649" s="1" t="s">
        <v>95</v>
      </c>
      <c r="D69649" s="1" t="s">
        <v>80655</v>
      </c>
      <c r="E69649" s="1" t="s">
        <v>232481</v>
      </c>
      <c r="F69649" s="1" t="s">
        <v>232482</v>
      </c>
      <c r="G69649" s="1" t="s">
        <v>232430</v>
      </c>
      <c r="H69649" s="1" t="s">
        <v>232431</v>
      </c>
      <c r="I69649" s="1" t="s">
        <v>222698</v>
      </c>
      <c r="J69649" s="1" t="s">
        <v>232483</v>
      </c>
    </row>
    <row r="69650" spans="1:10" x14ac:dyDescent="0.35">
      <c r="A69650" s="1" t="s">
        <v>111907</v>
      </c>
      <c r="B69650" s="1" t="s">
        <v>222693</v>
      </c>
      <c r="C69650" s="1" t="s">
        <v>100</v>
      </c>
      <c r="D69650" s="1" t="s">
        <v>232484</v>
      </c>
      <c r="E69650" s="1" t="s">
        <v>232485</v>
      </c>
      <c r="F69650" s="1" t="s">
        <v>232486</v>
      </c>
      <c r="G69650" s="1" t="s">
        <v>232430</v>
      </c>
      <c r="H69650" s="1" t="s">
        <v>232431</v>
      </c>
      <c r="I69650" s="1" t="s">
        <v>222698</v>
      </c>
      <c r="J69650" s="1" t="s">
        <v>232487</v>
      </c>
    </row>
    <row r="69651" spans="1:10" x14ac:dyDescent="0.35">
      <c r="A69651" s="1" t="s">
        <v>111907</v>
      </c>
      <c r="B69651" s="1" t="s">
        <v>222693</v>
      </c>
      <c r="C69651" s="1" t="s">
        <v>105</v>
      </c>
      <c r="D69651" s="1" t="s">
        <v>92262</v>
      </c>
      <c r="E69651" s="1" t="s">
        <v>232488</v>
      </c>
      <c r="F69651" s="1" t="s">
        <v>232489</v>
      </c>
      <c r="G69651" s="1" t="s">
        <v>232430</v>
      </c>
      <c r="H69651" s="1" t="s">
        <v>232431</v>
      </c>
      <c r="I69651" s="1" t="s">
        <v>222698</v>
      </c>
      <c r="J69651" s="1" t="s">
        <v>232490</v>
      </c>
    </row>
    <row r="69652" spans="1:10" x14ac:dyDescent="0.35">
      <c r="A69652" s="1" t="s">
        <v>111907</v>
      </c>
      <c r="B69652" s="1" t="s">
        <v>222693</v>
      </c>
      <c r="C69652" s="1" t="s">
        <v>110</v>
      </c>
      <c r="D69652" s="1" t="s">
        <v>232491</v>
      </c>
      <c r="E69652" s="1" t="s">
        <v>232492</v>
      </c>
      <c r="F69652" s="1" t="s">
        <v>232493</v>
      </c>
      <c r="G69652" s="1" t="s">
        <v>232430</v>
      </c>
      <c r="H69652" s="1" t="s">
        <v>232431</v>
      </c>
      <c r="I69652" s="1" t="s">
        <v>222698</v>
      </c>
      <c r="J69652" s="1" t="s">
        <v>232494</v>
      </c>
    </row>
    <row r="69653" spans="1:10" x14ac:dyDescent="0.35">
      <c r="A69653" s="1" t="s">
        <v>111907</v>
      </c>
      <c r="B69653" s="1" t="s">
        <v>222693</v>
      </c>
      <c r="C69653" s="1" t="s">
        <v>115</v>
      </c>
      <c r="D69653" s="1" t="s">
        <v>79886</v>
      </c>
      <c r="E69653" s="1" t="s">
        <v>232495</v>
      </c>
      <c r="F69653" s="1" t="s">
        <v>232496</v>
      </c>
      <c r="G69653" s="1" t="s">
        <v>232430</v>
      </c>
      <c r="H69653" s="1" t="s">
        <v>232431</v>
      </c>
      <c r="I69653" s="1" t="s">
        <v>222698</v>
      </c>
      <c r="J69653" s="1" t="s">
        <v>232497</v>
      </c>
    </row>
    <row r="69654" spans="1:10" x14ac:dyDescent="0.35">
      <c r="A69654" s="1" t="s">
        <v>111907</v>
      </c>
      <c r="B69654" s="1" t="s">
        <v>222693</v>
      </c>
      <c r="C69654" s="1" t="s">
        <v>120</v>
      </c>
      <c r="D69654" s="1" t="s">
        <v>232498</v>
      </c>
      <c r="E69654" s="1" t="s">
        <v>232499</v>
      </c>
      <c r="F69654" s="1" t="s">
        <v>232500</v>
      </c>
      <c r="G69654" s="1" t="s">
        <v>232430</v>
      </c>
      <c r="H69654" s="1" t="s">
        <v>232431</v>
      </c>
      <c r="I69654" s="1" t="s">
        <v>222698</v>
      </c>
      <c r="J69654" s="1" t="s">
        <v>232501</v>
      </c>
    </row>
    <row r="69655" spans="1:10" x14ac:dyDescent="0.35">
      <c r="A69655" s="1" t="s">
        <v>111907</v>
      </c>
      <c r="B69655" s="1" t="s">
        <v>222693</v>
      </c>
      <c r="C69655" s="1" t="s">
        <v>125</v>
      </c>
      <c r="D69655" s="1" t="s">
        <v>232502</v>
      </c>
      <c r="E69655" s="1" t="s">
        <v>232503</v>
      </c>
      <c r="F69655" s="1" t="s">
        <v>232504</v>
      </c>
      <c r="G69655" s="1" t="s">
        <v>232430</v>
      </c>
      <c r="H69655" s="1" t="s">
        <v>232431</v>
      </c>
      <c r="I69655" s="1" t="s">
        <v>222698</v>
      </c>
      <c r="J69655" s="1" t="s">
        <v>232505</v>
      </c>
    </row>
    <row r="69656" spans="1:10" x14ac:dyDescent="0.35">
      <c r="A69656" s="1" t="s">
        <v>111907</v>
      </c>
      <c r="B69656" s="1" t="s">
        <v>222693</v>
      </c>
      <c r="C69656" s="1" t="s">
        <v>130</v>
      </c>
      <c r="D69656" s="1" t="s">
        <v>230400</v>
      </c>
      <c r="E69656" s="1" t="s">
        <v>232506</v>
      </c>
      <c r="F69656" s="1" t="s">
        <v>232507</v>
      </c>
      <c r="G69656" s="1" t="s">
        <v>232430</v>
      </c>
      <c r="H69656" s="1" t="s">
        <v>232431</v>
      </c>
      <c r="I69656" s="1" t="s">
        <v>222698</v>
      </c>
      <c r="J69656" s="1" t="s">
        <v>232508</v>
      </c>
    </row>
    <row r="69657" spans="1:10" x14ac:dyDescent="0.35">
      <c r="A69657" s="1" t="s">
        <v>111907</v>
      </c>
      <c r="B69657" s="1" t="s">
        <v>222693</v>
      </c>
      <c r="C69657" s="1" t="s">
        <v>135</v>
      </c>
      <c r="D69657" s="1" t="s">
        <v>232509</v>
      </c>
      <c r="E69657" s="1" t="s">
        <v>232510</v>
      </c>
      <c r="F69657" s="1" t="s">
        <v>232511</v>
      </c>
      <c r="G69657" s="1" t="s">
        <v>232430</v>
      </c>
      <c r="H69657" s="1" t="s">
        <v>232431</v>
      </c>
      <c r="I69657" s="1" t="s">
        <v>222698</v>
      </c>
      <c r="J69657" s="1" t="s">
        <v>232512</v>
      </c>
    </row>
    <row r="69658" spans="1:10" x14ac:dyDescent="0.35">
      <c r="A69658" s="1" t="s">
        <v>111907</v>
      </c>
      <c r="B69658" s="1" t="s">
        <v>222693</v>
      </c>
      <c r="C69658" s="1" t="s">
        <v>140</v>
      </c>
      <c r="D69658" s="1" t="s">
        <v>232513</v>
      </c>
      <c r="E69658" s="1" t="s">
        <v>232514</v>
      </c>
      <c r="F69658" s="1" t="s">
        <v>232515</v>
      </c>
      <c r="G69658" s="1" t="s">
        <v>232430</v>
      </c>
      <c r="H69658" s="1" t="s">
        <v>232431</v>
      </c>
      <c r="I69658" s="1" t="s">
        <v>222698</v>
      </c>
      <c r="J69658" s="1" t="s">
        <v>232516</v>
      </c>
    </row>
    <row r="69659" spans="1:10" x14ac:dyDescent="0.35">
      <c r="A69659" s="1" t="s">
        <v>111907</v>
      </c>
      <c r="B69659" s="1" t="s">
        <v>222693</v>
      </c>
      <c r="C69659" s="1" t="s">
        <v>145</v>
      </c>
      <c r="D69659" s="1" t="s">
        <v>232517</v>
      </c>
      <c r="E69659" s="1" t="s">
        <v>232518</v>
      </c>
      <c r="F69659" s="1" t="s">
        <v>232519</v>
      </c>
      <c r="G69659" s="1" t="s">
        <v>232430</v>
      </c>
      <c r="H69659" s="1" t="s">
        <v>232431</v>
      </c>
      <c r="I69659" s="1" t="s">
        <v>222698</v>
      </c>
      <c r="J69659" s="1" t="s">
        <v>232520</v>
      </c>
    </row>
    <row r="69660" spans="1:10" x14ac:dyDescent="0.35">
      <c r="A69660" s="1" t="s">
        <v>111907</v>
      </c>
      <c r="B69660" s="1" t="s">
        <v>222693</v>
      </c>
      <c r="C69660" s="1" t="s">
        <v>150</v>
      </c>
      <c r="D69660" s="1" t="s">
        <v>232521</v>
      </c>
      <c r="E69660" s="1" t="s">
        <v>232522</v>
      </c>
      <c r="F69660" s="1" t="s">
        <v>232523</v>
      </c>
      <c r="G69660" s="1" t="s">
        <v>232430</v>
      </c>
      <c r="H69660" s="1" t="s">
        <v>232431</v>
      </c>
      <c r="I69660" s="1" t="s">
        <v>222698</v>
      </c>
      <c r="J69660" s="1" t="s">
        <v>232524</v>
      </c>
    </row>
    <row r="69661" spans="1:10" x14ac:dyDescent="0.35">
      <c r="A69661" s="1" t="s">
        <v>111907</v>
      </c>
      <c r="B69661" s="1" t="s">
        <v>222693</v>
      </c>
      <c r="C69661" s="1" t="s">
        <v>155</v>
      </c>
      <c r="D69661" s="1" t="s">
        <v>232525</v>
      </c>
      <c r="E69661" s="1" t="s">
        <v>232526</v>
      </c>
      <c r="F69661" s="1" t="s">
        <v>232527</v>
      </c>
      <c r="G69661" s="1" t="s">
        <v>232430</v>
      </c>
      <c r="H69661" s="1" t="s">
        <v>232431</v>
      </c>
      <c r="I69661" s="1" t="s">
        <v>222698</v>
      </c>
      <c r="J69661" s="1" t="s">
        <v>232528</v>
      </c>
    </row>
    <row r="69662" spans="1:10" x14ac:dyDescent="0.35">
      <c r="A69662" s="1" t="s">
        <v>111907</v>
      </c>
      <c r="B69662" s="1" t="s">
        <v>222693</v>
      </c>
      <c r="C69662" s="1" t="s">
        <v>160</v>
      </c>
      <c r="D69662" s="1" t="s">
        <v>23821</v>
      </c>
      <c r="E69662" s="1" t="s">
        <v>232529</v>
      </c>
      <c r="F69662" s="1" t="s">
        <v>232530</v>
      </c>
      <c r="G69662" s="1" t="s">
        <v>232430</v>
      </c>
      <c r="H69662" s="1" t="s">
        <v>232431</v>
      </c>
      <c r="I69662" s="1" t="s">
        <v>222698</v>
      </c>
      <c r="J69662" s="1" t="s">
        <v>232531</v>
      </c>
    </row>
    <row r="69663" spans="1:10" x14ac:dyDescent="0.35">
      <c r="A69663" s="1" t="s">
        <v>111907</v>
      </c>
      <c r="B69663" s="1" t="s">
        <v>222693</v>
      </c>
      <c r="C69663" s="1" t="s">
        <v>165</v>
      </c>
      <c r="D69663" s="1" t="s">
        <v>232532</v>
      </c>
      <c r="E69663" s="1" t="s">
        <v>232533</v>
      </c>
      <c r="F69663" s="1" t="s">
        <v>232534</v>
      </c>
      <c r="G69663" s="1" t="s">
        <v>232430</v>
      </c>
      <c r="H69663" s="1" t="s">
        <v>232431</v>
      </c>
      <c r="I69663" s="1" t="s">
        <v>222698</v>
      </c>
      <c r="J69663" s="1" t="s">
        <v>232535</v>
      </c>
    </row>
    <row r="69664" spans="1:10" x14ac:dyDescent="0.35">
      <c r="A69664" s="1" t="s">
        <v>111907</v>
      </c>
      <c r="B69664" s="1" t="s">
        <v>222693</v>
      </c>
      <c r="C69664" s="1" t="s">
        <v>170</v>
      </c>
      <c r="D69664" s="1" t="s">
        <v>232536</v>
      </c>
      <c r="E69664" s="1" t="s">
        <v>232537</v>
      </c>
      <c r="F69664" s="1" t="s">
        <v>232538</v>
      </c>
      <c r="G69664" s="1" t="s">
        <v>232430</v>
      </c>
      <c r="H69664" s="1" t="s">
        <v>232431</v>
      </c>
      <c r="I69664" s="1" t="s">
        <v>222698</v>
      </c>
      <c r="J69664" s="1" t="s">
        <v>232539</v>
      </c>
    </row>
    <row r="69665" spans="1:10" x14ac:dyDescent="0.35">
      <c r="A69665" s="1" t="s">
        <v>232540</v>
      </c>
      <c r="B69665" s="1" t="s">
        <v>222693</v>
      </c>
      <c r="C69665" s="1" t="s">
        <v>8</v>
      </c>
      <c r="D69665" s="1" t="s">
        <v>232541</v>
      </c>
      <c r="E69665" s="1" t="s">
        <v>232542</v>
      </c>
      <c r="F69665" s="1" t="s">
        <v>232543</v>
      </c>
      <c r="G69665" s="1" t="s">
        <v>232544</v>
      </c>
      <c r="H69665" s="1" t="s">
        <v>232545</v>
      </c>
      <c r="I69665" s="1" t="s">
        <v>222698</v>
      </c>
      <c r="J69665" s="1" t="s">
        <v>13</v>
      </c>
    </row>
    <row r="69666" spans="1:10" x14ac:dyDescent="0.35">
      <c r="A69666" s="1" t="s">
        <v>232540</v>
      </c>
      <c r="B69666" s="1" t="s">
        <v>222693</v>
      </c>
      <c r="C69666" s="1" t="s">
        <v>15</v>
      </c>
      <c r="D69666" s="1" t="s">
        <v>154958</v>
      </c>
      <c r="E69666" s="1" t="s">
        <v>232546</v>
      </c>
      <c r="F69666" s="1" t="s">
        <v>232547</v>
      </c>
      <c r="G69666" s="1" t="s">
        <v>232544</v>
      </c>
      <c r="H69666" s="1" t="s">
        <v>232545</v>
      </c>
      <c r="I69666" s="1" t="s">
        <v>222698</v>
      </c>
      <c r="J69666" s="1" t="s">
        <v>232548</v>
      </c>
    </row>
    <row r="69667" spans="1:10" x14ac:dyDescent="0.35">
      <c r="A69667" s="1" t="s">
        <v>232540</v>
      </c>
      <c r="B69667" s="1" t="s">
        <v>222693</v>
      </c>
      <c r="C69667" s="1" t="s">
        <v>20</v>
      </c>
      <c r="D69667" s="1" t="s">
        <v>129273</v>
      </c>
      <c r="E69667" s="1" t="s">
        <v>232549</v>
      </c>
      <c r="F69667" s="1" t="s">
        <v>232550</v>
      </c>
      <c r="G69667" s="1" t="s">
        <v>232544</v>
      </c>
      <c r="H69667" s="1" t="s">
        <v>232545</v>
      </c>
      <c r="I69667" s="1" t="s">
        <v>222698</v>
      </c>
      <c r="J69667" s="1" t="s">
        <v>232551</v>
      </c>
    </row>
    <row r="69668" spans="1:10" x14ac:dyDescent="0.35">
      <c r="A69668" s="1" t="s">
        <v>232540</v>
      </c>
      <c r="B69668" s="1" t="s">
        <v>222693</v>
      </c>
      <c r="C69668" s="1" t="s">
        <v>25</v>
      </c>
      <c r="D69668" s="1" t="s">
        <v>124751</v>
      </c>
      <c r="E69668" s="1" t="s">
        <v>232552</v>
      </c>
      <c r="F69668" s="1" t="s">
        <v>232553</v>
      </c>
      <c r="G69668" s="1" t="s">
        <v>232544</v>
      </c>
      <c r="H69668" s="1" t="s">
        <v>232545</v>
      </c>
      <c r="I69668" s="1" t="s">
        <v>222698</v>
      </c>
      <c r="J69668" s="1" t="s">
        <v>232554</v>
      </c>
    </row>
    <row r="69669" spans="1:10" x14ac:dyDescent="0.35">
      <c r="A69669" s="1" t="s">
        <v>232540</v>
      </c>
      <c r="B69669" s="1" t="s">
        <v>222693</v>
      </c>
      <c r="C69669" s="1" t="s">
        <v>30</v>
      </c>
      <c r="D69669" s="1" t="s">
        <v>11151</v>
      </c>
      <c r="E69669" s="1" t="s">
        <v>232555</v>
      </c>
      <c r="F69669" s="1" t="s">
        <v>232556</v>
      </c>
      <c r="G69669" s="1" t="s">
        <v>232544</v>
      </c>
      <c r="H69669" s="1" t="s">
        <v>232545</v>
      </c>
      <c r="I69669" s="1" t="s">
        <v>222698</v>
      </c>
      <c r="J69669" s="1" t="s">
        <v>232557</v>
      </c>
    </row>
    <row r="69670" spans="1:10" x14ac:dyDescent="0.35">
      <c r="A69670" s="1" t="s">
        <v>232540</v>
      </c>
      <c r="B69670" s="1" t="s">
        <v>222693</v>
      </c>
      <c r="C69670" s="1" t="s">
        <v>35</v>
      </c>
      <c r="D69670" s="1" t="s">
        <v>232558</v>
      </c>
      <c r="E69670" s="1" t="s">
        <v>232559</v>
      </c>
      <c r="F69670" s="1" t="s">
        <v>232560</v>
      </c>
      <c r="G69670" s="1" t="s">
        <v>232544</v>
      </c>
      <c r="H69670" s="1" t="s">
        <v>232545</v>
      </c>
      <c r="I69670" s="1" t="s">
        <v>222698</v>
      </c>
      <c r="J69670" s="1" t="s">
        <v>232561</v>
      </c>
    </row>
    <row r="69671" spans="1:10" x14ac:dyDescent="0.35">
      <c r="A69671" s="1" t="s">
        <v>232540</v>
      </c>
      <c r="B69671" s="1" t="s">
        <v>222693</v>
      </c>
      <c r="C69671" s="1" t="s">
        <v>40</v>
      </c>
      <c r="D69671" s="1" t="s">
        <v>232562</v>
      </c>
      <c r="E69671" s="1" t="s">
        <v>232563</v>
      </c>
      <c r="F69671" s="1" t="s">
        <v>232564</v>
      </c>
      <c r="G69671" s="1" t="s">
        <v>232544</v>
      </c>
      <c r="H69671" s="1" t="s">
        <v>232545</v>
      </c>
      <c r="I69671" s="1" t="s">
        <v>222698</v>
      </c>
      <c r="J69671" s="1" t="s">
        <v>232565</v>
      </c>
    </row>
    <row r="69672" spans="1:10" x14ac:dyDescent="0.35">
      <c r="A69672" s="1" t="s">
        <v>232540</v>
      </c>
      <c r="B69672" s="1" t="s">
        <v>222693</v>
      </c>
      <c r="C69672" s="1" t="s">
        <v>45</v>
      </c>
      <c r="D69672" s="1" t="s">
        <v>94802</v>
      </c>
      <c r="E69672" s="1" t="s">
        <v>232566</v>
      </c>
      <c r="F69672" s="1" t="s">
        <v>232567</v>
      </c>
      <c r="G69672" s="1" t="s">
        <v>232544</v>
      </c>
      <c r="H69672" s="1" t="s">
        <v>232545</v>
      </c>
      <c r="I69672" s="1" t="s">
        <v>222698</v>
      </c>
      <c r="J69672" s="1" t="s">
        <v>232568</v>
      </c>
    </row>
    <row r="69673" spans="1:10" x14ac:dyDescent="0.35">
      <c r="A69673" s="1" t="s">
        <v>232540</v>
      </c>
      <c r="B69673" s="1" t="s">
        <v>222693</v>
      </c>
      <c r="C69673" s="1" t="s">
        <v>50</v>
      </c>
      <c r="D69673" s="1" t="s">
        <v>232569</v>
      </c>
      <c r="E69673" s="1" t="s">
        <v>232570</v>
      </c>
      <c r="F69673" s="1" t="s">
        <v>232571</v>
      </c>
      <c r="G69673" s="1" t="s">
        <v>232544</v>
      </c>
      <c r="H69673" s="1" t="s">
        <v>232545</v>
      </c>
      <c r="I69673" s="1" t="s">
        <v>222698</v>
      </c>
      <c r="J69673" s="1" t="s">
        <v>232572</v>
      </c>
    </row>
    <row r="69674" spans="1:10" x14ac:dyDescent="0.35">
      <c r="A69674" s="1" t="s">
        <v>232540</v>
      </c>
      <c r="B69674" s="1" t="s">
        <v>222693</v>
      </c>
      <c r="C69674" s="1" t="s">
        <v>55</v>
      </c>
      <c r="D69674" s="1" t="s">
        <v>201224</v>
      </c>
      <c r="E69674" s="1" t="s">
        <v>232573</v>
      </c>
      <c r="F69674" s="1" t="s">
        <v>232574</v>
      </c>
      <c r="G69674" s="1" t="s">
        <v>232544</v>
      </c>
      <c r="H69674" s="1" t="s">
        <v>232545</v>
      </c>
      <c r="I69674" s="1" t="s">
        <v>222698</v>
      </c>
      <c r="J69674" s="1" t="s">
        <v>232575</v>
      </c>
    </row>
    <row r="69675" spans="1:10" x14ac:dyDescent="0.35">
      <c r="A69675" s="1" t="s">
        <v>232540</v>
      </c>
      <c r="B69675" s="1" t="s">
        <v>222693</v>
      </c>
      <c r="C69675" s="1" t="s">
        <v>60</v>
      </c>
      <c r="D69675" s="1" t="s">
        <v>232576</v>
      </c>
      <c r="E69675" s="1" t="s">
        <v>232577</v>
      </c>
      <c r="F69675" s="1" t="s">
        <v>232578</v>
      </c>
      <c r="G69675" s="1" t="s">
        <v>232544</v>
      </c>
      <c r="H69675" s="1" t="s">
        <v>232545</v>
      </c>
      <c r="I69675" s="1" t="s">
        <v>222698</v>
      </c>
      <c r="J69675" s="1" t="s">
        <v>232579</v>
      </c>
    </row>
    <row r="69676" spans="1:10" x14ac:dyDescent="0.35">
      <c r="A69676" s="1" t="s">
        <v>232540</v>
      </c>
      <c r="B69676" s="1" t="s">
        <v>222693</v>
      </c>
      <c r="C69676" s="1" t="s">
        <v>65</v>
      </c>
      <c r="D69676" s="1" t="s">
        <v>232580</v>
      </c>
      <c r="E69676" s="1" t="s">
        <v>232581</v>
      </c>
      <c r="F69676" s="1" t="s">
        <v>232582</v>
      </c>
      <c r="G69676" s="1" t="s">
        <v>232544</v>
      </c>
      <c r="H69676" s="1" t="s">
        <v>232545</v>
      </c>
      <c r="I69676" s="1" t="s">
        <v>222698</v>
      </c>
      <c r="J69676" s="1" t="s">
        <v>232583</v>
      </c>
    </row>
    <row r="69677" spans="1:10" x14ac:dyDescent="0.35">
      <c r="A69677" s="1" t="s">
        <v>232540</v>
      </c>
      <c r="B69677" s="1" t="s">
        <v>222693</v>
      </c>
      <c r="C69677" s="1" t="s">
        <v>70</v>
      </c>
      <c r="D69677" s="1" t="s">
        <v>232584</v>
      </c>
      <c r="E69677" s="1" t="s">
        <v>232585</v>
      </c>
      <c r="F69677" s="1" t="s">
        <v>232586</v>
      </c>
      <c r="G69677" s="1" t="s">
        <v>232544</v>
      </c>
      <c r="H69677" s="1" t="s">
        <v>232545</v>
      </c>
      <c r="I69677" s="1" t="s">
        <v>222698</v>
      </c>
      <c r="J69677" s="1" t="s">
        <v>232587</v>
      </c>
    </row>
    <row r="69678" spans="1:10" x14ac:dyDescent="0.35">
      <c r="A69678" s="1" t="s">
        <v>232540</v>
      </c>
      <c r="B69678" s="1" t="s">
        <v>222693</v>
      </c>
      <c r="C69678" s="1" t="s">
        <v>75</v>
      </c>
      <c r="D69678" s="1" t="s">
        <v>8562</v>
      </c>
      <c r="E69678" s="1" t="s">
        <v>232588</v>
      </c>
      <c r="F69678" s="1" t="s">
        <v>232589</v>
      </c>
      <c r="G69678" s="1" t="s">
        <v>232544</v>
      </c>
      <c r="H69678" s="1" t="s">
        <v>232545</v>
      </c>
      <c r="I69678" s="1" t="s">
        <v>222698</v>
      </c>
      <c r="J69678" s="1" t="s">
        <v>232590</v>
      </c>
    </row>
    <row r="69679" spans="1:10" x14ac:dyDescent="0.35">
      <c r="A69679" s="1" t="s">
        <v>232540</v>
      </c>
      <c r="B69679" s="1" t="s">
        <v>222693</v>
      </c>
      <c r="C69679" s="1" t="s">
        <v>80</v>
      </c>
      <c r="D69679" s="1" t="s">
        <v>232591</v>
      </c>
      <c r="E69679" s="1" t="s">
        <v>232592</v>
      </c>
      <c r="F69679" s="1" t="s">
        <v>232593</v>
      </c>
      <c r="G69679" s="1" t="s">
        <v>232544</v>
      </c>
      <c r="H69679" s="1" t="s">
        <v>232545</v>
      </c>
      <c r="I69679" s="1" t="s">
        <v>222698</v>
      </c>
      <c r="J69679" s="1" t="s">
        <v>232594</v>
      </c>
    </row>
    <row r="69680" spans="1:10" x14ac:dyDescent="0.35">
      <c r="A69680" s="1" t="s">
        <v>232540</v>
      </c>
      <c r="B69680" s="1" t="s">
        <v>222693</v>
      </c>
      <c r="C69680" s="1" t="s">
        <v>85</v>
      </c>
      <c r="D69680" s="1" t="s">
        <v>164926</v>
      </c>
      <c r="E69680" s="1" t="s">
        <v>232595</v>
      </c>
      <c r="F69680" s="1" t="s">
        <v>232596</v>
      </c>
      <c r="G69680" s="1" t="s">
        <v>232544</v>
      </c>
      <c r="H69680" s="1" t="s">
        <v>232545</v>
      </c>
      <c r="I69680" s="1" t="s">
        <v>222698</v>
      </c>
      <c r="J69680" s="1" t="s">
        <v>232597</v>
      </c>
    </row>
    <row r="69681" spans="1:10" x14ac:dyDescent="0.35">
      <c r="A69681" s="1" t="s">
        <v>232540</v>
      </c>
      <c r="B69681" s="1" t="s">
        <v>222693</v>
      </c>
      <c r="C69681" s="1" t="s">
        <v>90</v>
      </c>
      <c r="D69681" s="1" t="s">
        <v>232598</v>
      </c>
      <c r="E69681" s="1" t="s">
        <v>232599</v>
      </c>
      <c r="F69681" s="1" t="s">
        <v>232600</v>
      </c>
      <c r="G69681" s="1" t="s">
        <v>232544</v>
      </c>
      <c r="H69681" s="1" t="s">
        <v>232545</v>
      </c>
      <c r="I69681" s="1" t="s">
        <v>222698</v>
      </c>
      <c r="J69681" s="1" t="s">
        <v>232601</v>
      </c>
    </row>
    <row r="69682" spans="1:10" x14ac:dyDescent="0.35">
      <c r="A69682" s="1" t="s">
        <v>232540</v>
      </c>
      <c r="B69682" s="1" t="s">
        <v>222693</v>
      </c>
      <c r="C69682" s="1" t="s">
        <v>95</v>
      </c>
      <c r="D69682" s="1" t="s">
        <v>232602</v>
      </c>
      <c r="E69682" s="1" t="s">
        <v>232603</v>
      </c>
      <c r="F69682" s="1" t="s">
        <v>232604</v>
      </c>
      <c r="G69682" s="1" t="s">
        <v>232544</v>
      </c>
      <c r="H69682" s="1" t="s">
        <v>232545</v>
      </c>
      <c r="I69682" s="1" t="s">
        <v>222698</v>
      </c>
      <c r="J69682" s="1" t="s">
        <v>232605</v>
      </c>
    </row>
    <row r="69683" spans="1:10" x14ac:dyDescent="0.35">
      <c r="A69683" s="1" t="s">
        <v>232540</v>
      </c>
      <c r="B69683" s="1" t="s">
        <v>222693</v>
      </c>
      <c r="C69683" s="1" t="s">
        <v>100</v>
      </c>
      <c r="D69683" s="1" t="s">
        <v>227964</v>
      </c>
      <c r="E69683" s="1" t="s">
        <v>232606</v>
      </c>
      <c r="F69683" s="1" t="s">
        <v>232607</v>
      </c>
      <c r="G69683" s="1" t="s">
        <v>232544</v>
      </c>
      <c r="H69683" s="1" t="s">
        <v>232545</v>
      </c>
      <c r="I69683" s="1" t="s">
        <v>222698</v>
      </c>
      <c r="J69683" s="1" t="s">
        <v>232608</v>
      </c>
    </row>
    <row r="69684" spans="1:10" x14ac:dyDescent="0.35">
      <c r="A69684" s="1" t="s">
        <v>232540</v>
      </c>
      <c r="B69684" s="1" t="s">
        <v>222693</v>
      </c>
      <c r="C69684" s="1" t="s">
        <v>105</v>
      </c>
      <c r="D69684" s="1" t="s">
        <v>21568</v>
      </c>
      <c r="E69684" s="1" t="s">
        <v>232609</v>
      </c>
      <c r="F69684" s="1" t="s">
        <v>232610</v>
      </c>
      <c r="G69684" s="1" t="s">
        <v>232544</v>
      </c>
      <c r="H69684" s="1" t="s">
        <v>232545</v>
      </c>
      <c r="I69684" s="1" t="s">
        <v>222698</v>
      </c>
      <c r="J69684" s="1" t="s">
        <v>232611</v>
      </c>
    </row>
    <row r="69685" spans="1:10" x14ac:dyDescent="0.35">
      <c r="A69685" s="1" t="s">
        <v>232540</v>
      </c>
      <c r="B69685" s="1" t="s">
        <v>222693</v>
      </c>
      <c r="C69685" s="1" t="s">
        <v>110</v>
      </c>
      <c r="D69685" s="1" t="s">
        <v>232612</v>
      </c>
      <c r="E69685" s="1" t="s">
        <v>232613</v>
      </c>
      <c r="F69685" s="1" t="s">
        <v>232614</v>
      </c>
      <c r="G69685" s="1" t="s">
        <v>232544</v>
      </c>
      <c r="H69685" s="1" t="s">
        <v>232545</v>
      </c>
      <c r="I69685" s="1" t="s">
        <v>222698</v>
      </c>
      <c r="J69685" s="1" t="s">
        <v>232615</v>
      </c>
    </row>
    <row r="69686" spans="1:10" x14ac:dyDescent="0.35">
      <c r="A69686" s="1" t="s">
        <v>232540</v>
      </c>
      <c r="B69686" s="1" t="s">
        <v>222693</v>
      </c>
      <c r="C69686" s="1" t="s">
        <v>115</v>
      </c>
      <c r="D69686" s="1" t="s">
        <v>232616</v>
      </c>
      <c r="E69686" s="1" t="s">
        <v>232617</v>
      </c>
      <c r="F69686" s="1" t="s">
        <v>232618</v>
      </c>
      <c r="G69686" s="1" t="s">
        <v>232544</v>
      </c>
      <c r="H69686" s="1" t="s">
        <v>232545</v>
      </c>
      <c r="I69686" s="1" t="s">
        <v>222698</v>
      </c>
      <c r="J69686" s="1" t="s">
        <v>232619</v>
      </c>
    </row>
    <row r="69687" spans="1:10" x14ac:dyDescent="0.35">
      <c r="A69687" s="1" t="s">
        <v>232540</v>
      </c>
      <c r="B69687" s="1" t="s">
        <v>222693</v>
      </c>
      <c r="C69687" s="1" t="s">
        <v>120</v>
      </c>
      <c r="D69687" s="1" t="s">
        <v>18663</v>
      </c>
      <c r="E69687" s="1" t="s">
        <v>232620</v>
      </c>
      <c r="F69687" s="1" t="s">
        <v>232621</v>
      </c>
      <c r="G69687" s="1" t="s">
        <v>232544</v>
      </c>
      <c r="H69687" s="1" t="s">
        <v>232545</v>
      </c>
      <c r="I69687" s="1" t="s">
        <v>222698</v>
      </c>
      <c r="J69687" s="1" t="s">
        <v>232622</v>
      </c>
    </row>
    <row r="69688" spans="1:10" x14ac:dyDescent="0.35">
      <c r="A69688" s="1" t="s">
        <v>232540</v>
      </c>
      <c r="B69688" s="1" t="s">
        <v>222693</v>
      </c>
      <c r="C69688" s="1" t="s">
        <v>125</v>
      </c>
      <c r="D69688" s="1" t="s">
        <v>232623</v>
      </c>
      <c r="E69688" s="1" t="s">
        <v>232624</v>
      </c>
      <c r="F69688" s="1" t="s">
        <v>232625</v>
      </c>
      <c r="G69688" s="1" t="s">
        <v>232544</v>
      </c>
      <c r="H69688" s="1" t="s">
        <v>232545</v>
      </c>
      <c r="I69688" s="1" t="s">
        <v>222698</v>
      </c>
      <c r="J69688" s="1" t="s">
        <v>232626</v>
      </c>
    </row>
    <row r="69689" spans="1:10" x14ac:dyDescent="0.35">
      <c r="A69689" s="1" t="s">
        <v>232540</v>
      </c>
      <c r="B69689" s="1" t="s">
        <v>222693</v>
      </c>
      <c r="C69689" s="1" t="s">
        <v>130</v>
      </c>
      <c r="D69689" s="1" t="s">
        <v>232627</v>
      </c>
      <c r="E69689" s="1" t="s">
        <v>232628</v>
      </c>
      <c r="F69689" s="1" t="s">
        <v>232629</v>
      </c>
      <c r="G69689" s="1" t="s">
        <v>232544</v>
      </c>
      <c r="H69689" s="1" t="s">
        <v>232545</v>
      </c>
      <c r="I69689" s="1" t="s">
        <v>222698</v>
      </c>
      <c r="J69689" s="1" t="s">
        <v>232630</v>
      </c>
    </row>
    <row r="69690" spans="1:10" x14ac:dyDescent="0.35">
      <c r="A69690" s="1" t="s">
        <v>232540</v>
      </c>
      <c r="B69690" s="1" t="s">
        <v>222693</v>
      </c>
      <c r="C69690" s="1" t="s">
        <v>135</v>
      </c>
      <c r="D69690" s="1" t="s">
        <v>232631</v>
      </c>
      <c r="E69690" s="1" t="s">
        <v>232632</v>
      </c>
      <c r="F69690" s="1" t="s">
        <v>232633</v>
      </c>
      <c r="G69690" s="1" t="s">
        <v>232544</v>
      </c>
      <c r="H69690" s="1" t="s">
        <v>232545</v>
      </c>
      <c r="I69690" s="1" t="s">
        <v>222698</v>
      </c>
      <c r="J69690" s="1" t="s">
        <v>232634</v>
      </c>
    </row>
    <row r="69691" spans="1:10" x14ac:dyDescent="0.35">
      <c r="A69691" s="1" t="s">
        <v>232540</v>
      </c>
      <c r="B69691" s="1" t="s">
        <v>222693</v>
      </c>
      <c r="C69691" s="1" t="s">
        <v>140</v>
      </c>
      <c r="D69691" s="1" t="s">
        <v>232635</v>
      </c>
      <c r="E69691" s="1" t="s">
        <v>232636</v>
      </c>
      <c r="F69691" s="1" t="s">
        <v>232637</v>
      </c>
      <c r="G69691" s="1" t="s">
        <v>232544</v>
      </c>
      <c r="H69691" s="1" t="s">
        <v>232545</v>
      </c>
      <c r="I69691" s="1" t="s">
        <v>222698</v>
      </c>
      <c r="J69691" s="1" t="s">
        <v>232638</v>
      </c>
    </row>
    <row r="69692" spans="1:10" x14ac:dyDescent="0.35">
      <c r="A69692" s="1" t="s">
        <v>232540</v>
      </c>
      <c r="B69692" s="1" t="s">
        <v>222693</v>
      </c>
      <c r="C69692" s="1" t="s">
        <v>145</v>
      </c>
      <c r="D69692" s="1" t="s">
        <v>232639</v>
      </c>
      <c r="E69692" s="1" t="s">
        <v>232640</v>
      </c>
      <c r="F69692" s="1" t="s">
        <v>232641</v>
      </c>
      <c r="G69692" s="1" t="s">
        <v>232544</v>
      </c>
      <c r="H69692" s="1" t="s">
        <v>232545</v>
      </c>
      <c r="I69692" s="1" t="s">
        <v>222698</v>
      </c>
      <c r="J69692" s="1" t="s">
        <v>232642</v>
      </c>
    </row>
    <row r="69693" spans="1:10" x14ac:dyDescent="0.35">
      <c r="A69693" s="1" t="s">
        <v>232540</v>
      </c>
      <c r="B69693" s="1" t="s">
        <v>222693</v>
      </c>
      <c r="C69693" s="1" t="s">
        <v>150</v>
      </c>
      <c r="D69693" s="1" t="s">
        <v>232643</v>
      </c>
      <c r="E69693" s="1" t="s">
        <v>232644</v>
      </c>
      <c r="F69693" s="1" t="s">
        <v>232645</v>
      </c>
      <c r="G69693" s="1" t="s">
        <v>232544</v>
      </c>
      <c r="H69693" s="1" t="s">
        <v>232545</v>
      </c>
      <c r="I69693" s="1" t="s">
        <v>222698</v>
      </c>
      <c r="J69693" s="1" t="s">
        <v>232646</v>
      </c>
    </row>
    <row r="69694" spans="1:10" x14ac:dyDescent="0.35">
      <c r="A69694" s="1" t="s">
        <v>232540</v>
      </c>
      <c r="B69694" s="1" t="s">
        <v>222693</v>
      </c>
      <c r="C69694" s="1" t="s">
        <v>155</v>
      </c>
      <c r="D69694" s="1" t="s">
        <v>232647</v>
      </c>
      <c r="E69694" s="1" t="s">
        <v>232648</v>
      </c>
      <c r="F69694" s="1" t="s">
        <v>232649</v>
      </c>
      <c r="G69694" s="1" t="s">
        <v>232544</v>
      </c>
      <c r="H69694" s="1" t="s">
        <v>232545</v>
      </c>
      <c r="I69694" s="1" t="s">
        <v>222698</v>
      </c>
      <c r="J69694" s="1" t="s">
        <v>232650</v>
      </c>
    </row>
    <row r="69695" spans="1:10" x14ac:dyDescent="0.35">
      <c r="A69695" s="1" t="s">
        <v>232540</v>
      </c>
      <c r="B69695" s="1" t="s">
        <v>222693</v>
      </c>
      <c r="C69695" s="1" t="s">
        <v>160</v>
      </c>
      <c r="D69695" s="1" t="s">
        <v>232651</v>
      </c>
      <c r="E69695" s="1" t="s">
        <v>232652</v>
      </c>
      <c r="F69695" s="1" t="s">
        <v>232653</v>
      </c>
      <c r="G69695" s="1" t="s">
        <v>232544</v>
      </c>
      <c r="H69695" s="1" t="s">
        <v>232545</v>
      </c>
      <c r="I69695" s="1" t="s">
        <v>222698</v>
      </c>
      <c r="J69695" s="1" t="s">
        <v>232654</v>
      </c>
    </row>
    <row r="69696" spans="1:10" x14ac:dyDescent="0.35">
      <c r="A69696" s="1" t="s">
        <v>232540</v>
      </c>
      <c r="B69696" s="1" t="s">
        <v>222693</v>
      </c>
      <c r="C69696" s="1" t="s">
        <v>165</v>
      </c>
      <c r="D69696" s="1" t="s">
        <v>232655</v>
      </c>
      <c r="E69696" s="1" t="s">
        <v>232656</v>
      </c>
      <c r="F69696" s="1" t="s">
        <v>232657</v>
      </c>
      <c r="G69696" s="1" t="s">
        <v>232544</v>
      </c>
      <c r="H69696" s="1" t="s">
        <v>232545</v>
      </c>
      <c r="I69696" s="1" t="s">
        <v>222698</v>
      </c>
      <c r="J69696" s="1" t="s">
        <v>232658</v>
      </c>
    </row>
    <row r="69697" spans="1:10" x14ac:dyDescent="0.35">
      <c r="A69697" s="1" t="s">
        <v>232540</v>
      </c>
      <c r="B69697" s="1" t="s">
        <v>222693</v>
      </c>
      <c r="C69697" s="1" t="s">
        <v>170</v>
      </c>
      <c r="D69697" s="1" t="s">
        <v>232659</v>
      </c>
      <c r="E69697" s="1" t="s">
        <v>232660</v>
      </c>
      <c r="F69697" s="1" t="s">
        <v>232661</v>
      </c>
      <c r="G69697" s="1" t="s">
        <v>232544</v>
      </c>
      <c r="H69697" s="1" t="s">
        <v>232545</v>
      </c>
      <c r="I69697" s="1" t="s">
        <v>222698</v>
      </c>
      <c r="J69697" s="1" t="s">
        <v>232662</v>
      </c>
    </row>
    <row r="69698" spans="1:10" x14ac:dyDescent="0.35">
      <c r="A69698" s="1" t="s">
        <v>28543</v>
      </c>
      <c r="B69698" s="1" t="s">
        <v>222693</v>
      </c>
      <c r="C69698" s="1" t="s">
        <v>8</v>
      </c>
      <c r="D69698" s="1" t="s">
        <v>60208</v>
      </c>
      <c r="E69698" s="1" t="s">
        <v>232663</v>
      </c>
      <c r="F69698" s="1" t="s">
        <v>232664</v>
      </c>
      <c r="G69698" s="1" t="s">
        <v>232665</v>
      </c>
      <c r="H69698" s="1" t="s">
        <v>232666</v>
      </c>
      <c r="I69698" s="1" t="s">
        <v>222698</v>
      </c>
      <c r="J69698" s="1" t="s">
        <v>13</v>
      </c>
    </row>
    <row r="69699" spans="1:10" x14ac:dyDescent="0.35">
      <c r="A69699" s="1" t="s">
        <v>28543</v>
      </c>
      <c r="B69699" s="1" t="s">
        <v>222693</v>
      </c>
      <c r="C69699" s="1" t="s">
        <v>15</v>
      </c>
      <c r="D69699" s="1" t="s">
        <v>59926</v>
      </c>
      <c r="E69699" s="1" t="s">
        <v>232667</v>
      </c>
      <c r="F69699" s="1" t="s">
        <v>232668</v>
      </c>
      <c r="G69699" s="1" t="s">
        <v>232665</v>
      </c>
      <c r="H69699" s="1" t="s">
        <v>232666</v>
      </c>
      <c r="I69699" s="1" t="s">
        <v>222698</v>
      </c>
      <c r="J69699" s="1" t="s">
        <v>232669</v>
      </c>
    </row>
    <row r="69700" spans="1:10" x14ac:dyDescent="0.35">
      <c r="A69700" s="1" t="s">
        <v>28543</v>
      </c>
      <c r="B69700" s="1" t="s">
        <v>222693</v>
      </c>
      <c r="C69700" s="1" t="s">
        <v>20</v>
      </c>
      <c r="D69700" s="1" t="s">
        <v>52376</v>
      </c>
      <c r="E69700" s="1" t="s">
        <v>232670</v>
      </c>
      <c r="F69700" s="1" t="s">
        <v>232671</v>
      </c>
      <c r="G69700" s="1" t="s">
        <v>232665</v>
      </c>
      <c r="H69700" s="1" t="s">
        <v>232666</v>
      </c>
      <c r="I69700" s="1" t="s">
        <v>222698</v>
      </c>
      <c r="J69700" s="1" t="s">
        <v>232672</v>
      </c>
    </row>
    <row r="69701" spans="1:10" x14ac:dyDescent="0.35">
      <c r="A69701" s="1" t="s">
        <v>28543</v>
      </c>
      <c r="B69701" s="1" t="s">
        <v>222693</v>
      </c>
      <c r="C69701" s="1" t="s">
        <v>25</v>
      </c>
      <c r="D69701" s="1" t="s">
        <v>232673</v>
      </c>
      <c r="E69701" s="1" t="s">
        <v>232674</v>
      </c>
      <c r="F69701" s="1" t="s">
        <v>232675</v>
      </c>
      <c r="G69701" s="1" t="s">
        <v>232665</v>
      </c>
      <c r="H69701" s="1" t="s">
        <v>232666</v>
      </c>
      <c r="I69701" s="1" t="s">
        <v>222698</v>
      </c>
      <c r="J69701" s="1" t="s">
        <v>232676</v>
      </c>
    </row>
    <row r="69702" spans="1:10" x14ac:dyDescent="0.35">
      <c r="A69702" s="1" t="s">
        <v>28543</v>
      </c>
      <c r="B69702" s="1" t="s">
        <v>222693</v>
      </c>
      <c r="C69702" s="1" t="s">
        <v>30</v>
      </c>
      <c r="D69702" s="1" t="s">
        <v>232677</v>
      </c>
      <c r="E69702" s="1" t="s">
        <v>232678</v>
      </c>
      <c r="F69702" s="1" t="s">
        <v>232679</v>
      </c>
      <c r="G69702" s="1" t="s">
        <v>232665</v>
      </c>
      <c r="H69702" s="1" t="s">
        <v>232666</v>
      </c>
      <c r="I69702" s="1" t="s">
        <v>222698</v>
      </c>
      <c r="J69702" s="1" t="s">
        <v>232680</v>
      </c>
    </row>
    <row r="69703" spans="1:10" x14ac:dyDescent="0.35">
      <c r="A69703" s="1" t="s">
        <v>28543</v>
      </c>
      <c r="B69703" s="1" t="s">
        <v>222693</v>
      </c>
      <c r="C69703" s="1" t="s">
        <v>35</v>
      </c>
      <c r="D69703" s="1" t="s">
        <v>65405</v>
      </c>
      <c r="E69703" s="1" t="s">
        <v>232681</v>
      </c>
      <c r="F69703" s="1" t="s">
        <v>232682</v>
      </c>
      <c r="G69703" s="1" t="s">
        <v>232665</v>
      </c>
      <c r="H69703" s="1" t="s">
        <v>232666</v>
      </c>
      <c r="I69703" s="1" t="s">
        <v>222698</v>
      </c>
      <c r="J69703" s="1" t="s">
        <v>232683</v>
      </c>
    </row>
    <row r="69704" spans="1:10" x14ac:dyDescent="0.35">
      <c r="A69704" s="1" t="s">
        <v>28543</v>
      </c>
      <c r="B69704" s="1" t="s">
        <v>222693</v>
      </c>
      <c r="C69704" s="1" t="s">
        <v>40</v>
      </c>
      <c r="D69704" s="1" t="s">
        <v>232684</v>
      </c>
      <c r="E69704" s="1" t="s">
        <v>232685</v>
      </c>
      <c r="F69704" s="1" t="s">
        <v>232686</v>
      </c>
      <c r="G69704" s="1" t="s">
        <v>232665</v>
      </c>
      <c r="H69704" s="1" t="s">
        <v>232666</v>
      </c>
      <c r="I69704" s="1" t="s">
        <v>222698</v>
      </c>
      <c r="J69704" s="1" t="s">
        <v>232687</v>
      </c>
    </row>
    <row r="69705" spans="1:10" x14ac:dyDescent="0.35">
      <c r="A69705" s="1" t="s">
        <v>28543</v>
      </c>
      <c r="B69705" s="1" t="s">
        <v>222693</v>
      </c>
      <c r="C69705" s="1" t="s">
        <v>45</v>
      </c>
      <c r="D69705" s="1" t="s">
        <v>232688</v>
      </c>
      <c r="E69705" s="1" t="s">
        <v>232689</v>
      </c>
      <c r="F69705" s="1" t="s">
        <v>232690</v>
      </c>
      <c r="G69705" s="1" t="s">
        <v>232665</v>
      </c>
      <c r="H69705" s="1" t="s">
        <v>232666</v>
      </c>
      <c r="I69705" s="1" t="s">
        <v>222698</v>
      </c>
      <c r="J69705" s="1" t="s">
        <v>232691</v>
      </c>
    </row>
    <row r="69706" spans="1:10" x14ac:dyDescent="0.35">
      <c r="A69706" s="1" t="s">
        <v>28543</v>
      </c>
      <c r="B69706" s="1" t="s">
        <v>222693</v>
      </c>
      <c r="C69706" s="1" t="s">
        <v>50</v>
      </c>
      <c r="D69706" s="1" t="s">
        <v>232692</v>
      </c>
      <c r="E69706" s="1" t="s">
        <v>232693</v>
      </c>
      <c r="F69706" s="1" t="s">
        <v>232694</v>
      </c>
      <c r="G69706" s="1" t="s">
        <v>232665</v>
      </c>
      <c r="H69706" s="1" t="s">
        <v>232666</v>
      </c>
      <c r="I69706" s="1" t="s">
        <v>222698</v>
      </c>
      <c r="J69706" s="1" t="s">
        <v>232695</v>
      </c>
    </row>
    <row r="69707" spans="1:10" x14ac:dyDescent="0.35">
      <c r="A69707" s="1" t="s">
        <v>28543</v>
      </c>
      <c r="B69707" s="1" t="s">
        <v>222693</v>
      </c>
      <c r="C69707" s="1" t="s">
        <v>55</v>
      </c>
      <c r="D69707" s="1" t="s">
        <v>100338</v>
      </c>
      <c r="E69707" s="1" t="s">
        <v>232696</v>
      </c>
      <c r="F69707" s="1" t="s">
        <v>232697</v>
      </c>
      <c r="G69707" s="1" t="s">
        <v>232665</v>
      </c>
      <c r="H69707" s="1" t="s">
        <v>232666</v>
      </c>
      <c r="I69707" s="1" t="s">
        <v>222698</v>
      </c>
      <c r="J69707" s="1" t="s">
        <v>232698</v>
      </c>
    </row>
    <row r="69708" spans="1:10" x14ac:dyDescent="0.35">
      <c r="A69708" s="1" t="s">
        <v>28543</v>
      </c>
      <c r="B69708" s="1" t="s">
        <v>222693</v>
      </c>
      <c r="C69708" s="1" t="s">
        <v>60</v>
      </c>
      <c r="D69708" s="1" t="s">
        <v>58389</v>
      </c>
      <c r="E69708" s="1" t="s">
        <v>232699</v>
      </c>
      <c r="F69708" s="1" t="s">
        <v>232700</v>
      </c>
      <c r="G69708" s="1" t="s">
        <v>232665</v>
      </c>
      <c r="H69708" s="1" t="s">
        <v>232666</v>
      </c>
      <c r="I69708" s="1" t="s">
        <v>222698</v>
      </c>
      <c r="J69708" s="1" t="s">
        <v>232701</v>
      </c>
    </row>
    <row r="69709" spans="1:10" x14ac:dyDescent="0.35">
      <c r="A69709" s="1" t="s">
        <v>28543</v>
      </c>
      <c r="B69709" s="1" t="s">
        <v>222693</v>
      </c>
      <c r="C69709" s="1" t="s">
        <v>65</v>
      </c>
      <c r="D69709" s="1" t="s">
        <v>232702</v>
      </c>
      <c r="E69709" s="1" t="s">
        <v>232703</v>
      </c>
      <c r="F69709" s="1" t="s">
        <v>232704</v>
      </c>
      <c r="G69709" s="1" t="s">
        <v>232665</v>
      </c>
      <c r="H69709" s="1" t="s">
        <v>232666</v>
      </c>
      <c r="I69709" s="1" t="s">
        <v>222698</v>
      </c>
      <c r="J69709" s="1" t="s">
        <v>232705</v>
      </c>
    </row>
    <row r="69710" spans="1:10" x14ac:dyDescent="0.35">
      <c r="A69710" s="1" t="s">
        <v>28543</v>
      </c>
      <c r="B69710" s="1" t="s">
        <v>222693</v>
      </c>
      <c r="C69710" s="1" t="s">
        <v>70</v>
      </c>
      <c r="D69710" s="1" t="s">
        <v>232706</v>
      </c>
      <c r="E69710" s="1" t="s">
        <v>232707</v>
      </c>
      <c r="F69710" s="1" t="s">
        <v>232708</v>
      </c>
      <c r="G69710" s="1" t="s">
        <v>232665</v>
      </c>
      <c r="H69710" s="1" t="s">
        <v>232666</v>
      </c>
      <c r="I69710" s="1" t="s">
        <v>222698</v>
      </c>
      <c r="J69710" s="1" t="s">
        <v>232709</v>
      </c>
    </row>
    <row r="69711" spans="1:10" x14ac:dyDescent="0.35">
      <c r="A69711" s="1" t="s">
        <v>28543</v>
      </c>
      <c r="B69711" s="1" t="s">
        <v>222693</v>
      </c>
      <c r="C69711" s="1" t="s">
        <v>75</v>
      </c>
      <c r="D69711" s="1" t="s">
        <v>232710</v>
      </c>
      <c r="E69711" s="1" t="s">
        <v>232711</v>
      </c>
      <c r="F69711" s="1" t="s">
        <v>232712</v>
      </c>
      <c r="G69711" s="1" t="s">
        <v>232665</v>
      </c>
      <c r="H69711" s="1" t="s">
        <v>232666</v>
      </c>
      <c r="I69711" s="1" t="s">
        <v>222698</v>
      </c>
      <c r="J69711" s="1" t="s">
        <v>232713</v>
      </c>
    </row>
    <row r="69712" spans="1:10" x14ac:dyDescent="0.35">
      <c r="A69712" s="1" t="s">
        <v>28543</v>
      </c>
      <c r="B69712" s="1" t="s">
        <v>222693</v>
      </c>
      <c r="C69712" s="1" t="s">
        <v>80</v>
      </c>
      <c r="D69712" s="1" t="s">
        <v>105825</v>
      </c>
      <c r="E69712" s="1" t="s">
        <v>232714</v>
      </c>
      <c r="F69712" s="1" t="s">
        <v>232715</v>
      </c>
      <c r="G69712" s="1" t="s">
        <v>232665</v>
      </c>
      <c r="H69712" s="1" t="s">
        <v>232666</v>
      </c>
      <c r="I69712" s="1" t="s">
        <v>222698</v>
      </c>
      <c r="J69712" s="1" t="s">
        <v>232716</v>
      </c>
    </row>
    <row r="69713" spans="1:10" x14ac:dyDescent="0.35">
      <c r="A69713" s="1" t="s">
        <v>28543</v>
      </c>
      <c r="B69713" s="1" t="s">
        <v>222693</v>
      </c>
      <c r="C69713" s="1" t="s">
        <v>85</v>
      </c>
      <c r="D69713" s="1" t="s">
        <v>76254</v>
      </c>
      <c r="E69713" s="1" t="s">
        <v>232717</v>
      </c>
      <c r="F69713" s="1" t="s">
        <v>232718</v>
      </c>
      <c r="G69713" s="1" t="s">
        <v>232665</v>
      </c>
      <c r="H69713" s="1" t="s">
        <v>232666</v>
      </c>
      <c r="I69713" s="1" t="s">
        <v>222698</v>
      </c>
      <c r="J69713" s="1" t="s">
        <v>232719</v>
      </c>
    </row>
    <row r="69714" spans="1:10" x14ac:dyDescent="0.35">
      <c r="A69714" s="1" t="s">
        <v>28543</v>
      </c>
      <c r="B69714" s="1" t="s">
        <v>222693</v>
      </c>
      <c r="C69714" s="1" t="s">
        <v>90</v>
      </c>
      <c r="D69714" s="1" t="s">
        <v>59215</v>
      </c>
      <c r="E69714" s="1" t="s">
        <v>232720</v>
      </c>
      <c r="F69714" s="1" t="s">
        <v>232721</v>
      </c>
      <c r="G69714" s="1" t="s">
        <v>232665</v>
      </c>
      <c r="H69714" s="1" t="s">
        <v>232666</v>
      </c>
      <c r="I69714" s="1" t="s">
        <v>222698</v>
      </c>
      <c r="J69714" s="1" t="s">
        <v>232722</v>
      </c>
    </row>
    <row r="69715" spans="1:10" x14ac:dyDescent="0.35">
      <c r="A69715" s="1" t="s">
        <v>28543</v>
      </c>
      <c r="B69715" s="1" t="s">
        <v>222693</v>
      </c>
      <c r="C69715" s="1" t="s">
        <v>95</v>
      </c>
      <c r="D69715" s="1" t="s">
        <v>232723</v>
      </c>
      <c r="E69715" s="1" t="s">
        <v>232724</v>
      </c>
      <c r="F69715" s="1" t="s">
        <v>232725</v>
      </c>
      <c r="G69715" s="1" t="s">
        <v>232665</v>
      </c>
      <c r="H69715" s="1" t="s">
        <v>232666</v>
      </c>
      <c r="I69715" s="1" t="s">
        <v>222698</v>
      </c>
      <c r="J69715" s="1" t="s">
        <v>232726</v>
      </c>
    </row>
    <row r="69716" spans="1:10" x14ac:dyDescent="0.35">
      <c r="A69716" s="1" t="s">
        <v>28543</v>
      </c>
      <c r="B69716" s="1" t="s">
        <v>222693</v>
      </c>
      <c r="C69716" s="1" t="s">
        <v>100</v>
      </c>
      <c r="D69716" s="1" t="s">
        <v>232727</v>
      </c>
      <c r="E69716" s="1" t="s">
        <v>232728</v>
      </c>
      <c r="F69716" s="1" t="s">
        <v>232729</v>
      </c>
      <c r="G69716" s="1" t="s">
        <v>232665</v>
      </c>
      <c r="H69716" s="1" t="s">
        <v>232666</v>
      </c>
      <c r="I69716" s="1" t="s">
        <v>222698</v>
      </c>
      <c r="J69716" s="1" t="s">
        <v>232730</v>
      </c>
    </row>
    <row r="69717" spans="1:10" x14ac:dyDescent="0.35">
      <c r="A69717" s="1" t="s">
        <v>28543</v>
      </c>
      <c r="B69717" s="1" t="s">
        <v>222693</v>
      </c>
      <c r="C69717" s="1" t="s">
        <v>105</v>
      </c>
      <c r="D69717" s="1" t="s">
        <v>232731</v>
      </c>
      <c r="E69717" s="1" t="s">
        <v>232732</v>
      </c>
      <c r="F69717" s="1" t="s">
        <v>232733</v>
      </c>
      <c r="G69717" s="1" t="s">
        <v>232665</v>
      </c>
      <c r="H69717" s="1" t="s">
        <v>232666</v>
      </c>
      <c r="I69717" s="1" t="s">
        <v>222698</v>
      </c>
      <c r="J69717" s="1" t="s">
        <v>232734</v>
      </c>
    </row>
    <row r="69718" spans="1:10" x14ac:dyDescent="0.35">
      <c r="A69718" s="1" t="s">
        <v>28543</v>
      </c>
      <c r="B69718" s="1" t="s">
        <v>222693</v>
      </c>
      <c r="C69718" s="1" t="s">
        <v>110</v>
      </c>
      <c r="D69718" s="1" t="s">
        <v>232735</v>
      </c>
      <c r="E69718" s="1" t="s">
        <v>232736</v>
      </c>
      <c r="F69718" s="1" t="s">
        <v>232737</v>
      </c>
      <c r="G69718" s="1" t="s">
        <v>232665</v>
      </c>
      <c r="H69718" s="1" t="s">
        <v>232666</v>
      </c>
      <c r="I69718" s="1" t="s">
        <v>222698</v>
      </c>
      <c r="J69718" s="1" t="s">
        <v>232738</v>
      </c>
    </row>
    <row r="69719" spans="1:10" x14ac:dyDescent="0.35">
      <c r="A69719" s="1" t="s">
        <v>28543</v>
      </c>
      <c r="B69719" s="1" t="s">
        <v>222693</v>
      </c>
      <c r="C69719" s="1" t="s">
        <v>115</v>
      </c>
      <c r="D69719" s="1" t="s">
        <v>232739</v>
      </c>
      <c r="E69719" s="1" t="s">
        <v>232740</v>
      </c>
      <c r="F69719" s="1" t="s">
        <v>232741</v>
      </c>
      <c r="G69719" s="1" t="s">
        <v>232665</v>
      </c>
      <c r="H69719" s="1" t="s">
        <v>232666</v>
      </c>
      <c r="I69719" s="1" t="s">
        <v>222698</v>
      </c>
      <c r="J69719" s="1" t="s">
        <v>232742</v>
      </c>
    </row>
    <row r="69720" spans="1:10" x14ac:dyDescent="0.35">
      <c r="A69720" s="1" t="s">
        <v>28543</v>
      </c>
      <c r="B69720" s="1" t="s">
        <v>222693</v>
      </c>
      <c r="C69720" s="1" t="s">
        <v>120</v>
      </c>
      <c r="D69720" s="1" t="s">
        <v>232743</v>
      </c>
      <c r="E69720" s="1" t="s">
        <v>232744</v>
      </c>
      <c r="F69720" s="1" t="s">
        <v>232745</v>
      </c>
      <c r="G69720" s="1" t="s">
        <v>232665</v>
      </c>
      <c r="H69720" s="1" t="s">
        <v>232666</v>
      </c>
      <c r="I69720" s="1" t="s">
        <v>222698</v>
      </c>
      <c r="J69720" s="1" t="s">
        <v>232746</v>
      </c>
    </row>
    <row r="69721" spans="1:10" x14ac:dyDescent="0.35">
      <c r="A69721" s="1" t="s">
        <v>28543</v>
      </c>
      <c r="B69721" s="1" t="s">
        <v>222693</v>
      </c>
      <c r="C69721" s="1" t="s">
        <v>125</v>
      </c>
      <c r="D69721" s="1" t="s">
        <v>232747</v>
      </c>
      <c r="E69721" s="1" t="s">
        <v>232748</v>
      </c>
      <c r="F69721" s="1" t="s">
        <v>232749</v>
      </c>
      <c r="G69721" s="1" t="s">
        <v>232665</v>
      </c>
      <c r="H69721" s="1" t="s">
        <v>232666</v>
      </c>
      <c r="I69721" s="1" t="s">
        <v>222698</v>
      </c>
      <c r="J69721" s="1" t="s">
        <v>232750</v>
      </c>
    </row>
    <row r="69722" spans="1:10" x14ac:dyDescent="0.35">
      <c r="A69722" s="1" t="s">
        <v>28543</v>
      </c>
      <c r="B69722" s="1" t="s">
        <v>222693</v>
      </c>
      <c r="C69722" s="1" t="s">
        <v>130</v>
      </c>
      <c r="D69722" s="1" t="s">
        <v>94869</v>
      </c>
      <c r="E69722" s="1" t="s">
        <v>232751</v>
      </c>
      <c r="F69722" s="1" t="s">
        <v>232752</v>
      </c>
      <c r="G69722" s="1" t="s">
        <v>232665</v>
      </c>
      <c r="H69722" s="1" t="s">
        <v>232666</v>
      </c>
      <c r="I69722" s="1" t="s">
        <v>222698</v>
      </c>
      <c r="J69722" s="1" t="s">
        <v>232753</v>
      </c>
    </row>
    <row r="69723" spans="1:10" x14ac:dyDescent="0.35">
      <c r="A69723" s="1" t="s">
        <v>28543</v>
      </c>
      <c r="B69723" s="1" t="s">
        <v>222693</v>
      </c>
      <c r="C69723" s="1" t="s">
        <v>135</v>
      </c>
      <c r="D69723" s="1" t="s">
        <v>232754</v>
      </c>
      <c r="E69723" s="1" t="s">
        <v>232755</v>
      </c>
      <c r="F69723" s="1" t="s">
        <v>232756</v>
      </c>
      <c r="G69723" s="1" t="s">
        <v>232665</v>
      </c>
      <c r="H69723" s="1" t="s">
        <v>232666</v>
      </c>
      <c r="I69723" s="1" t="s">
        <v>222698</v>
      </c>
      <c r="J69723" s="1" t="s">
        <v>232757</v>
      </c>
    </row>
    <row r="69724" spans="1:10" x14ac:dyDescent="0.35">
      <c r="A69724" s="1" t="s">
        <v>28543</v>
      </c>
      <c r="B69724" s="1" t="s">
        <v>222693</v>
      </c>
      <c r="C69724" s="1" t="s">
        <v>140</v>
      </c>
      <c r="D69724" s="1" t="s">
        <v>232758</v>
      </c>
      <c r="E69724" s="1" t="s">
        <v>232759</v>
      </c>
      <c r="F69724" s="1" t="s">
        <v>232760</v>
      </c>
      <c r="G69724" s="1" t="s">
        <v>232665</v>
      </c>
      <c r="H69724" s="1" t="s">
        <v>232666</v>
      </c>
      <c r="I69724" s="1" t="s">
        <v>222698</v>
      </c>
      <c r="J69724" s="1" t="s">
        <v>232761</v>
      </c>
    </row>
    <row r="69725" spans="1:10" x14ac:dyDescent="0.35">
      <c r="A69725" s="1" t="s">
        <v>28543</v>
      </c>
      <c r="B69725" s="1" t="s">
        <v>222693</v>
      </c>
      <c r="C69725" s="1" t="s">
        <v>145</v>
      </c>
      <c r="D69725" s="1" t="s">
        <v>232762</v>
      </c>
      <c r="E69725" s="1" t="s">
        <v>232763</v>
      </c>
      <c r="F69725" s="1" t="s">
        <v>232764</v>
      </c>
      <c r="G69725" s="1" t="s">
        <v>232665</v>
      </c>
      <c r="H69725" s="1" t="s">
        <v>232666</v>
      </c>
      <c r="I69725" s="1" t="s">
        <v>222698</v>
      </c>
      <c r="J69725" s="1" t="s">
        <v>232765</v>
      </c>
    </row>
    <row r="69726" spans="1:10" x14ac:dyDescent="0.35">
      <c r="A69726" s="1" t="s">
        <v>28543</v>
      </c>
      <c r="B69726" s="1" t="s">
        <v>222693</v>
      </c>
      <c r="C69726" s="1" t="s">
        <v>150</v>
      </c>
      <c r="D69726" s="1" t="s">
        <v>232766</v>
      </c>
      <c r="E69726" s="1" t="s">
        <v>232767</v>
      </c>
      <c r="F69726" s="1" t="s">
        <v>232768</v>
      </c>
      <c r="G69726" s="1" t="s">
        <v>232665</v>
      </c>
      <c r="H69726" s="1" t="s">
        <v>232666</v>
      </c>
      <c r="I69726" s="1" t="s">
        <v>222698</v>
      </c>
      <c r="J69726" s="1" t="s">
        <v>232769</v>
      </c>
    </row>
    <row r="69727" spans="1:10" x14ac:dyDescent="0.35">
      <c r="A69727" s="1" t="s">
        <v>28543</v>
      </c>
      <c r="B69727" s="1" t="s">
        <v>222693</v>
      </c>
      <c r="C69727" s="1" t="s">
        <v>155</v>
      </c>
      <c r="D69727" s="1" t="s">
        <v>232770</v>
      </c>
      <c r="E69727" s="1" t="s">
        <v>232771</v>
      </c>
      <c r="F69727" s="1" t="s">
        <v>232772</v>
      </c>
      <c r="G69727" s="1" t="s">
        <v>232665</v>
      </c>
      <c r="H69727" s="1" t="s">
        <v>232666</v>
      </c>
      <c r="I69727" s="1" t="s">
        <v>222698</v>
      </c>
      <c r="J69727" s="1" t="s">
        <v>232773</v>
      </c>
    </row>
    <row r="69728" spans="1:10" x14ac:dyDescent="0.35">
      <c r="A69728" s="1" t="s">
        <v>28543</v>
      </c>
      <c r="B69728" s="1" t="s">
        <v>222693</v>
      </c>
      <c r="C69728" s="1" t="s">
        <v>160</v>
      </c>
      <c r="D69728" s="1" t="s">
        <v>232774</v>
      </c>
      <c r="E69728" s="1" t="s">
        <v>232775</v>
      </c>
      <c r="F69728" s="1" t="s">
        <v>232776</v>
      </c>
      <c r="G69728" s="1" t="s">
        <v>232665</v>
      </c>
      <c r="H69728" s="1" t="s">
        <v>232666</v>
      </c>
      <c r="I69728" s="1" t="s">
        <v>222698</v>
      </c>
      <c r="J69728" s="1" t="s">
        <v>232777</v>
      </c>
    </row>
    <row r="69729" spans="1:10" x14ac:dyDescent="0.35">
      <c r="A69729" s="1" t="s">
        <v>28543</v>
      </c>
      <c r="B69729" s="1" t="s">
        <v>222693</v>
      </c>
      <c r="C69729" s="1" t="s">
        <v>165</v>
      </c>
      <c r="D69729" s="1" t="s">
        <v>225221</v>
      </c>
      <c r="E69729" s="1" t="s">
        <v>208418</v>
      </c>
      <c r="F69729" s="1" t="s">
        <v>232778</v>
      </c>
      <c r="G69729" s="1" t="s">
        <v>232665</v>
      </c>
      <c r="H69729" s="1" t="s">
        <v>232666</v>
      </c>
      <c r="I69729" s="1" t="s">
        <v>222698</v>
      </c>
      <c r="J69729" s="1" t="s">
        <v>232779</v>
      </c>
    </row>
    <row r="69730" spans="1:10" x14ac:dyDescent="0.35">
      <c r="A69730" s="1" t="s">
        <v>28543</v>
      </c>
      <c r="B69730" s="1" t="s">
        <v>222693</v>
      </c>
      <c r="C69730" s="1" t="s">
        <v>170</v>
      </c>
      <c r="D69730" s="1" t="s">
        <v>232780</v>
      </c>
      <c r="E69730" s="1" t="s">
        <v>232781</v>
      </c>
      <c r="F69730" s="1" t="s">
        <v>232782</v>
      </c>
      <c r="G69730" s="1" t="s">
        <v>232665</v>
      </c>
      <c r="H69730" s="1" t="s">
        <v>232666</v>
      </c>
      <c r="I69730" s="1" t="s">
        <v>222698</v>
      </c>
      <c r="J69730" s="1" t="s">
        <v>232783</v>
      </c>
    </row>
    <row r="69731" spans="1:10" x14ac:dyDescent="0.35">
      <c r="A69731" s="1" t="s">
        <v>35153</v>
      </c>
      <c r="B69731" s="1" t="s">
        <v>222693</v>
      </c>
      <c r="C69731" s="1" t="s">
        <v>8</v>
      </c>
      <c r="D69731" s="1" t="s">
        <v>53358</v>
      </c>
      <c r="E69731" s="1" t="s">
        <v>213193</v>
      </c>
      <c r="F69731" s="1" t="s">
        <v>232784</v>
      </c>
      <c r="G69731" s="1" t="s">
        <v>232785</v>
      </c>
      <c r="H69731" s="1" t="s">
        <v>232786</v>
      </c>
      <c r="I69731" s="1" t="s">
        <v>222698</v>
      </c>
      <c r="J69731" s="1" t="s">
        <v>13</v>
      </c>
    </row>
    <row r="69732" spans="1:10" x14ac:dyDescent="0.35">
      <c r="A69732" s="1" t="s">
        <v>35153</v>
      </c>
      <c r="B69732" s="1" t="s">
        <v>222693</v>
      </c>
      <c r="C69732" s="1" t="s">
        <v>15</v>
      </c>
      <c r="D69732" s="1" t="s">
        <v>59318</v>
      </c>
      <c r="E69732" s="1" t="s">
        <v>232787</v>
      </c>
      <c r="F69732" s="1" t="s">
        <v>232788</v>
      </c>
      <c r="G69732" s="1" t="s">
        <v>232785</v>
      </c>
      <c r="H69732" s="1" t="s">
        <v>232786</v>
      </c>
      <c r="I69732" s="1" t="s">
        <v>222698</v>
      </c>
      <c r="J69732" s="1" t="s">
        <v>232789</v>
      </c>
    </row>
    <row r="69733" spans="1:10" x14ac:dyDescent="0.35">
      <c r="A69733" s="1" t="s">
        <v>35153</v>
      </c>
      <c r="B69733" s="1" t="s">
        <v>222693</v>
      </c>
      <c r="C69733" s="1" t="s">
        <v>20</v>
      </c>
      <c r="D69733" s="1" t="s">
        <v>91908</v>
      </c>
      <c r="E69733" s="1" t="s">
        <v>232790</v>
      </c>
      <c r="F69733" s="1" t="s">
        <v>232791</v>
      </c>
      <c r="G69733" s="1" t="s">
        <v>232785</v>
      </c>
      <c r="H69733" s="1" t="s">
        <v>232786</v>
      </c>
      <c r="I69733" s="1" t="s">
        <v>222698</v>
      </c>
      <c r="J69733" s="1" t="s">
        <v>232792</v>
      </c>
    </row>
    <row r="69734" spans="1:10" x14ac:dyDescent="0.35">
      <c r="A69734" s="1" t="s">
        <v>35153</v>
      </c>
      <c r="B69734" s="1" t="s">
        <v>222693</v>
      </c>
      <c r="C69734" s="1" t="s">
        <v>25</v>
      </c>
      <c r="D69734" s="1" t="s">
        <v>232793</v>
      </c>
      <c r="E69734" s="1" t="s">
        <v>232794</v>
      </c>
      <c r="F69734" s="1" t="s">
        <v>232795</v>
      </c>
      <c r="G69734" s="1" t="s">
        <v>232785</v>
      </c>
      <c r="H69734" s="1" t="s">
        <v>232786</v>
      </c>
      <c r="I69734" s="1" t="s">
        <v>222698</v>
      </c>
      <c r="J69734" s="1" t="s">
        <v>232796</v>
      </c>
    </row>
    <row r="69735" spans="1:10" x14ac:dyDescent="0.35">
      <c r="A69735" s="1" t="s">
        <v>35153</v>
      </c>
      <c r="B69735" s="1" t="s">
        <v>222693</v>
      </c>
      <c r="C69735" s="1" t="s">
        <v>30</v>
      </c>
      <c r="D69735" s="1" t="s">
        <v>130307</v>
      </c>
      <c r="E69735" s="1" t="s">
        <v>232797</v>
      </c>
      <c r="F69735" s="1" t="s">
        <v>232798</v>
      </c>
      <c r="G69735" s="1" t="s">
        <v>232785</v>
      </c>
      <c r="H69735" s="1" t="s">
        <v>232786</v>
      </c>
      <c r="I69735" s="1" t="s">
        <v>222698</v>
      </c>
      <c r="J69735" s="1" t="s">
        <v>232799</v>
      </c>
    </row>
    <row r="69736" spans="1:10" x14ac:dyDescent="0.35">
      <c r="A69736" s="1" t="s">
        <v>35153</v>
      </c>
      <c r="B69736" s="1" t="s">
        <v>222693</v>
      </c>
      <c r="C69736" s="1" t="s">
        <v>35</v>
      </c>
      <c r="D69736" s="1" t="s">
        <v>69082</v>
      </c>
      <c r="E69736" s="1" t="s">
        <v>232800</v>
      </c>
      <c r="F69736" s="1" t="s">
        <v>232801</v>
      </c>
      <c r="G69736" s="1" t="s">
        <v>232785</v>
      </c>
      <c r="H69736" s="1" t="s">
        <v>232786</v>
      </c>
      <c r="I69736" s="1" t="s">
        <v>222698</v>
      </c>
      <c r="J69736" s="1" t="s">
        <v>232802</v>
      </c>
    </row>
    <row r="69737" spans="1:10" x14ac:dyDescent="0.35">
      <c r="A69737" s="1" t="s">
        <v>35153</v>
      </c>
      <c r="B69737" s="1" t="s">
        <v>222693</v>
      </c>
      <c r="C69737" s="1" t="s">
        <v>40</v>
      </c>
      <c r="D69737" s="1" t="s">
        <v>232803</v>
      </c>
      <c r="E69737" s="1" t="s">
        <v>232804</v>
      </c>
      <c r="F69737" s="1" t="s">
        <v>232805</v>
      </c>
      <c r="G69737" s="1" t="s">
        <v>232785</v>
      </c>
      <c r="H69737" s="1" t="s">
        <v>232786</v>
      </c>
      <c r="I69737" s="1" t="s">
        <v>222698</v>
      </c>
      <c r="J69737" s="1" t="s">
        <v>232806</v>
      </c>
    </row>
    <row r="69738" spans="1:10" x14ac:dyDescent="0.35">
      <c r="A69738" s="1" t="s">
        <v>35153</v>
      </c>
      <c r="B69738" s="1" t="s">
        <v>222693</v>
      </c>
      <c r="C69738" s="1" t="s">
        <v>45</v>
      </c>
      <c r="D69738" s="1" t="s">
        <v>232807</v>
      </c>
      <c r="E69738" s="1" t="s">
        <v>232808</v>
      </c>
      <c r="F69738" s="1" t="s">
        <v>232809</v>
      </c>
      <c r="G69738" s="1" t="s">
        <v>232785</v>
      </c>
      <c r="H69738" s="1" t="s">
        <v>232786</v>
      </c>
      <c r="I69738" s="1" t="s">
        <v>222698</v>
      </c>
      <c r="J69738" s="1" t="s">
        <v>232810</v>
      </c>
    </row>
    <row r="69739" spans="1:10" x14ac:dyDescent="0.35">
      <c r="A69739" s="1" t="s">
        <v>35153</v>
      </c>
      <c r="B69739" s="1" t="s">
        <v>222693</v>
      </c>
      <c r="C69739" s="1" t="s">
        <v>50</v>
      </c>
      <c r="D69739" s="1" t="s">
        <v>58369</v>
      </c>
      <c r="E69739" s="1" t="s">
        <v>232811</v>
      </c>
      <c r="F69739" s="1" t="s">
        <v>232812</v>
      </c>
      <c r="G69739" s="1" t="s">
        <v>232785</v>
      </c>
      <c r="H69739" s="1" t="s">
        <v>232786</v>
      </c>
      <c r="I69739" s="1" t="s">
        <v>222698</v>
      </c>
      <c r="J69739" s="1" t="s">
        <v>232813</v>
      </c>
    </row>
    <row r="69740" spans="1:10" x14ac:dyDescent="0.35">
      <c r="A69740" s="1" t="s">
        <v>35153</v>
      </c>
      <c r="B69740" s="1" t="s">
        <v>222693</v>
      </c>
      <c r="C69740" s="1" t="s">
        <v>55</v>
      </c>
      <c r="D69740" s="1" t="s">
        <v>128775</v>
      </c>
      <c r="E69740" s="1" t="s">
        <v>232814</v>
      </c>
      <c r="F69740" s="1" t="s">
        <v>232815</v>
      </c>
      <c r="G69740" s="1" t="s">
        <v>232785</v>
      </c>
      <c r="H69740" s="1" t="s">
        <v>232786</v>
      </c>
      <c r="I69740" s="1" t="s">
        <v>222698</v>
      </c>
      <c r="J69740" s="1" t="s">
        <v>232816</v>
      </c>
    </row>
    <row r="69741" spans="1:10" x14ac:dyDescent="0.35">
      <c r="A69741" s="1" t="s">
        <v>35153</v>
      </c>
      <c r="B69741" s="1" t="s">
        <v>222693</v>
      </c>
      <c r="C69741" s="1" t="s">
        <v>60</v>
      </c>
      <c r="D69741" s="1" t="s">
        <v>232817</v>
      </c>
      <c r="E69741" s="1" t="s">
        <v>232818</v>
      </c>
      <c r="F69741" s="1" t="s">
        <v>232819</v>
      </c>
      <c r="G69741" s="1" t="s">
        <v>232785</v>
      </c>
      <c r="H69741" s="1" t="s">
        <v>232786</v>
      </c>
      <c r="I69741" s="1" t="s">
        <v>222698</v>
      </c>
      <c r="J69741" s="1" t="s">
        <v>232820</v>
      </c>
    </row>
    <row r="69742" spans="1:10" x14ac:dyDescent="0.35">
      <c r="A69742" s="1" t="s">
        <v>35153</v>
      </c>
      <c r="B69742" s="1" t="s">
        <v>222693</v>
      </c>
      <c r="C69742" s="1" t="s">
        <v>65</v>
      </c>
      <c r="D69742" s="1" t="s">
        <v>232821</v>
      </c>
      <c r="E69742" s="1" t="s">
        <v>232822</v>
      </c>
      <c r="F69742" s="1" t="s">
        <v>232823</v>
      </c>
      <c r="G69742" s="1" t="s">
        <v>232785</v>
      </c>
      <c r="H69742" s="1" t="s">
        <v>232786</v>
      </c>
      <c r="I69742" s="1" t="s">
        <v>222698</v>
      </c>
      <c r="J69742" s="1" t="s">
        <v>232824</v>
      </c>
    </row>
    <row r="69743" spans="1:10" x14ac:dyDescent="0.35">
      <c r="A69743" s="1" t="s">
        <v>35153</v>
      </c>
      <c r="B69743" s="1" t="s">
        <v>222693</v>
      </c>
      <c r="C69743" s="1" t="s">
        <v>70</v>
      </c>
      <c r="D69743" s="1" t="s">
        <v>232825</v>
      </c>
      <c r="E69743" s="1" t="s">
        <v>232826</v>
      </c>
      <c r="F69743" s="1" t="s">
        <v>232827</v>
      </c>
      <c r="G69743" s="1" t="s">
        <v>232785</v>
      </c>
      <c r="H69743" s="1" t="s">
        <v>232786</v>
      </c>
      <c r="I69743" s="1" t="s">
        <v>222698</v>
      </c>
      <c r="J69743" s="1" t="s">
        <v>232828</v>
      </c>
    </row>
    <row r="69744" spans="1:10" x14ac:dyDescent="0.35">
      <c r="A69744" s="1" t="s">
        <v>35153</v>
      </c>
      <c r="B69744" s="1" t="s">
        <v>222693</v>
      </c>
      <c r="C69744" s="1" t="s">
        <v>75</v>
      </c>
      <c r="D69744" s="1" t="s">
        <v>67231</v>
      </c>
      <c r="E69744" s="1" t="s">
        <v>232829</v>
      </c>
      <c r="F69744" s="1" t="s">
        <v>232830</v>
      </c>
      <c r="G69744" s="1" t="s">
        <v>232785</v>
      </c>
      <c r="H69744" s="1" t="s">
        <v>232786</v>
      </c>
      <c r="I69744" s="1" t="s">
        <v>222698</v>
      </c>
      <c r="J69744" s="1" t="s">
        <v>232831</v>
      </c>
    </row>
    <row r="69745" spans="1:10" x14ac:dyDescent="0.35">
      <c r="A69745" s="1" t="s">
        <v>35153</v>
      </c>
      <c r="B69745" s="1" t="s">
        <v>222693</v>
      </c>
      <c r="C69745" s="1" t="s">
        <v>80</v>
      </c>
      <c r="D69745" s="1" t="s">
        <v>230585</v>
      </c>
      <c r="E69745" s="1" t="s">
        <v>232832</v>
      </c>
      <c r="F69745" s="1" t="s">
        <v>232833</v>
      </c>
      <c r="G69745" s="1" t="s">
        <v>232785</v>
      </c>
      <c r="H69745" s="1" t="s">
        <v>232786</v>
      </c>
      <c r="I69745" s="1" t="s">
        <v>222698</v>
      </c>
      <c r="J69745" s="1" t="s">
        <v>232834</v>
      </c>
    </row>
    <row r="69746" spans="1:10" x14ac:dyDescent="0.35">
      <c r="A69746" s="1" t="s">
        <v>35153</v>
      </c>
      <c r="B69746" s="1" t="s">
        <v>222693</v>
      </c>
      <c r="C69746" s="1" t="s">
        <v>85</v>
      </c>
      <c r="D69746" s="1" t="s">
        <v>91446</v>
      </c>
      <c r="E69746" s="1" t="s">
        <v>232835</v>
      </c>
      <c r="F69746" s="1" t="s">
        <v>232836</v>
      </c>
      <c r="G69746" s="1" t="s">
        <v>232785</v>
      </c>
      <c r="H69746" s="1" t="s">
        <v>232786</v>
      </c>
      <c r="I69746" s="1" t="s">
        <v>222698</v>
      </c>
      <c r="J69746" s="1" t="s">
        <v>232837</v>
      </c>
    </row>
    <row r="69747" spans="1:10" x14ac:dyDescent="0.35">
      <c r="A69747" s="1" t="s">
        <v>35153</v>
      </c>
      <c r="B69747" s="1" t="s">
        <v>222693</v>
      </c>
      <c r="C69747" s="1" t="s">
        <v>90</v>
      </c>
      <c r="D69747" s="1" t="s">
        <v>232838</v>
      </c>
      <c r="E69747" s="1" t="s">
        <v>232839</v>
      </c>
      <c r="F69747" s="1" t="s">
        <v>232840</v>
      </c>
      <c r="G69747" s="1" t="s">
        <v>232785</v>
      </c>
      <c r="H69747" s="1" t="s">
        <v>232786</v>
      </c>
      <c r="I69747" s="1" t="s">
        <v>222698</v>
      </c>
      <c r="J69747" s="1" t="s">
        <v>232841</v>
      </c>
    </row>
    <row r="69748" spans="1:10" x14ac:dyDescent="0.35">
      <c r="A69748" s="1" t="s">
        <v>35153</v>
      </c>
      <c r="B69748" s="1" t="s">
        <v>222693</v>
      </c>
      <c r="C69748" s="1" t="s">
        <v>95</v>
      </c>
      <c r="D69748" s="1" t="s">
        <v>232842</v>
      </c>
      <c r="E69748" s="1" t="s">
        <v>232843</v>
      </c>
      <c r="F69748" s="1" t="s">
        <v>232844</v>
      </c>
      <c r="G69748" s="1" t="s">
        <v>232785</v>
      </c>
      <c r="H69748" s="1" t="s">
        <v>232786</v>
      </c>
      <c r="I69748" s="1" t="s">
        <v>222698</v>
      </c>
      <c r="J69748" s="1" t="s">
        <v>232845</v>
      </c>
    </row>
    <row r="69749" spans="1:10" x14ac:dyDescent="0.35">
      <c r="A69749" s="1" t="s">
        <v>35153</v>
      </c>
      <c r="B69749" s="1" t="s">
        <v>222693</v>
      </c>
      <c r="C69749" s="1" t="s">
        <v>100</v>
      </c>
      <c r="D69749" s="1" t="s">
        <v>232846</v>
      </c>
      <c r="E69749" s="1" t="s">
        <v>232847</v>
      </c>
      <c r="F69749" s="1" t="s">
        <v>232848</v>
      </c>
      <c r="G69749" s="1" t="s">
        <v>232785</v>
      </c>
      <c r="H69749" s="1" t="s">
        <v>232786</v>
      </c>
      <c r="I69749" s="1" t="s">
        <v>222698</v>
      </c>
      <c r="J69749" s="1" t="s">
        <v>232849</v>
      </c>
    </row>
    <row r="69750" spans="1:10" x14ac:dyDescent="0.35">
      <c r="A69750" s="1" t="s">
        <v>35153</v>
      </c>
      <c r="B69750" s="1" t="s">
        <v>222693</v>
      </c>
      <c r="C69750" s="1" t="s">
        <v>105</v>
      </c>
      <c r="D69750" s="1" t="s">
        <v>232850</v>
      </c>
      <c r="E69750" s="1" t="s">
        <v>232851</v>
      </c>
      <c r="F69750" s="1" t="s">
        <v>232852</v>
      </c>
      <c r="G69750" s="1" t="s">
        <v>232785</v>
      </c>
      <c r="H69750" s="1" t="s">
        <v>232786</v>
      </c>
      <c r="I69750" s="1" t="s">
        <v>222698</v>
      </c>
      <c r="J69750" s="1" t="s">
        <v>232853</v>
      </c>
    </row>
    <row r="69751" spans="1:10" x14ac:dyDescent="0.35">
      <c r="A69751" s="1" t="s">
        <v>35153</v>
      </c>
      <c r="B69751" s="1" t="s">
        <v>222693</v>
      </c>
      <c r="C69751" s="1" t="s">
        <v>110</v>
      </c>
      <c r="D69751" s="1" t="s">
        <v>232854</v>
      </c>
      <c r="E69751" s="1" t="s">
        <v>232855</v>
      </c>
      <c r="F69751" s="1" t="s">
        <v>232856</v>
      </c>
      <c r="G69751" s="1" t="s">
        <v>232785</v>
      </c>
      <c r="H69751" s="1" t="s">
        <v>232786</v>
      </c>
      <c r="I69751" s="1" t="s">
        <v>222698</v>
      </c>
      <c r="J69751" s="1" t="s">
        <v>232857</v>
      </c>
    </row>
    <row r="69752" spans="1:10" x14ac:dyDescent="0.35">
      <c r="A69752" s="1" t="s">
        <v>35153</v>
      </c>
      <c r="B69752" s="1" t="s">
        <v>222693</v>
      </c>
      <c r="C69752" s="1" t="s">
        <v>115</v>
      </c>
      <c r="D69752" s="1" t="s">
        <v>232858</v>
      </c>
      <c r="E69752" s="1" t="s">
        <v>232859</v>
      </c>
      <c r="F69752" s="1" t="s">
        <v>232860</v>
      </c>
      <c r="G69752" s="1" t="s">
        <v>232785</v>
      </c>
      <c r="H69752" s="1" t="s">
        <v>232786</v>
      </c>
      <c r="I69752" s="1" t="s">
        <v>222698</v>
      </c>
      <c r="J69752" s="1" t="s">
        <v>232861</v>
      </c>
    </row>
    <row r="69753" spans="1:10" x14ac:dyDescent="0.35">
      <c r="A69753" s="1" t="s">
        <v>35153</v>
      </c>
      <c r="B69753" s="1" t="s">
        <v>222693</v>
      </c>
      <c r="C69753" s="1" t="s">
        <v>120</v>
      </c>
      <c r="D69753" s="1" t="s">
        <v>232862</v>
      </c>
      <c r="E69753" s="1" t="s">
        <v>232863</v>
      </c>
      <c r="F69753" s="1" t="s">
        <v>232864</v>
      </c>
      <c r="G69753" s="1" t="s">
        <v>232785</v>
      </c>
      <c r="H69753" s="1" t="s">
        <v>232786</v>
      </c>
      <c r="I69753" s="1" t="s">
        <v>222698</v>
      </c>
      <c r="J69753" s="1" t="s">
        <v>232865</v>
      </c>
    </row>
    <row r="69754" spans="1:10" x14ac:dyDescent="0.35">
      <c r="A69754" s="1" t="s">
        <v>35153</v>
      </c>
      <c r="B69754" s="1" t="s">
        <v>222693</v>
      </c>
      <c r="C69754" s="1" t="s">
        <v>125</v>
      </c>
      <c r="D69754" s="1" t="s">
        <v>232866</v>
      </c>
      <c r="E69754" s="1" t="s">
        <v>232867</v>
      </c>
      <c r="F69754" s="1" t="s">
        <v>232868</v>
      </c>
      <c r="G69754" s="1" t="s">
        <v>232785</v>
      </c>
      <c r="H69754" s="1" t="s">
        <v>232786</v>
      </c>
      <c r="I69754" s="1" t="s">
        <v>222698</v>
      </c>
      <c r="J69754" s="1" t="s">
        <v>232869</v>
      </c>
    </row>
    <row r="69755" spans="1:10" x14ac:dyDescent="0.35">
      <c r="A69755" s="1" t="s">
        <v>35153</v>
      </c>
      <c r="B69755" s="1" t="s">
        <v>222693</v>
      </c>
      <c r="C69755" s="1" t="s">
        <v>130</v>
      </c>
      <c r="D69755" s="1" t="s">
        <v>61225</v>
      </c>
      <c r="E69755" s="1" t="s">
        <v>232870</v>
      </c>
      <c r="F69755" s="1" t="s">
        <v>232871</v>
      </c>
      <c r="G69755" s="1" t="s">
        <v>232785</v>
      </c>
      <c r="H69755" s="1" t="s">
        <v>232786</v>
      </c>
      <c r="I69755" s="1" t="s">
        <v>222698</v>
      </c>
      <c r="J69755" s="1" t="s">
        <v>232872</v>
      </c>
    </row>
    <row r="69756" spans="1:10" x14ac:dyDescent="0.35">
      <c r="A69756" s="1" t="s">
        <v>35153</v>
      </c>
      <c r="B69756" s="1" t="s">
        <v>222693</v>
      </c>
      <c r="C69756" s="1" t="s">
        <v>135</v>
      </c>
      <c r="D69756" s="1" t="s">
        <v>69855</v>
      </c>
      <c r="E69756" s="1" t="s">
        <v>232873</v>
      </c>
      <c r="F69756" s="1" t="s">
        <v>232874</v>
      </c>
      <c r="G69756" s="1" t="s">
        <v>232785</v>
      </c>
      <c r="H69756" s="1" t="s">
        <v>232786</v>
      </c>
      <c r="I69756" s="1" t="s">
        <v>222698</v>
      </c>
      <c r="J69756" s="1" t="s">
        <v>232875</v>
      </c>
    </row>
    <row r="69757" spans="1:10" x14ac:dyDescent="0.35">
      <c r="A69757" s="1" t="s">
        <v>35153</v>
      </c>
      <c r="B69757" s="1" t="s">
        <v>222693</v>
      </c>
      <c r="C69757" s="1" t="s">
        <v>140</v>
      </c>
      <c r="D69757" s="1" t="s">
        <v>232876</v>
      </c>
      <c r="E69757" s="1" t="s">
        <v>232877</v>
      </c>
      <c r="F69757" s="1" t="s">
        <v>232878</v>
      </c>
      <c r="G69757" s="1" t="s">
        <v>232785</v>
      </c>
      <c r="H69757" s="1" t="s">
        <v>232786</v>
      </c>
      <c r="I69757" s="1" t="s">
        <v>222698</v>
      </c>
      <c r="J69757" s="1" t="s">
        <v>232879</v>
      </c>
    </row>
    <row r="69758" spans="1:10" x14ac:dyDescent="0.35">
      <c r="A69758" s="1" t="s">
        <v>35153</v>
      </c>
      <c r="B69758" s="1" t="s">
        <v>222693</v>
      </c>
      <c r="C69758" s="1" t="s">
        <v>145</v>
      </c>
      <c r="D69758" s="1" t="s">
        <v>232880</v>
      </c>
      <c r="E69758" s="1" t="s">
        <v>232881</v>
      </c>
      <c r="F69758" s="1" t="s">
        <v>232882</v>
      </c>
      <c r="G69758" s="1" t="s">
        <v>232785</v>
      </c>
      <c r="H69758" s="1" t="s">
        <v>232786</v>
      </c>
      <c r="I69758" s="1" t="s">
        <v>222698</v>
      </c>
      <c r="J69758" s="1" t="s">
        <v>232883</v>
      </c>
    </row>
    <row r="69759" spans="1:10" x14ac:dyDescent="0.35">
      <c r="A69759" s="1" t="s">
        <v>35153</v>
      </c>
      <c r="B69759" s="1" t="s">
        <v>222693</v>
      </c>
      <c r="C69759" s="1" t="s">
        <v>150</v>
      </c>
      <c r="D69759" s="1" t="s">
        <v>232884</v>
      </c>
      <c r="E69759" s="1" t="s">
        <v>232885</v>
      </c>
      <c r="F69759" s="1" t="s">
        <v>232886</v>
      </c>
      <c r="G69759" s="1" t="s">
        <v>232785</v>
      </c>
      <c r="H69759" s="1" t="s">
        <v>232786</v>
      </c>
      <c r="I69759" s="1" t="s">
        <v>222698</v>
      </c>
      <c r="J69759" s="1" t="s">
        <v>232887</v>
      </c>
    </row>
    <row r="69760" spans="1:10" x14ac:dyDescent="0.35">
      <c r="A69760" s="1" t="s">
        <v>35153</v>
      </c>
      <c r="B69760" s="1" t="s">
        <v>222693</v>
      </c>
      <c r="C69760" s="1" t="s">
        <v>155</v>
      </c>
      <c r="D69760" s="1" t="s">
        <v>232888</v>
      </c>
      <c r="E69760" s="1" t="s">
        <v>232889</v>
      </c>
      <c r="F69760" s="1" t="s">
        <v>232890</v>
      </c>
      <c r="G69760" s="1" t="s">
        <v>232785</v>
      </c>
      <c r="H69760" s="1" t="s">
        <v>232786</v>
      </c>
      <c r="I69760" s="1" t="s">
        <v>222698</v>
      </c>
      <c r="J69760" s="1" t="s">
        <v>232891</v>
      </c>
    </row>
    <row r="69761" spans="1:10" x14ac:dyDescent="0.35">
      <c r="A69761" s="1" t="s">
        <v>35153</v>
      </c>
      <c r="B69761" s="1" t="s">
        <v>222693</v>
      </c>
      <c r="C69761" s="1" t="s">
        <v>160</v>
      </c>
      <c r="D69761" s="1" t="s">
        <v>232892</v>
      </c>
      <c r="E69761" s="1" t="s">
        <v>232893</v>
      </c>
      <c r="F69761" s="1" t="s">
        <v>232894</v>
      </c>
      <c r="G69761" s="1" t="s">
        <v>232785</v>
      </c>
      <c r="H69761" s="1" t="s">
        <v>232786</v>
      </c>
      <c r="I69761" s="1" t="s">
        <v>222698</v>
      </c>
      <c r="J69761" s="1" t="s">
        <v>232895</v>
      </c>
    </row>
    <row r="69762" spans="1:10" x14ac:dyDescent="0.35">
      <c r="A69762" s="1" t="s">
        <v>35153</v>
      </c>
      <c r="B69762" s="1" t="s">
        <v>222693</v>
      </c>
      <c r="C69762" s="1" t="s">
        <v>165</v>
      </c>
      <c r="D69762" s="1" t="s">
        <v>54017</v>
      </c>
      <c r="E69762" s="1" t="s">
        <v>232896</v>
      </c>
      <c r="F69762" s="1" t="s">
        <v>232897</v>
      </c>
      <c r="G69762" s="1" t="s">
        <v>232785</v>
      </c>
      <c r="H69762" s="1" t="s">
        <v>232786</v>
      </c>
      <c r="I69762" s="1" t="s">
        <v>222698</v>
      </c>
      <c r="J69762" s="1" t="s">
        <v>232898</v>
      </c>
    </row>
    <row r="69763" spans="1:10" x14ac:dyDescent="0.35">
      <c r="A69763" s="1" t="s">
        <v>35153</v>
      </c>
      <c r="B69763" s="1" t="s">
        <v>222693</v>
      </c>
      <c r="C69763" s="1" t="s">
        <v>170</v>
      </c>
      <c r="D69763" s="1" t="s">
        <v>232899</v>
      </c>
      <c r="E69763" s="1" t="s">
        <v>232900</v>
      </c>
      <c r="F69763" s="1" t="s">
        <v>232901</v>
      </c>
      <c r="G69763" s="1" t="s">
        <v>232785</v>
      </c>
      <c r="H69763" s="1" t="s">
        <v>232786</v>
      </c>
      <c r="I69763" s="1" t="s">
        <v>222698</v>
      </c>
      <c r="J69763" s="1" t="s">
        <v>232902</v>
      </c>
    </row>
    <row r="69764" spans="1:10" x14ac:dyDescent="0.35">
      <c r="A69764" s="1" t="s">
        <v>122015</v>
      </c>
      <c r="B69764" s="1" t="s">
        <v>222693</v>
      </c>
      <c r="C69764" s="1" t="s">
        <v>8</v>
      </c>
      <c r="D69764" s="1" t="s">
        <v>93999</v>
      </c>
      <c r="E69764" s="1" t="s">
        <v>232903</v>
      </c>
      <c r="F69764" s="1" t="s">
        <v>232904</v>
      </c>
      <c r="G69764" s="1" t="s">
        <v>232905</v>
      </c>
      <c r="H69764" s="1" t="s">
        <v>232906</v>
      </c>
      <c r="I69764" s="1" t="s">
        <v>222698</v>
      </c>
      <c r="J69764" s="1" t="s">
        <v>13</v>
      </c>
    </row>
    <row r="69765" spans="1:10" x14ac:dyDescent="0.35">
      <c r="A69765" s="1" t="s">
        <v>122015</v>
      </c>
      <c r="B69765" s="1" t="s">
        <v>222693</v>
      </c>
      <c r="C69765" s="1" t="s">
        <v>15</v>
      </c>
      <c r="D69765" s="1" t="s">
        <v>89812</v>
      </c>
      <c r="E69765" s="1" t="s">
        <v>232907</v>
      </c>
      <c r="F69765" s="1" t="s">
        <v>232908</v>
      </c>
      <c r="G69765" s="1" t="s">
        <v>232905</v>
      </c>
      <c r="H69765" s="1" t="s">
        <v>232906</v>
      </c>
      <c r="I69765" s="1" t="s">
        <v>222698</v>
      </c>
      <c r="J69765" s="1" t="s">
        <v>232909</v>
      </c>
    </row>
    <row r="69766" spans="1:10" x14ac:dyDescent="0.35">
      <c r="A69766" s="1" t="s">
        <v>122015</v>
      </c>
      <c r="B69766" s="1" t="s">
        <v>222693</v>
      </c>
      <c r="C69766" s="1" t="s">
        <v>20</v>
      </c>
      <c r="D69766" s="1" t="s">
        <v>108895</v>
      </c>
      <c r="E69766" s="1" t="s">
        <v>232910</v>
      </c>
      <c r="F69766" s="1" t="s">
        <v>232911</v>
      </c>
      <c r="G69766" s="1" t="s">
        <v>232905</v>
      </c>
      <c r="H69766" s="1" t="s">
        <v>232906</v>
      </c>
      <c r="I69766" s="1" t="s">
        <v>222698</v>
      </c>
      <c r="J69766" s="1" t="s">
        <v>232912</v>
      </c>
    </row>
    <row r="69767" spans="1:10" x14ac:dyDescent="0.35">
      <c r="A69767" s="1" t="s">
        <v>122015</v>
      </c>
      <c r="B69767" s="1" t="s">
        <v>222693</v>
      </c>
      <c r="C69767" s="1" t="s">
        <v>25</v>
      </c>
      <c r="D69767" s="1" t="s">
        <v>94246</v>
      </c>
      <c r="E69767" s="1" t="s">
        <v>232913</v>
      </c>
      <c r="F69767" s="1" t="s">
        <v>232914</v>
      </c>
      <c r="G69767" s="1" t="s">
        <v>232905</v>
      </c>
      <c r="H69767" s="1" t="s">
        <v>232906</v>
      </c>
      <c r="I69767" s="1" t="s">
        <v>222698</v>
      </c>
      <c r="J69767" s="1" t="s">
        <v>232915</v>
      </c>
    </row>
    <row r="69768" spans="1:10" x14ac:dyDescent="0.35">
      <c r="A69768" s="1" t="s">
        <v>122015</v>
      </c>
      <c r="B69768" s="1" t="s">
        <v>222693</v>
      </c>
      <c r="C69768" s="1" t="s">
        <v>30</v>
      </c>
      <c r="D69768" s="1" t="s">
        <v>81611</v>
      </c>
      <c r="E69768" s="1" t="s">
        <v>232916</v>
      </c>
      <c r="F69768" s="1" t="s">
        <v>232917</v>
      </c>
      <c r="G69768" s="1" t="s">
        <v>232905</v>
      </c>
      <c r="H69768" s="1" t="s">
        <v>232906</v>
      </c>
      <c r="I69768" s="1" t="s">
        <v>222698</v>
      </c>
      <c r="J69768" s="1" t="s">
        <v>232918</v>
      </c>
    </row>
    <row r="69769" spans="1:10" x14ac:dyDescent="0.35">
      <c r="A69769" s="1" t="s">
        <v>122015</v>
      </c>
      <c r="B69769" s="1" t="s">
        <v>222693</v>
      </c>
      <c r="C69769" s="1" t="s">
        <v>35</v>
      </c>
      <c r="D69769" s="1" t="s">
        <v>62532</v>
      </c>
      <c r="E69769" s="1" t="s">
        <v>232919</v>
      </c>
      <c r="F69769" s="1" t="s">
        <v>232920</v>
      </c>
      <c r="G69769" s="1" t="s">
        <v>232905</v>
      </c>
      <c r="H69769" s="1" t="s">
        <v>232906</v>
      </c>
      <c r="I69769" s="1" t="s">
        <v>222698</v>
      </c>
      <c r="J69769" s="1" t="s">
        <v>232921</v>
      </c>
    </row>
    <row r="69770" spans="1:10" x14ac:dyDescent="0.35">
      <c r="A69770" s="1" t="s">
        <v>122015</v>
      </c>
      <c r="B69770" s="1" t="s">
        <v>222693</v>
      </c>
      <c r="C69770" s="1" t="s">
        <v>40</v>
      </c>
      <c r="D69770" s="1" t="s">
        <v>116737</v>
      </c>
      <c r="E69770" s="1" t="s">
        <v>232922</v>
      </c>
      <c r="F69770" s="1" t="s">
        <v>232923</v>
      </c>
      <c r="G69770" s="1" t="s">
        <v>232905</v>
      </c>
      <c r="H69770" s="1" t="s">
        <v>232906</v>
      </c>
      <c r="I69770" s="1" t="s">
        <v>222698</v>
      </c>
      <c r="J69770" s="1" t="s">
        <v>232924</v>
      </c>
    </row>
    <row r="69771" spans="1:10" x14ac:dyDescent="0.35">
      <c r="A69771" s="1" t="s">
        <v>122015</v>
      </c>
      <c r="B69771" s="1" t="s">
        <v>222693</v>
      </c>
      <c r="C69771" s="1" t="s">
        <v>45</v>
      </c>
      <c r="D69771" s="1" t="s">
        <v>232925</v>
      </c>
      <c r="E69771" s="1" t="s">
        <v>232926</v>
      </c>
      <c r="F69771" s="1" t="s">
        <v>232927</v>
      </c>
      <c r="G69771" s="1" t="s">
        <v>232905</v>
      </c>
      <c r="H69771" s="1" t="s">
        <v>232906</v>
      </c>
      <c r="I69771" s="1" t="s">
        <v>222698</v>
      </c>
      <c r="J69771" s="1" t="s">
        <v>232928</v>
      </c>
    </row>
    <row r="69772" spans="1:10" x14ac:dyDescent="0.35">
      <c r="A69772" s="1" t="s">
        <v>122015</v>
      </c>
      <c r="B69772" s="1" t="s">
        <v>222693</v>
      </c>
      <c r="C69772" s="1" t="s">
        <v>50</v>
      </c>
      <c r="D69772" s="1" t="s">
        <v>232929</v>
      </c>
      <c r="E69772" s="1" t="s">
        <v>232930</v>
      </c>
      <c r="F69772" s="1" t="s">
        <v>232931</v>
      </c>
      <c r="G69772" s="1" t="s">
        <v>232905</v>
      </c>
      <c r="H69772" s="1" t="s">
        <v>232906</v>
      </c>
      <c r="I69772" s="1" t="s">
        <v>222698</v>
      </c>
      <c r="J69772" s="1" t="s">
        <v>232932</v>
      </c>
    </row>
    <row r="69773" spans="1:10" x14ac:dyDescent="0.35">
      <c r="A69773" s="1" t="s">
        <v>122015</v>
      </c>
      <c r="B69773" s="1" t="s">
        <v>222693</v>
      </c>
      <c r="C69773" s="1" t="s">
        <v>55</v>
      </c>
      <c r="D69773" s="1" t="s">
        <v>60639</v>
      </c>
      <c r="E69773" s="1" t="s">
        <v>232933</v>
      </c>
      <c r="F69773" s="1" t="s">
        <v>232934</v>
      </c>
      <c r="G69773" s="1" t="s">
        <v>232905</v>
      </c>
      <c r="H69773" s="1" t="s">
        <v>232906</v>
      </c>
      <c r="I69773" s="1" t="s">
        <v>222698</v>
      </c>
      <c r="J69773" s="1" t="s">
        <v>232935</v>
      </c>
    </row>
    <row r="69774" spans="1:10" x14ac:dyDescent="0.35">
      <c r="A69774" s="1" t="s">
        <v>122015</v>
      </c>
      <c r="B69774" s="1" t="s">
        <v>222693</v>
      </c>
      <c r="C69774" s="1" t="s">
        <v>60</v>
      </c>
      <c r="D69774" s="1" t="s">
        <v>137128</v>
      </c>
      <c r="E69774" s="1" t="s">
        <v>232936</v>
      </c>
      <c r="F69774" s="1" t="s">
        <v>232937</v>
      </c>
      <c r="G69774" s="1" t="s">
        <v>232905</v>
      </c>
      <c r="H69774" s="1" t="s">
        <v>232906</v>
      </c>
      <c r="I69774" s="1" t="s">
        <v>222698</v>
      </c>
      <c r="J69774" s="1" t="s">
        <v>232938</v>
      </c>
    </row>
    <row r="69775" spans="1:10" x14ac:dyDescent="0.35">
      <c r="A69775" s="1" t="s">
        <v>122015</v>
      </c>
      <c r="B69775" s="1" t="s">
        <v>222693</v>
      </c>
      <c r="C69775" s="1" t="s">
        <v>65</v>
      </c>
      <c r="D69775" s="1" t="s">
        <v>166343</v>
      </c>
      <c r="E69775" s="1" t="s">
        <v>232939</v>
      </c>
      <c r="F69775" s="1" t="s">
        <v>232940</v>
      </c>
      <c r="G69775" s="1" t="s">
        <v>232905</v>
      </c>
      <c r="H69775" s="1" t="s">
        <v>232906</v>
      </c>
      <c r="I69775" s="1" t="s">
        <v>222698</v>
      </c>
      <c r="J69775" s="1" t="s">
        <v>232941</v>
      </c>
    </row>
    <row r="69776" spans="1:10" x14ac:dyDescent="0.35">
      <c r="A69776" s="1" t="s">
        <v>122015</v>
      </c>
      <c r="B69776" s="1" t="s">
        <v>222693</v>
      </c>
      <c r="C69776" s="1" t="s">
        <v>70</v>
      </c>
      <c r="D69776" s="1" t="s">
        <v>129488</v>
      </c>
      <c r="E69776" s="1" t="s">
        <v>232942</v>
      </c>
      <c r="F69776" s="1" t="s">
        <v>232943</v>
      </c>
      <c r="G69776" s="1" t="s">
        <v>232905</v>
      </c>
      <c r="H69776" s="1" t="s">
        <v>232906</v>
      </c>
      <c r="I69776" s="1" t="s">
        <v>222698</v>
      </c>
      <c r="J69776" s="1" t="s">
        <v>232944</v>
      </c>
    </row>
    <row r="69777" spans="1:10" x14ac:dyDescent="0.35">
      <c r="A69777" s="1" t="s">
        <v>122015</v>
      </c>
      <c r="B69777" s="1" t="s">
        <v>222693</v>
      </c>
      <c r="C69777" s="1" t="s">
        <v>75</v>
      </c>
      <c r="D69777" s="1" t="s">
        <v>230093</v>
      </c>
      <c r="E69777" s="1" t="s">
        <v>232945</v>
      </c>
      <c r="F69777" s="1" t="s">
        <v>232946</v>
      </c>
      <c r="G69777" s="1" t="s">
        <v>232905</v>
      </c>
      <c r="H69777" s="1" t="s">
        <v>232906</v>
      </c>
      <c r="I69777" s="1" t="s">
        <v>222698</v>
      </c>
      <c r="J69777" s="1" t="s">
        <v>232947</v>
      </c>
    </row>
    <row r="69778" spans="1:10" x14ac:dyDescent="0.35">
      <c r="A69778" s="1" t="s">
        <v>122015</v>
      </c>
      <c r="B69778" s="1" t="s">
        <v>222693</v>
      </c>
      <c r="C69778" s="1" t="s">
        <v>80</v>
      </c>
      <c r="D69778" s="1" t="s">
        <v>232948</v>
      </c>
      <c r="E69778" s="1" t="s">
        <v>232949</v>
      </c>
      <c r="F69778" s="1" t="s">
        <v>232950</v>
      </c>
      <c r="G69778" s="1" t="s">
        <v>232905</v>
      </c>
      <c r="H69778" s="1" t="s">
        <v>232906</v>
      </c>
      <c r="I69778" s="1" t="s">
        <v>222698</v>
      </c>
      <c r="J69778" s="1" t="s">
        <v>232951</v>
      </c>
    </row>
    <row r="69779" spans="1:10" x14ac:dyDescent="0.35">
      <c r="A69779" s="1" t="s">
        <v>122015</v>
      </c>
      <c r="B69779" s="1" t="s">
        <v>222693</v>
      </c>
      <c r="C69779" s="1" t="s">
        <v>85</v>
      </c>
      <c r="D69779" s="1" t="s">
        <v>180314</v>
      </c>
      <c r="E69779" s="1" t="s">
        <v>232952</v>
      </c>
      <c r="F69779" s="1" t="s">
        <v>232953</v>
      </c>
      <c r="G69779" s="1" t="s">
        <v>232905</v>
      </c>
      <c r="H69779" s="1" t="s">
        <v>232906</v>
      </c>
      <c r="I69779" s="1" t="s">
        <v>222698</v>
      </c>
      <c r="J69779" s="1" t="s">
        <v>232954</v>
      </c>
    </row>
    <row r="69780" spans="1:10" x14ac:dyDescent="0.35">
      <c r="A69780" s="1" t="s">
        <v>122015</v>
      </c>
      <c r="B69780" s="1" t="s">
        <v>222693</v>
      </c>
      <c r="C69780" s="1" t="s">
        <v>90</v>
      </c>
      <c r="D69780" s="1" t="s">
        <v>232955</v>
      </c>
      <c r="E69780" s="1" t="s">
        <v>232956</v>
      </c>
      <c r="F69780" s="1" t="s">
        <v>232957</v>
      </c>
      <c r="G69780" s="1" t="s">
        <v>232905</v>
      </c>
      <c r="H69780" s="1" t="s">
        <v>232906</v>
      </c>
      <c r="I69780" s="1" t="s">
        <v>222698</v>
      </c>
      <c r="J69780" s="1" t="s">
        <v>232958</v>
      </c>
    </row>
    <row r="69781" spans="1:10" x14ac:dyDescent="0.35">
      <c r="A69781" s="1" t="s">
        <v>122015</v>
      </c>
      <c r="B69781" s="1" t="s">
        <v>222693</v>
      </c>
      <c r="C69781" s="1" t="s">
        <v>95</v>
      </c>
      <c r="D69781" s="1" t="s">
        <v>27274</v>
      </c>
      <c r="E69781" s="1" t="s">
        <v>232959</v>
      </c>
      <c r="F69781" s="1" t="s">
        <v>232960</v>
      </c>
      <c r="G69781" s="1" t="s">
        <v>232905</v>
      </c>
      <c r="H69781" s="1" t="s">
        <v>232906</v>
      </c>
      <c r="I69781" s="1" t="s">
        <v>222698</v>
      </c>
      <c r="J69781" s="1" t="s">
        <v>232961</v>
      </c>
    </row>
    <row r="69782" spans="1:10" x14ac:dyDescent="0.35">
      <c r="A69782" s="1" t="s">
        <v>122015</v>
      </c>
      <c r="B69782" s="1" t="s">
        <v>222693</v>
      </c>
      <c r="C69782" s="1" t="s">
        <v>100</v>
      </c>
      <c r="D69782" s="1" t="s">
        <v>97678</v>
      </c>
      <c r="E69782" s="1" t="s">
        <v>232962</v>
      </c>
      <c r="F69782" s="1" t="s">
        <v>232963</v>
      </c>
      <c r="G69782" s="1" t="s">
        <v>232905</v>
      </c>
      <c r="H69782" s="1" t="s">
        <v>232906</v>
      </c>
      <c r="I69782" s="1" t="s">
        <v>222698</v>
      </c>
      <c r="J69782" s="1" t="s">
        <v>232964</v>
      </c>
    </row>
    <row r="69783" spans="1:10" x14ac:dyDescent="0.35">
      <c r="A69783" s="1" t="s">
        <v>122015</v>
      </c>
      <c r="B69783" s="1" t="s">
        <v>222693</v>
      </c>
      <c r="C69783" s="1" t="s">
        <v>105</v>
      </c>
      <c r="D69783" s="1" t="s">
        <v>131571</v>
      </c>
      <c r="E69783" s="1" t="s">
        <v>232965</v>
      </c>
      <c r="F69783" s="1" t="s">
        <v>232966</v>
      </c>
      <c r="G69783" s="1" t="s">
        <v>232905</v>
      </c>
      <c r="H69783" s="1" t="s">
        <v>232906</v>
      </c>
      <c r="I69783" s="1" t="s">
        <v>222698</v>
      </c>
      <c r="J69783" s="1" t="s">
        <v>232967</v>
      </c>
    </row>
    <row r="69784" spans="1:10" x14ac:dyDescent="0.35">
      <c r="A69784" s="1" t="s">
        <v>122015</v>
      </c>
      <c r="B69784" s="1" t="s">
        <v>222693</v>
      </c>
      <c r="C69784" s="1" t="s">
        <v>110</v>
      </c>
      <c r="D69784" s="1" t="s">
        <v>102441</v>
      </c>
      <c r="E69784" s="1" t="s">
        <v>232968</v>
      </c>
      <c r="F69784" s="1" t="s">
        <v>232969</v>
      </c>
      <c r="G69784" s="1" t="s">
        <v>232905</v>
      </c>
      <c r="H69784" s="1" t="s">
        <v>232906</v>
      </c>
      <c r="I69784" s="1" t="s">
        <v>222698</v>
      </c>
      <c r="J69784" s="1" t="s">
        <v>232970</v>
      </c>
    </row>
    <row r="69785" spans="1:10" x14ac:dyDescent="0.35">
      <c r="A69785" s="1" t="s">
        <v>122015</v>
      </c>
      <c r="B69785" s="1" t="s">
        <v>222693</v>
      </c>
      <c r="C69785" s="1" t="s">
        <v>115</v>
      </c>
      <c r="D69785" s="1" t="s">
        <v>232971</v>
      </c>
      <c r="E69785" s="1" t="s">
        <v>232972</v>
      </c>
      <c r="F69785" s="1" t="s">
        <v>232973</v>
      </c>
      <c r="G69785" s="1" t="s">
        <v>232905</v>
      </c>
      <c r="H69785" s="1" t="s">
        <v>232906</v>
      </c>
      <c r="I69785" s="1" t="s">
        <v>222698</v>
      </c>
      <c r="J69785" s="1" t="s">
        <v>232974</v>
      </c>
    </row>
    <row r="69786" spans="1:10" x14ac:dyDescent="0.35">
      <c r="A69786" s="1" t="s">
        <v>122015</v>
      </c>
      <c r="B69786" s="1" t="s">
        <v>222693</v>
      </c>
      <c r="C69786" s="1" t="s">
        <v>120</v>
      </c>
      <c r="D69786" s="1" t="s">
        <v>232975</v>
      </c>
      <c r="E69786" s="1" t="s">
        <v>232976</v>
      </c>
      <c r="F69786" s="1" t="s">
        <v>232977</v>
      </c>
      <c r="G69786" s="1" t="s">
        <v>232905</v>
      </c>
      <c r="H69786" s="1" t="s">
        <v>232906</v>
      </c>
      <c r="I69786" s="1" t="s">
        <v>222698</v>
      </c>
      <c r="J69786" s="1" t="s">
        <v>232978</v>
      </c>
    </row>
    <row r="69787" spans="1:10" x14ac:dyDescent="0.35">
      <c r="A69787" s="1" t="s">
        <v>122015</v>
      </c>
      <c r="B69787" s="1" t="s">
        <v>222693</v>
      </c>
      <c r="C69787" s="1" t="s">
        <v>125</v>
      </c>
      <c r="D69787" s="1" t="s">
        <v>232979</v>
      </c>
      <c r="E69787" s="1" t="s">
        <v>232980</v>
      </c>
      <c r="F69787" s="1" t="s">
        <v>232981</v>
      </c>
      <c r="G69787" s="1" t="s">
        <v>232905</v>
      </c>
      <c r="H69787" s="1" t="s">
        <v>232906</v>
      </c>
      <c r="I69787" s="1" t="s">
        <v>222698</v>
      </c>
      <c r="J69787" s="1" t="s">
        <v>232982</v>
      </c>
    </row>
    <row r="69788" spans="1:10" x14ac:dyDescent="0.35">
      <c r="A69788" s="1" t="s">
        <v>122015</v>
      </c>
      <c r="B69788" s="1" t="s">
        <v>222693</v>
      </c>
      <c r="C69788" s="1" t="s">
        <v>130</v>
      </c>
      <c r="D69788" s="1" t="s">
        <v>23698</v>
      </c>
      <c r="E69788" s="1" t="s">
        <v>232983</v>
      </c>
      <c r="F69788" s="1" t="s">
        <v>232984</v>
      </c>
      <c r="G69788" s="1" t="s">
        <v>232905</v>
      </c>
      <c r="H69788" s="1" t="s">
        <v>232906</v>
      </c>
      <c r="I69788" s="1" t="s">
        <v>222698</v>
      </c>
      <c r="J69788" s="1" t="s">
        <v>232985</v>
      </c>
    </row>
    <row r="69789" spans="1:10" x14ac:dyDescent="0.35">
      <c r="A69789" s="1" t="s">
        <v>122015</v>
      </c>
      <c r="B69789" s="1" t="s">
        <v>222693</v>
      </c>
      <c r="C69789" s="1" t="s">
        <v>135</v>
      </c>
      <c r="D69789" s="1" t="s">
        <v>167253</v>
      </c>
      <c r="E69789" s="1" t="s">
        <v>232986</v>
      </c>
      <c r="F69789" s="1" t="s">
        <v>232987</v>
      </c>
      <c r="G69789" s="1" t="s">
        <v>232905</v>
      </c>
      <c r="H69789" s="1" t="s">
        <v>232906</v>
      </c>
      <c r="I69789" s="1" t="s">
        <v>222698</v>
      </c>
      <c r="J69789" s="1" t="s">
        <v>232988</v>
      </c>
    </row>
    <row r="69790" spans="1:10" x14ac:dyDescent="0.35">
      <c r="A69790" s="1" t="s">
        <v>122015</v>
      </c>
      <c r="B69790" s="1" t="s">
        <v>222693</v>
      </c>
      <c r="C69790" s="1" t="s">
        <v>140</v>
      </c>
      <c r="D69790" s="1" t="s">
        <v>232989</v>
      </c>
      <c r="E69790" s="1" t="s">
        <v>232990</v>
      </c>
      <c r="F69790" s="1" t="s">
        <v>232991</v>
      </c>
      <c r="G69790" s="1" t="s">
        <v>232905</v>
      </c>
      <c r="H69790" s="1" t="s">
        <v>232906</v>
      </c>
      <c r="I69790" s="1" t="s">
        <v>222698</v>
      </c>
      <c r="J69790" s="1" t="s">
        <v>232992</v>
      </c>
    </row>
    <row r="69791" spans="1:10" x14ac:dyDescent="0.35">
      <c r="A69791" s="1" t="s">
        <v>122015</v>
      </c>
      <c r="B69791" s="1" t="s">
        <v>222693</v>
      </c>
      <c r="C69791" s="1" t="s">
        <v>145</v>
      </c>
      <c r="D69791" s="1" t="s">
        <v>230683</v>
      </c>
      <c r="E69791" s="1" t="s">
        <v>232993</v>
      </c>
      <c r="F69791" s="1" t="s">
        <v>232994</v>
      </c>
      <c r="G69791" s="1" t="s">
        <v>232905</v>
      </c>
      <c r="H69791" s="1" t="s">
        <v>232906</v>
      </c>
      <c r="I69791" s="1" t="s">
        <v>222698</v>
      </c>
      <c r="J69791" s="1" t="s">
        <v>232995</v>
      </c>
    </row>
    <row r="69792" spans="1:10" x14ac:dyDescent="0.35">
      <c r="A69792" s="1" t="s">
        <v>122015</v>
      </c>
      <c r="B69792" s="1" t="s">
        <v>222693</v>
      </c>
      <c r="C69792" s="1" t="s">
        <v>150</v>
      </c>
      <c r="D69792" s="1" t="s">
        <v>40993</v>
      </c>
      <c r="E69792" s="1" t="s">
        <v>232996</v>
      </c>
      <c r="F69792" s="1" t="s">
        <v>232997</v>
      </c>
      <c r="G69792" s="1" t="s">
        <v>232905</v>
      </c>
      <c r="H69792" s="1" t="s">
        <v>232906</v>
      </c>
      <c r="I69792" s="1" t="s">
        <v>222698</v>
      </c>
      <c r="J69792" s="1" t="s">
        <v>232998</v>
      </c>
    </row>
    <row r="69793" spans="1:10" x14ac:dyDescent="0.35">
      <c r="A69793" s="1" t="s">
        <v>122015</v>
      </c>
      <c r="B69793" s="1" t="s">
        <v>222693</v>
      </c>
      <c r="C69793" s="1" t="s">
        <v>155</v>
      </c>
      <c r="D69793" s="1" t="s">
        <v>232999</v>
      </c>
      <c r="E69793" s="1" t="s">
        <v>233000</v>
      </c>
      <c r="F69793" s="1" t="s">
        <v>233001</v>
      </c>
      <c r="G69793" s="1" t="s">
        <v>232905</v>
      </c>
      <c r="H69793" s="1" t="s">
        <v>232906</v>
      </c>
      <c r="I69793" s="1" t="s">
        <v>222698</v>
      </c>
      <c r="J69793" s="1" t="s">
        <v>233002</v>
      </c>
    </row>
    <row r="69794" spans="1:10" x14ac:dyDescent="0.35">
      <c r="A69794" s="1" t="s">
        <v>122015</v>
      </c>
      <c r="B69794" s="1" t="s">
        <v>222693</v>
      </c>
      <c r="C69794" s="1" t="s">
        <v>160</v>
      </c>
      <c r="D69794" s="1" t="s">
        <v>233003</v>
      </c>
      <c r="E69794" s="1" t="s">
        <v>233004</v>
      </c>
      <c r="F69794" s="1" t="s">
        <v>233005</v>
      </c>
      <c r="G69794" s="1" t="s">
        <v>232905</v>
      </c>
      <c r="H69794" s="1" t="s">
        <v>232906</v>
      </c>
      <c r="I69794" s="1" t="s">
        <v>222698</v>
      </c>
      <c r="J69794" s="1" t="s">
        <v>233006</v>
      </c>
    </row>
    <row r="69795" spans="1:10" x14ac:dyDescent="0.35">
      <c r="A69795" s="1" t="s">
        <v>122015</v>
      </c>
      <c r="B69795" s="1" t="s">
        <v>222693</v>
      </c>
      <c r="C69795" s="1" t="s">
        <v>165</v>
      </c>
      <c r="D69795" s="1" t="s">
        <v>66954</v>
      </c>
      <c r="E69795" s="1" t="s">
        <v>233007</v>
      </c>
      <c r="F69795" s="1" t="s">
        <v>233008</v>
      </c>
      <c r="G69795" s="1" t="s">
        <v>232905</v>
      </c>
      <c r="H69795" s="1" t="s">
        <v>232906</v>
      </c>
      <c r="I69795" s="1" t="s">
        <v>222698</v>
      </c>
      <c r="J69795" s="1" t="s">
        <v>233009</v>
      </c>
    </row>
    <row r="69796" spans="1:10" x14ac:dyDescent="0.35">
      <c r="A69796" s="1" t="s">
        <v>122015</v>
      </c>
      <c r="B69796" s="1" t="s">
        <v>222693</v>
      </c>
      <c r="C69796" s="1" t="s">
        <v>170</v>
      </c>
      <c r="D69796" s="1" t="s">
        <v>230438</v>
      </c>
      <c r="E69796" s="1" t="s">
        <v>233010</v>
      </c>
      <c r="F69796" s="1" t="s">
        <v>233011</v>
      </c>
      <c r="G69796" s="1" t="s">
        <v>232905</v>
      </c>
      <c r="H69796" s="1" t="s">
        <v>232906</v>
      </c>
      <c r="I69796" s="1" t="s">
        <v>222698</v>
      </c>
      <c r="J69796" s="1" t="s">
        <v>233012</v>
      </c>
    </row>
    <row r="69797" spans="1:10" x14ac:dyDescent="0.35">
      <c r="A69797" s="1" t="s">
        <v>1391</v>
      </c>
      <c r="B69797" s="1" t="s">
        <v>222693</v>
      </c>
      <c r="C69797" s="1" t="s">
        <v>8</v>
      </c>
      <c r="D69797" s="1" t="s">
        <v>233013</v>
      </c>
      <c r="E69797" s="1" t="s">
        <v>233014</v>
      </c>
      <c r="F69797" s="1" t="s">
        <v>233015</v>
      </c>
      <c r="G69797" s="1" t="s">
        <v>233016</v>
      </c>
      <c r="H69797" s="1" t="s">
        <v>233017</v>
      </c>
      <c r="I69797" s="1" t="s">
        <v>222698</v>
      </c>
      <c r="J69797" s="1" t="s">
        <v>13</v>
      </c>
    </row>
    <row r="69798" spans="1:10" x14ac:dyDescent="0.35">
      <c r="A69798" s="1" t="s">
        <v>1391</v>
      </c>
      <c r="B69798" s="1" t="s">
        <v>222693</v>
      </c>
      <c r="C69798" s="1" t="s">
        <v>15</v>
      </c>
      <c r="D69798" s="1" t="s">
        <v>233018</v>
      </c>
      <c r="E69798" s="1" t="s">
        <v>233019</v>
      </c>
      <c r="F69798" s="1" t="s">
        <v>233020</v>
      </c>
      <c r="G69798" s="1" t="s">
        <v>233016</v>
      </c>
      <c r="H69798" s="1" t="s">
        <v>233017</v>
      </c>
      <c r="I69798" s="1" t="s">
        <v>222698</v>
      </c>
      <c r="J69798" s="1" t="s">
        <v>233021</v>
      </c>
    </row>
    <row r="69799" spans="1:10" x14ac:dyDescent="0.35">
      <c r="A69799" s="1" t="s">
        <v>1391</v>
      </c>
      <c r="B69799" s="1" t="s">
        <v>222693</v>
      </c>
      <c r="C69799" s="1" t="s">
        <v>20</v>
      </c>
      <c r="D69799" s="1" t="s">
        <v>98616</v>
      </c>
      <c r="E69799" s="1" t="s">
        <v>233022</v>
      </c>
      <c r="F69799" s="1" t="s">
        <v>233023</v>
      </c>
      <c r="G69799" s="1" t="s">
        <v>233016</v>
      </c>
      <c r="H69799" s="1" t="s">
        <v>233017</v>
      </c>
      <c r="I69799" s="1" t="s">
        <v>222698</v>
      </c>
      <c r="J69799" s="1" t="s">
        <v>233024</v>
      </c>
    </row>
    <row r="69800" spans="1:10" x14ac:dyDescent="0.35">
      <c r="A69800" s="1" t="s">
        <v>1391</v>
      </c>
      <c r="B69800" s="1" t="s">
        <v>222693</v>
      </c>
      <c r="C69800" s="1" t="s">
        <v>25</v>
      </c>
      <c r="D69800" s="1" t="s">
        <v>93083</v>
      </c>
      <c r="E69800" s="1" t="s">
        <v>233025</v>
      </c>
      <c r="F69800" s="1" t="s">
        <v>233026</v>
      </c>
      <c r="G69800" s="1" t="s">
        <v>233016</v>
      </c>
      <c r="H69800" s="1" t="s">
        <v>233017</v>
      </c>
      <c r="I69800" s="1" t="s">
        <v>222698</v>
      </c>
      <c r="J69800" s="1" t="s">
        <v>233027</v>
      </c>
    </row>
    <row r="69801" spans="1:10" x14ac:dyDescent="0.35">
      <c r="A69801" s="1" t="s">
        <v>1391</v>
      </c>
      <c r="B69801" s="1" t="s">
        <v>222693</v>
      </c>
      <c r="C69801" s="1" t="s">
        <v>30</v>
      </c>
      <c r="D69801" s="1" t="s">
        <v>63165</v>
      </c>
      <c r="E69801" s="1" t="s">
        <v>233028</v>
      </c>
      <c r="F69801" s="1" t="s">
        <v>140091</v>
      </c>
      <c r="G69801" s="1" t="s">
        <v>233016</v>
      </c>
      <c r="H69801" s="1" t="s">
        <v>233017</v>
      </c>
      <c r="I69801" s="1" t="s">
        <v>222698</v>
      </c>
      <c r="J69801" s="1" t="s">
        <v>233029</v>
      </c>
    </row>
    <row r="69802" spans="1:10" x14ac:dyDescent="0.35">
      <c r="A69802" s="1" t="s">
        <v>1391</v>
      </c>
      <c r="B69802" s="1" t="s">
        <v>222693</v>
      </c>
      <c r="C69802" s="1" t="s">
        <v>35</v>
      </c>
      <c r="D69802" s="1" t="s">
        <v>26588</v>
      </c>
      <c r="E69802" s="1" t="s">
        <v>233030</v>
      </c>
      <c r="F69802" s="1" t="s">
        <v>233031</v>
      </c>
      <c r="G69802" s="1" t="s">
        <v>233016</v>
      </c>
      <c r="H69802" s="1" t="s">
        <v>233017</v>
      </c>
      <c r="I69802" s="1" t="s">
        <v>222698</v>
      </c>
      <c r="J69802" s="1" t="s">
        <v>233032</v>
      </c>
    </row>
    <row r="69803" spans="1:10" x14ac:dyDescent="0.35">
      <c r="A69803" s="1" t="s">
        <v>1391</v>
      </c>
      <c r="B69803" s="1" t="s">
        <v>222693</v>
      </c>
      <c r="C69803" s="1" t="s">
        <v>40</v>
      </c>
      <c r="D69803" s="1" t="s">
        <v>63842</v>
      </c>
      <c r="E69803" s="1" t="s">
        <v>233033</v>
      </c>
      <c r="F69803" s="1" t="s">
        <v>233034</v>
      </c>
      <c r="G69803" s="1" t="s">
        <v>233016</v>
      </c>
      <c r="H69803" s="1" t="s">
        <v>233017</v>
      </c>
      <c r="I69803" s="1" t="s">
        <v>222698</v>
      </c>
      <c r="J69803" s="1" t="s">
        <v>233035</v>
      </c>
    </row>
    <row r="69804" spans="1:10" x14ac:dyDescent="0.35">
      <c r="A69804" s="1" t="s">
        <v>1391</v>
      </c>
      <c r="B69804" s="1" t="s">
        <v>222693</v>
      </c>
      <c r="C69804" s="1" t="s">
        <v>45</v>
      </c>
      <c r="D69804" s="1" t="s">
        <v>68708</v>
      </c>
      <c r="E69804" s="1" t="s">
        <v>233036</v>
      </c>
      <c r="F69804" s="1" t="s">
        <v>233037</v>
      </c>
      <c r="G69804" s="1" t="s">
        <v>233016</v>
      </c>
      <c r="H69804" s="1" t="s">
        <v>233017</v>
      </c>
      <c r="I69804" s="1" t="s">
        <v>222698</v>
      </c>
      <c r="J69804" s="1" t="s">
        <v>233038</v>
      </c>
    </row>
    <row r="69805" spans="1:10" x14ac:dyDescent="0.35">
      <c r="A69805" s="1" t="s">
        <v>1391</v>
      </c>
      <c r="B69805" s="1" t="s">
        <v>222693</v>
      </c>
      <c r="C69805" s="1" t="s">
        <v>50</v>
      </c>
      <c r="D69805" s="1" t="s">
        <v>233039</v>
      </c>
      <c r="E69805" s="1" t="s">
        <v>233040</v>
      </c>
      <c r="F69805" s="1" t="s">
        <v>233041</v>
      </c>
      <c r="G69805" s="1" t="s">
        <v>233016</v>
      </c>
      <c r="H69805" s="1" t="s">
        <v>233017</v>
      </c>
      <c r="I69805" s="1" t="s">
        <v>222698</v>
      </c>
      <c r="J69805" s="1" t="s">
        <v>233042</v>
      </c>
    </row>
    <row r="69806" spans="1:10" x14ac:dyDescent="0.35">
      <c r="A69806" s="1" t="s">
        <v>1391</v>
      </c>
      <c r="B69806" s="1" t="s">
        <v>222693</v>
      </c>
      <c r="C69806" s="1" t="s">
        <v>55</v>
      </c>
      <c r="D69806" s="1" t="s">
        <v>14461</v>
      </c>
      <c r="E69806" s="1" t="s">
        <v>233043</v>
      </c>
      <c r="F69806" s="1" t="s">
        <v>233044</v>
      </c>
      <c r="G69806" s="1" t="s">
        <v>233016</v>
      </c>
      <c r="H69806" s="1" t="s">
        <v>233017</v>
      </c>
      <c r="I69806" s="1" t="s">
        <v>222698</v>
      </c>
      <c r="J69806" s="1" t="s">
        <v>233045</v>
      </c>
    </row>
    <row r="69807" spans="1:10" x14ac:dyDescent="0.35">
      <c r="A69807" s="1" t="s">
        <v>1391</v>
      </c>
      <c r="B69807" s="1" t="s">
        <v>222693</v>
      </c>
      <c r="C69807" s="1" t="s">
        <v>60</v>
      </c>
      <c r="D69807" s="1" t="s">
        <v>23982</v>
      </c>
      <c r="E69807" s="1" t="s">
        <v>233046</v>
      </c>
      <c r="F69807" s="1" t="s">
        <v>233047</v>
      </c>
      <c r="G69807" s="1" t="s">
        <v>233016</v>
      </c>
      <c r="H69807" s="1" t="s">
        <v>233017</v>
      </c>
      <c r="I69807" s="1" t="s">
        <v>222698</v>
      </c>
      <c r="J69807" s="1" t="s">
        <v>233048</v>
      </c>
    </row>
    <row r="69808" spans="1:10" x14ac:dyDescent="0.35">
      <c r="A69808" s="1" t="s">
        <v>1391</v>
      </c>
      <c r="B69808" s="1" t="s">
        <v>222693</v>
      </c>
      <c r="C69808" s="1" t="s">
        <v>65</v>
      </c>
      <c r="D69808" s="1" t="s">
        <v>84386</v>
      </c>
      <c r="E69808" s="1" t="s">
        <v>233049</v>
      </c>
      <c r="F69808" s="1" t="s">
        <v>233050</v>
      </c>
      <c r="G69808" s="1" t="s">
        <v>233016</v>
      </c>
      <c r="H69808" s="1" t="s">
        <v>233017</v>
      </c>
      <c r="I69808" s="1" t="s">
        <v>222698</v>
      </c>
      <c r="J69808" s="1" t="s">
        <v>233051</v>
      </c>
    </row>
    <row r="69809" spans="1:10" x14ac:dyDescent="0.35">
      <c r="A69809" s="1" t="s">
        <v>1391</v>
      </c>
      <c r="B69809" s="1" t="s">
        <v>222693</v>
      </c>
      <c r="C69809" s="1" t="s">
        <v>70</v>
      </c>
      <c r="D69809" s="1" t="s">
        <v>68458</v>
      </c>
      <c r="E69809" s="1" t="s">
        <v>233052</v>
      </c>
      <c r="F69809" s="1" t="s">
        <v>233053</v>
      </c>
      <c r="G69809" s="1" t="s">
        <v>233016</v>
      </c>
      <c r="H69809" s="1" t="s">
        <v>233017</v>
      </c>
      <c r="I69809" s="1" t="s">
        <v>222698</v>
      </c>
      <c r="J69809" s="1" t="s">
        <v>233054</v>
      </c>
    </row>
    <row r="69810" spans="1:10" x14ac:dyDescent="0.35">
      <c r="A69810" s="1" t="s">
        <v>1391</v>
      </c>
      <c r="B69810" s="1" t="s">
        <v>222693</v>
      </c>
      <c r="C69810" s="1" t="s">
        <v>75</v>
      </c>
      <c r="D69810" s="1" t="s">
        <v>63867</v>
      </c>
      <c r="E69810" s="1" t="s">
        <v>233055</v>
      </c>
      <c r="F69810" s="1" t="s">
        <v>233056</v>
      </c>
      <c r="G69810" s="1" t="s">
        <v>233016</v>
      </c>
      <c r="H69810" s="1" t="s">
        <v>233017</v>
      </c>
      <c r="I69810" s="1" t="s">
        <v>222698</v>
      </c>
      <c r="J69810" s="1" t="s">
        <v>233057</v>
      </c>
    </row>
    <row r="69811" spans="1:10" x14ac:dyDescent="0.35">
      <c r="A69811" s="1" t="s">
        <v>1391</v>
      </c>
      <c r="B69811" s="1" t="s">
        <v>222693</v>
      </c>
      <c r="C69811" s="1" t="s">
        <v>80</v>
      </c>
      <c r="D69811" s="1" t="s">
        <v>93175</v>
      </c>
      <c r="E69811" s="1" t="s">
        <v>233058</v>
      </c>
      <c r="F69811" s="1" t="s">
        <v>233059</v>
      </c>
      <c r="G69811" s="1" t="s">
        <v>233016</v>
      </c>
      <c r="H69811" s="1" t="s">
        <v>233017</v>
      </c>
      <c r="I69811" s="1" t="s">
        <v>222698</v>
      </c>
      <c r="J69811" s="1" t="s">
        <v>233060</v>
      </c>
    </row>
    <row r="69812" spans="1:10" x14ac:dyDescent="0.35">
      <c r="A69812" s="1" t="s">
        <v>1391</v>
      </c>
      <c r="B69812" s="1" t="s">
        <v>222693</v>
      </c>
      <c r="C69812" s="1" t="s">
        <v>85</v>
      </c>
      <c r="D69812" s="1" t="s">
        <v>201786</v>
      </c>
      <c r="E69812" s="1" t="s">
        <v>233061</v>
      </c>
      <c r="F69812" s="1" t="s">
        <v>233062</v>
      </c>
      <c r="G69812" s="1" t="s">
        <v>233016</v>
      </c>
      <c r="H69812" s="1" t="s">
        <v>233017</v>
      </c>
      <c r="I69812" s="1" t="s">
        <v>222698</v>
      </c>
      <c r="J69812" s="1" t="s">
        <v>233063</v>
      </c>
    </row>
    <row r="69813" spans="1:10" x14ac:dyDescent="0.35">
      <c r="A69813" s="1" t="s">
        <v>1391</v>
      </c>
      <c r="B69813" s="1" t="s">
        <v>222693</v>
      </c>
      <c r="C69813" s="1" t="s">
        <v>90</v>
      </c>
      <c r="D69813" s="1" t="s">
        <v>232532</v>
      </c>
      <c r="E69813" s="1" t="s">
        <v>233064</v>
      </c>
      <c r="F69813" s="1" t="s">
        <v>233065</v>
      </c>
      <c r="G69813" s="1" t="s">
        <v>233016</v>
      </c>
      <c r="H69813" s="1" t="s">
        <v>233017</v>
      </c>
      <c r="I69813" s="1" t="s">
        <v>222698</v>
      </c>
      <c r="J69813" s="1" t="s">
        <v>233066</v>
      </c>
    </row>
    <row r="69814" spans="1:10" x14ac:dyDescent="0.35">
      <c r="A69814" s="1" t="s">
        <v>1391</v>
      </c>
      <c r="B69814" s="1" t="s">
        <v>222693</v>
      </c>
      <c r="C69814" s="1" t="s">
        <v>95</v>
      </c>
      <c r="D69814" s="1" t="s">
        <v>233067</v>
      </c>
      <c r="E69814" s="1" t="s">
        <v>233068</v>
      </c>
      <c r="F69814" s="1" t="s">
        <v>233069</v>
      </c>
      <c r="G69814" s="1" t="s">
        <v>233016</v>
      </c>
      <c r="H69814" s="1" t="s">
        <v>233017</v>
      </c>
      <c r="I69814" s="1" t="s">
        <v>222698</v>
      </c>
      <c r="J69814" s="1" t="s">
        <v>233070</v>
      </c>
    </row>
    <row r="69815" spans="1:10" x14ac:dyDescent="0.35">
      <c r="A69815" s="1" t="s">
        <v>1391</v>
      </c>
      <c r="B69815" s="1" t="s">
        <v>222693</v>
      </c>
      <c r="C69815" s="1" t="s">
        <v>100</v>
      </c>
      <c r="D69815" s="1" t="s">
        <v>12593</v>
      </c>
      <c r="E69815" s="1" t="s">
        <v>233071</v>
      </c>
      <c r="F69815" s="1" t="s">
        <v>233072</v>
      </c>
      <c r="G69815" s="1" t="s">
        <v>233016</v>
      </c>
      <c r="H69815" s="1" t="s">
        <v>233017</v>
      </c>
      <c r="I69815" s="1" t="s">
        <v>222698</v>
      </c>
      <c r="J69815" s="1" t="s">
        <v>233073</v>
      </c>
    </row>
    <row r="69816" spans="1:10" x14ac:dyDescent="0.35">
      <c r="A69816" s="1" t="s">
        <v>1391</v>
      </c>
      <c r="B69816" s="1" t="s">
        <v>222693</v>
      </c>
      <c r="C69816" s="1" t="s">
        <v>105</v>
      </c>
      <c r="D69816" s="1" t="s">
        <v>129902</v>
      </c>
      <c r="E69816" s="1" t="s">
        <v>233074</v>
      </c>
      <c r="F69816" s="1" t="s">
        <v>233075</v>
      </c>
      <c r="G69816" s="1" t="s">
        <v>233016</v>
      </c>
      <c r="H69816" s="1" t="s">
        <v>233017</v>
      </c>
      <c r="I69816" s="1" t="s">
        <v>222698</v>
      </c>
      <c r="J69816" s="1" t="s">
        <v>233076</v>
      </c>
    </row>
    <row r="69817" spans="1:10" x14ac:dyDescent="0.35">
      <c r="A69817" s="1" t="s">
        <v>1391</v>
      </c>
      <c r="B69817" s="1" t="s">
        <v>222693</v>
      </c>
      <c r="C69817" s="1" t="s">
        <v>110</v>
      </c>
      <c r="D69817" s="1" t="s">
        <v>90710</v>
      </c>
      <c r="E69817" s="1" t="s">
        <v>233077</v>
      </c>
      <c r="F69817" s="1" t="s">
        <v>233078</v>
      </c>
      <c r="G69817" s="1" t="s">
        <v>233016</v>
      </c>
      <c r="H69817" s="1" t="s">
        <v>233017</v>
      </c>
      <c r="I69817" s="1" t="s">
        <v>222698</v>
      </c>
      <c r="J69817" s="1" t="s">
        <v>233079</v>
      </c>
    </row>
    <row r="69818" spans="1:10" x14ac:dyDescent="0.35">
      <c r="A69818" s="1" t="s">
        <v>1391</v>
      </c>
      <c r="B69818" s="1" t="s">
        <v>222693</v>
      </c>
      <c r="C69818" s="1" t="s">
        <v>115</v>
      </c>
      <c r="D69818" s="1" t="s">
        <v>163490</v>
      </c>
      <c r="E69818" s="1" t="s">
        <v>233080</v>
      </c>
      <c r="F69818" s="1" t="s">
        <v>233081</v>
      </c>
      <c r="G69818" s="1" t="s">
        <v>233016</v>
      </c>
      <c r="H69818" s="1" t="s">
        <v>233017</v>
      </c>
      <c r="I69818" s="1" t="s">
        <v>222698</v>
      </c>
      <c r="J69818" s="1" t="s">
        <v>233082</v>
      </c>
    </row>
    <row r="69819" spans="1:10" x14ac:dyDescent="0.35">
      <c r="A69819" s="1" t="s">
        <v>1391</v>
      </c>
      <c r="B69819" s="1" t="s">
        <v>222693</v>
      </c>
      <c r="C69819" s="1" t="s">
        <v>120</v>
      </c>
      <c r="D69819" s="1" t="s">
        <v>233083</v>
      </c>
      <c r="E69819" s="1" t="s">
        <v>233084</v>
      </c>
      <c r="F69819" s="1" t="s">
        <v>233085</v>
      </c>
      <c r="G69819" s="1" t="s">
        <v>233016</v>
      </c>
      <c r="H69819" s="1" t="s">
        <v>233017</v>
      </c>
      <c r="I69819" s="1" t="s">
        <v>222698</v>
      </c>
      <c r="J69819" s="1" t="s">
        <v>233086</v>
      </c>
    </row>
    <row r="69820" spans="1:10" x14ac:dyDescent="0.35">
      <c r="A69820" s="1" t="s">
        <v>1391</v>
      </c>
      <c r="B69820" s="1" t="s">
        <v>222693</v>
      </c>
      <c r="C69820" s="1" t="s">
        <v>125</v>
      </c>
      <c r="D69820" s="1" t="s">
        <v>83795</v>
      </c>
      <c r="E69820" s="1" t="s">
        <v>233087</v>
      </c>
      <c r="F69820" s="1" t="s">
        <v>233088</v>
      </c>
      <c r="G69820" s="1" t="s">
        <v>233016</v>
      </c>
      <c r="H69820" s="1" t="s">
        <v>233017</v>
      </c>
      <c r="I69820" s="1" t="s">
        <v>222698</v>
      </c>
      <c r="J69820" s="1" t="s">
        <v>233089</v>
      </c>
    </row>
    <row r="69821" spans="1:10" x14ac:dyDescent="0.35">
      <c r="A69821" s="1" t="s">
        <v>1391</v>
      </c>
      <c r="B69821" s="1" t="s">
        <v>222693</v>
      </c>
      <c r="C69821" s="1" t="s">
        <v>130</v>
      </c>
      <c r="D69821" s="1" t="s">
        <v>56628</v>
      </c>
      <c r="E69821" s="1" t="s">
        <v>233090</v>
      </c>
      <c r="F69821" s="1" t="s">
        <v>233091</v>
      </c>
      <c r="G69821" s="1" t="s">
        <v>233016</v>
      </c>
      <c r="H69821" s="1" t="s">
        <v>233017</v>
      </c>
      <c r="I69821" s="1" t="s">
        <v>222698</v>
      </c>
      <c r="J69821" s="1" t="s">
        <v>233092</v>
      </c>
    </row>
    <row r="69822" spans="1:10" x14ac:dyDescent="0.35">
      <c r="A69822" s="1" t="s">
        <v>1391</v>
      </c>
      <c r="B69822" s="1" t="s">
        <v>222693</v>
      </c>
      <c r="C69822" s="1" t="s">
        <v>135</v>
      </c>
      <c r="D69822" s="1" t="s">
        <v>61017</v>
      </c>
      <c r="E69822" s="1" t="s">
        <v>233093</v>
      </c>
      <c r="F69822" s="1" t="s">
        <v>233094</v>
      </c>
      <c r="G69822" s="1" t="s">
        <v>233016</v>
      </c>
      <c r="H69822" s="1" t="s">
        <v>233017</v>
      </c>
      <c r="I69822" s="1" t="s">
        <v>222698</v>
      </c>
      <c r="J69822" s="1" t="s">
        <v>233095</v>
      </c>
    </row>
    <row r="69823" spans="1:10" x14ac:dyDescent="0.35">
      <c r="A69823" s="1" t="s">
        <v>1391</v>
      </c>
      <c r="B69823" s="1" t="s">
        <v>222693</v>
      </c>
      <c r="C69823" s="1" t="s">
        <v>140</v>
      </c>
      <c r="D69823" s="1" t="s">
        <v>233096</v>
      </c>
      <c r="E69823" s="1" t="s">
        <v>233097</v>
      </c>
      <c r="F69823" s="1" t="s">
        <v>233098</v>
      </c>
      <c r="G69823" s="1" t="s">
        <v>233016</v>
      </c>
      <c r="H69823" s="1" t="s">
        <v>233017</v>
      </c>
      <c r="I69823" s="1" t="s">
        <v>222698</v>
      </c>
      <c r="J69823" s="1" t="s">
        <v>233099</v>
      </c>
    </row>
    <row r="69824" spans="1:10" x14ac:dyDescent="0.35">
      <c r="A69824" s="1" t="s">
        <v>1391</v>
      </c>
      <c r="B69824" s="1" t="s">
        <v>222693</v>
      </c>
      <c r="C69824" s="1" t="s">
        <v>145</v>
      </c>
      <c r="D69824" s="1" t="s">
        <v>134024</v>
      </c>
      <c r="E69824" s="1" t="s">
        <v>233100</v>
      </c>
      <c r="F69824" s="1" t="s">
        <v>233101</v>
      </c>
      <c r="G69824" s="1" t="s">
        <v>233016</v>
      </c>
      <c r="H69824" s="1" t="s">
        <v>233017</v>
      </c>
      <c r="I69824" s="1" t="s">
        <v>222698</v>
      </c>
      <c r="J69824" s="1" t="s">
        <v>233102</v>
      </c>
    </row>
    <row r="69825" spans="1:10" x14ac:dyDescent="0.35">
      <c r="A69825" s="1" t="s">
        <v>1391</v>
      </c>
      <c r="B69825" s="1" t="s">
        <v>222693</v>
      </c>
      <c r="C69825" s="1" t="s">
        <v>150</v>
      </c>
      <c r="D69825" s="1" t="s">
        <v>233103</v>
      </c>
      <c r="E69825" s="1" t="s">
        <v>233104</v>
      </c>
      <c r="F69825" s="1" t="s">
        <v>233105</v>
      </c>
      <c r="G69825" s="1" t="s">
        <v>233016</v>
      </c>
      <c r="H69825" s="1" t="s">
        <v>233017</v>
      </c>
      <c r="I69825" s="1" t="s">
        <v>222698</v>
      </c>
      <c r="J69825" s="1" t="s">
        <v>233106</v>
      </c>
    </row>
    <row r="69826" spans="1:10" x14ac:dyDescent="0.35">
      <c r="A69826" s="1" t="s">
        <v>1391</v>
      </c>
      <c r="B69826" s="1" t="s">
        <v>222693</v>
      </c>
      <c r="C69826" s="1" t="s">
        <v>155</v>
      </c>
      <c r="D69826" s="1" t="s">
        <v>76315</v>
      </c>
      <c r="E69826" s="1" t="s">
        <v>233107</v>
      </c>
      <c r="F69826" s="1" t="s">
        <v>233108</v>
      </c>
      <c r="G69826" s="1" t="s">
        <v>233016</v>
      </c>
      <c r="H69826" s="1" t="s">
        <v>233017</v>
      </c>
      <c r="I69826" s="1" t="s">
        <v>222698</v>
      </c>
      <c r="J69826" s="1" t="s">
        <v>233109</v>
      </c>
    </row>
    <row r="69827" spans="1:10" x14ac:dyDescent="0.35">
      <c r="A69827" s="1" t="s">
        <v>1391</v>
      </c>
      <c r="B69827" s="1" t="s">
        <v>222693</v>
      </c>
      <c r="C69827" s="1" t="s">
        <v>160</v>
      </c>
      <c r="D69827" s="1" t="s">
        <v>180304</v>
      </c>
      <c r="E69827" s="1" t="s">
        <v>233110</v>
      </c>
      <c r="F69827" s="1" t="s">
        <v>233111</v>
      </c>
      <c r="G69827" s="1" t="s">
        <v>233016</v>
      </c>
      <c r="H69827" s="1" t="s">
        <v>233017</v>
      </c>
      <c r="I69827" s="1" t="s">
        <v>222698</v>
      </c>
      <c r="J69827" s="1" t="s">
        <v>233112</v>
      </c>
    </row>
    <row r="69828" spans="1:10" x14ac:dyDescent="0.35">
      <c r="A69828" s="1" t="s">
        <v>1391</v>
      </c>
      <c r="B69828" s="1" t="s">
        <v>222693</v>
      </c>
      <c r="C69828" s="1" t="s">
        <v>165</v>
      </c>
      <c r="D69828" s="1" t="s">
        <v>163471</v>
      </c>
      <c r="E69828" s="1" t="s">
        <v>233113</v>
      </c>
      <c r="F69828" s="1" t="s">
        <v>233114</v>
      </c>
      <c r="G69828" s="1" t="s">
        <v>233016</v>
      </c>
      <c r="H69828" s="1" t="s">
        <v>233017</v>
      </c>
      <c r="I69828" s="1" t="s">
        <v>222698</v>
      </c>
      <c r="J69828" s="1" t="s">
        <v>233115</v>
      </c>
    </row>
    <row r="69829" spans="1:10" x14ac:dyDescent="0.35">
      <c r="A69829" s="1" t="s">
        <v>1391</v>
      </c>
      <c r="B69829" s="1" t="s">
        <v>222693</v>
      </c>
      <c r="C69829" s="1" t="s">
        <v>170</v>
      </c>
      <c r="D69829" s="1" t="s">
        <v>40071</v>
      </c>
      <c r="E69829" s="1" t="s">
        <v>233116</v>
      </c>
      <c r="F69829" s="1" t="s">
        <v>233117</v>
      </c>
      <c r="G69829" s="1" t="s">
        <v>233016</v>
      </c>
      <c r="H69829" s="1" t="s">
        <v>233017</v>
      </c>
      <c r="I69829" s="1" t="s">
        <v>222698</v>
      </c>
      <c r="J69829" s="1" t="s">
        <v>233118</v>
      </c>
    </row>
    <row r="69830" spans="1:10" x14ac:dyDescent="0.35">
      <c r="A69830" s="1" t="s">
        <v>45635</v>
      </c>
      <c r="B69830" s="1" t="s">
        <v>222693</v>
      </c>
      <c r="C69830" s="1" t="s">
        <v>8</v>
      </c>
      <c r="D69830" s="1" t="s">
        <v>59438</v>
      </c>
      <c r="E69830" s="1" t="s">
        <v>233119</v>
      </c>
      <c r="F69830" s="1" t="s">
        <v>233120</v>
      </c>
      <c r="G69830" s="1" t="s">
        <v>233121</v>
      </c>
      <c r="H69830" s="1" t="s">
        <v>233122</v>
      </c>
      <c r="I69830" s="1" t="s">
        <v>222698</v>
      </c>
      <c r="J69830" s="1" t="s">
        <v>13</v>
      </c>
    </row>
    <row r="69831" spans="1:10" x14ac:dyDescent="0.35">
      <c r="A69831" s="1" t="s">
        <v>45635</v>
      </c>
      <c r="B69831" s="1" t="s">
        <v>222693</v>
      </c>
      <c r="C69831" s="1" t="s">
        <v>15</v>
      </c>
      <c r="D69831" s="1" t="s">
        <v>138407</v>
      </c>
      <c r="E69831" s="1" t="s">
        <v>233123</v>
      </c>
      <c r="F69831" s="1" t="s">
        <v>233124</v>
      </c>
      <c r="G69831" s="1" t="s">
        <v>233121</v>
      </c>
      <c r="H69831" s="1" t="s">
        <v>233122</v>
      </c>
      <c r="I69831" s="1" t="s">
        <v>222698</v>
      </c>
      <c r="J69831" s="1" t="s">
        <v>233125</v>
      </c>
    </row>
    <row r="69832" spans="1:10" x14ac:dyDescent="0.35">
      <c r="A69832" s="1" t="s">
        <v>45635</v>
      </c>
      <c r="B69832" s="1" t="s">
        <v>222693</v>
      </c>
      <c r="C69832" s="1" t="s">
        <v>20</v>
      </c>
      <c r="D69832" s="1" t="s">
        <v>233126</v>
      </c>
      <c r="E69832" s="1" t="s">
        <v>233127</v>
      </c>
      <c r="F69832" s="1" t="s">
        <v>233128</v>
      </c>
      <c r="G69832" s="1" t="s">
        <v>233121</v>
      </c>
      <c r="H69832" s="1" t="s">
        <v>233122</v>
      </c>
      <c r="I69832" s="1" t="s">
        <v>222698</v>
      </c>
      <c r="J69832" s="1" t="s">
        <v>233129</v>
      </c>
    </row>
    <row r="69833" spans="1:10" x14ac:dyDescent="0.35">
      <c r="A69833" s="1" t="s">
        <v>45635</v>
      </c>
      <c r="B69833" s="1" t="s">
        <v>222693</v>
      </c>
      <c r="C69833" s="1" t="s">
        <v>25</v>
      </c>
      <c r="D69833" s="1" t="s">
        <v>190630</v>
      </c>
      <c r="E69833" s="1" t="s">
        <v>233130</v>
      </c>
      <c r="F69833" s="1" t="s">
        <v>233131</v>
      </c>
      <c r="G69833" s="1" t="s">
        <v>233121</v>
      </c>
      <c r="H69833" s="1" t="s">
        <v>233122</v>
      </c>
      <c r="I69833" s="1" t="s">
        <v>222698</v>
      </c>
      <c r="J69833" s="1" t="s">
        <v>233132</v>
      </c>
    </row>
    <row r="69834" spans="1:10" x14ac:dyDescent="0.35">
      <c r="A69834" s="1" t="s">
        <v>45635</v>
      </c>
      <c r="B69834" s="1" t="s">
        <v>222693</v>
      </c>
      <c r="C69834" s="1" t="s">
        <v>30</v>
      </c>
      <c r="D69834" s="1" t="s">
        <v>7373</v>
      </c>
      <c r="E69834" s="1" t="s">
        <v>233133</v>
      </c>
      <c r="F69834" s="1" t="s">
        <v>233134</v>
      </c>
      <c r="G69834" s="1" t="s">
        <v>233121</v>
      </c>
      <c r="H69834" s="1" t="s">
        <v>233122</v>
      </c>
      <c r="I69834" s="1" t="s">
        <v>222698</v>
      </c>
      <c r="J69834" s="1" t="s">
        <v>233135</v>
      </c>
    </row>
    <row r="69835" spans="1:10" x14ac:dyDescent="0.35">
      <c r="A69835" s="1" t="s">
        <v>45635</v>
      </c>
      <c r="B69835" s="1" t="s">
        <v>222693</v>
      </c>
      <c r="C69835" s="1" t="s">
        <v>35</v>
      </c>
      <c r="D69835" s="1" t="s">
        <v>136081</v>
      </c>
      <c r="E69835" s="1" t="s">
        <v>233136</v>
      </c>
      <c r="F69835" s="1" t="s">
        <v>233137</v>
      </c>
      <c r="G69835" s="1" t="s">
        <v>233121</v>
      </c>
      <c r="H69835" s="1" t="s">
        <v>233122</v>
      </c>
      <c r="I69835" s="1" t="s">
        <v>222698</v>
      </c>
      <c r="J69835" s="1" t="s">
        <v>233138</v>
      </c>
    </row>
    <row r="69836" spans="1:10" x14ac:dyDescent="0.35">
      <c r="A69836" s="1" t="s">
        <v>45635</v>
      </c>
      <c r="B69836" s="1" t="s">
        <v>222693</v>
      </c>
      <c r="C69836" s="1" t="s">
        <v>40</v>
      </c>
      <c r="D69836" s="1" t="s">
        <v>65405</v>
      </c>
      <c r="E69836" s="1" t="s">
        <v>233139</v>
      </c>
      <c r="F69836" s="1" t="s">
        <v>233140</v>
      </c>
      <c r="G69836" s="1" t="s">
        <v>233121</v>
      </c>
      <c r="H69836" s="1" t="s">
        <v>233122</v>
      </c>
      <c r="I69836" s="1" t="s">
        <v>222698</v>
      </c>
      <c r="J69836" s="1" t="s">
        <v>233141</v>
      </c>
    </row>
    <row r="69837" spans="1:10" x14ac:dyDescent="0.35">
      <c r="A69837" s="1" t="s">
        <v>45635</v>
      </c>
      <c r="B69837" s="1" t="s">
        <v>222693</v>
      </c>
      <c r="C69837" s="1" t="s">
        <v>45</v>
      </c>
      <c r="D69837" s="1" t="s">
        <v>56008</v>
      </c>
      <c r="E69837" s="1" t="s">
        <v>233142</v>
      </c>
      <c r="F69837" s="1" t="s">
        <v>233143</v>
      </c>
      <c r="G69837" s="1" t="s">
        <v>233121</v>
      </c>
      <c r="H69837" s="1" t="s">
        <v>233122</v>
      </c>
      <c r="I69837" s="1" t="s">
        <v>222698</v>
      </c>
      <c r="J69837" s="1" t="s">
        <v>233144</v>
      </c>
    </row>
    <row r="69838" spans="1:10" x14ac:dyDescent="0.35">
      <c r="A69838" s="1" t="s">
        <v>45635</v>
      </c>
      <c r="B69838" s="1" t="s">
        <v>222693</v>
      </c>
      <c r="C69838" s="1" t="s">
        <v>50</v>
      </c>
      <c r="D69838" s="1" t="s">
        <v>139159</v>
      </c>
      <c r="E69838" s="1" t="s">
        <v>233145</v>
      </c>
      <c r="F69838" s="1" t="s">
        <v>233146</v>
      </c>
      <c r="G69838" s="1" t="s">
        <v>233121</v>
      </c>
      <c r="H69838" s="1" t="s">
        <v>233122</v>
      </c>
      <c r="I69838" s="1" t="s">
        <v>222698</v>
      </c>
      <c r="J69838" s="1" t="s">
        <v>233147</v>
      </c>
    </row>
    <row r="69839" spans="1:10" x14ac:dyDescent="0.35">
      <c r="A69839" s="1" t="s">
        <v>45635</v>
      </c>
      <c r="B69839" s="1" t="s">
        <v>222693</v>
      </c>
      <c r="C69839" s="1" t="s">
        <v>55</v>
      </c>
      <c r="D69839" s="1" t="s">
        <v>200795</v>
      </c>
      <c r="E69839" s="1" t="s">
        <v>233148</v>
      </c>
      <c r="F69839" s="1" t="s">
        <v>233149</v>
      </c>
      <c r="G69839" s="1" t="s">
        <v>233121</v>
      </c>
      <c r="H69839" s="1" t="s">
        <v>233122</v>
      </c>
      <c r="I69839" s="1" t="s">
        <v>222698</v>
      </c>
      <c r="J69839" s="1" t="s">
        <v>233150</v>
      </c>
    </row>
    <row r="69840" spans="1:10" x14ac:dyDescent="0.35">
      <c r="A69840" s="1" t="s">
        <v>45635</v>
      </c>
      <c r="B69840" s="1" t="s">
        <v>222693</v>
      </c>
      <c r="C69840" s="1" t="s">
        <v>60</v>
      </c>
      <c r="D69840" s="1" t="s">
        <v>129494</v>
      </c>
      <c r="E69840" s="1" t="s">
        <v>233151</v>
      </c>
      <c r="F69840" s="1" t="s">
        <v>233152</v>
      </c>
      <c r="G69840" s="1" t="s">
        <v>233121</v>
      </c>
      <c r="H69840" s="1" t="s">
        <v>233122</v>
      </c>
      <c r="I69840" s="1" t="s">
        <v>222698</v>
      </c>
      <c r="J69840" s="1" t="s">
        <v>233153</v>
      </c>
    </row>
    <row r="69841" spans="1:10" x14ac:dyDescent="0.35">
      <c r="A69841" s="1" t="s">
        <v>45635</v>
      </c>
      <c r="B69841" s="1" t="s">
        <v>222693</v>
      </c>
      <c r="C69841" s="1" t="s">
        <v>65</v>
      </c>
      <c r="D69841" s="1" t="s">
        <v>233154</v>
      </c>
      <c r="E69841" s="1" t="s">
        <v>233155</v>
      </c>
      <c r="F69841" s="1" t="s">
        <v>233156</v>
      </c>
      <c r="G69841" s="1" t="s">
        <v>233121</v>
      </c>
      <c r="H69841" s="1" t="s">
        <v>233122</v>
      </c>
      <c r="I69841" s="1" t="s">
        <v>222698</v>
      </c>
      <c r="J69841" s="1" t="s">
        <v>233157</v>
      </c>
    </row>
    <row r="69842" spans="1:10" x14ac:dyDescent="0.35">
      <c r="A69842" s="1" t="s">
        <v>45635</v>
      </c>
      <c r="B69842" s="1" t="s">
        <v>222693</v>
      </c>
      <c r="C69842" s="1" t="s">
        <v>70</v>
      </c>
      <c r="D69842" s="1" t="s">
        <v>133453</v>
      </c>
      <c r="E69842" s="1" t="s">
        <v>233158</v>
      </c>
      <c r="F69842" s="1" t="s">
        <v>233159</v>
      </c>
      <c r="G69842" s="1" t="s">
        <v>233121</v>
      </c>
      <c r="H69842" s="1" t="s">
        <v>233122</v>
      </c>
      <c r="I69842" s="1" t="s">
        <v>222698</v>
      </c>
      <c r="J69842" s="1" t="s">
        <v>233160</v>
      </c>
    </row>
    <row r="69843" spans="1:10" x14ac:dyDescent="0.35">
      <c r="A69843" s="1" t="s">
        <v>45635</v>
      </c>
      <c r="B69843" s="1" t="s">
        <v>222693</v>
      </c>
      <c r="C69843" s="1" t="s">
        <v>75</v>
      </c>
      <c r="D69843" s="1" t="s">
        <v>233161</v>
      </c>
      <c r="E69843" s="1" t="s">
        <v>233162</v>
      </c>
      <c r="F69843" s="1" t="s">
        <v>233163</v>
      </c>
      <c r="G69843" s="1" t="s">
        <v>233121</v>
      </c>
      <c r="H69843" s="1" t="s">
        <v>233122</v>
      </c>
      <c r="I69843" s="1" t="s">
        <v>222698</v>
      </c>
      <c r="J69843" s="1" t="s">
        <v>233164</v>
      </c>
    </row>
    <row r="69844" spans="1:10" x14ac:dyDescent="0.35">
      <c r="A69844" s="1" t="s">
        <v>45635</v>
      </c>
      <c r="B69844" s="1" t="s">
        <v>222693</v>
      </c>
      <c r="C69844" s="1" t="s">
        <v>80</v>
      </c>
      <c r="D69844" s="1" t="s">
        <v>84823</v>
      </c>
      <c r="E69844" s="1" t="s">
        <v>233165</v>
      </c>
      <c r="F69844" s="1" t="s">
        <v>233166</v>
      </c>
      <c r="G69844" s="1" t="s">
        <v>233121</v>
      </c>
      <c r="H69844" s="1" t="s">
        <v>233122</v>
      </c>
      <c r="I69844" s="1" t="s">
        <v>222698</v>
      </c>
      <c r="J69844" s="1" t="s">
        <v>233167</v>
      </c>
    </row>
    <row r="69845" spans="1:10" x14ac:dyDescent="0.35">
      <c r="A69845" s="1" t="s">
        <v>45635</v>
      </c>
      <c r="B69845" s="1" t="s">
        <v>222693</v>
      </c>
      <c r="C69845" s="1" t="s">
        <v>85</v>
      </c>
      <c r="D69845" s="1" t="s">
        <v>61202</v>
      </c>
      <c r="E69845" s="1" t="s">
        <v>233168</v>
      </c>
      <c r="F69845" s="1" t="s">
        <v>233169</v>
      </c>
      <c r="G69845" s="1" t="s">
        <v>233121</v>
      </c>
      <c r="H69845" s="1" t="s">
        <v>233122</v>
      </c>
      <c r="I69845" s="1" t="s">
        <v>222698</v>
      </c>
      <c r="J69845" s="1" t="s">
        <v>233170</v>
      </c>
    </row>
    <row r="69846" spans="1:10" x14ac:dyDescent="0.35">
      <c r="A69846" s="1" t="s">
        <v>45635</v>
      </c>
      <c r="B69846" s="1" t="s">
        <v>222693</v>
      </c>
      <c r="C69846" s="1" t="s">
        <v>90</v>
      </c>
      <c r="D69846" s="1" t="s">
        <v>164867</v>
      </c>
      <c r="E69846" s="1" t="s">
        <v>233171</v>
      </c>
      <c r="F69846" s="1" t="s">
        <v>233172</v>
      </c>
      <c r="G69846" s="1" t="s">
        <v>233121</v>
      </c>
      <c r="H69846" s="1" t="s">
        <v>233122</v>
      </c>
      <c r="I69846" s="1" t="s">
        <v>222698</v>
      </c>
      <c r="J69846" s="1" t="s">
        <v>233173</v>
      </c>
    </row>
    <row r="69847" spans="1:10" x14ac:dyDescent="0.35">
      <c r="A69847" s="1" t="s">
        <v>45635</v>
      </c>
      <c r="B69847" s="1" t="s">
        <v>222693</v>
      </c>
      <c r="C69847" s="1" t="s">
        <v>95</v>
      </c>
      <c r="D69847" s="1" t="s">
        <v>233174</v>
      </c>
      <c r="E69847" s="1" t="s">
        <v>233175</v>
      </c>
      <c r="F69847" s="1" t="s">
        <v>233176</v>
      </c>
      <c r="G69847" s="1" t="s">
        <v>233121</v>
      </c>
      <c r="H69847" s="1" t="s">
        <v>233122</v>
      </c>
      <c r="I69847" s="1" t="s">
        <v>222698</v>
      </c>
      <c r="J69847" s="1" t="s">
        <v>233177</v>
      </c>
    </row>
    <row r="69848" spans="1:10" x14ac:dyDescent="0.35">
      <c r="A69848" s="1" t="s">
        <v>45635</v>
      </c>
      <c r="B69848" s="1" t="s">
        <v>222693</v>
      </c>
      <c r="C69848" s="1" t="s">
        <v>100</v>
      </c>
      <c r="D69848" s="1" t="s">
        <v>169219</v>
      </c>
      <c r="E69848" s="1" t="s">
        <v>233178</v>
      </c>
      <c r="F69848" s="1" t="s">
        <v>233179</v>
      </c>
      <c r="G69848" s="1" t="s">
        <v>233121</v>
      </c>
      <c r="H69848" s="1" t="s">
        <v>233122</v>
      </c>
      <c r="I69848" s="1" t="s">
        <v>222698</v>
      </c>
      <c r="J69848" s="1" t="s">
        <v>233180</v>
      </c>
    </row>
    <row r="69849" spans="1:10" x14ac:dyDescent="0.35">
      <c r="A69849" s="1" t="s">
        <v>45635</v>
      </c>
      <c r="B69849" s="1" t="s">
        <v>222693</v>
      </c>
      <c r="C69849" s="1" t="s">
        <v>105</v>
      </c>
      <c r="D69849" s="1" t="s">
        <v>233181</v>
      </c>
      <c r="E69849" s="1" t="s">
        <v>233182</v>
      </c>
      <c r="F69849" s="1" t="s">
        <v>233183</v>
      </c>
      <c r="G69849" s="1" t="s">
        <v>233121</v>
      </c>
      <c r="H69849" s="1" t="s">
        <v>233122</v>
      </c>
      <c r="I69849" s="1" t="s">
        <v>222698</v>
      </c>
      <c r="J69849" s="1" t="s">
        <v>233184</v>
      </c>
    </row>
    <row r="69850" spans="1:10" x14ac:dyDescent="0.35">
      <c r="A69850" s="1" t="s">
        <v>45635</v>
      </c>
      <c r="B69850" s="1" t="s">
        <v>222693</v>
      </c>
      <c r="C69850" s="1" t="s">
        <v>110</v>
      </c>
      <c r="D69850" s="1" t="s">
        <v>231501</v>
      </c>
      <c r="E69850" s="1" t="s">
        <v>233185</v>
      </c>
      <c r="F69850" s="1" t="s">
        <v>233186</v>
      </c>
      <c r="G69850" s="1" t="s">
        <v>233121</v>
      </c>
      <c r="H69850" s="1" t="s">
        <v>233122</v>
      </c>
      <c r="I69850" s="1" t="s">
        <v>222698</v>
      </c>
      <c r="J69850" s="1" t="s">
        <v>233187</v>
      </c>
    </row>
    <row r="69851" spans="1:10" x14ac:dyDescent="0.35">
      <c r="A69851" s="1" t="s">
        <v>45635</v>
      </c>
      <c r="B69851" s="1" t="s">
        <v>222693</v>
      </c>
      <c r="C69851" s="1" t="s">
        <v>115</v>
      </c>
      <c r="D69851" s="1" t="s">
        <v>233188</v>
      </c>
      <c r="E69851" s="1" t="s">
        <v>233189</v>
      </c>
      <c r="F69851" s="1" t="s">
        <v>233190</v>
      </c>
      <c r="G69851" s="1" t="s">
        <v>233121</v>
      </c>
      <c r="H69851" s="1" t="s">
        <v>233122</v>
      </c>
      <c r="I69851" s="1" t="s">
        <v>222698</v>
      </c>
      <c r="J69851" s="1" t="s">
        <v>233191</v>
      </c>
    </row>
    <row r="69852" spans="1:10" x14ac:dyDescent="0.35">
      <c r="A69852" s="1" t="s">
        <v>45635</v>
      </c>
      <c r="B69852" s="1" t="s">
        <v>222693</v>
      </c>
      <c r="C69852" s="1" t="s">
        <v>120</v>
      </c>
      <c r="D69852" s="1" t="s">
        <v>41164</v>
      </c>
      <c r="E69852" s="1" t="s">
        <v>233192</v>
      </c>
      <c r="F69852" s="1" t="s">
        <v>233193</v>
      </c>
      <c r="G69852" s="1" t="s">
        <v>233121</v>
      </c>
      <c r="H69852" s="1" t="s">
        <v>233122</v>
      </c>
      <c r="I69852" s="1" t="s">
        <v>222698</v>
      </c>
      <c r="J69852" s="1" t="s">
        <v>233194</v>
      </c>
    </row>
    <row r="69853" spans="1:10" x14ac:dyDescent="0.35">
      <c r="A69853" s="1" t="s">
        <v>45635</v>
      </c>
      <c r="B69853" s="1" t="s">
        <v>222693</v>
      </c>
      <c r="C69853" s="1" t="s">
        <v>125</v>
      </c>
      <c r="D69853" s="1" t="s">
        <v>79419</v>
      </c>
      <c r="E69853" s="1" t="s">
        <v>233195</v>
      </c>
      <c r="F69853" s="1" t="s">
        <v>233196</v>
      </c>
      <c r="G69853" s="1" t="s">
        <v>233121</v>
      </c>
      <c r="H69853" s="1" t="s">
        <v>233122</v>
      </c>
      <c r="I69853" s="1" t="s">
        <v>222698</v>
      </c>
      <c r="J69853" s="1" t="s">
        <v>233197</v>
      </c>
    </row>
    <row r="69854" spans="1:10" x14ac:dyDescent="0.35">
      <c r="A69854" s="1" t="s">
        <v>45635</v>
      </c>
      <c r="B69854" s="1" t="s">
        <v>222693</v>
      </c>
      <c r="C69854" s="1" t="s">
        <v>130</v>
      </c>
      <c r="D69854" s="1" t="s">
        <v>233198</v>
      </c>
      <c r="E69854" s="1" t="s">
        <v>233199</v>
      </c>
      <c r="F69854" s="1" t="s">
        <v>233200</v>
      </c>
      <c r="G69854" s="1" t="s">
        <v>233121</v>
      </c>
      <c r="H69854" s="1" t="s">
        <v>233122</v>
      </c>
      <c r="I69854" s="1" t="s">
        <v>222698</v>
      </c>
      <c r="J69854" s="1" t="s">
        <v>233201</v>
      </c>
    </row>
    <row r="69855" spans="1:10" x14ac:dyDescent="0.35">
      <c r="A69855" s="1" t="s">
        <v>45635</v>
      </c>
      <c r="B69855" s="1" t="s">
        <v>222693</v>
      </c>
      <c r="C69855" s="1" t="s">
        <v>135</v>
      </c>
      <c r="D69855" s="1" t="s">
        <v>233202</v>
      </c>
      <c r="E69855" s="1" t="s">
        <v>233203</v>
      </c>
      <c r="F69855" s="1" t="s">
        <v>233204</v>
      </c>
      <c r="G69855" s="1" t="s">
        <v>233121</v>
      </c>
      <c r="H69855" s="1" t="s">
        <v>233122</v>
      </c>
      <c r="I69855" s="1" t="s">
        <v>222698</v>
      </c>
      <c r="J69855" s="1" t="s">
        <v>233205</v>
      </c>
    </row>
    <row r="69856" spans="1:10" x14ac:dyDescent="0.35">
      <c r="A69856" s="1" t="s">
        <v>45635</v>
      </c>
      <c r="B69856" s="1" t="s">
        <v>222693</v>
      </c>
      <c r="C69856" s="1" t="s">
        <v>140</v>
      </c>
      <c r="D69856" s="1" t="s">
        <v>233206</v>
      </c>
      <c r="E69856" s="1" t="s">
        <v>233207</v>
      </c>
      <c r="F69856" s="1" t="s">
        <v>233208</v>
      </c>
      <c r="G69856" s="1" t="s">
        <v>233121</v>
      </c>
      <c r="H69856" s="1" t="s">
        <v>233122</v>
      </c>
      <c r="I69856" s="1" t="s">
        <v>222698</v>
      </c>
      <c r="J69856" s="1" t="s">
        <v>233209</v>
      </c>
    </row>
    <row r="69857" spans="1:10" x14ac:dyDescent="0.35">
      <c r="A69857" s="1" t="s">
        <v>45635</v>
      </c>
      <c r="B69857" s="1" t="s">
        <v>222693</v>
      </c>
      <c r="C69857" s="1" t="s">
        <v>145</v>
      </c>
      <c r="D69857" s="1" t="s">
        <v>233210</v>
      </c>
      <c r="E69857" s="1" t="s">
        <v>233211</v>
      </c>
      <c r="F69857" s="1" t="s">
        <v>233212</v>
      </c>
      <c r="G69857" s="1" t="s">
        <v>233121</v>
      </c>
      <c r="H69857" s="1" t="s">
        <v>233122</v>
      </c>
      <c r="I69857" s="1" t="s">
        <v>222698</v>
      </c>
      <c r="J69857" s="1" t="s">
        <v>233213</v>
      </c>
    </row>
    <row r="69858" spans="1:10" x14ac:dyDescent="0.35">
      <c r="A69858" s="1" t="s">
        <v>45635</v>
      </c>
      <c r="B69858" s="1" t="s">
        <v>222693</v>
      </c>
      <c r="C69858" s="1" t="s">
        <v>150</v>
      </c>
      <c r="D69858" s="1" t="s">
        <v>233214</v>
      </c>
      <c r="E69858" s="1" t="s">
        <v>233215</v>
      </c>
      <c r="F69858" s="1" t="s">
        <v>233216</v>
      </c>
      <c r="G69858" s="1" t="s">
        <v>233121</v>
      </c>
      <c r="H69858" s="1" t="s">
        <v>233122</v>
      </c>
      <c r="I69858" s="1" t="s">
        <v>222698</v>
      </c>
      <c r="J69858" s="1" t="s">
        <v>233217</v>
      </c>
    </row>
    <row r="69859" spans="1:10" x14ac:dyDescent="0.35">
      <c r="A69859" s="1" t="s">
        <v>45635</v>
      </c>
      <c r="B69859" s="1" t="s">
        <v>222693</v>
      </c>
      <c r="C69859" s="1" t="s">
        <v>155</v>
      </c>
      <c r="D69859" s="1" t="s">
        <v>233218</v>
      </c>
      <c r="E69859" s="1" t="s">
        <v>233219</v>
      </c>
      <c r="F69859" s="1" t="s">
        <v>233220</v>
      </c>
      <c r="G69859" s="1" t="s">
        <v>233121</v>
      </c>
      <c r="H69859" s="1" t="s">
        <v>233122</v>
      </c>
      <c r="I69859" s="1" t="s">
        <v>222698</v>
      </c>
      <c r="J69859" s="1" t="s">
        <v>233221</v>
      </c>
    </row>
    <row r="69860" spans="1:10" x14ac:dyDescent="0.35">
      <c r="A69860" s="1" t="s">
        <v>45635</v>
      </c>
      <c r="B69860" s="1" t="s">
        <v>222693</v>
      </c>
      <c r="C69860" s="1" t="s">
        <v>160</v>
      </c>
      <c r="D69860" s="1" t="s">
        <v>100995</v>
      </c>
      <c r="E69860" s="1" t="s">
        <v>233222</v>
      </c>
      <c r="F69860" s="1" t="s">
        <v>233223</v>
      </c>
      <c r="G69860" s="1" t="s">
        <v>233121</v>
      </c>
      <c r="H69860" s="1" t="s">
        <v>233122</v>
      </c>
      <c r="I69860" s="1" t="s">
        <v>222698</v>
      </c>
      <c r="J69860" s="1" t="s">
        <v>233224</v>
      </c>
    </row>
    <row r="69861" spans="1:10" x14ac:dyDescent="0.35">
      <c r="A69861" s="1" t="s">
        <v>45635</v>
      </c>
      <c r="B69861" s="1" t="s">
        <v>222693</v>
      </c>
      <c r="C69861" s="1" t="s">
        <v>165</v>
      </c>
      <c r="D69861" s="1" t="s">
        <v>233225</v>
      </c>
      <c r="E69861" s="1" t="s">
        <v>233226</v>
      </c>
      <c r="F69861" s="1" t="s">
        <v>233227</v>
      </c>
      <c r="G69861" s="1" t="s">
        <v>233121</v>
      </c>
      <c r="H69861" s="1" t="s">
        <v>233122</v>
      </c>
      <c r="I69861" s="1" t="s">
        <v>222698</v>
      </c>
      <c r="J69861" s="1" t="s">
        <v>233228</v>
      </c>
    </row>
    <row r="69862" spans="1:10" x14ac:dyDescent="0.35">
      <c r="A69862" s="1" t="s">
        <v>45635</v>
      </c>
      <c r="B69862" s="1" t="s">
        <v>222693</v>
      </c>
      <c r="C69862" s="1" t="s">
        <v>170</v>
      </c>
      <c r="D69862" s="1" t="s">
        <v>54041</v>
      </c>
      <c r="E69862" s="1" t="s">
        <v>233229</v>
      </c>
      <c r="F69862" s="1" t="s">
        <v>233230</v>
      </c>
      <c r="G69862" s="1" t="s">
        <v>233121</v>
      </c>
      <c r="H69862" s="1" t="s">
        <v>233122</v>
      </c>
      <c r="I69862" s="1" t="s">
        <v>222698</v>
      </c>
      <c r="J69862" s="1" t="s">
        <v>233231</v>
      </c>
    </row>
    <row r="69863" spans="1:10" x14ac:dyDescent="0.35">
      <c r="A69863" s="1" t="s">
        <v>156380</v>
      </c>
      <c r="B69863" s="1" t="s">
        <v>222693</v>
      </c>
      <c r="C69863" s="1" t="s">
        <v>8</v>
      </c>
      <c r="D69863" s="1" t="s">
        <v>100474</v>
      </c>
      <c r="E69863" s="1" t="s">
        <v>233232</v>
      </c>
      <c r="F69863" s="1" t="s">
        <v>233233</v>
      </c>
      <c r="G69863" s="1" t="s">
        <v>233234</v>
      </c>
      <c r="H69863" s="1" t="s">
        <v>233235</v>
      </c>
      <c r="I69863" s="1" t="s">
        <v>222698</v>
      </c>
      <c r="J69863" s="1" t="s">
        <v>13</v>
      </c>
    </row>
    <row r="69864" spans="1:10" x14ac:dyDescent="0.35">
      <c r="A69864" s="1" t="s">
        <v>156380</v>
      </c>
      <c r="B69864" s="1" t="s">
        <v>222693</v>
      </c>
      <c r="C69864" s="1" t="s">
        <v>15</v>
      </c>
      <c r="D69864" s="1" t="s">
        <v>139207</v>
      </c>
      <c r="E69864" s="1" t="s">
        <v>233236</v>
      </c>
      <c r="F69864" s="1" t="s">
        <v>233237</v>
      </c>
      <c r="G69864" s="1" t="s">
        <v>233234</v>
      </c>
      <c r="H69864" s="1" t="s">
        <v>233235</v>
      </c>
      <c r="I69864" s="1" t="s">
        <v>222698</v>
      </c>
      <c r="J69864" s="1" t="s">
        <v>233238</v>
      </c>
    </row>
    <row r="69865" spans="1:10" x14ac:dyDescent="0.35">
      <c r="A69865" s="1" t="s">
        <v>156380</v>
      </c>
      <c r="B69865" s="1" t="s">
        <v>222693</v>
      </c>
      <c r="C69865" s="1" t="s">
        <v>20</v>
      </c>
      <c r="D69865" s="1" t="s">
        <v>233239</v>
      </c>
      <c r="E69865" s="1" t="s">
        <v>233240</v>
      </c>
      <c r="F69865" s="1" t="s">
        <v>233241</v>
      </c>
      <c r="G69865" s="1" t="s">
        <v>233234</v>
      </c>
      <c r="H69865" s="1" t="s">
        <v>233235</v>
      </c>
      <c r="I69865" s="1" t="s">
        <v>222698</v>
      </c>
      <c r="J69865" s="1" t="s">
        <v>233242</v>
      </c>
    </row>
    <row r="69866" spans="1:10" x14ac:dyDescent="0.35">
      <c r="A69866" s="1" t="s">
        <v>156380</v>
      </c>
      <c r="B69866" s="1" t="s">
        <v>222693</v>
      </c>
      <c r="C69866" s="1" t="s">
        <v>25</v>
      </c>
      <c r="D69866" s="1" t="s">
        <v>76040</v>
      </c>
      <c r="E69866" s="1" t="s">
        <v>233243</v>
      </c>
      <c r="F69866" s="1" t="s">
        <v>233244</v>
      </c>
      <c r="G69866" s="1" t="s">
        <v>233234</v>
      </c>
      <c r="H69866" s="1" t="s">
        <v>233235</v>
      </c>
      <c r="I69866" s="1" t="s">
        <v>222698</v>
      </c>
      <c r="J69866" s="1" t="s">
        <v>233245</v>
      </c>
    </row>
    <row r="69867" spans="1:10" x14ac:dyDescent="0.35">
      <c r="A69867" s="1" t="s">
        <v>156380</v>
      </c>
      <c r="B69867" s="1" t="s">
        <v>222693</v>
      </c>
      <c r="C69867" s="1" t="s">
        <v>30</v>
      </c>
      <c r="D69867" s="1" t="s">
        <v>56534</v>
      </c>
      <c r="E69867" s="1" t="s">
        <v>233246</v>
      </c>
      <c r="F69867" s="1" t="s">
        <v>233247</v>
      </c>
      <c r="G69867" s="1" t="s">
        <v>233234</v>
      </c>
      <c r="H69867" s="1" t="s">
        <v>233235</v>
      </c>
      <c r="I69867" s="1" t="s">
        <v>222698</v>
      </c>
      <c r="J69867" s="1" t="s">
        <v>233248</v>
      </c>
    </row>
    <row r="69868" spans="1:10" x14ac:dyDescent="0.35">
      <c r="A69868" s="1" t="s">
        <v>156380</v>
      </c>
      <c r="B69868" s="1" t="s">
        <v>222693</v>
      </c>
      <c r="C69868" s="1" t="s">
        <v>35</v>
      </c>
      <c r="D69868" s="1" t="s">
        <v>167479</v>
      </c>
      <c r="E69868" s="1" t="s">
        <v>233249</v>
      </c>
      <c r="F69868" s="1" t="s">
        <v>233250</v>
      </c>
      <c r="G69868" s="1" t="s">
        <v>233234</v>
      </c>
      <c r="H69868" s="1" t="s">
        <v>233235</v>
      </c>
      <c r="I69868" s="1" t="s">
        <v>222698</v>
      </c>
      <c r="J69868" s="1" t="s">
        <v>233251</v>
      </c>
    </row>
    <row r="69869" spans="1:10" x14ac:dyDescent="0.35">
      <c r="A69869" s="1" t="s">
        <v>156380</v>
      </c>
      <c r="B69869" s="1" t="s">
        <v>222693</v>
      </c>
      <c r="C69869" s="1" t="s">
        <v>40</v>
      </c>
      <c r="D69869" s="1" t="s">
        <v>130307</v>
      </c>
      <c r="E69869" s="1" t="s">
        <v>233252</v>
      </c>
      <c r="F69869" s="1" t="s">
        <v>233253</v>
      </c>
      <c r="G69869" s="1" t="s">
        <v>233234</v>
      </c>
      <c r="H69869" s="1" t="s">
        <v>233235</v>
      </c>
      <c r="I69869" s="1" t="s">
        <v>222698</v>
      </c>
      <c r="J69869" s="1" t="s">
        <v>233254</v>
      </c>
    </row>
    <row r="69870" spans="1:10" x14ac:dyDescent="0.35">
      <c r="A69870" s="1" t="s">
        <v>156380</v>
      </c>
      <c r="B69870" s="1" t="s">
        <v>222693</v>
      </c>
      <c r="C69870" s="1" t="s">
        <v>45</v>
      </c>
      <c r="D69870" s="1" t="s">
        <v>94968</v>
      </c>
      <c r="E69870" s="1" t="s">
        <v>233255</v>
      </c>
      <c r="F69870" s="1" t="s">
        <v>233256</v>
      </c>
      <c r="G69870" s="1" t="s">
        <v>233234</v>
      </c>
      <c r="H69870" s="1" t="s">
        <v>233235</v>
      </c>
      <c r="I69870" s="1" t="s">
        <v>222698</v>
      </c>
      <c r="J69870" s="1" t="s">
        <v>233257</v>
      </c>
    </row>
    <row r="69871" spans="1:10" x14ac:dyDescent="0.35">
      <c r="A69871" s="1" t="s">
        <v>156380</v>
      </c>
      <c r="B69871" s="1" t="s">
        <v>222693</v>
      </c>
      <c r="C69871" s="1" t="s">
        <v>50</v>
      </c>
      <c r="D69871" s="1" t="s">
        <v>84791</v>
      </c>
      <c r="E69871" s="1" t="s">
        <v>233258</v>
      </c>
      <c r="F69871" s="1" t="s">
        <v>233259</v>
      </c>
      <c r="G69871" s="1" t="s">
        <v>233234</v>
      </c>
      <c r="H69871" s="1" t="s">
        <v>233235</v>
      </c>
      <c r="I69871" s="1" t="s">
        <v>222698</v>
      </c>
      <c r="J69871" s="1" t="s">
        <v>233260</v>
      </c>
    </row>
    <row r="69872" spans="1:10" x14ac:dyDescent="0.35">
      <c r="A69872" s="1" t="s">
        <v>156380</v>
      </c>
      <c r="B69872" s="1" t="s">
        <v>222693</v>
      </c>
      <c r="C69872" s="1" t="s">
        <v>55</v>
      </c>
      <c r="D69872" s="1" t="s">
        <v>62111</v>
      </c>
      <c r="E69872" s="1" t="s">
        <v>233261</v>
      </c>
      <c r="F69872" s="1" t="s">
        <v>233262</v>
      </c>
      <c r="G69872" s="1" t="s">
        <v>233234</v>
      </c>
      <c r="H69872" s="1" t="s">
        <v>233235</v>
      </c>
      <c r="I69872" s="1" t="s">
        <v>222698</v>
      </c>
      <c r="J69872" s="1" t="s">
        <v>233263</v>
      </c>
    </row>
    <row r="69873" spans="1:10" x14ac:dyDescent="0.35">
      <c r="A69873" s="1" t="s">
        <v>156380</v>
      </c>
      <c r="B69873" s="1" t="s">
        <v>222693</v>
      </c>
      <c r="C69873" s="1" t="s">
        <v>60</v>
      </c>
      <c r="D69873" s="1" t="s">
        <v>233264</v>
      </c>
      <c r="E69873" s="1" t="s">
        <v>233265</v>
      </c>
      <c r="F69873" s="1" t="s">
        <v>233266</v>
      </c>
      <c r="G69873" s="1" t="s">
        <v>233234</v>
      </c>
      <c r="H69873" s="1" t="s">
        <v>233235</v>
      </c>
      <c r="I69873" s="1" t="s">
        <v>222698</v>
      </c>
      <c r="J69873" s="1" t="s">
        <v>233267</v>
      </c>
    </row>
    <row r="69874" spans="1:10" x14ac:dyDescent="0.35">
      <c r="A69874" s="1" t="s">
        <v>156380</v>
      </c>
      <c r="B69874" s="1" t="s">
        <v>222693</v>
      </c>
      <c r="C69874" s="1" t="s">
        <v>65</v>
      </c>
      <c r="D69874" s="1" t="s">
        <v>55268</v>
      </c>
      <c r="E69874" s="1" t="s">
        <v>233268</v>
      </c>
      <c r="F69874" s="1" t="s">
        <v>233269</v>
      </c>
      <c r="G69874" s="1" t="s">
        <v>233234</v>
      </c>
      <c r="H69874" s="1" t="s">
        <v>233235</v>
      </c>
      <c r="I69874" s="1" t="s">
        <v>222698</v>
      </c>
      <c r="J69874" s="1" t="s">
        <v>233270</v>
      </c>
    </row>
    <row r="69875" spans="1:10" x14ac:dyDescent="0.35">
      <c r="A69875" s="1" t="s">
        <v>156380</v>
      </c>
      <c r="B69875" s="1" t="s">
        <v>222693</v>
      </c>
      <c r="C69875" s="1" t="s">
        <v>70</v>
      </c>
      <c r="D69875" s="1" t="s">
        <v>91743</v>
      </c>
      <c r="E69875" s="1" t="s">
        <v>233271</v>
      </c>
      <c r="F69875" s="1" t="s">
        <v>233272</v>
      </c>
      <c r="G69875" s="1" t="s">
        <v>233234</v>
      </c>
      <c r="H69875" s="1" t="s">
        <v>233235</v>
      </c>
      <c r="I69875" s="1" t="s">
        <v>222698</v>
      </c>
      <c r="J69875" s="1" t="s">
        <v>233273</v>
      </c>
    </row>
    <row r="69876" spans="1:10" x14ac:dyDescent="0.35">
      <c r="A69876" s="1" t="s">
        <v>156380</v>
      </c>
      <c r="B69876" s="1" t="s">
        <v>222693</v>
      </c>
      <c r="C69876" s="1" t="s">
        <v>75</v>
      </c>
      <c r="D69876" s="1" t="s">
        <v>233274</v>
      </c>
      <c r="E69876" s="1" t="s">
        <v>233275</v>
      </c>
      <c r="F69876" s="1" t="s">
        <v>233276</v>
      </c>
      <c r="G69876" s="1" t="s">
        <v>233234</v>
      </c>
      <c r="H69876" s="1" t="s">
        <v>233235</v>
      </c>
      <c r="I69876" s="1" t="s">
        <v>222698</v>
      </c>
      <c r="J69876" s="1" t="s">
        <v>233277</v>
      </c>
    </row>
    <row r="69877" spans="1:10" x14ac:dyDescent="0.35">
      <c r="A69877" s="1" t="s">
        <v>156380</v>
      </c>
      <c r="B69877" s="1" t="s">
        <v>222693</v>
      </c>
      <c r="C69877" s="1" t="s">
        <v>80</v>
      </c>
      <c r="D69877" s="1" t="s">
        <v>85368</v>
      </c>
      <c r="E69877" s="1" t="s">
        <v>233278</v>
      </c>
      <c r="F69877" s="1" t="s">
        <v>233279</v>
      </c>
      <c r="G69877" s="1" t="s">
        <v>233234</v>
      </c>
      <c r="H69877" s="1" t="s">
        <v>233235</v>
      </c>
      <c r="I69877" s="1" t="s">
        <v>222698</v>
      </c>
      <c r="J69877" s="1" t="s">
        <v>233280</v>
      </c>
    </row>
    <row r="69878" spans="1:10" x14ac:dyDescent="0.35">
      <c r="A69878" s="1" t="s">
        <v>156380</v>
      </c>
      <c r="B69878" s="1" t="s">
        <v>222693</v>
      </c>
      <c r="C69878" s="1" t="s">
        <v>85</v>
      </c>
      <c r="D69878" s="1" t="s">
        <v>224367</v>
      </c>
      <c r="E69878" s="1" t="s">
        <v>233281</v>
      </c>
      <c r="F69878" s="1" t="s">
        <v>233282</v>
      </c>
      <c r="G69878" s="1" t="s">
        <v>233234</v>
      </c>
      <c r="H69878" s="1" t="s">
        <v>233235</v>
      </c>
      <c r="I69878" s="1" t="s">
        <v>222698</v>
      </c>
      <c r="J69878" s="1" t="s">
        <v>233283</v>
      </c>
    </row>
    <row r="69879" spans="1:10" x14ac:dyDescent="0.35">
      <c r="A69879" s="1" t="s">
        <v>156380</v>
      </c>
      <c r="B69879" s="1" t="s">
        <v>222693</v>
      </c>
      <c r="C69879" s="1" t="s">
        <v>90</v>
      </c>
      <c r="D69879" s="1" t="s">
        <v>233284</v>
      </c>
      <c r="E69879" s="1" t="s">
        <v>233285</v>
      </c>
      <c r="F69879" s="1" t="s">
        <v>233286</v>
      </c>
      <c r="G69879" s="1" t="s">
        <v>233234</v>
      </c>
      <c r="H69879" s="1" t="s">
        <v>233235</v>
      </c>
      <c r="I69879" s="1" t="s">
        <v>222698</v>
      </c>
      <c r="J69879" s="1" t="s">
        <v>233287</v>
      </c>
    </row>
    <row r="69880" spans="1:10" x14ac:dyDescent="0.35">
      <c r="A69880" s="1" t="s">
        <v>156380</v>
      </c>
      <c r="B69880" s="1" t="s">
        <v>222693</v>
      </c>
      <c r="C69880" s="1" t="s">
        <v>95</v>
      </c>
      <c r="D69880" s="1" t="s">
        <v>233288</v>
      </c>
      <c r="E69880" s="1" t="s">
        <v>233289</v>
      </c>
      <c r="F69880" s="1" t="s">
        <v>233290</v>
      </c>
      <c r="G69880" s="1" t="s">
        <v>233234</v>
      </c>
      <c r="H69880" s="1" t="s">
        <v>233235</v>
      </c>
      <c r="I69880" s="1" t="s">
        <v>222698</v>
      </c>
      <c r="J69880" s="1" t="s">
        <v>233291</v>
      </c>
    </row>
    <row r="69881" spans="1:10" x14ac:dyDescent="0.35">
      <c r="A69881" s="1" t="s">
        <v>156380</v>
      </c>
      <c r="B69881" s="1" t="s">
        <v>222693</v>
      </c>
      <c r="C69881" s="1" t="s">
        <v>100</v>
      </c>
      <c r="D69881" s="1" t="s">
        <v>233292</v>
      </c>
      <c r="E69881" s="1" t="s">
        <v>233293</v>
      </c>
      <c r="F69881" s="1" t="s">
        <v>233294</v>
      </c>
      <c r="G69881" s="1" t="s">
        <v>233234</v>
      </c>
      <c r="H69881" s="1" t="s">
        <v>233235</v>
      </c>
      <c r="I69881" s="1" t="s">
        <v>222698</v>
      </c>
      <c r="J69881" s="1" t="s">
        <v>233295</v>
      </c>
    </row>
    <row r="69882" spans="1:10" x14ac:dyDescent="0.35">
      <c r="A69882" s="1" t="s">
        <v>156380</v>
      </c>
      <c r="B69882" s="1" t="s">
        <v>222693</v>
      </c>
      <c r="C69882" s="1" t="s">
        <v>105</v>
      </c>
      <c r="D69882" s="1" t="s">
        <v>83959</v>
      </c>
      <c r="E69882" s="1" t="s">
        <v>233296</v>
      </c>
      <c r="F69882" s="1" t="s">
        <v>233297</v>
      </c>
      <c r="G69882" s="1" t="s">
        <v>233234</v>
      </c>
      <c r="H69882" s="1" t="s">
        <v>233235</v>
      </c>
      <c r="I69882" s="1" t="s">
        <v>222698</v>
      </c>
      <c r="J69882" s="1" t="s">
        <v>233298</v>
      </c>
    </row>
    <row r="69883" spans="1:10" x14ac:dyDescent="0.35">
      <c r="A69883" s="1" t="s">
        <v>156380</v>
      </c>
      <c r="B69883" s="1" t="s">
        <v>222693</v>
      </c>
      <c r="C69883" s="1" t="s">
        <v>110</v>
      </c>
      <c r="D69883" s="1" t="s">
        <v>233299</v>
      </c>
      <c r="E69883" s="1" t="s">
        <v>233300</v>
      </c>
      <c r="F69883" s="1" t="s">
        <v>233301</v>
      </c>
      <c r="G69883" s="1" t="s">
        <v>233234</v>
      </c>
      <c r="H69883" s="1" t="s">
        <v>233235</v>
      </c>
      <c r="I69883" s="1" t="s">
        <v>222698</v>
      </c>
      <c r="J69883" s="1" t="s">
        <v>233302</v>
      </c>
    </row>
    <row r="69884" spans="1:10" x14ac:dyDescent="0.35">
      <c r="A69884" s="1" t="s">
        <v>156380</v>
      </c>
      <c r="B69884" s="1" t="s">
        <v>222693</v>
      </c>
      <c r="C69884" s="1" t="s">
        <v>115</v>
      </c>
      <c r="D69884" s="1" t="s">
        <v>233303</v>
      </c>
      <c r="E69884" s="1" t="s">
        <v>233304</v>
      </c>
      <c r="F69884" s="1" t="s">
        <v>233305</v>
      </c>
      <c r="G69884" s="1" t="s">
        <v>233234</v>
      </c>
      <c r="H69884" s="1" t="s">
        <v>233235</v>
      </c>
      <c r="I69884" s="1" t="s">
        <v>222698</v>
      </c>
      <c r="J69884" s="1" t="s">
        <v>233306</v>
      </c>
    </row>
    <row r="69885" spans="1:10" x14ac:dyDescent="0.35">
      <c r="A69885" s="1" t="s">
        <v>156380</v>
      </c>
      <c r="B69885" s="1" t="s">
        <v>222693</v>
      </c>
      <c r="C69885" s="1" t="s">
        <v>120</v>
      </c>
      <c r="D69885" s="1" t="s">
        <v>23194</v>
      </c>
      <c r="E69885" s="1" t="s">
        <v>233307</v>
      </c>
      <c r="F69885" s="1" t="s">
        <v>233308</v>
      </c>
      <c r="G69885" s="1" t="s">
        <v>233234</v>
      </c>
      <c r="H69885" s="1" t="s">
        <v>233235</v>
      </c>
      <c r="I69885" s="1" t="s">
        <v>222698</v>
      </c>
      <c r="J69885" s="1" t="s">
        <v>233309</v>
      </c>
    </row>
    <row r="69886" spans="1:10" x14ac:dyDescent="0.35">
      <c r="A69886" s="1" t="s">
        <v>156380</v>
      </c>
      <c r="B69886" s="1" t="s">
        <v>222693</v>
      </c>
      <c r="C69886" s="1" t="s">
        <v>125</v>
      </c>
      <c r="D69886" s="1" t="s">
        <v>222761</v>
      </c>
      <c r="E69886" s="1" t="s">
        <v>233310</v>
      </c>
      <c r="F69886" s="1" t="s">
        <v>233311</v>
      </c>
      <c r="G69886" s="1" t="s">
        <v>233234</v>
      </c>
      <c r="H69886" s="1" t="s">
        <v>233235</v>
      </c>
      <c r="I69886" s="1" t="s">
        <v>222698</v>
      </c>
      <c r="J69886" s="1" t="s">
        <v>233312</v>
      </c>
    </row>
    <row r="69887" spans="1:10" x14ac:dyDescent="0.35">
      <c r="A69887" s="1" t="s">
        <v>156380</v>
      </c>
      <c r="B69887" s="1" t="s">
        <v>222693</v>
      </c>
      <c r="C69887" s="1" t="s">
        <v>130</v>
      </c>
      <c r="D69887" s="1" t="s">
        <v>67325</v>
      </c>
      <c r="E69887" s="1" t="s">
        <v>233313</v>
      </c>
      <c r="F69887" s="1" t="s">
        <v>233314</v>
      </c>
      <c r="G69887" s="1" t="s">
        <v>233234</v>
      </c>
      <c r="H69887" s="1" t="s">
        <v>233235</v>
      </c>
      <c r="I69887" s="1" t="s">
        <v>222698</v>
      </c>
      <c r="J69887" s="1" t="s">
        <v>233315</v>
      </c>
    </row>
    <row r="69888" spans="1:10" x14ac:dyDescent="0.35">
      <c r="A69888" s="1" t="s">
        <v>156380</v>
      </c>
      <c r="B69888" s="1" t="s">
        <v>222693</v>
      </c>
      <c r="C69888" s="1" t="s">
        <v>135</v>
      </c>
      <c r="D69888" s="1" t="s">
        <v>58568</v>
      </c>
      <c r="E69888" s="1" t="s">
        <v>233316</v>
      </c>
      <c r="F69888" s="1" t="s">
        <v>233317</v>
      </c>
      <c r="G69888" s="1" t="s">
        <v>233234</v>
      </c>
      <c r="H69888" s="1" t="s">
        <v>233235</v>
      </c>
      <c r="I69888" s="1" t="s">
        <v>222698</v>
      </c>
      <c r="J69888" s="1" t="s">
        <v>233318</v>
      </c>
    </row>
    <row r="69889" spans="1:10" x14ac:dyDescent="0.35">
      <c r="A69889" s="1" t="s">
        <v>156380</v>
      </c>
      <c r="B69889" s="1" t="s">
        <v>222693</v>
      </c>
      <c r="C69889" s="1" t="s">
        <v>140</v>
      </c>
      <c r="D69889" s="1" t="s">
        <v>88390</v>
      </c>
      <c r="E69889" s="1" t="s">
        <v>233319</v>
      </c>
      <c r="F69889" s="1" t="s">
        <v>233320</v>
      </c>
      <c r="G69889" s="1" t="s">
        <v>233234</v>
      </c>
      <c r="H69889" s="1" t="s">
        <v>233235</v>
      </c>
      <c r="I69889" s="1" t="s">
        <v>222698</v>
      </c>
      <c r="J69889" s="1" t="s">
        <v>233321</v>
      </c>
    </row>
    <row r="69890" spans="1:10" x14ac:dyDescent="0.35">
      <c r="A69890" s="1" t="s">
        <v>156380</v>
      </c>
      <c r="B69890" s="1" t="s">
        <v>222693</v>
      </c>
      <c r="C69890" s="1" t="s">
        <v>145</v>
      </c>
      <c r="D69890" s="1" t="s">
        <v>61178</v>
      </c>
      <c r="E69890" s="1" t="s">
        <v>233322</v>
      </c>
      <c r="F69890" s="1" t="s">
        <v>233323</v>
      </c>
      <c r="G69890" s="1" t="s">
        <v>233234</v>
      </c>
      <c r="H69890" s="1" t="s">
        <v>233235</v>
      </c>
      <c r="I69890" s="1" t="s">
        <v>222698</v>
      </c>
      <c r="J69890" s="1" t="s">
        <v>233324</v>
      </c>
    </row>
    <row r="69891" spans="1:10" x14ac:dyDescent="0.35">
      <c r="A69891" s="1" t="s">
        <v>156380</v>
      </c>
      <c r="B69891" s="1" t="s">
        <v>222693</v>
      </c>
      <c r="C69891" s="1" t="s">
        <v>150</v>
      </c>
      <c r="D69891" s="1" t="s">
        <v>233325</v>
      </c>
      <c r="E69891" s="1" t="s">
        <v>233326</v>
      </c>
      <c r="F69891" s="1" t="s">
        <v>233327</v>
      </c>
      <c r="G69891" s="1" t="s">
        <v>233234</v>
      </c>
      <c r="H69891" s="1" t="s">
        <v>233235</v>
      </c>
      <c r="I69891" s="1" t="s">
        <v>222698</v>
      </c>
      <c r="J69891" s="1" t="s">
        <v>233328</v>
      </c>
    </row>
    <row r="69892" spans="1:10" x14ac:dyDescent="0.35">
      <c r="A69892" s="1" t="s">
        <v>156380</v>
      </c>
      <c r="B69892" s="1" t="s">
        <v>222693</v>
      </c>
      <c r="C69892" s="1" t="s">
        <v>155</v>
      </c>
      <c r="D69892" s="1" t="s">
        <v>79898</v>
      </c>
      <c r="E69892" s="1" t="s">
        <v>233329</v>
      </c>
      <c r="F69892" s="1" t="s">
        <v>233330</v>
      </c>
      <c r="G69892" s="1" t="s">
        <v>233234</v>
      </c>
      <c r="H69892" s="1" t="s">
        <v>233235</v>
      </c>
      <c r="I69892" s="1" t="s">
        <v>222698</v>
      </c>
      <c r="J69892" s="1" t="s">
        <v>233331</v>
      </c>
    </row>
    <row r="69893" spans="1:10" x14ac:dyDescent="0.35">
      <c r="A69893" s="1" t="s">
        <v>156380</v>
      </c>
      <c r="B69893" s="1" t="s">
        <v>222693</v>
      </c>
      <c r="C69893" s="1" t="s">
        <v>160</v>
      </c>
      <c r="D69893" s="1" t="s">
        <v>103674</v>
      </c>
      <c r="E69893" s="1" t="s">
        <v>233332</v>
      </c>
      <c r="F69893" s="1" t="s">
        <v>233333</v>
      </c>
      <c r="G69893" s="1" t="s">
        <v>233234</v>
      </c>
      <c r="H69893" s="1" t="s">
        <v>233235</v>
      </c>
      <c r="I69893" s="1" t="s">
        <v>222698</v>
      </c>
      <c r="J69893" s="1" t="s">
        <v>233334</v>
      </c>
    </row>
    <row r="69894" spans="1:10" x14ac:dyDescent="0.35">
      <c r="A69894" s="1" t="s">
        <v>156380</v>
      </c>
      <c r="B69894" s="1" t="s">
        <v>222693</v>
      </c>
      <c r="C69894" s="1" t="s">
        <v>165</v>
      </c>
      <c r="D69894" s="1" t="s">
        <v>57567</v>
      </c>
      <c r="E69894" s="1" t="s">
        <v>233335</v>
      </c>
      <c r="F69894" s="1" t="s">
        <v>233336</v>
      </c>
      <c r="G69894" s="1" t="s">
        <v>233234</v>
      </c>
      <c r="H69894" s="1" t="s">
        <v>233235</v>
      </c>
      <c r="I69894" s="1" t="s">
        <v>222698</v>
      </c>
      <c r="J69894" s="1" t="s">
        <v>233337</v>
      </c>
    </row>
    <row r="69895" spans="1:10" x14ac:dyDescent="0.35">
      <c r="A69895" s="1" t="s">
        <v>156380</v>
      </c>
      <c r="B69895" s="1" t="s">
        <v>222693</v>
      </c>
      <c r="C69895" s="1" t="s">
        <v>170</v>
      </c>
      <c r="D69895" s="1" t="s">
        <v>130112</v>
      </c>
      <c r="E69895" s="1" t="s">
        <v>233338</v>
      </c>
      <c r="F69895" s="1" t="s">
        <v>233339</v>
      </c>
      <c r="G69895" s="1" t="s">
        <v>233234</v>
      </c>
      <c r="H69895" s="1" t="s">
        <v>233235</v>
      </c>
      <c r="I69895" s="1" t="s">
        <v>222698</v>
      </c>
      <c r="J69895" s="1" t="s">
        <v>233340</v>
      </c>
    </row>
    <row r="69896" spans="1:10" x14ac:dyDescent="0.35">
      <c r="A69896" s="1" t="s">
        <v>47323</v>
      </c>
      <c r="B69896" s="1" t="s">
        <v>222693</v>
      </c>
      <c r="C69896" s="1" t="s">
        <v>8</v>
      </c>
      <c r="D69896" s="1" t="s">
        <v>229403</v>
      </c>
      <c r="E69896" s="1" t="s">
        <v>233341</v>
      </c>
      <c r="F69896" s="1" t="s">
        <v>233342</v>
      </c>
      <c r="G69896" s="1" t="s">
        <v>233343</v>
      </c>
      <c r="H69896" s="1" t="s">
        <v>233344</v>
      </c>
      <c r="I69896" s="1" t="s">
        <v>222698</v>
      </c>
      <c r="J69896" s="1" t="s">
        <v>13</v>
      </c>
    </row>
    <row r="69897" spans="1:10" x14ac:dyDescent="0.35">
      <c r="A69897" s="1" t="s">
        <v>47323</v>
      </c>
      <c r="B69897" s="1" t="s">
        <v>222693</v>
      </c>
      <c r="C69897" s="1" t="s">
        <v>15</v>
      </c>
      <c r="D69897" s="1" t="s">
        <v>81565</v>
      </c>
      <c r="E69897" s="1" t="s">
        <v>233345</v>
      </c>
      <c r="F69897" s="1" t="s">
        <v>233346</v>
      </c>
      <c r="G69897" s="1" t="s">
        <v>233343</v>
      </c>
      <c r="H69897" s="1" t="s">
        <v>233344</v>
      </c>
      <c r="I69897" s="1" t="s">
        <v>222698</v>
      </c>
      <c r="J69897" s="1" t="s">
        <v>233347</v>
      </c>
    </row>
    <row r="69898" spans="1:10" x14ac:dyDescent="0.35">
      <c r="A69898" s="1" t="s">
        <v>47323</v>
      </c>
      <c r="B69898" s="1" t="s">
        <v>222693</v>
      </c>
      <c r="C69898" s="1" t="s">
        <v>20</v>
      </c>
      <c r="D69898" s="1" t="s">
        <v>233348</v>
      </c>
      <c r="E69898" s="1" t="s">
        <v>233349</v>
      </c>
      <c r="F69898" s="1" t="s">
        <v>233350</v>
      </c>
      <c r="G69898" s="1" t="s">
        <v>233343</v>
      </c>
      <c r="H69898" s="1" t="s">
        <v>233344</v>
      </c>
      <c r="I69898" s="1" t="s">
        <v>222698</v>
      </c>
      <c r="J69898" s="1" t="s">
        <v>233351</v>
      </c>
    </row>
    <row r="69899" spans="1:10" x14ac:dyDescent="0.35">
      <c r="A69899" s="1" t="s">
        <v>47323</v>
      </c>
      <c r="B69899" s="1" t="s">
        <v>222693</v>
      </c>
      <c r="C69899" s="1" t="s">
        <v>25</v>
      </c>
      <c r="D69899" s="1" t="s">
        <v>130169</v>
      </c>
      <c r="E69899" s="1" t="s">
        <v>233352</v>
      </c>
      <c r="F69899" s="1" t="s">
        <v>233353</v>
      </c>
      <c r="G69899" s="1" t="s">
        <v>233343</v>
      </c>
      <c r="H69899" s="1" t="s">
        <v>233344</v>
      </c>
      <c r="I69899" s="1" t="s">
        <v>222698</v>
      </c>
      <c r="J69899" s="1" t="s">
        <v>233354</v>
      </c>
    </row>
    <row r="69900" spans="1:10" x14ac:dyDescent="0.35">
      <c r="A69900" s="1" t="s">
        <v>47323</v>
      </c>
      <c r="B69900" s="1" t="s">
        <v>222693</v>
      </c>
      <c r="C69900" s="1" t="s">
        <v>30</v>
      </c>
      <c r="D69900" s="1" t="s">
        <v>215932</v>
      </c>
      <c r="E69900" s="1" t="s">
        <v>233355</v>
      </c>
      <c r="F69900" s="1" t="s">
        <v>233356</v>
      </c>
      <c r="G69900" s="1" t="s">
        <v>233343</v>
      </c>
      <c r="H69900" s="1" t="s">
        <v>233344</v>
      </c>
      <c r="I69900" s="1" t="s">
        <v>222698</v>
      </c>
      <c r="J69900" s="1" t="s">
        <v>233357</v>
      </c>
    </row>
    <row r="69901" spans="1:10" x14ac:dyDescent="0.35">
      <c r="A69901" s="1" t="s">
        <v>47323</v>
      </c>
      <c r="B69901" s="1" t="s">
        <v>222693</v>
      </c>
      <c r="C69901" s="1" t="s">
        <v>35</v>
      </c>
      <c r="D69901" s="1" t="s">
        <v>140504</v>
      </c>
      <c r="E69901" s="1" t="s">
        <v>233358</v>
      </c>
      <c r="F69901" s="1" t="s">
        <v>233359</v>
      </c>
      <c r="G69901" s="1" t="s">
        <v>233343</v>
      </c>
      <c r="H69901" s="1" t="s">
        <v>233344</v>
      </c>
      <c r="I69901" s="1" t="s">
        <v>222698</v>
      </c>
      <c r="J69901" s="1" t="s">
        <v>233360</v>
      </c>
    </row>
    <row r="69902" spans="1:10" x14ac:dyDescent="0.35">
      <c r="A69902" s="1" t="s">
        <v>47323</v>
      </c>
      <c r="B69902" s="1" t="s">
        <v>222693</v>
      </c>
      <c r="C69902" s="1" t="s">
        <v>40</v>
      </c>
      <c r="D69902" s="1" t="s">
        <v>184148</v>
      </c>
      <c r="E69902" s="1" t="s">
        <v>233361</v>
      </c>
      <c r="F69902" s="1" t="s">
        <v>233362</v>
      </c>
      <c r="G69902" s="1" t="s">
        <v>233343</v>
      </c>
      <c r="H69902" s="1" t="s">
        <v>233344</v>
      </c>
      <c r="I69902" s="1" t="s">
        <v>222698</v>
      </c>
      <c r="J69902" s="1" t="s">
        <v>233363</v>
      </c>
    </row>
    <row r="69903" spans="1:10" x14ac:dyDescent="0.35">
      <c r="A69903" s="1" t="s">
        <v>47323</v>
      </c>
      <c r="B69903" s="1" t="s">
        <v>222693</v>
      </c>
      <c r="C69903" s="1" t="s">
        <v>45</v>
      </c>
      <c r="D69903" s="1" t="s">
        <v>133231</v>
      </c>
      <c r="E69903" s="1" t="s">
        <v>233364</v>
      </c>
      <c r="F69903" s="1" t="s">
        <v>233365</v>
      </c>
      <c r="G69903" s="1" t="s">
        <v>233343</v>
      </c>
      <c r="H69903" s="1" t="s">
        <v>233344</v>
      </c>
      <c r="I69903" s="1" t="s">
        <v>222698</v>
      </c>
      <c r="J69903" s="1" t="s">
        <v>233366</v>
      </c>
    </row>
    <row r="69904" spans="1:10" x14ac:dyDescent="0.35">
      <c r="A69904" s="1" t="s">
        <v>47323</v>
      </c>
      <c r="B69904" s="1" t="s">
        <v>222693</v>
      </c>
      <c r="C69904" s="1" t="s">
        <v>50</v>
      </c>
      <c r="D69904" s="1" t="s">
        <v>64104</v>
      </c>
      <c r="E69904" s="1" t="s">
        <v>233367</v>
      </c>
      <c r="F69904" s="1" t="s">
        <v>233368</v>
      </c>
      <c r="G69904" s="1" t="s">
        <v>233343</v>
      </c>
      <c r="H69904" s="1" t="s">
        <v>233344</v>
      </c>
      <c r="I69904" s="1" t="s">
        <v>222698</v>
      </c>
      <c r="J69904" s="1" t="s">
        <v>233369</v>
      </c>
    </row>
    <row r="69905" spans="1:10" x14ac:dyDescent="0.35">
      <c r="A69905" s="1" t="s">
        <v>47323</v>
      </c>
      <c r="B69905" s="1" t="s">
        <v>222693</v>
      </c>
      <c r="C69905" s="1" t="s">
        <v>55</v>
      </c>
      <c r="D69905" s="1" t="s">
        <v>233370</v>
      </c>
      <c r="E69905" s="1" t="s">
        <v>233371</v>
      </c>
      <c r="F69905" s="1" t="s">
        <v>222298</v>
      </c>
      <c r="G69905" s="1" t="s">
        <v>233343</v>
      </c>
      <c r="H69905" s="1" t="s">
        <v>233344</v>
      </c>
      <c r="I69905" s="1" t="s">
        <v>222698</v>
      </c>
      <c r="J69905" s="1" t="s">
        <v>233372</v>
      </c>
    </row>
    <row r="69906" spans="1:10" x14ac:dyDescent="0.35">
      <c r="A69906" s="1" t="s">
        <v>47323</v>
      </c>
      <c r="B69906" s="1" t="s">
        <v>222693</v>
      </c>
      <c r="C69906" s="1" t="s">
        <v>60</v>
      </c>
      <c r="D69906" s="1" t="s">
        <v>233373</v>
      </c>
      <c r="E69906" s="1" t="s">
        <v>233374</v>
      </c>
      <c r="F69906" s="1" t="s">
        <v>233375</v>
      </c>
      <c r="G69906" s="1" t="s">
        <v>233343</v>
      </c>
      <c r="H69906" s="1" t="s">
        <v>233344</v>
      </c>
      <c r="I69906" s="1" t="s">
        <v>222698</v>
      </c>
      <c r="J69906" s="1" t="s">
        <v>233376</v>
      </c>
    </row>
    <row r="69907" spans="1:10" x14ac:dyDescent="0.35">
      <c r="A69907" s="1" t="s">
        <v>47323</v>
      </c>
      <c r="B69907" s="1" t="s">
        <v>222693</v>
      </c>
      <c r="C69907" s="1" t="s">
        <v>65</v>
      </c>
      <c r="D69907" s="1" t="s">
        <v>233377</v>
      </c>
      <c r="E69907" s="1" t="s">
        <v>233378</v>
      </c>
      <c r="F69907" s="1" t="s">
        <v>233379</v>
      </c>
      <c r="G69907" s="1" t="s">
        <v>233343</v>
      </c>
      <c r="H69907" s="1" t="s">
        <v>233344</v>
      </c>
      <c r="I69907" s="1" t="s">
        <v>222698</v>
      </c>
      <c r="J69907" s="1" t="s">
        <v>233380</v>
      </c>
    </row>
    <row r="69908" spans="1:10" x14ac:dyDescent="0.35">
      <c r="A69908" s="1" t="s">
        <v>47323</v>
      </c>
      <c r="B69908" s="1" t="s">
        <v>222693</v>
      </c>
      <c r="C69908" s="1" t="s">
        <v>70</v>
      </c>
      <c r="D69908" s="1" t="s">
        <v>233381</v>
      </c>
      <c r="E69908" s="1" t="s">
        <v>233382</v>
      </c>
      <c r="F69908" s="1" t="s">
        <v>233383</v>
      </c>
      <c r="G69908" s="1" t="s">
        <v>233343</v>
      </c>
      <c r="H69908" s="1" t="s">
        <v>233344</v>
      </c>
      <c r="I69908" s="1" t="s">
        <v>222698</v>
      </c>
      <c r="J69908" s="1" t="s">
        <v>233384</v>
      </c>
    </row>
    <row r="69909" spans="1:10" x14ac:dyDescent="0.35">
      <c r="A69909" s="1" t="s">
        <v>47323</v>
      </c>
      <c r="B69909" s="1" t="s">
        <v>222693</v>
      </c>
      <c r="C69909" s="1" t="s">
        <v>75</v>
      </c>
      <c r="D69909" s="1" t="s">
        <v>233385</v>
      </c>
      <c r="E69909" s="1" t="s">
        <v>233386</v>
      </c>
      <c r="F69909" s="1" t="s">
        <v>233387</v>
      </c>
      <c r="G69909" s="1" t="s">
        <v>233343</v>
      </c>
      <c r="H69909" s="1" t="s">
        <v>233344</v>
      </c>
      <c r="I69909" s="1" t="s">
        <v>222698</v>
      </c>
      <c r="J69909" s="1" t="s">
        <v>233388</v>
      </c>
    </row>
    <row r="69910" spans="1:10" x14ac:dyDescent="0.35">
      <c r="A69910" s="1" t="s">
        <v>47323</v>
      </c>
      <c r="B69910" s="1" t="s">
        <v>222693</v>
      </c>
      <c r="C69910" s="1" t="s">
        <v>80</v>
      </c>
      <c r="D69910" s="1" t="s">
        <v>233389</v>
      </c>
      <c r="E69910" s="1" t="s">
        <v>233390</v>
      </c>
      <c r="F69910" s="1" t="s">
        <v>233391</v>
      </c>
      <c r="G69910" s="1" t="s">
        <v>233343</v>
      </c>
      <c r="H69910" s="1" t="s">
        <v>233344</v>
      </c>
      <c r="I69910" s="1" t="s">
        <v>222698</v>
      </c>
      <c r="J69910" s="1" t="s">
        <v>233392</v>
      </c>
    </row>
    <row r="69911" spans="1:10" x14ac:dyDescent="0.35">
      <c r="A69911" s="1" t="s">
        <v>47323</v>
      </c>
      <c r="B69911" s="1" t="s">
        <v>222693</v>
      </c>
      <c r="C69911" s="1" t="s">
        <v>85</v>
      </c>
      <c r="D69911" s="1" t="s">
        <v>233393</v>
      </c>
      <c r="E69911" s="1" t="s">
        <v>233394</v>
      </c>
      <c r="F69911" s="1" t="s">
        <v>233395</v>
      </c>
      <c r="G69911" s="1" t="s">
        <v>233343</v>
      </c>
      <c r="H69911" s="1" t="s">
        <v>233344</v>
      </c>
      <c r="I69911" s="1" t="s">
        <v>222698</v>
      </c>
      <c r="J69911" s="1" t="s">
        <v>233396</v>
      </c>
    </row>
    <row r="69912" spans="1:10" x14ac:dyDescent="0.35">
      <c r="A69912" s="1" t="s">
        <v>47323</v>
      </c>
      <c r="B69912" s="1" t="s">
        <v>222693</v>
      </c>
      <c r="C69912" s="1" t="s">
        <v>90</v>
      </c>
      <c r="D69912" s="1" t="s">
        <v>233397</v>
      </c>
      <c r="E69912" s="1" t="s">
        <v>233398</v>
      </c>
      <c r="F69912" s="1" t="s">
        <v>233399</v>
      </c>
      <c r="G69912" s="1" t="s">
        <v>233343</v>
      </c>
      <c r="H69912" s="1" t="s">
        <v>233344</v>
      </c>
      <c r="I69912" s="1" t="s">
        <v>222698</v>
      </c>
      <c r="J69912" s="1" t="s">
        <v>233400</v>
      </c>
    </row>
    <row r="69913" spans="1:10" x14ac:dyDescent="0.35">
      <c r="A69913" s="1" t="s">
        <v>47323</v>
      </c>
      <c r="B69913" s="1" t="s">
        <v>222693</v>
      </c>
      <c r="C69913" s="1" t="s">
        <v>95</v>
      </c>
      <c r="D69913" s="1" t="s">
        <v>57085</v>
      </c>
      <c r="E69913" s="1" t="s">
        <v>233401</v>
      </c>
      <c r="F69913" s="1" t="s">
        <v>233402</v>
      </c>
      <c r="G69913" s="1" t="s">
        <v>233343</v>
      </c>
      <c r="H69913" s="1" t="s">
        <v>233344</v>
      </c>
      <c r="I69913" s="1" t="s">
        <v>222698</v>
      </c>
      <c r="J69913" s="1" t="s">
        <v>233403</v>
      </c>
    </row>
    <row r="69914" spans="1:10" x14ac:dyDescent="0.35">
      <c r="A69914" s="1" t="s">
        <v>47323</v>
      </c>
      <c r="B69914" s="1" t="s">
        <v>222693</v>
      </c>
      <c r="C69914" s="1" t="s">
        <v>100</v>
      </c>
      <c r="D69914" s="1" t="s">
        <v>233404</v>
      </c>
      <c r="E69914" s="1" t="s">
        <v>233405</v>
      </c>
      <c r="F69914" s="1" t="s">
        <v>233406</v>
      </c>
      <c r="G69914" s="1" t="s">
        <v>233343</v>
      </c>
      <c r="H69914" s="1" t="s">
        <v>233344</v>
      </c>
      <c r="I69914" s="1" t="s">
        <v>222698</v>
      </c>
      <c r="J69914" s="1" t="s">
        <v>233407</v>
      </c>
    </row>
    <row r="69915" spans="1:10" x14ac:dyDescent="0.35">
      <c r="A69915" s="1" t="s">
        <v>47323</v>
      </c>
      <c r="B69915" s="1" t="s">
        <v>222693</v>
      </c>
      <c r="C69915" s="1" t="s">
        <v>105</v>
      </c>
      <c r="D69915" s="1" t="s">
        <v>21000</v>
      </c>
      <c r="E69915" s="1" t="s">
        <v>233408</v>
      </c>
      <c r="F69915" s="1" t="s">
        <v>233409</v>
      </c>
      <c r="G69915" s="1" t="s">
        <v>233343</v>
      </c>
      <c r="H69915" s="1" t="s">
        <v>233344</v>
      </c>
      <c r="I69915" s="1" t="s">
        <v>222698</v>
      </c>
      <c r="J69915" s="1" t="s">
        <v>233410</v>
      </c>
    </row>
    <row r="69916" spans="1:10" x14ac:dyDescent="0.35">
      <c r="A69916" s="1" t="s">
        <v>47323</v>
      </c>
      <c r="B69916" s="1" t="s">
        <v>222693</v>
      </c>
      <c r="C69916" s="1" t="s">
        <v>110</v>
      </c>
      <c r="D69916" s="1" t="s">
        <v>69881</v>
      </c>
      <c r="E69916" s="1" t="s">
        <v>233411</v>
      </c>
      <c r="F69916" s="1" t="s">
        <v>233412</v>
      </c>
      <c r="G69916" s="1" t="s">
        <v>233343</v>
      </c>
      <c r="H69916" s="1" t="s">
        <v>233344</v>
      </c>
      <c r="I69916" s="1" t="s">
        <v>222698</v>
      </c>
      <c r="J69916" s="1" t="s">
        <v>233413</v>
      </c>
    </row>
    <row r="69917" spans="1:10" x14ac:dyDescent="0.35">
      <c r="A69917" s="1" t="s">
        <v>47323</v>
      </c>
      <c r="B69917" s="1" t="s">
        <v>222693</v>
      </c>
      <c r="C69917" s="1" t="s">
        <v>115</v>
      </c>
      <c r="D69917" s="1" t="s">
        <v>233414</v>
      </c>
      <c r="E69917" s="1" t="s">
        <v>233415</v>
      </c>
      <c r="F69917" s="1" t="s">
        <v>233416</v>
      </c>
      <c r="G69917" s="1" t="s">
        <v>233343</v>
      </c>
      <c r="H69917" s="1" t="s">
        <v>233344</v>
      </c>
      <c r="I69917" s="1" t="s">
        <v>222698</v>
      </c>
      <c r="J69917" s="1" t="s">
        <v>233417</v>
      </c>
    </row>
    <row r="69918" spans="1:10" x14ac:dyDescent="0.35">
      <c r="A69918" s="1" t="s">
        <v>47323</v>
      </c>
      <c r="B69918" s="1" t="s">
        <v>222693</v>
      </c>
      <c r="C69918" s="1" t="s">
        <v>120</v>
      </c>
      <c r="D69918" s="1" t="s">
        <v>162659</v>
      </c>
      <c r="E69918" s="1" t="s">
        <v>233418</v>
      </c>
      <c r="F69918" s="1" t="s">
        <v>233419</v>
      </c>
      <c r="G69918" s="1" t="s">
        <v>233343</v>
      </c>
      <c r="H69918" s="1" t="s">
        <v>233344</v>
      </c>
      <c r="I69918" s="1" t="s">
        <v>222698</v>
      </c>
      <c r="J69918" s="1" t="s">
        <v>233420</v>
      </c>
    </row>
    <row r="69919" spans="1:10" x14ac:dyDescent="0.35">
      <c r="A69919" s="1" t="s">
        <v>47323</v>
      </c>
      <c r="B69919" s="1" t="s">
        <v>222693</v>
      </c>
      <c r="C69919" s="1" t="s">
        <v>125</v>
      </c>
      <c r="D69919" s="1" t="s">
        <v>58461</v>
      </c>
      <c r="E69919" s="1" t="s">
        <v>233421</v>
      </c>
      <c r="F69919" s="1" t="s">
        <v>233422</v>
      </c>
      <c r="G69919" s="1" t="s">
        <v>233343</v>
      </c>
      <c r="H69919" s="1" t="s">
        <v>233344</v>
      </c>
      <c r="I69919" s="1" t="s">
        <v>222698</v>
      </c>
      <c r="J69919" s="1" t="s">
        <v>233423</v>
      </c>
    </row>
    <row r="69920" spans="1:10" x14ac:dyDescent="0.35">
      <c r="A69920" s="1" t="s">
        <v>47323</v>
      </c>
      <c r="B69920" s="1" t="s">
        <v>222693</v>
      </c>
      <c r="C69920" s="1" t="s">
        <v>130</v>
      </c>
      <c r="D69920" s="1" t="s">
        <v>233424</v>
      </c>
      <c r="E69920" s="1" t="s">
        <v>233425</v>
      </c>
      <c r="F69920" s="1" t="s">
        <v>233426</v>
      </c>
      <c r="G69920" s="1" t="s">
        <v>233343</v>
      </c>
      <c r="H69920" s="1" t="s">
        <v>233344</v>
      </c>
      <c r="I69920" s="1" t="s">
        <v>222698</v>
      </c>
      <c r="J69920" s="1" t="s">
        <v>233427</v>
      </c>
    </row>
    <row r="69921" spans="1:10" x14ac:dyDescent="0.35">
      <c r="A69921" s="1" t="s">
        <v>47323</v>
      </c>
      <c r="B69921" s="1" t="s">
        <v>222693</v>
      </c>
      <c r="C69921" s="1" t="s">
        <v>135</v>
      </c>
      <c r="D69921" s="1" t="s">
        <v>233428</v>
      </c>
      <c r="E69921" s="1" t="s">
        <v>233429</v>
      </c>
      <c r="F69921" s="1" t="s">
        <v>233430</v>
      </c>
      <c r="G69921" s="1" t="s">
        <v>233343</v>
      </c>
      <c r="H69921" s="1" t="s">
        <v>233344</v>
      </c>
      <c r="I69921" s="1" t="s">
        <v>222698</v>
      </c>
      <c r="J69921" s="1" t="s">
        <v>233431</v>
      </c>
    </row>
    <row r="69922" spans="1:10" x14ac:dyDescent="0.35">
      <c r="A69922" s="1" t="s">
        <v>47323</v>
      </c>
      <c r="B69922" s="1" t="s">
        <v>222693</v>
      </c>
      <c r="C69922" s="1" t="s">
        <v>140</v>
      </c>
      <c r="D69922" s="1" t="s">
        <v>128588</v>
      </c>
      <c r="E69922" s="1" t="s">
        <v>233432</v>
      </c>
      <c r="F69922" s="1" t="s">
        <v>233433</v>
      </c>
      <c r="G69922" s="1" t="s">
        <v>233343</v>
      </c>
      <c r="H69922" s="1" t="s">
        <v>233344</v>
      </c>
      <c r="I69922" s="1" t="s">
        <v>222698</v>
      </c>
      <c r="J69922" s="1" t="s">
        <v>233434</v>
      </c>
    </row>
    <row r="69923" spans="1:10" x14ac:dyDescent="0.35">
      <c r="A69923" s="1" t="s">
        <v>47323</v>
      </c>
      <c r="B69923" s="1" t="s">
        <v>222693</v>
      </c>
      <c r="C69923" s="1" t="s">
        <v>145</v>
      </c>
      <c r="D69923" s="1" t="s">
        <v>231167</v>
      </c>
      <c r="E69923" s="1" t="s">
        <v>233435</v>
      </c>
      <c r="F69923" s="1" t="s">
        <v>233436</v>
      </c>
      <c r="G69923" s="1" t="s">
        <v>233343</v>
      </c>
      <c r="H69923" s="1" t="s">
        <v>233344</v>
      </c>
      <c r="I69923" s="1" t="s">
        <v>222698</v>
      </c>
      <c r="J69923" s="1" t="s">
        <v>233437</v>
      </c>
    </row>
    <row r="69924" spans="1:10" x14ac:dyDescent="0.35">
      <c r="A69924" s="1" t="s">
        <v>47323</v>
      </c>
      <c r="B69924" s="1" t="s">
        <v>222693</v>
      </c>
      <c r="C69924" s="1" t="s">
        <v>150</v>
      </c>
      <c r="D69924" s="1" t="s">
        <v>233438</v>
      </c>
      <c r="E69924" s="1" t="s">
        <v>233439</v>
      </c>
      <c r="F69924" s="1" t="s">
        <v>233440</v>
      </c>
      <c r="G69924" s="1" t="s">
        <v>233343</v>
      </c>
      <c r="H69924" s="1" t="s">
        <v>233344</v>
      </c>
      <c r="I69924" s="1" t="s">
        <v>222698</v>
      </c>
      <c r="J69924" s="1" t="s">
        <v>233441</v>
      </c>
    </row>
    <row r="69925" spans="1:10" x14ac:dyDescent="0.35">
      <c r="A69925" s="1" t="s">
        <v>47323</v>
      </c>
      <c r="B69925" s="1" t="s">
        <v>222693</v>
      </c>
      <c r="C69925" s="1" t="s">
        <v>155</v>
      </c>
      <c r="D69925" s="1" t="s">
        <v>233442</v>
      </c>
      <c r="E69925" s="1" t="s">
        <v>233443</v>
      </c>
      <c r="F69925" s="1" t="s">
        <v>233444</v>
      </c>
      <c r="G69925" s="1" t="s">
        <v>233343</v>
      </c>
      <c r="H69925" s="1" t="s">
        <v>233344</v>
      </c>
      <c r="I69925" s="1" t="s">
        <v>222698</v>
      </c>
      <c r="J69925" s="1" t="s">
        <v>233445</v>
      </c>
    </row>
    <row r="69926" spans="1:10" x14ac:dyDescent="0.35">
      <c r="A69926" s="1" t="s">
        <v>47323</v>
      </c>
      <c r="B69926" s="1" t="s">
        <v>222693</v>
      </c>
      <c r="C69926" s="1" t="s">
        <v>160</v>
      </c>
      <c r="D69926" s="1" t="s">
        <v>233446</v>
      </c>
      <c r="E69926" s="1" t="s">
        <v>233447</v>
      </c>
      <c r="F69926" s="1" t="s">
        <v>233448</v>
      </c>
      <c r="G69926" s="1" t="s">
        <v>233343</v>
      </c>
      <c r="H69926" s="1" t="s">
        <v>233344</v>
      </c>
      <c r="I69926" s="1" t="s">
        <v>222698</v>
      </c>
      <c r="J69926" s="1" t="s">
        <v>233449</v>
      </c>
    </row>
    <row r="69927" spans="1:10" x14ac:dyDescent="0.35">
      <c r="A69927" s="1" t="s">
        <v>47323</v>
      </c>
      <c r="B69927" s="1" t="s">
        <v>222693</v>
      </c>
      <c r="C69927" s="1" t="s">
        <v>165</v>
      </c>
      <c r="D69927" s="1" t="s">
        <v>233450</v>
      </c>
      <c r="E69927" s="1" t="s">
        <v>233451</v>
      </c>
      <c r="F69927" s="1" t="s">
        <v>233452</v>
      </c>
      <c r="G69927" s="1" t="s">
        <v>233343</v>
      </c>
      <c r="H69927" s="1" t="s">
        <v>233344</v>
      </c>
      <c r="I69927" s="1" t="s">
        <v>222698</v>
      </c>
      <c r="J69927" s="1" t="s">
        <v>233453</v>
      </c>
    </row>
    <row r="69928" spans="1:10" x14ac:dyDescent="0.35">
      <c r="A69928" s="1" t="s">
        <v>47323</v>
      </c>
      <c r="B69928" s="1" t="s">
        <v>222693</v>
      </c>
      <c r="C69928" s="1" t="s">
        <v>170</v>
      </c>
      <c r="D69928" s="1" t="s">
        <v>164803</v>
      </c>
      <c r="E69928" s="1" t="s">
        <v>233454</v>
      </c>
      <c r="F69928" s="1" t="s">
        <v>233455</v>
      </c>
      <c r="G69928" s="1" t="s">
        <v>233343</v>
      </c>
      <c r="H69928" s="1" t="s">
        <v>233344</v>
      </c>
      <c r="I69928" s="1" t="s">
        <v>222698</v>
      </c>
      <c r="J69928" s="1" t="s">
        <v>233456</v>
      </c>
    </row>
    <row r="69929" spans="1:10" x14ac:dyDescent="0.35">
      <c r="A69929" s="1" t="s">
        <v>143095</v>
      </c>
      <c r="B69929" s="1" t="s">
        <v>222693</v>
      </c>
      <c r="C69929" s="1" t="s">
        <v>8</v>
      </c>
      <c r="D69929" s="1" t="s">
        <v>230028</v>
      </c>
      <c r="E69929" s="1" t="s">
        <v>233457</v>
      </c>
      <c r="F69929" s="1" t="s">
        <v>233458</v>
      </c>
      <c r="G69929" s="1" t="s">
        <v>233459</v>
      </c>
      <c r="H69929" s="1" t="s">
        <v>233460</v>
      </c>
      <c r="I69929" s="1" t="s">
        <v>222698</v>
      </c>
      <c r="J69929" s="1" t="s">
        <v>13</v>
      </c>
    </row>
    <row r="69930" spans="1:10" x14ac:dyDescent="0.35">
      <c r="A69930" s="1" t="s">
        <v>143095</v>
      </c>
      <c r="B69930" s="1" t="s">
        <v>222693</v>
      </c>
      <c r="C69930" s="1" t="s">
        <v>15</v>
      </c>
      <c r="D69930" s="1" t="s">
        <v>101131</v>
      </c>
      <c r="E69930" s="1" t="s">
        <v>233461</v>
      </c>
      <c r="F69930" s="1" t="s">
        <v>233462</v>
      </c>
      <c r="G69930" s="1" t="s">
        <v>233459</v>
      </c>
      <c r="H69930" s="1" t="s">
        <v>233460</v>
      </c>
      <c r="I69930" s="1" t="s">
        <v>222698</v>
      </c>
      <c r="J69930" s="1" t="s">
        <v>233463</v>
      </c>
    </row>
    <row r="69931" spans="1:10" x14ac:dyDescent="0.35">
      <c r="A69931" s="1" t="s">
        <v>143095</v>
      </c>
      <c r="B69931" s="1" t="s">
        <v>222693</v>
      </c>
      <c r="C69931" s="1" t="s">
        <v>20</v>
      </c>
      <c r="D69931" s="1" t="s">
        <v>228081</v>
      </c>
      <c r="E69931" s="1" t="s">
        <v>233464</v>
      </c>
      <c r="F69931" s="1" t="s">
        <v>233465</v>
      </c>
      <c r="G69931" s="1" t="s">
        <v>233459</v>
      </c>
      <c r="H69931" s="1" t="s">
        <v>233460</v>
      </c>
      <c r="I69931" s="1" t="s">
        <v>222698</v>
      </c>
      <c r="J69931" s="1" t="s">
        <v>233466</v>
      </c>
    </row>
    <row r="69932" spans="1:10" x14ac:dyDescent="0.35">
      <c r="A69932" s="1" t="s">
        <v>143095</v>
      </c>
      <c r="B69932" s="1" t="s">
        <v>222693</v>
      </c>
      <c r="C69932" s="1" t="s">
        <v>25</v>
      </c>
      <c r="D69932" s="1" t="s">
        <v>105892</v>
      </c>
      <c r="E69932" s="1" t="s">
        <v>233467</v>
      </c>
      <c r="F69932" s="1" t="s">
        <v>233468</v>
      </c>
      <c r="G69932" s="1" t="s">
        <v>233459</v>
      </c>
      <c r="H69932" s="1" t="s">
        <v>233460</v>
      </c>
      <c r="I69932" s="1" t="s">
        <v>222698</v>
      </c>
      <c r="J69932" s="1" t="s">
        <v>233469</v>
      </c>
    </row>
    <row r="69933" spans="1:10" x14ac:dyDescent="0.35">
      <c r="A69933" s="1" t="s">
        <v>143095</v>
      </c>
      <c r="B69933" s="1" t="s">
        <v>222693</v>
      </c>
      <c r="C69933" s="1" t="s">
        <v>30</v>
      </c>
      <c r="D69933" s="1" t="s">
        <v>233470</v>
      </c>
      <c r="E69933" s="1" t="s">
        <v>233471</v>
      </c>
      <c r="F69933" s="1" t="s">
        <v>233472</v>
      </c>
      <c r="G69933" s="1" t="s">
        <v>233459</v>
      </c>
      <c r="H69933" s="1" t="s">
        <v>233460</v>
      </c>
      <c r="I69933" s="1" t="s">
        <v>222698</v>
      </c>
      <c r="J69933" s="1" t="s">
        <v>233473</v>
      </c>
    </row>
    <row r="69934" spans="1:10" x14ac:dyDescent="0.35">
      <c r="A69934" s="1" t="s">
        <v>143095</v>
      </c>
      <c r="B69934" s="1" t="s">
        <v>222693</v>
      </c>
      <c r="C69934" s="1" t="s">
        <v>35</v>
      </c>
      <c r="D69934" s="1" t="s">
        <v>57817</v>
      </c>
      <c r="E69934" s="1" t="s">
        <v>233474</v>
      </c>
      <c r="F69934" s="1" t="s">
        <v>233475</v>
      </c>
      <c r="G69934" s="1" t="s">
        <v>233459</v>
      </c>
      <c r="H69934" s="1" t="s">
        <v>233460</v>
      </c>
      <c r="I69934" s="1" t="s">
        <v>222698</v>
      </c>
      <c r="J69934" s="1" t="s">
        <v>233476</v>
      </c>
    </row>
    <row r="69935" spans="1:10" x14ac:dyDescent="0.35">
      <c r="A69935" s="1" t="s">
        <v>143095</v>
      </c>
      <c r="B69935" s="1" t="s">
        <v>222693</v>
      </c>
      <c r="C69935" s="1" t="s">
        <v>40</v>
      </c>
      <c r="D69935" s="1" t="s">
        <v>233477</v>
      </c>
      <c r="E69935" s="1" t="s">
        <v>233478</v>
      </c>
      <c r="F69935" s="1" t="s">
        <v>233479</v>
      </c>
      <c r="G69935" s="1" t="s">
        <v>233459</v>
      </c>
      <c r="H69935" s="1" t="s">
        <v>233460</v>
      </c>
      <c r="I69935" s="1" t="s">
        <v>222698</v>
      </c>
      <c r="J69935" s="1" t="s">
        <v>233480</v>
      </c>
    </row>
    <row r="69936" spans="1:10" x14ac:dyDescent="0.35">
      <c r="A69936" s="1" t="s">
        <v>143095</v>
      </c>
      <c r="B69936" s="1" t="s">
        <v>222693</v>
      </c>
      <c r="C69936" s="1" t="s">
        <v>45</v>
      </c>
      <c r="D69936" s="1" t="s">
        <v>88625</v>
      </c>
      <c r="E69936" s="1" t="s">
        <v>233481</v>
      </c>
      <c r="F69936" s="1" t="s">
        <v>233482</v>
      </c>
      <c r="G69936" s="1" t="s">
        <v>233459</v>
      </c>
      <c r="H69936" s="1" t="s">
        <v>233460</v>
      </c>
      <c r="I69936" s="1" t="s">
        <v>222698</v>
      </c>
      <c r="J69936" s="1" t="s">
        <v>233483</v>
      </c>
    </row>
    <row r="69937" spans="1:10" x14ac:dyDescent="0.35">
      <c r="A69937" s="1" t="s">
        <v>143095</v>
      </c>
      <c r="B69937" s="1" t="s">
        <v>222693</v>
      </c>
      <c r="C69937" s="1" t="s">
        <v>50</v>
      </c>
      <c r="D69937" s="1" t="s">
        <v>103707</v>
      </c>
      <c r="E69937" s="1" t="s">
        <v>233484</v>
      </c>
      <c r="F69937" s="1" t="s">
        <v>233485</v>
      </c>
      <c r="G69937" s="1" t="s">
        <v>233459</v>
      </c>
      <c r="H69937" s="1" t="s">
        <v>233460</v>
      </c>
      <c r="I69937" s="1" t="s">
        <v>222698</v>
      </c>
      <c r="J69937" s="1" t="s">
        <v>233486</v>
      </c>
    </row>
    <row r="69938" spans="1:10" x14ac:dyDescent="0.35">
      <c r="A69938" s="1" t="s">
        <v>143095</v>
      </c>
      <c r="B69938" s="1" t="s">
        <v>222693</v>
      </c>
      <c r="C69938" s="1" t="s">
        <v>55</v>
      </c>
      <c r="D69938" s="1" t="s">
        <v>233487</v>
      </c>
      <c r="E69938" s="1" t="s">
        <v>233488</v>
      </c>
      <c r="F69938" s="1" t="s">
        <v>233489</v>
      </c>
      <c r="G69938" s="1" t="s">
        <v>233459</v>
      </c>
      <c r="H69938" s="1" t="s">
        <v>233460</v>
      </c>
      <c r="I69938" s="1" t="s">
        <v>222698</v>
      </c>
      <c r="J69938" s="1" t="s">
        <v>233490</v>
      </c>
    </row>
    <row r="69939" spans="1:10" x14ac:dyDescent="0.35">
      <c r="A69939" s="1" t="s">
        <v>143095</v>
      </c>
      <c r="B69939" s="1" t="s">
        <v>222693</v>
      </c>
      <c r="C69939" s="1" t="s">
        <v>60</v>
      </c>
      <c r="D69939" s="1" t="s">
        <v>233491</v>
      </c>
      <c r="E69939" s="1" t="s">
        <v>233492</v>
      </c>
      <c r="F69939" s="1" t="s">
        <v>233493</v>
      </c>
      <c r="G69939" s="1" t="s">
        <v>233459</v>
      </c>
      <c r="H69939" s="1" t="s">
        <v>233460</v>
      </c>
      <c r="I69939" s="1" t="s">
        <v>222698</v>
      </c>
      <c r="J69939" s="1" t="s">
        <v>233494</v>
      </c>
    </row>
    <row r="69940" spans="1:10" x14ac:dyDescent="0.35">
      <c r="A69940" s="1" t="s">
        <v>143095</v>
      </c>
      <c r="B69940" s="1" t="s">
        <v>222693</v>
      </c>
      <c r="C69940" s="1" t="s">
        <v>65</v>
      </c>
      <c r="D69940" s="1" t="s">
        <v>233495</v>
      </c>
      <c r="E69940" s="1" t="s">
        <v>233496</v>
      </c>
      <c r="F69940" s="1" t="s">
        <v>233497</v>
      </c>
      <c r="G69940" s="1" t="s">
        <v>233459</v>
      </c>
      <c r="H69940" s="1" t="s">
        <v>233460</v>
      </c>
      <c r="I69940" s="1" t="s">
        <v>222698</v>
      </c>
      <c r="J69940" s="1" t="s">
        <v>233498</v>
      </c>
    </row>
    <row r="69941" spans="1:10" x14ac:dyDescent="0.35">
      <c r="A69941" s="1" t="s">
        <v>143095</v>
      </c>
      <c r="B69941" s="1" t="s">
        <v>222693</v>
      </c>
      <c r="C69941" s="1" t="s">
        <v>70</v>
      </c>
      <c r="D69941" s="1" t="s">
        <v>23033</v>
      </c>
      <c r="E69941" s="1" t="s">
        <v>233499</v>
      </c>
      <c r="F69941" s="1" t="s">
        <v>233500</v>
      </c>
      <c r="G69941" s="1" t="s">
        <v>233459</v>
      </c>
      <c r="H69941" s="1" t="s">
        <v>233460</v>
      </c>
      <c r="I69941" s="1" t="s">
        <v>222698</v>
      </c>
      <c r="J69941" s="1" t="s">
        <v>233501</v>
      </c>
    </row>
    <row r="69942" spans="1:10" x14ac:dyDescent="0.35">
      <c r="A69942" s="1" t="s">
        <v>143095</v>
      </c>
      <c r="B69942" s="1" t="s">
        <v>222693</v>
      </c>
      <c r="C69942" s="1" t="s">
        <v>75</v>
      </c>
      <c r="D69942" s="1" t="s">
        <v>550</v>
      </c>
      <c r="E69942" s="1" t="s">
        <v>233502</v>
      </c>
      <c r="F69942" s="1" t="s">
        <v>233503</v>
      </c>
      <c r="G69942" s="1" t="s">
        <v>233459</v>
      </c>
      <c r="H69942" s="1" t="s">
        <v>233460</v>
      </c>
      <c r="I69942" s="1" t="s">
        <v>222698</v>
      </c>
      <c r="J69942" s="1" t="s">
        <v>233504</v>
      </c>
    </row>
    <row r="69943" spans="1:10" x14ac:dyDescent="0.35">
      <c r="A69943" s="1" t="s">
        <v>143095</v>
      </c>
      <c r="B69943" s="1" t="s">
        <v>222693</v>
      </c>
      <c r="C69943" s="1" t="s">
        <v>80</v>
      </c>
      <c r="D69943" s="1" t="s">
        <v>574</v>
      </c>
      <c r="E69943" s="1" t="s">
        <v>233505</v>
      </c>
      <c r="F69943" s="1" t="s">
        <v>233506</v>
      </c>
      <c r="G69943" s="1" t="s">
        <v>233459</v>
      </c>
      <c r="H69943" s="1" t="s">
        <v>233460</v>
      </c>
      <c r="I69943" s="1" t="s">
        <v>222698</v>
      </c>
      <c r="J69943" s="1" t="s">
        <v>233507</v>
      </c>
    </row>
    <row r="69944" spans="1:10" x14ac:dyDescent="0.35">
      <c r="A69944" s="1" t="s">
        <v>143095</v>
      </c>
      <c r="B69944" s="1" t="s">
        <v>222693</v>
      </c>
      <c r="C69944" s="1" t="s">
        <v>85</v>
      </c>
      <c r="D69944" s="1" t="s">
        <v>233508</v>
      </c>
      <c r="E69944" s="1" t="s">
        <v>233509</v>
      </c>
      <c r="F69944" s="1" t="s">
        <v>233510</v>
      </c>
      <c r="G69944" s="1" t="s">
        <v>233459</v>
      </c>
      <c r="H69944" s="1" t="s">
        <v>233460</v>
      </c>
      <c r="I69944" s="1" t="s">
        <v>222698</v>
      </c>
      <c r="J69944" s="1" t="s">
        <v>233511</v>
      </c>
    </row>
    <row r="69945" spans="1:10" x14ac:dyDescent="0.35">
      <c r="A69945" s="1" t="s">
        <v>143095</v>
      </c>
      <c r="B69945" s="1" t="s">
        <v>222693</v>
      </c>
      <c r="C69945" s="1" t="s">
        <v>90</v>
      </c>
      <c r="D69945" s="1" t="s">
        <v>233512</v>
      </c>
      <c r="E69945" s="1" t="s">
        <v>233513</v>
      </c>
      <c r="F69945" s="1" t="s">
        <v>233514</v>
      </c>
      <c r="G69945" s="1" t="s">
        <v>233459</v>
      </c>
      <c r="H69945" s="1" t="s">
        <v>233460</v>
      </c>
      <c r="I69945" s="1" t="s">
        <v>222698</v>
      </c>
      <c r="J69945" s="1" t="s">
        <v>233515</v>
      </c>
    </row>
    <row r="69946" spans="1:10" x14ac:dyDescent="0.35">
      <c r="A69946" s="1" t="s">
        <v>143095</v>
      </c>
      <c r="B69946" s="1" t="s">
        <v>222693</v>
      </c>
      <c r="C69946" s="1" t="s">
        <v>95</v>
      </c>
      <c r="D69946" s="1" t="s">
        <v>233516</v>
      </c>
      <c r="E69946" s="1" t="s">
        <v>233517</v>
      </c>
      <c r="F69946" s="1" t="s">
        <v>233518</v>
      </c>
      <c r="G69946" s="1" t="s">
        <v>233459</v>
      </c>
      <c r="H69946" s="1" t="s">
        <v>233460</v>
      </c>
      <c r="I69946" s="1" t="s">
        <v>222698</v>
      </c>
      <c r="J69946" s="1" t="s">
        <v>233519</v>
      </c>
    </row>
    <row r="69947" spans="1:10" x14ac:dyDescent="0.35">
      <c r="A69947" s="1" t="s">
        <v>143095</v>
      </c>
      <c r="B69947" s="1" t="s">
        <v>222693</v>
      </c>
      <c r="C69947" s="1" t="s">
        <v>100</v>
      </c>
      <c r="D69947" s="1" t="s">
        <v>233520</v>
      </c>
      <c r="E69947" s="1" t="s">
        <v>233521</v>
      </c>
      <c r="F69947" s="1" t="s">
        <v>233522</v>
      </c>
      <c r="G69947" s="1" t="s">
        <v>233459</v>
      </c>
      <c r="H69947" s="1" t="s">
        <v>233460</v>
      </c>
      <c r="I69947" s="1" t="s">
        <v>222698</v>
      </c>
      <c r="J69947" s="1" t="s">
        <v>233523</v>
      </c>
    </row>
    <row r="69948" spans="1:10" x14ac:dyDescent="0.35">
      <c r="A69948" s="1" t="s">
        <v>143095</v>
      </c>
      <c r="B69948" s="1" t="s">
        <v>222693</v>
      </c>
      <c r="C69948" s="1" t="s">
        <v>105</v>
      </c>
      <c r="D69948" s="1" t="s">
        <v>63037</v>
      </c>
      <c r="E69948" s="1" t="s">
        <v>233524</v>
      </c>
      <c r="F69948" s="1" t="s">
        <v>233525</v>
      </c>
      <c r="G69948" s="1" t="s">
        <v>233459</v>
      </c>
      <c r="H69948" s="1" t="s">
        <v>233460</v>
      </c>
      <c r="I69948" s="1" t="s">
        <v>222698</v>
      </c>
      <c r="J69948" s="1" t="s">
        <v>233526</v>
      </c>
    </row>
    <row r="69949" spans="1:10" x14ac:dyDescent="0.35">
      <c r="A69949" s="1" t="s">
        <v>143095</v>
      </c>
      <c r="B69949" s="1" t="s">
        <v>222693</v>
      </c>
      <c r="C69949" s="1" t="s">
        <v>110</v>
      </c>
      <c r="D69949" s="1" t="s">
        <v>62688</v>
      </c>
      <c r="E69949" s="1" t="s">
        <v>233527</v>
      </c>
      <c r="F69949" s="1" t="s">
        <v>233528</v>
      </c>
      <c r="G69949" s="1" t="s">
        <v>233459</v>
      </c>
      <c r="H69949" s="1" t="s">
        <v>233460</v>
      </c>
      <c r="I69949" s="1" t="s">
        <v>222698</v>
      </c>
      <c r="J69949" s="1" t="s">
        <v>233529</v>
      </c>
    </row>
    <row r="69950" spans="1:10" x14ac:dyDescent="0.35">
      <c r="A69950" s="1" t="s">
        <v>143095</v>
      </c>
      <c r="B69950" s="1" t="s">
        <v>222693</v>
      </c>
      <c r="C69950" s="1" t="s">
        <v>115</v>
      </c>
      <c r="D69950" s="1" t="s">
        <v>233530</v>
      </c>
      <c r="E69950" s="1" t="s">
        <v>233531</v>
      </c>
      <c r="F69950" s="1" t="s">
        <v>233532</v>
      </c>
      <c r="G69950" s="1" t="s">
        <v>233459</v>
      </c>
      <c r="H69950" s="1" t="s">
        <v>233460</v>
      </c>
      <c r="I69950" s="1" t="s">
        <v>222698</v>
      </c>
      <c r="J69950" s="1" t="s">
        <v>233533</v>
      </c>
    </row>
    <row r="69951" spans="1:10" x14ac:dyDescent="0.35">
      <c r="A69951" s="1" t="s">
        <v>143095</v>
      </c>
      <c r="B69951" s="1" t="s">
        <v>222693</v>
      </c>
      <c r="C69951" s="1" t="s">
        <v>120</v>
      </c>
      <c r="D69951" s="1" t="s">
        <v>233534</v>
      </c>
      <c r="E69951" s="1" t="s">
        <v>233535</v>
      </c>
      <c r="F69951" s="1" t="s">
        <v>233536</v>
      </c>
      <c r="G69951" s="1" t="s">
        <v>233459</v>
      </c>
      <c r="H69951" s="1" t="s">
        <v>233460</v>
      </c>
      <c r="I69951" s="1" t="s">
        <v>222698</v>
      </c>
      <c r="J69951" s="1" t="s">
        <v>233537</v>
      </c>
    </row>
    <row r="69952" spans="1:10" x14ac:dyDescent="0.35">
      <c r="A69952" s="1" t="s">
        <v>143095</v>
      </c>
      <c r="B69952" s="1" t="s">
        <v>222693</v>
      </c>
      <c r="C69952" s="1" t="s">
        <v>125</v>
      </c>
      <c r="D69952" s="1" t="s">
        <v>130412</v>
      </c>
      <c r="E69952" s="1" t="s">
        <v>233538</v>
      </c>
      <c r="F69952" s="1" t="s">
        <v>233539</v>
      </c>
      <c r="G69952" s="1" t="s">
        <v>233459</v>
      </c>
      <c r="H69952" s="1" t="s">
        <v>233460</v>
      </c>
      <c r="I69952" s="1" t="s">
        <v>222698</v>
      </c>
      <c r="J69952" s="1" t="s">
        <v>233540</v>
      </c>
    </row>
    <row r="69953" spans="1:10" x14ac:dyDescent="0.35">
      <c r="A69953" s="1" t="s">
        <v>143095</v>
      </c>
      <c r="B69953" s="1" t="s">
        <v>222693</v>
      </c>
      <c r="C69953" s="1" t="s">
        <v>130</v>
      </c>
      <c r="D69953" s="1" t="s">
        <v>99740</v>
      </c>
      <c r="E69953" s="1" t="s">
        <v>233541</v>
      </c>
      <c r="F69953" s="1" t="s">
        <v>233542</v>
      </c>
      <c r="G69953" s="1" t="s">
        <v>233459</v>
      </c>
      <c r="H69953" s="1" t="s">
        <v>233460</v>
      </c>
      <c r="I69953" s="1" t="s">
        <v>222698</v>
      </c>
      <c r="J69953" s="1" t="s">
        <v>233543</v>
      </c>
    </row>
    <row r="69954" spans="1:10" x14ac:dyDescent="0.35">
      <c r="A69954" s="1" t="s">
        <v>143095</v>
      </c>
      <c r="B69954" s="1" t="s">
        <v>222693</v>
      </c>
      <c r="C69954" s="1" t="s">
        <v>135</v>
      </c>
      <c r="D69954" s="1" t="s">
        <v>233544</v>
      </c>
      <c r="E69954" s="1" t="s">
        <v>233545</v>
      </c>
      <c r="F69954" s="1" t="s">
        <v>233546</v>
      </c>
      <c r="G69954" s="1" t="s">
        <v>233459</v>
      </c>
      <c r="H69954" s="1" t="s">
        <v>233460</v>
      </c>
      <c r="I69954" s="1" t="s">
        <v>222698</v>
      </c>
      <c r="J69954" s="1" t="s">
        <v>233547</v>
      </c>
    </row>
    <row r="69955" spans="1:10" x14ac:dyDescent="0.35">
      <c r="A69955" s="1" t="s">
        <v>143095</v>
      </c>
      <c r="B69955" s="1" t="s">
        <v>222693</v>
      </c>
      <c r="C69955" s="1" t="s">
        <v>140</v>
      </c>
      <c r="D69955" s="1" t="s">
        <v>233548</v>
      </c>
      <c r="E69955" s="1" t="s">
        <v>233549</v>
      </c>
      <c r="F69955" s="1" t="s">
        <v>233550</v>
      </c>
      <c r="G69955" s="1" t="s">
        <v>233459</v>
      </c>
      <c r="H69955" s="1" t="s">
        <v>233460</v>
      </c>
      <c r="I69955" s="1" t="s">
        <v>222698</v>
      </c>
      <c r="J69955" s="1" t="s">
        <v>233551</v>
      </c>
    </row>
    <row r="69956" spans="1:10" x14ac:dyDescent="0.35">
      <c r="A69956" s="1" t="s">
        <v>143095</v>
      </c>
      <c r="B69956" s="1" t="s">
        <v>222693</v>
      </c>
      <c r="C69956" s="1" t="s">
        <v>145</v>
      </c>
      <c r="D69956" s="1" t="s">
        <v>233552</v>
      </c>
      <c r="E69956" s="1" t="s">
        <v>233553</v>
      </c>
      <c r="F69956" s="1" t="s">
        <v>233554</v>
      </c>
      <c r="G69956" s="1" t="s">
        <v>233459</v>
      </c>
      <c r="H69956" s="1" t="s">
        <v>233460</v>
      </c>
      <c r="I69956" s="1" t="s">
        <v>222698</v>
      </c>
      <c r="J69956" s="1" t="s">
        <v>233555</v>
      </c>
    </row>
    <row r="69957" spans="1:10" x14ac:dyDescent="0.35">
      <c r="A69957" s="1" t="s">
        <v>143095</v>
      </c>
      <c r="B69957" s="1" t="s">
        <v>222693</v>
      </c>
      <c r="C69957" s="1" t="s">
        <v>150</v>
      </c>
      <c r="D69957" s="1" t="s">
        <v>133774</v>
      </c>
      <c r="E69957" s="1" t="s">
        <v>233556</v>
      </c>
      <c r="F69957" s="1" t="s">
        <v>233557</v>
      </c>
      <c r="G69957" s="1" t="s">
        <v>233459</v>
      </c>
      <c r="H69957" s="1" t="s">
        <v>233460</v>
      </c>
      <c r="I69957" s="1" t="s">
        <v>222698</v>
      </c>
      <c r="J69957" s="1" t="s">
        <v>233558</v>
      </c>
    </row>
    <row r="69958" spans="1:10" x14ac:dyDescent="0.35">
      <c r="A69958" s="1" t="s">
        <v>143095</v>
      </c>
      <c r="B69958" s="1" t="s">
        <v>222693</v>
      </c>
      <c r="C69958" s="1" t="s">
        <v>155</v>
      </c>
      <c r="D69958" s="1" t="s">
        <v>233559</v>
      </c>
      <c r="E69958" s="1" t="s">
        <v>233560</v>
      </c>
      <c r="F69958" s="1" t="s">
        <v>233561</v>
      </c>
      <c r="G69958" s="1" t="s">
        <v>233459</v>
      </c>
      <c r="H69958" s="1" t="s">
        <v>233460</v>
      </c>
      <c r="I69958" s="1" t="s">
        <v>222698</v>
      </c>
      <c r="J69958" s="1" t="s">
        <v>233562</v>
      </c>
    </row>
    <row r="69959" spans="1:10" x14ac:dyDescent="0.35">
      <c r="A69959" s="1" t="s">
        <v>143095</v>
      </c>
      <c r="B69959" s="1" t="s">
        <v>222693</v>
      </c>
      <c r="C69959" s="1" t="s">
        <v>160</v>
      </c>
      <c r="D69959" s="1" t="s">
        <v>162797</v>
      </c>
      <c r="E69959" s="1" t="s">
        <v>233563</v>
      </c>
      <c r="F69959" s="1" t="s">
        <v>233564</v>
      </c>
      <c r="G69959" s="1" t="s">
        <v>233459</v>
      </c>
      <c r="H69959" s="1" t="s">
        <v>233460</v>
      </c>
      <c r="I69959" s="1" t="s">
        <v>222698</v>
      </c>
      <c r="J69959" s="1" t="s">
        <v>233565</v>
      </c>
    </row>
    <row r="69960" spans="1:10" x14ac:dyDescent="0.35">
      <c r="A69960" s="1" t="s">
        <v>143095</v>
      </c>
      <c r="B69960" s="1" t="s">
        <v>222693</v>
      </c>
      <c r="C69960" s="1" t="s">
        <v>165</v>
      </c>
      <c r="D69960" s="1" t="s">
        <v>233566</v>
      </c>
      <c r="E69960" s="1" t="s">
        <v>233567</v>
      </c>
      <c r="F69960" s="1" t="s">
        <v>233568</v>
      </c>
      <c r="G69960" s="1" t="s">
        <v>233459</v>
      </c>
      <c r="H69960" s="1" t="s">
        <v>233460</v>
      </c>
      <c r="I69960" s="1" t="s">
        <v>222698</v>
      </c>
      <c r="J69960" s="1" t="s">
        <v>233569</v>
      </c>
    </row>
    <row r="69961" spans="1:10" x14ac:dyDescent="0.35">
      <c r="A69961" s="1" t="s">
        <v>143095</v>
      </c>
      <c r="B69961" s="1" t="s">
        <v>222693</v>
      </c>
      <c r="C69961" s="1" t="s">
        <v>170</v>
      </c>
      <c r="D69961" s="1" t="s">
        <v>233570</v>
      </c>
      <c r="E69961" s="1" t="s">
        <v>233571</v>
      </c>
      <c r="F69961" s="1" t="s">
        <v>233572</v>
      </c>
      <c r="G69961" s="1" t="s">
        <v>233459</v>
      </c>
      <c r="H69961" s="1" t="s">
        <v>233460</v>
      </c>
      <c r="I69961" s="1" t="s">
        <v>222698</v>
      </c>
      <c r="J69961" s="1" t="s">
        <v>233573</v>
      </c>
    </row>
    <row r="69962" spans="1:10" x14ac:dyDescent="0.35">
      <c r="A69962" s="1" t="s">
        <v>328</v>
      </c>
      <c r="B69962" s="1" t="s">
        <v>222693</v>
      </c>
      <c r="C69962" s="1" t="s">
        <v>8</v>
      </c>
      <c r="D69962" s="1" t="s">
        <v>233574</v>
      </c>
      <c r="E69962" s="1" t="s">
        <v>233575</v>
      </c>
      <c r="F69962" s="1" t="s">
        <v>233576</v>
      </c>
      <c r="G69962" s="1" t="s">
        <v>233577</v>
      </c>
      <c r="H69962" s="1" t="s">
        <v>233578</v>
      </c>
      <c r="I69962" s="1" t="s">
        <v>222698</v>
      </c>
      <c r="J69962" s="1" t="s">
        <v>13</v>
      </c>
    </row>
    <row r="69963" spans="1:10" x14ac:dyDescent="0.35">
      <c r="A69963" s="1" t="s">
        <v>328</v>
      </c>
      <c r="B69963" s="1" t="s">
        <v>222693</v>
      </c>
      <c r="C69963" s="1" t="s">
        <v>15</v>
      </c>
      <c r="D69963" s="1" t="s">
        <v>233579</v>
      </c>
      <c r="E69963" s="1" t="s">
        <v>233580</v>
      </c>
      <c r="F69963" s="1" t="s">
        <v>233581</v>
      </c>
      <c r="G69963" s="1" t="s">
        <v>233577</v>
      </c>
      <c r="H69963" s="1" t="s">
        <v>233578</v>
      </c>
      <c r="I69963" s="1" t="s">
        <v>222698</v>
      </c>
      <c r="J69963" s="1" t="s">
        <v>233582</v>
      </c>
    </row>
    <row r="69964" spans="1:10" x14ac:dyDescent="0.35">
      <c r="A69964" s="1" t="s">
        <v>328</v>
      </c>
      <c r="B69964" s="1" t="s">
        <v>222693</v>
      </c>
      <c r="C69964" s="1" t="s">
        <v>20</v>
      </c>
      <c r="D69964" s="1" t="s">
        <v>162140</v>
      </c>
      <c r="E69964" s="1" t="s">
        <v>233583</v>
      </c>
      <c r="F69964" s="1" t="s">
        <v>233584</v>
      </c>
      <c r="G69964" s="1" t="s">
        <v>233577</v>
      </c>
      <c r="H69964" s="1" t="s">
        <v>233578</v>
      </c>
      <c r="I69964" s="1" t="s">
        <v>222698</v>
      </c>
      <c r="J69964" s="1" t="s">
        <v>233585</v>
      </c>
    </row>
    <row r="69965" spans="1:10" x14ac:dyDescent="0.35">
      <c r="A69965" s="1" t="s">
        <v>328</v>
      </c>
      <c r="B69965" s="1" t="s">
        <v>222693</v>
      </c>
      <c r="C69965" s="1" t="s">
        <v>25</v>
      </c>
      <c r="D69965" s="1" t="s">
        <v>95756</v>
      </c>
      <c r="E69965" s="1" t="s">
        <v>233586</v>
      </c>
      <c r="F69965" s="1" t="s">
        <v>233587</v>
      </c>
      <c r="G69965" s="1" t="s">
        <v>233577</v>
      </c>
      <c r="H69965" s="1" t="s">
        <v>233578</v>
      </c>
      <c r="I69965" s="1" t="s">
        <v>222698</v>
      </c>
      <c r="J69965" s="1" t="s">
        <v>233588</v>
      </c>
    </row>
    <row r="69966" spans="1:10" x14ac:dyDescent="0.35">
      <c r="A69966" s="1" t="s">
        <v>328</v>
      </c>
      <c r="B69966" s="1" t="s">
        <v>222693</v>
      </c>
      <c r="C69966" s="1" t="s">
        <v>30</v>
      </c>
      <c r="D69966" s="1" t="s">
        <v>233589</v>
      </c>
      <c r="E69966" s="1" t="s">
        <v>233590</v>
      </c>
      <c r="F69966" s="1" t="s">
        <v>233591</v>
      </c>
      <c r="G69966" s="1" t="s">
        <v>233577</v>
      </c>
      <c r="H69966" s="1" t="s">
        <v>233578</v>
      </c>
      <c r="I69966" s="1" t="s">
        <v>222698</v>
      </c>
      <c r="J69966" s="1" t="s">
        <v>233592</v>
      </c>
    </row>
    <row r="69967" spans="1:10" x14ac:dyDescent="0.35">
      <c r="A69967" s="1" t="s">
        <v>328</v>
      </c>
      <c r="B69967" s="1" t="s">
        <v>222693</v>
      </c>
      <c r="C69967" s="1" t="s">
        <v>35</v>
      </c>
      <c r="D69967" s="1" t="s">
        <v>56415</v>
      </c>
      <c r="E69967" s="1" t="s">
        <v>233593</v>
      </c>
      <c r="F69967" s="1" t="s">
        <v>233594</v>
      </c>
      <c r="G69967" s="1" t="s">
        <v>233577</v>
      </c>
      <c r="H69967" s="1" t="s">
        <v>233578</v>
      </c>
      <c r="I69967" s="1" t="s">
        <v>222698</v>
      </c>
      <c r="J69967" s="1" t="s">
        <v>233595</v>
      </c>
    </row>
    <row r="69968" spans="1:10" x14ac:dyDescent="0.35">
      <c r="A69968" s="1" t="s">
        <v>328</v>
      </c>
      <c r="B69968" s="1" t="s">
        <v>222693</v>
      </c>
      <c r="C69968" s="1" t="s">
        <v>40</v>
      </c>
      <c r="D69968" s="1" t="s">
        <v>233596</v>
      </c>
      <c r="E69968" s="1" t="s">
        <v>233597</v>
      </c>
      <c r="F69968" s="1" t="s">
        <v>233598</v>
      </c>
      <c r="G69968" s="1" t="s">
        <v>233577</v>
      </c>
      <c r="H69968" s="1" t="s">
        <v>233578</v>
      </c>
      <c r="I69968" s="1" t="s">
        <v>222698</v>
      </c>
      <c r="J69968" s="1" t="s">
        <v>232231</v>
      </c>
    </row>
    <row r="69969" spans="1:10" x14ac:dyDescent="0.35">
      <c r="A69969" s="1" t="s">
        <v>328</v>
      </c>
      <c r="B69969" s="1" t="s">
        <v>222693</v>
      </c>
      <c r="C69969" s="1" t="s">
        <v>45</v>
      </c>
      <c r="D69969" s="1" t="s">
        <v>99244</v>
      </c>
      <c r="E69969" s="1" t="s">
        <v>233599</v>
      </c>
      <c r="F69969" s="1" t="s">
        <v>233600</v>
      </c>
      <c r="G69969" s="1" t="s">
        <v>233577</v>
      </c>
      <c r="H69969" s="1" t="s">
        <v>233578</v>
      </c>
      <c r="I69969" s="1" t="s">
        <v>222698</v>
      </c>
      <c r="J69969" s="1" t="s">
        <v>233601</v>
      </c>
    </row>
    <row r="69970" spans="1:10" x14ac:dyDescent="0.35">
      <c r="A69970" s="1" t="s">
        <v>328</v>
      </c>
      <c r="B69970" s="1" t="s">
        <v>222693</v>
      </c>
      <c r="C69970" s="1" t="s">
        <v>50</v>
      </c>
      <c r="D69970" s="1" t="s">
        <v>233602</v>
      </c>
      <c r="E69970" s="1" t="s">
        <v>233603</v>
      </c>
      <c r="F69970" s="1" t="s">
        <v>233604</v>
      </c>
      <c r="G69970" s="1" t="s">
        <v>233577</v>
      </c>
      <c r="H69970" s="1" t="s">
        <v>233578</v>
      </c>
      <c r="I69970" s="1" t="s">
        <v>222698</v>
      </c>
      <c r="J69970" s="1" t="s">
        <v>233605</v>
      </c>
    </row>
    <row r="69971" spans="1:10" x14ac:dyDescent="0.35">
      <c r="A69971" s="1" t="s">
        <v>328</v>
      </c>
      <c r="B69971" s="1" t="s">
        <v>222693</v>
      </c>
      <c r="C69971" s="1" t="s">
        <v>55</v>
      </c>
      <c r="D69971" s="1" t="s">
        <v>66262</v>
      </c>
      <c r="E69971" s="1" t="s">
        <v>233606</v>
      </c>
      <c r="F69971" s="1" t="s">
        <v>233607</v>
      </c>
      <c r="G69971" s="1" t="s">
        <v>233577</v>
      </c>
      <c r="H69971" s="1" t="s">
        <v>233578</v>
      </c>
      <c r="I69971" s="1" t="s">
        <v>222698</v>
      </c>
      <c r="J69971" s="1" t="s">
        <v>233608</v>
      </c>
    </row>
    <row r="69972" spans="1:10" x14ac:dyDescent="0.35">
      <c r="A69972" s="1" t="s">
        <v>328</v>
      </c>
      <c r="B69972" s="1" t="s">
        <v>222693</v>
      </c>
      <c r="C69972" s="1" t="s">
        <v>60</v>
      </c>
      <c r="D69972" s="1" t="s">
        <v>77832</v>
      </c>
      <c r="E69972" s="1" t="s">
        <v>233609</v>
      </c>
      <c r="F69972" s="1" t="s">
        <v>233610</v>
      </c>
      <c r="G69972" s="1" t="s">
        <v>233577</v>
      </c>
      <c r="H69972" s="1" t="s">
        <v>233578</v>
      </c>
      <c r="I69972" s="1" t="s">
        <v>222698</v>
      </c>
      <c r="J69972" s="1" t="s">
        <v>233611</v>
      </c>
    </row>
    <row r="69973" spans="1:10" x14ac:dyDescent="0.35">
      <c r="A69973" s="1" t="s">
        <v>328</v>
      </c>
      <c r="B69973" s="1" t="s">
        <v>222693</v>
      </c>
      <c r="C69973" s="1" t="s">
        <v>65</v>
      </c>
      <c r="D69973" s="1" t="s">
        <v>233612</v>
      </c>
      <c r="E69973" s="1" t="s">
        <v>233613</v>
      </c>
      <c r="F69973" s="1" t="s">
        <v>233614</v>
      </c>
      <c r="G69973" s="1" t="s">
        <v>233577</v>
      </c>
      <c r="H69973" s="1" t="s">
        <v>233578</v>
      </c>
      <c r="I69973" s="1" t="s">
        <v>222698</v>
      </c>
      <c r="J69973" s="1" t="s">
        <v>233615</v>
      </c>
    </row>
    <row r="69974" spans="1:10" x14ac:dyDescent="0.35">
      <c r="A69974" s="1" t="s">
        <v>328</v>
      </c>
      <c r="B69974" s="1" t="s">
        <v>222693</v>
      </c>
      <c r="C69974" s="1" t="s">
        <v>70</v>
      </c>
      <c r="D69974" s="1" t="s">
        <v>233616</v>
      </c>
      <c r="E69974" s="1" t="s">
        <v>233617</v>
      </c>
      <c r="F69974" s="1" t="s">
        <v>233618</v>
      </c>
      <c r="G69974" s="1" t="s">
        <v>233577</v>
      </c>
      <c r="H69974" s="1" t="s">
        <v>233578</v>
      </c>
      <c r="I69974" s="1" t="s">
        <v>222698</v>
      </c>
      <c r="J69974" s="1" t="s">
        <v>233619</v>
      </c>
    </row>
    <row r="69975" spans="1:10" x14ac:dyDescent="0.35">
      <c r="A69975" s="1" t="s">
        <v>328</v>
      </c>
      <c r="B69975" s="1" t="s">
        <v>222693</v>
      </c>
      <c r="C69975" s="1" t="s">
        <v>75</v>
      </c>
      <c r="D69975" s="1" t="s">
        <v>61550</v>
      </c>
      <c r="E69975" s="1" t="s">
        <v>233620</v>
      </c>
      <c r="F69975" s="1" t="s">
        <v>233621</v>
      </c>
      <c r="G69975" s="1" t="s">
        <v>233577</v>
      </c>
      <c r="H69975" s="1" t="s">
        <v>233578</v>
      </c>
      <c r="I69975" s="1" t="s">
        <v>222698</v>
      </c>
      <c r="J69975" s="1" t="s">
        <v>233622</v>
      </c>
    </row>
    <row r="69976" spans="1:10" x14ac:dyDescent="0.35">
      <c r="A69976" s="1" t="s">
        <v>328</v>
      </c>
      <c r="B69976" s="1" t="s">
        <v>222693</v>
      </c>
      <c r="C69976" s="1" t="s">
        <v>80</v>
      </c>
      <c r="D69976" s="1" t="s">
        <v>139587</v>
      </c>
      <c r="E69976" s="1" t="s">
        <v>233623</v>
      </c>
      <c r="F69976" s="1" t="s">
        <v>233624</v>
      </c>
      <c r="G69976" s="1" t="s">
        <v>233577</v>
      </c>
      <c r="H69976" s="1" t="s">
        <v>233578</v>
      </c>
      <c r="I69976" s="1" t="s">
        <v>222698</v>
      </c>
      <c r="J69976" s="1" t="s">
        <v>233625</v>
      </c>
    </row>
    <row r="69977" spans="1:10" x14ac:dyDescent="0.35">
      <c r="A69977" s="1" t="s">
        <v>328</v>
      </c>
      <c r="B69977" s="1" t="s">
        <v>222693</v>
      </c>
      <c r="C69977" s="1" t="s">
        <v>85</v>
      </c>
      <c r="D69977" s="1" t="s">
        <v>53896</v>
      </c>
      <c r="E69977" s="1" t="s">
        <v>233626</v>
      </c>
      <c r="F69977" s="1" t="s">
        <v>233627</v>
      </c>
      <c r="G69977" s="1" t="s">
        <v>233577</v>
      </c>
      <c r="H69977" s="1" t="s">
        <v>233578</v>
      </c>
      <c r="I69977" s="1" t="s">
        <v>222698</v>
      </c>
      <c r="J69977" s="1" t="s">
        <v>233628</v>
      </c>
    </row>
    <row r="69978" spans="1:10" x14ac:dyDescent="0.35">
      <c r="A69978" s="1" t="s">
        <v>328</v>
      </c>
      <c r="B69978" s="1" t="s">
        <v>222693</v>
      </c>
      <c r="C69978" s="1" t="s">
        <v>90</v>
      </c>
      <c r="D69978" s="1" t="s">
        <v>233629</v>
      </c>
      <c r="E69978" s="1" t="s">
        <v>233630</v>
      </c>
      <c r="F69978" s="1" t="s">
        <v>233631</v>
      </c>
      <c r="G69978" s="1" t="s">
        <v>233577</v>
      </c>
      <c r="H69978" s="1" t="s">
        <v>233578</v>
      </c>
      <c r="I69978" s="1" t="s">
        <v>222698</v>
      </c>
      <c r="J69978" s="1" t="s">
        <v>233632</v>
      </c>
    </row>
    <row r="69979" spans="1:10" x14ac:dyDescent="0.35">
      <c r="A69979" s="1" t="s">
        <v>328</v>
      </c>
      <c r="B69979" s="1" t="s">
        <v>222693</v>
      </c>
      <c r="C69979" s="1" t="s">
        <v>95</v>
      </c>
      <c r="D69979" s="1" t="s">
        <v>140497</v>
      </c>
      <c r="E69979" s="1" t="s">
        <v>233633</v>
      </c>
      <c r="F69979" s="1" t="s">
        <v>233634</v>
      </c>
      <c r="G69979" s="1" t="s">
        <v>233577</v>
      </c>
      <c r="H69979" s="1" t="s">
        <v>233578</v>
      </c>
      <c r="I69979" s="1" t="s">
        <v>222698</v>
      </c>
      <c r="J69979" s="1" t="s">
        <v>233635</v>
      </c>
    </row>
    <row r="69980" spans="1:10" x14ac:dyDescent="0.35">
      <c r="A69980" s="1" t="s">
        <v>328</v>
      </c>
      <c r="B69980" s="1" t="s">
        <v>222693</v>
      </c>
      <c r="C69980" s="1" t="s">
        <v>100</v>
      </c>
      <c r="D69980" s="1" t="s">
        <v>233636</v>
      </c>
      <c r="E69980" s="1" t="s">
        <v>233637</v>
      </c>
      <c r="F69980" s="1" t="s">
        <v>233638</v>
      </c>
      <c r="G69980" s="1" t="s">
        <v>233577</v>
      </c>
      <c r="H69980" s="1" t="s">
        <v>233578</v>
      </c>
      <c r="I69980" s="1" t="s">
        <v>222698</v>
      </c>
      <c r="J69980" s="1" t="s">
        <v>233639</v>
      </c>
    </row>
    <row r="69981" spans="1:10" x14ac:dyDescent="0.35">
      <c r="A69981" s="1" t="s">
        <v>328</v>
      </c>
      <c r="B69981" s="1" t="s">
        <v>222693</v>
      </c>
      <c r="C69981" s="1" t="s">
        <v>105</v>
      </c>
      <c r="D69981" s="1" t="s">
        <v>233640</v>
      </c>
      <c r="E69981" s="1" t="s">
        <v>233641</v>
      </c>
      <c r="F69981" s="1" t="s">
        <v>233642</v>
      </c>
      <c r="G69981" s="1" t="s">
        <v>233577</v>
      </c>
      <c r="H69981" s="1" t="s">
        <v>233578</v>
      </c>
      <c r="I69981" s="1" t="s">
        <v>222698</v>
      </c>
      <c r="J69981" s="1" t="s">
        <v>233643</v>
      </c>
    </row>
    <row r="69982" spans="1:10" x14ac:dyDescent="0.35">
      <c r="A69982" s="1" t="s">
        <v>328</v>
      </c>
      <c r="B69982" s="1" t="s">
        <v>222693</v>
      </c>
      <c r="C69982" s="1" t="s">
        <v>110</v>
      </c>
      <c r="D69982" s="1" t="s">
        <v>59191</v>
      </c>
      <c r="E69982" s="1" t="s">
        <v>233644</v>
      </c>
      <c r="F69982" s="1" t="s">
        <v>233645</v>
      </c>
      <c r="G69982" s="1" t="s">
        <v>233577</v>
      </c>
      <c r="H69982" s="1" t="s">
        <v>233578</v>
      </c>
      <c r="I69982" s="1" t="s">
        <v>222698</v>
      </c>
      <c r="J69982" s="1" t="s">
        <v>233646</v>
      </c>
    </row>
    <row r="69983" spans="1:10" x14ac:dyDescent="0.35">
      <c r="A69983" s="1" t="s">
        <v>328</v>
      </c>
      <c r="B69983" s="1" t="s">
        <v>222693</v>
      </c>
      <c r="C69983" s="1" t="s">
        <v>115</v>
      </c>
      <c r="D69983" s="1" t="s">
        <v>233647</v>
      </c>
      <c r="E69983" s="1" t="s">
        <v>233648</v>
      </c>
      <c r="F69983" s="1" t="s">
        <v>233649</v>
      </c>
      <c r="G69983" s="1" t="s">
        <v>233577</v>
      </c>
      <c r="H69983" s="1" t="s">
        <v>233578</v>
      </c>
      <c r="I69983" s="1" t="s">
        <v>222698</v>
      </c>
      <c r="J69983" s="1" t="s">
        <v>233650</v>
      </c>
    </row>
    <row r="69984" spans="1:10" x14ac:dyDescent="0.35">
      <c r="A69984" s="1" t="s">
        <v>328</v>
      </c>
      <c r="B69984" s="1" t="s">
        <v>222693</v>
      </c>
      <c r="C69984" s="1" t="s">
        <v>120</v>
      </c>
      <c r="D69984" s="1" t="s">
        <v>233651</v>
      </c>
      <c r="E69984" s="1" t="s">
        <v>233652</v>
      </c>
      <c r="F69984" s="1" t="s">
        <v>233653</v>
      </c>
      <c r="G69984" s="1" t="s">
        <v>233577</v>
      </c>
      <c r="H69984" s="1" t="s">
        <v>233578</v>
      </c>
      <c r="I69984" s="1" t="s">
        <v>222698</v>
      </c>
      <c r="J69984" s="1" t="s">
        <v>233654</v>
      </c>
    </row>
    <row r="69985" spans="1:10" x14ac:dyDescent="0.35">
      <c r="A69985" s="1" t="s">
        <v>328</v>
      </c>
      <c r="B69985" s="1" t="s">
        <v>222693</v>
      </c>
      <c r="C69985" s="1" t="s">
        <v>125</v>
      </c>
      <c r="D69985" s="1" t="s">
        <v>91438</v>
      </c>
      <c r="E69985" s="1" t="s">
        <v>233655</v>
      </c>
      <c r="F69985" s="1" t="s">
        <v>233656</v>
      </c>
      <c r="G69985" s="1" t="s">
        <v>233577</v>
      </c>
      <c r="H69985" s="1" t="s">
        <v>233578</v>
      </c>
      <c r="I69985" s="1" t="s">
        <v>222698</v>
      </c>
      <c r="J69985" s="1" t="s">
        <v>233657</v>
      </c>
    </row>
    <row r="69986" spans="1:10" x14ac:dyDescent="0.35">
      <c r="A69986" s="1" t="s">
        <v>328</v>
      </c>
      <c r="B69986" s="1" t="s">
        <v>222693</v>
      </c>
      <c r="C69986" s="1" t="s">
        <v>130</v>
      </c>
      <c r="D69986" s="1" t="s">
        <v>233658</v>
      </c>
      <c r="E69986" s="1" t="s">
        <v>233659</v>
      </c>
      <c r="F69986" s="1" t="s">
        <v>233660</v>
      </c>
      <c r="G69986" s="1" t="s">
        <v>233577</v>
      </c>
      <c r="H69986" s="1" t="s">
        <v>233578</v>
      </c>
      <c r="I69986" s="1" t="s">
        <v>222698</v>
      </c>
      <c r="J69986" s="1" t="s">
        <v>233661</v>
      </c>
    </row>
    <row r="69987" spans="1:10" x14ac:dyDescent="0.35">
      <c r="A69987" s="1" t="s">
        <v>328</v>
      </c>
      <c r="B69987" s="1" t="s">
        <v>222693</v>
      </c>
      <c r="C69987" s="1" t="s">
        <v>135</v>
      </c>
      <c r="D69987" s="1" t="s">
        <v>63478</v>
      </c>
      <c r="E69987" s="1" t="s">
        <v>233662</v>
      </c>
      <c r="F69987" s="1" t="s">
        <v>233663</v>
      </c>
      <c r="G69987" s="1" t="s">
        <v>233577</v>
      </c>
      <c r="H69987" s="1" t="s">
        <v>233578</v>
      </c>
      <c r="I69987" s="1" t="s">
        <v>222698</v>
      </c>
      <c r="J69987" s="1" t="s">
        <v>233664</v>
      </c>
    </row>
    <row r="69988" spans="1:10" x14ac:dyDescent="0.35">
      <c r="A69988" s="1" t="s">
        <v>328</v>
      </c>
      <c r="B69988" s="1" t="s">
        <v>222693</v>
      </c>
      <c r="C69988" s="1" t="s">
        <v>140</v>
      </c>
      <c r="D69988" s="1" t="s">
        <v>66042</v>
      </c>
      <c r="E69988" s="1" t="s">
        <v>233665</v>
      </c>
      <c r="F69988" s="1" t="s">
        <v>233666</v>
      </c>
      <c r="G69988" s="1" t="s">
        <v>233577</v>
      </c>
      <c r="H69988" s="1" t="s">
        <v>233578</v>
      </c>
      <c r="I69988" s="1" t="s">
        <v>222698</v>
      </c>
      <c r="J69988" s="1" t="s">
        <v>233667</v>
      </c>
    </row>
    <row r="69989" spans="1:10" x14ac:dyDescent="0.35">
      <c r="A69989" s="1" t="s">
        <v>328</v>
      </c>
      <c r="B69989" s="1" t="s">
        <v>222693</v>
      </c>
      <c r="C69989" s="1" t="s">
        <v>145</v>
      </c>
      <c r="D69989" s="1" t="s">
        <v>20752</v>
      </c>
      <c r="E69989" s="1" t="s">
        <v>233668</v>
      </c>
      <c r="F69989" s="1" t="s">
        <v>233669</v>
      </c>
      <c r="G69989" s="1" t="s">
        <v>233577</v>
      </c>
      <c r="H69989" s="1" t="s">
        <v>233578</v>
      </c>
      <c r="I69989" s="1" t="s">
        <v>222698</v>
      </c>
      <c r="J69989" s="1" t="s">
        <v>233670</v>
      </c>
    </row>
    <row r="69990" spans="1:10" x14ac:dyDescent="0.35">
      <c r="A69990" s="1" t="s">
        <v>328</v>
      </c>
      <c r="B69990" s="1" t="s">
        <v>222693</v>
      </c>
      <c r="C69990" s="1" t="s">
        <v>150</v>
      </c>
      <c r="D69990" s="1" t="s">
        <v>233671</v>
      </c>
      <c r="E69990" s="1" t="s">
        <v>233672</v>
      </c>
      <c r="F69990" s="1" t="s">
        <v>233673</v>
      </c>
      <c r="G69990" s="1" t="s">
        <v>233577</v>
      </c>
      <c r="H69990" s="1" t="s">
        <v>233578</v>
      </c>
      <c r="I69990" s="1" t="s">
        <v>222698</v>
      </c>
      <c r="J69990" s="1" t="s">
        <v>233674</v>
      </c>
    </row>
    <row r="69991" spans="1:10" x14ac:dyDescent="0.35">
      <c r="A69991" s="1" t="s">
        <v>328</v>
      </c>
      <c r="B69991" s="1" t="s">
        <v>222693</v>
      </c>
      <c r="C69991" s="1" t="s">
        <v>155</v>
      </c>
      <c r="D69991" s="1" t="s">
        <v>233675</v>
      </c>
      <c r="E69991" s="1" t="s">
        <v>233676</v>
      </c>
      <c r="F69991" s="1" t="s">
        <v>233677</v>
      </c>
      <c r="G69991" s="1" t="s">
        <v>233577</v>
      </c>
      <c r="H69991" s="1" t="s">
        <v>233578</v>
      </c>
      <c r="I69991" s="1" t="s">
        <v>222698</v>
      </c>
      <c r="J69991" s="1" t="s">
        <v>233678</v>
      </c>
    </row>
    <row r="69992" spans="1:10" x14ac:dyDescent="0.35">
      <c r="A69992" s="1" t="s">
        <v>328</v>
      </c>
      <c r="B69992" s="1" t="s">
        <v>222693</v>
      </c>
      <c r="C69992" s="1" t="s">
        <v>160</v>
      </c>
      <c r="D69992" s="1" t="s">
        <v>233679</v>
      </c>
      <c r="E69992" s="1" t="s">
        <v>233680</v>
      </c>
      <c r="F69992" s="1" t="s">
        <v>233681</v>
      </c>
      <c r="G69992" s="1" t="s">
        <v>233577</v>
      </c>
      <c r="H69992" s="1" t="s">
        <v>233578</v>
      </c>
      <c r="I69992" s="1" t="s">
        <v>222698</v>
      </c>
      <c r="J69992" s="1" t="s">
        <v>233682</v>
      </c>
    </row>
    <row r="69993" spans="1:10" x14ac:dyDescent="0.35">
      <c r="A69993" s="1" t="s">
        <v>328</v>
      </c>
      <c r="B69993" s="1" t="s">
        <v>222693</v>
      </c>
      <c r="C69993" s="1" t="s">
        <v>165</v>
      </c>
      <c r="D69993" s="1" t="s">
        <v>233683</v>
      </c>
      <c r="E69993" s="1" t="s">
        <v>233684</v>
      </c>
      <c r="F69993" s="1" t="s">
        <v>233685</v>
      </c>
      <c r="G69993" s="1" t="s">
        <v>233577</v>
      </c>
      <c r="H69993" s="1" t="s">
        <v>233578</v>
      </c>
      <c r="I69993" s="1" t="s">
        <v>222698</v>
      </c>
      <c r="J69993" s="1" t="s">
        <v>233686</v>
      </c>
    </row>
    <row r="69994" spans="1:10" x14ac:dyDescent="0.35">
      <c r="A69994" s="1" t="s">
        <v>328</v>
      </c>
      <c r="B69994" s="1" t="s">
        <v>222693</v>
      </c>
      <c r="C69994" s="1" t="s">
        <v>170</v>
      </c>
      <c r="D69994" s="1" t="s">
        <v>233687</v>
      </c>
      <c r="E69994" s="1" t="s">
        <v>233688</v>
      </c>
      <c r="F69994" s="1" t="s">
        <v>233689</v>
      </c>
      <c r="G69994" s="1" t="s">
        <v>233577</v>
      </c>
      <c r="H69994" s="1" t="s">
        <v>233578</v>
      </c>
      <c r="I69994" s="1" t="s">
        <v>222698</v>
      </c>
      <c r="J69994" s="1" t="s">
        <v>233690</v>
      </c>
    </row>
    <row r="69995" spans="1:10" x14ac:dyDescent="0.35">
      <c r="A69995" s="1" t="s">
        <v>4689</v>
      </c>
      <c r="B69995" s="1" t="s">
        <v>222693</v>
      </c>
      <c r="C69995" s="1" t="s">
        <v>8</v>
      </c>
      <c r="D69995" s="1" t="s">
        <v>78701</v>
      </c>
      <c r="E69995" s="1" t="s">
        <v>233691</v>
      </c>
      <c r="F69995" s="1" t="s">
        <v>233692</v>
      </c>
      <c r="G69995" s="1" t="s">
        <v>233693</v>
      </c>
      <c r="H69995" s="1" t="s">
        <v>233694</v>
      </c>
      <c r="I69995" s="1" t="s">
        <v>222698</v>
      </c>
      <c r="J69995" s="1" t="s">
        <v>13</v>
      </c>
    </row>
    <row r="69996" spans="1:10" x14ac:dyDescent="0.35">
      <c r="A69996" s="1" t="s">
        <v>4689</v>
      </c>
      <c r="B69996" s="1" t="s">
        <v>222693</v>
      </c>
      <c r="C69996" s="1" t="s">
        <v>15</v>
      </c>
      <c r="D69996" s="1" t="s">
        <v>233695</v>
      </c>
      <c r="E69996" s="1" t="s">
        <v>233696</v>
      </c>
      <c r="F69996" s="1" t="s">
        <v>233697</v>
      </c>
      <c r="G69996" s="1" t="s">
        <v>233693</v>
      </c>
      <c r="H69996" s="1" t="s">
        <v>233694</v>
      </c>
      <c r="I69996" s="1" t="s">
        <v>222698</v>
      </c>
      <c r="J69996" s="1" t="s">
        <v>233698</v>
      </c>
    </row>
    <row r="69997" spans="1:10" x14ac:dyDescent="0.35">
      <c r="A69997" s="1" t="s">
        <v>4689</v>
      </c>
      <c r="B69997" s="1" t="s">
        <v>222693</v>
      </c>
      <c r="C69997" s="1" t="s">
        <v>20</v>
      </c>
      <c r="D69997" s="1" t="s">
        <v>62454</v>
      </c>
      <c r="E69997" s="1" t="s">
        <v>233699</v>
      </c>
      <c r="F69997" s="1" t="s">
        <v>233700</v>
      </c>
      <c r="G69997" s="1" t="s">
        <v>233693</v>
      </c>
      <c r="H69997" s="1" t="s">
        <v>233694</v>
      </c>
      <c r="I69997" s="1" t="s">
        <v>222698</v>
      </c>
      <c r="J69997" s="1" t="s">
        <v>233701</v>
      </c>
    </row>
    <row r="69998" spans="1:10" x14ac:dyDescent="0.35">
      <c r="A69998" s="1" t="s">
        <v>4689</v>
      </c>
      <c r="B69998" s="1" t="s">
        <v>222693</v>
      </c>
      <c r="C69998" s="1" t="s">
        <v>25</v>
      </c>
      <c r="D69998" s="1" t="s">
        <v>65986</v>
      </c>
      <c r="E69998" s="1" t="s">
        <v>233702</v>
      </c>
      <c r="F69998" s="1" t="s">
        <v>233703</v>
      </c>
      <c r="G69998" s="1" t="s">
        <v>233693</v>
      </c>
      <c r="H69998" s="1" t="s">
        <v>233694</v>
      </c>
      <c r="I69998" s="1" t="s">
        <v>222698</v>
      </c>
      <c r="J69998" s="1" t="s">
        <v>233704</v>
      </c>
    </row>
    <row r="69999" spans="1:10" x14ac:dyDescent="0.35">
      <c r="A69999" s="1" t="s">
        <v>4689</v>
      </c>
      <c r="B69999" s="1" t="s">
        <v>222693</v>
      </c>
      <c r="C69999" s="1" t="s">
        <v>30</v>
      </c>
      <c r="D69999" s="1" t="s">
        <v>80403</v>
      </c>
      <c r="E69999" s="1" t="s">
        <v>233705</v>
      </c>
      <c r="F69999" s="1" t="s">
        <v>233706</v>
      </c>
      <c r="G69999" s="1" t="s">
        <v>233693</v>
      </c>
      <c r="H69999" s="1" t="s">
        <v>233694</v>
      </c>
      <c r="I69999" s="1" t="s">
        <v>222698</v>
      </c>
      <c r="J69999" s="1" t="s">
        <v>233707</v>
      </c>
    </row>
    <row r="70000" spans="1:10" x14ac:dyDescent="0.35">
      <c r="A70000" s="1" t="s">
        <v>4689</v>
      </c>
      <c r="B70000" s="1" t="s">
        <v>222693</v>
      </c>
      <c r="C70000" s="1" t="s">
        <v>35</v>
      </c>
      <c r="D70000" s="1" t="s">
        <v>94766</v>
      </c>
      <c r="E70000" s="1" t="s">
        <v>233708</v>
      </c>
      <c r="F70000" s="1" t="s">
        <v>233709</v>
      </c>
      <c r="G70000" s="1" t="s">
        <v>233693</v>
      </c>
      <c r="H70000" s="1" t="s">
        <v>233694</v>
      </c>
      <c r="I70000" s="1" t="s">
        <v>222698</v>
      </c>
      <c r="J70000" s="1" t="s">
        <v>233710</v>
      </c>
    </row>
    <row r="70001" spans="1:10" x14ac:dyDescent="0.35">
      <c r="A70001" s="1" t="s">
        <v>4689</v>
      </c>
      <c r="B70001" s="1" t="s">
        <v>222693</v>
      </c>
      <c r="C70001" s="1" t="s">
        <v>40</v>
      </c>
      <c r="D70001" s="1" t="s">
        <v>101423</v>
      </c>
      <c r="E70001" s="1" t="s">
        <v>233711</v>
      </c>
      <c r="F70001" s="1" t="s">
        <v>233712</v>
      </c>
      <c r="G70001" s="1" t="s">
        <v>233693</v>
      </c>
      <c r="H70001" s="1" t="s">
        <v>233694</v>
      </c>
      <c r="I70001" s="1" t="s">
        <v>222698</v>
      </c>
      <c r="J70001" s="1" t="s">
        <v>233713</v>
      </c>
    </row>
    <row r="70002" spans="1:10" x14ac:dyDescent="0.35">
      <c r="A70002" s="1" t="s">
        <v>4689</v>
      </c>
      <c r="B70002" s="1" t="s">
        <v>222693</v>
      </c>
      <c r="C70002" s="1" t="s">
        <v>45</v>
      </c>
      <c r="D70002" s="1" t="s">
        <v>233714</v>
      </c>
      <c r="E70002" s="1" t="s">
        <v>233715</v>
      </c>
      <c r="F70002" s="1" t="s">
        <v>233716</v>
      </c>
      <c r="G70002" s="1" t="s">
        <v>233693</v>
      </c>
      <c r="H70002" s="1" t="s">
        <v>233694</v>
      </c>
      <c r="I70002" s="1" t="s">
        <v>222698</v>
      </c>
      <c r="J70002" s="1" t="s">
        <v>233717</v>
      </c>
    </row>
    <row r="70003" spans="1:10" x14ac:dyDescent="0.35">
      <c r="A70003" s="1" t="s">
        <v>4689</v>
      </c>
      <c r="B70003" s="1" t="s">
        <v>222693</v>
      </c>
      <c r="C70003" s="1" t="s">
        <v>50</v>
      </c>
      <c r="D70003" s="1" t="s">
        <v>233718</v>
      </c>
      <c r="E70003" s="1" t="s">
        <v>233719</v>
      </c>
      <c r="F70003" s="1" t="s">
        <v>233720</v>
      </c>
      <c r="G70003" s="1" t="s">
        <v>233693</v>
      </c>
      <c r="H70003" s="1" t="s">
        <v>233694</v>
      </c>
      <c r="I70003" s="1" t="s">
        <v>222698</v>
      </c>
      <c r="J70003" s="1" t="s">
        <v>233721</v>
      </c>
    </row>
    <row r="70004" spans="1:10" x14ac:dyDescent="0.35">
      <c r="A70004" s="1" t="s">
        <v>4689</v>
      </c>
      <c r="B70004" s="1" t="s">
        <v>222693</v>
      </c>
      <c r="C70004" s="1" t="s">
        <v>55</v>
      </c>
      <c r="D70004" s="1" t="s">
        <v>233722</v>
      </c>
      <c r="E70004" s="1" t="s">
        <v>233723</v>
      </c>
      <c r="F70004" s="1" t="s">
        <v>233724</v>
      </c>
      <c r="G70004" s="1" t="s">
        <v>233693</v>
      </c>
      <c r="H70004" s="1" t="s">
        <v>233694</v>
      </c>
      <c r="I70004" s="1" t="s">
        <v>222698</v>
      </c>
      <c r="J70004" s="1" t="s">
        <v>233725</v>
      </c>
    </row>
    <row r="70005" spans="1:10" x14ac:dyDescent="0.35">
      <c r="A70005" s="1" t="s">
        <v>4689</v>
      </c>
      <c r="B70005" s="1" t="s">
        <v>222693</v>
      </c>
      <c r="C70005" s="1" t="s">
        <v>60</v>
      </c>
      <c r="D70005" s="1" t="s">
        <v>91923</v>
      </c>
      <c r="E70005" s="1" t="s">
        <v>233726</v>
      </c>
      <c r="F70005" s="1" t="s">
        <v>233727</v>
      </c>
      <c r="G70005" s="1" t="s">
        <v>233693</v>
      </c>
      <c r="H70005" s="1" t="s">
        <v>233694</v>
      </c>
      <c r="I70005" s="1" t="s">
        <v>222698</v>
      </c>
      <c r="J70005" s="1" t="s">
        <v>233728</v>
      </c>
    </row>
    <row r="70006" spans="1:10" x14ac:dyDescent="0.35">
      <c r="A70006" s="1" t="s">
        <v>4689</v>
      </c>
      <c r="B70006" s="1" t="s">
        <v>222693</v>
      </c>
      <c r="C70006" s="1" t="s">
        <v>65</v>
      </c>
      <c r="D70006" s="1" t="s">
        <v>33323</v>
      </c>
      <c r="E70006" s="1" t="s">
        <v>233729</v>
      </c>
      <c r="F70006" s="1" t="s">
        <v>233730</v>
      </c>
      <c r="G70006" s="1" t="s">
        <v>233693</v>
      </c>
      <c r="H70006" s="1" t="s">
        <v>233694</v>
      </c>
      <c r="I70006" s="1" t="s">
        <v>222698</v>
      </c>
      <c r="J70006" s="1" t="s">
        <v>233731</v>
      </c>
    </row>
    <row r="70007" spans="1:10" x14ac:dyDescent="0.35">
      <c r="A70007" s="1" t="s">
        <v>4689</v>
      </c>
      <c r="B70007" s="1" t="s">
        <v>222693</v>
      </c>
      <c r="C70007" s="1" t="s">
        <v>70</v>
      </c>
      <c r="D70007" s="1" t="s">
        <v>233732</v>
      </c>
      <c r="E70007" s="1" t="s">
        <v>233733</v>
      </c>
      <c r="F70007" s="1" t="s">
        <v>233734</v>
      </c>
      <c r="G70007" s="1" t="s">
        <v>233693</v>
      </c>
      <c r="H70007" s="1" t="s">
        <v>233694</v>
      </c>
      <c r="I70007" s="1" t="s">
        <v>222698</v>
      </c>
      <c r="J70007" s="1" t="s">
        <v>233735</v>
      </c>
    </row>
    <row r="70008" spans="1:10" x14ac:dyDescent="0.35">
      <c r="A70008" s="1" t="s">
        <v>4689</v>
      </c>
      <c r="B70008" s="1" t="s">
        <v>222693</v>
      </c>
      <c r="C70008" s="1" t="s">
        <v>75</v>
      </c>
      <c r="D70008" s="1" t="s">
        <v>69220</v>
      </c>
      <c r="E70008" s="1" t="s">
        <v>233736</v>
      </c>
      <c r="F70008" s="1" t="s">
        <v>233737</v>
      </c>
      <c r="G70008" s="1" t="s">
        <v>233693</v>
      </c>
      <c r="H70008" s="1" t="s">
        <v>233694</v>
      </c>
      <c r="I70008" s="1" t="s">
        <v>222698</v>
      </c>
      <c r="J70008" s="1" t="s">
        <v>233738</v>
      </c>
    </row>
    <row r="70009" spans="1:10" x14ac:dyDescent="0.35">
      <c r="A70009" s="1" t="s">
        <v>4689</v>
      </c>
      <c r="B70009" s="1" t="s">
        <v>222693</v>
      </c>
      <c r="C70009" s="1" t="s">
        <v>80</v>
      </c>
      <c r="D70009" s="1" t="s">
        <v>66404</v>
      </c>
      <c r="E70009" s="1" t="s">
        <v>233739</v>
      </c>
      <c r="F70009" s="1" t="s">
        <v>233740</v>
      </c>
      <c r="G70009" s="1" t="s">
        <v>233693</v>
      </c>
      <c r="H70009" s="1" t="s">
        <v>233694</v>
      </c>
      <c r="I70009" s="1" t="s">
        <v>222698</v>
      </c>
      <c r="J70009" s="1" t="s">
        <v>233741</v>
      </c>
    </row>
    <row r="70010" spans="1:10" x14ac:dyDescent="0.35">
      <c r="A70010" s="1" t="s">
        <v>4689</v>
      </c>
      <c r="B70010" s="1" t="s">
        <v>222693</v>
      </c>
      <c r="C70010" s="1" t="s">
        <v>85</v>
      </c>
      <c r="D70010" s="1" t="s">
        <v>64327</v>
      </c>
      <c r="E70010" s="1" t="s">
        <v>233742</v>
      </c>
      <c r="F70010" s="1" t="s">
        <v>233743</v>
      </c>
      <c r="G70010" s="1" t="s">
        <v>233693</v>
      </c>
      <c r="H70010" s="1" t="s">
        <v>233694</v>
      </c>
      <c r="I70010" s="1" t="s">
        <v>222698</v>
      </c>
      <c r="J70010" s="1" t="s">
        <v>233744</v>
      </c>
    </row>
    <row r="70011" spans="1:10" x14ac:dyDescent="0.35">
      <c r="A70011" s="1" t="s">
        <v>4689</v>
      </c>
      <c r="B70011" s="1" t="s">
        <v>222693</v>
      </c>
      <c r="C70011" s="1" t="s">
        <v>90</v>
      </c>
      <c r="D70011" s="1" t="s">
        <v>39806</v>
      </c>
      <c r="E70011" s="1" t="s">
        <v>233745</v>
      </c>
      <c r="F70011" s="1" t="s">
        <v>233746</v>
      </c>
      <c r="G70011" s="1" t="s">
        <v>233693</v>
      </c>
      <c r="H70011" s="1" t="s">
        <v>233694</v>
      </c>
      <c r="I70011" s="1" t="s">
        <v>222698</v>
      </c>
      <c r="J70011" s="1" t="s">
        <v>233747</v>
      </c>
    </row>
    <row r="70012" spans="1:10" x14ac:dyDescent="0.35">
      <c r="A70012" s="1" t="s">
        <v>4689</v>
      </c>
      <c r="B70012" s="1" t="s">
        <v>222693</v>
      </c>
      <c r="C70012" s="1" t="s">
        <v>95</v>
      </c>
      <c r="D70012" s="1" t="s">
        <v>22308</v>
      </c>
      <c r="E70012" s="1" t="s">
        <v>233748</v>
      </c>
      <c r="F70012" s="1" t="s">
        <v>233749</v>
      </c>
      <c r="G70012" s="1" t="s">
        <v>233693</v>
      </c>
      <c r="H70012" s="1" t="s">
        <v>233694</v>
      </c>
      <c r="I70012" s="1" t="s">
        <v>222698</v>
      </c>
      <c r="J70012" s="1" t="s">
        <v>233750</v>
      </c>
    </row>
    <row r="70013" spans="1:10" x14ac:dyDescent="0.35">
      <c r="A70013" s="1" t="s">
        <v>4689</v>
      </c>
      <c r="B70013" s="1" t="s">
        <v>222693</v>
      </c>
      <c r="C70013" s="1" t="s">
        <v>100</v>
      </c>
      <c r="D70013" s="1" t="s">
        <v>233751</v>
      </c>
      <c r="E70013" s="1" t="s">
        <v>233752</v>
      </c>
      <c r="F70013" s="1" t="s">
        <v>233753</v>
      </c>
      <c r="G70013" s="1" t="s">
        <v>233693</v>
      </c>
      <c r="H70013" s="1" t="s">
        <v>233694</v>
      </c>
      <c r="I70013" s="1" t="s">
        <v>222698</v>
      </c>
      <c r="J70013" s="1" t="s">
        <v>233754</v>
      </c>
    </row>
    <row r="70014" spans="1:10" x14ac:dyDescent="0.35">
      <c r="A70014" s="1" t="s">
        <v>4689</v>
      </c>
      <c r="B70014" s="1" t="s">
        <v>222693</v>
      </c>
      <c r="C70014" s="1" t="s">
        <v>105</v>
      </c>
      <c r="D70014" s="1" t="s">
        <v>199997</v>
      </c>
      <c r="E70014" s="1" t="s">
        <v>233755</v>
      </c>
      <c r="F70014" s="1" t="s">
        <v>233756</v>
      </c>
      <c r="G70014" s="1" t="s">
        <v>233693</v>
      </c>
      <c r="H70014" s="1" t="s">
        <v>233694</v>
      </c>
      <c r="I70014" s="1" t="s">
        <v>222698</v>
      </c>
      <c r="J70014" s="1" t="s">
        <v>233757</v>
      </c>
    </row>
    <row r="70015" spans="1:10" x14ac:dyDescent="0.35">
      <c r="A70015" s="1" t="s">
        <v>4689</v>
      </c>
      <c r="B70015" s="1" t="s">
        <v>222693</v>
      </c>
      <c r="C70015" s="1" t="s">
        <v>110</v>
      </c>
      <c r="D70015" s="1" t="s">
        <v>233758</v>
      </c>
      <c r="E70015" s="1" t="s">
        <v>233759</v>
      </c>
      <c r="F70015" s="1" t="s">
        <v>233760</v>
      </c>
      <c r="G70015" s="1" t="s">
        <v>233693</v>
      </c>
      <c r="H70015" s="1" t="s">
        <v>233694</v>
      </c>
      <c r="I70015" s="1" t="s">
        <v>222698</v>
      </c>
      <c r="J70015" s="1" t="s">
        <v>233761</v>
      </c>
    </row>
    <row r="70016" spans="1:10" x14ac:dyDescent="0.35">
      <c r="A70016" s="1" t="s">
        <v>4689</v>
      </c>
      <c r="B70016" s="1" t="s">
        <v>222693</v>
      </c>
      <c r="C70016" s="1" t="s">
        <v>115</v>
      </c>
      <c r="D70016" s="1" t="s">
        <v>201445</v>
      </c>
      <c r="E70016" s="1" t="s">
        <v>233762</v>
      </c>
      <c r="F70016" s="1" t="s">
        <v>233763</v>
      </c>
      <c r="G70016" s="1" t="s">
        <v>233693</v>
      </c>
      <c r="H70016" s="1" t="s">
        <v>233694</v>
      </c>
      <c r="I70016" s="1" t="s">
        <v>222698</v>
      </c>
      <c r="J70016" s="1" t="s">
        <v>233764</v>
      </c>
    </row>
    <row r="70017" spans="1:10" x14ac:dyDescent="0.35">
      <c r="A70017" s="1" t="s">
        <v>4689</v>
      </c>
      <c r="B70017" s="1" t="s">
        <v>222693</v>
      </c>
      <c r="C70017" s="1" t="s">
        <v>120</v>
      </c>
      <c r="D70017" s="1" t="s">
        <v>233765</v>
      </c>
      <c r="E70017" s="1" t="s">
        <v>233766</v>
      </c>
      <c r="F70017" s="1" t="s">
        <v>233767</v>
      </c>
      <c r="G70017" s="1" t="s">
        <v>233693</v>
      </c>
      <c r="H70017" s="1" t="s">
        <v>233694</v>
      </c>
      <c r="I70017" s="1" t="s">
        <v>222698</v>
      </c>
      <c r="J70017" s="1" t="s">
        <v>233768</v>
      </c>
    </row>
    <row r="70018" spans="1:10" x14ac:dyDescent="0.35">
      <c r="A70018" s="1" t="s">
        <v>4689</v>
      </c>
      <c r="B70018" s="1" t="s">
        <v>222693</v>
      </c>
      <c r="C70018" s="1" t="s">
        <v>125</v>
      </c>
      <c r="D70018" s="1" t="s">
        <v>66285</v>
      </c>
      <c r="E70018" s="1" t="s">
        <v>233769</v>
      </c>
      <c r="F70018" s="1" t="s">
        <v>233770</v>
      </c>
      <c r="G70018" s="1" t="s">
        <v>233693</v>
      </c>
      <c r="H70018" s="1" t="s">
        <v>233694</v>
      </c>
      <c r="I70018" s="1" t="s">
        <v>222698</v>
      </c>
      <c r="J70018" s="1" t="s">
        <v>233771</v>
      </c>
    </row>
    <row r="70019" spans="1:10" x14ac:dyDescent="0.35">
      <c r="A70019" s="1" t="s">
        <v>4689</v>
      </c>
      <c r="B70019" s="1" t="s">
        <v>222693</v>
      </c>
      <c r="C70019" s="1" t="s">
        <v>130</v>
      </c>
      <c r="D70019" s="1" t="s">
        <v>233772</v>
      </c>
      <c r="E70019" s="1" t="s">
        <v>233773</v>
      </c>
      <c r="F70019" s="1" t="s">
        <v>233774</v>
      </c>
      <c r="G70019" s="1" t="s">
        <v>233693</v>
      </c>
      <c r="H70019" s="1" t="s">
        <v>233694</v>
      </c>
      <c r="I70019" s="1" t="s">
        <v>222698</v>
      </c>
      <c r="J70019" s="1" t="s">
        <v>233775</v>
      </c>
    </row>
    <row r="70020" spans="1:10" x14ac:dyDescent="0.35">
      <c r="A70020" s="1" t="s">
        <v>4689</v>
      </c>
      <c r="B70020" s="1" t="s">
        <v>222693</v>
      </c>
      <c r="C70020" s="1" t="s">
        <v>135</v>
      </c>
      <c r="D70020" s="1" t="s">
        <v>233776</v>
      </c>
      <c r="E70020" s="1" t="s">
        <v>233777</v>
      </c>
      <c r="F70020" s="1" t="s">
        <v>233778</v>
      </c>
      <c r="G70020" s="1" t="s">
        <v>233693</v>
      </c>
      <c r="H70020" s="1" t="s">
        <v>233694</v>
      </c>
      <c r="I70020" s="1" t="s">
        <v>222698</v>
      </c>
      <c r="J70020" s="1" t="s">
        <v>233779</v>
      </c>
    </row>
    <row r="70021" spans="1:10" x14ac:dyDescent="0.35">
      <c r="A70021" s="1" t="s">
        <v>4689</v>
      </c>
      <c r="B70021" s="1" t="s">
        <v>222693</v>
      </c>
      <c r="C70021" s="1" t="s">
        <v>140</v>
      </c>
      <c r="D70021" s="1" t="s">
        <v>233751</v>
      </c>
      <c r="E70021" s="1" t="s">
        <v>233780</v>
      </c>
      <c r="F70021" s="1" t="s">
        <v>233781</v>
      </c>
      <c r="G70021" s="1" t="s">
        <v>233693</v>
      </c>
      <c r="H70021" s="1" t="s">
        <v>233694</v>
      </c>
      <c r="I70021" s="1" t="s">
        <v>222698</v>
      </c>
      <c r="J70021" s="1" t="s">
        <v>233782</v>
      </c>
    </row>
    <row r="70022" spans="1:10" x14ac:dyDescent="0.35">
      <c r="A70022" s="1" t="s">
        <v>4689</v>
      </c>
      <c r="B70022" s="1" t="s">
        <v>222693</v>
      </c>
      <c r="C70022" s="1" t="s">
        <v>145</v>
      </c>
      <c r="D70022" s="1" t="s">
        <v>233783</v>
      </c>
      <c r="E70022" s="1" t="s">
        <v>233784</v>
      </c>
      <c r="F70022" s="1" t="s">
        <v>233785</v>
      </c>
      <c r="G70022" s="1" t="s">
        <v>233693</v>
      </c>
      <c r="H70022" s="1" t="s">
        <v>233694</v>
      </c>
      <c r="I70022" s="1" t="s">
        <v>222698</v>
      </c>
      <c r="J70022" s="1" t="s">
        <v>233786</v>
      </c>
    </row>
    <row r="70023" spans="1:10" x14ac:dyDescent="0.35">
      <c r="A70023" s="1" t="s">
        <v>4689</v>
      </c>
      <c r="B70023" s="1" t="s">
        <v>222693</v>
      </c>
      <c r="C70023" s="1" t="s">
        <v>150</v>
      </c>
      <c r="D70023" s="1" t="s">
        <v>233787</v>
      </c>
      <c r="E70023" s="1" t="s">
        <v>233788</v>
      </c>
      <c r="F70023" s="1" t="s">
        <v>233789</v>
      </c>
      <c r="G70023" s="1" t="s">
        <v>233693</v>
      </c>
      <c r="H70023" s="1" t="s">
        <v>233694</v>
      </c>
      <c r="I70023" s="1" t="s">
        <v>222698</v>
      </c>
      <c r="J70023" s="1" t="s">
        <v>233790</v>
      </c>
    </row>
    <row r="70024" spans="1:10" x14ac:dyDescent="0.35">
      <c r="A70024" s="1" t="s">
        <v>4689</v>
      </c>
      <c r="B70024" s="1" t="s">
        <v>222693</v>
      </c>
      <c r="C70024" s="1" t="s">
        <v>155</v>
      </c>
      <c r="D70024" s="1" t="s">
        <v>231810</v>
      </c>
      <c r="E70024" s="1" t="s">
        <v>233791</v>
      </c>
      <c r="F70024" s="1" t="s">
        <v>233792</v>
      </c>
      <c r="G70024" s="1" t="s">
        <v>233693</v>
      </c>
      <c r="H70024" s="1" t="s">
        <v>233694</v>
      </c>
      <c r="I70024" s="1" t="s">
        <v>222698</v>
      </c>
      <c r="J70024" s="1" t="s">
        <v>233793</v>
      </c>
    </row>
    <row r="70025" spans="1:10" x14ac:dyDescent="0.35">
      <c r="A70025" s="1" t="s">
        <v>4689</v>
      </c>
      <c r="B70025" s="1" t="s">
        <v>222693</v>
      </c>
      <c r="C70025" s="1" t="s">
        <v>160</v>
      </c>
      <c r="D70025" s="1" t="s">
        <v>87507</v>
      </c>
      <c r="E70025" s="1" t="s">
        <v>233794</v>
      </c>
      <c r="F70025" s="1" t="s">
        <v>233795</v>
      </c>
      <c r="G70025" s="1" t="s">
        <v>233693</v>
      </c>
      <c r="H70025" s="1" t="s">
        <v>233694</v>
      </c>
      <c r="I70025" s="1" t="s">
        <v>222698</v>
      </c>
      <c r="J70025" s="1" t="s">
        <v>233796</v>
      </c>
    </row>
    <row r="70026" spans="1:10" x14ac:dyDescent="0.35">
      <c r="A70026" s="1" t="s">
        <v>4689</v>
      </c>
      <c r="B70026" s="1" t="s">
        <v>222693</v>
      </c>
      <c r="C70026" s="1" t="s">
        <v>165</v>
      </c>
      <c r="D70026" s="1" t="s">
        <v>164378</v>
      </c>
      <c r="E70026" s="1" t="s">
        <v>233797</v>
      </c>
      <c r="F70026" s="1" t="s">
        <v>233798</v>
      </c>
      <c r="G70026" s="1" t="s">
        <v>233693</v>
      </c>
      <c r="H70026" s="1" t="s">
        <v>233694</v>
      </c>
      <c r="I70026" s="1" t="s">
        <v>222698</v>
      </c>
      <c r="J70026" s="1" t="s">
        <v>233799</v>
      </c>
    </row>
    <row r="70027" spans="1:10" x14ac:dyDescent="0.35">
      <c r="A70027" s="1" t="s">
        <v>4689</v>
      </c>
      <c r="B70027" s="1" t="s">
        <v>222693</v>
      </c>
      <c r="C70027" s="1" t="s">
        <v>170</v>
      </c>
      <c r="D70027" s="1" t="s">
        <v>84539</v>
      </c>
      <c r="E70027" s="1" t="s">
        <v>233800</v>
      </c>
      <c r="F70027" s="1" t="s">
        <v>233801</v>
      </c>
      <c r="G70027" s="1" t="s">
        <v>233693</v>
      </c>
      <c r="H70027" s="1" t="s">
        <v>233694</v>
      </c>
      <c r="I70027" s="1" t="s">
        <v>222698</v>
      </c>
      <c r="J70027" s="1" t="s">
        <v>233802</v>
      </c>
    </row>
    <row r="70028" spans="1:10" x14ac:dyDescent="0.35">
      <c r="A70028" s="1" t="s">
        <v>8329</v>
      </c>
      <c r="B70028" s="1" t="s">
        <v>222693</v>
      </c>
      <c r="C70028" s="1" t="s">
        <v>8</v>
      </c>
      <c r="D70028" s="1" t="s">
        <v>230188</v>
      </c>
      <c r="E70028" s="1" t="s">
        <v>233803</v>
      </c>
      <c r="F70028" s="1" t="s">
        <v>233804</v>
      </c>
      <c r="G70028" s="1" t="s">
        <v>233805</v>
      </c>
      <c r="H70028" s="1" t="s">
        <v>233806</v>
      </c>
      <c r="I70028" s="1" t="s">
        <v>222698</v>
      </c>
      <c r="J70028" s="1" t="s">
        <v>13</v>
      </c>
    </row>
    <row r="70029" spans="1:10" x14ac:dyDescent="0.35">
      <c r="A70029" s="1" t="s">
        <v>8329</v>
      </c>
      <c r="B70029" s="1" t="s">
        <v>222693</v>
      </c>
      <c r="C70029" s="1" t="s">
        <v>15</v>
      </c>
      <c r="D70029" s="1" t="s">
        <v>211671</v>
      </c>
      <c r="E70029" s="1" t="s">
        <v>233807</v>
      </c>
      <c r="F70029" s="1" t="s">
        <v>233808</v>
      </c>
      <c r="G70029" s="1" t="s">
        <v>233805</v>
      </c>
      <c r="H70029" s="1" t="s">
        <v>233806</v>
      </c>
      <c r="I70029" s="1" t="s">
        <v>222698</v>
      </c>
      <c r="J70029" s="1" t="s">
        <v>233809</v>
      </c>
    </row>
    <row r="70030" spans="1:10" x14ac:dyDescent="0.35">
      <c r="A70030" s="1" t="s">
        <v>8329</v>
      </c>
      <c r="B70030" s="1" t="s">
        <v>222693</v>
      </c>
      <c r="C70030" s="1" t="s">
        <v>20</v>
      </c>
      <c r="D70030" s="1" t="s">
        <v>57000</v>
      </c>
      <c r="E70030" s="1" t="s">
        <v>233810</v>
      </c>
      <c r="F70030" s="1" t="s">
        <v>233811</v>
      </c>
      <c r="G70030" s="1" t="s">
        <v>233805</v>
      </c>
      <c r="H70030" s="1" t="s">
        <v>233806</v>
      </c>
      <c r="I70030" s="1" t="s">
        <v>222698</v>
      </c>
      <c r="J70030" s="1" t="s">
        <v>233812</v>
      </c>
    </row>
    <row r="70031" spans="1:10" x14ac:dyDescent="0.35">
      <c r="A70031" s="1" t="s">
        <v>8329</v>
      </c>
      <c r="B70031" s="1" t="s">
        <v>222693</v>
      </c>
      <c r="C70031" s="1" t="s">
        <v>25</v>
      </c>
      <c r="D70031" s="1" t="s">
        <v>97165</v>
      </c>
      <c r="E70031" s="1" t="s">
        <v>233813</v>
      </c>
      <c r="F70031" s="1" t="s">
        <v>233814</v>
      </c>
      <c r="G70031" s="1" t="s">
        <v>233805</v>
      </c>
      <c r="H70031" s="1" t="s">
        <v>233806</v>
      </c>
      <c r="I70031" s="1" t="s">
        <v>222698</v>
      </c>
      <c r="J70031" s="1" t="s">
        <v>233815</v>
      </c>
    </row>
    <row r="70032" spans="1:10" x14ac:dyDescent="0.35">
      <c r="A70032" s="1" t="s">
        <v>8329</v>
      </c>
      <c r="B70032" s="1" t="s">
        <v>222693</v>
      </c>
      <c r="C70032" s="1" t="s">
        <v>30</v>
      </c>
      <c r="D70032" s="1" t="s">
        <v>22358</v>
      </c>
      <c r="E70032" s="1" t="s">
        <v>233816</v>
      </c>
      <c r="F70032" s="1" t="s">
        <v>233817</v>
      </c>
      <c r="G70032" s="1" t="s">
        <v>233805</v>
      </c>
      <c r="H70032" s="1" t="s">
        <v>233806</v>
      </c>
      <c r="I70032" s="1" t="s">
        <v>222698</v>
      </c>
      <c r="J70032" s="1" t="s">
        <v>233818</v>
      </c>
    </row>
    <row r="70033" spans="1:10" x14ac:dyDescent="0.35">
      <c r="A70033" s="1" t="s">
        <v>8329</v>
      </c>
      <c r="B70033" s="1" t="s">
        <v>222693</v>
      </c>
      <c r="C70033" s="1" t="s">
        <v>35</v>
      </c>
      <c r="D70033" s="1" t="s">
        <v>59578</v>
      </c>
      <c r="E70033" s="1" t="s">
        <v>233819</v>
      </c>
      <c r="F70033" s="1" t="s">
        <v>233820</v>
      </c>
      <c r="G70033" s="1" t="s">
        <v>233805</v>
      </c>
      <c r="H70033" s="1" t="s">
        <v>233806</v>
      </c>
      <c r="I70033" s="1" t="s">
        <v>222698</v>
      </c>
      <c r="J70033" s="1" t="s">
        <v>233821</v>
      </c>
    </row>
    <row r="70034" spans="1:10" x14ac:dyDescent="0.35">
      <c r="A70034" s="1" t="s">
        <v>8329</v>
      </c>
      <c r="B70034" s="1" t="s">
        <v>222693</v>
      </c>
      <c r="C70034" s="1" t="s">
        <v>40</v>
      </c>
      <c r="D70034" s="1" t="s">
        <v>233822</v>
      </c>
      <c r="E70034" s="1" t="s">
        <v>233823</v>
      </c>
      <c r="F70034" s="1" t="s">
        <v>233824</v>
      </c>
      <c r="G70034" s="1" t="s">
        <v>233805</v>
      </c>
      <c r="H70034" s="1" t="s">
        <v>233806</v>
      </c>
      <c r="I70034" s="1" t="s">
        <v>222698</v>
      </c>
      <c r="J70034" s="1" t="s">
        <v>233825</v>
      </c>
    </row>
    <row r="70035" spans="1:10" x14ac:dyDescent="0.35">
      <c r="A70035" s="1" t="s">
        <v>8329</v>
      </c>
      <c r="B70035" s="1" t="s">
        <v>222693</v>
      </c>
      <c r="C70035" s="1" t="s">
        <v>45</v>
      </c>
      <c r="D70035" s="1" t="s">
        <v>89292</v>
      </c>
      <c r="E70035" s="1" t="s">
        <v>233826</v>
      </c>
      <c r="F70035" s="1" t="s">
        <v>233827</v>
      </c>
      <c r="G70035" s="1" t="s">
        <v>233805</v>
      </c>
      <c r="H70035" s="1" t="s">
        <v>233806</v>
      </c>
      <c r="I70035" s="1" t="s">
        <v>222698</v>
      </c>
      <c r="J70035" s="1" t="s">
        <v>233828</v>
      </c>
    </row>
    <row r="70036" spans="1:10" x14ac:dyDescent="0.35">
      <c r="A70036" s="1" t="s">
        <v>8329</v>
      </c>
      <c r="B70036" s="1" t="s">
        <v>222693</v>
      </c>
      <c r="C70036" s="1" t="s">
        <v>50</v>
      </c>
      <c r="D70036" s="1" t="s">
        <v>233829</v>
      </c>
      <c r="E70036" s="1" t="s">
        <v>233830</v>
      </c>
      <c r="F70036" s="1" t="s">
        <v>233831</v>
      </c>
      <c r="G70036" s="1" t="s">
        <v>233805</v>
      </c>
      <c r="H70036" s="1" t="s">
        <v>233806</v>
      </c>
      <c r="I70036" s="1" t="s">
        <v>222698</v>
      </c>
      <c r="J70036" s="1" t="s">
        <v>233832</v>
      </c>
    </row>
    <row r="70037" spans="1:10" x14ac:dyDescent="0.35">
      <c r="A70037" s="1" t="s">
        <v>8329</v>
      </c>
      <c r="B70037" s="1" t="s">
        <v>222693</v>
      </c>
      <c r="C70037" s="1" t="s">
        <v>55</v>
      </c>
      <c r="D70037" s="1" t="s">
        <v>233833</v>
      </c>
      <c r="E70037" s="1" t="s">
        <v>233834</v>
      </c>
      <c r="F70037" s="1" t="s">
        <v>233835</v>
      </c>
      <c r="G70037" s="1" t="s">
        <v>233805</v>
      </c>
      <c r="H70037" s="1" t="s">
        <v>233806</v>
      </c>
      <c r="I70037" s="1" t="s">
        <v>222698</v>
      </c>
      <c r="J70037" s="1" t="s">
        <v>233836</v>
      </c>
    </row>
    <row r="70038" spans="1:10" x14ac:dyDescent="0.35">
      <c r="A70038" s="1" t="s">
        <v>8329</v>
      </c>
      <c r="B70038" s="1" t="s">
        <v>222693</v>
      </c>
      <c r="C70038" s="1" t="s">
        <v>60</v>
      </c>
      <c r="D70038" s="1" t="s">
        <v>233837</v>
      </c>
      <c r="E70038" s="1" t="s">
        <v>233838</v>
      </c>
      <c r="F70038" s="1" t="s">
        <v>233839</v>
      </c>
      <c r="G70038" s="1" t="s">
        <v>233805</v>
      </c>
      <c r="H70038" s="1" t="s">
        <v>233806</v>
      </c>
      <c r="I70038" s="1" t="s">
        <v>222698</v>
      </c>
      <c r="J70038" s="1" t="s">
        <v>233840</v>
      </c>
    </row>
    <row r="70039" spans="1:10" x14ac:dyDescent="0.35">
      <c r="A70039" s="1" t="s">
        <v>8329</v>
      </c>
      <c r="B70039" s="1" t="s">
        <v>222693</v>
      </c>
      <c r="C70039" s="1" t="s">
        <v>65</v>
      </c>
      <c r="D70039" s="1" t="s">
        <v>233841</v>
      </c>
      <c r="E70039" s="1" t="s">
        <v>233842</v>
      </c>
      <c r="F70039" s="1" t="s">
        <v>233843</v>
      </c>
      <c r="G70039" s="1" t="s">
        <v>233805</v>
      </c>
      <c r="H70039" s="1" t="s">
        <v>233806</v>
      </c>
      <c r="I70039" s="1" t="s">
        <v>222698</v>
      </c>
      <c r="J70039" s="1" t="s">
        <v>233844</v>
      </c>
    </row>
    <row r="70040" spans="1:10" x14ac:dyDescent="0.35">
      <c r="A70040" s="1" t="s">
        <v>8329</v>
      </c>
      <c r="B70040" s="1" t="s">
        <v>222693</v>
      </c>
      <c r="C70040" s="1" t="s">
        <v>70</v>
      </c>
      <c r="D70040" s="1" t="s">
        <v>233845</v>
      </c>
      <c r="E70040" s="1" t="s">
        <v>233846</v>
      </c>
      <c r="F70040" s="1" t="s">
        <v>233847</v>
      </c>
      <c r="G70040" s="1" t="s">
        <v>233805</v>
      </c>
      <c r="H70040" s="1" t="s">
        <v>233806</v>
      </c>
      <c r="I70040" s="1" t="s">
        <v>222698</v>
      </c>
      <c r="J70040" s="1" t="s">
        <v>233848</v>
      </c>
    </row>
    <row r="70041" spans="1:10" x14ac:dyDescent="0.35">
      <c r="A70041" s="1" t="s">
        <v>8329</v>
      </c>
      <c r="B70041" s="1" t="s">
        <v>222693</v>
      </c>
      <c r="C70041" s="1" t="s">
        <v>75</v>
      </c>
      <c r="D70041" s="1" t="s">
        <v>233849</v>
      </c>
      <c r="E70041" s="1" t="s">
        <v>233850</v>
      </c>
      <c r="F70041" s="1" t="s">
        <v>233851</v>
      </c>
      <c r="G70041" s="1" t="s">
        <v>233805</v>
      </c>
      <c r="H70041" s="1" t="s">
        <v>233806</v>
      </c>
      <c r="I70041" s="1" t="s">
        <v>222698</v>
      </c>
      <c r="J70041" s="1" t="s">
        <v>233852</v>
      </c>
    </row>
    <row r="70042" spans="1:10" x14ac:dyDescent="0.35">
      <c r="A70042" s="1" t="s">
        <v>8329</v>
      </c>
      <c r="B70042" s="1" t="s">
        <v>222693</v>
      </c>
      <c r="C70042" s="1" t="s">
        <v>80</v>
      </c>
      <c r="D70042" s="1" t="s">
        <v>233853</v>
      </c>
      <c r="E70042" s="1" t="s">
        <v>233854</v>
      </c>
      <c r="F70042" s="1" t="s">
        <v>233855</v>
      </c>
      <c r="G70042" s="1" t="s">
        <v>233805</v>
      </c>
      <c r="H70042" s="1" t="s">
        <v>233806</v>
      </c>
      <c r="I70042" s="1" t="s">
        <v>222698</v>
      </c>
      <c r="J70042" s="1" t="s">
        <v>233856</v>
      </c>
    </row>
    <row r="70043" spans="1:10" x14ac:dyDescent="0.35">
      <c r="A70043" s="1" t="s">
        <v>8329</v>
      </c>
      <c r="B70043" s="1" t="s">
        <v>222693</v>
      </c>
      <c r="C70043" s="1" t="s">
        <v>85</v>
      </c>
      <c r="D70043" s="1" t="s">
        <v>233857</v>
      </c>
      <c r="E70043" s="1" t="s">
        <v>233858</v>
      </c>
      <c r="F70043" s="1" t="s">
        <v>233859</v>
      </c>
      <c r="G70043" s="1" t="s">
        <v>233805</v>
      </c>
      <c r="H70043" s="1" t="s">
        <v>233806</v>
      </c>
      <c r="I70043" s="1" t="s">
        <v>222698</v>
      </c>
      <c r="J70043" s="1" t="s">
        <v>233860</v>
      </c>
    </row>
    <row r="70044" spans="1:10" x14ac:dyDescent="0.35">
      <c r="A70044" s="1" t="s">
        <v>8329</v>
      </c>
      <c r="B70044" s="1" t="s">
        <v>222693</v>
      </c>
      <c r="C70044" s="1" t="s">
        <v>90</v>
      </c>
      <c r="D70044" s="1" t="s">
        <v>233861</v>
      </c>
      <c r="E70044" s="1" t="s">
        <v>233862</v>
      </c>
      <c r="F70044" s="1" t="s">
        <v>233863</v>
      </c>
      <c r="G70044" s="1" t="s">
        <v>233805</v>
      </c>
      <c r="H70044" s="1" t="s">
        <v>233806</v>
      </c>
      <c r="I70044" s="1" t="s">
        <v>222698</v>
      </c>
      <c r="J70044" s="1" t="s">
        <v>233864</v>
      </c>
    </row>
    <row r="70045" spans="1:10" x14ac:dyDescent="0.35">
      <c r="A70045" s="1" t="s">
        <v>8329</v>
      </c>
      <c r="B70045" s="1" t="s">
        <v>222693</v>
      </c>
      <c r="C70045" s="1" t="s">
        <v>95</v>
      </c>
      <c r="D70045" s="1" t="s">
        <v>233865</v>
      </c>
      <c r="E70045" s="1" t="s">
        <v>233866</v>
      </c>
      <c r="F70045" s="1" t="s">
        <v>233867</v>
      </c>
      <c r="G70045" s="1" t="s">
        <v>233805</v>
      </c>
      <c r="H70045" s="1" t="s">
        <v>233806</v>
      </c>
      <c r="I70045" s="1" t="s">
        <v>222698</v>
      </c>
      <c r="J70045" s="1" t="s">
        <v>233868</v>
      </c>
    </row>
    <row r="70046" spans="1:10" x14ac:dyDescent="0.35">
      <c r="A70046" s="1" t="s">
        <v>8329</v>
      </c>
      <c r="B70046" s="1" t="s">
        <v>222693</v>
      </c>
      <c r="C70046" s="1" t="s">
        <v>100</v>
      </c>
      <c r="D70046" s="1" t="s">
        <v>233869</v>
      </c>
      <c r="E70046" s="1" t="s">
        <v>233870</v>
      </c>
      <c r="F70046" s="1" t="s">
        <v>233871</v>
      </c>
      <c r="G70046" s="1" t="s">
        <v>233805</v>
      </c>
      <c r="H70046" s="1" t="s">
        <v>233806</v>
      </c>
      <c r="I70046" s="1" t="s">
        <v>222698</v>
      </c>
      <c r="J70046" s="1" t="s">
        <v>233872</v>
      </c>
    </row>
    <row r="70047" spans="1:10" x14ac:dyDescent="0.35">
      <c r="A70047" s="1" t="s">
        <v>8329</v>
      </c>
      <c r="B70047" s="1" t="s">
        <v>222693</v>
      </c>
      <c r="C70047" s="1" t="s">
        <v>105</v>
      </c>
      <c r="D70047" s="1" t="s">
        <v>96610</v>
      </c>
      <c r="E70047" s="1" t="s">
        <v>233873</v>
      </c>
      <c r="F70047" s="1" t="s">
        <v>233874</v>
      </c>
      <c r="G70047" s="1" t="s">
        <v>233805</v>
      </c>
      <c r="H70047" s="1" t="s">
        <v>233806</v>
      </c>
      <c r="I70047" s="1" t="s">
        <v>222698</v>
      </c>
      <c r="J70047" s="1" t="s">
        <v>233875</v>
      </c>
    </row>
    <row r="70048" spans="1:10" x14ac:dyDescent="0.35">
      <c r="A70048" s="1" t="s">
        <v>8329</v>
      </c>
      <c r="B70048" s="1" t="s">
        <v>222693</v>
      </c>
      <c r="C70048" s="1" t="s">
        <v>110</v>
      </c>
      <c r="D70048" s="1" t="s">
        <v>233876</v>
      </c>
      <c r="E70048" s="1" t="s">
        <v>233877</v>
      </c>
      <c r="F70048" s="1" t="s">
        <v>233878</v>
      </c>
      <c r="G70048" s="1" t="s">
        <v>233805</v>
      </c>
      <c r="H70048" s="1" t="s">
        <v>233806</v>
      </c>
      <c r="I70048" s="1" t="s">
        <v>222698</v>
      </c>
      <c r="J70048" s="1" t="s">
        <v>233879</v>
      </c>
    </row>
    <row r="70049" spans="1:10" x14ac:dyDescent="0.35">
      <c r="A70049" s="1" t="s">
        <v>8329</v>
      </c>
      <c r="B70049" s="1" t="s">
        <v>222693</v>
      </c>
      <c r="C70049" s="1" t="s">
        <v>115</v>
      </c>
      <c r="D70049" s="1" t="s">
        <v>233880</v>
      </c>
      <c r="E70049" s="1" t="s">
        <v>233881</v>
      </c>
      <c r="F70049" s="1" t="s">
        <v>233882</v>
      </c>
      <c r="G70049" s="1" t="s">
        <v>233805</v>
      </c>
      <c r="H70049" s="1" t="s">
        <v>233806</v>
      </c>
      <c r="I70049" s="1" t="s">
        <v>222698</v>
      </c>
      <c r="J70049" s="1" t="s">
        <v>233883</v>
      </c>
    </row>
    <row r="70050" spans="1:10" x14ac:dyDescent="0.35">
      <c r="A70050" s="1" t="s">
        <v>8329</v>
      </c>
      <c r="B70050" s="1" t="s">
        <v>222693</v>
      </c>
      <c r="C70050" s="1" t="s">
        <v>120</v>
      </c>
      <c r="D70050" s="1" t="s">
        <v>233884</v>
      </c>
      <c r="E70050" s="1" t="s">
        <v>233885</v>
      </c>
      <c r="F70050" s="1" t="s">
        <v>233886</v>
      </c>
      <c r="G70050" s="1" t="s">
        <v>233805</v>
      </c>
      <c r="H70050" s="1" t="s">
        <v>233806</v>
      </c>
      <c r="I70050" s="1" t="s">
        <v>222698</v>
      </c>
      <c r="J70050" s="1" t="s">
        <v>233887</v>
      </c>
    </row>
    <row r="70051" spans="1:10" x14ac:dyDescent="0.35">
      <c r="A70051" s="1" t="s">
        <v>8329</v>
      </c>
      <c r="B70051" s="1" t="s">
        <v>222693</v>
      </c>
      <c r="C70051" s="1" t="s">
        <v>125</v>
      </c>
      <c r="D70051" s="1" t="s">
        <v>233888</v>
      </c>
      <c r="E70051" s="1" t="s">
        <v>233889</v>
      </c>
      <c r="F70051" s="1" t="s">
        <v>233890</v>
      </c>
      <c r="G70051" s="1" t="s">
        <v>233805</v>
      </c>
      <c r="H70051" s="1" t="s">
        <v>233806</v>
      </c>
      <c r="I70051" s="1" t="s">
        <v>222698</v>
      </c>
      <c r="J70051" s="1" t="s">
        <v>233891</v>
      </c>
    </row>
    <row r="70052" spans="1:10" x14ac:dyDescent="0.35">
      <c r="A70052" s="1" t="s">
        <v>8329</v>
      </c>
      <c r="B70052" s="1" t="s">
        <v>222693</v>
      </c>
      <c r="C70052" s="1" t="s">
        <v>130</v>
      </c>
      <c r="D70052" s="1" t="s">
        <v>233892</v>
      </c>
      <c r="E70052" s="1" t="s">
        <v>233893</v>
      </c>
      <c r="F70052" s="1" t="s">
        <v>233894</v>
      </c>
      <c r="G70052" s="1" t="s">
        <v>233805</v>
      </c>
      <c r="H70052" s="1" t="s">
        <v>233806</v>
      </c>
      <c r="I70052" s="1" t="s">
        <v>222698</v>
      </c>
      <c r="J70052" s="1" t="s">
        <v>233895</v>
      </c>
    </row>
    <row r="70053" spans="1:10" x14ac:dyDescent="0.35">
      <c r="A70053" s="1" t="s">
        <v>8329</v>
      </c>
      <c r="B70053" s="1" t="s">
        <v>222693</v>
      </c>
      <c r="C70053" s="1" t="s">
        <v>135</v>
      </c>
      <c r="D70053" s="1" t="s">
        <v>233896</v>
      </c>
      <c r="E70053" s="1" t="s">
        <v>233897</v>
      </c>
      <c r="F70053" s="1" t="s">
        <v>233898</v>
      </c>
      <c r="G70053" s="1" t="s">
        <v>233805</v>
      </c>
      <c r="H70053" s="1" t="s">
        <v>233806</v>
      </c>
      <c r="I70053" s="1" t="s">
        <v>222698</v>
      </c>
      <c r="J70053" s="1" t="s">
        <v>233899</v>
      </c>
    </row>
    <row r="70054" spans="1:10" x14ac:dyDescent="0.35">
      <c r="A70054" s="1" t="s">
        <v>8329</v>
      </c>
      <c r="B70054" s="1" t="s">
        <v>222693</v>
      </c>
      <c r="C70054" s="1" t="s">
        <v>140</v>
      </c>
      <c r="D70054" s="1" t="s">
        <v>21270</v>
      </c>
      <c r="E70054" s="1" t="s">
        <v>233900</v>
      </c>
      <c r="F70054" s="1" t="s">
        <v>233901</v>
      </c>
      <c r="G70054" s="1" t="s">
        <v>233805</v>
      </c>
      <c r="H70054" s="1" t="s">
        <v>233806</v>
      </c>
      <c r="I70054" s="1" t="s">
        <v>222698</v>
      </c>
      <c r="J70054" s="1" t="s">
        <v>233902</v>
      </c>
    </row>
    <row r="70055" spans="1:10" x14ac:dyDescent="0.35">
      <c r="A70055" s="1" t="s">
        <v>8329</v>
      </c>
      <c r="B70055" s="1" t="s">
        <v>222693</v>
      </c>
      <c r="C70055" s="1" t="s">
        <v>145</v>
      </c>
      <c r="D70055" s="1" t="s">
        <v>233903</v>
      </c>
      <c r="E70055" s="1" t="s">
        <v>233904</v>
      </c>
      <c r="F70055" s="1" t="s">
        <v>233905</v>
      </c>
      <c r="G70055" s="1" t="s">
        <v>233805</v>
      </c>
      <c r="H70055" s="1" t="s">
        <v>233806</v>
      </c>
      <c r="I70055" s="1" t="s">
        <v>222698</v>
      </c>
      <c r="J70055" s="1" t="s">
        <v>233906</v>
      </c>
    </row>
    <row r="70056" spans="1:10" x14ac:dyDescent="0.35">
      <c r="A70056" s="1" t="s">
        <v>8329</v>
      </c>
      <c r="B70056" s="1" t="s">
        <v>222693</v>
      </c>
      <c r="C70056" s="1" t="s">
        <v>150</v>
      </c>
      <c r="D70056" s="1" t="s">
        <v>233907</v>
      </c>
      <c r="E70056" s="1" t="s">
        <v>233908</v>
      </c>
      <c r="F70056" s="1" t="s">
        <v>233909</v>
      </c>
      <c r="G70056" s="1" t="s">
        <v>233805</v>
      </c>
      <c r="H70056" s="1" t="s">
        <v>233806</v>
      </c>
      <c r="I70056" s="1" t="s">
        <v>222698</v>
      </c>
      <c r="J70056" s="1" t="s">
        <v>233910</v>
      </c>
    </row>
    <row r="70057" spans="1:10" x14ac:dyDescent="0.35">
      <c r="A70057" s="1" t="s">
        <v>8329</v>
      </c>
      <c r="B70057" s="1" t="s">
        <v>222693</v>
      </c>
      <c r="C70057" s="1" t="s">
        <v>155</v>
      </c>
      <c r="D70057" s="1" t="s">
        <v>233911</v>
      </c>
      <c r="E70057" s="1" t="s">
        <v>233912</v>
      </c>
      <c r="F70057" s="1" t="s">
        <v>233913</v>
      </c>
      <c r="G70057" s="1" t="s">
        <v>233805</v>
      </c>
      <c r="H70057" s="1" t="s">
        <v>233806</v>
      </c>
      <c r="I70057" s="1" t="s">
        <v>222698</v>
      </c>
      <c r="J70057" s="1" t="s">
        <v>233914</v>
      </c>
    </row>
    <row r="70058" spans="1:10" x14ac:dyDescent="0.35">
      <c r="A70058" s="1" t="s">
        <v>8329</v>
      </c>
      <c r="B70058" s="1" t="s">
        <v>222693</v>
      </c>
      <c r="C70058" s="1" t="s">
        <v>160</v>
      </c>
      <c r="D70058" s="1" t="s">
        <v>233915</v>
      </c>
      <c r="E70058" s="1" t="s">
        <v>233916</v>
      </c>
      <c r="F70058" s="1" t="s">
        <v>233917</v>
      </c>
      <c r="G70058" s="1" t="s">
        <v>233805</v>
      </c>
      <c r="H70058" s="1" t="s">
        <v>233806</v>
      </c>
      <c r="I70058" s="1" t="s">
        <v>222698</v>
      </c>
      <c r="J70058" s="1" t="s">
        <v>233918</v>
      </c>
    </row>
    <row r="70059" spans="1:10" x14ac:dyDescent="0.35">
      <c r="A70059" s="1" t="s">
        <v>8329</v>
      </c>
      <c r="B70059" s="1" t="s">
        <v>222693</v>
      </c>
      <c r="C70059" s="1" t="s">
        <v>165</v>
      </c>
      <c r="D70059" s="1" t="s">
        <v>233919</v>
      </c>
      <c r="E70059" s="1" t="s">
        <v>233920</v>
      </c>
      <c r="F70059" s="1" t="s">
        <v>233921</v>
      </c>
      <c r="G70059" s="1" t="s">
        <v>233805</v>
      </c>
      <c r="H70059" s="1" t="s">
        <v>233806</v>
      </c>
      <c r="I70059" s="1" t="s">
        <v>222698</v>
      </c>
      <c r="J70059" s="1" t="s">
        <v>233922</v>
      </c>
    </row>
    <row r="70060" spans="1:10" x14ac:dyDescent="0.35">
      <c r="A70060" s="1" t="s">
        <v>8329</v>
      </c>
      <c r="B70060" s="1" t="s">
        <v>222693</v>
      </c>
      <c r="C70060" s="1" t="s">
        <v>170</v>
      </c>
      <c r="D70060" s="1" t="s">
        <v>233923</v>
      </c>
      <c r="E70060" s="1" t="s">
        <v>233924</v>
      </c>
      <c r="F70060" s="1" t="s">
        <v>233925</v>
      </c>
      <c r="G70060" s="1" t="s">
        <v>233805</v>
      </c>
      <c r="H70060" s="1" t="s">
        <v>233806</v>
      </c>
      <c r="I70060" s="1" t="s">
        <v>222698</v>
      </c>
      <c r="J70060" s="1" t="s">
        <v>233926</v>
      </c>
    </row>
    <row r="70061" spans="1:10" x14ac:dyDescent="0.35">
      <c r="A70061" s="1" t="s">
        <v>233927</v>
      </c>
      <c r="B70061" s="1" t="s">
        <v>222693</v>
      </c>
      <c r="C70061" s="1" t="s">
        <v>8</v>
      </c>
      <c r="D70061" s="1" t="s">
        <v>233928</v>
      </c>
      <c r="E70061" s="1" t="s">
        <v>233929</v>
      </c>
      <c r="F70061" s="1" t="s">
        <v>233930</v>
      </c>
      <c r="G70061" s="1" t="s">
        <v>233931</v>
      </c>
      <c r="H70061" s="1" t="s">
        <v>233932</v>
      </c>
      <c r="I70061" s="1" t="s">
        <v>222698</v>
      </c>
      <c r="J70061" s="1" t="s">
        <v>13</v>
      </c>
    </row>
    <row r="70062" spans="1:10" x14ac:dyDescent="0.35">
      <c r="A70062" s="1" t="s">
        <v>233927</v>
      </c>
      <c r="B70062" s="1" t="s">
        <v>222693</v>
      </c>
      <c r="C70062" s="1" t="s">
        <v>15</v>
      </c>
      <c r="D70062" s="1" t="s">
        <v>52916</v>
      </c>
      <c r="E70062" s="1" t="s">
        <v>233933</v>
      </c>
      <c r="F70062" s="1" t="s">
        <v>233934</v>
      </c>
      <c r="G70062" s="1" t="s">
        <v>233931</v>
      </c>
      <c r="H70062" s="1" t="s">
        <v>233932</v>
      </c>
      <c r="I70062" s="1" t="s">
        <v>222698</v>
      </c>
      <c r="J70062" s="1" t="s">
        <v>233935</v>
      </c>
    </row>
    <row r="70063" spans="1:10" x14ac:dyDescent="0.35">
      <c r="A70063" s="1" t="s">
        <v>233927</v>
      </c>
      <c r="B70063" s="1" t="s">
        <v>222693</v>
      </c>
      <c r="C70063" s="1" t="s">
        <v>20</v>
      </c>
      <c r="D70063" s="1" t="s">
        <v>75690</v>
      </c>
      <c r="E70063" s="1" t="s">
        <v>233936</v>
      </c>
      <c r="F70063" s="1" t="s">
        <v>233937</v>
      </c>
      <c r="G70063" s="1" t="s">
        <v>233931</v>
      </c>
      <c r="H70063" s="1" t="s">
        <v>233932</v>
      </c>
      <c r="I70063" s="1" t="s">
        <v>222698</v>
      </c>
      <c r="J70063" s="1" t="s">
        <v>233938</v>
      </c>
    </row>
    <row r="70064" spans="1:10" x14ac:dyDescent="0.35">
      <c r="A70064" s="1" t="s">
        <v>233927</v>
      </c>
      <c r="B70064" s="1" t="s">
        <v>222693</v>
      </c>
      <c r="C70064" s="1" t="s">
        <v>25</v>
      </c>
      <c r="D70064" s="1" t="s">
        <v>233939</v>
      </c>
      <c r="E70064" s="1" t="s">
        <v>233940</v>
      </c>
      <c r="F70064" s="1" t="s">
        <v>233941</v>
      </c>
      <c r="G70064" s="1" t="s">
        <v>233931</v>
      </c>
      <c r="H70064" s="1" t="s">
        <v>233932</v>
      </c>
      <c r="I70064" s="1" t="s">
        <v>222698</v>
      </c>
      <c r="J70064" s="1" t="s">
        <v>233942</v>
      </c>
    </row>
    <row r="70065" spans="1:10" x14ac:dyDescent="0.35">
      <c r="A70065" s="1" t="s">
        <v>233927</v>
      </c>
      <c r="B70065" s="1" t="s">
        <v>222693</v>
      </c>
      <c r="C70065" s="1" t="s">
        <v>30</v>
      </c>
      <c r="D70065" s="1" t="s">
        <v>53849</v>
      </c>
      <c r="E70065" s="1" t="s">
        <v>233943</v>
      </c>
      <c r="F70065" s="1" t="s">
        <v>233944</v>
      </c>
      <c r="G70065" s="1" t="s">
        <v>233931</v>
      </c>
      <c r="H70065" s="1" t="s">
        <v>233932</v>
      </c>
      <c r="I70065" s="1" t="s">
        <v>222698</v>
      </c>
      <c r="J70065" s="1" t="s">
        <v>233945</v>
      </c>
    </row>
    <row r="70066" spans="1:10" x14ac:dyDescent="0.35">
      <c r="A70066" s="1" t="s">
        <v>233927</v>
      </c>
      <c r="B70066" s="1" t="s">
        <v>222693</v>
      </c>
      <c r="C70066" s="1" t="s">
        <v>35</v>
      </c>
      <c r="D70066" s="1" t="s">
        <v>88194</v>
      </c>
      <c r="E70066" s="1" t="s">
        <v>233946</v>
      </c>
      <c r="F70066" s="1" t="s">
        <v>233947</v>
      </c>
      <c r="G70066" s="1" t="s">
        <v>233931</v>
      </c>
      <c r="H70066" s="1" t="s">
        <v>233932</v>
      </c>
      <c r="I70066" s="1" t="s">
        <v>222698</v>
      </c>
      <c r="J70066" s="1" t="s">
        <v>233948</v>
      </c>
    </row>
    <row r="70067" spans="1:10" x14ac:dyDescent="0.35">
      <c r="A70067" s="1" t="s">
        <v>233927</v>
      </c>
      <c r="B70067" s="1" t="s">
        <v>222693</v>
      </c>
      <c r="C70067" s="1" t="s">
        <v>40</v>
      </c>
      <c r="D70067" s="1" t="s">
        <v>233949</v>
      </c>
      <c r="E70067" s="1" t="s">
        <v>233950</v>
      </c>
      <c r="F70067" s="1" t="s">
        <v>233951</v>
      </c>
      <c r="G70067" s="1" t="s">
        <v>233931</v>
      </c>
      <c r="H70067" s="1" t="s">
        <v>233932</v>
      </c>
      <c r="I70067" s="1" t="s">
        <v>222698</v>
      </c>
      <c r="J70067" s="1" t="s">
        <v>233952</v>
      </c>
    </row>
    <row r="70068" spans="1:10" x14ac:dyDescent="0.35">
      <c r="A70068" s="1" t="s">
        <v>233927</v>
      </c>
      <c r="B70068" s="1" t="s">
        <v>222693</v>
      </c>
      <c r="C70068" s="1" t="s">
        <v>45</v>
      </c>
      <c r="D70068" s="1" t="s">
        <v>95260</v>
      </c>
      <c r="E70068" s="1" t="s">
        <v>233953</v>
      </c>
      <c r="F70068" s="1" t="s">
        <v>233954</v>
      </c>
      <c r="G70068" s="1" t="s">
        <v>233931</v>
      </c>
      <c r="H70068" s="1" t="s">
        <v>233932</v>
      </c>
      <c r="I70068" s="1" t="s">
        <v>222698</v>
      </c>
      <c r="J70068" s="1" t="s">
        <v>233955</v>
      </c>
    </row>
    <row r="70069" spans="1:10" x14ac:dyDescent="0.35">
      <c r="A70069" s="1" t="s">
        <v>233927</v>
      </c>
      <c r="B70069" s="1" t="s">
        <v>222693</v>
      </c>
      <c r="C70069" s="1" t="s">
        <v>50</v>
      </c>
      <c r="D70069" s="1" t="s">
        <v>79241</v>
      </c>
      <c r="E70069" s="1" t="s">
        <v>233956</v>
      </c>
      <c r="F70069" s="1" t="s">
        <v>233957</v>
      </c>
      <c r="G70069" s="1" t="s">
        <v>233931</v>
      </c>
      <c r="H70069" s="1" t="s">
        <v>233932</v>
      </c>
      <c r="I70069" s="1" t="s">
        <v>222698</v>
      </c>
      <c r="J70069" s="1" t="s">
        <v>233958</v>
      </c>
    </row>
    <row r="70070" spans="1:10" x14ac:dyDescent="0.35">
      <c r="A70070" s="1" t="s">
        <v>233927</v>
      </c>
      <c r="B70070" s="1" t="s">
        <v>222693</v>
      </c>
      <c r="C70070" s="1" t="s">
        <v>55</v>
      </c>
      <c r="D70070" s="1" t="s">
        <v>109486</v>
      </c>
      <c r="E70070" s="1" t="s">
        <v>233959</v>
      </c>
      <c r="F70070" s="1" t="s">
        <v>233960</v>
      </c>
      <c r="G70070" s="1" t="s">
        <v>233931</v>
      </c>
      <c r="H70070" s="1" t="s">
        <v>233932</v>
      </c>
      <c r="I70070" s="1" t="s">
        <v>222698</v>
      </c>
      <c r="J70070" s="1" t="s">
        <v>233961</v>
      </c>
    </row>
    <row r="70071" spans="1:10" x14ac:dyDescent="0.35">
      <c r="A70071" s="1" t="s">
        <v>233927</v>
      </c>
      <c r="B70071" s="1" t="s">
        <v>222693</v>
      </c>
      <c r="C70071" s="1" t="s">
        <v>60</v>
      </c>
      <c r="D70071" s="1" t="s">
        <v>8538</v>
      </c>
      <c r="E70071" s="1" t="s">
        <v>233962</v>
      </c>
      <c r="F70071" s="1" t="s">
        <v>233963</v>
      </c>
      <c r="G70071" s="1" t="s">
        <v>233931</v>
      </c>
      <c r="H70071" s="1" t="s">
        <v>233932</v>
      </c>
      <c r="I70071" s="1" t="s">
        <v>222698</v>
      </c>
      <c r="J70071" s="1" t="s">
        <v>233964</v>
      </c>
    </row>
    <row r="70072" spans="1:10" x14ac:dyDescent="0.35">
      <c r="A70072" s="1" t="s">
        <v>233927</v>
      </c>
      <c r="B70072" s="1" t="s">
        <v>222693</v>
      </c>
      <c r="C70072" s="1" t="s">
        <v>65</v>
      </c>
      <c r="D70072" s="1" t="s">
        <v>96161</v>
      </c>
      <c r="E70072" s="1" t="s">
        <v>233965</v>
      </c>
      <c r="F70072" s="1" t="s">
        <v>233966</v>
      </c>
      <c r="G70072" s="1" t="s">
        <v>233931</v>
      </c>
      <c r="H70072" s="1" t="s">
        <v>233932</v>
      </c>
      <c r="I70072" s="1" t="s">
        <v>222698</v>
      </c>
      <c r="J70072" s="1" t="s">
        <v>233967</v>
      </c>
    </row>
    <row r="70073" spans="1:10" x14ac:dyDescent="0.35">
      <c r="A70073" s="1" t="s">
        <v>233927</v>
      </c>
      <c r="B70073" s="1" t="s">
        <v>222693</v>
      </c>
      <c r="C70073" s="1" t="s">
        <v>70</v>
      </c>
      <c r="D70073" s="1" t="s">
        <v>233968</v>
      </c>
      <c r="E70073" s="1" t="s">
        <v>233969</v>
      </c>
      <c r="F70073" s="1" t="s">
        <v>233970</v>
      </c>
      <c r="G70073" s="1" t="s">
        <v>233931</v>
      </c>
      <c r="H70073" s="1" t="s">
        <v>233932</v>
      </c>
      <c r="I70073" s="1" t="s">
        <v>222698</v>
      </c>
      <c r="J70073" s="1" t="s">
        <v>233971</v>
      </c>
    </row>
    <row r="70074" spans="1:10" x14ac:dyDescent="0.35">
      <c r="A70074" s="1" t="s">
        <v>233927</v>
      </c>
      <c r="B70074" s="1" t="s">
        <v>222693</v>
      </c>
      <c r="C70074" s="1" t="s">
        <v>75</v>
      </c>
      <c r="D70074" s="1" t="s">
        <v>233972</v>
      </c>
      <c r="E70074" s="1" t="s">
        <v>233973</v>
      </c>
      <c r="F70074" s="1" t="s">
        <v>233974</v>
      </c>
      <c r="G70074" s="1" t="s">
        <v>233931</v>
      </c>
      <c r="H70074" s="1" t="s">
        <v>233932</v>
      </c>
      <c r="I70074" s="1" t="s">
        <v>222698</v>
      </c>
      <c r="J70074" s="1" t="s">
        <v>233975</v>
      </c>
    </row>
    <row r="70075" spans="1:10" x14ac:dyDescent="0.35">
      <c r="A70075" s="1" t="s">
        <v>233927</v>
      </c>
      <c r="B70075" s="1" t="s">
        <v>222693</v>
      </c>
      <c r="C70075" s="1" t="s">
        <v>80</v>
      </c>
      <c r="D70075" s="1" t="s">
        <v>229503</v>
      </c>
      <c r="E70075" s="1" t="s">
        <v>233976</v>
      </c>
      <c r="F70075" s="1" t="s">
        <v>233977</v>
      </c>
      <c r="G70075" s="1" t="s">
        <v>233931</v>
      </c>
      <c r="H70075" s="1" t="s">
        <v>233932</v>
      </c>
      <c r="I70075" s="1" t="s">
        <v>222698</v>
      </c>
      <c r="J70075" s="1" t="s">
        <v>233978</v>
      </c>
    </row>
    <row r="70076" spans="1:10" x14ac:dyDescent="0.35">
      <c r="A70076" s="1" t="s">
        <v>233927</v>
      </c>
      <c r="B70076" s="1" t="s">
        <v>222693</v>
      </c>
      <c r="C70076" s="1" t="s">
        <v>85</v>
      </c>
      <c r="D70076" s="1" t="s">
        <v>24537</v>
      </c>
      <c r="E70076" s="1" t="s">
        <v>233979</v>
      </c>
      <c r="F70076" s="1" t="s">
        <v>233980</v>
      </c>
      <c r="G70076" s="1" t="s">
        <v>233931</v>
      </c>
      <c r="H70076" s="1" t="s">
        <v>233932</v>
      </c>
      <c r="I70076" s="1" t="s">
        <v>222698</v>
      </c>
      <c r="J70076" s="1" t="s">
        <v>233981</v>
      </c>
    </row>
    <row r="70077" spans="1:10" x14ac:dyDescent="0.35">
      <c r="A70077" s="1" t="s">
        <v>233927</v>
      </c>
      <c r="B70077" s="1" t="s">
        <v>222693</v>
      </c>
      <c r="C70077" s="1" t="s">
        <v>90</v>
      </c>
      <c r="D70077" s="1" t="s">
        <v>147380</v>
      </c>
      <c r="E70077" s="1" t="s">
        <v>233982</v>
      </c>
      <c r="F70077" s="1" t="s">
        <v>233983</v>
      </c>
      <c r="G70077" s="1" t="s">
        <v>233931</v>
      </c>
      <c r="H70077" s="1" t="s">
        <v>233932</v>
      </c>
      <c r="I70077" s="1" t="s">
        <v>222698</v>
      </c>
      <c r="J70077" s="1" t="s">
        <v>233984</v>
      </c>
    </row>
    <row r="70078" spans="1:10" x14ac:dyDescent="0.35">
      <c r="A70078" s="1" t="s">
        <v>233927</v>
      </c>
      <c r="B70078" s="1" t="s">
        <v>222693</v>
      </c>
      <c r="C70078" s="1" t="s">
        <v>95</v>
      </c>
      <c r="D70078" s="1" t="s">
        <v>32371</v>
      </c>
      <c r="E70078" s="1" t="s">
        <v>233985</v>
      </c>
      <c r="F70078" s="1" t="s">
        <v>233986</v>
      </c>
      <c r="G70078" s="1" t="s">
        <v>233931</v>
      </c>
      <c r="H70078" s="1" t="s">
        <v>233932</v>
      </c>
      <c r="I70078" s="1" t="s">
        <v>222698</v>
      </c>
      <c r="J70078" s="1" t="s">
        <v>233987</v>
      </c>
    </row>
    <row r="70079" spans="1:10" x14ac:dyDescent="0.35">
      <c r="A70079" s="1" t="s">
        <v>233927</v>
      </c>
      <c r="B70079" s="1" t="s">
        <v>222693</v>
      </c>
      <c r="C70079" s="1" t="s">
        <v>100</v>
      </c>
      <c r="D70079" s="1" t="s">
        <v>180287</v>
      </c>
      <c r="E70079" s="1" t="s">
        <v>233988</v>
      </c>
      <c r="F70079" s="1" t="s">
        <v>233989</v>
      </c>
      <c r="G70079" s="1" t="s">
        <v>233931</v>
      </c>
      <c r="H70079" s="1" t="s">
        <v>233932</v>
      </c>
      <c r="I70079" s="1" t="s">
        <v>222698</v>
      </c>
      <c r="J70079" s="1" t="s">
        <v>233990</v>
      </c>
    </row>
    <row r="70080" spans="1:10" x14ac:dyDescent="0.35">
      <c r="A70080" s="1" t="s">
        <v>233927</v>
      </c>
      <c r="B70080" s="1" t="s">
        <v>222693</v>
      </c>
      <c r="C70080" s="1" t="s">
        <v>105</v>
      </c>
      <c r="D70080" s="1" t="s">
        <v>231843</v>
      </c>
      <c r="E70080" s="1" t="s">
        <v>233991</v>
      </c>
      <c r="F70080" s="1" t="s">
        <v>233992</v>
      </c>
      <c r="G70080" s="1" t="s">
        <v>233931</v>
      </c>
      <c r="H70080" s="1" t="s">
        <v>233932</v>
      </c>
      <c r="I70080" s="1" t="s">
        <v>222698</v>
      </c>
      <c r="J70080" s="1" t="s">
        <v>233993</v>
      </c>
    </row>
    <row r="70081" spans="1:10" x14ac:dyDescent="0.35">
      <c r="A70081" s="1" t="s">
        <v>233927</v>
      </c>
      <c r="B70081" s="1" t="s">
        <v>222693</v>
      </c>
      <c r="C70081" s="1" t="s">
        <v>110</v>
      </c>
      <c r="D70081" s="1" t="s">
        <v>233994</v>
      </c>
      <c r="E70081" s="1" t="s">
        <v>233995</v>
      </c>
      <c r="F70081" s="1" t="s">
        <v>233996</v>
      </c>
      <c r="G70081" s="1" t="s">
        <v>233931</v>
      </c>
      <c r="H70081" s="1" t="s">
        <v>233932</v>
      </c>
      <c r="I70081" s="1" t="s">
        <v>222698</v>
      </c>
      <c r="J70081" s="1" t="s">
        <v>233997</v>
      </c>
    </row>
    <row r="70082" spans="1:10" x14ac:dyDescent="0.35">
      <c r="A70082" s="1" t="s">
        <v>233927</v>
      </c>
      <c r="B70082" s="1" t="s">
        <v>222693</v>
      </c>
      <c r="C70082" s="1" t="s">
        <v>115</v>
      </c>
      <c r="D70082" s="1" t="s">
        <v>233998</v>
      </c>
      <c r="E70082" s="1" t="s">
        <v>233999</v>
      </c>
      <c r="F70082" s="1" t="s">
        <v>234000</v>
      </c>
      <c r="G70082" s="1" t="s">
        <v>233931</v>
      </c>
      <c r="H70082" s="1" t="s">
        <v>233932</v>
      </c>
      <c r="I70082" s="1" t="s">
        <v>222698</v>
      </c>
      <c r="J70082" s="1" t="s">
        <v>234001</v>
      </c>
    </row>
    <row r="70083" spans="1:10" x14ac:dyDescent="0.35">
      <c r="A70083" s="1" t="s">
        <v>233927</v>
      </c>
      <c r="B70083" s="1" t="s">
        <v>222693</v>
      </c>
      <c r="C70083" s="1" t="s">
        <v>120</v>
      </c>
      <c r="D70083" s="1" t="s">
        <v>164618</v>
      </c>
      <c r="E70083" s="1" t="s">
        <v>234002</v>
      </c>
      <c r="F70083" s="1" t="s">
        <v>234003</v>
      </c>
      <c r="G70083" s="1" t="s">
        <v>233931</v>
      </c>
      <c r="H70083" s="1" t="s">
        <v>233932</v>
      </c>
      <c r="I70083" s="1" t="s">
        <v>222698</v>
      </c>
      <c r="J70083" s="1" t="s">
        <v>234004</v>
      </c>
    </row>
    <row r="70084" spans="1:10" x14ac:dyDescent="0.35">
      <c r="A70084" s="1" t="s">
        <v>233927</v>
      </c>
      <c r="B70084" s="1" t="s">
        <v>222693</v>
      </c>
      <c r="C70084" s="1" t="s">
        <v>125</v>
      </c>
      <c r="D70084" s="1" t="s">
        <v>22746</v>
      </c>
      <c r="E70084" s="1" t="s">
        <v>234005</v>
      </c>
      <c r="F70084" s="1" t="s">
        <v>234006</v>
      </c>
      <c r="G70084" s="1" t="s">
        <v>233931</v>
      </c>
      <c r="H70084" s="1" t="s">
        <v>233932</v>
      </c>
      <c r="I70084" s="1" t="s">
        <v>222698</v>
      </c>
      <c r="J70084" s="1" t="s">
        <v>234007</v>
      </c>
    </row>
    <row r="70085" spans="1:10" x14ac:dyDescent="0.35">
      <c r="A70085" s="1" t="s">
        <v>233927</v>
      </c>
      <c r="B70085" s="1" t="s">
        <v>222693</v>
      </c>
      <c r="C70085" s="1" t="s">
        <v>130</v>
      </c>
      <c r="D70085" s="1" t="s">
        <v>234008</v>
      </c>
      <c r="E70085" s="1" t="s">
        <v>234009</v>
      </c>
      <c r="F70085" s="1" t="s">
        <v>234010</v>
      </c>
      <c r="G70085" s="1" t="s">
        <v>233931</v>
      </c>
      <c r="H70085" s="1" t="s">
        <v>233932</v>
      </c>
      <c r="I70085" s="1" t="s">
        <v>222698</v>
      </c>
      <c r="J70085" s="1" t="s">
        <v>234011</v>
      </c>
    </row>
    <row r="70086" spans="1:10" x14ac:dyDescent="0.35">
      <c r="A70086" s="1" t="s">
        <v>233927</v>
      </c>
      <c r="B70086" s="1" t="s">
        <v>222693</v>
      </c>
      <c r="C70086" s="1" t="s">
        <v>135</v>
      </c>
      <c r="D70086" s="1" t="s">
        <v>234012</v>
      </c>
      <c r="E70086" s="1" t="s">
        <v>234013</v>
      </c>
      <c r="F70086" s="1" t="s">
        <v>234014</v>
      </c>
      <c r="G70086" s="1" t="s">
        <v>233931</v>
      </c>
      <c r="H70086" s="1" t="s">
        <v>233932</v>
      </c>
      <c r="I70086" s="1" t="s">
        <v>222698</v>
      </c>
      <c r="J70086" s="1" t="s">
        <v>234015</v>
      </c>
    </row>
    <row r="70087" spans="1:10" x14ac:dyDescent="0.35">
      <c r="A70087" s="1" t="s">
        <v>233927</v>
      </c>
      <c r="B70087" s="1" t="s">
        <v>222693</v>
      </c>
      <c r="C70087" s="1" t="s">
        <v>140</v>
      </c>
      <c r="D70087" s="1" t="s">
        <v>130435</v>
      </c>
      <c r="E70087" s="1" t="s">
        <v>234016</v>
      </c>
      <c r="F70087" s="1" t="s">
        <v>234017</v>
      </c>
      <c r="G70087" s="1" t="s">
        <v>233931</v>
      </c>
      <c r="H70087" s="1" t="s">
        <v>233932</v>
      </c>
      <c r="I70087" s="1" t="s">
        <v>222698</v>
      </c>
      <c r="J70087" s="1" t="s">
        <v>234018</v>
      </c>
    </row>
    <row r="70088" spans="1:10" x14ac:dyDescent="0.35">
      <c r="A70088" s="1" t="s">
        <v>233927</v>
      </c>
      <c r="B70088" s="1" t="s">
        <v>222693</v>
      </c>
      <c r="C70088" s="1" t="s">
        <v>145</v>
      </c>
      <c r="D70088" s="1" t="s">
        <v>234019</v>
      </c>
      <c r="E70088" s="1" t="s">
        <v>234020</v>
      </c>
      <c r="F70088" s="1" t="s">
        <v>234021</v>
      </c>
      <c r="G70088" s="1" t="s">
        <v>233931</v>
      </c>
      <c r="H70088" s="1" t="s">
        <v>233932</v>
      </c>
      <c r="I70088" s="1" t="s">
        <v>222698</v>
      </c>
      <c r="J70088" s="1" t="s">
        <v>234022</v>
      </c>
    </row>
    <row r="70089" spans="1:10" x14ac:dyDescent="0.35">
      <c r="A70089" s="1" t="s">
        <v>233927</v>
      </c>
      <c r="B70089" s="1" t="s">
        <v>222693</v>
      </c>
      <c r="C70089" s="1" t="s">
        <v>150</v>
      </c>
      <c r="D70089" s="1" t="s">
        <v>87420</v>
      </c>
      <c r="E70089" s="1" t="s">
        <v>234023</v>
      </c>
      <c r="F70089" s="1" t="s">
        <v>234024</v>
      </c>
      <c r="G70089" s="1" t="s">
        <v>233931</v>
      </c>
      <c r="H70089" s="1" t="s">
        <v>233932</v>
      </c>
      <c r="I70089" s="1" t="s">
        <v>222698</v>
      </c>
      <c r="J70089" s="1" t="s">
        <v>234025</v>
      </c>
    </row>
    <row r="70090" spans="1:10" x14ac:dyDescent="0.35">
      <c r="A70090" s="1" t="s">
        <v>233927</v>
      </c>
      <c r="B70090" s="1" t="s">
        <v>222693</v>
      </c>
      <c r="C70090" s="1" t="s">
        <v>155</v>
      </c>
      <c r="D70090" s="1" t="s">
        <v>56471</v>
      </c>
      <c r="E70090" s="1" t="s">
        <v>234026</v>
      </c>
      <c r="F70090" s="1" t="s">
        <v>234027</v>
      </c>
      <c r="G70090" s="1" t="s">
        <v>233931</v>
      </c>
      <c r="H70090" s="1" t="s">
        <v>233932</v>
      </c>
      <c r="I70090" s="1" t="s">
        <v>222698</v>
      </c>
      <c r="J70090" s="1" t="s">
        <v>234028</v>
      </c>
    </row>
    <row r="70091" spans="1:10" x14ac:dyDescent="0.35">
      <c r="A70091" s="1" t="s">
        <v>233927</v>
      </c>
      <c r="B70091" s="1" t="s">
        <v>222693</v>
      </c>
      <c r="C70091" s="1" t="s">
        <v>160</v>
      </c>
      <c r="D70091" s="1" t="s">
        <v>231395</v>
      </c>
      <c r="E70091" s="1" t="s">
        <v>234029</v>
      </c>
      <c r="F70091" s="1" t="s">
        <v>234030</v>
      </c>
      <c r="G70091" s="1" t="s">
        <v>233931</v>
      </c>
      <c r="H70091" s="1" t="s">
        <v>233932</v>
      </c>
      <c r="I70091" s="1" t="s">
        <v>222698</v>
      </c>
      <c r="J70091" s="1" t="s">
        <v>234031</v>
      </c>
    </row>
    <row r="70092" spans="1:10" x14ac:dyDescent="0.35">
      <c r="A70092" s="1" t="s">
        <v>233927</v>
      </c>
      <c r="B70092" s="1" t="s">
        <v>222693</v>
      </c>
      <c r="C70092" s="1" t="s">
        <v>165</v>
      </c>
      <c r="D70092" s="1" t="s">
        <v>234032</v>
      </c>
      <c r="E70092" s="1" t="s">
        <v>234033</v>
      </c>
      <c r="F70092" s="1" t="s">
        <v>234034</v>
      </c>
      <c r="G70092" s="1" t="s">
        <v>233931</v>
      </c>
      <c r="H70092" s="1" t="s">
        <v>233932</v>
      </c>
      <c r="I70092" s="1" t="s">
        <v>222698</v>
      </c>
      <c r="J70092" s="1" t="s">
        <v>234035</v>
      </c>
    </row>
    <row r="70093" spans="1:10" x14ac:dyDescent="0.35">
      <c r="A70093" s="1" t="s">
        <v>233927</v>
      </c>
      <c r="B70093" s="1" t="s">
        <v>222693</v>
      </c>
      <c r="C70093" s="1" t="s">
        <v>170</v>
      </c>
      <c r="D70093" s="1" t="s">
        <v>234036</v>
      </c>
      <c r="E70093" s="1" t="s">
        <v>234037</v>
      </c>
      <c r="F70093" s="1" t="s">
        <v>234038</v>
      </c>
      <c r="G70093" s="1" t="s">
        <v>233931</v>
      </c>
      <c r="H70093" s="1" t="s">
        <v>233932</v>
      </c>
      <c r="I70093" s="1" t="s">
        <v>222698</v>
      </c>
      <c r="J70093" s="1" t="s">
        <v>234039</v>
      </c>
    </row>
    <row r="70094" spans="1:10" x14ac:dyDescent="0.35">
      <c r="A70094" s="1" t="s">
        <v>145050</v>
      </c>
      <c r="B70094" s="1" t="s">
        <v>222693</v>
      </c>
      <c r="C70094" s="1" t="s">
        <v>8</v>
      </c>
      <c r="D70094" s="1" t="s">
        <v>55582</v>
      </c>
      <c r="E70094" s="1" t="s">
        <v>234040</v>
      </c>
      <c r="F70094" s="1" t="s">
        <v>234041</v>
      </c>
      <c r="G70094" s="1" t="s">
        <v>234042</v>
      </c>
      <c r="H70094" s="1" t="s">
        <v>234043</v>
      </c>
      <c r="I70094" s="1" t="s">
        <v>222698</v>
      </c>
      <c r="J70094" s="1" t="s">
        <v>13</v>
      </c>
    </row>
    <row r="70095" spans="1:10" x14ac:dyDescent="0.35">
      <c r="A70095" s="1" t="s">
        <v>145050</v>
      </c>
      <c r="B70095" s="1" t="s">
        <v>222693</v>
      </c>
      <c r="C70095" s="1" t="s">
        <v>15</v>
      </c>
      <c r="D70095" s="1" t="s">
        <v>26510</v>
      </c>
      <c r="E70095" s="1" t="s">
        <v>234044</v>
      </c>
      <c r="F70095" s="1" t="s">
        <v>234045</v>
      </c>
      <c r="G70095" s="1" t="s">
        <v>234042</v>
      </c>
      <c r="H70095" s="1" t="s">
        <v>234043</v>
      </c>
      <c r="I70095" s="1" t="s">
        <v>222698</v>
      </c>
      <c r="J70095" s="1" t="s">
        <v>234046</v>
      </c>
    </row>
    <row r="70096" spans="1:10" x14ac:dyDescent="0.35">
      <c r="A70096" s="1" t="s">
        <v>145050</v>
      </c>
      <c r="B70096" s="1" t="s">
        <v>222693</v>
      </c>
      <c r="C70096" s="1" t="s">
        <v>20</v>
      </c>
      <c r="D70096" s="1" t="s">
        <v>97159</v>
      </c>
      <c r="E70096" s="1" t="s">
        <v>234047</v>
      </c>
      <c r="F70096" s="1" t="s">
        <v>234048</v>
      </c>
      <c r="G70096" s="1" t="s">
        <v>234042</v>
      </c>
      <c r="H70096" s="1" t="s">
        <v>234043</v>
      </c>
      <c r="I70096" s="1" t="s">
        <v>222698</v>
      </c>
      <c r="J70096" s="1" t="s">
        <v>234049</v>
      </c>
    </row>
    <row r="70097" spans="1:10" x14ac:dyDescent="0.35">
      <c r="A70097" s="1" t="s">
        <v>145050</v>
      </c>
      <c r="B70097" s="1" t="s">
        <v>222693</v>
      </c>
      <c r="C70097" s="1" t="s">
        <v>25</v>
      </c>
      <c r="D70097" s="1" t="s">
        <v>20347</v>
      </c>
      <c r="E70097" s="1" t="s">
        <v>234050</v>
      </c>
      <c r="F70097" s="1" t="s">
        <v>234051</v>
      </c>
      <c r="G70097" s="1" t="s">
        <v>234042</v>
      </c>
      <c r="H70097" s="1" t="s">
        <v>234043</v>
      </c>
      <c r="I70097" s="1" t="s">
        <v>222698</v>
      </c>
      <c r="J70097" s="1" t="s">
        <v>234052</v>
      </c>
    </row>
    <row r="70098" spans="1:10" x14ac:dyDescent="0.35">
      <c r="A70098" s="1" t="s">
        <v>145050</v>
      </c>
      <c r="B70098" s="1" t="s">
        <v>222693</v>
      </c>
      <c r="C70098" s="1" t="s">
        <v>30</v>
      </c>
      <c r="D70098" s="1" t="s">
        <v>22802</v>
      </c>
      <c r="E70098" s="1" t="s">
        <v>234053</v>
      </c>
      <c r="F70098" s="1" t="s">
        <v>234054</v>
      </c>
      <c r="G70098" s="1" t="s">
        <v>234042</v>
      </c>
      <c r="H70098" s="1" t="s">
        <v>234043</v>
      </c>
      <c r="I70098" s="1" t="s">
        <v>222698</v>
      </c>
      <c r="J70098" s="1" t="s">
        <v>234055</v>
      </c>
    </row>
    <row r="70099" spans="1:10" x14ac:dyDescent="0.35">
      <c r="A70099" s="1" t="s">
        <v>145050</v>
      </c>
      <c r="B70099" s="1" t="s">
        <v>222693</v>
      </c>
      <c r="C70099" s="1" t="s">
        <v>35</v>
      </c>
      <c r="D70099" s="1" t="s">
        <v>234056</v>
      </c>
      <c r="E70099" s="1" t="s">
        <v>234057</v>
      </c>
      <c r="F70099" s="1" t="s">
        <v>234058</v>
      </c>
      <c r="G70099" s="1" t="s">
        <v>234042</v>
      </c>
      <c r="H70099" s="1" t="s">
        <v>234043</v>
      </c>
      <c r="I70099" s="1" t="s">
        <v>222698</v>
      </c>
      <c r="J70099" s="1" t="s">
        <v>234059</v>
      </c>
    </row>
    <row r="70100" spans="1:10" x14ac:dyDescent="0.35">
      <c r="A70100" s="1" t="s">
        <v>145050</v>
      </c>
      <c r="B70100" s="1" t="s">
        <v>222693</v>
      </c>
      <c r="C70100" s="1" t="s">
        <v>40</v>
      </c>
      <c r="D70100" s="1" t="s">
        <v>103446</v>
      </c>
      <c r="E70100" s="1" t="s">
        <v>234060</v>
      </c>
      <c r="F70100" s="1" t="s">
        <v>234061</v>
      </c>
      <c r="G70100" s="1" t="s">
        <v>234042</v>
      </c>
      <c r="H70100" s="1" t="s">
        <v>234043</v>
      </c>
      <c r="I70100" s="1" t="s">
        <v>222698</v>
      </c>
      <c r="J70100" s="1" t="s">
        <v>234062</v>
      </c>
    </row>
    <row r="70101" spans="1:10" x14ac:dyDescent="0.35">
      <c r="A70101" s="1" t="s">
        <v>145050</v>
      </c>
      <c r="B70101" s="1" t="s">
        <v>222693</v>
      </c>
      <c r="C70101" s="1" t="s">
        <v>45</v>
      </c>
      <c r="D70101" s="1" t="s">
        <v>234063</v>
      </c>
      <c r="E70101" s="1" t="s">
        <v>234064</v>
      </c>
      <c r="F70101" s="1" t="s">
        <v>234065</v>
      </c>
      <c r="G70101" s="1" t="s">
        <v>234042</v>
      </c>
      <c r="H70101" s="1" t="s">
        <v>234043</v>
      </c>
      <c r="I70101" s="1" t="s">
        <v>222698</v>
      </c>
      <c r="J70101" s="1" t="s">
        <v>234066</v>
      </c>
    </row>
    <row r="70102" spans="1:10" x14ac:dyDescent="0.35">
      <c r="A70102" s="1" t="s">
        <v>145050</v>
      </c>
      <c r="B70102" s="1" t="s">
        <v>222693</v>
      </c>
      <c r="C70102" s="1" t="s">
        <v>50</v>
      </c>
      <c r="D70102" s="1" t="s">
        <v>234067</v>
      </c>
      <c r="E70102" s="1" t="s">
        <v>234068</v>
      </c>
      <c r="F70102" s="1" t="s">
        <v>234069</v>
      </c>
      <c r="G70102" s="1" t="s">
        <v>234042</v>
      </c>
      <c r="H70102" s="1" t="s">
        <v>234043</v>
      </c>
      <c r="I70102" s="1" t="s">
        <v>222698</v>
      </c>
      <c r="J70102" s="1" t="s">
        <v>234070</v>
      </c>
    </row>
    <row r="70103" spans="1:10" x14ac:dyDescent="0.35">
      <c r="A70103" s="1" t="s">
        <v>145050</v>
      </c>
      <c r="B70103" s="1" t="s">
        <v>222693</v>
      </c>
      <c r="C70103" s="1" t="s">
        <v>55</v>
      </c>
      <c r="D70103" s="1" t="s">
        <v>234071</v>
      </c>
      <c r="E70103" s="1" t="s">
        <v>234072</v>
      </c>
      <c r="F70103" s="1" t="s">
        <v>234073</v>
      </c>
      <c r="G70103" s="1" t="s">
        <v>234042</v>
      </c>
      <c r="H70103" s="1" t="s">
        <v>234043</v>
      </c>
      <c r="I70103" s="1" t="s">
        <v>222698</v>
      </c>
      <c r="J70103" s="1" t="s">
        <v>234074</v>
      </c>
    </row>
    <row r="70104" spans="1:10" x14ac:dyDescent="0.35">
      <c r="A70104" s="1" t="s">
        <v>145050</v>
      </c>
      <c r="B70104" s="1" t="s">
        <v>222693</v>
      </c>
      <c r="C70104" s="1" t="s">
        <v>60</v>
      </c>
      <c r="D70104" s="1" t="s">
        <v>234075</v>
      </c>
      <c r="E70104" s="1" t="s">
        <v>234076</v>
      </c>
      <c r="F70104" s="1" t="s">
        <v>234077</v>
      </c>
      <c r="G70104" s="1" t="s">
        <v>234042</v>
      </c>
      <c r="H70104" s="1" t="s">
        <v>234043</v>
      </c>
      <c r="I70104" s="1" t="s">
        <v>222698</v>
      </c>
      <c r="J70104" s="1" t="s">
        <v>234078</v>
      </c>
    </row>
    <row r="70105" spans="1:10" x14ac:dyDescent="0.35">
      <c r="A70105" s="1" t="s">
        <v>145050</v>
      </c>
      <c r="B70105" s="1" t="s">
        <v>222693</v>
      </c>
      <c r="C70105" s="1" t="s">
        <v>65</v>
      </c>
      <c r="D70105" s="1" t="s">
        <v>132073</v>
      </c>
      <c r="E70105" s="1" t="s">
        <v>234079</v>
      </c>
      <c r="F70105" s="1" t="s">
        <v>234080</v>
      </c>
      <c r="G70105" s="1" t="s">
        <v>234042</v>
      </c>
      <c r="H70105" s="1" t="s">
        <v>234043</v>
      </c>
      <c r="I70105" s="1" t="s">
        <v>222698</v>
      </c>
      <c r="J70105" s="1" t="s">
        <v>234081</v>
      </c>
    </row>
    <row r="70106" spans="1:10" x14ac:dyDescent="0.35">
      <c r="A70106" s="1" t="s">
        <v>145050</v>
      </c>
      <c r="B70106" s="1" t="s">
        <v>222693</v>
      </c>
      <c r="C70106" s="1" t="s">
        <v>70</v>
      </c>
      <c r="D70106" s="1" t="s">
        <v>234082</v>
      </c>
      <c r="E70106" s="1" t="s">
        <v>234083</v>
      </c>
      <c r="F70106" s="1" t="s">
        <v>234084</v>
      </c>
      <c r="G70106" s="1" t="s">
        <v>234042</v>
      </c>
      <c r="H70106" s="1" t="s">
        <v>234043</v>
      </c>
      <c r="I70106" s="1" t="s">
        <v>222698</v>
      </c>
      <c r="J70106" s="1" t="s">
        <v>234085</v>
      </c>
    </row>
    <row r="70107" spans="1:10" x14ac:dyDescent="0.35">
      <c r="A70107" s="1" t="s">
        <v>145050</v>
      </c>
      <c r="B70107" s="1" t="s">
        <v>222693</v>
      </c>
      <c r="C70107" s="1" t="s">
        <v>75</v>
      </c>
      <c r="D70107" s="1" t="s">
        <v>223438</v>
      </c>
      <c r="E70107" s="1" t="s">
        <v>234086</v>
      </c>
      <c r="F70107" s="1" t="s">
        <v>234087</v>
      </c>
      <c r="G70107" s="1" t="s">
        <v>234042</v>
      </c>
      <c r="H70107" s="1" t="s">
        <v>234043</v>
      </c>
      <c r="I70107" s="1" t="s">
        <v>222698</v>
      </c>
      <c r="J70107" s="1" t="s">
        <v>234088</v>
      </c>
    </row>
    <row r="70108" spans="1:10" x14ac:dyDescent="0.35">
      <c r="A70108" s="1" t="s">
        <v>145050</v>
      </c>
      <c r="B70108" s="1" t="s">
        <v>222693</v>
      </c>
      <c r="C70108" s="1" t="s">
        <v>80</v>
      </c>
      <c r="D70108" s="1" t="s">
        <v>234089</v>
      </c>
      <c r="E70108" s="1" t="s">
        <v>234090</v>
      </c>
      <c r="F70108" s="1" t="s">
        <v>234091</v>
      </c>
      <c r="G70108" s="1" t="s">
        <v>234042</v>
      </c>
      <c r="H70108" s="1" t="s">
        <v>234043</v>
      </c>
      <c r="I70108" s="1" t="s">
        <v>222698</v>
      </c>
      <c r="J70108" s="1" t="s">
        <v>234092</v>
      </c>
    </row>
    <row r="70109" spans="1:10" x14ac:dyDescent="0.35">
      <c r="A70109" s="1" t="s">
        <v>145050</v>
      </c>
      <c r="B70109" s="1" t="s">
        <v>222693</v>
      </c>
      <c r="C70109" s="1" t="s">
        <v>85</v>
      </c>
      <c r="D70109" s="1" t="s">
        <v>234093</v>
      </c>
      <c r="E70109" s="1" t="s">
        <v>234094</v>
      </c>
      <c r="F70109" s="1" t="s">
        <v>234095</v>
      </c>
      <c r="G70109" s="1" t="s">
        <v>234042</v>
      </c>
      <c r="H70109" s="1" t="s">
        <v>234043</v>
      </c>
      <c r="I70109" s="1" t="s">
        <v>222698</v>
      </c>
      <c r="J70109" s="1" t="s">
        <v>234096</v>
      </c>
    </row>
    <row r="70110" spans="1:10" x14ac:dyDescent="0.35">
      <c r="A70110" s="1" t="s">
        <v>145050</v>
      </c>
      <c r="B70110" s="1" t="s">
        <v>222693</v>
      </c>
      <c r="C70110" s="1" t="s">
        <v>90</v>
      </c>
      <c r="D70110" s="1" t="s">
        <v>234097</v>
      </c>
      <c r="E70110" s="1" t="s">
        <v>234098</v>
      </c>
      <c r="F70110" s="1" t="s">
        <v>234099</v>
      </c>
      <c r="G70110" s="1" t="s">
        <v>234042</v>
      </c>
      <c r="H70110" s="1" t="s">
        <v>234043</v>
      </c>
      <c r="I70110" s="1" t="s">
        <v>222698</v>
      </c>
      <c r="J70110" s="1" t="s">
        <v>234100</v>
      </c>
    </row>
    <row r="70111" spans="1:10" x14ac:dyDescent="0.35">
      <c r="A70111" s="1" t="s">
        <v>145050</v>
      </c>
      <c r="B70111" s="1" t="s">
        <v>222693</v>
      </c>
      <c r="C70111" s="1" t="s">
        <v>95</v>
      </c>
      <c r="D70111" s="1" t="s">
        <v>234101</v>
      </c>
      <c r="E70111" s="1" t="s">
        <v>234102</v>
      </c>
      <c r="F70111" s="1" t="s">
        <v>234103</v>
      </c>
      <c r="G70111" s="1" t="s">
        <v>234042</v>
      </c>
      <c r="H70111" s="1" t="s">
        <v>234043</v>
      </c>
      <c r="I70111" s="1" t="s">
        <v>222698</v>
      </c>
      <c r="J70111" s="1" t="s">
        <v>234104</v>
      </c>
    </row>
    <row r="70112" spans="1:10" x14ac:dyDescent="0.35">
      <c r="A70112" s="1" t="s">
        <v>145050</v>
      </c>
      <c r="B70112" s="1" t="s">
        <v>222693</v>
      </c>
      <c r="C70112" s="1" t="s">
        <v>100</v>
      </c>
      <c r="D70112" s="1" t="s">
        <v>75932</v>
      </c>
      <c r="E70112" s="1" t="s">
        <v>234105</v>
      </c>
      <c r="F70112" s="1" t="s">
        <v>234106</v>
      </c>
      <c r="G70112" s="1" t="s">
        <v>234042</v>
      </c>
      <c r="H70112" s="1" t="s">
        <v>234043</v>
      </c>
      <c r="I70112" s="1" t="s">
        <v>222698</v>
      </c>
      <c r="J70112" s="1" t="s">
        <v>234107</v>
      </c>
    </row>
    <row r="70113" spans="1:10" x14ac:dyDescent="0.35">
      <c r="A70113" s="1" t="s">
        <v>145050</v>
      </c>
      <c r="B70113" s="1" t="s">
        <v>222693</v>
      </c>
      <c r="C70113" s="1" t="s">
        <v>105</v>
      </c>
      <c r="D70113" s="1" t="s">
        <v>234108</v>
      </c>
      <c r="E70113" s="1" t="s">
        <v>234109</v>
      </c>
      <c r="F70113" s="1" t="s">
        <v>234110</v>
      </c>
      <c r="G70113" s="1" t="s">
        <v>234042</v>
      </c>
      <c r="H70113" s="1" t="s">
        <v>234043</v>
      </c>
      <c r="I70113" s="1" t="s">
        <v>222698</v>
      </c>
      <c r="J70113" s="1" t="s">
        <v>234111</v>
      </c>
    </row>
    <row r="70114" spans="1:10" x14ac:dyDescent="0.35">
      <c r="A70114" s="1" t="s">
        <v>145050</v>
      </c>
      <c r="B70114" s="1" t="s">
        <v>222693</v>
      </c>
      <c r="C70114" s="1" t="s">
        <v>110</v>
      </c>
      <c r="D70114" s="1" t="s">
        <v>227541</v>
      </c>
      <c r="E70114" s="1" t="s">
        <v>234112</v>
      </c>
      <c r="F70114" s="1" t="s">
        <v>234113</v>
      </c>
      <c r="G70114" s="1" t="s">
        <v>234042</v>
      </c>
      <c r="H70114" s="1" t="s">
        <v>234043</v>
      </c>
      <c r="I70114" s="1" t="s">
        <v>222698</v>
      </c>
      <c r="J70114" s="1" t="s">
        <v>234114</v>
      </c>
    </row>
    <row r="70115" spans="1:10" x14ac:dyDescent="0.35">
      <c r="A70115" s="1" t="s">
        <v>145050</v>
      </c>
      <c r="B70115" s="1" t="s">
        <v>222693</v>
      </c>
      <c r="C70115" s="1" t="s">
        <v>115</v>
      </c>
      <c r="D70115" s="1" t="s">
        <v>65482</v>
      </c>
      <c r="E70115" s="1" t="s">
        <v>234115</v>
      </c>
      <c r="F70115" s="1" t="s">
        <v>234116</v>
      </c>
      <c r="G70115" s="1" t="s">
        <v>234042</v>
      </c>
      <c r="H70115" s="1" t="s">
        <v>234043</v>
      </c>
      <c r="I70115" s="1" t="s">
        <v>222698</v>
      </c>
      <c r="J70115" s="1" t="s">
        <v>234117</v>
      </c>
    </row>
    <row r="70116" spans="1:10" x14ac:dyDescent="0.35">
      <c r="A70116" s="1" t="s">
        <v>145050</v>
      </c>
      <c r="B70116" s="1" t="s">
        <v>222693</v>
      </c>
      <c r="C70116" s="1" t="s">
        <v>120</v>
      </c>
      <c r="D70116" s="1" t="s">
        <v>234118</v>
      </c>
      <c r="E70116" s="1" t="s">
        <v>234119</v>
      </c>
      <c r="F70116" s="1" t="s">
        <v>234120</v>
      </c>
      <c r="G70116" s="1" t="s">
        <v>234042</v>
      </c>
      <c r="H70116" s="1" t="s">
        <v>234043</v>
      </c>
      <c r="I70116" s="1" t="s">
        <v>222698</v>
      </c>
      <c r="J70116" s="1" t="s">
        <v>234121</v>
      </c>
    </row>
    <row r="70117" spans="1:10" x14ac:dyDescent="0.35">
      <c r="A70117" s="1" t="s">
        <v>145050</v>
      </c>
      <c r="B70117" s="1" t="s">
        <v>222693</v>
      </c>
      <c r="C70117" s="1" t="s">
        <v>125</v>
      </c>
      <c r="D70117" s="1" t="s">
        <v>1095</v>
      </c>
      <c r="E70117" s="1" t="s">
        <v>234122</v>
      </c>
      <c r="F70117" s="1" t="s">
        <v>234123</v>
      </c>
      <c r="G70117" s="1" t="s">
        <v>234042</v>
      </c>
      <c r="H70117" s="1" t="s">
        <v>234043</v>
      </c>
      <c r="I70117" s="1" t="s">
        <v>222698</v>
      </c>
      <c r="J70117" s="1" t="s">
        <v>234124</v>
      </c>
    </row>
    <row r="70118" spans="1:10" x14ac:dyDescent="0.35">
      <c r="A70118" s="1" t="s">
        <v>145050</v>
      </c>
      <c r="B70118" s="1" t="s">
        <v>222693</v>
      </c>
      <c r="C70118" s="1" t="s">
        <v>130</v>
      </c>
      <c r="D70118" s="1" t="s">
        <v>234125</v>
      </c>
      <c r="E70118" s="1" t="s">
        <v>234126</v>
      </c>
      <c r="F70118" s="1" t="s">
        <v>234127</v>
      </c>
      <c r="G70118" s="1" t="s">
        <v>234042</v>
      </c>
      <c r="H70118" s="1" t="s">
        <v>234043</v>
      </c>
      <c r="I70118" s="1" t="s">
        <v>222698</v>
      </c>
      <c r="J70118" s="1" t="s">
        <v>234128</v>
      </c>
    </row>
    <row r="70119" spans="1:10" x14ac:dyDescent="0.35">
      <c r="A70119" s="1" t="s">
        <v>145050</v>
      </c>
      <c r="B70119" s="1" t="s">
        <v>222693</v>
      </c>
      <c r="C70119" s="1" t="s">
        <v>135</v>
      </c>
      <c r="D70119" s="1" t="s">
        <v>234129</v>
      </c>
      <c r="E70119" s="1" t="s">
        <v>234130</v>
      </c>
      <c r="F70119" s="1" t="s">
        <v>234131</v>
      </c>
      <c r="G70119" s="1" t="s">
        <v>234042</v>
      </c>
      <c r="H70119" s="1" t="s">
        <v>234043</v>
      </c>
      <c r="I70119" s="1" t="s">
        <v>222698</v>
      </c>
      <c r="J70119" s="1" t="s">
        <v>234132</v>
      </c>
    </row>
    <row r="70120" spans="1:10" x14ac:dyDescent="0.35">
      <c r="A70120" s="1" t="s">
        <v>145050</v>
      </c>
      <c r="B70120" s="1" t="s">
        <v>222693</v>
      </c>
      <c r="C70120" s="1" t="s">
        <v>140</v>
      </c>
      <c r="D70120" s="1" t="s">
        <v>132356</v>
      </c>
      <c r="E70120" s="1" t="s">
        <v>234133</v>
      </c>
      <c r="F70120" s="1" t="s">
        <v>234134</v>
      </c>
      <c r="G70120" s="1" t="s">
        <v>234042</v>
      </c>
      <c r="H70120" s="1" t="s">
        <v>234043</v>
      </c>
      <c r="I70120" s="1" t="s">
        <v>222698</v>
      </c>
      <c r="J70120" s="1" t="s">
        <v>234135</v>
      </c>
    </row>
    <row r="70121" spans="1:10" x14ac:dyDescent="0.35">
      <c r="A70121" s="1" t="s">
        <v>145050</v>
      </c>
      <c r="B70121" s="1" t="s">
        <v>222693</v>
      </c>
      <c r="C70121" s="1" t="s">
        <v>145</v>
      </c>
      <c r="D70121" s="1" t="s">
        <v>234136</v>
      </c>
      <c r="E70121" s="1" t="s">
        <v>234137</v>
      </c>
      <c r="F70121" s="1" t="s">
        <v>234138</v>
      </c>
      <c r="G70121" s="1" t="s">
        <v>234042</v>
      </c>
      <c r="H70121" s="1" t="s">
        <v>234043</v>
      </c>
      <c r="I70121" s="1" t="s">
        <v>222698</v>
      </c>
      <c r="J70121" s="1" t="s">
        <v>234139</v>
      </c>
    </row>
    <row r="70122" spans="1:10" x14ac:dyDescent="0.35">
      <c r="A70122" s="1" t="s">
        <v>145050</v>
      </c>
      <c r="B70122" s="1" t="s">
        <v>222693</v>
      </c>
      <c r="C70122" s="1" t="s">
        <v>150</v>
      </c>
      <c r="D70122" s="1" t="s">
        <v>234140</v>
      </c>
      <c r="E70122" s="1" t="s">
        <v>234141</v>
      </c>
      <c r="F70122" s="1" t="s">
        <v>234142</v>
      </c>
      <c r="G70122" s="1" t="s">
        <v>234042</v>
      </c>
      <c r="H70122" s="1" t="s">
        <v>234043</v>
      </c>
      <c r="I70122" s="1" t="s">
        <v>222698</v>
      </c>
      <c r="J70122" s="1" t="s">
        <v>234143</v>
      </c>
    </row>
    <row r="70123" spans="1:10" x14ac:dyDescent="0.35">
      <c r="A70123" s="1" t="s">
        <v>145050</v>
      </c>
      <c r="B70123" s="1" t="s">
        <v>222693</v>
      </c>
      <c r="C70123" s="1" t="s">
        <v>155</v>
      </c>
      <c r="D70123" s="1" t="s">
        <v>234144</v>
      </c>
      <c r="E70123" s="1" t="s">
        <v>234145</v>
      </c>
      <c r="F70123" s="1" t="s">
        <v>234146</v>
      </c>
      <c r="G70123" s="1" t="s">
        <v>234042</v>
      </c>
      <c r="H70123" s="1" t="s">
        <v>234043</v>
      </c>
      <c r="I70123" s="1" t="s">
        <v>222698</v>
      </c>
      <c r="J70123" s="1" t="s">
        <v>234147</v>
      </c>
    </row>
    <row r="70124" spans="1:10" x14ac:dyDescent="0.35">
      <c r="A70124" s="1" t="s">
        <v>145050</v>
      </c>
      <c r="B70124" s="1" t="s">
        <v>222693</v>
      </c>
      <c r="C70124" s="1" t="s">
        <v>160</v>
      </c>
      <c r="D70124" s="1" t="s">
        <v>234148</v>
      </c>
      <c r="E70124" s="1" t="s">
        <v>234149</v>
      </c>
      <c r="F70124" s="1" t="s">
        <v>234150</v>
      </c>
      <c r="G70124" s="1" t="s">
        <v>234042</v>
      </c>
      <c r="H70124" s="1" t="s">
        <v>234043</v>
      </c>
      <c r="I70124" s="1" t="s">
        <v>222698</v>
      </c>
      <c r="J70124" s="1" t="s">
        <v>234151</v>
      </c>
    </row>
    <row r="70125" spans="1:10" x14ac:dyDescent="0.35">
      <c r="A70125" s="1" t="s">
        <v>145050</v>
      </c>
      <c r="B70125" s="1" t="s">
        <v>222693</v>
      </c>
      <c r="C70125" s="1" t="s">
        <v>165</v>
      </c>
      <c r="D70125" s="1" t="s">
        <v>234152</v>
      </c>
      <c r="E70125" s="1" t="s">
        <v>234153</v>
      </c>
      <c r="F70125" s="1" t="s">
        <v>234154</v>
      </c>
      <c r="G70125" s="1" t="s">
        <v>234042</v>
      </c>
      <c r="H70125" s="1" t="s">
        <v>234043</v>
      </c>
      <c r="I70125" s="1" t="s">
        <v>222698</v>
      </c>
      <c r="J70125" s="1" t="s">
        <v>234155</v>
      </c>
    </row>
    <row r="70126" spans="1:10" x14ac:dyDescent="0.35">
      <c r="A70126" s="1" t="s">
        <v>145050</v>
      </c>
      <c r="B70126" s="1" t="s">
        <v>222693</v>
      </c>
      <c r="C70126" s="1" t="s">
        <v>170</v>
      </c>
      <c r="D70126" s="1" t="s">
        <v>234156</v>
      </c>
      <c r="E70126" s="1" t="s">
        <v>234157</v>
      </c>
      <c r="F70126" s="1" t="s">
        <v>234158</v>
      </c>
      <c r="G70126" s="1" t="s">
        <v>234042</v>
      </c>
      <c r="H70126" s="1" t="s">
        <v>234043</v>
      </c>
      <c r="I70126" s="1" t="s">
        <v>222698</v>
      </c>
      <c r="J70126" s="1" t="s">
        <v>234159</v>
      </c>
    </row>
    <row r="70127" spans="1:10" x14ac:dyDescent="0.35">
      <c r="A70127" s="1" t="s">
        <v>144047</v>
      </c>
      <c r="B70127" s="1" t="s">
        <v>222693</v>
      </c>
      <c r="C70127" s="1" t="s">
        <v>8</v>
      </c>
      <c r="D70127" s="1" t="s">
        <v>26473</v>
      </c>
      <c r="E70127" s="1" t="s">
        <v>234160</v>
      </c>
      <c r="F70127" s="1" t="s">
        <v>234161</v>
      </c>
      <c r="G70127" s="1" t="s">
        <v>234162</v>
      </c>
      <c r="H70127" s="1" t="s">
        <v>234163</v>
      </c>
      <c r="I70127" s="1" t="s">
        <v>222698</v>
      </c>
      <c r="J70127" s="1" t="s">
        <v>13</v>
      </c>
    </row>
    <row r="70128" spans="1:10" x14ac:dyDescent="0.35">
      <c r="A70128" s="1" t="s">
        <v>144047</v>
      </c>
      <c r="B70128" s="1" t="s">
        <v>222693</v>
      </c>
      <c r="C70128" s="1" t="s">
        <v>15</v>
      </c>
      <c r="D70128" s="1" t="s">
        <v>234164</v>
      </c>
      <c r="E70128" s="1" t="s">
        <v>234165</v>
      </c>
      <c r="F70128" s="1" t="s">
        <v>234166</v>
      </c>
      <c r="G70128" s="1" t="s">
        <v>234162</v>
      </c>
      <c r="H70128" s="1" t="s">
        <v>234163</v>
      </c>
      <c r="I70128" s="1" t="s">
        <v>222698</v>
      </c>
      <c r="J70128" s="1" t="s">
        <v>234167</v>
      </c>
    </row>
    <row r="70129" spans="1:10" x14ac:dyDescent="0.35">
      <c r="A70129" s="1" t="s">
        <v>144047</v>
      </c>
      <c r="B70129" s="1" t="s">
        <v>222693</v>
      </c>
      <c r="C70129" s="1" t="s">
        <v>20</v>
      </c>
      <c r="D70129" s="1" t="s">
        <v>36393</v>
      </c>
      <c r="E70129" s="1" t="s">
        <v>234168</v>
      </c>
      <c r="F70129" s="1" t="s">
        <v>234169</v>
      </c>
      <c r="G70129" s="1" t="s">
        <v>234162</v>
      </c>
      <c r="H70129" s="1" t="s">
        <v>234163</v>
      </c>
      <c r="I70129" s="1" t="s">
        <v>222698</v>
      </c>
      <c r="J70129" s="1" t="s">
        <v>234170</v>
      </c>
    </row>
    <row r="70130" spans="1:10" x14ac:dyDescent="0.35">
      <c r="A70130" s="1" t="s">
        <v>144047</v>
      </c>
      <c r="B70130" s="1" t="s">
        <v>222693</v>
      </c>
      <c r="C70130" s="1" t="s">
        <v>25</v>
      </c>
      <c r="D70130" s="1" t="s">
        <v>63469</v>
      </c>
      <c r="E70130" s="1" t="s">
        <v>234171</v>
      </c>
      <c r="F70130" s="1" t="s">
        <v>234172</v>
      </c>
      <c r="G70130" s="1" t="s">
        <v>234162</v>
      </c>
      <c r="H70130" s="1" t="s">
        <v>234163</v>
      </c>
      <c r="I70130" s="1" t="s">
        <v>222698</v>
      </c>
      <c r="J70130" s="1" t="s">
        <v>234173</v>
      </c>
    </row>
    <row r="70131" spans="1:10" x14ac:dyDescent="0.35">
      <c r="A70131" s="1" t="s">
        <v>144047</v>
      </c>
      <c r="B70131" s="1" t="s">
        <v>222693</v>
      </c>
      <c r="C70131" s="1" t="s">
        <v>30</v>
      </c>
      <c r="D70131" s="1" t="s">
        <v>89088</v>
      </c>
      <c r="E70131" s="1" t="s">
        <v>234174</v>
      </c>
      <c r="F70131" s="1" t="s">
        <v>234175</v>
      </c>
      <c r="G70131" s="1" t="s">
        <v>234162</v>
      </c>
      <c r="H70131" s="1" t="s">
        <v>234163</v>
      </c>
      <c r="I70131" s="1" t="s">
        <v>222698</v>
      </c>
      <c r="J70131" s="1" t="s">
        <v>234176</v>
      </c>
    </row>
    <row r="70132" spans="1:10" x14ac:dyDescent="0.35">
      <c r="A70132" s="1" t="s">
        <v>144047</v>
      </c>
      <c r="B70132" s="1" t="s">
        <v>222693</v>
      </c>
      <c r="C70132" s="1" t="s">
        <v>35</v>
      </c>
      <c r="D70132" s="1" t="s">
        <v>234177</v>
      </c>
      <c r="E70132" s="1" t="s">
        <v>234178</v>
      </c>
      <c r="F70132" s="1" t="s">
        <v>234179</v>
      </c>
      <c r="G70132" s="1" t="s">
        <v>234162</v>
      </c>
      <c r="H70132" s="1" t="s">
        <v>234163</v>
      </c>
      <c r="I70132" s="1" t="s">
        <v>222698</v>
      </c>
      <c r="J70132" s="1" t="s">
        <v>234180</v>
      </c>
    </row>
    <row r="70133" spans="1:10" x14ac:dyDescent="0.35">
      <c r="A70133" s="1" t="s">
        <v>144047</v>
      </c>
      <c r="B70133" s="1" t="s">
        <v>222693</v>
      </c>
      <c r="C70133" s="1" t="s">
        <v>40</v>
      </c>
      <c r="D70133" s="1" t="s">
        <v>97162</v>
      </c>
      <c r="E70133" s="1" t="s">
        <v>234181</v>
      </c>
      <c r="F70133" s="1" t="s">
        <v>234182</v>
      </c>
      <c r="G70133" s="1" t="s">
        <v>234162</v>
      </c>
      <c r="H70133" s="1" t="s">
        <v>234163</v>
      </c>
      <c r="I70133" s="1" t="s">
        <v>222698</v>
      </c>
      <c r="J70133" s="1" t="s">
        <v>234183</v>
      </c>
    </row>
    <row r="70134" spans="1:10" x14ac:dyDescent="0.35">
      <c r="A70134" s="1" t="s">
        <v>144047</v>
      </c>
      <c r="B70134" s="1" t="s">
        <v>222693</v>
      </c>
      <c r="C70134" s="1" t="s">
        <v>45</v>
      </c>
      <c r="D70134" s="1" t="s">
        <v>58345</v>
      </c>
      <c r="E70134" s="1" t="s">
        <v>234184</v>
      </c>
      <c r="F70134" s="1" t="s">
        <v>234185</v>
      </c>
      <c r="G70134" s="1" t="s">
        <v>234162</v>
      </c>
      <c r="H70134" s="1" t="s">
        <v>234163</v>
      </c>
      <c r="I70134" s="1" t="s">
        <v>222698</v>
      </c>
      <c r="J70134" s="1" t="s">
        <v>234186</v>
      </c>
    </row>
    <row r="70135" spans="1:10" x14ac:dyDescent="0.35">
      <c r="A70135" s="1" t="s">
        <v>144047</v>
      </c>
      <c r="B70135" s="1" t="s">
        <v>222693</v>
      </c>
      <c r="C70135" s="1" t="s">
        <v>50</v>
      </c>
      <c r="D70135" s="1" t="s">
        <v>133839</v>
      </c>
      <c r="E70135" s="1" t="s">
        <v>234187</v>
      </c>
      <c r="F70135" s="1" t="s">
        <v>234188</v>
      </c>
      <c r="G70135" s="1" t="s">
        <v>234162</v>
      </c>
      <c r="H70135" s="1" t="s">
        <v>234163</v>
      </c>
      <c r="I70135" s="1" t="s">
        <v>222698</v>
      </c>
      <c r="J70135" s="1" t="s">
        <v>234189</v>
      </c>
    </row>
    <row r="70136" spans="1:10" x14ac:dyDescent="0.35">
      <c r="A70136" s="1" t="s">
        <v>144047</v>
      </c>
      <c r="B70136" s="1" t="s">
        <v>222693</v>
      </c>
      <c r="C70136" s="1" t="s">
        <v>55</v>
      </c>
      <c r="D70136" s="1" t="s">
        <v>130389</v>
      </c>
      <c r="E70136" s="1" t="s">
        <v>234190</v>
      </c>
      <c r="F70136" s="1" t="s">
        <v>234191</v>
      </c>
      <c r="G70136" s="1" t="s">
        <v>234162</v>
      </c>
      <c r="H70136" s="1" t="s">
        <v>234163</v>
      </c>
      <c r="I70136" s="1" t="s">
        <v>222698</v>
      </c>
      <c r="J70136" s="1" t="s">
        <v>234192</v>
      </c>
    </row>
    <row r="70137" spans="1:10" x14ac:dyDescent="0.35">
      <c r="A70137" s="1" t="s">
        <v>144047</v>
      </c>
      <c r="B70137" s="1" t="s">
        <v>222693</v>
      </c>
      <c r="C70137" s="1" t="s">
        <v>60</v>
      </c>
      <c r="D70137" s="1" t="s">
        <v>122839</v>
      </c>
      <c r="E70137" s="1" t="s">
        <v>234193</v>
      </c>
      <c r="F70137" s="1" t="s">
        <v>234194</v>
      </c>
      <c r="G70137" s="1" t="s">
        <v>234162</v>
      </c>
      <c r="H70137" s="1" t="s">
        <v>234163</v>
      </c>
      <c r="I70137" s="1" t="s">
        <v>222698</v>
      </c>
      <c r="J70137" s="1" t="s">
        <v>234195</v>
      </c>
    </row>
    <row r="70138" spans="1:10" x14ac:dyDescent="0.35">
      <c r="A70138" s="1" t="s">
        <v>144047</v>
      </c>
      <c r="B70138" s="1" t="s">
        <v>222693</v>
      </c>
      <c r="C70138" s="1" t="s">
        <v>65</v>
      </c>
      <c r="D70138" s="1" t="s">
        <v>131860</v>
      </c>
      <c r="E70138" s="1" t="s">
        <v>234196</v>
      </c>
      <c r="F70138" s="1" t="s">
        <v>234197</v>
      </c>
      <c r="G70138" s="1" t="s">
        <v>234162</v>
      </c>
      <c r="H70138" s="1" t="s">
        <v>234163</v>
      </c>
      <c r="I70138" s="1" t="s">
        <v>222698</v>
      </c>
      <c r="J70138" s="1" t="s">
        <v>234198</v>
      </c>
    </row>
    <row r="70139" spans="1:10" x14ac:dyDescent="0.35">
      <c r="A70139" s="1" t="s">
        <v>144047</v>
      </c>
      <c r="B70139" s="1" t="s">
        <v>222693</v>
      </c>
      <c r="C70139" s="1" t="s">
        <v>70</v>
      </c>
      <c r="D70139" s="1" t="s">
        <v>83975</v>
      </c>
      <c r="E70139" s="1" t="s">
        <v>234199</v>
      </c>
      <c r="F70139" s="1" t="s">
        <v>234200</v>
      </c>
      <c r="G70139" s="1" t="s">
        <v>234162</v>
      </c>
      <c r="H70139" s="1" t="s">
        <v>234163</v>
      </c>
      <c r="I70139" s="1" t="s">
        <v>222698</v>
      </c>
      <c r="J70139" s="1" t="s">
        <v>234201</v>
      </c>
    </row>
    <row r="70140" spans="1:10" x14ac:dyDescent="0.35">
      <c r="A70140" s="1" t="s">
        <v>144047</v>
      </c>
      <c r="B70140" s="1" t="s">
        <v>222693</v>
      </c>
      <c r="C70140" s="1" t="s">
        <v>75</v>
      </c>
      <c r="D70140" s="1" t="s">
        <v>234202</v>
      </c>
      <c r="E70140" s="1" t="s">
        <v>234203</v>
      </c>
      <c r="F70140" s="1" t="s">
        <v>234204</v>
      </c>
      <c r="G70140" s="1" t="s">
        <v>234162</v>
      </c>
      <c r="H70140" s="1" t="s">
        <v>234163</v>
      </c>
      <c r="I70140" s="1" t="s">
        <v>222698</v>
      </c>
      <c r="J70140" s="1" t="s">
        <v>234205</v>
      </c>
    </row>
    <row r="70141" spans="1:10" x14ac:dyDescent="0.35">
      <c r="A70141" s="1" t="s">
        <v>144047</v>
      </c>
      <c r="B70141" s="1" t="s">
        <v>222693</v>
      </c>
      <c r="C70141" s="1" t="s">
        <v>80</v>
      </c>
      <c r="D70141" s="1" t="s">
        <v>8261</v>
      </c>
      <c r="E70141" s="1" t="s">
        <v>234206</v>
      </c>
      <c r="F70141" s="1" t="s">
        <v>234207</v>
      </c>
      <c r="G70141" s="1" t="s">
        <v>234162</v>
      </c>
      <c r="H70141" s="1" t="s">
        <v>234163</v>
      </c>
      <c r="I70141" s="1" t="s">
        <v>222698</v>
      </c>
      <c r="J70141" s="1" t="s">
        <v>234208</v>
      </c>
    </row>
    <row r="70142" spans="1:10" x14ac:dyDescent="0.35">
      <c r="A70142" s="1" t="s">
        <v>144047</v>
      </c>
      <c r="B70142" s="1" t="s">
        <v>222693</v>
      </c>
      <c r="C70142" s="1" t="s">
        <v>85</v>
      </c>
      <c r="D70142" s="1" t="s">
        <v>234209</v>
      </c>
      <c r="E70142" s="1" t="s">
        <v>234210</v>
      </c>
      <c r="F70142" s="1" t="s">
        <v>234211</v>
      </c>
      <c r="G70142" s="1" t="s">
        <v>234162</v>
      </c>
      <c r="H70142" s="1" t="s">
        <v>234163</v>
      </c>
      <c r="I70142" s="1" t="s">
        <v>222698</v>
      </c>
      <c r="J70142" s="1" t="s">
        <v>234212</v>
      </c>
    </row>
    <row r="70143" spans="1:10" x14ac:dyDescent="0.35">
      <c r="A70143" s="1" t="s">
        <v>144047</v>
      </c>
      <c r="B70143" s="1" t="s">
        <v>222693</v>
      </c>
      <c r="C70143" s="1" t="s">
        <v>90</v>
      </c>
      <c r="D70143" s="1" t="s">
        <v>130979</v>
      </c>
      <c r="E70143" s="1" t="s">
        <v>234213</v>
      </c>
      <c r="F70143" s="1" t="s">
        <v>234214</v>
      </c>
      <c r="G70143" s="1" t="s">
        <v>234162</v>
      </c>
      <c r="H70143" s="1" t="s">
        <v>234163</v>
      </c>
      <c r="I70143" s="1" t="s">
        <v>222698</v>
      </c>
      <c r="J70143" s="1" t="s">
        <v>234215</v>
      </c>
    </row>
    <row r="70144" spans="1:10" x14ac:dyDescent="0.35">
      <c r="A70144" s="1" t="s">
        <v>144047</v>
      </c>
      <c r="B70144" s="1" t="s">
        <v>222693</v>
      </c>
      <c r="C70144" s="1" t="s">
        <v>95</v>
      </c>
      <c r="D70144" s="1" t="s">
        <v>77737</v>
      </c>
      <c r="E70144" s="1" t="s">
        <v>234216</v>
      </c>
      <c r="F70144" s="1" t="s">
        <v>234217</v>
      </c>
      <c r="G70144" s="1" t="s">
        <v>234162</v>
      </c>
      <c r="H70144" s="1" t="s">
        <v>234163</v>
      </c>
      <c r="I70144" s="1" t="s">
        <v>222698</v>
      </c>
      <c r="J70144" s="1" t="s">
        <v>234218</v>
      </c>
    </row>
    <row r="70145" spans="1:10" x14ac:dyDescent="0.35">
      <c r="A70145" s="1" t="s">
        <v>144047</v>
      </c>
      <c r="B70145" s="1" t="s">
        <v>222693</v>
      </c>
      <c r="C70145" s="1" t="s">
        <v>100</v>
      </c>
      <c r="D70145" s="1" t="s">
        <v>234219</v>
      </c>
      <c r="E70145" s="1" t="s">
        <v>234220</v>
      </c>
      <c r="F70145" s="1" t="s">
        <v>234221</v>
      </c>
      <c r="G70145" s="1" t="s">
        <v>234162</v>
      </c>
      <c r="H70145" s="1" t="s">
        <v>234163</v>
      </c>
      <c r="I70145" s="1" t="s">
        <v>222698</v>
      </c>
      <c r="J70145" s="1" t="s">
        <v>234222</v>
      </c>
    </row>
    <row r="70146" spans="1:10" x14ac:dyDescent="0.35">
      <c r="A70146" s="1" t="s">
        <v>144047</v>
      </c>
      <c r="B70146" s="1" t="s">
        <v>222693</v>
      </c>
      <c r="C70146" s="1" t="s">
        <v>105</v>
      </c>
      <c r="D70146" s="1" t="s">
        <v>234223</v>
      </c>
      <c r="E70146" s="1" t="s">
        <v>234224</v>
      </c>
      <c r="F70146" s="1" t="s">
        <v>234225</v>
      </c>
      <c r="G70146" s="1" t="s">
        <v>234162</v>
      </c>
      <c r="H70146" s="1" t="s">
        <v>234163</v>
      </c>
      <c r="I70146" s="1" t="s">
        <v>222698</v>
      </c>
      <c r="J70146" s="1" t="s">
        <v>234226</v>
      </c>
    </row>
    <row r="70147" spans="1:10" x14ac:dyDescent="0.35">
      <c r="A70147" s="1" t="s">
        <v>144047</v>
      </c>
      <c r="B70147" s="1" t="s">
        <v>222693</v>
      </c>
      <c r="C70147" s="1" t="s">
        <v>110</v>
      </c>
      <c r="D70147" s="1" t="s">
        <v>234227</v>
      </c>
      <c r="E70147" s="1" t="s">
        <v>234228</v>
      </c>
      <c r="F70147" s="1" t="s">
        <v>234229</v>
      </c>
      <c r="G70147" s="1" t="s">
        <v>234162</v>
      </c>
      <c r="H70147" s="1" t="s">
        <v>234163</v>
      </c>
      <c r="I70147" s="1" t="s">
        <v>222698</v>
      </c>
      <c r="J70147" s="1" t="s">
        <v>234230</v>
      </c>
    </row>
    <row r="70148" spans="1:10" x14ac:dyDescent="0.35">
      <c r="A70148" s="1" t="s">
        <v>144047</v>
      </c>
      <c r="B70148" s="1" t="s">
        <v>222693</v>
      </c>
      <c r="C70148" s="1" t="s">
        <v>115</v>
      </c>
      <c r="D70148" s="1" t="s">
        <v>234231</v>
      </c>
      <c r="E70148" s="1" t="s">
        <v>234232</v>
      </c>
      <c r="F70148" s="1" t="s">
        <v>234233</v>
      </c>
      <c r="G70148" s="1" t="s">
        <v>234162</v>
      </c>
      <c r="H70148" s="1" t="s">
        <v>234163</v>
      </c>
      <c r="I70148" s="1" t="s">
        <v>222698</v>
      </c>
      <c r="J70148" s="1" t="s">
        <v>234234</v>
      </c>
    </row>
    <row r="70149" spans="1:10" x14ac:dyDescent="0.35">
      <c r="A70149" s="1" t="s">
        <v>144047</v>
      </c>
      <c r="B70149" s="1" t="s">
        <v>222693</v>
      </c>
      <c r="C70149" s="1" t="s">
        <v>120</v>
      </c>
      <c r="D70149" s="1" t="s">
        <v>234235</v>
      </c>
      <c r="E70149" s="1" t="s">
        <v>234236</v>
      </c>
      <c r="F70149" s="1" t="s">
        <v>234237</v>
      </c>
      <c r="G70149" s="1" t="s">
        <v>234162</v>
      </c>
      <c r="H70149" s="1" t="s">
        <v>234163</v>
      </c>
      <c r="I70149" s="1" t="s">
        <v>222698</v>
      </c>
      <c r="J70149" s="1" t="s">
        <v>234238</v>
      </c>
    </row>
    <row r="70150" spans="1:10" x14ac:dyDescent="0.35">
      <c r="A70150" s="1" t="s">
        <v>144047</v>
      </c>
      <c r="B70150" s="1" t="s">
        <v>222693</v>
      </c>
      <c r="C70150" s="1" t="s">
        <v>125</v>
      </c>
      <c r="D70150" s="1" t="s">
        <v>41388</v>
      </c>
      <c r="E70150" s="1" t="s">
        <v>234239</v>
      </c>
      <c r="F70150" s="1" t="s">
        <v>234240</v>
      </c>
      <c r="G70150" s="1" t="s">
        <v>234162</v>
      </c>
      <c r="H70150" s="1" t="s">
        <v>234163</v>
      </c>
      <c r="I70150" s="1" t="s">
        <v>222698</v>
      </c>
      <c r="J70150" s="1" t="s">
        <v>234241</v>
      </c>
    </row>
    <row r="70151" spans="1:10" x14ac:dyDescent="0.35">
      <c r="A70151" s="1" t="s">
        <v>144047</v>
      </c>
      <c r="B70151" s="1" t="s">
        <v>222693</v>
      </c>
      <c r="C70151" s="1" t="s">
        <v>130</v>
      </c>
      <c r="D70151" s="1" t="s">
        <v>222793</v>
      </c>
      <c r="E70151" s="1" t="s">
        <v>234242</v>
      </c>
      <c r="F70151" s="1" t="s">
        <v>234243</v>
      </c>
      <c r="G70151" s="1" t="s">
        <v>234162</v>
      </c>
      <c r="H70151" s="1" t="s">
        <v>234163</v>
      </c>
      <c r="I70151" s="1" t="s">
        <v>222698</v>
      </c>
      <c r="J70151" s="1" t="s">
        <v>234244</v>
      </c>
    </row>
    <row r="70152" spans="1:10" x14ac:dyDescent="0.35">
      <c r="A70152" s="1" t="s">
        <v>144047</v>
      </c>
      <c r="B70152" s="1" t="s">
        <v>222693</v>
      </c>
      <c r="C70152" s="1" t="s">
        <v>135</v>
      </c>
      <c r="D70152" s="1" t="s">
        <v>70468</v>
      </c>
      <c r="E70152" s="1" t="s">
        <v>234245</v>
      </c>
      <c r="F70152" s="1" t="s">
        <v>234246</v>
      </c>
      <c r="G70152" s="1" t="s">
        <v>234162</v>
      </c>
      <c r="H70152" s="1" t="s">
        <v>234163</v>
      </c>
      <c r="I70152" s="1" t="s">
        <v>222698</v>
      </c>
      <c r="J70152" s="1" t="s">
        <v>234247</v>
      </c>
    </row>
    <row r="70153" spans="1:10" x14ac:dyDescent="0.35">
      <c r="A70153" s="1" t="s">
        <v>144047</v>
      </c>
      <c r="B70153" s="1" t="s">
        <v>222693</v>
      </c>
      <c r="C70153" s="1" t="s">
        <v>140</v>
      </c>
      <c r="D70153" s="1" t="s">
        <v>234248</v>
      </c>
      <c r="E70153" s="1" t="s">
        <v>234249</v>
      </c>
      <c r="F70153" s="1" t="s">
        <v>234250</v>
      </c>
      <c r="G70153" s="1" t="s">
        <v>234162</v>
      </c>
      <c r="H70153" s="1" t="s">
        <v>234163</v>
      </c>
      <c r="I70153" s="1" t="s">
        <v>222698</v>
      </c>
      <c r="J70153" s="1" t="s">
        <v>234251</v>
      </c>
    </row>
    <row r="70154" spans="1:10" x14ac:dyDescent="0.35">
      <c r="A70154" s="1" t="s">
        <v>144047</v>
      </c>
      <c r="B70154" s="1" t="s">
        <v>222693</v>
      </c>
      <c r="C70154" s="1" t="s">
        <v>145</v>
      </c>
      <c r="D70154" s="1" t="s">
        <v>19955</v>
      </c>
      <c r="E70154" s="1" t="s">
        <v>234252</v>
      </c>
      <c r="F70154" s="1" t="s">
        <v>234253</v>
      </c>
      <c r="G70154" s="1" t="s">
        <v>234162</v>
      </c>
      <c r="H70154" s="1" t="s">
        <v>234163</v>
      </c>
      <c r="I70154" s="1" t="s">
        <v>222698</v>
      </c>
      <c r="J70154" s="1" t="s">
        <v>234254</v>
      </c>
    </row>
    <row r="70155" spans="1:10" x14ac:dyDescent="0.35">
      <c r="A70155" s="1" t="s">
        <v>144047</v>
      </c>
      <c r="B70155" s="1" t="s">
        <v>222693</v>
      </c>
      <c r="C70155" s="1" t="s">
        <v>150</v>
      </c>
      <c r="D70155" s="1" t="s">
        <v>234255</v>
      </c>
      <c r="E70155" s="1" t="s">
        <v>234256</v>
      </c>
      <c r="F70155" s="1" t="s">
        <v>234257</v>
      </c>
      <c r="G70155" s="1" t="s">
        <v>234162</v>
      </c>
      <c r="H70155" s="1" t="s">
        <v>234163</v>
      </c>
      <c r="I70155" s="1" t="s">
        <v>222698</v>
      </c>
      <c r="J70155" s="1" t="s">
        <v>234258</v>
      </c>
    </row>
    <row r="70156" spans="1:10" x14ac:dyDescent="0.35">
      <c r="A70156" s="1" t="s">
        <v>144047</v>
      </c>
      <c r="B70156" s="1" t="s">
        <v>222693</v>
      </c>
      <c r="C70156" s="1" t="s">
        <v>155</v>
      </c>
      <c r="D70156" s="1" t="s">
        <v>234259</v>
      </c>
      <c r="E70156" s="1" t="s">
        <v>234260</v>
      </c>
      <c r="F70156" s="1" t="s">
        <v>234261</v>
      </c>
      <c r="G70156" s="1" t="s">
        <v>234162</v>
      </c>
      <c r="H70156" s="1" t="s">
        <v>234163</v>
      </c>
      <c r="I70156" s="1" t="s">
        <v>222698</v>
      </c>
      <c r="J70156" s="1" t="s">
        <v>234262</v>
      </c>
    </row>
    <row r="70157" spans="1:10" x14ac:dyDescent="0.35">
      <c r="A70157" s="1" t="s">
        <v>144047</v>
      </c>
      <c r="B70157" s="1" t="s">
        <v>222693</v>
      </c>
      <c r="C70157" s="1" t="s">
        <v>160</v>
      </c>
      <c r="D70157" s="1" t="s">
        <v>234263</v>
      </c>
      <c r="E70157" s="1" t="s">
        <v>234264</v>
      </c>
      <c r="F70157" s="1" t="s">
        <v>234265</v>
      </c>
      <c r="G70157" s="1" t="s">
        <v>234162</v>
      </c>
      <c r="H70157" s="1" t="s">
        <v>234163</v>
      </c>
      <c r="I70157" s="1" t="s">
        <v>222698</v>
      </c>
      <c r="J70157" s="1" t="s">
        <v>234266</v>
      </c>
    </row>
    <row r="70158" spans="1:10" x14ac:dyDescent="0.35">
      <c r="A70158" s="1" t="s">
        <v>144047</v>
      </c>
      <c r="B70158" s="1" t="s">
        <v>222693</v>
      </c>
      <c r="C70158" s="1" t="s">
        <v>165</v>
      </c>
      <c r="D70158" s="1" t="s">
        <v>234267</v>
      </c>
      <c r="E70158" s="1" t="s">
        <v>234268</v>
      </c>
      <c r="F70158" s="1" t="s">
        <v>234269</v>
      </c>
      <c r="G70158" s="1" t="s">
        <v>234162</v>
      </c>
      <c r="H70158" s="1" t="s">
        <v>234163</v>
      </c>
      <c r="I70158" s="1" t="s">
        <v>222698</v>
      </c>
      <c r="J70158" s="1" t="s">
        <v>234270</v>
      </c>
    </row>
    <row r="70159" spans="1:10" x14ac:dyDescent="0.35">
      <c r="A70159" s="1" t="s">
        <v>144047</v>
      </c>
      <c r="B70159" s="1" t="s">
        <v>222693</v>
      </c>
      <c r="C70159" s="1" t="s">
        <v>170</v>
      </c>
      <c r="D70159" s="1" t="s">
        <v>234271</v>
      </c>
      <c r="E70159" s="1" t="s">
        <v>234272</v>
      </c>
      <c r="F70159" s="1" t="s">
        <v>234273</v>
      </c>
      <c r="G70159" s="1" t="s">
        <v>234162</v>
      </c>
      <c r="H70159" s="1" t="s">
        <v>234163</v>
      </c>
      <c r="I70159" s="1" t="s">
        <v>222698</v>
      </c>
      <c r="J70159" s="1" t="s">
        <v>234274</v>
      </c>
    </row>
    <row r="70160" spans="1:10" x14ac:dyDescent="0.35">
      <c r="A70160" s="1" t="s">
        <v>45736</v>
      </c>
      <c r="B70160" s="1" t="s">
        <v>222693</v>
      </c>
      <c r="C70160" s="1" t="s">
        <v>8</v>
      </c>
      <c r="D70160" s="1" t="s">
        <v>234275</v>
      </c>
      <c r="E70160" s="1" t="s">
        <v>234276</v>
      </c>
      <c r="F70160" s="1" t="s">
        <v>234277</v>
      </c>
      <c r="G70160" s="1" t="s">
        <v>234278</v>
      </c>
      <c r="H70160" s="1" t="s">
        <v>234279</v>
      </c>
      <c r="I70160" s="1" t="s">
        <v>222698</v>
      </c>
      <c r="J70160" s="1" t="s">
        <v>13</v>
      </c>
    </row>
    <row r="70161" spans="1:10" x14ac:dyDescent="0.35">
      <c r="A70161" s="1" t="s">
        <v>45736</v>
      </c>
      <c r="B70161" s="1" t="s">
        <v>222693</v>
      </c>
      <c r="C70161" s="1" t="s">
        <v>15</v>
      </c>
      <c r="D70161" s="1" t="s">
        <v>36357</v>
      </c>
      <c r="E70161" s="1" t="s">
        <v>234280</v>
      </c>
      <c r="F70161" s="1" t="s">
        <v>234281</v>
      </c>
      <c r="G70161" s="1" t="s">
        <v>234278</v>
      </c>
      <c r="H70161" s="1" t="s">
        <v>234279</v>
      </c>
      <c r="I70161" s="1" t="s">
        <v>222698</v>
      </c>
      <c r="J70161" s="1" t="s">
        <v>234282</v>
      </c>
    </row>
    <row r="70162" spans="1:10" x14ac:dyDescent="0.35">
      <c r="A70162" s="1" t="s">
        <v>45736</v>
      </c>
      <c r="B70162" s="1" t="s">
        <v>222693</v>
      </c>
      <c r="C70162" s="1" t="s">
        <v>20</v>
      </c>
      <c r="D70162" s="1" t="s">
        <v>234283</v>
      </c>
      <c r="E70162" s="1" t="s">
        <v>234284</v>
      </c>
      <c r="F70162" s="1" t="s">
        <v>234285</v>
      </c>
      <c r="G70162" s="1" t="s">
        <v>234278</v>
      </c>
      <c r="H70162" s="1" t="s">
        <v>234279</v>
      </c>
      <c r="I70162" s="1" t="s">
        <v>222698</v>
      </c>
      <c r="J70162" s="1" t="s">
        <v>234286</v>
      </c>
    </row>
    <row r="70163" spans="1:10" x14ac:dyDescent="0.35">
      <c r="A70163" s="1" t="s">
        <v>45736</v>
      </c>
      <c r="B70163" s="1" t="s">
        <v>222693</v>
      </c>
      <c r="C70163" s="1" t="s">
        <v>25</v>
      </c>
      <c r="D70163" s="1" t="s">
        <v>234287</v>
      </c>
      <c r="E70163" s="1" t="s">
        <v>234288</v>
      </c>
      <c r="F70163" s="1" t="s">
        <v>234289</v>
      </c>
      <c r="G70163" s="1" t="s">
        <v>234278</v>
      </c>
      <c r="H70163" s="1" t="s">
        <v>234279</v>
      </c>
      <c r="I70163" s="1" t="s">
        <v>222698</v>
      </c>
      <c r="J70163" s="1" t="s">
        <v>234290</v>
      </c>
    </row>
    <row r="70164" spans="1:10" x14ac:dyDescent="0.35">
      <c r="A70164" s="1" t="s">
        <v>45736</v>
      </c>
      <c r="B70164" s="1" t="s">
        <v>222693</v>
      </c>
      <c r="C70164" s="1" t="s">
        <v>30</v>
      </c>
      <c r="D70164" s="1" t="s">
        <v>230665</v>
      </c>
      <c r="E70164" s="1" t="s">
        <v>234291</v>
      </c>
      <c r="F70164" s="1" t="s">
        <v>234292</v>
      </c>
      <c r="G70164" s="1" t="s">
        <v>234278</v>
      </c>
      <c r="H70164" s="1" t="s">
        <v>234279</v>
      </c>
      <c r="I70164" s="1" t="s">
        <v>222698</v>
      </c>
      <c r="J70164" s="1" t="s">
        <v>234293</v>
      </c>
    </row>
    <row r="70165" spans="1:10" x14ac:dyDescent="0.35">
      <c r="A70165" s="1" t="s">
        <v>45736</v>
      </c>
      <c r="B70165" s="1" t="s">
        <v>222693</v>
      </c>
      <c r="C70165" s="1" t="s">
        <v>35</v>
      </c>
      <c r="D70165" s="1" t="s">
        <v>41337</v>
      </c>
      <c r="E70165" s="1" t="s">
        <v>234294</v>
      </c>
      <c r="F70165" s="1" t="s">
        <v>234295</v>
      </c>
      <c r="G70165" s="1" t="s">
        <v>234278</v>
      </c>
      <c r="H70165" s="1" t="s">
        <v>234279</v>
      </c>
      <c r="I70165" s="1" t="s">
        <v>222698</v>
      </c>
      <c r="J70165" s="1" t="s">
        <v>234296</v>
      </c>
    </row>
    <row r="70166" spans="1:10" x14ac:dyDescent="0.35">
      <c r="A70166" s="1" t="s">
        <v>45736</v>
      </c>
      <c r="B70166" s="1" t="s">
        <v>222693</v>
      </c>
      <c r="C70166" s="1" t="s">
        <v>40</v>
      </c>
      <c r="D70166" s="1" t="s">
        <v>234297</v>
      </c>
      <c r="E70166" s="1" t="s">
        <v>234298</v>
      </c>
      <c r="F70166" s="1" t="s">
        <v>234299</v>
      </c>
      <c r="G70166" s="1" t="s">
        <v>234278</v>
      </c>
      <c r="H70166" s="1" t="s">
        <v>234279</v>
      </c>
      <c r="I70166" s="1" t="s">
        <v>222698</v>
      </c>
      <c r="J70166" s="1" t="s">
        <v>234300</v>
      </c>
    </row>
    <row r="70167" spans="1:10" x14ac:dyDescent="0.35">
      <c r="A70167" s="1" t="s">
        <v>45736</v>
      </c>
      <c r="B70167" s="1" t="s">
        <v>222693</v>
      </c>
      <c r="C70167" s="1" t="s">
        <v>45</v>
      </c>
      <c r="D70167" s="1" t="s">
        <v>234301</v>
      </c>
      <c r="E70167" s="1" t="s">
        <v>234302</v>
      </c>
      <c r="F70167" s="1" t="s">
        <v>234303</v>
      </c>
      <c r="G70167" s="1" t="s">
        <v>234278</v>
      </c>
      <c r="H70167" s="1" t="s">
        <v>234279</v>
      </c>
      <c r="I70167" s="1" t="s">
        <v>222698</v>
      </c>
      <c r="J70167" s="1" t="s">
        <v>234304</v>
      </c>
    </row>
    <row r="70168" spans="1:10" x14ac:dyDescent="0.35">
      <c r="A70168" s="1" t="s">
        <v>45736</v>
      </c>
      <c r="B70168" s="1" t="s">
        <v>222693</v>
      </c>
      <c r="C70168" s="1" t="s">
        <v>50</v>
      </c>
      <c r="D70168" s="1" t="s">
        <v>234305</v>
      </c>
      <c r="E70168" s="1" t="s">
        <v>234306</v>
      </c>
      <c r="F70168" s="1" t="s">
        <v>234307</v>
      </c>
      <c r="G70168" s="1" t="s">
        <v>234278</v>
      </c>
      <c r="H70168" s="1" t="s">
        <v>234279</v>
      </c>
      <c r="I70168" s="1" t="s">
        <v>222698</v>
      </c>
      <c r="J70168" s="1" t="s">
        <v>234308</v>
      </c>
    </row>
    <row r="70169" spans="1:10" x14ac:dyDescent="0.35">
      <c r="A70169" s="1" t="s">
        <v>45736</v>
      </c>
      <c r="B70169" s="1" t="s">
        <v>222693</v>
      </c>
      <c r="C70169" s="1" t="s">
        <v>55</v>
      </c>
      <c r="D70169" s="1" t="s">
        <v>234309</v>
      </c>
      <c r="E70169" s="1" t="s">
        <v>234310</v>
      </c>
      <c r="F70169" s="1" t="s">
        <v>234311</v>
      </c>
      <c r="G70169" s="1" t="s">
        <v>234278</v>
      </c>
      <c r="H70169" s="1" t="s">
        <v>234279</v>
      </c>
      <c r="I70169" s="1" t="s">
        <v>222698</v>
      </c>
      <c r="J70169" s="1" t="s">
        <v>234312</v>
      </c>
    </row>
    <row r="70170" spans="1:10" x14ac:dyDescent="0.35">
      <c r="A70170" s="1" t="s">
        <v>45736</v>
      </c>
      <c r="B70170" s="1" t="s">
        <v>222693</v>
      </c>
      <c r="C70170" s="1" t="s">
        <v>60</v>
      </c>
      <c r="D70170" s="1" t="s">
        <v>39152</v>
      </c>
      <c r="E70170" s="1" t="s">
        <v>234313</v>
      </c>
      <c r="F70170" s="1" t="s">
        <v>234314</v>
      </c>
      <c r="G70170" s="1" t="s">
        <v>234278</v>
      </c>
      <c r="H70170" s="1" t="s">
        <v>234279</v>
      </c>
      <c r="I70170" s="1" t="s">
        <v>222698</v>
      </c>
      <c r="J70170" s="1" t="s">
        <v>234315</v>
      </c>
    </row>
    <row r="70171" spans="1:10" x14ac:dyDescent="0.35">
      <c r="A70171" s="1" t="s">
        <v>45736</v>
      </c>
      <c r="B70171" s="1" t="s">
        <v>222693</v>
      </c>
      <c r="C70171" s="1" t="s">
        <v>65</v>
      </c>
      <c r="D70171" s="1" t="s">
        <v>234316</v>
      </c>
      <c r="E70171" s="1" t="s">
        <v>234317</v>
      </c>
      <c r="F70171" s="1" t="s">
        <v>234318</v>
      </c>
      <c r="G70171" s="1" t="s">
        <v>234278</v>
      </c>
      <c r="H70171" s="1" t="s">
        <v>234279</v>
      </c>
      <c r="I70171" s="1" t="s">
        <v>222698</v>
      </c>
      <c r="J70171" s="1" t="s">
        <v>234319</v>
      </c>
    </row>
    <row r="70172" spans="1:10" x14ac:dyDescent="0.35">
      <c r="A70172" s="1" t="s">
        <v>45736</v>
      </c>
      <c r="B70172" s="1" t="s">
        <v>222693</v>
      </c>
      <c r="C70172" s="1" t="s">
        <v>70</v>
      </c>
      <c r="D70172" s="1" t="s">
        <v>79978</v>
      </c>
      <c r="E70172" s="1" t="s">
        <v>234320</v>
      </c>
      <c r="F70172" s="1" t="s">
        <v>234321</v>
      </c>
      <c r="G70172" s="1" t="s">
        <v>234278</v>
      </c>
      <c r="H70172" s="1" t="s">
        <v>234279</v>
      </c>
      <c r="I70172" s="1" t="s">
        <v>222698</v>
      </c>
      <c r="J70172" s="1" t="s">
        <v>234322</v>
      </c>
    </row>
    <row r="70173" spans="1:10" x14ac:dyDescent="0.35">
      <c r="A70173" s="1" t="s">
        <v>45736</v>
      </c>
      <c r="B70173" s="1" t="s">
        <v>222693</v>
      </c>
      <c r="C70173" s="1" t="s">
        <v>75</v>
      </c>
      <c r="D70173" s="1" t="s">
        <v>234323</v>
      </c>
      <c r="E70173" s="1" t="s">
        <v>234324</v>
      </c>
      <c r="F70173" s="1" t="s">
        <v>234325</v>
      </c>
      <c r="G70173" s="1" t="s">
        <v>234278</v>
      </c>
      <c r="H70173" s="1" t="s">
        <v>234279</v>
      </c>
      <c r="I70173" s="1" t="s">
        <v>222698</v>
      </c>
      <c r="J70173" s="1" t="s">
        <v>234326</v>
      </c>
    </row>
    <row r="70174" spans="1:10" x14ac:dyDescent="0.35">
      <c r="A70174" s="1" t="s">
        <v>45736</v>
      </c>
      <c r="B70174" s="1" t="s">
        <v>222693</v>
      </c>
      <c r="C70174" s="1" t="s">
        <v>80</v>
      </c>
      <c r="D70174" s="1" t="s">
        <v>54052</v>
      </c>
      <c r="E70174" s="1" t="s">
        <v>234327</v>
      </c>
      <c r="F70174" s="1" t="s">
        <v>234328</v>
      </c>
      <c r="G70174" s="1" t="s">
        <v>234278</v>
      </c>
      <c r="H70174" s="1" t="s">
        <v>234279</v>
      </c>
      <c r="I70174" s="1" t="s">
        <v>222698</v>
      </c>
      <c r="J70174" s="1" t="s">
        <v>234329</v>
      </c>
    </row>
    <row r="70175" spans="1:10" x14ac:dyDescent="0.35">
      <c r="A70175" s="1" t="s">
        <v>45736</v>
      </c>
      <c r="B70175" s="1" t="s">
        <v>222693</v>
      </c>
      <c r="C70175" s="1" t="s">
        <v>85</v>
      </c>
      <c r="D70175" s="1" t="s">
        <v>234330</v>
      </c>
      <c r="E70175" s="1" t="s">
        <v>234331</v>
      </c>
      <c r="F70175" s="1" t="s">
        <v>234332</v>
      </c>
      <c r="G70175" s="1" t="s">
        <v>234278</v>
      </c>
      <c r="H70175" s="1" t="s">
        <v>234279</v>
      </c>
      <c r="I70175" s="1" t="s">
        <v>222698</v>
      </c>
      <c r="J70175" s="1" t="s">
        <v>234333</v>
      </c>
    </row>
    <row r="70176" spans="1:10" x14ac:dyDescent="0.35">
      <c r="A70176" s="1" t="s">
        <v>45736</v>
      </c>
      <c r="B70176" s="1" t="s">
        <v>222693</v>
      </c>
      <c r="C70176" s="1" t="s">
        <v>90</v>
      </c>
      <c r="D70176" s="1" t="s">
        <v>234334</v>
      </c>
      <c r="E70176" s="1" t="s">
        <v>234335</v>
      </c>
      <c r="F70176" s="1" t="s">
        <v>234336</v>
      </c>
      <c r="G70176" s="1" t="s">
        <v>234278</v>
      </c>
      <c r="H70176" s="1" t="s">
        <v>234279</v>
      </c>
      <c r="I70176" s="1" t="s">
        <v>222698</v>
      </c>
      <c r="J70176" s="1" t="s">
        <v>234337</v>
      </c>
    </row>
    <row r="70177" spans="1:10" x14ac:dyDescent="0.35">
      <c r="A70177" s="1" t="s">
        <v>45736</v>
      </c>
      <c r="B70177" s="1" t="s">
        <v>222693</v>
      </c>
      <c r="C70177" s="1" t="s">
        <v>95</v>
      </c>
      <c r="D70177" s="1" t="s">
        <v>234338</v>
      </c>
      <c r="E70177" s="1" t="s">
        <v>234339</v>
      </c>
      <c r="F70177" s="1" t="s">
        <v>234340</v>
      </c>
      <c r="G70177" s="1" t="s">
        <v>234278</v>
      </c>
      <c r="H70177" s="1" t="s">
        <v>234279</v>
      </c>
      <c r="I70177" s="1" t="s">
        <v>222698</v>
      </c>
      <c r="J70177" s="1" t="s">
        <v>234341</v>
      </c>
    </row>
    <row r="70178" spans="1:10" x14ac:dyDescent="0.35">
      <c r="A70178" s="1" t="s">
        <v>45736</v>
      </c>
      <c r="B70178" s="1" t="s">
        <v>222693</v>
      </c>
      <c r="C70178" s="1" t="s">
        <v>100</v>
      </c>
      <c r="D70178" s="1" t="s">
        <v>234342</v>
      </c>
      <c r="E70178" s="1" t="s">
        <v>234343</v>
      </c>
      <c r="F70178" s="1" t="s">
        <v>234344</v>
      </c>
      <c r="G70178" s="1" t="s">
        <v>234278</v>
      </c>
      <c r="H70178" s="1" t="s">
        <v>234279</v>
      </c>
      <c r="I70178" s="1" t="s">
        <v>222698</v>
      </c>
      <c r="J70178" s="1" t="s">
        <v>234345</v>
      </c>
    </row>
    <row r="70179" spans="1:10" x14ac:dyDescent="0.35">
      <c r="A70179" s="1" t="s">
        <v>45736</v>
      </c>
      <c r="B70179" s="1" t="s">
        <v>222693</v>
      </c>
      <c r="C70179" s="1" t="s">
        <v>105</v>
      </c>
      <c r="D70179" s="1" t="s">
        <v>234346</v>
      </c>
      <c r="E70179" s="1" t="s">
        <v>234347</v>
      </c>
      <c r="F70179" s="1" t="s">
        <v>234348</v>
      </c>
      <c r="G70179" s="1" t="s">
        <v>234278</v>
      </c>
      <c r="H70179" s="1" t="s">
        <v>234279</v>
      </c>
      <c r="I70179" s="1" t="s">
        <v>222698</v>
      </c>
      <c r="J70179" s="1" t="s">
        <v>234349</v>
      </c>
    </row>
    <row r="70180" spans="1:10" x14ac:dyDescent="0.35">
      <c r="A70180" s="1" t="s">
        <v>45736</v>
      </c>
      <c r="B70180" s="1" t="s">
        <v>222693</v>
      </c>
      <c r="C70180" s="1" t="s">
        <v>110</v>
      </c>
      <c r="D70180" s="1" t="s">
        <v>234350</v>
      </c>
      <c r="E70180" s="1" t="s">
        <v>234351</v>
      </c>
      <c r="F70180" s="1" t="s">
        <v>234352</v>
      </c>
      <c r="G70180" s="1" t="s">
        <v>234278</v>
      </c>
      <c r="H70180" s="1" t="s">
        <v>234279</v>
      </c>
      <c r="I70180" s="1" t="s">
        <v>222698</v>
      </c>
      <c r="J70180" s="1" t="s">
        <v>234353</v>
      </c>
    </row>
    <row r="70181" spans="1:10" x14ac:dyDescent="0.35">
      <c r="A70181" s="1" t="s">
        <v>45736</v>
      </c>
      <c r="B70181" s="1" t="s">
        <v>222693</v>
      </c>
      <c r="C70181" s="1" t="s">
        <v>115</v>
      </c>
      <c r="D70181" s="1" t="s">
        <v>234354</v>
      </c>
      <c r="E70181" s="1" t="s">
        <v>234355</v>
      </c>
      <c r="F70181" s="1" t="s">
        <v>234356</v>
      </c>
      <c r="G70181" s="1" t="s">
        <v>234278</v>
      </c>
      <c r="H70181" s="1" t="s">
        <v>234279</v>
      </c>
      <c r="I70181" s="1" t="s">
        <v>222698</v>
      </c>
      <c r="J70181" s="1" t="s">
        <v>234357</v>
      </c>
    </row>
    <row r="70182" spans="1:10" x14ac:dyDescent="0.35">
      <c r="A70182" s="1" t="s">
        <v>45736</v>
      </c>
      <c r="B70182" s="1" t="s">
        <v>222693</v>
      </c>
      <c r="C70182" s="1" t="s">
        <v>120</v>
      </c>
      <c r="D70182" s="1" t="s">
        <v>234358</v>
      </c>
      <c r="E70182" s="1" t="s">
        <v>234359</v>
      </c>
      <c r="F70182" s="1" t="s">
        <v>234360</v>
      </c>
      <c r="G70182" s="1" t="s">
        <v>234278</v>
      </c>
      <c r="H70182" s="1" t="s">
        <v>234279</v>
      </c>
      <c r="I70182" s="1" t="s">
        <v>222698</v>
      </c>
      <c r="J70182" s="1" t="s">
        <v>234361</v>
      </c>
    </row>
    <row r="70183" spans="1:10" x14ac:dyDescent="0.35">
      <c r="A70183" s="1" t="s">
        <v>45736</v>
      </c>
      <c r="B70183" s="1" t="s">
        <v>222693</v>
      </c>
      <c r="C70183" s="1" t="s">
        <v>125</v>
      </c>
      <c r="D70183" s="1" t="s">
        <v>234362</v>
      </c>
      <c r="E70183" s="1" t="s">
        <v>234363</v>
      </c>
      <c r="F70183" s="1" t="s">
        <v>234364</v>
      </c>
      <c r="G70183" s="1" t="s">
        <v>234278</v>
      </c>
      <c r="H70183" s="1" t="s">
        <v>234279</v>
      </c>
      <c r="I70183" s="1" t="s">
        <v>222698</v>
      </c>
      <c r="J70183" s="1" t="s">
        <v>234365</v>
      </c>
    </row>
    <row r="70184" spans="1:10" x14ac:dyDescent="0.35">
      <c r="A70184" s="1" t="s">
        <v>45736</v>
      </c>
      <c r="B70184" s="1" t="s">
        <v>222693</v>
      </c>
      <c r="C70184" s="1" t="s">
        <v>130</v>
      </c>
      <c r="D70184" s="1" t="s">
        <v>234366</v>
      </c>
      <c r="E70184" s="1" t="s">
        <v>234367</v>
      </c>
      <c r="F70184" s="1" t="s">
        <v>234368</v>
      </c>
      <c r="G70184" s="1" t="s">
        <v>234278</v>
      </c>
      <c r="H70184" s="1" t="s">
        <v>234279</v>
      </c>
      <c r="I70184" s="1" t="s">
        <v>222698</v>
      </c>
      <c r="J70184" s="1" t="s">
        <v>234369</v>
      </c>
    </row>
    <row r="70185" spans="1:10" x14ac:dyDescent="0.35">
      <c r="A70185" s="1" t="s">
        <v>45736</v>
      </c>
      <c r="B70185" s="1" t="s">
        <v>222693</v>
      </c>
      <c r="C70185" s="1" t="s">
        <v>135</v>
      </c>
      <c r="D70185" s="1" t="s">
        <v>228613</v>
      </c>
      <c r="E70185" s="1" t="s">
        <v>234370</v>
      </c>
      <c r="F70185" s="1" t="s">
        <v>234371</v>
      </c>
      <c r="G70185" s="1" t="s">
        <v>234278</v>
      </c>
      <c r="H70185" s="1" t="s">
        <v>234279</v>
      </c>
      <c r="I70185" s="1" t="s">
        <v>222698</v>
      </c>
      <c r="J70185" s="1" t="s">
        <v>234372</v>
      </c>
    </row>
    <row r="70186" spans="1:10" x14ac:dyDescent="0.35">
      <c r="A70186" s="1" t="s">
        <v>45736</v>
      </c>
      <c r="B70186" s="1" t="s">
        <v>222693</v>
      </c>
      <c r="C70186" s="1" t="s">
        <v>140</v>
      </c>
      <c r="D70186" s="1" t="s">
        <v>234373</v>
      </c>
      <c r="E70186" s="1" t="s">
        <v>234374</v>
      </c>
      <c r="F70186" s="1" t="s">
        <v>234375</v>
      </c>
      <c r="G70186" s="1" t="s">
        <v>234278</v>
      </c>
      <c r="H70186" s="1" t="s">
        <v>234279</v>
      </c>
      <c r="I70186" s="1" t="s">
        <v>222698</v>
      </c>
      <c r="J70186" s="1" t="s">
        <v>234376</v>
      </c>
    </row>
    <row r="70187" spans="1:10" x14ac:dyDescent="0.35">
      <c r="A70187" s="1" t="s">
        <v>45736</v>
      </c>
      <c r="B70187" s="1" t="s">
        <v>222693</v>
      </c>
      <c r="C70187" s="1" t="s">
        <v>145</v>
      </c>
      <c r="D70187" s="1" t="s">
        <v>234377</v>
      </c>
      <c r="E70187" s="1" t="s">
        <v>234378</v>
      </c>
      <c r="F70187" s="1" t="s">
        <v>234379</v>
      </c>
      <c r="G70187" s="1" t="s">
        <v>234278</v>
      </c>
      <c r="H70187" s="1" t="s">
        <v>234279</v>
      </c>
      <c r="I70187" s="1" t="s">
        <v>222698</v>
      </c>
      <c r="J70187" s="1" t="s">
        <v>234380</v>
      </c>
    </row>
    <row r="70188" spans="1:10" x14ac:dyDescent="0.35">
      <c r="A70188" s="1" t="s">
        <v>45736</v>
      </c>
      <c r="B70188" s="1" t="s">
        <v>222693</v>
      </c>
      <c r="C70188" s="1" t="s">
        <v>150</v>
      </c>
      <c r="D70188" s="1" t="s">
        <v>39924</v>
      </c>
      <c r="E70188" s="1" t="s">
        <v>234381</v>
      </c>
      <c r="F70188" s="1" t="s">
        <v>234382</v>
      </c>
      <c r="G70188" s="1" t="s">
        <v>234278</v>
      </c>
      <c r="H70188" s="1" t="s">
        <v>234279</v>
      </c>
      <c r="I70188" s="1" t="s">
        <v>222698</v>
      </c>
      <c r="J70188" s="1" t="s">
        <v>234383</v>
      </c>
    </row>
    <row r="70189" spans="1:10" x14ac:dyDescent="0.35">
      <c r="A70189" s="1" t="s">
        <v>45736</v>
      </c>
      <c r="B70189" s="1" t="s">
        <v>222693</v>
      </c>
      <c r="C70189" s="1" t="s">
        <v>155</v>
      </c>
      <c r="D70189" s="1" t="s">
        <v>234384</v>
      </c>
      <c r="E70189" s="1" t="s">
        <v>234385</v>
      </c>
      <c r="F70189" s="1" t="s">
        <v>234386</v>
      </c>
      <c r="G70189" s="1" t="s">
        <v>234278</v>
      </c>
      <c r="H70189" s="1" t="s">
        <v>234279</v>
      </c>
      <c r="I70189" s="1" t="s">
        <v>222698</v>
      </c>
      <c r="J70189" s="1" t="s">
        <v>234387</v>
      </c>
    </row>
    <row r="70190" spans="1:10" x14ac:dyDescent="0.35">
      <c r="A70190" s="1" t="s">
        <v>45736</v>
      </c>
      <c r="B70190" s="1" t="s">
        <v>222693</v>
      </c>
      <c r="C70190" s="1" t="s">
        <v>160</v>
      </c>
      <c r="D70190" s="1" t="s">
        <v>16718</v>
      </c>
      <c r="E70190" s="1" t="s">
        <v>234388</v>
      </c>
      <c r="F70190" s="1" t="s">
        <v>234389</v>
      </c>
      <c r="G70190" s="1" t="s">
        <v>234278</v>
      </c>
      <c r="H70190" s="1" t="s">
        <v>234279</v>
      </c>
      <c r="I70190" s="1" t="s">
        <v>222698</v>
      </c>
      <c r="J70190" s="1" t="s">
        <v>234390</v>
      </c>
    </row>
    <row r="70191" spans="1:10" x14ac:dyDescent="0.35">
      <c r="A70191" s="1" t="s">
        <v>45736</v>
      </c>
      <c r="B70191" s="1" t="s">
        <v>222693</v>
      </c>
      <c r="C70191" s="1" t="s">
        <v>165</v>
      </c>
      <c r="D70191" s="1" t="s">
        <v>234391</v>
      </c>
      <c r="E70191" s="1" t="s">
        <v>234392</v>
      </c>
      <c r="F70191" s="1" t="s">
        <v>234393</v>
      </c>
      <c r="G70191" s="1" t="s">
        <v>234278</v>
      </c>
      <c r="H70191" s="1" t="s">
        <v>234279</v>
      </c>
      <c r="I70191" s="1" t="s">
        <v>222698</v>
      </c>
      <c r="J70191" s="1" t="s">
        <v>234394</v>
      </c>
    </row>
    <row r="70192" spans="1:10" x14ac:dyDescent="0.35">
      <c r="A70192" s="1" t="s">
        <v>45736</v>
      </c>
      <c r="B70192" s="1" t="s">
        <v>222693</v>
      </c>
      <c r="C70192" s="1" t="s">
        <v>170</v>
      </c>
      <c r="D70192" s="1" t="s">
        <v>234395</v>
      </c>
      <c r="E70192" s="1" t="s">
        <v>234396</v>
      </c>
      <c r="F70192" s="1" t="s">
        <v>234397</v>
      </c>
      <c r="G70192" s="1" t="s">
        <v>234278</v>
      </c>
      <c r="H70192" s="1" t="s">
        <v>234279</v>
      </c>
      <c r="I70192" s="1" t="s">
        <v>222698</v>
      </c>
      <c r="J70192" s="1" t="s">
        <v>234398</v>
      </c>
    </row>
    <row r="70193" spans="1:10" x14ac:dyDescent="0.35">
      <c r="A70193" s="1" t="s">
        <v>144044</v>
      </c>
      <c r="B70193" s="1" t="s">
        <v>222693</v>
      </c>
      <c r="C70193" s="1" t="s">
        <v>8</v>
      </c>
      <c r="D70193" s="1" t="s">
        <v>60677</v>
      </c>
      <c r="E70193" s="1" t="s">
        <v>234399</v>
      </c>
      <c r="F70193" s="1" t="s">
        <v>234400</v>
      </c>
      <c r="G70193" s="1" t="s">
        <v>234401</v>
      </c>
      <c r="H70193" s="1" t="s">
        <v>234402</v>
      </c>
      <c r="I70193" s="1" t="s">
        <v>222698</v>
      </c>
      <c r="J70193" s="1" t="s">
        <v>13</v>
      </c>
    </row>
    <row r="70194" spans="1:10" x14ac:dyDescent="0.35">
      <c r="A70194" s="1" t="s">
        <v>144044</v>
      </c>
      <c r="B70194" s="1" t="s">
        <v>222693</v>
      </c>
      <c r="C70194" s="1" t="s">
        <v>15</v>
      </c>
      <c r="D70194" s="1" t="s">
        <v>39201</v>
      </c>
      <c r="E70194" s="1" t="s">
        <v>234403</v>
      </c>
      <c r="F70194" s="1" t="s">
        <v>234404</v>
      </c>
      <c r="G70194" s="1" t="s">
        <v>234401</v>
      </c>
      <c r="H70194" s="1" t="s">
        <v>234402</v>
      </c>
      <c r="I70194" s="1" t="s">
        <v>222698</v>
      </c>
      <c r="J70194" s="1" t="s">
        <v>234405</v>
      </c>
    </row>
    <row r="70195" spans="1:10" x14ac:dyDescent="0.35">
      <c r="A70195" s="1" t="s">
        <v>144044</v>
      </c>
      <c r="B70195" s="1" t="s">
        <v>222693</v>
      </c>
      <c r="C70195" s="1" t="s">
        <v>20</v>
      </c>
      <c r="D70195" s="1" t="s">
        <v>26392</v>
      </c>
      <c r="E70195" s="1" t="s">
        <v>234406</v>
      </c>
      <c r="F70195" s="1" t="s">
        <v>234407</v>
      </c>
      <c r="G70195" s="1" t="s">
        <v>234401</v>
      </c>
      <c r="H70195" s="1" t="s">
        <v>234402</v>
      </c>
      <c r="I70195" s="1" t="s">
        <v>222698</v>
      </c>
      <c r="J70195" s="1" t="s">
        <v>234408</v>
      </c>
    </row>
    <row r="70196" spans="1:10" x14ac:dyDescent="0.35">
      <c r="A70196" s="1" t="s">
        <v>144044</v>
      </c>
      <c r="B70196" s="1" t="s">
        <v>222693</v>
      </c>
      <c r="C70196" s="1" t="s">
        <v>25</v>
      </c>
      <c r="D70196" s="1" t="s">
        <v>234409</v>
      </c>
      <c r="E70196" s="1" t="s">
        <v>234410</v>
      </c>
      <c r="F70196" s="1" t="s">
        <v>234411</v>
      </c>
      <c r="G70196" s="1" t="s">
        <v>234401</v>
      </c>
      <c r="H70196" s="1" t="s">
        <v>234402</v>
      </c>
      <c r="I70196" s="1" t="s">
        <v>222698</v>
      </c>
      <c r="J70196" s="1" t="s">
        <v>234412</v>
      </c>
    </row>
    <row r="70197" spans="1:10" x14ac:dyDescent="0.35">
      <c r="A70197" s="1" t="s">
        <v>144044</v>
      </c>
      <c r="B70197" s="1" t="s">
        <v>222693</v>
      </c>
      <c r="C70197" s="1" t="s">
        <v>30</v>
      </c>
      <c r="D70197" s="1" t="s">
        <v>88270</v>
      </c>
      <c r="E70197" s="1" t="s">
        <v>234413</v>
      </c>
      <c r="F70197" s="1" t="s">
        <v>234414</v>
      </c>
      <c r="G70197" s="1" t="s">
        <v>234401</v>
      </c>
      <c r="H70197" s="1" t="s">
        <v>234402</v>
      </c>
      <c r="I70197" s="1" t="s">
        <v>222698</v>
      </c>
      <c r="J70197" s="1" t="s">
        <v>234415</v>
      </c>
    </row>
    <row r="70198" spans="1:10" x14ac:dyDescent="0.35">
      <c r="A70198" s="1" t="s">
        <v>144044</v>
      </c>
      <c r="B70198" s="1" t="s">
        <v>222693</v>
      </c>
      <c r="C70198" s="1" t="s">
        <v>35</v>
      </c>
      <c r="D70198" s="1" t="s">
        <v>39050</v>
      </c>
      <c r="E70198" s="1" t="s">
        <v>234416</v>
      </c>
      <c r="F70198" s="1" t="s">
        <v>234417</v>
      </c>
      <c r="G70198" s="1" t="s">
        <v>234401</v>
      </c>
      <c r="H70198" s="1" t="s">
        <v>234402</v>
      </c>
      <c r="I70198" s="1" t="s">
        <v>222698</v>
      </c>
      <c r="J70198" s="1" t="s">
        <v>234418</v>
      </c>
    </row>
    <row r="70199" spans="1:10" x14ac:dyDescent="0.35">
      <c r="A70199" s="1" t="s">
        <v>144044</v>
      </c>
      <c r="B70199" s="1" t="s">
        <v>222693</v>
      </c>
      <c r="C70199" s="1" t="s">
        <v>40</v>
      </c>
      <c r="D70199" s="1" t="s">
        <v>96132</v>
      </c>
      <c r="E70199" s="1" t="s">
        <v>234419</v>
      </c>
      <c r="F70199" s="1" t="s">
        <v>234420</v>
      </c>
      <c r="G70199" s="1" t="s">
        <v>234401</v>
      </c>
      <c r="H70199" s="1" t="s">
        <v>234402</v>
      </c>
      <c r="I70199" s="1" t="s">
        <v>222698</v>
      </c>
      <c r="J70199" s="1" t="s">
        <v>234421</v>
      </c>
    </row>
    <row r="70200" spans="1:10" x14ac:dyDescent="0.35">
      <c r="A70200" s="1" t="s">
        <v>144044</v>
      </c>
      <c r="B70200" s="1" t="s">
        <v>222693</v>
      </c>
      <c r="C70200" s="1" t="s">
        <v>45</v>
      </c>
      <c r="D70200" s="1" t="s">
        <v>66590</v>
      </c>
      <c r="E70200" s="1" t="s">
        <v>234422</v>
      </c>
      <c r="F70200" s="1" t="s">
        <v>234423</v>
      </c>
      <c r="G70200" s="1" t="s">
        <v>234401</v>
      </c>
      <c r="H70200" s="1" t="s">
        <v>234402</v>
      </c>
      <c r="I70200" s="1" t="s">
        <v>222698</v>
      </c>
      <c r="J70200" s="1" t="s">
        <v>234424</v>
      </c>
    </row>
    <row r="70201" spans="1:10" x14ac:dyDescent="0.35">
      <c r="A70201" s="1" t="s">
        <v>144044</v>
      </c>
      <c r="B70201" s="1" t="s">
        <v>222693</v>
      </c>
      <c r="C70201" s="1" t="s">
        <v>50</v>
      </c>
      <c r="D70201" s="1" t="s">
        <v>234425</v>
      </c>
      <c r="E70201" s="1" t="s">
        <v>234426</v>
      </c>
      <c r="F70201" s="1" t="s">
        <v>234427</v>
      </c>
      <c r="G70201" s="1" t="s">
        <v>234401</v>
      </c>
      <c r="H70201" s="1" t="s">
        <v>234402</v>
      </c>
      <c r="I70201" s="1" t="s">
        <v>222698</v>
      </c>
      <c r="J70201" s="1" t="s">
        <v>234428</v>
      </c>
    </row>
    <row r="70202" spans="1:10" x14ac:dyDescent="0.35">
      <c r="A70202" s="1" t="s">
        <v>144044</v>
      </c>
      <c r="B70202" s="1" t="s">
        <v>222693</v>
      </c>
      <c r="C70202" s="1" t="s">
        <v>55</v>
      </c>
      <c r="D70202" s="1" t="s">
        <v>131823</v>
      </c>
      <c r="E70202" s="1" t="s">
        <v>234429</v>
      </c>
      <c r="F70202" s="1" t="s">
        <v>234430</v>
      </c>
      <c r="G70202" s="1" t="s">
        <v>234401</v>
      </c>
      <c r="H70202" s="1" t="s">
        <v>234402</v>
      </c>
      <c r="I70202" s="1" t="s">
        <v>222698</v>
      </c>
      <c r="J70202" s="1" t="s">
        <v>234431</v>
      </c>
    </row>
    <row r="70203" spans="1:10" x14ac:dyDescent="0.35">
      <c r="A70203" s="1" t="s">
        <v>144044</v>
      </c>
      <c r="B70203" s="1" t="s">
        <v>222693</v>
      </c>
      <c r="C70203" s="1" t="s">
        <v>60</v>
      </c>
      <c r="D70203" s="1" t="s">
        <v>234432</v>
      </c>
      <c r="E70203" s="1" t="s">
        <v>234433</v>
      </c>
      <c r="F70203" s="1" t="s">
        <v>234434</v>
      </c>
      <c r="G70203" s="1" t="s">
        <v>234401</v>
      </c>
      <c r="H70203" s="1" t="s">
        <v>234402</v>
      </c>
      <c r="I70203" s="1" t="s">
        <v>222698</v>
      </c>
      <c r="J70203" s="1" t="s">
        <v>234435</v>
      </c>
    </row>
    <row r="70204" spans="1:10" x14ac:dyDescent="0.35">
      <c r="A70204" s="1" t="s">
        <v>144044</v>
      </c>
      <c r="B70204" s="1" t="s">
        <v>222693</v>
      </c>
      <c r="C70204" s="1" t="s">
        <v>65</v>
      </c>
      <c r="D70204" s="1" t="s">
        <v>20826</v>
      </c>
      <c r="E70204" s="1" t="s">
        <v>234436</v>
      </c>
      <c r="F70204" s="1" t="s">
        <v>234437</v>
      </c>
      <c r="G70204" s="1" t="s">
        <v>234401</v>
      </c>
      <c r="H70204" s="1" t="s">
        <v>234402</v>
      </c>
      <c r="I70204" s="1" t="s">
        <v>222698</v>
      </c>
      <c r="J70204" s="1" t="s">
        <v>234438</v>
      </c>
    </row>
    <row r="70205" spans="1:10" x14ac:dyDescent="0.35">
      <c r="A70205" s="1" t="s">
        <v>144044</v>
      </c>
      <c r="B70205" s="1" t="s">
        <v>222693</v>
      </c>
      <c r="C70205" s="1" t="s">
        <v>70</v>
      </c>
      <c r="D70205" s="1" t="s">
        <v>234439</v>
      </c>
      <c r="E70205" s="1" t="s">
        <v>234440</v>
      </c>
      <c r="F70205" s="1" t="s">
        <v>234441</v>
      </c>
      <c r="G70205" s="1" t="s">
        <v>234401</v>
      </c>
      <c r="H70205" s="1" t="s">
        <v>234402</v>
      </c>
      <c r="I70205" s="1" t="s">
        <v>222698</v>
      </c>
      <c r="J70205" s="1" t="s">
        <v>234442</v>
      </c>
    </row>
    <row r="70206" spans="1:10" x14ac:dyDescent="0.35">
      <c r="A70206" s="1" t="s">
        <v>144044</v>
      </c>
      <c r="B70206" s="1" t="s">
        <v>222693</v>
      </c>
      <c r="C70206" s="1" t="s">
        <v>75</v>
      </c>
      <c r="D70206" s="1" t="s">
        <v>20826</v>
      </c>
      <c r="E70206" s="1" t="s">
        <v>234443</v>
      </c>
      <c r="F70206" s="1" t="s">
        <v>234444</v>
      </c>
      <c r="G70206" s="1" t="s">
        <v>234401</v>
      </c>
      <c r="H70206" s="1" t="s">
        <v>234402</v>
      </c>
      <c r="I70206" s="1" t="s">
        <v>222698</v>
      </c>
      <c r="J70206" s="1" t="s">
        <v>234445</v>
      </c>
    </row>
    <row r="70207" spans="1:10" x14ac:dyDescent="0.35">
      <c r="A70207" s="1" t="s">
        <v>144044</v>
      </c>
      <c r="B70207" s="1" t="s">
        <v>222693</v>
      </c>
      <c r="C70207" s="1" t="s">
        <v>80</v>
      </c>
      <c r="D70207" s="1" t="s">
        <v>234446</v>
      </c>
      <c r="E70207" s="1" t="s">
        <v>234447</v>
      </c>
      <c r="F70207" s="1" t="s">
        <v>234448</v>
      </c>
      <c r="G70207" s="1" t="s">
        <v>234401</v>
      </c>
      <c r="H70207" s="1" t="s">
        <v>234402</v>
      </c>
      <c r="I70207" s="1" t="s">
        <v>222698</v>
      </c>
      <c r="J70207" s="1" t="s">
        <v>234449</v>
      </c>
    </row>
    <row r="70208" spans="1:10" x14ac:dyDescent="0.35">
      <c r="A70208" s="1" t="s">
        <v>144044</v>
      </c>
      <c r="B70208" s="1" t="s">
        <v>222693</v>
      </c>
      <c r="C70208" s="1" t="s">
        <v>85</v>
      </c>
      <c r="D70208" s="1" t="s">
        <v>78918</v>
      </c>
      <c r="E70208" s="1" t="s">
        <v>234450</v>
      </c>
      <c r="F70208" s="1" t="s">
        <v>234451</v>
      </c>
      <c r="G70208" s="1" t="s">
        <v>234401</v>
      </c>
      <c r="H70208" s="1" t="s">
        <v>234402</v>
      </c>
      <c r="I70208" s="1" t="s">
        <v>222698</v>
      </c>
      <c r="J70208" s="1" t="s">
        <v>234452</v>
      </c>
    </row>
    <row r="70209" spans="1:10" x14ac:dyDescent="0.35">
      <c r="A70209" s="1" t="s">
        <v>144044</v>
      </c>
      <c r="B70209" s="1" t="s">
        <v>222693</v>
      </c>
      <c r="C70209" s="1" t="s">
        <v>90</v>
      </c>
      <c r="D70209" s="1" t="s">
        <v>229883</v>
      </c>
      <c r="E70209" s="1" t="s">
        <v>234453</v>
      </c>
      <c r="F70209" s="1" t="s">
        <v>234454</v>
      </c>
      <c r="G70209" s="1" t="s">
        <v>234401</v>
      </c>
      <c r="H70209" s="1" t="s">
        <v>234402</v>
      </c>
      <c r="I70209" s="1" t="s">
        <v>222698</v>
      </c>
      <c r="J70209" s="1" t="s">
        <v>234455</v>
      </c>
    </row>
    <row r="70210" spans="1:10" x14ac:dyDescent="0.35">
      <c r="A70210" s="1" t="s">
        <v>144044</v>
      </c>
      <c r="B70210" s="1" t="s">
        <v>222693</v>
      </c>
      <c r="C70210" s="1" t="s">
        <v>95</v>
      </c>
      <c r="D70210" s="1" t="s">
        <v>137103</v>
      </c>
      <c r="E70210" s="1" t="s">
        <v>234456</v>
      </c>
      <c r="F70210" s="1" t="s">
        <v>234457</v>
      </c>
      <c r="G70210" s="1" t="s">
        <v>234401</v>
      </c>
      <c r="H70210" s="1" t="s">
        <v>234402</v>
      </c>
      <c r="I70210" s="1" t="s">
        <v>222698</v>
      </c>
      <c r="J70210" s="1" t="s">
        <v>234458</v>
      </c>
    </row>
    <row r="70211" spans="1:10" x14ac:dyDescent="0.35">
      <c r="A70211" s="1" t="s">
        <v>144044</v>
      </c>
      <c r="B70211" s="1" t="s">
        <v>222693</v>
      </c>
      <c r="C70211" s="1" t="s">
        <v>100</v>
      </c>
      <c r="D70211" s="1" t="s">
        <v>67635</v>
      </c>
      <c r="E70211" s="1" t="s">
        <v>234459</v>
      </c>
      <c r="F70211" s="1" t="s">
        <v>234460</v>
      </c>
      <c r="G70211" s="1" t="s">
        <v>234401</v>
      </c>
      <c r="H70211" s="1" t="s">
        <v>234402</v>
      </c>
      <c r="I70211" s="1" t="s">
        <v>222698</v>
      </c>
      <c r="J70211" s="1" t="s">
        <v>234461</v>
      </c>
    </row>
    <row r="70212" spans="1:10" x14ac:dyDescent="0.35">
      <c r="A70212" s="1" t="s">
        <v>144044</v>
      </c>
      <c r="B70212" s="1" t="s">
        <v>222693</v>
      </c>
      <c r="C70212" s="1" t="s">
        <v>105</v>
      </c>
      <c r="D70212" s="1" t="s">
        <v>234462</v>
      </c>
      <c r="E70212" s="1" t="s">
        <v>234463</v>
      </c>
      <c r="F70212" s="1" t="s">
        <v>234464</v>
      </c>
      <c r="G70212" s="1" t="s">
        <v>234401</v>
      </c>
      <c r="H70212" s="1" t="s">
        <v>234402</v>
      </c>
      <c r="I70212" s="1" t="s">
        <v>222698</v>
      </c>
      <c r="J70212" s="1" t="s">
        <v>234465</v>
      </c>
    </row>
    <row r="70213" spans="1:10" x14ac:dyDescent="0.35">
      <c r="A70213" s="1" t="s">
        <v>144044</v>
      </c>
      <c r="B70213" s="1" t="s">
        <v>222693</v>
      </c>
      <c r="C70213" s="1" t="s">
        <v>110</v>
      </c>
      <c r="D70213" s="1" t="s">
        <v>234466</v>
      </c>
      <c r="E70213" s="1" t="s">
        <v>234467</v>
      </c>
      <c r="F70213" s="1" t="s">
        <v>234468</v>
      </c>
      <c r="G70213" s="1" t="s">
        <v>234401</v>
      </c>
      <c r="H70213" s="1" t="s">
        <v>234402</v>
      </c>
      <c r="I70213" s="1" t="s">
        <v>222698</v>
      </c>
      <c r="J70213" s="1" t="s">
        <v>234469</v>
      </c>
    </row>
    <row r="70214" spans="1:10" x14ac:dyDescent="0.35">
      <c r="A70214" s="1" t="s">
        <v>144044</v>
      </c>
      <c r="B70214" s="1" t="s">
        <v>222693</v>
      </c>
      <c r="C70214" s="1" t="s">
        <v>115</v>
      </c>
      <c r="D70214" s="1" t="s">
        <v>64813</v>
      </c>
      <c r="E70214" s="1" t="s">
        <v>234470</v>
      </c>
      <c r="F70214" s="1" t="s">
        <v>234471</v>
      </c>
      <c r="G70214" s="1" t="s">
        <v>234401</v>
      </c>
      <c r="H70214" s="1" t="s">
        <v>234402</v>
      </c>
      <c r="I70214" s="1" t="s">
        <v>222698</v>
      </c>
      <c r="J70214" s="1" t="s">
        <v>234472</v>
      </c>
    </row>
    <row r="70215" spans="1:10" x14ac:dyDescent="0.35">
      <c r="A70215" s="1" t="s">
        <v>144044</v>
      </c>
      <c r="B70215" s="1" t="s">
        <v>222693</v>
      </c>
      <c r="C70215" s="1" t="s">
        <v>120</v>
      </c>
      <c r="D70215" s="1" t="s">
        <v>234473</v>
      </c>
      <c r="E70215" s="1" t="s">
        <v>234474</v>
      </c>
      <c r="F70215" s="1" t="s">
        <v>234475</v>
      </c>
      <c r="G70215" s="1" t="s">
        <v>234401</v>
      </c>
      <c r="H70215" s="1" t="s">
        <v>234402</v>
      </c>
      <c r="I70215" s="1" t="s">
        <v>222698</v>
      </c>
      <c r="J70215" s="1" t="s">
        <v>234476</v>
      </c>
    </row>
    <row r="70216" spans="1:10" x14ac:dyDescent="0.35">
      <c r="A70216" s="1" t="s">
        <v>144044</v>
      </c>
      <c r="B70216" s="1" t="s">
        <v>222693</v>
      </c>
      <c r="C70216" s="1" t="s">
        <v>125</v>
      </c>
      <c r="D70216" s="1" t="s">
        <v>84344</v>
      </c>
      <c r="E70216" s="1" t="s">
        <v>234477</v>
      </c>
      <c r="F70216" s="1" t="s">
        <v>234478</v>
      </c>
      <c r="G70216" s="1" t="s">
        <v>234401</v>
      </c>
      <c r="H70216" s="1" t="s">
        <v>234402</v>
      </c>
      <c r="I70216" s="1" t="s">
        <v>222698</v>
      </c>
      <c r="J70216" s="1" t="s">
        <v>234479</v>
      </c>
    </row>
    <row r="70217" spans="1:10" x14ac:dyDescent="0.35">
      <c r="A70217" s="1" t="s">
        <v>144044</v>
      </c>
      <c r="B70217" s="1" t="s">
        <v>222693</v>
      </c>
      <c r="C70217" s="1" t="s">
        <v>130</v>
      </c>
      <c r="D70217" s="1" t="s">
        <v>234480</v>
      </c>
      <c r="E70217" s="1" t="s">
        <v>234481</v>
      </c>
      <c r="F70217" s="1" t="s">
        <v>234482</v>
      </c>
      <c r="G70217" s="1" t="s">
        <v>234401</v>
      </c>
      <c r="H70217" s="1" t="s">
        <v>234402</v>
      </c>
      <c r="I70217" s="1" t="s">
        <v>222698</v>
      </c>
      <c r="J70217" s="1" t="s">
        <v>234483</v>
      </c>
    </row>
    <row r="70218" spans="1:10" x14ac:dyDescent="0.35">
      <c r="A70218" s="1" t="s">
        <v>144044</v>
      </c>
      <c r="B70218" s="1" t="s">
        <v>222693</v>
      </c>
      <c r="C70218" s="1" t="s">
        <v>135</v>
      </c>
      <c r="D70218" s="1" t="s">
        <v>101957</v>
      </c>
      <c r="E70218" s="1" t="s">
        <v>234484</v>
      </c>
      <c r="F70218" s="1" t="s">
        <v>234485</v>
      </c>
      <c r="G70218" s="1" t="s">
        <v>234401</v>
      </c>
      <c r="H70218" s="1" t="s">
        <v>234402</v>
      </c>
      <c r="I70218" s="1" t="s">
        <v>222698</v>
      </c>
      <c r="J70218" s="1" t="s">
        <v>234486</v>
      </c>
    </row>
    <row r="70219" spans="1:10" x14ac:dyDescent="0.35">
      <c r="A70219" s="1" t="s">
        <v>144044</v>
      </c>
      <c r="B70219" s="1" t="s">
        <v>222693</v>
      </c>
      <c r="C70219" s="1" t="s">
        <v>140</v>
      </c>
      <c r="D70219" s="1" t="s">
        <v>234487</v>
      </c>
      <c r="E70219" s="1" t="s">
        <v>234488</v>
      </c>
      <c r="F70219" s="1" t="s">
        <v>234489</v>
      </c>
      <c r="G70219" s="1" t="s">
        <v>234401</v>
      </c>
      <c r="H70219" s="1" t="s">
        <v>234402</v>
      </c>
      <c r="I70219" s="1" t="s">
        <v>222698</v>
      </c>
      <c r="J70219" s="1" t="s">
        <v>234490</v>
      </c>
    </row>
    <row r="70220" spans="1:10" x14ac:dyDescent="0.35">
      <c r="A70220" s="1" t="s">
        <v>144044</v>
      </c>
      <c r="B70220" s="1" t="s">
        <v>222693</v>
      </c>
      <c r="C70220" s="1" t="s">
        <v>145</v>
      </c>
      <c r="D70220" s="1" t="s">
        <v>67231</v>
      </c>
      <c r="E70220" s="1" t="s">
        <v>234491</v>
      </c>
      <c r="F70220" s="1" t="s">
        <v>234492</v>
      </c>
      <c r="G70220" s="1" t="s">
        <v>234401</v>
      </c>
      <c r="H70220" s="1" t="s">
        <v>234402</v>
      </c>
      <c r="I70220" s="1" t="s">
        <v>222698</v>
      </c>
      <c r="J70220" s="1" t="s">
        <v>234493</v>
      </c>
    </row>
    <row r="70221" spans="1:10" x14ac:dyDescent="0.35">
      <c r="A70221" s="1" t="s">
        <v>144044</v>
      </c>
      <c r="B70221" s="1" t="s">
        <v>222693</v>
      </c>
      <c r="C70221" s="1" t="s">
        <v>150</v>
      </c>
      <c r="D70221" s="1" t="s">
        <v>234494</v>
      </c>
      <c r="E70221" s="1" t="s">
        <v>234495</v>
      </c>
      <c r="F70221" s="1" t="s">
        <v>234496</v>
      </c>
      <c r="G70221" s="1" t="s">
        <v>234401</v>
      </c>
      <c r="H70221" s="1" t="s">
        <v>234402</v>
      </c>
      <c r="I70221" s="1" t="s">
        <v>222698</v>
      </c>
      <c r="J70221" s="1" t="s">
        <v>234497</v>
      </c>
    </row>
    <row r="70222" spans="1:10" x14ac:dyDescent="0.35">
      <c r="A70222" s="1" t="s">
        <v>144044</v>
      </c>
      <c r="B70222" s="1" t="s">
        <v>222693</v>
      </c>
      <c r="C70222" s="1" t="s">
        <v>155</v>
      </c>
      <c r="D70222" s="1" t="s">
        <v>140113</v>
      </c>
      <c r="E70222" s="1" t="s">
        <v>234498</v>
      </c>
      <c r="F70222" s="1" t="s">
        <v>234499</v>
      </c>
      <c r="G70222" s="1" t="s">
        <v>234401</v>
      </c>
      <c r="H70222" s="1" t="s">
        <v>234402</v>
      </c>
      <c r="I70222" s="1" t="s">
        <v>222698</v>
      </c>
      <c r="J70222" s="1" t="s">
        <v>234500</v>
      </c>
    </row>
    <row r="70223" spans="1:10" x14ac:dyDescent="0.35">
      <c r="A70223" s="1" t="s">
        <v>144044</v>
      </c>
      <c r="B70223" s="1" t="s">
        <v>222693</v>
      </c>
      <c r="C70223" s="1" t="s">
        <v>160</v>
      </c>
      <c r="D70223" s="1" t="s">
        <v>232541</v>
      </c>
      <c r="E70223" s="1" t="s">
        <v>234501</v>
      </c>
      <c r="F70223" s="1" t="s">
        <v>234502</v>
      </c>
      <c r="G70223" s="1" t="s">
        <v>234401</v>
      </c>
      <c r="H70223" s="1" t="s">
        <v>234402</v>
      </c>
      <c r="I70223" s="1" t="s">
        <v>222698</v>
      </c>
      <c r="J70223" s="1" t="s">
        <v>234503</v>
      </c>
    </row>
    <row r="70224" spans="1:10" x14ac:dyDescent="0.35">
      <c r="A70224" s="1" t="s">
        <v>144044</v>
      </c>
      <c r="B70224" s="1" t="s">
        <v>222693</v>
      </c>
      <c r="C70224" s="1" t="s">
        <v>165</v>
      </c>
      <c r="D70224" s="1" t="s">
        <v>234504</v>
      </c>
      <c r="E70224" s="1" t="s">
        <v>234505</v>
      </c>
      <c r="F70224" s="1" t="s">
        <v>234506</v>
      </c>
      <c r="G70224" s="1" t="s">
        <v>234401</v>
      </c>
      <c r="H70224" s="1" t="s">
        <v>234402</v>
      </c>
      <c r="I70224" s="1" t="s">
        <v>222698</v>
      </c>
      <c r="J70224" s="1" t="s">
        <v>234507</v>
      </c>
    </row>
    <row r="70225" spans="1:10" x14ac:dyDescent="0.35">
      <c r="A70225" s="1" t="s">
        <v>144044</v>
      </c>
      <c r="B70225" s="1" t="s">
        <v>222693</v>
      </c>
      <c r="C70225" s="1" t="s">
        <v>170</v>
      </c>
      <c r="D70225" s="1" t="s">
        <v>230596</v>
      </c>
      <c r="E70225" s="1" t="s">
        <v>234508</v>
      </c>
      <c r="F70225" s="1" t="s">
        <v>234509</v>
      </c>
      <c r="G70225" s="1" t="s">
        <v>234401</v>
      </c>
      <c r="H70225" s="1" t="s">
        <v>234402</v>
      </c>
      <c r="I70225" s="1" t="s">
        <v>222698</v>
      </c>
      <c r="J70225" s="1" t="s">
        <v>234510</v>
      </c>
    </row>
    <row r="70226" spans="1:10" x14ac:dyDescent="0.35">
      <c r="A70226" s="1" t="s">
        <v>29668</v>
      </c>
      <c r="B70226" s="1" t="s">
        <v>222693</v>
      </c>
      <c r="C70226" s="1" t="s">
        <v>8</v>
      </c>
      <c r="D70226" s="1" t="s">
        <v>55022</v>
      </c>
      <c r="E70226" s="1" t="s">
        <v>234511</v>
      </c>
      <c r="F70226" s="1" t="s">
        <v>22053</v>
      </c>
      <c r="G70226" s="1" t="s">
        <v>234512</v>
      </c>
      <c r="H70226" s="1" t="s">
        <v>234513</v>
      </c>
      <c r="I70226" s="1" t="s">
        <v>222698</v>
      </c>
      <c r="J70226" s="1" t="s">
        <v>13</v>
      </c>
    </row>
    <row r="70227" spans="1:10" x14ac:dyDescent="0.35">
      <c r="A70227" s="1" t="s">
        <v>29668</v>
      </c>
      <c r="B70227" s="1" t="s">
        <v>222693</v>
      </c>
      <c r="C70227" s="1" t="s">
        <v>15</v>
      </c>
      <c r="D70227" s="1" t="s">
        <v>64829</v>
      </c>
      <c r="E70227" s="1" t="s">
        <v>234514</v>
      </c>
      <c r="F70227" s="1" t="s">
        <v>234515</v>
      </c>
      <c r="G70227" s="1" t="s">
        <v>234512</v>
      </c>
      <c r="H70227" s="1" t="s">
        <v>234513</v>
      </c>
      <c r="I70227" s="1" t="s">
        <v>222698</v>
      </c>
      <c r="J70227" s="1" t="s">
        <v>234516</v>
      </c>
    </row>
    <row r="70228" spans="1:10" x14ac:dyDescent="0.35">
      <c r="A70228" s="1" t="s">
        <v>29668</v>
      </c>
      <c r="B70228" s="1" t="s">
        <v>222693</v>
      </c>
      <c r="C70228" s="1" t="s">
        <v>20</v>
      </c>
      <c r="D70228" s="1" t="s">
        <v>69595</v>
      </c>
      <c r="E70228" s="1" t="s">
        <v>234517</v>
      </c>
      <c r="F70228" s="1" t="s">
        <v>234518</v>
      </c>
      <c r="G70228" s="1" t="s">
        <v>234512</v>
      </c>
      <c r="H70228" s="1" t="s">
        <v>234513</v>
      </c>
      <c r="I70228" s="1" t="s">
        <v>222698</v>
      </c>
      <c r="J70228" s="1" t="s">
        <v>234519</v>
      </c>
    </row>
    <row r="70229" spans="1:10" x14ac:dyDescent="0.35">
      <c r="A70229" s="1" t="s">
        <v>29668</v>
      </c>
      <c r="B70229" s="1" t="s">
        <v>222693</v>
      </c>
      <c r="C70229" s="1" t="s">
        <v>25</v>
      </c>
      <c r="D70229" s="1" t="s">
        <v>131250</v>
      </c>
      <c r="E70229" s="1" t="s">
        <v>234520</v>
      </c>
      <c r="F70229" s="1" t="s">
        <v>234521</v>
      </c>
      <c r="G70229" s="1" t="s">
        <v>234512</v>
      </c>
      <c r="H70229" s="1" t="s">
        <v>234513</v>
      </c>
      <c r="I70229" s="1" t="s">
        <v>222698</v>
      </c>
      <c r="J70229" s="1" t="s">
        <v>234522</v>
      </c>
    </row>
    <row r="70230" spans="1:10" x14ac:dyDescent="0.35">
      <c r="A70230" s="1" t="s">
        <v>29668</v>
      </c>
      <c r="B70230" s="1" t="s">
        <v>222693</v>
      </c>
      <c r="C70230" s="1" t="s">
        <v>30</v>
      </c>
      <c r="D70230" s="1" t="s">
        <v>201769</v>
      </c>
      <c r="E70230" s="1" t="s">
        <v>234523</v>
      </c>
      <c r="F70230" s="1" t="s">
        <v>234524</v>
      </c>
      <c r="G70230" s="1" t="s">
        <v>234512</v>
      </c>
      <c r="H70230" s="1" t="s">
        <v>234513</v>
      </c>
      <c r="I70230" s="1" t="s">
        <v>222698</v>
      </c>
      <c r="J70230" s="1" t="s">
        <v>234525</v>
      </c>
    </row>
    <row r="70231" spans="1:10" x14ac:dyDescent="0.35">
      <c r="A70231" s="1" t="s">
        <v>29668</v>
      </c>
      <c r="B70231" s="1" t="s">
        <v>222693</v>
      </c>
      <c r="C70231" s="1" t="s">
        <v>35</v>
      </c>
      <c r="D70231" s="1" t="s">
        <v>234526</v>
      </c>
      <c r="E70231" s="1" t="s">
        <v>234527</v>
      </c>
      <c r="F70231" s="1" t="s">
        <v>234528</v>
      </c>
      <c r="G70231" s="1" t="s">
        <v>234512</v>
      </c>
      <c r="H70231" s="1" t="s">
        <v>234513</v>
      </c>
      <c r="I70231" s="1" t="s">
        <v>222698</v>
      </c>
      <c r="J70231" s="1" t="s">
        <v>234529</v>
      </c>
    </row>
    <row r="70232" spans="1:10" x14ac:dyDescent="0.35">
      <c r="A70232" s="1" t="s">
        <v>29668</v>
      </c>
      <c r="B70232" s="1" t="s">
        <v>222693</v>
      </c>
      <c r="C70232" s="1" t="s">
        <v>40</v>
      </c>
      <c r="D70232" s="1" t="s">
        <v>70218</v>
      </c>
      <c r="E70232" s="1" t="s">
        <v>234530</v>
      </c>
      <c r="F70232" s="1" t="s">
        <v>234531</v>
      </c>
      <c r="G70232" s="1" t="s">
        <v>234512</v>
      </c>
      <c r="H70232" s="1" t="s">
        <v>234513</v>
      </c>
      <c r="I70232" s="1" t="s">
        <v>222698</v>
      </c>
      <c r="J70232" s="1" t="s">
        <v>234532</v>
      </c>
    </row>
    <row r="70233" spans="1:10" x14ac:dyDescent="0.35">
      <c r="A70233" s="1" t="s">
        <v>29668</v>
      </c>
      <c r="B70233" s="1" t="s">
        <v>222693</v>
      </c>
      <c r="C70233" s="1" t="s">
        <v>45</v>
      </c>
      <c r="D70233" s="1" t="s">
        <v>63031</v>
      </c>
      <c r="E70233" s="1" t="s">
        <v>234533</v>
      </c>
      <c r="F70233" s="1" t="s">
        <v>234534</v>
      </c>
      <c r="G70233" s="1" t="s">
        <v>234512</v>
      </c>
      <c r="H70233" s="1" t="s">
        <v>234513</v>
      </c>
      <c r="I70233" s="1" t="s">
        <v>222698</v>
      </c>
      <c r="J70233" s="1" t="s">
        <v>234535</v>
      </c>
    </row>
    <row r="70234" spans="1:10" x14ac:dyDescent="0.35">
      <c r="A70234" s="1" t="s">
        <v>29668</v>
      </c>
      <c r="B70234" s="1" t="s">
        <v>222693</v>
      </c>
      <c r="C70234" s="1" t="s">
        <v>50</v>
      </c>
      <c r="D70234" s="1" t="s">
        <v>59599</v>
      </c>
      <c r="E70234" s="1" t="s">
        <v>234536</v>
      </c>
      <c r="F70234" s="1" t="s">
        <v>234537</v>
      </c>
      <c r="G70234" s="1" t="s">
        <v>234512</v>
      </c>
      <c r="H70234" s="1" t="s">
        <v>234513</v>
      </c>
      <c r="I70234" s="1" t="s">
        <v>222698</v>
      </c>
      <c r="J70234" s="1" t="s">
        <v>234538</v>
      </c>
    </row>
    <row r="70235" spans="1:10" x14ac:dyDescent="0.35">
      <c r="A70235" s="1" t="s">
        <v>29668</v>
      </c>
      <c r="B70235" s="1" t="s">
        <v>222693</v>
      </c>
      <c r="C70235" s="1" t="s">
        <v>55</v>
      </c>
      <c r="D70235" s="1" t="s">
        <v>234539</v>
      </c>
      <c r="E70235" s="1" t="s">
        <v>234540</v>
      </c>
      <c r="F70235" s="1" t="s">
        <v>234541</v>
      </c>
      <c r="G70235" s="1" t="s">
        <v>234512</v>
      </c>
      <c r="H70235" s="1" t="s">
        <v>234513</v>
      </c>
      <c r="I70235" s="1" t="s">
        <v>222698</v>
      </c>
      <c r="J70235" s="1" t="s">
        <v>234542</v>
      </c>
    </row>
    <row r="70236" spans="1:10" x14ac:dyDescent="0.35">
      <c r="A70236" s="1" t="s">
        <v>29668</v>
      </c>
      <c r="B70236" s="1" t="s">
        <v>222693</v>
      </c>
      <c r="C70236" s="1" t="s">
        <v>60</v>
      </c>
      <c r="D70236" s="1" t="s">
        <v>233841</v>
      </c>
      <c r="E70236" s="1" t="s">
        <v>234543</v>
      </c>
      <c r="F70236" s="1" t="s">
        <v>234544</v>
      </c>
      <c r="G70236" s="1" t="s">
        <v>234512</v>
      </c>
      <c r="H70236" s="1" t="s">
        <v>234513</v>
      </c>
      <c r="I70236" s="1" t="s">
        <v>222698</v>
      </c>
      <c r="J70236" s="1" t="s">
        <v>234545</v>
      </c>
    </row>
    <row r="70237" spans="1:10" x14ac:dyDescent="0.35">
      <c r="A70237" s="1" t="s">
        <v>29668</v>
      </c>
      <c r="B70237" s="1" t="s">
        <v>222693</v>
      </c>
      <c r="C70237" s="1" t="s">
        <v>65</v>
      </c>
      <c r="D70237" s="1" t="s">
        <v>234546</v>
      </c>
      <c r="E70237" s="1" t="s">
        <v>234547</v>
      </c>
      <c r="F70237" s="1" t="s">
        <v>234548</v>
      </c>
      <c r="G70237" s="1" t="s">
        <v>234512</v>
      </c>
      <c r="H70237" s="1" t="s">
        <v>234513</v>
      </c>
      <c r="I70237" s="1" t="s">
        <v>222698</v>
      </c>
      <c r="J70237" s="1" t="s">
        <v>234549</v>
      </c>
    </row>
    <row r="70238" spans="1:10" x14ac:dyDescent="0.35">
      <c r="A70238" s="1" t="s">
        <v>29668</v>
      </c>
      <c r="B70238" s="1" t="s">
        <v>222693</v>
      </c>
      <c r="C70238" s="1" t="s">
        <v>70</v>
      </c>
      <c r="D70238" s="1" t="s">
        <v>62187</v>
      </c>
      <c r="E70238" s="1" t="s">
        <v>234550</v>
      </c>
      <c r="F70238" s="1" t="s">
        <v>234551</v>
      </c>
      <c r="G70238" s="1" t="s">
        <v>234512</v>
      </c>
      <c r="H70238" s="1" t="s">
        <v>234513</v>
      </c>
      <c r="I70238" s="1" t="s">
        <v>222698</v>
      </c>
      <c r="J70238" s="1" t="s">
        <v>234552</v>
      </c>
    </row>
    <row r="70239" spans="1:10" x14ac:dyDescent="0.35">
      <c r="A70239" s="1" t="s">
        <v>29668</v>
      </c>
      <c r="B70239" s="1" t="s">
        <v>222693</v>
      </c>
      <c r="C70239" s="1" t="s">
        <v>75</v>
      </c>
      <c r="D70239" s="1" t="s">
        <v>165261</v>
      </c>
      <c r="E70239" s="1" t="s">
        <v>234553</v>
      </c>
      <c r="F70239" s="1" t="s">
        <v>234554</v>
      </c>
      <c r="G70239" s="1" t="s">
        <v>234512</v>
      </c>
      <c r="H70239" s="1" t="s">
        <v>234513</v>
      </c>
      <c r="I70239" s="1" t="s">
        <v>222698</v>
      </c>
      <c r="J70239" s="1" t="s">
        <v>234555</v>
      </c>
    </row>
    <row r="70240" spans="1:10" x14ac:dyDescent="0.35">
      <c r="A70240" s="1" t="s">
        <v>29668</v>
      </c>
      <c r="B70240" s="1" t="s">
        <v>222693</v>
      </c>
      <c r="C70240" s="1" t="s">
        <v>80</v>
      </c>
      <c r="D70240" s="1" t="s">
        <v>234556</v>
      </c>
      <c r="E70240" s="1" t="s">
        <v>234557</v>
      </c>
      <c r="F70240" s="1" t="s">
        <v>234558</v>
      </c>
      <c r="G70240" s="1" t="s">
        <v>234512</v>
      </c>
      <c r="H70240" s="1" t="s">
        <v>234513</v>
      </c>
      <c r="I70240" s="1" t="s">
        <v>222698</v>
      </c>
      <c r="J70240" s="1" t="s">
        <v>234559</v>
      </c>
    </row>
    <row r="70241" spans="1:10" x14ac:dyDescent="0.35">
      <c r="A70241" s="1" t="s">
        <v>29668</v>
      </c>
      <c r="B70241" s="1" t="s">
        <v>222693</v>
      </c>
      <c r="C70241" s="1" t="s">
        <v>85</v>
      </c>
      <c r="D70241" s="1" t="s">
        <v>234560</v>
      </c>
      <c r="E70241" s="1" t="s">
        <v>234561</v>
      </c>
      <c r="F70241" s="1" t="s">
        <v>234562</v>
      </c>
      <c r="G70241" s="1" t="s">
        <v>234512</v>
      </c>
      <c r="H70241" s="1" t="s">
        <v>234513</v>
      </c>
      <c r="I70241" s="1" t="s">
        <v>222698</v>
      </c>
      <c r="J70241" s="1" t="s">
        <v>234563</v>
      </c>
    </row>
    <row r="70242" spans="1:10" x14ac:dyDescent="0.35">
      <c r="A70242" s="1" t="s">
        <v>29668</v>
      </c>
      <c r="B70242" s="1" t="s">
        <v>222693</v>
      </c>
      <c r="C70242" s="1" t="s">
        <v>90</v>
      </c>
      <c r="D70242" s="1" t="s">
        <v>96610</v>
      </c>
      <c r="E70242" s="1" t="s">
        <v>234564</v>
      </c>
      <c r="F70242" s="1" t="s">
        <v>234565</v>
      </c>
      <c r="G70242" s="1" t="s">
        <v>234512</v>
      </c>
      <c r="H70242" s="1" t="s">
        <v>234513</v>
      </c>
      <c r="I70242" s="1" t="s">
        <v>222698</v>
      </c>
      <c r="J70242" s="1" t="s">
        <v>234566</v>
      </c>
    </row>
    <row r="70243" spans="1:10" x14ac:dyDescent="0.35">
      <c r="A70243" s="1" t="s">
        <v>29668</v>
      </c>
      <c r="B70243" s="1" t="s">
        <v>222693</v>
      </c>
      <c r="C70243" s="1" t="s">
        <v>95</v>
      </c>
      <c r="D70243" s="1" t="s">
        <v>234567</v>
      </c>
      <c r="E70243" s="1" t="s">
        <v>234568</v>
      </c>
      <c r="F70243" s="1" t="s">
        <v>234569</v>
      </c>
      <c r="G70243" s="1" t="s">
        <v>234512</v>
      </c>
      <c r="H70243" s="1" t="s">
        <v>234513</v>
      </c>
      <c r="I70243" s="1" t="s">
        <v>222698</v>
      </c>
      <c r="J70243" s="1" t="s">
        <v>234570</v>
      </c>
    </row>
    <row r="70244" spans="1:10" x14ac:dyDescent="0.35">
      <c r="A70244" s="1" t="s">
        <v>29668</v>
      </c>
      <c r="B70244" s="1" t="s">
        <v>222693</v>
      </c>
      <c r="C70244" s="1" t="s">
        <v>100</v>
      </c>
      <c r="D70244" s="1" t="s">
        <v>234571</v>
      </c>
      <c r="E70244" s="1" t="s">
        <v>234572</v>
      </c>
      <c r="F70244" s="1" t="s">
        <v>234573</v>
      </c>
      <c r="G70244" s="1" t="s">
        <v>234512</v>
      </c>
      <c r="H70244" s="1" t="s">
        <v>234513</v>
      </c>
      <c r="I70244" s="1" t="s">
        <v>222698</v>
      </c>
      <c r="J70244" s="1" t="s">
        <v>234574</v>
      </c>
    </row>
    <row r="70245" spans="1:10" x14ac:dyDescent="0.35">
      <c r="A70245" s="1" t="s">
        <v>29668</v>
      </c>
      <c r="B70245" s="1" t="s">
        <v>222693</v>
      </c>
      <c r="C70245" s="1" t="s">
        <v>105</v>
      </c>
      <c r="D70245" s="1" t="s">
        <v>234575</v>
      </c>
      <c r="E70245" s="1" t="s">
        <v>234576</v>
      </c>
      <c r="F70245" s="1" t="s">
        <v>234577</v>
      </c>
      <c r="G70245" s="1" t="s">
        <v>234512</v>
      </c>
      <c r="H70245" s="1" t="s">
        <v>234513</v>
      </c>
      <c r="I70245" s="1" t="s">
        <v>222698</v>
      </c>
      <c r="J70245" s="1" t="s">
        <v>234578</v>
      </c>
    </row>
    <row r="70246" spans="1:10" x14ac:dyDescent="0.35">
      <c r="A70246" s="1" t="s">
        <v>29668</v>
      </c>
      <c r="B70246" s="1" t="s">
        <v>222693</v>
      </c>
      <c r="C70246" s="1" t="s">
        <v>110</v>
      </c>
      <c r="D70246" s="1" t="s">
        <v>234579</v>
      </c>
      <c r="E70246" s="1" t="s">
        <v>234580</v>
      </c>
      <c r="F70246" s="1" t="s">
        <v>234581</v>
      </c>
      <c r="G70246" s="1" t="s">
        <v>234512</v>
      </c>
      <c r="H70246" s="1" t="s">
        <v>234513</v>
      </c>
      <c r="I70246" s="1" t="s">
        <v>222698</v>
      </c>
      <c r="J70246" s="1" t="s">
        <v>234582</v>
      </c>
    </row>
    <row r="70247" spans="1:10" x14ac:dyDescent="0.35">
      <c r="A70247" s="1" t="s">
        <v>29668</v>
      </c>
      <c r="B70247" s="1" t="s">
        <v>222693</v>
      </c>
      <c r="C70247" s="1" t="s">
        <v>115</v>
      </c>
      <c r="D70247" s="1" t="s">
        <v>133722</v>
      </c>
      <c r="E70247" s="1" t="s">
        <v>234583</v>
      </c>
      <c r="F70247" s="1" t="s">
        <v>234584</v>
      </c>
      <c r="G70247" s="1" t="s">
        <v>234512</v>
      </c>
      <c r="H70247" s="1" t="s">
        <v>234513</v>
      </c>
      <c r="I70247" s="1" t="s">
        <v>222698</v>
      </c>
      <c r="J70247" s="1" t="s">
        <v>234585</v>
      </c>
    </row>
    <row r="70248" spans="1:10" x14ac:dyDescent="0.35">
      <c r="A70248" s="1" t="s">
        <v>29668</v>
      </c>
      <c r="B70248" s="1" t="s">
        <v>222693</v>
      </c>
      <c r="C70248" s="1" t="s">
        <v>120</v>
      </c>
      <c r="D70248" s="1" t="s">
        <v>22859</v>
      </c>
      <c r="E70248" s="1" t="s">
        <v>234586</v>
      </c>
      <c r="F70248" s="1" t="s">
        <v>234587</v>
      </c>
      <c r="G70248" s="1" t="s">
        <v>234512</v>
      </c>
      <c r="H70248" s="1" t="s">
        <v>234513</v>
      </c>
      <c r="I70248" s="1" t="s">
        <v>222698</v>
      </c>
      <c r="J70248" s="1" t="s">
        <v>234588</v>
      </c>
    </row>
    <row r="70249" spans="1:10" x14ac:dyDescent="0.35">
      <c r="A70249" s="1" t="s">
        <v>29668</v>
      </c>
      <c r="B70249" s="1" t="s">
        <v>222693</v>
      </c>
      <c r="C70249" s="1" t="s">
        <v>125</v>
      </c>
      <c r="D70249" s="1" t="s">
        <v>234589</v>
      </c>
      <c r="E70249" s="1" t="s">
        <v>234590</v>
      </c>
      <c r="F70249" s="1" t="s">
        <v>234591</v>
      </c>
      <c r="G70249" s="1" t="s">
        <v>234512</v>
      </c>
      <c r="H70249" s="1" t="s">
        <v>234513</v>
      </c>
      <c r="I70249" s="1" t="s">
        <v>222698</v>
      </c>
      <c r="J70249" s="1" t="s">
        <v>234592</v>
      </c>
    </row>
    <row r="70250" spans="1:10" x14ac:dyDescent="0.35">
      <c r="A70250" s="1" t="s">
        <v>29668</v>
      </c>
      <c r="B70250" s="1" t="s">
        <v>222693</v>
      </c>
      <c r="C70250" s="1" t="s">
        <v>130</v>
      </c>
      <c r="D70250" s="1" t="s">
        <v>234593</v>
      </c>
      <c r="E70250" s="1" t="s">
        <v>234594</v>
      </c>
      <c r="F70250" s="1" t="s">
        <v>234595</v>
      </c>
      <c r="G70250" s="1" t="s">
        <v>234512</v>
      </c>
      <c r="H70250" s="1" t="s">
        <v>234513</v>
      </c>
      <c r="I70250" s="1" t="s">
        <v>222698</v>
      </c>
      <c r="J70250" s="1" t="s">
        <v>234596</v>
      </c>
    </row>
    <row r="70251" spans="1:10" x14ac:dyDescent="0.35">
      <c r="A70251" s="1" t="s">
        <v>29668</v>
      </c>
      <c r="B70251" s="1" t="s">
        <v>222693</v>
      </c>
      <c r="C70251" s="1" t="s">
        <v>135</v>
      </c>
      <c r="D70251" s="1" t="s">
        <v>234597</v>
      </c>
      <c r="E70251" s="1" t="s">
        <v>234598</v>
      </c>
      <c r="F70251" s="1" t="s">
        <v>234599</v>
      </c>
      <c r="G70251" s="1" t="s">
        <v>234512</v>
      </c>
      <c r="H70251" s="1" t="s">
        <v>234513</v>
      </c>
      <c r="I70251" s="1" t="s">
        <v>222698</v>
      </c>
      <c r="J70251" s="1" t="s">
        <v>234600</v>
      </c>
    </row>
    <row r="70252" spans="1:10" x14ac:dyDescent="0.35">
      <c r="A70252" s="1" t="s">
        <v>29668</v>
      </c>
      <c r="B70252" s="1" t="s">
        <v>222693</v>
      </c>
      <c r="C70252" s="1" t="s">
        <v>140</v>
      </c>
      <c r="D70252" s="1" t="s">
        <v>234601</v>
      </c>
      <c r="E70252" s="1" t="s">
        <v>234602</v>
      </c>
      <c r="F70252" s="1" t="s">
        <v>234603</v>
      </c>
      <c r="G70252" s="1" t="s">
        <v>234512</v>
      </c>
      <c r="H70252" s="1" t="s">
        <v>234513</v>
      </c>
      <c r="I70252" s="1" t="s">
        <v>222698</v>
      </c>
      <c r="J70252" s="1" t="s">
        <v>234604</v>
      </c>
    </row>
    <row r="70253" spans="1:10" x14ac:dyDescent="0.35">
      <c r="A70253" s="1" t="s">
        <v>29668</v>
      </c>
      <c r="B70253" s="1" t="s">
        <v>222693</v>
      </c>
      <c r="C70253" s="1" t="s">
        <v>145</v>
      </c>
      <c r="D70253" s="1" t="s">
        <v>234605</v>
      </c>
      <c r="E70253" s="1" t="s">
        <v>234606</v>
      </c>
      <c r="F70253" s="1" t="s">
        <v>234607</v>
      </c>
      <c r="G70253" s="1" t="s">
        <v>234512</v>
      </c>
      <c r="H70253" s="1" t="s">
        <v>234513</v>
      </c>
      <c r="I70253" s="1" t="s">
        <v>222698</v>
      </c>
      <c r="J70253" s="1" t="s">
        <v>234608</v>
      </c>
    </row>
    <row r="70254" spans="1:10" x14ac:dyDescent="0.35">
      <c r="A70254" s="1" t="s">
        <v>29668</v>
      </c>
      <c r="B70254" s="1" t="s">
        <v>222693</v>
      </c>
      <c r="C70254" s="1" t="s">
        <v>150</v>
      </c>
      <c r="D70254" s="1" t="s">
        <v>234609</v>
      </c>
      <c r="E70254" s="1" t="s">
        <v>234610</v>
      </c>
      <c r="F70254" s="1" t="s">
        <v>234611</v>
      </c>
      <c r="G70254" s="1" t="s">
        <v>234512</v>
      </c>
      <c r="H70254" s="1" t="s">
        <v>234513</v>
      </c>
      <c r="I70254" s="1" t="s">
        <v>222698</v>
      </c>
      <c r="J70254" s="1" t="s">
        <v>234612</v>
      </c>
    </row>
    <row r="70255" spans="1:10" x14ac:dyDescent="0.35">
      <c r="A70255" s="1" t="s">
        <v>29668</v>
      </c>
      <c r="B70255" s="1" t="s">
        <v>222693</v>
      </c>
      <c r="C70255" s="1" t="s">
        <v>155</v>
      </c>
      <c r="D70255" s="1" t="s">
        <v>234613</v>
      </c>
      <c r="E70255" s="1" t="s">
        <v>234614</v>
      </c>
      <c r="F70255" s="1" t="s">
        <v>234615</v>
      </c>
      <c r="G70255" s="1" t="s">
        <v>234512</v>
      </c>
      <c r="H70255" s="1" t="s">
        <v>234513</v>
      </c>
      <c r="I70255" s="1" t="s">
        <v>222698</v>
      </c>
      <c r="J70255" s="1" t="s">
        <v>234616</v>
      </c>
    </row>
    <row r="70256" spans="1:10" x14ac:dyDescent="0.35">
      <c r="A70256" s="1" t="s">
        <v>29668</v>
      </c>
      <c r="B70256" s="1" t="s">
        <v>222693</v>
      </c>
      <c r="C70256" s="1" t="s">
        <v>160</v>
      </c>
      <c r="D70256" s="1" t="s">
        <v>234617</v>
      </c>
      <c r="E70256" s="1" t="s">
        <v>234618</v>
      </c>
      <c r="F70256" s="1" t="s">
        <v>234619</v>
      </c>
      <c r="G70256" s="1" t="s">
        <v>234512</v>
      </c>
      <c r="H70256" s="1" t="s">
        <v>234513</v>
      </c>
      <c r="I70256" s="1" t="s">
        <v>222698</v>
      </c>
      <c r="J70256" s="1" t="s">
        <v>234620</v>
      </c>
    </row>
    <row r="70257" spans="1:10" x14ac:dyDescent="0.35">
      <c r="A70257" s="1" t="s">
        <v>29668</v>
      </c>
      <c r="B70257" s="1" t="s">
        <v>222693</v>
      </c>
      <c r="C70257" s="1" t="s">
        <v>165</v>
      </c>
      <c r="D70257" s="1" t="s">
        <v>234621</v>
      </c>
      <c r="E70257" s="1" t="s">
        <v>234622</v>
      </c>
      <c r="F70257" s="1" t="s">
        <v>234623</v>
      </c>
      <c r="G70257" s="1" t="s">
        <v>234512</v>
      </c>
      <c r="H70257" s="1" t="s">
        <v>234513</v>
      </c>
      <c r="I70257" s="1" t="s">
        <v>222698</v>
      </c>
      <c r="J70257" s="1" t="s">
        <v>234624</v>
      </c>
    </row>
    <row r="70258" spans="1:10" x14ac:dyDescent="0.35">
      <c r="A70258" s="1" t="s">
        <v>29668</v>
      </c>
      <c r="B70258" s="1" t="s">
        <v>222693</v>
      </c>
      <c r="C70258" s="1" t="s">
        <v>170</v>
      </c>
      <c r="D70258" s="1" t="s">
        <v>234625</v>
      </c>
      <c r="E70258" s="1" t="s">
        <v>234626</v>
      </c>
      <c r="F70258" s="1" t="s">
        <v>234627</v>
      </c>
      <c r="G70258" s="1" t="s">
        <v>234512</v>
      </c>
      <c r="H70258" s="1" t="s">
        <v>234513</v>
      </c>
      <c r="I70258" s="1" t="s">
        <v>222698</v>
      </c>
      <c r="J70258" s="1" t="s">
        <v>234628</v>
      </c>
    </row>
    <row r="70259" spans="1:10" x14ac:dyDescent="0.35">
      <c r="A70259" s="1" t="s">
        <v>119775</v>
      </c>
      <c r="B70259" s="1" t="s">
        <v>222693</v>
      </c>
      <c r="C70259" s="1" t="s">
        <v>8</v>
      </c>
      <c r="D70259" s="1" t="s">
        <v>80773</v>
      </c>
      <c r="E70259" s="1" t="s">
        <v>234629</v>
      </c>
      <c r="F70259" s="1" t="s">
        <v>234630</v>
      </c>
      <c r="G70259" s="1" t="s">
        <v>234631</v>
      </c>
      <c r="H70259" s="1" t="s">
        <v>234632</v>
      </c>
      <c r="I70259" s="1" t="s">
        <v>222698</v>
      </c>
      <c r="J70259" s="1" t="s">
        <v>13</v>
      </c>
    </row>
    <row r="70260" spans="1:10" x14ac:dyDescent="0.35">
      <c r="A70260" s="1" t="s">
        <v>119775</v>
      </c>
      <c r="B70260" s="1" t="s">
        <v>222693</v>
      </c>
      <c r="C70260" s="1" t="s">
        <v>15</v>
      </c>
      <c r="D70260" s="1" t="s">
        <v>154486</v>
      </c>
      <c r="E70260" s="1" t="s">
        <v>234633</v>
      </c>
      <c r="F70260" s="1" t="s">
        <v>234634</v>
      </c>
      <c r="G70260" s="1" t="s">
        <v>234631</v>
      </c>
      <c r="H70260" s="1" t="s">
        <v>234632</v>
      </c>
      <c r="I70260" s="1" t="s">
        <v>222698</v>
      </c>
      <c r="J70260" s="1" t="s">
        <v>234635</v>
      </c>
    </row>
    <row r="70261" spans="1:10" x14ac:dyDescent="0.35">
      <c r="A70261" s="1" t="s">
        <v>119775</v>
      </c>
      <c r="B70261" s="1" t="s">
        <v>222693</v>
      </c>
      <c r="C70261" s="1" t="s">
        <v>20</v>
      </c>
      <c r="D70261" s="1" t="s">
        <v>234636</v>
      </c>
      <c r="E70261" s="1" t="s">
        <v>234637</v>
      </c>
      <c r="F70261" s="1" t="s">
        <v>234638</v>
      </c>
      <c r="G70261" s="1" t="s">
        <v>234631</v>
      </c>
      <c r="H70261" s="1" t="s">
        <v>234632</v>
      </c>
      <c r="I70261" s="1" t="s">
        <v>222698</v>
      </c>
      <c r="J70261" s="1" t="s">
        <v>234639</v>
      </c>
    </row>
    <row r="70262" spans="1:10" x14ac:dyDescent="0.35">
      <c r="A70262" s="1" t="s">
        <v>119775</v>
      </c>
      <c r="B70262" s="1" t="s">
        <v>222693</v>
      </c>
      <c r="C70262" s="1" t="s">
        <v>25</v>
      </c>
      <c r="D70262" s="1" t="s">
        <v>64009</v>
      </c>
      <c r="E70262" s="1" t="s">
        <v>234640</v>
      </c>
      <c r="F70262" s="1" t="s">
        <v>234641</v>
      </c>
      <c r="G70262" s="1" t="s">
        <v>234631</v>
      </c>
      <c r="H70262" s="1" t="s">
        <v>234632</v>
      </c>
      <c r="I70262" s="1" t="s">
        <v>222698</v>
      </c>
      <c r="J70262" s="1" t="s">
        <v>234642</v>
      </c>
    </row>
    <row r="70263" spans="1:10" x14ac:dyDescent="0.35">
      <c r="A70263" s="1" t="s">
        <v>119775</v>
      </c>
      <c r="B70263" s="1" t="s">
        <v>222693</v>
      </c>
      <c r="C70263" s="1" t="s">
        <v>30</v>
      </c>
      <c r="D70263" s="1" t="s">
        <v>107651</v>
      </c>
      <c r="E70263" s="1" t="s">
        <v>234643</v>
      </c>
      <c r="F70263" s="1" t="s">
        <v>234644</v>
      </c>
      <c r="G70263" s="1" t="s">
        <v>234631</v>
      </c>
      <c r="H70263" s="1" t="s">
        <v>234632</v>
      </c>
      <c r="I70263" s="1" t="s">
        <v>222698</v>
      </c>
      <c r="J70263" s="1" t="s">
        <v>234645</v>
      </c>
    </row>
    <row r="70264" spans="1:10" x14ac:dyDescent="0.35">
      <c r="A70264" s="1" t="s">
        <v>119775</v>
      </c>
      <c r="B70264" s="1" t="s">
        <v>222693</v>
      </c>
      <c r="C70264" s="1" t="s">
        <v>35</v>
      </c>
      <c r="D70264" s="1" t="s">
        <v>53146</v>
      </c>
      <c r="E70264" s="1" t="s">
        <v>234646</v>
      </c>
      <c r="F70264" s="1" t="s">
        <v>234647</v>
      </c>
      <c r="G70264" s="1" t="s">
        <v>234631</v>
      </c>
      <c r="H70264" s="1" t="s">
        <v>234632</v>
      </c>
      <c r="I70264" s="1" t="s">
        <v>222698</v>
      </c>
      <c r="J70264" s="1" t="s">
        <v>234648</v>
      </c>
    </row>
    <row r="70265" spans="1:10" x14ac:dyDescent="0.35">
      <c r="A70265" s="1" t="s">
        <v>119775</v>
      </c>
      <c r="B70265" s="1" t="s">
        <v>222693</v>
      </c>
      <c r="C70265" s="1" t="s">
        <v>40</v>
      </c>
      <c r="D70265" s="1" t="s">
        <v>234649</v>
      </c>
      <c r="E70265" s="1" t="s">
        <v>234650</v>
      </c>
      <c r="F70265" s="1" t="s">
        <v>234651</v>
      </c>
      <c r="G70265" s="1" t="s">
        <v>234631</v>
      </c>
      <c r="H70265" s="1" t="s">
        <v>234632</v>
      </c>
      <c r="I70265" s="1" t="s">
        <v>222698</v>
      </c>
      <c r="J70265" s="1" t="s">
        <v>234652</v>
      </c>
    </row>
    <row r="70266" spans="1:10" x14ac:dyDescent="0.35">
      <c r="A70266" s="1" t="s">
        <v>119775</v>
      </c>
      <c r="B70266" s="1" t="s">
        <v>222693</v>
      </c>
      <c r="C70266" s="1" t="s">
        <v>45</v>
      </c>
      <c r="D70266" s="1" t="s">
        <v>99967</v>
      </c>
      <c r="E70266" s="1" t="s">
        <v>234653</v>
      </c>
      <c r="F70266" s="1" t="s">
        <v>234654</v>
      </c>
      <c r="G70266" s="1" t="s">
        <v>234631</v>
      </c>
      <c r="H70266" s="1" t="s">
        <v>234632</v>
      </c>
      <c r="I70266" s="1" t="s">
        <v>222698</v>
      </c>
      <c r="J70266" s="1" t="s">
        <v>234655</v>
      </c>
    </row>
    <row r="70267" spans="1:10" x14ac:dyDescent="0.35">
      <c r="A70267" s="1" t="s">
        <v>119775</v>
      </c>
      <c r="B70267" s="1" t="s">
        <v>222693</v>
      </c>
      <c r="C70267" s="1" t="s">
        <v>50</v>
      </c>
      <c r="D70267" s="1" t="s">
        <v>87009</v>
      </c>
      <c r="E70267" s="1" t="s">
        <v>234656</v>
      </c>
      <c r="F70267" s="1" t="s">
        <v>234657</v>
      </c>
      <c r="G70267" s="1" t="s">
        <v>234631</v>
      </c>
      <c r="H70267" s="1" t="s">
        <v>234632</v>
      </c>
      <c r="I70267" s="1" t="s">
        <v>222698</v>
      </c>
      <c r="J70267" s="1" t="s">
        <v>234658</v>
      </c>
    </row>
    <row r="70268" spans="1:10" x14ac:dyDescent="0.35">
      <c r="A70268" s="1" t="s">
        <v>119775</v>
      </c>
      <c r="B70268" s="1" t="s">
        <v>222693</v>
      </c>
      <c r="C70268" s="1" t="s">
        <v>55</v>
      </c>
      <c r="D70268" s="1" t="s">
        <v>94196</v>
      </c>
      <c r="E70268" s="1" t="s">
        <v>234659</v>
      </c>
      <c r="F70268" s="1" t="s">
        <v>234660</v>
      </c>
      <c r="G70268" s="1" t="s">
        <v>234631</v>
      </c>
      <c r="H70268" s="1" t="s">
        <v>234632</v>
      </c>
      <c r="I70268" s="1" t="s">
        <v>222698</v>
      </c>
      <c r="J70268" s="1" t="s">
        <v>234661</v>
      </c>
    </row>
    <row r="70269" spans="1:10" x14ac:dyDescent="0.35">
      <c r="A70269" s="1" t="s">
        <v>119775</v>
      </c>
      <c r="B70269" s="1" t="s">
        <v>222693</v>
      </c>
      <c r="C70269" s="1" t="s">
        <v>60</v>
      </c>
      <c r="D70269" s="1" t="s">
        <v>55529</v>
      </c>
      <c r="E70269" s="1" t="s">
        <v>234662</v>
      </c>
      <c r="F70269" s="1" t="s">
        <v>234663</v>
      </c>
      <c r="G70269" s="1" t="s">
        <v>234631</v>
      </c>
      <c r="H70269" s="1" t="s">
        <v>234632</v>
      </c>
      <c r="I70269" s="1" t="s">
        <v>222698</v>
      </c>
      <c r="J70269" s="1" t="s">
        <v>234664</v>
      </c>
    </row>
    <row r="70270" spans="1:10" x14ac:dyDescent="0.35">
      <c r="A70270" s="1" t="s">
        <v>119775</v>
      </c>
      <c r="B70270" s="1" t="s">
        <v>222693</v>
      </c>
      <c r="C70270" s="1" t="s">
        <v>65</v>
      </c>
      <c r="D70270" s="1" t="s">
        <v>60605</v>
      </c>
      <c r="E70270" s="1" t="s">
        <v>234665</v>
      </c>
      <c r="F70270" s="1" t="s">
        <v>234666</v>
      </c>
      <c r="G70270" s="1" t="s">
        <v>234631</v>
      </c>
      <c r="H70270" s="1" t="s">
        <v>234632</v>
      </c>
      <c r="I70270" s="1" t="s">
        <v>222698</v>
      </c>
      <c r="J70270" s="1" t="s">
        <v>234667</v>
      </c>
    </row>
    <row r="70271" spans="1:10" x14ac:dyDescent="0.35">
      <c r="A70271" s="1" t="s">
        <v>119775</v>
      </c>
      <c r="B70271" s="1" t="s">
        <v>222693</v>
      </c>
      <c r="C70271" s="1" t="s">
        <v>70</v>
      </c>
      <c r="D70271" s="1" t="s">
        <v>234668</v>
      </c>
      <c r="E70271" s="1" t="s">
        <v>234669</v>
      </c>
      <c r="F70271" s="1" t="s">
        <v>234670</v>
      </c>
      <c r="G70271" s="1" t="s">
        <v>234631</v>
      </c>
      <c r="H70271" s="1" t="s">
        <v>234632</v>
      </c>
      <c r="I70271" s="1" t="s">
        <v>222698</v>
      </c>
      <c r="J70271" s="1" t="s">
        <v>234671</v>
      </c>
    </row>
    <row r="70272" spans="1:10" x14ac:dyDescent="0.35">
      <c r="A70272" s="1" t="s">
        <v>119775</v>
      </c>
      <c r="B70272" s="1" t="s">
        <v>222693</v>
      </c>
      <c r="C70272" s="1" t="s">
        <v>75</v>
      </c>
      <c r="D70272" s="1" t="s">
        <v>97348</v>
      </c>
      <c r="E70272" s="1" t="s">
        <v>234672</v>
      </c>
      <c r="F70272" s="1" t="s">
        <v>234673</v>
      </c>
      <c r="G70272" s="1" t="s">
        <v>234631</v>
      </c>
      <c r="H70272" s="1" t="s">
        <v>234632</v>
      </c>
      <c r="I70272" s="1" t="s">
        <v>222698</v>
      </c>
      <c r="J70272" s="1" t="s">
        <v>234674</v>
      </c>
    </row>
    <row r="70273" spans="1:10" x14ac:dyDescent="0.35">
      <c r="A70273" s="1" t="s">
        <v>119775</v>
      </c>
      <c r="B70273" s="1" t="s">
        <v>222693</v>
      </c>
      <c r="C70273" s="1" t="s">
        <v>80</v>
      </c>
      <c r="D70273" s="1" t="s">
        <v>95009</v>
      </c>
      <c r="E70273" s="1" t="s">
        <v>234675</v>
      </c>
      <c r="F70273" s="1" t="s">
        <v>234676</v>
      </c>
      <c r="G70273" s="1" t="s">
        <v>234631</v>
      </c>
      <c r="H70273" s="1" t="s">
        <v>234632</v>
      </c>
      <c r="I70273" s="1" t="s">
        <v>222698</v>
      </c>
      <c r="J70273" s="1" t="s">
        <v>234677</v>
      </c>
    </row>
    <row r="70274" spans="1:10" x14ac:dyDescent="0.35">
      <c r="A70274" s="1" t="s">
        <v>119775</v>
      </c>
      <c r="B70274" s="1" t="s">
        <v>222693</v>
      </c>
      <c r="C70274" s="1" t="s">
        <v>85</v>
      </c>
      <c r="D70274" s="1" t="s">
        <v>234678</v>
      </c>
      <c r="E70274" s="1" t="s">
        <v>234679</v>
      </c>
      <c r="F70274" s="1" t="s">
        <v>234680</v>
      </c>
      <c r="G70274" s="1" t="s">
        <v>234631</v>
      </c>
      <c r="H70274" s="1" t="s">
        <v>234632</v>
      </c>
      <c r="I70274" s="1" t="s">
        <v>222698</v>
      </c>
      <c r="J70274" s="1" t="s">
        <v>234681</v>
      </c>
    </row>
    <row r="70275" spans="1:10" x14ac:dyDescent="0.35">
      <c r="A70275" s="1" t="s">
        <v>119775</v>
      </c>
      <c r="B70275" s="1" t="s">
        <v>222693</v>
      </c>
      <c r="C70275" s="1" t="s">
        <v>90</v>
      </c>
      <c r="D70275" s="1" t="s">
        <v>138828</v>
      </c>
      <c r="E70275" s="1" t="s">
        <v>234682</v>
      </c>
      <c r="F70275" s="1" t="s">
        <v>234683</v>
      </c>
      <c r="G70275" s="1" t="s">
        <v>234631</v>
      </c>
      <c r="H70275" s="1" t="s">
        <v>234632</v>
      </c>
      <c r="I70275" s="1" t="s">
        <v>222698</v>
      </c>
      <c r="J70275" s="1" t="s">
        <v>234684</v>
      </c>
    </row>
    <row r="70276" spans="1:10" x14ac:dyDescent="0.35">
      <c r="A70276" s="1" t="s">
        <v>119775</v>
      </c>
      <c r="B70276" s="1" t="s">
        <v>222693</v>
      </c>
      <c r="C70276" s="1" t="s">
        <v>95</v>
      </c>
      <c r="D70276" s="1" t="s">
        <v>234685</v>
      </c>
      <c r="E70276" s="1" t="s">
        <v>234686</v>
      </c>
      <c r="F70276" s="1" t="s">
        <v>234687</v>
      </c>
      <c r="G70276" s="1" t="s">
        <v>234631</v>
      </c>
      <c r="H70276" s="1" t="s">
        <v>234632</v>
      </c>
      <c r="I70276" s="1" t="s">
        <v>222698</v>
      </c>
      <c r="J70276" s="1" t="s">
        <v>234688</v>
      </c>
    </row>
    <row r="70277" spans="1:10" x14ac:dyDescent="0.35">
      <c r="A70277" s="1" t="s">
        <v>119775</v>
      </c>
      <c r="B70277" s="1" t="s">
        <v>222693</v>
      </c>
      <c r="C70277" s="1" t="s">
        <v>100</v>
      </c>
      <c r="D70277" s="1" t="s">
        <v>128294</v>
      </c>
      <c r="E70277" s="1" t="s">
        <v>234689</v>
      </c>
      <c r="F70277" s="1" t="s">
        <v>234690</v>
      </c>
      <c r="G70277" s="1" t="s">
        <v>234631</v>
      </c>
      <c r="H70277" s="1" t="s">
        <v>234632</v>
      </c>
      <c r="I70277" s="1" t="s">
        <v>222698</v>
      </c>
      <c r="J70277" s="1" t="s">
        <v>234691</v>
      </c>
    </row>
    <row r="70278" spans="1:10" x14ac:dyDescent="0.35">
      <c r="A70278" s="1" t="s">
        <v>119775</v>
      </c>
      <c r="B70278" s="1" t="s">
        <v>222693</v>
      </c>
      <c r="C70278" s="1" t="s">
        <v>105</v>
      </c>
      <c r="D70278" s="1" t="s">
        <v>68966</v>
      </c>
      <c r="E70278" s="1" t="s">
        <v>234692</v>
      </c>
      <c r="F70278" s="1" t="s">
        <v>234693</v>
      </c>
      <c r="G70278" s="1" t="s">
        <v>234631</v>
      </c>
      <c r="H70278" s="1" t="s">
        <v>234632</v>
      </c>
      <c r="I70278" s="1" t="s">
        <v>222698</v>
      </c>
      <c r="J70278" s="1" t="s">
        <v>234694</v>
      </c>
    </row>
    <row r="70279" spans="1:10" x14ac:dyDescent="0.35">
      <c r="A70279" s="1" t="s">
        <v>119775</v>
      </c>
      <c r="B70279" s="1" t="s">
        <v>222693</v>
      </c>
      <c r="C70279" s="1" t="s">
        <v>110</v>
      </c>
      <c r="D70279" s="1" t="s">
        <v>104028</v>
      </c>
      <c r="E70279" s="1" t="s">
        <v>234695</v>
      </c>
      <c r="F70279" s="1" t="s">
        <v>234696</v>
      </c>
      <c r="G70279" s="1" t="s">
        <v>234631</v>
      </c>
      <c r="H70279" s="1" t="s">
        <v>234632</v>
      </c>
      <c r="I70279" s="1" t="s">
        <v>222698</v>
      </c>
      <c r="J70279" s="1" t="s">
        <v>234697</v>
      </c>
    </row>
    <row r="70280" spans="1:10" x14ac:dyDescent="0.35">
      <c r="A70280" s="1" t="s">
        <v>119775</v>
      </c>
      <c r="B70280" s="1" t="s">
        <v>222693</v>
      </c>
      <c r="C70280" s="1" t="s">
        <v>115</v>
      </c>
      <c r="D70280" s="1" t="s">
        <v>234698</v>
      </c>
      <c r="E70280" s="1" t="s">
        <v>234699</v>
      </c>
      <c r="F70280" s="1" t="s">
        <v>234700</v>
      </c>
      <c r="G70280" s="1" t="s">
        <v>234631</v>
      </c>
      <c r="H70280" s="1" t="s">
        <v>234632</v>
      </c>
      <c r="I70280" s="1" t="s">
        <v>222698</v>
      </c>
      <c r="J70280" s="1" t="s">
        <v>234701</v>
      </c>
    </row>
    <row r="70281" spans="1:10" x14ac:dyDescent="0.35">
      <c r="A70281" s="1" t="s">
        <v>119775</v>
      </c>
      <c r="B70281" s="1" t="s">
        <v>222693</v>
      </c>
      <c r="C70281" s="1" t="s">
        <v>120</v>
      </c>
      <c r="D70281" s="1" t="s">
        <v>234702</v>
      </c>
      <c r="E70281" s="1" t="s">
        <v>234703</v>
      </c>
      <c r="F70281" s="1" t="s">
        <v>234704</v>
      </c>
      <c r="G70281" s="1" t="s">
        <v>234631</v>
      </c>
      <c r="H70281" s="1" t="s">
        <v>234632</v>
      </c>
      <c r="I70281" s="1" t="s">
        <v>222698</v>
      </c>
      <c r="J70281" s="1" t="s">
        <v>234705</v>
      </c>
    </row>
    <row r="70282" spans="1:10" x14ac:dyDescent="0.35">
      <c r="A70282" s="1" t="s">
        <v>119775</v>
      </c>
      <c r="B70282" s="1" t="s">
        <v>222693</v>
      </c>
      <c r="C70282" s="1" t="s">
        <v>125</v>
      </c>
      <c r="D70282" s="1" t="s">
        <v>15164</v>
      </c>
      <c r="E70282" s="1" t="s">
        <v>234706</v>
      </c>
      <c r="F70282" s="1" t="s">
        <v>234707</v>
      </c>
      <c r="G70282" s="1" t="s">
        <v>234631</v>
      </c>
      <c r="H70282" s="1" t="s">
        <v>234632</v>
      </c>
      <c r="I70282" s="1" t="s">
        <v>222698</v>
      </c>
      <c r="J70282" s="1" t="s">
        <v>234708</v>
      </c>
    </row>
    <row r="70283" spans="1:10" x14ac:dyDescent="0.35">
      <c r="A70283" s="1" t="s">
        <v>119775</v>
      </c>
      <c r="B70283" s="1" t="s">
        <v>222693</v>
      </c>
      <c r="C70283" s="1" t="s">
        <v>130</v>
      </c>
      <c r="D70283" s="1" t="s">
        <v>22312</v>
      </c>
      <c r="E70283" s="1" t="s">
        <v>234709</v>
      </c>
      <c r="F70283" s="1" t="s">
        <v>234710</v>
      </c>
      <c r="G70283" s="1" t="s">
        <v>234631</v>
      </c>
      <c r="H70283" s="1" t="s">
        <v>234632</v>
      </c>
      <c r="I70283" s="1" t="s">
        <v>222698</v>
      </c>
      <c r="J70283" s="1" t="s">
        <v>234711</v>
      </c>
    </row>
    <row r="70284" spans="1:10" x14ac:dyDescent="0.35">
      <c r="A70284" s="1" t="s">
        <v>119775</v>
      </c>
      <c r="B70284" s="1" t="s">
        <v>222693</v>
      </c>
      <c r="C70284" s="1" t="s">
        <v>135</v>
      </c>
      <c r="D70284" s="1" t="s">
        <v>131823</v>
      </c>
      <c r="E70284" s="1" t="s">
        <v>234712</v>
      </c>
      <c r="F70284" s="1" t="s">
        <v>234713</v>
      </c>
      <c r="G70284" s="1" t="s">
        <v>234631</v>
      </c>
      <c r="H70284" s="1" t="s">
        <v>234632</v>
      </c>
      <c r="I70284" s="1" t="s">
        <v>222698</v>
      </c>
      <c r="J70284" s="1" t="s">
        <v>234714</v>
      </c>
    </row>
    <row r="70285" spans="1:10" x14ac:dyDescent="0.35">
      <c r="A70285" s="1" t="s">
        <v>119775</v>
      </c>
      <c r="B70285" s="1" t="s">
        <v>222693</v>
      </c>
      <c r="C70285" s="1" t="s">
        <v>140</v>
      </c>
      <c r="D70285" s="1" t="s">
        <v>24915</v>
      </c>
      <c r="E70285" s="1" t="s">
        <v>234715</v>
      </c>
      <c r="F70285" s="1" t="s">
        <v>234716</v>
      </c>
      <c r="G70285" s="1" t="s">
        <v>234631</v>
      </c>
      <c r="H70285" s="1" t="s">
        <v>234632</v>
      </c>
      <c r="I70285" s="1" t="s">
        <v>222698</v>
      </c>
      <c r="J70285" s="1" t="s">
        <v>234717</v>
      </c>
    </row>
    <row r="70286" spans="1:10" x14ac:dyDescent="0.35">
      <c r="A70286" s="1" t="s">
        <v>119775</v>
      </c>
      <c r="B70286" s="1" t="s">
        <v>222693</v>
      </c>
      <c r="C70286" s="1" t="s">
        <v>145</v>
      </c>
      <c r="D70286" s="1" t="s">
        <v>234718</v>
      </c>
      <c r="E70286" s="1" t="s">
        <v>234719</v>
      </c>
      <c r="F70286" s="1" t="s">
        <v>234720</v>
      </c>
      <c r="G70286" s="1" t="s">
        <v>234631</v>
      </c>
      <c r="H70286" s="1" t="s">
        <v>234632</v>
      </c>
      <c r="I70286" s="1" t="s">
        <v>222698</v>
      </c>
      <c r="J70286" s="1" t="s">
        <v>234721</v>
      </c>
    </row>
    <row r="70287" spans="1:10" x14ac:dyDescent="0.35">
      <c r="A70287" s="1" t="s">
        <v>119775</v>
      </c>
      <c r="B70287" s="1" t="s">
        <v>222693</v>
      </c>
      <c r="C70287" s="1" t="s">
        <v>150</v>
      </c>
      <c r="D70287" s="1" t="s">
        <v>27062</v>
      </c>
      <c r="E70287" s="1" t="s">
        <v>234722</v>
      </c>
      <c r="F70287" s="1" t="s">
        <v>234723</v>
      </c>
      <c r="G70287" s="1" t="s">
        <v>234631</v>
      </c>
      <c r="H70287" s="1" t="s">
        <v>234632</v>
      </c>
      <c r="I70287" s="1" t="s">
        <v>222698</v>
      </c>
      <c r="J70287" s="1" t="s">
        <v>234724</v>
      </c>
    </row>
    <row r="70288" spans="1:10" x14ac:dyDescent="0.35">
      <c r="A70288" s="1" t="s">
        <v>119775</v>
      </c>
      <c r="B70288" s="1" t="s">
        <v>222693</v>
      </c>
      <c r="C70288" s="1" t="s">
        <v>155</v>
      </c>
      <c r="D70288" s="1" t="s">
        <v>95296</v>
      </c>
      <c r="E70288" s="1" t="s">
        <v>234725</v>
      </c>
      <c r="F70288" s="1" t="s">
        <v>234726</v>
      </c>
      <c r="G70288" s="1" t="s">
        <v>234631</v>
      </c>
      <c r="H70288" s="1" t="s">
        <v>234632</v>
      </c>
      <c r="I70288" s="1" t="s">
        <v>222698</v>
      </c>
      <c r="J70288" s="1" t="s">
        <v>234727</v>
      </c>
    </row>
    <row r="70289" spans="1:10" x14ac:dyDescent="0.35">
      <c r="A70289" s="1" t="s">
        <v>119775</v>
      </c>
      <c r="B70289" s="1" t="s">
        <v>222693</v>
      </c>
      <c r="C70289" s="1" t="s">
        <v>160</v>
      </c>
      <c r="D70289" s="1" t="s">
        <v>80667</v>
      </c>
      <c r="E70289" s="1" t="s">
        <v>234728</v>
      </c>
      <c r="F70289" s="1" t="s">
        <v>234729</v>
      </c>
      <c r="G70289" s="1" t="s">
        <v>234631</v>
      </c>
      <c r="H70289" s="1" t="s">
        <v>234632</v>
      </c>
      <c r="I70289" s="1" t="s">
        <v>222698</v>
      </c>
      <c r="J70289" s="1" t="s">
        <v>234730</v>
      </c>
    </row>
    <row r="70290" spans="1:10" x14ac:dyDescent="0.35">
      <c r="A70290" s="1" t="s">
        <v>119775</v>
      </c>
      <c r="B70290" s="1" t="s">
        <v>222693</v>
      </c>
      <c r="C70290" s="1" t="s">
        <v>165</v>
      </c>
      <c r="D70290" s="1" t="s">
        <v>234731</v>
      </c>
      <c r="E70290" s="1" t="s">
        <v>234732</v>
      </c>
      <c r="F70290" s="1" t="s">
        <v>234733</v>
      </c>
      <c r="G70290" s="1" t="s">
        <v>234631</v>
      </c>
      <c r="H70290" s="1" t="s">
        <v>234632</v>
      </c>
      <c r="I70290" s="1" t="s">
        <v>222698</v>
      </c>
      <c r="J70290" s="1" t="s">
        <v>234734</v>
      </c>
    </row>
    <row r="70291" spans="1:10" x14ac:dyDescent="0.35">
      <c r="A70291" s="1" t="s">
        <v>119775</v>
      </c>
      <c r="B70291" s="1" t="s">
        <v>222693</v>
      </c>
      <c r="C70291" s="1" t="s">
        <v>170</v>
      </c>
      <c r="D70291" s="1" t="s">
        <v>234735</v>
      </c>
      <c r="E70291" s="1" t="s">
        <v>234736</v>
      </c>
      <c r="F70291" s="1" t="s">
        <v>234737</v>
      </c>
      <c r="G70291" s="1" t="s">
        <v>234631</v>
      </c>
      <c r="H70291" s="1" t="s">
        <v>234632</v>
      </c>
      <c r="I70291" s="1" t="s">
        <v>222698</v>
      </c>
      <c r="J70291" s="1" t="s">
        <v>234738</v>
      </c>
    </row>
    <row r="70292" spans="1:10" x14ac:dyDescent="0.35">
      <c r="A70292" s="1" t="s">
        <v>27644</v>
      </c>
      <c r="B70292" s="1" t="s">
        <v>222693</v>
      </c>
      <c r="C70292" s="1" t="s">
        <v>8</v>
      </c>
      <c r="D70292" s="1" t="s">
        <v>234739</v>
      </c>
      <c r="E70292" s="1" t="s">
        <v>234740</v>
      </c>
      <c r="F70292" s="1" t="s">
        <v>234741</v>
      </c>
      <c r="G70292" s="1" t="s">
        <v>234742</v>
      </c>
      <c r="H70292" s="1" t="s">
        <v>234743</v>
      </c>
      <c r="I70292" s="1" t="s">
        <v>222698</v>
      </c>
      <c r="J70292" s="1" t="s">
        <v>13</v>
      </c>
    </row>
    <row r="70293" spans="1:10" x14ac:dyDescent="0.35">
      <c r="A70293" s="1" t="s">
        <v>27644</v>
      </c>
      <c r="B70293" s="1" t="s">
        <v>222693</v>
      </c>
      <c r="C70293" s="1" t="s">
        <v>15</v>
      </c>
      <c r="D70293" s="1" t="s">
        <v>21607</v>
      </c>
      <c r="E70293" s="1" t="s">
        <v>234744</v>
      </c>
      <c r="F70293" s="1" t="s">
        <v>234745</v>
      </c>
      <c r="G70293" s="1" t="s">
        <v>234742</v>
      </c>
      <c r="H70293" s="1" t="s">
        <v>234743</v>
      </c>
      <c r="I70293" s="1" t="s">
        <v>222698</v>
      </c>
      <c r="J70293" s="1" t="s">
        <v>234746</v>
      </c>
    </row>
    <row r="70294" spans="1:10" x14ac:dyDescent="0.35">
      <c r="A70294" s="1" t="s">
        <v>27644</v>
      </c>
      <c r="B70294" s="1" t="s">
        <v>222693</v>
      </c>
      <c r="C70294" s="1" t="s">
        <v>20</v>
      </c>
      <c r="D70294" s="1" t="s">
        <v>23453</v>
      </c>
      <c r="E70294" s="1" t="s">
        <v>234747</v>
      </c>
      <c r="F70294" s="1" t="s">
        <v>234748</v>
      </c>
      <c r="G70294" s="1" t="s">
        <v>234742</v>
      </c>
      <c r="H70294" s="1" t="s">
        <v>234743</v>
      </c>
      <c r="I70294" s="1" t="s">
        <v>222698</v>
      </c>
      <c r="J70294" s="1" t="s">
        <v>234749</v>
      </c>
    </row>
    <row r="70295" spans="1:10" x14ac:dyDescent="0.35">
      <c r="A70295" s="1" t="s">
        <v>27644</v>
      </c>
      <c r="B70295" s="1" t="s">
        <v>222693</v>
      </c>
      <c r="C70295" s="1" t="s">
        <v>25</v>
      </c>
      <c r="D70295" s="1" t="s">
        <v>180661</v>
      </c>
      <c r="E70295" s="1" t="s">
        <v>234750</v>
      </c>
      <c r="F70295" s="1" t="s">
        <v>234751</v>
      </c>
      <c r="G70295" s="1" t="s">
        <v>234742</v>
      </c>
      <c r="H70295" s="1" t="s">
        <v>234743</v>
      </c>
      <c r="I70295" s="1" t="s">
        <v>222698</v>
      </c>
      <c r="J70295" s="1" t="s">
        <v>234752</v>
      </c>
    </row>
    <row r="70296" spans="1:10" x14ac:dyDescent="0.35">
      <c r="A70296" s="1" t="s">
        <v>27644</v>
      </c>
      <c r="B70296" s="1" t="s">
        <v>222693</v>
      </c>
      <c r="C70296" s="1" t="s">
        <v>30</v>
      </c>
      <c r="D70296" s="1" t="s">
        <v>234753</v>
      </c>
      <c r="E70296" s="1" t="s">
        <v>234754</v>
      </c>
      <c r="F70296" s="1" t="s">
        <v>234755</v>
      </c>
      <c r="G70296" s="1" t="s">
        <v>234742</v>
      </c>
      <c r="H70296" s="1" t="s">
        <v>234743</v>
      </c>
      <c r="I70296" s="1" t="s">
        <v>222698</v>
      </c>
      <c r="J70296" s="1" t="s">
        <v>234756</v>
      </c>
    </row>
    <row r="70297" spans="1:10" x14ac:dyDescent="0.35">
      <c r="A70297" s="1" t="s">
        <v>27644</v>
      </c>
      <c r="B70297" s="1" t="s">
        <v>222693</v>
      </c>
      <c r="C70297" s="1" t="s">
        <v>35</v>
      </c>
      <c r="D70297" s="1" t="s">
        <v>199511</v>
      </c>
      <c r="E70297" s="1" t="s">
        <v>234757</v>
      </c>
      <c r="F70297" s="1" t="s">
        <v>234758</v>
      </c>
      <c r="G70297" s="1" t="s">
        <v>234742</v>
      </c>
      <c r="H70297" s="1" t="s">
        <v>234743</v>
      </c>
      <c r="I70297" s="1" t="s">
        <v>222698</v>
      </c>
      <c r="J70297" s="1" t="s">
        <v>234759</v>
      </c>
    </row>
    <row r="70298" spans="1:10" x14ac:dyDescent="0.35">
      <c r="A70298" s="1" t="s">
        <v>27644</v>
      </c>
      <c r="B70298" s="1" t="s">
        <v>222693</v>
      </c>
      <c r="C70298" s="1" t="s">
        <v>40</v>
      </c>
      <c r="D70298" s="1" t="s">
        <v>234760</v>
      </c>
      <c r="E70298" s="1" t="s">
        <v>234761</v>
      </c>
      <c r="F70298" s="1" t="s">
        <v>234762</v>
      </c>
      <c r="G70298" s="1" t="s">
        <v>234742</v>
      </c>
      <c r="H70298" s="1" t="s">
        <v>234743</v>
      </c>
      <c r="I70298" s="1" t="s">
        <v>222698</v>
      </c>
      <c r="J70298" s="1" t="s">
        <v>234763</v>
      </c>
    </row>
    <row r="70299" spans="1:10" x14ac:dyDescent="0.35">
      <c r="A70299" s="1" t="s">
        <v>27644</v>
      </c>
      <c r="B70299" s="1" t="s">
        <v>222693</v>
      </c>
      <c r="C70299" s="1" t="s">
        <v>45</v>
      </c>
      <c r="D70299" s="1" t="s">
        <v>68420</v>
      </c>
      <c r="E70299" s="1" t="s">
        <v>234764</v>
      </c>
      <c r="F70299" s="1" t="s">
        <v>234765</v>
      </c>
      <c r="G70299" s="1" t="s">
        <v>234742</v>
      </c>
      <c r="H70299" s="1" t="s">
        <v>234743</v>
      </c>
      <c r="I70299" s="1" t="s">
        <v>222698</v>
      </c>
      <c r="J70299" s="1" t="s">
        <v>234766</v>
      </c>
    </row>
    <row r="70300" spans="1:10" x14ac:dyDescent="0.35">
      <c r="A70300" s="1" t="s">
        <v>27644</v>
      </c>
      <c r="B70300" s="1" t="s">
        <v>222693</v>
      </c>
      <c r="C70300" s="1" t="s">
        <v>50</v>
      </c>
      <c r="D70300" s="1" t="s">
        <v>58510</v>
      </c>
      <c r="E70300" s="1" t="s">
        <v>234767</v>
      </c>
      <c r="F70300" s="1" t="s">
        <v>234768</v>
      </c>
      <c r="G70300" s="1" t="s">
        <v>234742</v>
      </c>
      <c r="H70300" s="1" t="s">
        <v>234743</v>
      </c>
      <c r="I70300" s="1" t="s">
        <v>222698</v>
      </c>
      <c r="J70300" s="1" t="s">
        <v>234769</v>
      </c>
    </row>
    <row r="70301" spans="1:10" x14ac:dyDescent="0.35">
      <c r="A70301" s="1" t="s">
        <v>27644</v>
      </c>
      <c r="B70301" s="1" t="s">
        <v>222693</v>
      </c>
      <c r="C70301" s="1" t="s">
        <v>55</v>
      </c>
      <c r="D70301" s="1" t="s">
        <v>62875</v>
      </c>
      <c r="E70301" s="1" t="s">
        <v>234770</v>
      </c>
      <c r="F70301" s="1" t="s">
        <v>234771</v>
      </c>
      <c r="G70301" s="1" t="s">
        <v>234742</v>
      </c>
      <c r="H70301" s="1" t="s">
        <v>234743</v>
      </c>
      <c r="I70301" s="1" t="s">
        <v>222698</v>
      </c>
      <c r="J70301" s="1" t="s">
        <v>234772</v>
      </c>
    </row>
    <row r="70302" spans="1:10" x14ac:dyDescent="0.35">
      <c r="A70302" s="1" t="s">
        <v>27644</v>
      </c>
      <c r="B70302" s="1" t="s">
        <v>222693</v>
      </c>
      <c r="C70302" s="1" t="s">
        <v>60</v>
      </c>
      <c r="D70302" s="1" t="s">
        <v>234773</v>
      </c>
      <c r="E70302" s="1" t="s">
        <v>234774</v>
      </c>
      <c r="F70302" s="1" t="s">
        <v>234775</v>
      </c>
      <c r="G70302" s="1" t="s">
        <v>234742</v>
      </c>
      <c r="H70302" s="1" t="s">
        <v>234743</v>
      </c>
      <c r="I70302" s="1" t="s">
        <v>222698</v>
      </c>
      <c r="J70302" s="1" t="s">
        <v>234776</v>
      </c>
    </row>
    <row r="70303" spans="1:10" x14ac:dyDescent="0.35">
      <c r="A70303" s="1" t="s">
        <v>27644</v>
      </c>
      <c r="B70303" s="1" t="s">
        <v>222693</v>
      </c>
      <c r="C70303" s="1" t="s">
        <v>65</v>
      </c>
      <c r="D70303" s="1" t="s">
        <v>131350</v>
      </c>
      <c r="E70303" s="1" t="s">
        <v>234777</v>
      </c>
      <c r="F70303" s="1" t="s">
        <v>234778</v>
      </c>
      <c r="G70303" s="1" t="s">
        <v>234742</v>
      </c>
      <c r="H70303" s="1" t="s">
        <v>234743</v>
      </c>
      <c r="I70303" s="1" t="s">
        <v>222698</v>
      </c>
      <c r="J70303" s="1" t="s">
        <v>234779</v>
      </c>
    </row>
    <row r="70304" spans="1:10" x14ac:dyDescent="0.35">
      <c r="A70304" s="1" t="s">
        <v>27644</v>
      </c>
      <c r="B70304" s="1" t="s">
        <v>222693</v>
      </c>
      <c r="C70304" s="1" t="s">
        <v>70</v>
      </c>
      <c r="D70304" s="1" t="s">
        <v>85129</v>
      </c>
      <c r="E70304" s="1" t="s">
        <v>234780</v>
      </c>
      <c r="F70304" s="1" t="s">
        <v>234781</v>
      </c>
      <c r="G70304" s="1" t="s">
        <v>234742</v>
      </c>
      <c r="H70304" s="1" t="s">
        <v>234743</v>
      </c>
      <c r="I70304" s="1" t="s">
        <v>222698</v>
      </c>
      <c r="J70304" s="1" t="s">
        <v>234782</v>
      </c>
    </row>
    <row r="70305" spans="1:10" x14ac:dyDescent="0.35">
      <c r="A70305" s="1" t="s">
        <v>27644</v>
      </c>
      <c r="B70305" s="1" t="s">
        <v>222693</v>
      </c>
      <c r="C70305" s="1" t="s">
        <v>75</v>
      </c>
      <c r="D70305" s="1" t="s">
        <v>65161</v>
      </c>
      <c r="E70305" s="1" t="s">
        <v>234783</v>
      </c>
      <c r="F70305" s="1" t="s">
        <v>234784</v>
      </c>
      <c r="G70305" s="1" t="s">
        <v>234742</v>
      </c>
      <c r="H70305" s="1" t="s">
        <v>234743</v>
      </c>
      <c r="I70305" s="1" t="s">
        <v>222698</v>
      </c>
      <c r="J70305" s="1" t="s">
        <v>234785</v>
      </c>
    </row>
    <row r="70306" spans="1:10" x14ac:dyDescent="0.35">
      <c r="A70306" s="1" t="s">
        <v>27644</v>
      </c>
      <c r="B70306" s="1" t="s">
        <v>222693</v>
      </c>
      <c r="C70306" s="1" t="s">
        <v>80</v>
      </c>
      <c r="D70306" s="1" t="s">
        <v>234786</v>
      </c>
      <c r="E70306" s="1" t="s">
        <v>234787</v>
      </c>
      <c r="F70306" s="1" t="s">
        <v>234788</v>
      </c>
      <c r="G70306" s="1" t="s">
        <v>234742</v>
      </c>
      <c r="H70306" s="1" t="s">
        <v>234743</v>
      </c>
      <c r="I70306" s="1" t="s">
        <v>222698</v>
      </c>
      <c r="J70306" s="1" t="s">
        <v>234789</v>
      </c>
    </row>
    <row r="70307" spans="1:10" x14ac:dyDescent="0.35">
      <c r="A70307" s="1" t="s">
        <v>27644</v>
      </c>
      <c r="B70307" s="1" t="s">
        <v>222693</v>
      </c>
      <c r="C70307" s="1" t="s">
        <v>85</v>
      </c>
      <c r="D70307" s="1" t="s">
        <v>234790</v>
      </c>
      <c r="E70307" s="1" t="s">
        <v>234791</v>
      </c>
      <c r="F70307" s="1" t="s">
        <v>234792</v>
      </c>
      <c r="G70307" s="1" t="s">
        <v>234742</v>
      </c>
      <c r="H70307" s="1" t="s">
        <v>234743</v>
      </c>
      <c r="I70307" s="1" t="s">
        <v>222698</v>
      </c>
      <c r="J70307" s="1" t="s">
        <v>234793</v>
      </c>
    </row>
    <row r="70308" spans="1:10" x14ac:dyDescent="0.35">
      <c r="A70308" s="1" t="s">
        <v>27644</v>
      </c>
      <c r="B70308" s="1" t="s">
        <v>222693</v>
      </c>
      <c r="C70308" s="1" t="s">
        <v>90</v>
      </c>
      <c r="D70308" s="1" t="s">
        <v>40514</v>
      </c>
      <c r="E70308" s="1" t="s">
        <v>234794</v>
      </c>
      <c r="F70308" s="1" t="s">
        <v>234795</v>
      </c>
      <c r="G70308" s="1" t="s">
        <v>234742</v>
      </c>
      <c r="H70308" s="1" t="s">
        <v>234743</v>
      </c>
      <c r="I70308" s="1" t="s">
        <v>222698</v>
      </c>
      <c r="J70308" s="1" t="s">
        <v>234796</v>
      </c>
    </row>
    <row r="70309" spans="1:10" x14ac:dyDescent="0.35">
      <c r="A70309" s="1" t="s">
        <v>27644</v>
      </c>
      <c r="B70309" s="1" t="s">
        <v>222693</v>
      </c>
      <c r="C70309" s="1" t="s">
        <v>95</v>
      </c>
      <c r="D70309" s="1" t="s">
        <v>40921</v>
      </c>
      <c r="E70309" s="1" t="s">
        <v>234797</v>
      </c>
      <c r="F70309" s="1" t="s">
        <v>234798</v>
      </c>
      <c r="G70309" s="1" t="s">
        <v>234742</v>
      </c>
      <c r="H70309" s="1" t="s">
        <v>234743</v>
      </c>
      <c r="I70309" s="1" t="s">
        <v>222698</v>
      </c>
      <c r="J70309" s="1" t="s">
        <v>234799</v>
      </c>
    </row>
    <row r="70310" spans="1:10" x14ac:dyDescent="0.35">
      <c r="A70310" s="1" t="s">
        <v>27644</v>
      </c>
      <c r="B70310" s="1" t="s">
        <v>222693</v>
      </c>
      <c r="C70310" s="1" t="s">
        <v>100</v>
      </c>
      <c r="D70310" s="1" t="s">
        <v>230940</v>
      </c>
      <c r="E70310" s="1" t="s">
        <v>234800</v>
      </c>
      <c r="F70310" s="1" t="s">
        <v>234801</v>
      </c>
      <c r="G70310" s="1" t="s">
        <v>234742</v>
      </c>
      <c r="H70310" s="1" t="s">
        <v>234743</v>
      </c>
      <c r="I70310" s="1" t="s">
        <v>222698</v>
      </c>
      <c r="J70310" s="1" t="s">
        <v>234802</v>
      </c>
    </row>
    <row r="70311" spans="1:10" x14ac:dyDescent="0.35">
      <c r="A70311" s="1" t="s">
        <v>27644</v>
      </c>
      <c r="B70311" s="1" t="s">
        <v>222693</v>
      </c>
      <c r="C70311" s="1" t="s">
        <v>105</v>
      </c>
      <c r="D70311" s="1" t="s">
        <v>61209</v>
      </c>
      <c r="E70311" s="1" t="s">
        <v>234803</v>
      </c>
      <c r="F70311" s="1" t="s">
        <v>234804</v>
      </c>
      <c r="G70311" s="1" t="s">
        <v>234742</v>
      </c>
      <c r="H70311" s="1" t="s">
        <v>234743</v>
      </c>
      <c r="I70311" s="1" t="s">
        <v>222698</v>
      </c>
      <c r="J70311" s="1" t="s">
        <v>234805</v>
      </c>
    </row>
    <row r="70312" spans="1:10" x14ac:dyDescent="0.35">
      <c r="A70312" s="1" t="s">
        <v>27644</v>
      </c>
      <c r="B70312" s="1" t="s">
        <v>222693</v>
      </c>
      <c r="C70312" s="1" t="s">
        <v>110</v>
      </c>
      <c r="D70312" s="1" t="s">
        <v>70235</v>
      </c>
      <c r="E70312" s="1" t="s">
        <v>234806</v>
      </c>
      <c r="F70312" s="1" t="s">
        <v>234807</v>
      </c>
      <c r="G70312" s="1" t="s">
        <v>234742</v>
      </c>
      <c r="H70312" s="1" t="s">
        <v>234743</v>
      </c>
      <c r="I70312" s="1" t="s">
        <v>222698</v>
      </c>
      <c r="J70312" s="1" t="s">
        <v>234808</v>
      </c>
    </row>
    <row r="70313" spans="1:10" x14ac:dyDescent="0.35">
      <c r="A70313" s="1" t="s">
        <v>27644</v>
      </c>
      <c r="B70313" s="1" t="s">
        <v>222693</v>
      </c>
      <c r="C70313" s="1" t="s">
        <v>115</v>
      </c>
      <c r="D70313" s="1" t="s">
        <v>234809</v>
      </c>
      <c r="E70313" s="1" t="s">
        <v>234810</v>
      </c>
      <c r="F70313" s="1" t="s">
        <v>234811</v>
      </c>
      <c r="G70313" s="1" t="s">
        <v>234742</v>
      </c>
      <c r="H70313" s="1" t="s">
        <v>234743</v>
      </c>
      <c r="I70313" s="1" t="s">
        <v>222698</v>
      </c>
      <c r="J70313" s="1" t="s">
        <v>234812</v>
      </c>
    </row>
    <row r="70314" spans="1:10" x14ac:dyDescent="0.35">
      <c r="A70314" s="1" t="s">
        <v>27644</v>
      </c>
      <c r="B70314" s="1" t="s">
        <v>222693</v>
      </c>
      <c r="C70314" s="1" t="s">
        <v>120</v>
      </c>
      <c r="D70314" s="1" t="s">
        <v>234813</v>
      </c>
      <c r="E70314" s="1" t="s">
        <v>234814</v>
      </c>
      <c r="F70314" s="1" t="s">
        <v>234815</v>
      </c>
      <c r="G70314" s="1" t="s">
        <v>234742</v>
      </c>
      <c r="H70314" s="1" t="s">
        <v>234743</v>
      </c>
      <c r="I70314" s="1" t="s">
        <v>222698</v>
      </c>
      <c r="J70314" s="1" t="s">
        <v>234816</v>
      </c>
    </row>
    <row r="70315" spans="1:10" x14ac:dyDescent="0.35">
      <c r="A70315" s="1" t="s">
        <v>27644</v>
      </c>
      <c r="B70315" s="1" t="s">
        <v>222693</v>
      </c>
      <c r="C70315" s="1" t="s">
        <v>125</v>
      </c>
      <c r="D70315" s="1" t="s">
        <v>234817</v>
      </c>
      <c r="E70315" s="1" t="s">
        <v>234818</v>
      </c>
      <c r="F70315" s="1" t="s">
        <v>234819</v>
      </c>
      <c r="G70315" s="1" t="s">
        <v>234742</v>
      </c>
      <c r="H70315" s="1" t="s">
        <v>234743</v>
      </c>
      <c r="I70315" s="1" t="s">
        <v>222698</v>
      </c>
      <c r="J70315" s="1" t="s">
        <v>234820</v>
      </c>
    </row>
    <row r="70316" spans="1:10" x14ac:dyDescent="0.35">
      <c r="A70316" s="1" t="s">
        <v>27644</v>
      </c>
      <c r="B70316" s="1" t="s">
        <v>222693</v>
      </c>
      <c r="C70316" s="1" t="s">
        <v>130</v>
      </c>
      <c r="D70316" s="1" t="s">
        <v>234821</v>
      </c>
      <c r="E70316" s="1" t="s">
        <v>234822</v>
      </c>
      <c r="F70316" s="1" t="s">
        <v>234823</v>
      </c>
      <c r="G70316" s="1" t="s">
        <v>234742</v>
      </c>
      <c r="H70316" s="1" t="s">
        <v>234743</v>
      </c>
      <c r="I70316" s="1" t="s">
        <v>222698</v>
      </c>
      <c r="J70316" s="1" t="s">
        <v>234824</v>
      </c>
    </row>
    <row r="70317" spans="1:10" x14ac:dyDescent="0.35">
      <c r="A70317" s="1" t="s">
        <v>27644</v>
      </c>
      <c r="B70317" s="1" t="s">
        <v>222693</v>
      </c>
      <c r="C70317" s="1" t="s">
        <v>135</v>
      </c>
      <c r="D70317" s="1" t="s">
        <v>99050</v>
      </c>
      <c r="E70317" s="1" t="s">
        <v>234825</v>
      </c>
      <c r="F70317" s="1" t="s">
        <v>234826</v>
      </c>
      <c r="G70317" s="1" t="s">
        <v>234742</v>
      </c>
      <c r="H70317" s="1" t="s">
        <v>234743</v>
      </c>
      <c r="I70317" s="1" t="s">
        <v>222698</v>
      </c>
      <c r="J70317" s="1" t="s">
        <v>234827</v>
      </c>
    </row>
    <row r="70318" spans="1:10" x14ac:dyDescent="0.35">
      <c r="A70318" s="1" t="s">
        <v>27644</v>
      </c>
      <c r="B70318" s="1" t="s">
        <v>222693</v>
      </c>
      <c r="C70318" s="1" t="s">
        <v>140</v>
      </c>
      <c r="D70318" s="1" t="s">
        <v>231167</v>
      </c>
      <c r="E70318" s="1" t="s">
        <v>234828</v>
      </c>
      <c r="F70318" s="1" t="s">
        <v>234829</v>
      </c>
      <c r="G70318" s="1" t="s">
        <v>234742</v>
      </c>
      <c r="H70318" s="1" t="s">
        <v>234743</v>
      </c>
      <c r="I70318" s="1" t="s">
        <v>222698</v>
      </c>
      <c r="J70318" s="1" t="s">
        <v>234830</v>
      </c>
    </row>
    <row r="70319" spans="1:10" x14ac:dyDescent="0.35">
      <c r="A70319" s="1" t="s">
        <v>27644</v>
      </c>
      <c r="B70319" s="1" t="s">
        <v>222693</v>
      </c>
      <c r="C70319" s="1" t="s">
        <v>145</v>
      </c>
      <c r="D70319" s="1" t="s">
        <v>234831</v>
      </c>
      <c r="E70319" s="1" t="s">
        <v>234832</v>
      </c>
      <c r="F70319" s="1" t="s">
        <v>234833</v>
      </c>
      <c r="G70319" s="1" t="s">
        <v>234742</v>
      </c>
      <c r="H70319" s="1" t="s">
        <v>234743</v>
      </c>
      <c r="I70319" s="1" t="s">
        <v>222698</v>
      </c>
      <c r="J70319" s="1" t="s">
        <v>234834</v>
      </c>
    </row>
    <row r="70320" spans="1:10" x14ac:dyDescent="0.35">
      <c r="A70320" s="1" t="s">
        <v>27644</v>
      </c>
      <c r="B70320" s="1" t="s">
        <v>222693</v>
      </c>
      <c r="C70320" s="1" t="s">
        <v>150</v>
      </c>
      <c r="D70320" s="1" t="s">
        <v>234835</v>
      </c>
      <c r="E70320" s="1" t="s">
        <v>234836</v>
      </c>
      <c r="F70320" s="1" t="s">
        <v>234837</v>
      </c>
      <c r="G70320" s="1" t="s">
        <v>234742</v>
      </c>
      <c r="H70320" s="1" t="s">
        <v>234743</v>
      </c>
      <c r="I70320" s="1" t="s">
        <v>222698</v>
      </c>
      <c r="J70320" s="1" t="s">
        <v>234838</v>
      </c>
    </row>
    <row r="70321" spans="1:10" x14ac:dyDescent="0.35">
      <c r="A70321" s="1" t="s">
        <v>27644</v>
      </c>
      <c r="B70321" s="1" t="s">
        <v>222693</v>
      </c>
      <c r="C70321" s="1" t="s">
        <v>155</v>
      </c>
      <c r="D70321" s="1" t="s">
        <v>234839</v>
      </c>
      <c r="E70321" s="1" t="s">
        <v>234840</v>
      </c>
      <c r="F70321" s="1" t="s">
        <v>234841</v>
      </c>
      <c r="G70321" s="1" t="s">
        <v>234742</v>
      </c>
      <c r="H70321" s="1" t="s">
        <v>234743</v>
      </c>
      <c r="I70321" s="1" t="s">
        <v>222698</v>
      </c>
      <c r="J70321" s="1" t="s">
        <v>234842</v>
      </c>
    </row>
    <row r="70322" spans="1:10" x14ac:dyDescent="0.35">
      <c r="A70322" s="1" t="s">
        <v>27644</v>
      </c>
      <c r="B70322" s="1" t="s">
        <v>222693</v>
      </c>
      <c r="C70322" s="1" t="s">
        <v>160</v>
      </c>
      <c r="D70322" s="1" t="s">
        <v>234843</v>
      </c>
      <c r="E70322" s="1" t="s">
        <v>234844</v>
      </c>
      <c r="F70322" s="1" t="s">
        <v>234845</v>
      </c>
      <c r="G70322" s="1" t="s">
        <v>234742</v>
      </c>
      <c r="H70322" s="1" t="s">
        <v>234743</v>
      </c>
      <c r="I70322" s="1" t="s">
        <v>222698</v>
      </c>
      <c r="J70322" s="1" t="s">
        <v>234846</v>
      </c>
    </row>
    <row r="70323" spans="1:10" x14ac:dyDescent="0.35">
      <c r="A70323" s="1" t="s">
        <v>27644</v>
      </c>
      <c r="B70323" s="1" t="s">
        <v>222693</v>
      </c>
      <c r="C70323" s="1" t="s">
        <v>165</v>
      </c>
      <c r="D70323" s="1" t="s">
        <v>234847</v>
      </c>
      <c r="E70323" s="1" t="s">
        <v>234848</v>
      </c>
      <c r="F70323" s="1" t="s">
        <v>234849</v>
      </c>
      <c r="G70323" s="1" t="s">
        <v>234742</v>
      </c>
      <c r="H70323" s="1" t="s">
        <v>234743</v>
      </c>
      <c r="I70323" s="1" t="s">
        <v>222698</v>
      </c>
      <c r="J70323" s="1" t="s">
        <v>234850</v>
      </c>
    </row>
    <row r="70324" spans="1:10" x14ac:dyDescent="0.35">
      <c r="A70324" s="1" t="s">
        <v>27644</v>
      </c>
      <c r="B70324" s="1" t="s">
        <v>222693</v>
      </c>
      <c r="C70324" s="1" t="s">
        <v>170</v>
      </c>
      <c r="D70324" s="1" t="s">
        <v>234851</v>
      </c>
      <c r="E70324" s="1" t="s">
        <v>234852</v>
      </c>
      <c r="F70324" s="1" t="s">
        <v>234853</v>
      </c>
      <c r="G70324" s="1" t="s">
        <v>234742</v>
      </c>
      <c r="H70324" s="1" t="s">
        <v>234743</v>
      </c>
      <c r="I70324" s="1" t="s">
        <v>222698</v>
      </c>
      <c r="J70324" s="1" t="s">
        <v>234854</v>
      </c>
    </row>
    <row r="70325" spans="1:10" x14ac:dyDescent="0.35">
      <c r="A70325" s="1" t="s">
        <v>2027</v>
      </c>
      <c r="B70325" s="1" t="s">
        <v>222693</v>
      </c>
      <c r="C70325" s="1" t="s">
        <v>8</v>
      </c>
      <c r="D70325" s="1" t="s">
        <v>234855</v>
      </c>
      <c r="E70325" s="1" t="s">
        <v>234856</v>
      </c>
      <c r="F70325" s="1" t="s">
        <v>234857</v>
      </c>
      <c r="G70325" s="1" t="s">
        <v>234858</v>
      </c>
      <c r="H70325" s="1" t="s">
        <v>234859</v>
      </c>
      <c r="I70325" s="1" t="s">
        <v>222698</v>
      </c>
      <c r="J70325" s="1" t="s">
        <v>13</v>
      </c>
    </row>
    <row r="70326" spans="1:10" x14ac:dyDescent="0.35">
      <c r="A70326" s="1" t="s">
        <v>2027</v>
      </c>
      <c r="B70326" s="1" t="s">
        <v>222693</v>
      </c>
      <c r="C70326" s="1" t="s">
        <v>15</v>
      </c>
      <c r="D70326" s="1" t="s">
        <v>30435</v>
      </c>
      <c r="E70326" s="1" t="s">
        <v>234860</v>
      </c>
      <c r="F70326" s="1" t="s">
        <v>234861</v>
      </c>
      <c r="G70326" s="1" t="s">
        <v>234858</v>
      </c>
      <c r="H70326" s="1" t="s">
        <v>234859</v>
      </c>
      <c r="I70326" s="1" t="s">
        <v>222698</v>
      </c>
      <c r="J70326" s="1" t="s">
        <v>234862</v>
      </c>
    </row>
    <row r="70327" spans="1:10" x14ac:dyDescent="0.35">
      <c r="A70327" s="1" t="s">
        <v>2027</v>
      </c>
      <c r="B70327" s="1" t="s">
        <v>222693</v>
      </c>
      <c r="C70327" s="1" t="s">
        <v>20</v>
      </c>
      <c r="D70327" s="1" t="s">
        <v>82250</v>
      </c>
      <c r="E70327" s="1" t="s">
        <v>234863</v>
      </c>
      <c r="F70327" s="1" t="s">
        <v>234864</v>
      </c>
      <c r="G70327" s="1" t="s">
        <v>234858</v>
      </c>
      <c r="H70327" s="1" t="s">
        <v>234859</v>
      </c>
      <c r="I70327" s="1" t="s">
        <v>222698</v>
      </c>
      <c r="J70327" s="1" t="s">
        <v>234865</v>
      </c>
    </row>
    <row r="70328" spans="1:10" x14ac:dyDescent="0.35">
      <c r="A70328" s="1" t="s">
        <v>2027</v>
      </c>
      <c r="B70328" s="1" t="s">
        <v>222693</v>
      </c>
      <c r="C70328" s="1" t="s">
        <v>25</v>
      </c>
      <c r="D70328" s="1" t="s">
        <v>34231</v>
      </c>
      <c r="E70328" s="1" t="s">
        <v>234866</v>
      </c>
      <c r="F70328" s="1" t="s">
        <v>234867</v>
      </c>
      <c r="G70328" s="1" t="s">
        <v>234858</v>
      </c>
      <c r="H70328" s="1" t="s">
        <v>234859</v>
      </c>
      <c r="I70328" s="1" t="s">
        <v>222698</v>
      </c>
      <c r="J70328" s="1" t="s">
        <v>234868</v>
      </c>
    </row>
    <row r="70329" spans="1:10" x14ac:dyDescent="0.35">
      <c r="A70329" s="1" t="s">
        <v>2027</v>
      </c>
      <c r="B70329" s="1" t="s">
        <v>222693</v>
      </c>
      <c r="C70329" s="1" t="s">
        <v>30</v>
      </c>
      <c r="D70329" s="1" t="s">
        <v>234869</v>
      </c>
      <c r="E70329" s="1" t="s">
        <v>234870</v>
      </c>
      <c r="F70329" s="1" t="s">
        <v>234871</v>
      </c>
      <c r="G70329" s="1" t="s">
        <v>234858</v>
      </c>
      <c r="H70329" s="1" t="s">
        <v>234859</v>
      </c>
      <c r="I70329" s="1" t="s">
        <v>222698</v>
      </c>
      <c r="J70329" s="1" t="s">
        <v>234872</v>
      </c>
    </row>
    <row r="70330" spans="1:10" x14ac:dyDescent="0.35">
      <c r="A70330" s="1" t="s">
        <v>2027</v>
      </c>
      <c r="B70330" s="1" t="s">
        <v>222693</v>
      </c>
      <c r="C70330" s="1" t="s">
        <v>35</v>
      </c>
      <c r="D70330" s="1" t="s">
        <v>175310</v>
      </c>
      <c r="E70330" s="1" t="s">
        <v>234873</v>
      </c>
      <c r="F70330" s="1" t="s">
        <v>234874</v>
      </c>
      <c r="G70330" s="1" t="s">
        <v>234858</v>
      </c>
      <c r="H70330" s="1" t="s">
        <v>234859</v>
      </c>
      <c r="I70330" s="1" t="s">
        <v>222698</v>
      </c>
      <c r="J70330" s="1" t="s">
        <v>234875</v>
      </c>
    </row>
    <row r="70331" spans="1:10" x14ac:dyDescent="0.35">
      <c r="A70331" s="1" t="s">
        <v>2027</v>
      </c>
      <c r="B70331" s="1" t="s">
        <v>222693</v>
      </c>
      <c r="C70331" s="1" t="s">
        <v>40</v>
      </c>
      <c r="D70331" s="1" t="s">
        <v>174275</v>
      </c>
      <c r="E70331" s="1" t="s">
        <v>234876</v>
      </c>
      <c r="F70331" s="1" t="s">
        <v>234877</v>
      </c>
      <c r="G70331" s="1" t="s">
        <v>234858</v>
      </c>
      <c r="H70331" s="1" t="s">
        <v>234859</v>
      </c>
      <c r="I70331" s="1" t="s">
        <v>222698</v>
      </c>
      <c r="J70331" s="1" t="s">
        <v>234878</v>
      </c>
    </row>
    <row r="70332" spans="1:10" x14ac:dyDescent="0.35">
      <c r="A70332" s="1" t="s">
        <v>2027</v>
      </c>
      <c r="B70332" s="1" t="s">
        <v>222693</v>
      </c>
      <c r="C70332" s="1" t="s">
        <v>45</v>
      </c>
      <c r="D70332" s="1" t="s">
        <v>234879</v>
      </c>
      <c r="E70332" s="1" t="s">
        <v>234880</v>
      </c>
      <c r="F70332" s="1" t="s">
        <v>234881</v>
      </c>
      <c r="G70332" s="1" t="s">
        <v>234858</v>
      </c>
      <c r="H70332" s="1" t="s">
        <v>234859</v>
      </c>
      <c r="I70332" s="1" t="s">
        <v>222698</v>
      </c>
      <c r="J70332" s="1" t="s">
        <v>234882</v>
      </c>
    </row>
    <row r="70333" spans="1:10" x14ac:dyDescent="0.35">
      <c r="A70333" s="1" t="s">
        <v>2027</v>
      </c>
      <c r="B70333" s="1" t="s">
        <v>222693</v>
      </c>
      <c r="C70333" s="1" t="s">
        <v>50</v>
      </c>
      <c r="D70333" s="1" t="s">
        <v>178597</v>
      </c>
      <c r="E70333" s="1" t="s">
        <v>234883</v>
      </c>
      <c r="F70333" s="1" t="s">
        <v>234884</v>
      </c>
      <c r="G70333" s="1" t="s">
        <v>234858</v>
      </c>
      <c r="H70333" s="1" t="s">
        <v>234859</v>
      </c>
      <c r="I70333" s="1" t="s">
        <v>222698</v>
      </c>
      <c r="J70333" s="1" t="s">
        <v>234885</v>
      </c>
    </row>
    <row r="70334" spans="1:10" x14ac:dyDescent="0.35">
      <c r="A70334" s="1" t="s">
        <v>2027</v>
      </c>
      <c r="B70334" s="1" t="s">
        <v>222693</v>
      </c>
      <c r="C70334" s="1" t="s">
        <v>55</v>
      </c>
      <c r="D70334" s="1" t="s">
        <v>234886</v>
      </c>
      <c r="E70334" s="1" t="s">
        <v>234887</v>
      </c>
      <c r="F70334" s="1" t="s">
        <v>234888</v>
      </c>
      <c r="G70334" s="1" t="s">
        <v>234858</v>
      </c>
      <c r="H70334" s="1" t="s">
        <v>234859</v>
      </c>
      <c r="I70334" s="1" t="s">
        <v>222698</v>
      </c>
      <c r="J70334" s="1" t="s">
        <v>234889</v>
      </c>
    </row>
    <row r="70335" spans="1:10" x14ac:dyDescent="0.35">
      <c r="A70335" s="1" t="s">
        <v>2027</v>
      </c>
      <c r="B70335" s="1" t="s">
        <v>222693</v>
      </c>
      <c r="C70335" s="1" t="s">
        <v>60</v>
      </c>
      <c r="D70335" s="1" t="s">
        <v>12698</v>
      </c>
      <c r="E70335" s="1" t="s">
        <v>234890</v>
      </c>
      <c r="F70335" s="1" t="s">
        <v>234891</v>
      </c>
      <c r="G70335" s="1" t="s">
        <v>234858</v>
      </c>
      <c r="H70335" s="1" t="s">
        <v>234859</v>
      </c>
      <c r="I70335" s="1" t="s">
        <v>222698</v>
      </c>
      <c r="J70335" s="1" t="s">
        <v>234892</v>
      </c>
    </row>
    <row r="70336" spans="1:10" x14ac:dyDescent="0.35">
      <c r="A70336" s="1" t="s">
        <v>2027</v>
      </c>
      <c r="B70336" s="1" t="s">
        <v>222693</v>
      </c>
      <c r="C70336" s="1" t="s">
        <v>65</v>
      </c>
      <c r="D70336" s="1" t="s">
        <v>182948</v>
      </c>
      <c r="E70336" s="1" t="s">
        <v>234893</v>
      </c>
      <c r="F70336" s="1" t="s">
        <v>234894</v>
      </c>
      <c r="G70336" s="1" t="s">
        <v>234858</v>
      </c>
      <c r="H70336" s="1" t="s">
        <v>234859</v>
      </c>
      <c r="I70336" s="1" t="s">
        <v>222698</v>
      </c>
      <c r="J70336" s="1" t="s">
        <v>234895</v>
      </c>
    </row>
    <row r="70337" spans="1:10" x14ac:dyDescent="0.35">
      <c r="A70337" s="1" t="s">
        <v>2027</v>
      </c>
      <c r="B70337" s="1" t="s">
        <v>222693</v>
      </c>
      <c r="C70337" s="1" t="s">
        <v>70</v>
      </c>
      <c r="D70337" s="1" t="s">
        <v>133277</v>
      </c>
      <c r="E70337" s="1" t="s">
        <v>234896</v>
      </c>
      <c r="F70337" s="1" t="s">
        <v>234897</v>
      </c>
      <c r="G70337" s="1" t="s">
        <v>234858</v>
      </c>
      <c r="H70337" s="1" t="s">
        <v>234859</v>
      </c>
      <c r="I70337" s="1" t="s">
        <v>222698</v>
      </c>
      <c r="J70337" s="1" t="s">
        <v>234898</v>
      </c>
    </row>
    <row r="70338" spans="1:10" x14ac:dyDescent="0.35">
      <c r="A70338" s="1" t="s">
        <v>2027</v>
      </c>
      <c r="B70338" s="1" t="s">
        <v>222693</v>
      </c>
      <c r="C70338" s="1" t="s">
        <v>75</v>
      </c>
      <c r="D70338" s="1" t="s">
        <v>95736</v>
      </c>
      <c r="E70338" s="1" t="s">
        <v>234899</v>
      </c>
      <c r="F70338" s="1" t="s">
        <v>234900</v>
      </c>
      <c r="G70338" s="1" t="s">
        <v>234858</v>
      </c>
      <c r="H70338" s="1" t="s">
        <v>234859</v>
      </c>
      <c r="I70338" s="1" t="s">
        <v>222698</v>
      </c>
      <c r="J70338" s="1" t="s">
        <v>234901</v>
      </c>
    </row>
    <row r="70339" spans="1:10" x14ac:dyDescent="0.35">
      <c r="A70339" s="1" t="s">
        <v>2027</v>
      </c>
      <c r="B70339" s="1" t="s">
        <v>222693</v>
      </c>
      <c r="C70339" s="1" t="s">
        <v>80</v>
      </c>
      <c r="D70339" s="1" t="s">
        <v>215902</v>
      </c>
      <c r="E70339" s="1" t="s">
        <v>234902</v>
      </c>
      <c r="F70339" s="1" t="s">
        <v>234903</v>
      </c>
      <c r="G70339" s="1" t="s">
        <v>234858</v>
      </c>
      <c r="H70339" s="1" t="s">
        <v>234859</v>
      </c>
      <c r="I70339" s="1" t="s">
        <v>222698</v>
      </c>
      <c r="J70339" s="1" t="s">
        <v>234904</v>
      </c>
    </row>
    <row r="70340" spans="1:10" x14ac:dyDescent="0.35">
      <c r="A70340" s="1" t="s">
        <v>2027</v>
      </c>
      <c r="B70340" s="1" t="s">
        <v>222693</v>
      </c>
      <c r="C70340" s="1" t="s">
        <v>85</v>
      </c>
      <c r="D70340" s="1" t="s">
        <v>68466</v>
      </c>
      <c r="E70340" s="1" t="s">
        <v>234905</v>
      </c>
      <c r="F70340" s="1" t="s">
        <v>234906</v>
      </c>
      <c r="G70340" s="1" t="s">
        <v>234858</v>
      </c>
      <c r="H70340" s="1" t="s">
        <v>234859</v>
      </c>
      <c r="I70340" s="1" t="s">
        <v>222698</v>
      </c>
      <c r="J70340" s="1" t="s">
        <v>234907</v>
      </c>
    </row>
    <row r="70341" spans="1:10" x14ac:dyDescent="0.35">
      <c r="A70341" s="1" t="s">
        <v>2027</v>
      </c>
      <c r="B70341" s="1" t="s">
        <v>222693</v>
      </c>
      <c r="C70341" s="1" t="s">
        <v>90</v>
      </c>
      <c r="D70341" s="1" t="s">
        <v>114941</v>
      </c>
      <c r="E70341" s="1" t="s">
        <v>234908</v>
      </c>
      <c r="F70341" s="1" t="s">
        <v>234909</v>
      </c>
      <c r="G70341" s="1" t="s">
        <v>234858</v>
      </c>
      <c r="H70341" s="1" t="s">
        <v>234859</v>
      </c>
      <c r="I70341" s="1" t="s">
        <v>222698</v>
      </c>
      <c r="J70341" s="1" t="s">
        <v>234910</v>
      </c>
    </row>
    <row r="70342" spans="1:10" x14ac:dyDescent="0.35">
      <c r="A70342" s="1" t="s">
        <v>2027</v>
      </c>
      <c r="B70342" s="1" t="s">
        <v>222693</v>
      </c>
      <c r="C70342" s="1" t="s">
        <v>95</v>
      </c>
      <c r="D70342" s="1" t="s">
        <v>234911</v>
      </c>
      <c r="E70342" s="1" t="s">
        <v>234912</v>
      </c>
      <c r="F70342" s="1" t="s">
        <v>234913</v>
      </c>
      <c r="G70342" s="1" t="s">
        <v>234858</v>
      </c>
      <c r="H70342" s="1" t="s">
        <v>234859</v>
      </c>
      <c r="I70342" s="1" t="s">
        <v>222698</v>
      </c>
      <c r="J70342" s="1" t="s">
        <v>234914</v>
      </c>
    </row>
    <row r="70343" spans="1:10" x14ac:dyDescent="0.35">
      <c r="A70343" s="1" t="s">
        <v>2027</v>
      </c>
      <c r="B70343" s="1" t="s">
        <v>222693</v>
      </c>
      <c r="C70343" s="1" t="s">
        <v>100</v>
      </c>
      <c r="D70343" s="1" t="s">
        <v>108411</v>
      </c>
      <c r="E70343" s="1" t="s">
        <v>234915</v>
      </c>
      <c r="F70343" s="1" t="s">
        <v>234916</v>
      </c>
      <c r="G70343" s="1" t="s">
        <v>234858</v>
      </c>
      <c r="H70343" s="1" t="s">
        <v>234859</v>
      </c>
      <c r="I70343" s="1" t="s">
        <v>222698</v>
      </c>
      <c r="J70343" s="1" t="s">
        <v>234917</v>
      </c>
    </row>
    <row r="70344" spans="1:10" x14ac:dyDescent="0.35">
      <c r="A70344" s="1" t="s">
        <v>2027</v>
      </c>
      <c r="B70344" s="1" t="s">
        <v>222693</v>
      </c>
      <c r="C70344" s="1" t="s">
        <v>105</v>
      </c>
      <c r="D70344" s="1" t="s">
        <v>194465</v>
      </c>
      <c r="E70344" s="1" t="s">
        <v>234918</v>
      </c>
      <c r="F70344" s="1" t="s">
        <v>234919</v>
      </c>
      <c r="G70344" s="1" t="s">
        <v>234858</v>
      </c>
      <c r="H70344" s="1" t="s">
        <v>234859</v>
      </c>
      <c r="I70344" s="1" t="s">
        <v>222698</v>
      </c>
      <c r="J70344" s="1" t="s">
        <v>234920</v>
      </c>
    </row>
    <row r="70345" spans="1:10" x14ac:dyDescent="0.35">
      <c r="A70345" s="1" t="s">
        <v>2027</v>
      </c>
      <c r="B70345" s="1" t="s">
        <v>222693</v>
      </c>
      <c r="C70345" s="1" t="s">
        <v>110</v>
      </c>
      <c r="D70345" s="1" t="s">
        <v>234921</v>
      </c>
      <c r="E70345" s="1" t="s">
        <v>234922</v>
      </c>
      <c r="F70345" s="1" t="s">
        <v>234923</v>
      </c>
      <c r="G70345" s="1" t="s">
        <v>234858</v>
      </c>
      <c r="H70345" s="1" t="s">
        <v>234859</v>
      </c>
      <c r="I70345" s="1" t="s">
        <v>222698</v>
      </c>
      <c r="J70345" s="1" t="s">
        <v>234924</v>
      </c>
    </row>
    <row r="70346" spans="1:10" x14ac:dyDescent="0.35">
      <c r="A70346" s="1" t="s">
        <v>2027</v>
      </c>
      <c r="B70346" s="1" t="s">
        <v>222693</v>
      </c>
      <c r="C70346" s="1" t="s">
        <v>115</v>
      </c>
      <c r="D70346" s="1" t="s">
        <v>234925</v>
      </c>
      <c r="E70346" s="1" t="s">
        <v>234926</v>
      </c>
      <c r="F70346" s="1" t="s">
        <v>234927</v>
      </c>
      <c r="G70346" s="1" t="s">
        <v>234858</v>
      </c>
      <c r="H70346" s="1" t="s">
        <v>234859</v>
      </c>
      <c r="I70346" s="1" t="s">
        <v>222698</v>
      </c>
      <c r="J70346" s="1" t="s">
        <v>234928</v>
      </c>
    </row>
    <row r="70347" spans="1:10" x14ac:dyDescent="0.35">
      <c r="A70347" s="1" t="s">
        <v>2027</v>
      </c>
      <c r="B70347" s="1" t="s">
        <v>222693</v>
      </c>
      <c r="C70347" s="1" t="s">
        <v>120</v>
      </c>
      <c r="D70347" s="1" t="s">
        <v>234929</v>
      </c>
      <c r="E70347" s="1" t="s">
        <v>217247</v>
      </c>
      <c r="F70347" s="1" t="s">
        <v>234930</v>
      </c>
      <c r="G70347" s="1" t="s">
        <v>234858</v>
      </c>
      <c r="H70347" s="1" t="s">
        <v>234859</v>
      </c>
      <c r="I70347" s="1" t="s">
        <v>222698</v>
      </c>
      <c r="J70347" s="1" t="s">
        <v>234931</v>
      </c>
    </row>
    <row r="70348" spans="1:10" x14ac:dyDescent="0.35">
      <c r="A70348" s="1" t="s">
        <v>2027</v>
      </c>
      <c r="B70348" s="1" t="s">
        <v>222693</v>
      </c>
      <c r="C70348" s="1" t="s">
        <v>125</v>
      </c>
      <c r="D70348" s="1" t="s">
        <v>133327</v>
      </c>
      <c r="E70348" s="1" t="s">
        <v>234932</v>
      </c>
      <c r="F70348" s="1" t="s">
        <v>234933</v>
      </c>
      <c r="G70348" s="1" t="s">
        <v>234858</v>
      </c>
      <c r="H70348" s="1" t="s">
        <v>234859</v>
      </c>
      <c r="I70348" s="1" t="s">
        <v>222698</v>
      </c>
      <c r="J70348" s="1" t="s">
        <v>234934</v>
      </c>
    </row>
    <row r="70349" spans="1:10" x14ac:dyDescent="0.35">
      <c r="A70349" s="1" t="s">
        <v>2027</v>
      </c>
      <c r="B70349" s="1" t="s">
        <v>222693</v>
      </c>
      <c r="C70349" s="1" t="s">
        <v>130</v>
      </c>
      <c r="D70349" s="1" t="s">
        <v>234935</v>
      </c>
      <c r="E70349" s="1" t="s">
        <v>234936</v>
      </c>
      <c r="F70349" s="1" t="s">
        <v>234937</v>
      </c>
      <c r="G70349" s="1" t="s">
        <v>234858</v>
      </c>
      <c r="H70349" s="1" t="s">
        <v>234859</v>
      </c>
      <c r="I70349" s="1" t="s">
        <v>222698</v>
      </c>
      <c r="J70349" s="1" t="s">
        <v>234938</v>
      </c>
    </row>
    <row r="70350" spans="1:10" x14ac:dyDescent="0.35">
      <c r="A70350" s="1" t="s">
        <v>2027</v>
      </c>
      <c r="B70350" s="1" t="s">
        <v>222693</v>
      </c>
      <c r="C70350" s="1" t="s">
        <v>135</v>
      </c>
      <c r="D70350" s="1" t="s">
        <v>108196</v>
      </c>
      <c r="E70350" s="1" t="s">
        <v>234939</v>
      </c>
      <c r="F70350" s="1" t="s">
        <v>234940</v>
      </c>
      <c r="G70350" s="1" t="s">
        <v>234858</v>
      </c>
      <c r="H70350" s="1" t="s">
        <v>234859</v>
      </c>
      <c r="I70350" s="1" t="s">
        <v>222698</v>
      </c>
      <c r="J70350" s="1" t="s">
        <v>234941</v>
      </c>
    </row>
    <row r="70351" spans="1:10" x14ac:dyDescent="0.35">
      <c r="A70351" s="1" t="s">
        <v>2027</v>
      </c>
      <c r="B70351" s="1" t="s">
        <v>222693</v>
      </c>
      <c r="C70351" s="1" t="s">
        <v>140</v>
      </c>
      <c r="D70351" s="1" t="s">
        <v>234942</v>
      </c>
      <c r="E70351" s="1" t="s">
        <v>234943</v>
      </c>
      <c r="F70351" s="1" t="s">
        <v>234944</v>
      </c>
      <c r="G70351" s="1" t="s">
        <v>234858</v>
      </c>
      <c r="H70351" s="1" t="s">
        <v>234859</v>
      </c>
      <c r="I70351" s="1" t="s">
        <v>222698</v>
      </c>
      <c r="J70351" s="1" t="s">
        <v>234945</v>
      </c>
    </row>
    <row r="70352" spans="1:10" x14ac:dyDescent="0.35">
      <c r="A70352" s="1" t="s">
        <v>2027</v>
      </c>
      <c r="B70352" s="1" t="s">
        <v>222693</v>
      </c>
      <c r="C70352" s="1" t="s">
        <v>145</v>
      </c>
      <c r="D70352" s="1" t="s">
        <v>154993</v>
      </c>
      <c r="E70352" s="1" t="s">
        <v>234946</v>
      </c>
      <c r="F70352" s="1" t="s">
        <v>234947</v>
      </c>
      <c r="G70352" s="1" t="s">
        <v>234858</v>
      </c>
      <c r="H70352" s="1" t="s">
        <v>234859</v>
      </c>
      <c r="I70352" s="1" t="s">
        <v>222698</v>
      </c>
      <c r="J70352" s="1" t="s">
        <v>234948</v>
      </c>
    </row>
    <row r="70353" spans="1:10" x14ac:dyDescent="0.35">
      <c r="A70353" s="1" t="s">
        <v>2027</v>
      </c>
      <c r="B70353" s="1" t="s">
        <v>222693</v>
      </c>
      <c r="C70353" s="1" t="s">
        <v>150</v>
      </c>
      <c r="D70353" s="1" t="s">
        <v>94356</v>
      </c>
      <c r="E70353" s="1" t="s">
        <v>234949</v>
      </c>
      <c r="F70353" s="1" t="s">
        <v>234950</v>
      </c>
      <c r="G70353" s="1" t="s">
        <v>234858</v>
      </c>
      <c r="H70353" s="1" t="s">
        <v>234859</v>
      </c>
      <c r="I70353" s="1" t="s">
        <v>222698</v>
      </c>
      <c r="J70353" s="1" t="s">
        <v>234951</v>
      </c>
    </row>
    <row r="70354" spans="1:10" x14ac:dyDescent="0.35">
      <c r="A70354" s="1" t="s">
        <v>2027</v>
      </c>
      <c r="B70354" s="1" t="s">
        <v>222693</v>
      </c>
      <c r="C70354" s="1" t="s">
        <v>155</v>
      </c>
      <c r="D70354" s="1" t="s">
        <v>182847</v>
      </c>
      <c r="E70354" s="1" t="s">
        <v>234952</v>
      </c>
      <c r="F70354" s="1" t="s">
        <v>234953</v>
      </c>
      <c r="G70354" s="1" t="s">
        <v>234858</v>
      </c>
      <c r="H70354" s="1" t="s">
        <v>234859</v>
      </c>
      <c r="I70354" s="1" t="s">
        <v>222698</v>
      </c>
      <c r="J70354" s="1" t="s">
        <v>234954</v>
      </c>
    </row>
    <row r="70355" spans="1:10" x14ac:dyDescent="0.35">
      <c r="A70355" s="1" t="s">
        <v>2027</v>
      </c>
      <c r="B70355" s="1" t="s">
        <v>222693</v>
      </c>
      <c r="C70355" s="1" t="s">
        <v>160</v>
      </c>
      <c r="D70355" s="1" t="s">
        <v>234955</v>
      </c>
      <c r="E70355" s="1" t="s">
        <v>234956</v>
      </c>
      <c r="F70355" s="1" t="s">
        <v>234957</v>
      </c>
      <c r="G70355" s="1" t="s">
        <v>234858</v>
      </c>
      <c r="H70355" s="1" t="s">
        <v>234859</v>
      </c>
      <c r="I70355" s="1" t="s">
        <v>222698</v>
      </c>
      <c r="J70355" s="1" t="s">
        <v>163038</v>
      </c>
    </row>
    <row r="70356" spans="1:10" x14ac:dyDescent="0.35">
      <c r="A70356" s="1" t="s">
        <v>2027</v>
      </c>
      <c r="B70356" s="1" t="s">
        <v>222693</v>
      </c>
      <c r="C70356" s="1" t="s">
        <v>165</v>
      </c>
      <c r="D70356" s="1" t="s">
        <v>86556</v>
      </c>
      <c r="E70356" s="1" t="s">
        <v>234958</v>
      </c>
      <c r="F70356" s="1" t="s">
        <v>234959</v>
      </c>
      <c r="G70356" s="1" t="s">
        <v>234858</v>
      </c>
      <c r="H70356" s="1" t="s">
        <v>234859</v>
      </c>
      <c r="I70356" s="1" t="s">
        <v>222698</v>
      </c>
      <c r="J70356" s="1" t="s">
        <v>234960</v>
      </c>
    </row>
    <row r="70357" spans="1:10" x14ac:dyDescent="0.35">
      <c r="A70357" s="1" t="s">
        <v>2027</v>
      </c>
      <c r="B70357" s="1" t="s">
        <v>222693</v>
      </c>
      <c r="C70357" s="1" t="s">
        <v>170</v>
      </c>
      <c r="D70357" s="1" t="s">
        <v>234961</v>
      </c>
      <c r="E70357" s="1" t="s">
        <v>234962</v>
      </c>
      <c r="F70357" s="1" t="s">
        <v>234963</v>
      </c>
      <c r="G70357" s="1" t="s">
        <v>234858</v>
      </c>
      <c r="H70357" s="1" t="s">
        <v>234859</v>
      </c>
      <c r="I70357" s="1" t="s">
        <v>222698</v>
      </c>
      <c r="J70357" s="1" t="s">
        <v>234964</v>
      </c>
    </row>
    <row r="70358" spans="1:10" x14ac:dyDescent="0.35">
      <c r="A70358" s="1" t="s">
        <v>5716</v>
      </c>
      <c r="B70358" s="1" t="s">
        <v>222693</v>
      </c>
      <c r="C70358" s="1" t="s">
        <v>8</v>
      </c>
      <c r="D70358" s="1" t="s">
        <v>234965</v>
      </c>
      <c r="E70358" s="1" t="s">
        <v>234966</v>
      </c>
      <c r="F70358" s="1" t="s">
        <v>234967</v>
      </c>
      <c r="G70358" s="1" t="s">
        <v>234968</v>
      </c>
      <c r="H70358" s="1" t="s">
        <v>234969</v>
      </c>
      <c r="I70358" s="1" t="s">
        <v>222698</v>
      </c>
      <c r="J70358" s="1" t="s">
        <v>13</v>
      </c>
    </row>
    <row r="70359" spans="1:10" x14ac:dyDescent="0.35">
      <c r="A70359" s="1" t="s">
        <v>5716</v>
      </c>
      <c r="B70359" s="1" t="s">
        <v>222693</v>
      </c>
      <c r="C70359" s="1" t="s">
        <v>15</v>
      </c>
      <c r="D70359" s="1" t="s">
        <v>43625</v>
      </c>
      <c r="E70359" s="1" t="s">
        <v>234970</v>
      </c>
      <c r="F70359" s="1" t="s">
        <v>234971</v>
      </c>
      <c r="G70359" s="1" t="s">
        <v>234968</v>
      </c>
      <c r="H70359" s="1" t="s">
        <v>234969</v>
      </c>
      <c r="I70359" s="1" t="s">
        <v>222698</v>
      </c>
      <c r="J70359" s="1" t="s">
        <v>234972</v>
      </c>
    </row>
    <row r="70360" spans="1:10" x14ac:dyDescent="0.35">
      <c r="A70360" s="1" t="s">
        <v>5716</v>
      </c>
      <c r="B70360" s="1" t="s">
        <v>222693</v>
      </c>
      <c r="C70360" s="1" t="s">
        <v>20</v>
      </c>
      <c r="D70360" s="1" t="s">
        <v>234973</v>
      </c>
      <c r="E70360" s="1" t="s">
        <v>234974</v>
      </c>
      <c r="F70360" s="1" t="s">
        <v>234975</v>
      </c>
      <c r="G70360" s="1" t="s">
        <v>234968</v>
      </c>
      <c r="H70360" s="1" t="s">
        <v>234969</v>
      </c>
      <c r="I70360" s="1" t="s">
        <v>222698</v>
      </c>
      <c r="J70360" s="1" t="s">
        <v>234976</v>
      </c>
    </row>
    <row r="70361" spans="1:10" x14ac:dyDescent="0.35">
      <c r="A70361" s="1" t="s">
        <v>5716</v>
      </c>
      <c r="B70361" s="1" t="s">
        <v>222693</v>
      </c>
      <c r="C70361" s="1" t="s">
        <v>25</v>
      </c>
      <c r="D70361" s="1" t="s">
        <v>234977</v>
      </c>
      <c r="E70361" s="1" t="s">
        <v>234978</v>
      </c>
      <c r="F70361" s="1" t="s">
        <v>234979</v>
      </c>
      <c r="G70361" s="1" t="s">
        <v>234968</v>
      </c>
      <c r="H70361" s="1" t="s">
        <v>234969</v>
      </c>
      <c r="I70361" s="1" t="s">
        <v>222698</v>
      </c>
      <c r="J70361" s="1" t="s">
        <v>234980</v>
      </c>
    </row>
    <row r="70362" spans="1:10" x14ac:dyDescent="0.35">
      <c r="A70362" s="1" t="s">
        <v>5716</v>
      </c>
      <c r="B70362" s="1" t="s">
        <v>222693</v>
      </c>
      <c r="C70362" s="1" t="s">
        <v>30</v>
      </c>
      <c r="D70362" s="1" t="s">
        <v>234981</v>
      </c>
      <c r="E70362" s="1" t="s">
        <v>234982</v>
      </c>
      <c r="F70362" s="1" t="s">
        <v>234983</v>
      </c>
      <c r="G70362" s="1" t="s">
        <v>234968</v>
      </c>
      <c r="H70362" s="1" t="s">
        <v>234969</v>
      </c>
      <c r="I70362" s="1" t="s">
        <v>222698</v>
      </c>
      <c r="J70362" s="1" t="s">
        <v>234984</v>
      </c>
    </row>
    <row r="70363" spans="1:10" x14ac:dyDescent="0.35">
      <c r="A70363" s="1" t="s">
        <v>5716</v>
      </c>
      <c r="B70363" s="1" t="s">
        <v>222693</v>
      </c>
      <c r="C70363" s="1" t="s">
        <v>35</v>
      </c>
      <c r="D70363" s="1" t="s">
        <v>21402</v>
      </c>
      <c r="E70363" s="1" t="s">
        <v>234985</v>
      </c>
      <c r="F70363" s="1" t="s">
        <v>234986</v>
      </c>
      <c r="G70363" s="1" t="s">
        <v>234968</v>
      </c>
      <c r="H70363" s="1" t="s">
        <v>234969</v>
      </c>
      <c r="I70363" s="1" t="s">
        <v>222698</v>
      </c>
      <c r="J70363" s="1" t="s">
        <v>234987</v>
      </c>
    </row>
    <row r="70364" spans="1:10" x14ac:dyDescent="0.35">
      <c r="A70364" s="1" t="s">
        <v>5716</v>
      </c>
      <c r="B70364" s="1" t="s">
        <v>222693</v>
      </c>
      <c r="C70364" s="1" t="s">
        <v>40</v>
      </c>
      <c r="D70364" s="1" t="s">
        <v>234988</v>
      </c>
      <c r="E70364" s="1" t="s">
        <v>234989</v>
      </c>
      <c r="F70364" s="1" t="s">
        <v>234990</v>
      </c>
      <c r="G70364" s="1" t="s">
        <v>234968</v>
      </c>
      <c r="H70364" s="1" t="s">
        <v>234969</v>
      </c>
      <c r="I70364" s="1" t="s">
        <v>222698</v>
      </c>
      <c r="J70364" s="1" t="s">
        <v>234991</v>
      </c>
    </row>
    <row r="70365" spans="1:10" x14ac:dyDescent="0.35">
      <c r="A70365" s="1" t="s">
        <v>5716</v>
      </c>
      <c r="B70365" s="1" t="s">
        <v>222693</v>
      </c>
      <c r="C70365" s="1" t="s">
        <v>45</v>
      </c>
      <c r="D70365" s="1" t="s">
        <v>234992</v>
      </c>
      <c r="E70365" s="1" t="s">
        <v>234993</v>
      </c>
      <c r="F70365" s="1" t="s">
        <v>234994</v>
      </c>
      <c r="G70365" s="1" t="s">
        <v>234968</v>
      </c>
      <c r="H70365" s="1" t="s">
        <v>234969</v>
      </c>
      <c r="I70365" s="1" t="s">
        <v>222698</v>
      </c>
      <c r="J70365" s="1" t="s">
        <v>234995</v>
      </c>
    </row>
    <row r="70366" spans="1:10" x14ac:dyDescent="0.35">
      <c r="A70366" s="1" t="s">
        <v>5716</v>
      </c>
      <c r="B70366" s="1" t="s">
        <v>222693</v>
      </c>
      <c r="C70366" s="1" t="s">
        <v>50</v>
      </c>
      <c r="D70366" s="1" t="s">
        <v>56962</v>
      </c>
      <c r="E70366" s="1" t="s">
        <v>234996</v>
      </c>
      <c r="F70366" s="1" t="s">
        <v>234997</v>
      </c>
      <c r="G70366" s="1" t="s">
        <v>234968</v>
      </c>
      <c r="H70366" s="1" t="s">
        <v>234969</v>
      </c>
      <c r="I70366" s="1" t="s">
        <v>222698</v>
      </c>
      <c r="J70366" s="1" t="s">
        <v>234998</v>
      </c>
    </row>
    <row r="70367" spans="1:10" x14ac:dyDescent="0.35">
      <c r="A70367" s="1" t="s">
        <v>5716</v>
      </c>
      <c r="B70367" s="1" t="s">
        <v>222693</v>
      </c>
      <c r="C70367" s="1" t="s">
        <v>55</v>
      </c>
      <c r="D70367" s="1" t="s">
        <v>234999</v>
      </c>
      <c r="E70367" s="1" t="s">
        <v>235000</v>
      </c>
      <c r="F70367" s="1" t="s">
        <v>235001</v>
      </c>
      <c r="G70367" s="1" t="s">
        <v>234968</v>
      </c>
      <c r="H70367" s="1" t="s">
        <v>234969</v>
      </c>
      <c r="I70367" s="1" t="s">
        <v>222698</v>
      </c>
      <c r="J70367" s="1" t="s">
        <v>235002</v>
      </c>
    </row>
    <row r="70368" spans="1:10" x14ac:dyDescent="0.35">
      <c r="A70368" s="1" t="s">
        <v>5716</v>
      </c>
      <c r="B70368" s="1" t="s">
        <v>222693</v>
      </c>
      <c r="C70368" s="1" t="s">
        <v>60</v>
      </c>
      <c r="D70368" s="1" t="s">
        <v>131648</v>
      </c>
      <c r="E70368" s="1" t="s">
        <v>235003</v>
      </c>
      <c r="F70368" s="1" t="s">
        <v>235004</v>
      </c>
      <c r="G70368" s="1" t="s">
        <v>234968</v>
      </c>
      <c r="H70368" s="1" t="s">
        <v>234969</v>
      </c>
      <c r="I70368" s="1" t="s">
        <v>222698</v>
      </c>
      <c r="J70368" s="1" t="s">
        <v>235005</v>
      </c>
    </row>
    <row r="70369" spans="1:10" x14ac:dyDescent="0.35">
      <c r="A70369" s="1" t="s">
        <v>5716</v>
      </c>
      <c r="B70369" s="1" t="s">
        <v>222693</v>
      </c>
      <c r="C70369" s="1" t="s">
        <v>65</v>
      </c>
      <c r="D70369" s="1" t="s">
        <v>70103</v>
      </c>
      <c r="E70369" s="1" t="s">
        <v>235006</v>
      </c>
      <c r="F70369" s="1" t="s">
        <v>235007</v>
      </c>
      <c r="G70369" s="1" t="s">
        <v>234968</v>
      </c>
      <c r="H70369" s="1" t="s">
        <v>234969</v>
      </c>
      <c r="I70369" s="1" t="s">
        <v>222698</v>
      </c>
      <c r="J70369" s="1" t="s">
        <v>235008</v>
      </c>
    </row>
    <row r="70370" spans="1:10" x14ac:dyDescent="0.35">
      <c r="A70370" s="1" t="s">
        <v>5716</v>
      </c>
      <c r="B70370" s="1" t="s">
        <v>222693</v>
      </c>
      <c r="C70370" s="1" t="s">
        <v>70</v>
      </c>
      <c r="D70370" s="1" t="s">
        <v>235009</v>
      </c>
      <c r="E70370" s="1" t="s">
        <v>235010</v>
      </c>
      <c r="F70370" s="1" t="s">
        <v>235011</v>
      </c>
      <c r="G70370" s="1" t="s">
        <v>234968</v>
      </c>
      <c r="H70370" s="1" t="s">
        <v>234969</v>
      </c>
      <c r="I70370" s="1" t="s">
        <v>222698</v>
      </c>
      <c r="J70370" s="1" t="s">
        <v>235012</v>
      </c>
    </row>
    <row r="70371" spans="1:10" x14ac:dyDescent="0.35">
      <c r="A70371" s="1" t="s">
        <v>5716</v>
      </c>
      <c r="B70371" s="1" t="s">
        <v>222693</v>
      </c>
      <c r="C70371" s="1" t="s">
        <v>75</v>
      </c>
      <c r="D70371" s="1" t="s">
        <v>235013</v>
      </c>
      <c r="E70371" s="1" t="s">
        <v>235014</v>
      </c>
      <c r="F70371" s="1" t="s">
        <v>235015</v>
      </c>
      <c r="G70371" s="1" t="s">
        <v>234968</v>
      </c>
      <c r="H70371" s="1" t="s">
        <v>234969</v>
      </c>
      <c r="I70371" s="1" t="s">
        <v>222698</v>
      </c>
      <c r="J70371" s="1" t="s">
        <v>235016</v>
      </c>
    </row>
    <row r="70372" spans="1:10" x14ac:dyDescent="0.35">
      <c r="A70372" s="1" t="s">
        <v>5716</v>
      </c>
      <c r="B70372" s="1" t="s">
        <v>222693</v>
      </c>
      <c r="C70372" s="1" t="s">
        <v>80</v>
      </c>
      <c r="D70372" s="1" t="s">
        <v>235017</v>
      </c>
      <c r="E70372" s="1" t="s">
        <v>235018</v>
      </c>
      <c r="F70372" s="1" t="s">
        <v>235019</v>
      </c>
      <c r="G70372" s="1" t="s">
        <v>234968</v>
      </c>
      <c r="H70372" s="1" t="s">
        <v>234969</v>
      </c>
      <c r="I70372" s="1" t="s">
        <v>222698</v>
      </c>
      <c r="J70372" s="1" t="s">
        <v>235020</v>
      </c>
    </row>
    <row r="70373" spans="1:10" x14ac:dyDescent="0.35">
      <c r="A70373" s="1" t="s">
        <v>5716</v>
      </c>
      <c r="B70373" s="1" t="s">
        <v>222693</v>
      </c>
      <c r="C70373" s="1" t="s">
        <v>85</v>
      </c>
      <c r="D70373" s="1" t="s">
        <v>64127</v>
      </c>
      <c r="E70373" s="1" t="s">
        <v>235021</v>
      </c>
      <c r="F70373" s="1" t="s">
        <v>235022</v>
      </c>
      <c r="G70373" s="1" t="s">
        <v>234968</v>
      </c>
      <c r="H70373" s="1" t="s">
        <v>234969</v>
      </c>
      <c r="I70373" s="1" t="s">
        <v>222698</v>
      </c>
      <c r="J70373" s="1" t="s">
        <v>235023</v>
      </c>
    </row>
    <row r="70374" spans="1:10" x14ac:dyDescent="0.35">
      <c r="A70374" s="1" t="s">
        <v>5716</v>
      </c>
      <c r="B70374" s="1" t="s">
        <v>222693</v>
      </c>
      <c r="C70374" s="1" t="s">
        <v>90</v>
      </c>
      <c r="D70374" s="1" t="s">
        <v>66109</v>
      </c>
      <c r="E70374" s="1" t="s">
        <v>235024</v>
      </c>
      <c r="F70374" s="1" t="s">
        <v>235025</v>
      </c>
      <c r="G70374" s="1" t="s">
        <v>234968</v>
      </c>
      <c r="H70374" s="1" t="s">
        <v>234969</v>
      </c>
      <c r="I70374" s="1" t="s">
        <v>222698</v>
      </c>
      <c r="J70374" s="1" t="s">
        <v>235026</v>
      </c>
    </row>
    <row r="70375" spans="1:10" x14ac:dyDescent="0.35">
      <c r="A70375" s="1" t="s">
        <v>5716</v>
      </c>
      <c r="B70375" s="1" t="s">
        <v>222693</v>
      </c>
      <c r="C70375" s="1" t="s">
        <v>95</v>
      </c>
      <c r="D70375" s="1" t="s">
        <v>62250</v>
      </c>
      <c r="E70375" s="1" t="s">
        <v>235027</v>
      </c>
      <c r="F70375" s="1" t="s">
        <v>235028</v>
      </c>
      <c r="G70375" s="1" t="s">
        <v>234968</v>
      </c>
      <c r="H70375" s="1" t="s">
        <v>234969</v>
      </c>
      <c r="I70375" s="1" t="s">
        <v>222698</v>
      </c>
      <c r="J70375" s="1" t="s">
        <v>235029</v>
      </c>
    </row>
    <row r="70376" spans="1:10" x14ac:dyDescent="0.35">
      <c r="A70376" s="1" t="s">
        <v>5716</v>
      </c>
      <c r="B70376" s="1" t="s">
        <v>222693</v>
      </c>
      <c r="C70376" s="1" t="s">
        <v>100</v>
      </c>
      <c r="D70376" s="1" t="s">
        <v>235030</v>
      </c>
      <c r="E70376" s="1" t="s">
        <v>235031</v>
      </c>
      <c r="F70376" s="1" t="s">
        <v>235032</v>
      </c>
      <c r="G70376" s="1" t="s">
        <v>234968</v>
      </c>
      <c r="H70376" s="1" t="s">
        <v>234969</v>
      </c>
      <c r="I70376" s="1" t="s">
        <v>222698</v>
      </c>
      <c r="J70376" s="1" t="s">
        <v>235033</v>
      </c>
    </row>
    <row r="70377" spans="1:10" x14ac:dyDescent="0.35">
      <c r="A70377" s="1" t="s">
        <v>5716</v>
      </c>
      <c r="B70377" s="1" t="s">
        <v>222693</v>
      </c>
      <c r="C70377" s="1" t="s">
        <v>105</v>
      </c>
      <c r="D70377" s="1" t="s">
        <v>70123</v>
      </c>
      <c r="E70377" s="1" t="s">
        <v>235034</v>
      </c>
      <c r="F70377" s="1" t="s">
        <v>235035</v>
      </c>
      <c r="G70377" s="1" t="s">
        <v>234968</v>
      </c>
      <c r="H70377" s="1" t="s">
        <v>234969</v>
      </c>
      <c r="I70377" s="1" t="s">
        <v>222698</v>
      </c>
      <c r="J70377" s="1" t="s">
        <v>235036</v>
      </c>
    </row>
    <row r="70378" spans="1:10" x14ac:dyDescent="0.35">
      <c r="A70378" s="1" t="s">
        <v>5716</v>
      </c>
      <c r="B70378" s="1" t="s">
        <v>222693</v>
      </c>
      <c r="C70378" s="1" t="s">
        <v>110</v>
      </c>
      <c r="D70378" s="1" t="s">
        <v>235037</v>
      </c>
      <c r="E70378" s="1" t="s">
        <v>235038</v>
      </c>
      <c r="F70378" s="1" t="s">
        <v>235039</v>
      </c>
      <c r="G70378" s="1" t="s">
        <v>234968</v>
      </c>
      <c r="H70378" s="1" t="s">
        <v>234969</v>
      </c>
      <c r="I70378" s="1" t="s">
        <v>222698</v>
      </c>
      <c r="J70378" s="1" t="s">
        <v>235040</v>
      </c>
    </row>
    <row r="70379" spans="1:10" x14ac:dyDescent="0.35">
      <c r="A70379" s="1" t="s">
        <v>5716</v>
      </c>
      <c r="B70379" s="1" t="s">
        <v>222693</v>
      </c>
      <c r="C70379" s="1" t="s">
        <v>115</v>
      </c>
      <c r="D70379" s="1" t="s">
        <v>133758</v>
      </c>
      <c r="E70379" s="1" t="s">
        <v>235041</v>
      </c>
      <c r="F70379" s="1" t="s">
        <v>235042</v>
      </c>
      <c r="G70379" s="1" t="s">
        <v>234968</v>
      </c>
      <c r="H70379" s="1" t="s">
        <v>234969</v>
      </c>
      <c r="I70379" s="1" t="s">
        <v>222698</v>
      </c>
      <c r="J70379" s="1" t="s">
        <v>235043</v>
      </c>
    </row>
    <row r="70380" spans="1:10" x14ac:dyDescent="0.35">
      <c r="A70380" s="1" t="s">
        <v>5716</v>
      </c>
      <c r="B70380" s="1" t="s">
        <v>222693</v>
      </c>
      <c r="C70380" s="1" t="s">
        <v>120</v>
      </c>
      <c r="D70380" s="1" t="s">
        <v>232128</v>
      </c>
      <c r="E70380" s="1" t="s">
        <v>235044</v>
      </c>
      <c r="F70380" s="1" t="s">
        <v>235045</v>
      </c>
      <c r="G70380" s="1" t="s">
        <v>234968</v>
      </c>
      <c r="H70380" s="1" t="s">
        <v>234969</v>
      </c>
      <c r="I70380" s="1" t="s">
        <v>222698</v>
      </c>
      <c r="J70380" s="1" t="s">
        <v>235046</v>
      </c>
    </row>
    <row r="70381" spans="1:10" x14ac:dyDescent="0.35">
      <c r="A70381" s="1" t="s">
        <v>5716</v>
      </c>
      <c r="B70381" s="1" t="s">
        <v>222693</v>
      </c>
      <c r="C70381" s="1" t="s">
        <v>125</v>
      </c>
      <c r="D70381" s="1" t="s">
        <v>235047</v>
      </c>
      <c r="E70381" s="1" t="s">
        <v>235048</v>
      </c>
      <c r="F70381" s="1" t="s">
        <v>235049</v>
      </c>
      <c r="G70381" s="1" t="s">
        <v>234968</v>
      </c>
      <c r="H70381" s="1" t="s">
        <v>234969</v>
      </c>
      <c r="I70381" s="1" t="s">
        <v>222698</v>
      </c>
      <c r="J70381" s="1" t="s">
        <v>235050</v>
      </c>
    </row>
    <row r="70382" spans="1:10" x14ac:dyDescent="0.35">
      <c r="A70382" s="1" t="s">
        <v>5716</v>
      </c>
      <c r="B70382" s="1" t="s">
        <v>222693</v>
      </c>
      <c r="C70382" s="1" t="s">
        <v>130</v>
      </c>
      <c r="D70382" s="1" t="s">
        <v>235051</v>
      </c>
      <c r="E70382" s="1" t="s">
        <v>235052</v>
      </c>
      <c r="F70382" s="1" t="s">
        <v>235053</v>
      </c>
      <c r="G70382" s="1" t="s">
        <v>234968</v>
      </c>
      <c r="H70382" s="1" t="s">
        <v>234969</v>
      </c>
      <c r="I70382" s="1" t="s">
        <v>222698</v>
      </c>
      <c r="J70382" s="1" t="s">
        <v>235054</v>
      </c>
    </row>
    <row r="70383" spans="1:10" x14ac:dyDescent="0.35">
      <c r="A70383" s="1" t="s">
        <v>5716</v>
      </c>
      <c r="B70383" s="1" t="s">
        <v>222693</v>
      </c>
      <c r="C70383" s="1" t="s">
        <v>135</v>
      </c>
      <c r="D70383" s="1" t="s">
        <v>235055</v>
      </c>
      <c r="E70383" s="1" t="s">
        <v>235056</v>
      </c>
      <c r="F70383" s="1" t="s">
        <v>235057</v>
      </c>
      <c r="G70383" s="1" t="s">
        <v>234968</v>
      </c>
      <c r="H70383" s="1" t="s">
        <v>234969</v>
      </c>
      <c r="I70383" s="1" t="s">
        <v>222698</v>
      </c>
      <c r="J70383" s="1" t="s">
        <v>235058</v>
      </c>
    </row>
    <row r="70384" spans="1:10" x14ac:dyDescent="0.35">
      <c r="A70384" s="1" t="s">
        <v>5716</v>
      </c>
      <c r="B70384" s="1" t="s">
        <v>222693</v>
      </c>
      <c r="C70384" s="1" t="s">
        <v>140</v>
      </c>
      <c r="D70384" s="1" t="s">
        <v>235059</v>
      </c>
      <c r="E70384" s="1" t="s">
        <v>235060</v>
      </c>
      <c r="F70384" s="1" t="s">
        <v>235061</v>
      </c>
      <c r="G70384" s="1" t="s">
        <v>234968</v>
      </c>
      <c r="H70384" s="1" t="s">
        <v>234969</v>
      </c>
      <c r="I70384" s="1" t="s">
        <v>222698</v>
      </c>
      <c r="J70384" s="1" t="s">
        <v>235062</v>
      </c>
    </row>
    <row r="70385" spans="1:10" x14ac:dyDescent="0.35">
      <c r="A70385" s="1" t="s">
        <v>5716</v>
      </c>
      <c r="B70385" s="1" t="s">
        <v>222693</v>
      </c>
      <c r="C70385" s="1" t="s">
        <v>145</v>
      </c>
      <c r="D70385" s="1" t="s">
        <v>235063</v>
      </c>
      <c r="E70385" s="1" t="s">
        <v>235064</v>
      </c>
      <c r="F70385" s="1" t="s">
        <v>235065</v>
      </c>
      <c r="G70385" s="1" t="s">
        <v>234968</v>
      </c>
      <c r="H70385" s="1" t="s">
        <v>234969</v>
      </c>
      <c r="I70385" s="1" t="s">
        <v>222698</v>
      </c>
      <c r="J70385" s="1" t="s">
        <v>235066</v>
      </c>
    </row>
    <row r="70386" spans="1:10" x14ac:dyDescent="0.35">
      <c r="A70386" s="1" t="s">
        <v>5716</v>
      </c>
      <c r="B70386" s="1" t="s">
        <v>222693</v>
      </c>
      <c r="C70386" s="1" t="s">
        <v>150</v>
      </c>
      <c r="D70386" s="1" t="s">
        <v>235067</v>
      </c>
      <c r="E70386" s="1" t="s">
        <v>235068</v>
      </c>
      <c r="F70386" s="1" t="s">
        <v>235069</v>
      </c>
      <c r="G70386" s="1" t="s">
        <v>234968</v>
      </c>
      <c r="H70386" s="1" t="s">
        <v>234969</v>
      </c>
      <c r="I70386" s="1" t="s">
        <v>222698</v>
      </c>
      <c r="J70386" s="1" t="s">
        <v>235070</v>
      </c>
    </row>
    <row r="70387" spans="1:10" x14ac:dyDescent="0.35">
      <c r="A70387" s="1" t="s">
        <v>5716</v>
      </c>
      <c r="B70387" s="1" t="s">
        <v>222693</v>
      </c>
      <c r="C70387" s="1" t="s">
        <v>155</v>
      </c>
      <c r="D70387" s="1" t="s">
        <v>235071</v>
      </c>
      <c r="E70387" s="1" t="s">
        <v>235072</v>
      </c>
      <c r="F70387" s="1" t="s">
        <v>235073</v>
      </c>
      <c r="G70387" s="1" t="s">
        <v>234968</v>
      </c>
      <c r="H70387" s="1" t="s">
        <v>234969</v>
      </c>
      <c r="I70387" s="1" t="s">
        <v>222698</v>
      </c>
      <c r="J70387" s="1" t="s">
        <v>235074</v>
      </c>
    </row>
    <row r="70388" spans="1:10" x14ac:dyDescent="0.35">
      <c r="A70388" s="1" t="s">
        <v>5716</v>
      </c>
      <c r="B70388" s="1" t="s">
        <v>222693</v>
      </c>
      <c r="C70388" s="1" t="s">
        <v>160</v>
      </c>
      <c r="D70388" s="1" t="s">
        <v>235075</v>
      </c>
      <c r="E70388" s="1" t="s">
        <v>235076</v>
      </c>
      <c r="F70388" s="1" t="s">
        <v>235077</v>
      </c>
      <c r="G70388" s="1" t="s">
        <v>234968</v>
      </c>
      <c r="H70388" s="1" t="s">
        <v>234969</v>
      </c>
      <c r="I70388" s="1" t="s">
        <v>222698</v>
      </c>
      <c r="J70388" s="1" t="s">
        <v>235078</v>
      </c>
    </row>
    <row r="70389" spans="1:10" x14ac:dyDescent="0.35">
      <c r="A70389" s="1" t="s">
        <v>5716</v>
      </c>
      <c r="B70389" s="1" t="s">
        <v>222693</v>
      </c>
      <c r="C70389" s="1" t="s">
        <v>165</v>
      </c>
      <c r="D70389" s="1" t="s">
        <v>235079</v>
      </c>
      <c r="E70389" s="1" t="s">
        <v>235080</v>
      </c>
      <c r="F70389" s="1" t="s">
        <v>235081</v>
      </c>
      <c r="G70389" s="1" t="s">
        <v>234968</v>
      </c>
      <c r="H70389" s="1" t="s">
        <v>234969</v>
      </c>
      <c r="I70389" s="1" t="s">
        <v>222698</v>
      </c>
      <c r="J70389" s="1" t="s">
        <v>235082</v>
      </c>
    </row>
    <row r="70390" spans="1:10" x14ac:dyDescent="0.35">
      <c r="A70390" s="1" t="s">
        <v>5716</v>
      </c>
      <c r="B70390" s="1" t="s">
        <v>222693</v>
      </c>
      <c r="C70390" s="1" t="s">
        <v>170</v>
      </c>
      <c r="D70390" s="1" t="s">
        <v>235083</v>
      </c>
      <c r="E70390" s="1" t="s">
        <v>235084</v>
      </c>
      <c r="F70390" s="1" t="s">
        <v>235085</v>
      </c>
      <c r="G70390" s="1" t="s">
        <v>234968</v>
      </c>
      <c r="H70390" s="1" t="s">
        <v>234969</v>
      </c>
      <c r="I70390" s="1" t="s">
        <v>222698</v>
      </c>
      <c r="J70390" s="1" t="s">
        <v>235086</v>
      </c>
    </row>
    <row r="70391" spans="1:10" x14ac:dyDescent="0.35">
      <c r="A70391" s="1" t="s">
        <v>110364</v>
      </c>
      <c r="B70391" s="1" t="s">
        <v>222693</v>
      </c>
      <c r="C70391" s="1" t="s">
        <v>8</v>
      </c>
      <c r="D70391" s="1" t="s">
        <v>94610</v>
      </c>
      <c r="E70391" s="1" t="s">
        <v>235087</v>
      </c>
      <c r="F70391" s="1" t="s">
        <v>235088</v>
      </c>
      <c r="G70391" s="1" t="s">
        <v>235089</v>
      </c>
      <c r="H70391" s="1" t="s">
        <v>235090</v>
      </c>
      <c r="I70391" s="1" t="s">
        <v>222698</v>
      </c>
      <c r="J70391" s="1" t="s">
        <v>13</v>
      </c>
    </row>
    <row r="70392" spans="1:10" x14ac:dyDescent="0.35">
      <c r="A70392" s="1" t="s">
        <v>110364</v>
      </c>
      <c r="B70392" s="1" t="s">
        <v>222693</v>
      </c>
      <c r="C70392" s="1" t="s">
        <v>15</v>
      </c>
      <c r="D70392" s="1" t="s">
        <v>93358</v>
      </c>
      <c r="E70392" s="1" t="s">
        <v>235091</v>
      </c>
      <c r="F70392" s="1" t="s">
        <v>235092</v>
      </c>
      <c r="G70392" s="1" t="s">
        <v>235089</v>
      </c>
      <c r="H70392" s="1" t="s">
        <v>235090</v>
      </c>
      <c r="I70392" s="1" t="s">
        <v>222698</v>
      </c>
      <c r="J70392" s="1" t="s">
        <v>235093</v>
      </c>
    </row>
    <row r="70393" spans="1:10" x14ac:dyDescent="0.35">
      <c r="A70393" s="1" t="s">
        <v>110364</v>
      </c>
      <c r="B70393" s="1" t="s">
        <v>222693</v>
      </c>
      <c r="C70393" s="1" t="s">
        <v>20</v>
      </c>
      <c r="D70393" s="1" t="s">
        <v>235094</v>
      </c>
      <c r="E70393" s="1" t="s">
        <v>235095</v>
      </c>
      <c r="F70393" s="1" t="s">
        <v>235096</v>
      </c>
      <c r="G70393" s="1" t="s">
        <v>235089</v>
      </c>
      <c r="H70393" s="1" t="s">
        <v>235090</v>
      </c>
      <c r="I70393" s="1" t="s">
        <v>222698</v>
      </c>
      <c r="J70393" s="1" t="s">
        <v>235097</v>
      </c>
    </row>
    <row r="70394" spans="1:10" x14ac:dyDescent="0.35">
      <c r="A70394" s="1" t="s">
        <v>110364</v>
      </c>
      <c r="B70394" s="1" t="s">
        <v>222693</v>
      </c>
      <c r="C70394" s="1" t="s">
        <v>25</v>
      </c>
      <c r="D70394" s="1" t="s">
        <v>84784</v>
      </c>
      <c r="E70394" s="1" t="s">
        <v>235098</v>
      </c>
      <c r="F70394" s="1" t="s">
        <v>235099</v>
      </c>
      <c r="G70394" s="1" t="s">
        <v>235089</v>
      </c>
      <c r="H70394" s="1" t="s">
        <v>235090</v>
      </c>
      <c r="I70394" s="1" t="s">
        <v>222698</v>
      </c>
      <c r="J70394" s="1" t="s">
        <v>235100</v>
      </c>
    </row>
    <row r="70395" spans="1:10" x14ac:dyDescent="0.35">
      <c r="A70395" s="1" t="s">
        <v>110364</v>
      </c>
      <c r="B70395" s="1" t="s">
        <v>222693</v>
      </c>
      <c r="C70395" s="1" t="s">
        <v>30</v>
      </c>
      <c r="D70395" s="1" t="s">
        <v>27069</v>
      </c>
      <c r="E70395" s="1" t="s">
        <v>235101</v>
      </c>
      <c r="F70395" s="1" t="s">
        <v>235102</v>
      </c>
      <c r="G70395" s="1" t="s">
        <v>235089</v>
      </c>
      <c r="H70395" s="1" t="s">
        <v>235090</v>
      </c>
      <c r="I70395" s="1" t="s">
        <v>222698</v>
      </c>
      <c r="J70395" s="1" t="s">
        <v>235103</v>
      </c>
    </row>
    <row r="70396" spans="1:10" x14ac:dyDescent="0.35">
      <c r="A70396" s="1" t="s">
        <v>110364</v>
      </c>
      <c r="B70396" s="1" t="s">
        <v>222693</v>
      </c>
      <c r="C70396" s="1" t="s">
        <v>35</v>
      </c>
      <c r="D70396" s="1" t="s">
        <v>39257</v>
      </c>
      <c r="E70396" s="1" t="s">
        <v>235104</v>
      </c>
      <c r="F70396" s="1" t="s">
        <v>235105</v>
      </c>
      <c r="G70396" s="1" t="s">
        <v>235089</v>
      </c>
      <c r="H70396" s="1" t="s">
        <v>235090</v>
      </c>
      <c r="I70396" s="1" t="s">
        <v>222698</v>
      </c>
      <c r="J70396" s="1" t="s">
        <v>235106</v>
      </c>
    </row>
    <row r="70397" spans="1:10" x14ac:dyDescent="0.35">
      <c r="A70397" s="1" t="s">
        <v>110364</v>
      </c>
      <c r="B70397" s="1" t="s">
        <v>222693</v>
      </c>
      <c r="C70397" s="1" t="s">
        <v>40</v>
      </c>
      <c r="D70397" s="1" t="s">
        <v>235107</v>
      </c>
      <c r="E70397" s="1" t="s">
        <v>235108</v>
      </c>
      <c r="F70397" s="1" t="s">
        <v>235109</v>
      </c>
      <c r="G70397" s="1" t="s">
        <v>235089</v>
      </c>
      <c r="H70397" s="1" t="s">
        <v>235090</v>
      </c>
      <c r="I70397" s="1" t="s">
        <v>222698</v>
      </c>
      <c r="J70397" s="1" t="s">
        <v>235110</v>
      </c>
    </row>
    <row r="70398" spans="1:10" x14ac:dyDescent="0.35">
      <c r="A70398" s="1" t="s">
        <v>110364</v>
      </c>
      <c r="B70398" s="1" t="s">
        <v>222693</v>
      </c>
      <c r="C70398" s="1" t="s">
        <v>45</v>
      </c>
      <c r="D70398" s="1" t="s">
        <v>235111</v>
      </c>
      <c r="E70398" s="1" t="s">
        <v>235112</v>
      </c>
      <c r="F70398" s="1" t="s">
        <v>235113</v>
      </c>
      <c r="G70398" s="1" t="s">
        <v>235089</v>
      </c>
      <c r="H70398" s="1" t="s">
        <v>235090</v>
      </c>
      <c r="I70398" s="1" t="s">
        <v>222698</v>
      </c>
      <c r="J70398" s="1" t="s">
        <v>235114</v>
      </c>
    </row>
    <row r="70399" spans="1:10" x14ac:dyDescent="0.35">
      <c r="A70399" s="1" t="s">
        <v>110364</v>
      </c>
      <c r="B70399" s="1" t="s">
        <v>222693</v>
      </c>
      <c r="C70399" s="1" t="s">
        <v>50</v>
      </c>
      <c r="D70399" s="1" t="s">
        <v>235115</v>
      </c>
      <c r="E70399" s="1" t="s">
        <v>235116</v>
      </c>
      <c r="F70399" s="1" t="s">
        <v>235117</v>
      </c>
      <c r="G70399" s="1" t="s">
        <v>235089</v>
      </c>
      <c r="H70399" s="1" t="s">
        <v>235090</v>
      </c>
      <c r="I70399" s="1" t="s">
        <v>222698</v>
      </c>
      <c r="J70399" s="1" t="s">
        <v>235118</v>
      </c>
    </row>
    <row r="70400" spans="1:10" x14ac:dyDescent="0.35">
      <c r="A70400" s="1" t="s">
        <v>110364</v>
      </c>
      <c r="B70400" s="1" t="s">
        <v>222693</v>
      </c>
      <c r="C70400" s="1" t="s">
        <v>55</v>
      </c>
      <c r="D70400" s="1" t="s">
        <v>133001</v>
      </c>
      <c r="E70400" s="1" t="s">
        <v>235119</v>
      </c>
      <c r="F70400" s="1" t="s">
        <v>235120</v>
      </c>
      <c r="G70400" s="1" t="s">
        <v>235089</v>
      </c>
      <c r="H70400" s="1" t="s">
        <v>235090</v>
      </c>
      <c r="I70400" s="1" t="s">
        <v>222698</v>
      </c>
      <c r="J70400" s="1" t="s">
        <v>235121</v>
      </c>
    </row>
    <row r="70401" spans="1:10" x14ac:dyDescent="0.35">
      <c r="A70401" s="1" t="s">
        <v>110364</v>
      </c>
      <c r="B70401" s="1" t="s">
        <v>222693</v>
      </c>
      <c r="C70401" s="1" t="s">
        <v>60</v>
      </c>
      <c r="D70401" s="1" t="s">
        <v>230633</v>
      </c>
      <c r="E70401" s="1" t="s">
        <v>235122</v>
      </c>
      <c r="F70401" s="1" t="s">
        <v>235123</v>
      </c>
      <c r="G70401" s="1" t="s">
        <v>235089</v>
      </c>
      <c r="H70401" s="1" t="s">
        <v>235090</v>
      </c>
      <c r="I70401" s="1" t="s">
        <v>222698</v>
      </c>
      <c r="J70401" s="1" t="s">
        <v>235124</v>
      </c>
    </row>
    <row r="70402" spans="1:10" x14ac:dyDescent="0.35">
      <c r="A70402" s="1" t="s">
        <v>110364</v>
      </c>
      <c r="B70402" s="1" t="s">
        <v>222693</v>
      </c>
      <c r="C70402" s="1" t="s">
        <v>65</v>
      </c>
      <c r="D70402" s="1" t="s">
        <v>70228</v>
      </c>
      <c r="E70402" s="1" t="s">
        <v>235125</v>
      </c>
      <c r="F70402" s="1" t="s">
        <v>235126</v>
      </c>
      <c r="G70402" s="1" t="s">
        <v>235089</v>
      </c>
      <c r="H70402" s="1" t="s">
        <v>235090</v>
      </c>
      <c r="I70402" s="1" t="s">
        <v>222698</v>
      </c>
      <c r="J70402" s="1" t="s">
        <v>235127</v>
      </c>
    </row>
    <row r="70403" spans="1:10" x14ac:dyDescent="0.35">
      <c r="A70403" s="1" t="s">
        <v>110364</v>
      </c>
      <c r="B70403" s="1" t="s">
        <v>222693</v>
      </c>
      <c r="C70403" s="1" t="s">
        <v>70</v>
      </c>
      <c r="D70403" s="1" t="s">
        <v>41001</v>
      </c>
      <c r="E70403" s="1" t="s">
        <v>235128</v>
      </c>
      <c r="F70403" s="1" t="s">
        <v>235129</v>
      </c>
      <c r="G70403" s="1" t="s">
        <v>235089</v>
      </c>
      <c r="H70403" s="1" t="s">
        <v>235090</v>
      </c>
      <c r="I70403" s="1" t="s">
        <v>222698</v>
      </c>
      <c r="J70403" s="1" t="s">
        <v>235130</v>
      </c>
    </row>
    <row r="70404" spans="1:10" x14ac:dyDescent="0.35">
      <c r="A70404" s="1" t="s">
        <v>110364</v>
      </c>
      <c r="B70404" s="1" t="s">
        <v>222693</v>
      </c>
      <c r="C70404" s="1" t="s">
        <v>75</v>
      </c>
      <c r="D70404" s="1" t="s">
        <v>232876</v>
      </c>
      <c r="E70404" s="1" t="s">
        <v>235131</v>
      </c>
      <c r="F70404" s="1" t="s">
        <v>235132</v>
      </c>
      <c r="G70404" s="1" t="s">
        <v>235089</v>
      </c>
      <c r="H70404" s="1" t="s">
        <v>235090</v>
      </c>
      <c r="I70404" s="1" t="s">
        <v>222698</v>
      </c>
      <c r="J70404" s="1" t="s">
        <v>235133</v>
      </c>
    </row>
    <row r="70405" spans="1:10" x14ac:dyDescent="0.35">
      <c r="A70405" s="1" t="s">
        <v>110364</v>
      </c>
      <c r="B70405" s="1" t="s">
        <v>222693</v>
      </c>
      <c r="C70405" s="1" t="s">
        <v>80</v>
      </c>
      <c r="D70405" s="1" t="s">
        <v>235134</v>
      </c>
      <c r="E70405" s="1" t="s">
        <v>235135</v>
      </c>
      <c r="F70405" s="1" t="s">
        <v>235136</v>
      </c>
      <c r="G70405" s="1" t="s">
        <v>235089</v>
      </c>
      <c r="H70405" s="1" t="s">
        <v>235090</v>
      </c>
      <c r="I70405" s="1" t="s">
        <v>222698</v>
      </c>
      <c r="J70405" s="1" t="s">
        <v>235137</v>
      </c>
    </row>
    <row r="70406" spans="1:10" x14ac:dyDescent="0.35">
      <c r="A70406" s="1" t="s">
        <v>110364</v>
      </c>
      <c r="B70406" s="1" t="s">
        <v>222693</v>
      </c>
      <c r="C70406" s="1" t="s">
        <v>85</v>
      </c>
      <c r="D70406" s="1" t="s">
        <v>235138</v>
      </c>
      <c r="E70406" s="1" t="s">
        <v>235139</v>
      </c>
      <c r="F70406" s="1" t="s">
        <v>235140</v>
      </c>
      <c r="G70406" s="1" t="s">
        <v>235089</v>
      </c>
      <c r="H70406" s="1" t="s">
        <v>235090</v>
      </c>
      <c r="I70406" s="1" t="s">
        <v>222698</v>
      </c>
      <c r="J70406" s="1" t="s">
        <v>235141</v>
      </c>
    </row>
    <row r="70407" spans="1:10" x14ac:dyDescent="0.35">
      <c r="A70407" s="1" t="s">
        <v>110364</v>
      </c>
      <c r="B70407" s="1" t="s">
        <v>222693</v>
      </c>
      <c r="C70407" s="1" t="s">
        <v>90</v>
      </c>
      <c r="D70407" s="1" t="s">
        <v>235142</v>
      </c>
      <c r="E70407" s="1" t="s">
        <v>235143</v>
      </c>
      <c r="F70407" s="1" t="s">
        <v>235144</v>
      </c>
      <c r="G70407" s="1" t="s">
        <v>235089</v>
      </c>
      <c r="H70407" s="1" t="s">
        <v>235090</v>
      </c>
      <c r="I70407" s="1" t="s">
        <v>222698</v>
      </c>
      <c r="J70407" s="1" t="s">
        <v>235145</v>
      </c>
    </row>
    <row r="70408" spans="1:10" x14ac:dyDescent="0.35">
      <c r="A70408" s="1" t="s">
        <v>110364</v>
      </c>
      <c r="B70408" s="1" t="s">
        <v>222693</v>
      </c>
      <c r="C70408" s="1" t="s">
        <v>95</v>
      </c>
      <c r="D70408" s="1" t="s">
        <v>235146</v>
      </c>
      <c r="E70408" s="1" t="s">
        <v>235147</v>
      </c>
      <c r="F70408" s="1" t="s">
        <v>235148</v>
      </c>
      <c r="G70408" s="1" t="s">
        <v>235089</v>
      </c>
      <c r="H70408" s="1" t="s">
        <v>235090</v>
      </c>
      <c r="I70408" s="1" t="s">
        <v>222698</v>
      </c>
      <c r="J70408" s="1" t="s">
        <v>235149</v>
      </c>
    </row>
    <row r="70409" spans="1:10" x14ac:dyDescent="0.35">
      <c r="A70409" s="1" t="s">
        <v>110364</v>
      </c>
      <c r="B70409" s="1" t="s">
        <v>222693</v>
      </c>
      <c r="C70409" s="1" t="s">
        <v>100</v>
      </c>
      <c r="D70409" s="1" t="s">
        <v>235150</v>
      </c>
      <c r="E70409" s="1" t="s">
        <v>235151</v>
      </c>
      <c r="F70409" s="1" t="s">
        <v>235152</v>
      </c>
      <c r="G70409" s="1" t="s">
        <v>235089</v>
      </c>
      <c r="H70409" s="1" t="s">
        <v>235090</v>
      </c>
      <c r="I70409" s="1" t="s">
        <v>222698</v>
      </c>
      <c r="J70409" s="1" t="s">
        <v>235153</v>
      </c>
    </row>
    <row r="70410" spans="1:10" x14ac:dyDescent="0.35">
      <c r="A70410" s="1" t="s">
        <v>110364</v>
      </c>
      <c r="B70410" s="1" t="s">
        <v>222693</v>
      </c>
      <c r="C70410" s="1" t="s">
        <v>105</v>
      </c>
      <c r="D70410" s="1" t="s">
        <v>235154</v>
      </c>
      <c r="E70410" s="1" t="s">
        <v>235155</v>
      </c>
      <c r="F70410" s="1" t="s">
        <v>235156</v>
      </c>
      <c r="G70410" s="1" t="s">
        <v>235089</v>
      </c>
      <c r="H70410" s="1" t="s">
        <v>235090</v>
      </c>
      <c r="I70410" s="1" t="s">
        <v>222698</v>
      </c>
      <c r="J70410" s="1" t="s">
        <v>235157</v>
      </c>
    </row>
    <row r="70411" spans="1:10" x14ac:dyDescent="0.35">
      <c r="A70411" s="1" t="s">
        <v>110364</v>
      </c>
      <c r="B70411" s="1" t="s">
        <v>222693</v>
      </c>
      <c r="C70411" s="1" t="s">
        <v>110</v>
      </c>
      <c r="D70411" s="1" t="s">
        <v>235158</v>
      </c>
      <c r="E70411" s="1" t="s">
        <v>235159</v>
      </c>
      <c r="F70411" s="1" t="s">
        <v>235160</v>
      </c>
      <c r="G70411" s="1" t="s">
        <v>235089</v>
      </c>
      <c r="H70411" s="1" t="s">
        <v>235090</v>
      </c>
      <c r="I70411" s="1" t="s">
        <v>222698</v>
      </c>
      <c r="J70411" s="1" t="s">
        <v>235161</v>
      </c>
    </row>
    <row r="70412" spans="1:10" x14ac:dyDescent="0.35">
      <c r="A70412" s="1" t="s">
        <v>110364</v>
      </c>
      <c r="B70412" s="1" t="s">
        <v>222693</v>
      </c>
      <c r="C70412" s="1" t="s">
        <v>115</v>
      </c>
      <c r="D70412" s="1" t="s">
        <v>62267</v>
      </c>
      <c r="E70412" s="1" t="s">
        <v>235162</v>
      </c>
      <c r="F70412" s="1" t="s">
        <v>235163</v>
      </c>
      <c r="G70412" s="1" t="s">
        <v>235089</v>
      </c>
      <c r="H70412" s="1" t="s">
        <v>235090</v>
      </c>
      <c r="I70412" s="1" t="s">
        <v>222698</v>
      </c>
      <c r="J70412" s="1" t="s">
        <v>235164</v>
      </c>
    </row>
    <row r="70413" spans="1:10" x14ac:dyDescent="0.35">
      <c r="A70413" s="1" t="s">
        <v>110364</v>
      </c>
      <c r="B70413" s="1" t="s">
        <v>222693</v>
      </c>
      <c r="C70413" s="1" t="s">
        <v>120</v>
      </c>
      <c r="D70413" s="1" t="s">
        <v>235165</v>
      </c>
      <c r="E70413" s="1" t="s">
        <v>235166</v>
      </c>
      <c r="F70413" s="1" t="s">
        <v>235167</v>
      </c>
      <c r="G70413" s="1" t="s">
        <v>235089</v>
      </c>
      <c r="H70413" s="1" t="s">
        <v>235090</v>
      </c>
      <c r="I70413" s="1" t="s">
        <v>222698</v>
      </c>
      <c r="J70413" s="1" t="s">
        <v>235168</v>
      </c>
    </row>
    <row r="70414" spans="1:10" x14ac:dyDescent="0.35">
      <c r="A70414" s="1" t="s">
        <v>110364</v>
      </c>
      <c r="B70414" s="1" t="s">
        <v>222693</v>
      </c>
      <c r="C70414" s="1" t="s">
        <v>125</v>
      </c>
      <c r="D70414" s="1" t="s">
        <v>227372</v>
      </c>
      <c r="E70414" s="1" t="s">
        <v>235169</v>
      </c>
      <c r="F70414" s="1" t="s">
        <v>235170</v>
      </c>
      <c r="G70414" s="1" t="s">
        <v>235089</v>
      </c>
      <c r="H70414" s="1" t="s">
        <v>235090</v>
      </c>
      <c r="I70414" s="1" t="s">
        <v>222698</v>
      </c>
      <c r="J70414" s="1" t="s">
        <v>235171</v>
      </c>
    </row>
    <row r="70415" spans="1:10" x14ac:dyDescent="0.35">
      <c r="A70415" s="1" t="s">
        <v>110364</v>
      </c>
      <c r="B70415" s="1" t="s">
        <v>222693</v>
      </c>
      <c r="C70415" s="1" t="s">
        <v>130</v>
      </c>
      <c r="D70415" s="1" t="s">
        <v>235172</v>
      </c>
      <c r="E70415" s="1" t="s">
        <v>235173</v>
      </c>
      <c r="F70415" s="1" t="s">
        <v>235174</v>
      </c>
      <c r="G70415" s="1" t="s">
        <v>235089</v>
      </c>
      <c r="H70415" s="1" t="s">
        <v>235090</v>
      </c>
      <c r="I70415" s="1" t="s">
        <v>222698</v>
      </c>
      <c r="J70415" s="1" t="s">
        <v>235175</v>
      </c>
    </row>
    <row r="70416" spans="1:10" x14ac:dyDescent="0.35">
      <c r="A70416" s="1" t="s">
        <v>110364</v>
      </c>
      <c r="B70416" s="1" t="s">
        <v>222693</v>
      </c>
      <c r="C70416" s="1" t="s">
        <v>135</v>
      </c>
      <c r="D70416" s="1" t="s">
        <v>235176</v>
      </c>
      <c r="E70416" s="1" t="s">
        <v>235177</v>
      </c>
      <c r="F70416" s="1" t="s">
        <v>235178</v>
      </c>
      <c r="G70416" s="1" t="s">
        <v>235089</v>
      </c>
      <c r="H70416" s="1" t="s">
        <v>235090</v>
      </c>
      <c r="I70416" s="1" t="s">
        <v>222698</v>
      </c>
      <c r="J70416" s="1" t="s">
        <v>235179</v>
      </c>
    </row>
    <row r="70417" spans="1:10" x14ac:dyDescent="0.35">
      <c r="A70417" s="1" t="s">
        <v>110364</v>
      </c>
      <c r="B70417" s="1" t="s">
        <v>222693</v>
      </c>
      <c r="C70417" s="1" t="s">
        <v>140</v>
      </c>
      <c r="D70417" s="1" t="s">
        <v>226981</v>
      </c>
      <c r="E70417" s="1" t="s">
        <v>235180</v>
      </c>
      <c r="F70417" s="1" t="s">
        <v>235181</v>
      </c>
      <c r="G70417" s="1" t="s">
        <v>235089</v>
      </c>
      <c r="H70417" s="1" t="s">
        <v>235090</v>
      </c>
      <c r="I70417" s="1" t="s">
        <v>222698</v>
      </c>
      <c r="J70417" s="1" t="s">
        <v>235182</v>
      </c>
    </row>
    <row r="70418" spans="1:10" x14ac:dyDescent="0.35">
      <c r="A70418" s="1" t="s">
        <v>110364</v>
      </c>
      <c r="B70418" s="1" t="s">
        <v>222693</v>
      </c>
      <c r="C70418" s="1" t="s">
        <v>145</v>
      </c>
      <c r="D70418" s="1" t="s">
        <v>235183</v>
      </c>
      <c r="E70418" s="1" t="s">
        <v>235184</v>
      </c>
      <c r="F70418" s="1" t="s">
        <v>235185</v>
      </c>
      <c r="G70418" s="1" t="s">
        <v>235089</v>
      </c>
      <c r="H70418" s="1" t="s">
        <v>235090</v>
      </c>
      <c r="I70418" s="1" t="s">
        <v>222698</v>
      </c>
      <c r="J70418" s="1" t="s">
        <v>235186</v>
      </c>
    </row>
    <row r="70419" spans="1:10" x14ac:dyDescent="0.35">
      <c r="A70419" s="1" t="s">
        <v>110364</v>
      </c>
      <c r="B70419" s="1" t="s">
        <v>222693</v>
      </c>
      <c r="C70419" s="1" t="s">
        <v>150</v>
      </c>
      <c r="D70419" s="1" t="s">
        <v>21763</v>
      </c>
      <c r="E70419" s="1" t="s">
        <v>235187</v>
      </c>
      <c r="F70419" s="1" t="s">
        <v>235188</v>
      </c>
      <c r="G70419" s="1" t="s">
        <v>235089</v>
      </c>
      <c r="H70419" s="1" t="s">
        <v>235090</v>
      </c>
      <c r="I70419" s="1" t="s">
        <v>222698</v>
      </c>
      <c r="J70419" s="1" t="s">
        <v>235189</v>
      </c>
    </row>
    <row r="70420" spans="1:10" x14ac:dyDescent="0.35">
      <c r="A70420" s="1" t="s">
        <v>110364</v>
      </c>
      <c r="B70420" s="1" t="s">
        <v>222693</v>
      </c>
      <c r="C70420" s="1" t="s">
        <v>155</v>
      </c>
      <c r="D70420" s="1" t="s">
        <v>127449</v>
      </c>
      <c r="E70420" s="1" t="s">
        <v>235190</v>
      </c>
      <c r="F70420" s="1" t="s">
        <v>235191</v>
      </c>
      <c r="G70420" s="1" t="s">
        <v>235089</v>
      </c>
      <c r="H70420" s="1" t="s">
        <v>235090</v>
      </c>
      <c r="I70420" s="1" t="s">
        <v>222698</v>
      </c>
      <c r="J70420" s="1" t="s">
        <v>235192</v>
      </c>
    </row>
    <row r="70421" spans="1:10" x14ac:dyDescent="0.35">
      <c r="A70421" s="1" t="s">
        <v>110364</v>
      </c>
      <c r="B70421" s="1" t="s">
        <v>222693</v>
      </c>
      <c r="C70421" s="1" t="s">
        <v>160</v>
      </c>
      <c r="D70421" s="1" t="s">
        <v>235193</v>
      </c>
      <c r="E70421" s="1" t="s">
        <v>235194</v>
      </c>
      <c r="F70421" s="1" t="s">
        <v>235195</v>
      </c>
      <c r="G70421" s="1" t="s">
        <v>235089</v>
      </c>
      <c r="H70421" s="1" t="s">
        <v>235090</v>
      </c>
      <c r="I70421" s="1" t="s">
        <v>222698</v>
      </c>
      <c r="J70421" s="1" t="s">
        <v>235196</v>
      </c>
    </row>
    <row r="70422" spans="1:10" x14ac:dyDescent="0.35">
      <c r="A70422" s="1" t="s">
        <v>110364</v>
      </c>
      <c r="B70422" s="1" t="s">
        <v>222693</v>
      </c>
      <c r="C70422" s="1" t="s">
        <v>165</v>
      </c>
      <c r="D70422" s="1" t="s">
        <v>235197</v>
      </c>
      <c r="E70422" s="1" t="s">
        <v>235198</v>
      </c>
      <c r="F70422" s="1" t="s">
        <v>235199</v>
      </c>
      <c r="G70422" s="1" t="s">
        <v>235089</v>
      </c>
      <c r="H70422" s="1" t="s">
        <v>235090</v>
      </c>
      <c r="I70422" s="1" t="s">
        <v>222698</v>
      </c>
      <c r="J70422" s="1" t="s">
        <v>235200</v>
      </c>
    </row>
    <row r="70423" spans="1:10" x14ac:dyDescent="0.35">
      <c r="A70423" s="1" t="s">
        <v>110364</v>
      </c>
      <c r="B70423" s="1" t="s">
        <v>222693</v>
      </c>
      <c r="C70423" s="1" t="s">
        <v>170</v>
      </c>
      <c r="D70423" s="1" t="s">
        <v>235201</v>
      </c>
      <c r="E70423" s="1" t="s">
        <v>235202</v>
      </c>
      <c r="F70423" s="1" t="s">
        <v>235203</v>
      </c>
      <c r="G70423" s="1" t="s">
        <v>235089</v>
      </c>
      <c r="H70423" s="1" t="s">
        <v>235090</v>
      </c>
      <c r="I70423" s="1" t="s">
        <v>222698</v>
      </c>
      <c r="J70423" s="1" t="s">
        <v>235204</v>
      </c>
    </row>
    <row r="70424" spans="1:10" x14ac:dyDescent="0.35">
      <c r="A70424" s="1" t="s">
        <v>28432</v>
      </c>
      <c r="B70424" s="1" t="s">
        <v>222693</v>
      </c>
      <c r="C70424" s="1" t="s">
        <v>8</v>
      </c>
      <c r="D70424" s="1" t="s">
        <v>127146</v>
      </c>
      <c r="E70424" s="1" t="s">
        <v>235205</v>
      </c>
      <c r="F70424" s="1" t="s">
        <v>235206</v>
      </c>
      <c r="G70424" s="1" t="s">
        <v>235207</v>
      </c>
      <c r="H70424" s="1" t="s">
        <v>235208</v>
      </c>
      <c r="I70424" s="1" t="s">
        <v>222698</v>
      </c>
      <c r="J70424" s="1" t="s">
        <v>13</v>
      </c>
    </row>
    <row r="70425" spans="1:10" x14ac:dyDescent="0.35">
      <c r="A70425" s="1" t="s">
        <v>28432</v>
      </c>
      <c r="B70425" s="1" t="s">
        <v>222693</v>
      </c>
      <c r="C70425" s="1" t="s">
        <v>15</v>
      </c>
      <c r="D70425" s="1" t="s">
        <v>198819</v>
      </c>
      <c r="E70425" s="1" t="s">
        <v>235209</v>
      </c>
      <c r="F70425" s="1" t="s">
        <v>235210</v>
      </c>
      <c r="G70425" s="1" t="s">
        <v>235207</v>
      </c>
      <c r="H70425" s="1" t="s">
        <v>235208</v>
      </c>
      <c r="I70425" s="1" t="s">
        <v>222698</v>
      </c>
      <c r="J70425" s="1" t="s">
        <v>235211</v>
      </c>
    </row>
    <row r="70426" spans="1:10" x14ac:dyDescent="0.35">
      <c r="A70426" s="1" t="s">
        <v>28432</v>
      </c>
      <c r="B70426" s="1" t="s">
        <v>222693</v>
      </c>
      <c r="C70426" s="1" t="s">
        <v>20</v>
      </c>
      <c r="D70426" s="1" t="s">
        <v>56035</v>
      </c>
      <c r="E70426" s="1" t="s">
        <v>235212</v>
      </c>
      <c r="F70426" s="1" t="s">
        <v>235213</v>
      </c>
      <c r="G70426" s="1" t="s">
        <v>235207</v>
      </c>
      <c r="H70426" s="1" t="s">
        <v>235208</v>
      </c>
      <c r="I70426" s="1" t="s">
        <v>222698</v>
      </c>
      <c r="J70426" s="1" t="s">
        <v>235214</v>
      </c>
    </row>
    <row r="70427" spans="1:10" x14ac:dyDescent="0.35">
      <c r="A70427" s="1" t="s">
        <v>28432</v>
      </c>
      <c r="B70427" s="1" t="s">
        <v>222693</v>
      </c>
      <c r="C70427" s="1" t="s">
        <v>25</v>
      </c>
      <c r="D70427" s="1" t="s">
        <v>167253</v>
      </c>
      <c r="E70427" s="1" t="s">
        <v>235215</v>
      </c>
      <c r="F70427" s="1" t="s">
        <v>235216</v>
      </c>
      <c r="G70427" s="1" t="s">
        <v>235207</v>
      </c>
      <c r="H70427" s="1" t="s">
        <v>235208</v>
      </c>
      <c r="I70427" s="1" t="s">
        <v>222698</v>
      </c>
      <c r="J70427" s="1" t="s">
        <v>235217</v>
      </c>
    </row>
    <row r="70428" spans="1:10" x14ac:dyDescent="0.35">
      <c r="A70428" s="1" t="s">
        <v>28432</v>
      </c>
      <c r="B70428" s="1" t="s">
        <v>222693</v>
      </c>
      <c r="C70428" s="1" t="s">
        <v>30</v>
      </c>
      <c r="D70428" s="1" t="s">
        <v>235218</v>
      </c>
      <c r="E70428" s="1" t="s">
        <v>235219</v>
      </c>
      <c r="F70428" s="1" t="s">
        <v>235220</v>
      </c>
      <c r="G70428" s="1" t="s">
        <v>235207</v>
      </c>
      <c r="H70428" s="1" t="s">
        <v>235208</v>
      </c>
      <c r="I70428" s="1" t="s">
        <v>222698</v>
      </c>
      <c r="J70428" s="1" t="s">
        <v>235221</v>
      </c>
    </row>
    <row r="70429" spans="1:10" x14ac:dyDescent="0.35">
      <c r="A70429" s="1" t="s">
        <v>28432</v>
      </c>
      <c r="B70429" s="1" t="s">
        <v>222693</v>
      </c>
      <c r="C70429" s="1" t="s">
        <v>35</v>
      </c>
      <c r="D70429" s="1" t="s">
        <v>235222</v>
      </c>
      <c r="E70429" s="1" t="s">
        <v>235223</v>
      </c>
      <c r="F70429" s="1" t="s">
        <v>235224</v>
      </c>
      <c r="G70429" s="1" t="s">
        <v>235207</v>
      </c>
      <c r="H70429" s="1" t="s">
        <v>235208</v>
      </c>
      <c r="I70429" s="1" t="s">
        <v>222698</v>
      </c>
      <c r="J70429" s="1" t="s">
        <v>235225</v>
      </c>
    </row>
    <row r="70430" spans="1:10" x14ac:dyDescent="0.35">
      <c r="A70430" s="1" t="s">
        <v>28432</v>
      </c>
      <c r="B70430" s="1" t="s">
        <v>222693</v>
      </c>
      <c r="C70430" s="1" t="s">
        <v>40</v>
      </c>
      <c r="D70430" s="1" t="s">
        <v>235226</v>
      </c>
      <c r="E70430" s="1" t="s">
        <v>235227</v>
      </c>
      <c r="F70430" s="1" t="s">
        <v>235228</v>
      </c>
      <c r="G70430" s="1" t="s">
        <v>235207</v>
      </c>
      <c r="H70430" s="1" t="s">
        <v>235208</v>
      </c>
      <c r="I70430" s="1" t="s">
        <v>222698</v>
      </c>
      <c r="J70430" s="1" t="s">
        <v>235229</v>
      </c>
    </row>
    <row r="70431" spans="1:10" x14ac:dyDescent="0.35">
      <c r="A70431" s="1" t="s">
        <v>28432</v>
      </c>
      <c r="B70431" s="1" t="s">
        <v>222693</v>
      </c>
      <c r="C70431" s="1" t="s">
        <v>45</v>
      </c>
      <c r="D70431" s="1" t="s">
        <v>235230</v>
      </c>
      <c r="E70431" s="1" t="s">
        <v>235231</v>
      </c>
      <c r="F70431" s="1" t="s">
        <v>235232</v>
      </c>
      <c r="G70431" s="1" t="s">
        <v>235207</v>
      </c>
      <c r="H70431" s="1" t="s">
        <v>235208</v>
      </c>
      <c r="I70431" s="1" t="s">
        <v>222698</v>
      </c>
      <c r="J70431" s="1" t="s">
        <v>235233</v>
      </c>
    </row>
    <row r="70432" spans="1:10" x14ac:dyDescent="0.35">
      <c r="A70432" s="1" t="s">
        <v>28432</v>
      </c>
      <c r="B70432" s="1" t="s">
        <v>222693</v>
      </c>
      <c r="C70432" s="1" t="s">
        <v>50</v>
      </c>
      <c r="D70432" s="1" t="s">
        <v>235234</v>
      </c>
      <c r="E70432" s="1" t="s">
        <v>235235</v>
      </c>
      <c r="F70432" s="1" t="s">
        <v>235236</v>
      </c>
      <c r="G70432" s="1" t="s">
        <v>235207</v>
      </c>
      <c r="H70432" s="1" t="s">
        <v>235208</v>
      </c>
      <c r="I70432" s="1" t="s">
        <v>222698</v>
      </c>
      <c r="J70432" s="1" t="s">
        <v>235237</v>
      </c>
    </row>
    <row r="70433" spans="1:10" x14ac:dyDescent="0.35">
      <c r="A70433" s="1" t="s">
        <v>28432</v>
      </c>
      <c r="B70433" s="1" t="s">
        <v>222693</v>
      </c>
      <c r="C70433" s="1" t="s">
        <v>55</v>
      </c>
      <c r="D70433" s="1" t="s">
        <v>235238</v>
      </c>
      <c r="E70433" s="1" t="s">
        <v>235239</v>
      </c>
      <c r="F70433" s="1" t="s">
        <v>235240</v>
      </c>
      <c r="G70433" s="1" t="s">
        <v>235207</v>
      </c>
      <c r="H70433" s="1" t="s">
        <v>235208</v>
      </c>
      <c r="I70433" s="1" t="s">
        <v>222698</v>
      </c>
      <c r="J70433" s="1" t="s">
        <v>235241</v>
      </c>
    </row>
    <row r="70434" spans="1:10" x14ac:dyDescent="0.35">
      <c r="A70434" s="1" t="s">
        <v>28432</v>
      </c>
      <c r="B70434" s="1" t="s">
        <v>222693</v>
      </c>
      <c r="C70434" s="1" t="s">
        <v>60</v>
      </c>
      <c r="D70434" s="1" t="s">
        <v>235242</v>
      </c>
      <c r="E70434" s="1" t="s">
        <v>235243</v>
      </c>
      <c r="F70434" s="1" t="s">
        <v>235244</v>
      </c>
      <c r="G70434" s="1" t="s">
        <v>235207</v>
      </c>
      <c r="H70434" s="1" t="s">
        <v>235208</v>
      </c>
      <c r="I70434" s="1" t="s">
        <v>222698</v>
      </c>
      <c r="J70434" s="1" t="s">
        <v>235245</v>
      </c>
    </row>
    <row r="70435" spans="1:10" x14ac:dyDescent="0.35">
      <c r="A70435" s="1" t="s">
        <v>28432</v>
      </c>
      <c r="B70435" s="1" t="s">
        <v>222693</v>
      </c>
      <c r="C70435" s="1" t="s">
        <v>65</v>
      </c>
      <c r="D70435" s="1" t="s">
        <v>235246</v>
      </c>
      <c r="E70435" s="1" t="s">
        <v>235247</v>
      </c>
      <c r="F70435" s="1" t="s">
        <v>235248</v>
      </c>
      <c r="G70435" s="1" t="s">
        <v>235207</v>
      </c>
      <c r="H70435" s="1" t="s">
        <v>235208</v>
      </c>
      <c r="I70435" s="1" t="s">
        <v>222698</v>
      </c>
      <c r="J70435" s="1" t="s">
        <v>235249</v>
      </c>
    </row>
    <row r="70436" spans="1:10" x14ac:dyDescent="0.35">
      <c r="A70436" s="1" t="s">
        <v>28432</v>
      </c>
      <c r="B70436" s="1" t="s">
        <v>222693</v>
      </c>
      <c r="C70436" s="1" t="s">
        <v>70</v>
      </c>
      <c r="D70436" s="1" t="s">
        <v>235250</v>
      </c>
      <c r="E70436" s="1" t="s">
        <v>235251</v>
      </c>
      <c r="F70436" s="1" t="s">
        <v>235252</v>
      </c>
      <c r="G70436" s="1" t="s">
        <v>235207</v>
      </c>
      <c r="H70436" s="1" t="s">
        <v>235208</v>
      </c>
      <c r="I70436" s="1" t="s">
        <v>222698</v>
      </c>
      <c r="J70436" s="1" t="s">
        <v>235253</v>
      </c>
    </row>
    <row r="70437" spans="1:10" x14ac:dyDescent="0.35">
      <c r="A70437" s="1" t="s">
        <v>28432</v>
      </c>
      <c r="B70437" s="1" t="s">
        <v>222693</v>
      </c>
      <c r="C70437" s="1" t="s">
        <v>75</v>
      </c>
      <c r="D70437" s="1" t="s">
        <v>235254</v>
      </c>
      <c r="E70437" s="1" t="s">
        <v>235255</v>
      </c>
      <c r="F70437" s="1" t="s">
        <v>235256</v>
      </c>
      <c r="G70437" s="1" t="s">
        <v>235207</v>
      </c>
      <c r="H70437" s="1" t="s">
        <v>235208</v>
      </c>
      <c r="I70437" s="1" t="s">
        <v>222698</v>
      </c>
      <c r="J70437" s="1" t="s">
        <v>235257</v>
      </c>
    </row>
    <row r="70438" spans="1:10" x14ac:dyDescent="0.35">
      <c r="A70438" s="1" t="s">
        <v>28432</v>
      </c>
      <c r="B70438" s="1" t="s">
        <v>222693</v>
      </c>
      <c r="C70438" s="1" t="s">
        <v>80</v>
      </c>
      <c r="D70438" s="1" t="s">
        <v>235258</v>
      </c>
      <c r="E70438" s="1" t="s">
        <v>235259</v>
      </c>
      <c r="F70438" s="1" t="s">
        <v>235260</v>
      </c>
      <c r="G70438" s="1" t="s">
        <v>235207</v>
      </c>
      <c r="H70438" s="1" t="s">
        <v>235208</v>
      </c>
      <c r="I70438" s="1" t="s">
        <v>222698</v>
      </c>
      <c r="J70438" s="1" t="s">
        <v>235261</v>
      </c>
    </row>
    <row r="70439" spans="1:10" x14ac:dyDescent="0.35">
      <c r="A70439" s="1" t="s">
        <v>28432</v>
      </c>
      <c r="B70439" s="1" t="s">
        <v>222693</v>
      </c>
      <c r="C70439" s="1" t="s">
        <v>85</v>
      </c>
      <c r="D70439" s="1" t="s">
        <v>235262</v>
      </c>
      <c r="E70439" s="1" t="s">
        <v>235263</v>
      </c>
      <c r="F70439" s="1" t="s">
        <v>235264</v>
      </c>
      <c r="G70439" s="1" t="s">
        <v>235207</v>
      </c>
      <c r="H70439" s="1" t="s">
        <v>235208</v>
      </c>
      <c r="I70439" s="1" t="s">
        <v>222698</v>
      </c>
      <c r="J70439" s="1" t="s">
        <v>235265</v>
      </c>
    </row>
    <row r="70440" spans="1:10" x14ac:dyDescent="0.35">
      <c r="A70440" s="1" t="s">
        <v>28432</v>
      </c>
      <c r="B70440" s="1" t="s">
        <v>222693</v>
      </c>
      <c r="C70440" s="1" t="s">
        <v>90</v>
      </c>
      <c r="D70440" s="1" t="s">
        <v>235266</v>
      </c>
      <c r="E70440" s="1" t="s">
        <v>235267</v>
      </c>
      <c r="F70440" s="1" t="s">
        <v>235268</v>
      </c>
      <c r="G70440" s="1" t="s">
        <v>235207</v>
      </c>
      <c r="H70440" s="1" t="s">
        <v>235208</v>
      </c>
      <c r="I70440" s="1" t="s">
        <v>222698</v>
      </c>
      <c r="J70440" s="1" t="s">
        <v>235269</v>
      </c>
    </row>
    <row r="70441" spans="1:10" x14ac:dyDescent="0.35">
      <c r="A70441" s="1" t="s">
        <v>28432</v>
      </c>
      <c r="B70441" s="1" t="s">
        <v>222693</v>
      </c>
      <c r="C70441" s="1" t="s">
        <v>95</v>
      </c>
      <c r="D70441" s="1" t="s">
        <v>235270</v>
      </c>
      <c r="E70441" s="1" t="s">
        <v>235271</v>
      </c>
      <c r="F70441" s="1" t="s">
        <v>235272</v>
      </c>
      <c r="G70441" s="1" t="s">
        <v>235207</v>
      </c>
      <c r="H70441" s="1" t="s">
        <v>235208</v>
      </c>
      <c r="I70441" s="1" t="s">
        <v>222698</v>
      </c>
      <c r="J70441" s="1" t="s">
        <v>235273</v>
      </c>
    </row>
    <row r="70442" spans="1:10" x14ac:dyDescent="0.35">
      <c r="A70442" s="1" t="s">
        <v>28432</v>
      </c>
      <c r="B70442" s="1" t="s">
        <v>222693</v>
      </c>
      <c r="C70442" s="1" t="s">
        <v>100</v>
      </c>
      <c r="D70442" s="1" t="s">
        <v>235274</v>
      </c>
      <c r="E70442" s="1" t="s">
        <v>235275</v>
      </c>
      <c r="F70442" s="1" t="s">
        <v>235276</v>
      </c>
      <c r="G70442" s="1" t="s">
        <v>235207</v>
      </c>
      <c r="H70442" s="1" t="s">
        <v>235208</v>
      </c>
      <c r="I70442" s="1" t="s">
        <v>222698</v>
      </c>
      <c r="J70442" s="1" t="s">
        <v>235277</v>
      </c>
    </row>
    <row r="70443" spans="1:10" x14ac:dyDescent="0.35">
      <c r="A70443" s="1" t="s">
        <v>28432</v>
      </c>
      <c r="B70443" s="1" t="s">
        <v>222693</v>
      </c>
      <c r="C70443" s="1" t="s">
        <v>105</v>
      </c>
      <c r="D70443" s="1" t="s">
        <v>235278</v>
      </c>
      <c r="E70443" s="1" t="s">
        <v>235279</v>
      </c>
      <c r="F70443" s="1" t="s">
        <v>235280</v>
      </c>
      <c r="G70443" s="1" t="s">
        <v>235207</v>
      </c>
      <c r="H70443" s="1" t="s">
        <v>235208</v>
      </c>
      <c r="I70443" s="1" t="s">
        <v>222698</v>
      </c>
      <c r="J70443" s="1" t="s">
        <v>235281</v>
      </c>
    </row>
    <row r="70444" spans="1:10" x14ac:dyDescent="0.35">
      <c r="A70444" s="1" t="s">
        <v>28432</v>
      </c>
      <c r="B70444" s="1" t="s">
        <v>222693</v>
      </c>
      <c r="C70444" s="1" t="s">
        <v>110</v>
      </c>
      <c r="D70444" s="1" t="s">
        <v>235282</v>
      </c>
      <c r="E70444" s="1" t="s">
        <v>235283</v>
      </c>
      <c r="F70444" s="1" t="s">
        <v>235284</v>
      </c>
      <c r="G70444" s="1" t="s">
        <v>235207</v>
      </c>
      <c r="H70444" s="1" t="s">
        <v>235208</v>
      </c>
      <c r="I70444" s="1" t="s">
        <v>222698</v>
      </c>
      <c r="J70444" s="1" t="s">
        <v>235285</v>
      </c>
    </row>
    <row r="70445" spans="1:10" x14ac:dyDescent="0.35">
      <c r="A70445" s="1" t="s">
        <v>28432</v>
      </c>
      <c r="B70445" s="1" t="s">
        <v>222693</v>
      </c>
      <c r="C70445" s="1" t="s">
        <v>115</v>
      </c>
      <c r="D70445" s="1" t="s">
        <v>235286</v>
      </c>
      <c r="E70445" s="1" t="s">
        <v>235287</v>
      </c>
      <c r="F70445" s="1" t="s">
        <v>235288</v>
      </c>
      <c r="G70445" s="1" t="s">
        <v>235207</v>
      </c>
      <c r="H70445" s="1" t="s">
        <v>235208</v>
      </c>
      <c r="I70445" s="1" t="s">
        <v>222698</v>
      </c>
      <c r="J70445" s="1" t="s">
        <v>235289</v>
      </c>
    </row>
    <row r="70446" spans="1:10" x14ac:dyDescent="0.35">
      <c r="A70446" s="1" t="s">
        <v>28432</v>
      </c>
      <c r="B70446" s="1" t="s">
        <v>222693</v>
      </c>
      <c r="C70446" s="1" t="s">
        <v>120</v>
      </c>
      <c r="D70446" s="1" t="s">
        <v>235290</v>
      </c>
      <c r="E70446" s="1" t="s">
        <v>235291</v>
      </c>
      <c r="F70446" s="1" t="s">
        <v>235292</v>
      </c>
      <c r="G70446" s="1" t="s">
        <v>235207</v>
      </c>
      <c r="H70446" s="1" t="s">
        <v>235208</v>
      </c>
      <c r="I70446" s="1" t="s">
        <v>222698</v>
      </c>
      <c r="J70446" s="1" t="s">
        <v>235293</v>
      </c>
    </row>
    <row r="70447" spans="1:10" x14ac:dyDescent="0.35">
      <c r="A70447" s="1" t="s">
        <v>28432</v>
      </c>
      <c r="B70447" s="1" t="s">
        <v>222693</v>
      </c>
      <c r="C70447" s="1" t="s">
        <v>125</v>
      </c>
      <c r="D70447" s="1" t="s">
        <v>235294</v>
      </c>
      <c r="E70447" s="1" t="s">
        <v>235295</v>
      </c>
      <c r="F70447" s="1" t="s">
        <v>235296</v>
      </c>
      <c r="G70447" s="1" t="s">
        <v>235207</v>
      </c>
      <c r="H70447" s="1" t="s">
        <v>235208</v>
      </c>
      <c r="I70447" s="1" t="s">
        <v>222698</v>
      </c>
      <c r="J70447" s="1" t="s">
        <v>235297</v>
      </c>
    </row>
    <row r="70448" spans="1:10" x14ac:dyDescent="0.35">
      <c r="A70448" s="1" t="s">
        <v>28432</v>
      </c>
      <c r="B70448" s="1" t="s">
        <v>222693</v>
      </c>
      <c r="C70448" s="1" t="s">
        <v>130</v>
      </c>
      <c r="D70448" s="1" t="s">
        <v>235298</v>
      </c>
      <c r="E70448" s="1" t="s">
        <v>235299</v>
      </c>
      <c r="F70448" s="1" t="s">
        <v>235300</v>
      </c>
      <c r="G70448" s="1" t="s">
        <v>235207</v>
      </c>
      <c r="H70448" s="1" t="s">
        <v>235208</v>
      </c>
      <c r="I70448" s="1" t="s">
        <v>222698</v>
      </c>
      <c r="J70448" s="1" t="s">
        <v>235301</v>
      </c>
    </row>
    <row r="70449" spans="1:10" x14ac:dyDescent="0.35">
      <c r="A70449" s="1" t="s">
        <v>28432</v>
      </c>
      <c r="B70449" s="1" t="s">
        <v>222693</v>
      </c>
      <c r="C70449" s="1" t="s">
        <v>135</v>
      </c>
      <c r="D70449" s="1" t="s">
        <v>235302</v>
      </c>
      <c r="E70449" s="1" t="s">
        <v>235303</v>
      </c>
      <c r="F70449" s="1" t="s">
        <v>235304</v>
      </c>
      <c r="G70449" s="1" t="s">
        <v>235207</v>
      </c>
      <c r="H70449" s="1" t="s">
        <v>235208</v>
      </c>
      <c r="I70449" s="1" t="s">
        <v>222698</v>
      </c>
      <c r="J70449" s="1" t="s">
        <v>235305</v>
      </c>
    </row>
    <row r="70450" spans="1:10" x14ac:dyDescent="0.35">
      <c r="A70450" s="1" t="s">
        <v>28432</v>
      </c>
      <c r="B70450" s="1" t="s">
        <v>222693</v>
      </c>
      <c r="C70450" s="1" t="s">
        <v>140</v>
      </c>
      <c r="D70450" s="1" t="s">
        <v>235306</v>
      </c>
      <c r="E70450" s="1" t="s">
        <v>235307</v>
      </c>
      <c r="F70450" s="1" t="s">
        <v>235308</v>
      </c>
      <c r="G70450" s="1" t="s">
        <v>235207</v>
      </c>
      <c r="H70450" s="1" t="s">
        <v>235208</v>
      </c>
      <c r="I70450" s="1" t="s">
        <v>222698</v>
      </c>
      <c r="J70450" s="1" t="s">
        <v>235309</v>
      </c>
    </row>
    <row r="70451" spans="1:10" x14ac:dyDescent="0.35">
      <c r="A70451" s="1" t="s">
        <v>28432</v>
      </c>
      <c r="B70451" s="1" t="s">
        <v>222693</v>
      </c>
      <c r="C70451" s="1" t="s">
        <v>145</v>
      </c>
      <c r="D70451" s="1" t="s">
        <v>235310</v>
      </c>
      <c r="E70451" s="1" t="s">
        <v>153629</v>
      </c>
      <c r="F70451" s="1" t="s">
        <v>235311</v>
      </c>
      <c r="G70451" s="1" t="s">
        <v>235207</v>
      </c>
      <c r="H70451" s="1" t="s">
        <v>235208</v>
      </c>
      <c r="I70451" s="1" t="s">
        <v>222698</v>
      </c>
      <c r="J70451" s="1" t="s">
        <v>235312</v>
      </c>
    </row>
    <row r="70452" spans="1:10" x14ac:dyDescent="0.35">
      <c r="A70452" s="1" t="s">
        <v>28432</v>
      </c>
      <c r="B70452" s="1" t="s">
        <v>222693</v>
      </c>
      <c r="C70452" s="1" t="s">
        <v>150</v>
      </c>
      <c r="D70452" s="1" t="s">
        <v>235313</v>
      </c>
      <c r="E70452" s="1" t="s">
        <v>235314</v>
      </c>
      <c r="F70452" s="1" t="s">
        <v>235315</v>
      </c>
      <c r="G70452" s="1" t="s">
        <v>235207</v>
      </c>
      <c r="H70452" s="1" t="s">
        <v>235208</v>
      </c>
      <c r="I70452" s="1" t="s">
        <v>222698</v>
      </c>
      <c r="J70452" s="1" t="s">
        <v>235316</v>
      </c>
    </row>
    <row r="70453" spans="1:10" x14ac:dyDescent="0.35">
      <c r="A70453" s="1" t="s">
        <v>28432</v>
      </c>
      <c r="B70453" s="1" t="s">
        <v>222693</v>
      </c>
      <c r="C70453" s="1" t="s">
        <v>155</v>
      </c>
      <c r="D70453" s="1" t="s">
        <v>235317</v>
      </c>
      <c r="E70453" s="1" t="s">
        <v>235318</v>
      </c>
      <c r="F70453" s="1" t="s">
        <v>235319</v>
      </c>
      <c r="G70453" s="1" t="s">
        <v>235207</v>
      </c>
      <c r="H70453" s="1" t="s">
        <v>235208</v>
      </c>
      <c r="I70453" s="1" t="s">
        <v>222698</v>
      </c>
      <c r="J70453" s="1" t="s">
        <v>235320</v>
      </c>
    </row>
    <row r="70454" spans="1:10" x14ac:dyDescent="0.35">
      <c r="A70454" s="1" t="s">
        <v>28432</v>
      </c>
      <c r="B70454" s="1" t="s">
        <v>222693</v>
      </c>
      <c r="C70454" s="1" t="s">
        <v>160</v>
      </c>
      <c r="D70454" s="1" t="s">
        <v>235321</v>
      </c>
      <c r="E70454" s="1" t="s">
        <v>235322</v>
      </c>
      <c r="F70454" s="1" t="s">
        <v>235323</v>
      </c>
      <c r="G70454" s="1" t="s">
        <v>235207</v>
      </c>
      <c r="H70454" s="1" t="s">
        <v>235208</v>
      </c>
      <c r="I70454" s="1" t="s">
        <v>222698</v>
      </c>
      <c r="J70454" s="1" t="s">
        <v>235324</v>
      </c>
    </row>
    <row r="70455" spans="1:10" x14ac:dyDescent="0.35">
      <c r="A70455" s="1" t="s">
        <v>28432</v>
      </c>
      <c r="B70455" s="1" t="s">
        <v>222693</v>
      </c>
      <c r="C70455" s="1" t="s">
        <v>165</v>
      </c>
      <c r="D70455" s="1" t="s">
        <v>235325</v>
      </c>
      <c r="E70455" s="1" t="s">
        <v>235326</v>
      </c>
      <c r="F70455" s="1" t="s">
        <v>235327</v>
      </c>
      <c r="G70455" s="1" t="s">
        <v>235207</v>
      </c>
      <c r="H70455" s="1" t="s">
        <v>235208</v>
      </c>
      <c r="I70455" s="1" t="s">
        <v>222698</v>
      </c>
      <c r="J70455" s="1" t="s">
        <v>235328</v>
      </c>
    </row>
    <row r="70456" spans="1:10" x14ac:dyDescent="0.35">
      <c r="A70456" s="1" t="s">
        <v>28432</v>
      </c>
      <c r="B70456" s="1" t="s">
        <v>222693</v>
      </c>
      <c r="C70456" s="1" t="s">
        <v>170</v>
      </c>
      <c r="D70456" s="1" t="s">
        <v>235329</v>
      </c>
      <c r="E70456" s="1" t="s">
        <v>235330</v>
      </c>
      <c r="F70456" s="1" t="s">
        <v>235331</v>
      </c>
      <c r="G70456" s="1" t="s">
        <v>235207</v>
      </c>
      <c r="H70456" s="1" t="s">
        <v>235208</v>
      </c>
      <c r="I70456" s="1" t="s">
        <v>222698</v>
      </c>
      <c r="J70456" s="1" t="s">
        <v>235332</v>
      </c>
    </row>
    <row r="70457" spans="1:10" x14ac:dyDescent="0.35">
      <c r="A70457" s="1" t="s">
        <v>4404</v>
      </c>
      <c r="B70457" s="1" t="s">
        <v>222693</v>
      </c>
      <c r="C70457" s="1" t="s">
        <v>8</v>
      </c>
      <c r="D70457" s="1" t="s">
        <v>227169</v>
      </c>
      <c r="E70457" s="1" t="s">
        <v>235333</v>
      </c>
      <c r="F70457" s="1" t="s">
        <v>235334</v>
      </c>
      <c r="G70457" s="1" t="s">
        <v>235335</v>
      </c>
      <c r="H70457" s="1" t="s">
        <v>235336</v>
      </c>
      <c r="I70457" s="1" t="s">
        <v>222698</v>
      </c>
      <c r="J70457" s="1" t="s">
        <v>13</v>
      </c>
    </row>
    <row r="70458" spans="1:10" x14ac:dyDescent="0.35">
      <c r="A70458" s="1" t="s">
        <v>4404</v>
      </c>
      <c r="B70458" s="1" t="s">
        <v>222693</v>
      </c>
      <c r="C70458" s="1" t="s">
        <v>15</v>
      </c>
      <c r="D70458" s="1" t="s">
        <v>59204</v>
      </c>
      <c r="E70458" s="1" t="s">
        <v>235337</v>
      </c>
      <c r="F70458" s="1" t="s">
        <v>235338</v>
      </c>
      <c r="G70458" s="1" t="s">
        <v>235335</v>
      </c>
      <c r="H70458" s="1" t="s">
        <v>235336</v>
      </c>
      <c r="I70458" s="1" t="s">
        <v>222698</v>
      </c>
      <c r="J70458" s="1" t="s">
        <v>235339</v>
      </c>
    </row>
    <row r="70459" spans="1:10" x14ac:dyDescent="0.35">
      <c r="A70459" s="1" t="s">
        <v>4404</v>
      </c>
      <c r="B70459" s="1" t="s">
        <v>222693</v>
      </c>
      <c r="C70459" s="1" t="s">
        <v>20</v>
      </c>
      <c r="D70459" s="1" t="s">
        <v>230592</v>
      </c>
      <c r="E70459" s="1" t="s">
        <v>235340</v>
      </c>
      <c r="F70459" s="1" t="s">
        <v>235341</v>
      </c>
      <c r="G70459" s="1" t="s">
        <v>235335</v>
      </c>
      <c r="H70459" s="1" t="s">
        <v>235336</v>
      </c>
      <c r="I70459" s="1" t="s">
        <v>222698</v>
      </c>
      <c r="J70459" s="1" t="s">
        <v>235342</v>
      </c>
    </row>
    <row r="70460" spans="1:10" x14ac:dyDescent="0.35">
      <c r="A70460" s="1" t="s">
        <v>4404</v>
      </c>
      <c r="B70460" s="1" t="s">
        <v>222693</v>
      </c>
      <c r="C70460" s="1" t="s">
        <v>25</v>
      </c>
      <c r="D70460" s="1" t="s">
        <v>235343</v>
      </c>
      <c r="E70460" s="1" t="s">
        <v>235344</v>
      </c>
      <c r="F70460" s="1" t="s">
        <v>235345</v>
      </c>
      <c r="G70460" s="1" t="s">
        <v>235335</v>
      </c>
      <c r="H70460" s="1" t="s">
        <v>235336</v>
      </c>
      <c r="I70460" s="1" t="s">
        <v>222698</v>
      </c>
      <c r="J70460" s="1" t="s">
        <v>235346</v>
      </c>
    </row>
    <row r="70461" spans="1:10" x14ac:dyDescent="0.35">
      <c r="A70461" s="1" t="s">
        <v>4404</v>
      </c>
      <c r="B70461" s="1" t="s">
        <v>222693</v>
      </c>
      <c r="C70461" s="1" t="s">
        <v>30</v>
      </c>
      <c r="D70461" s="1" t="s">
        <v>134603</v>
      </c>
      <c r="E70461" s="1" t="s">
        <v>235347</v>
      </c>
      <c r="F70461" s="1" t="s">
        <v>235348</v>
      </c>
      <c r="G70461" s="1" t="s">
        <v>235335</v>
      </c>
      <c r="H70461" s="1" t="s">
        <v>235336</v>
      </c>
      <c r="I70461" s="1" t="s">
        <v>222698</v>
      </c>
      <c r="J70461" s="1" t="s">
        <v>235349</v>
      </c>
    </row>
    <row r="70462" spans="1:10" x14ac:dyDescent="0.35">
      <c r="A70462" s="1" t="s">
        <v>4404</v>
      </c>
      <c r="B70462" s="1" t="s">
        <v>222693</v>
      </c>
      <c r="C70462" s="1" t="s">
        <v>35</v>
      </c>
      <c r="D70462" s="1" t="s">
        <v>235350</v>
      </c>
      <c r="E70462" s="1" t="s">
        <v>235351</v>
      </c>
      <c r="F70462" s="1" t="s">
        <v>235352</v>
      </c>
      <c r="G70462" s="1" t="s">
        <v>235335</v>
      </c>
      <c r="H70462" s="1" t="s">
        <v>235336</v>
      </c>
      <c r="I70462" s="1" t="s">
        <v>222698</v>
      </c>
      <c r="J70462" s="1" t="s">
        <v>235353</v>
      </c>
    </row>
    <row r="70463" spans="1:10" x14ac:dyDescent="0.35">
      <c r="A70463" s="1" t="s">
        <v>4404</v>
      </c>
      <c r="B70463" s="1" t="s">
        <v>222693</v>
      </c>
      <c r="C70463" s="1" t="s">
        <v>40</v>
      </c>
      <c r="D70463" s="1" t="s">
        <v>235354</v>
      </c>
      <c r="E70463" s="1" t="s">
        <v>235355</v>
      </c>
      <c r="F70463" s="1" t="s">
        <v>235356</v>
      </c>
      <c r="G70463" s="1" t="s">
        <v>235335</v>
      </c>
      <c r="H70463" s="1" t="s">
        <v>235336</v>
      </c>
      <c r="I70463" s="1" t="s">
        <v>222698</v>
      </c>
      <c r="J70463" s="1" t="s">
        <v>235357</v>
      </c>
    </row>
    <row r="70464" spans="1:10" x14ac:dyDescent="0.35">
      <c r="A70464" s="1" t="s">
        <v>4404</v>
      </c>
      <c r="B70464" s="1" t="s">
        <v>222693</v>
      </c>
      <c r="C70464" s="1" t="s">
        <v>45</v>
      </c>
      <c r="D70464" s="1" t="s">
        <v>235358</v>
      </c>
      <c r="E70464" s="1" t="s">
        <v>235359</v>
      </c>
      <c r="F70464" s="1" t="s">
        <v>235360</v>
      </c>
      <c r="G70464" s="1" t="s">
        <v>235335</v>
      </c>
      <c r="H70464" s="1" t="s">
        <v>235336</v>
      </c>
      <c r="I70464" s="1" t="s">
        <v>222698</v>
      </c>
      <c r="J70464" s="1" t="s">
        <v>235361</v>
      </c>
    </row>
    <row r="70465" spans="1:10" x14ac:dyDescent="0.35">
      <c r="A70465" s="1" t="s">
        <v>4404</v>
      </c>
      <c r="B70465" s="1" t="s">
        <v>222693</v>
      </c>
      <c r="C70465" s="1" t="s">
        <v>50</v>
      </c>
      <c r="D70465" s="1" t="s">
        <v>235362</v>
      </c>
      <c r="E70465" s="1" t="s">
        <v>235363</v>
      </c>
      <c r="F70465" s="1" t="s">
        <v>235364</v>
      </c>
      <c r="G70465" s="1" t="s">
        <v>235335</v>
      </c>
      <c r="H70465" s="1" t="s">
        <v>235336</v>
      </c>
      <c r="I70465" s="1" t="s">
        <v>222698</v>
      </c>
      <c r="J70465" s="1" t="s">
        <v>235365</v>
      </c>
    </row>
    <row r="70466" spans="1:10" x14ac:dyDescent="0.35">
      <c r="A70466" s="1" t="s">
        <v>4404</v>
      </c>
      <c r="B70466" s="1" t="s">
        <v>222693</v>
      </c>
      <c r="C70466" s="1" t="s">
        <v>55</v>
      </c>
      <c r="D70466" s="1" t="s">
        <v>235366</v>
      </c>
      <c r="E70466" s="1" t="s">
        <v>235367</v>
      </c>
      <c r="F70466" s="1" t="s">
        <v>235368</v>
      </c>
      <c r="G70466" s="1" t="s">
        <v>235335</v>
      </c>
      <c r="H70466" s="1" t="s">
        <v>235336</v>
      </c>
      <c r="I70466" s="1" t="s">
        <v>222698</v>
      </c>
      <c r="J70466" s="1" t="s">
        <v>235369</v>
      </c>
    </row>
    <row r="70467" spans="1:10" x14ac:dyDescent="0.35">
      <c r="A70467" s="1" t="s">
        <v>4404</v>
      </c>
      <c r="B70467" s="1" t="s">
        <v>222693</v>
      </c>
      <c r="C70467" s="1" t="s">
        <v>60</v>
      </c>
      <c r="D70467" s="1" t="s">
        <v>235370</v>
      </c>
      <c r="E70467" s="1" t="s">
        <v>235371</v>
      </c>
      <c r="F70467" s="1" t="s">
        <v>235372</v>
      </c>
      <c r="G70467" s="1" t="s">
        <v>235335</v>
      </c>
      <c r="H70467" s="1" t="s">
        <v>235336</v>
      </c>
      <c r="I70467" s="1" t="s">
        <v>222698</v>
      </c>
      <c r="J70467" s="1" t="s">
        <v>235373</v>
      </c>
    </row>
    <row r="70468" spans="1:10" x14ac:dyDescent="0.35">
      <c r="A70468" s="1" t="s">
        <v>4404</v>
      </c>
      <c r="B70468" s="1" t="s">
        <v>222693</v>
      </c>
      <c r="C70468" s="1" t="s">
        <v>65</v>
      </c>
      <c r="D70468" s="1" t="s">
        <v>235374</v>
      </c>
      <c r="E70468" s="1" t="s">
        <v>235375</v>
      </c>
      <c r="F70468" s="1" t="s">
        <v>235376</v>
      </c>
      <c r="G70468" s="1" t="s">
        <v>235335</v>
      </c>
      <c r="H70468" s="1" t="s">
        <v>235336</v>
      </c>
      <c r="I70468" s="1" t="s">
        <v>222698</v>
      </c>
      <c r="J70468" s="1" t="s">
        <v>235377</v>
      </c>
    </row>
    <row r="70469" spans="1:10" x14ac:dyDescent="0.35">
      <c r="A70469" s="1" t="s">
        <v>4404</v>
      </c>
      <c r="B70469" s="1" t="s">
        <v>222693</v>
      </c>
      <c r="C70469" s="1" t="s">
        <v>70</v>
      </c>
      <c r="D70469" s="1" t="s">
        <v>235378</v>
      </c>
      <c r="E70469" s="1" t="s">
        <v>235379</v>
      </c>
      <c r="F70469" s="1" t="s">
        <v>235380</v>
      </c>
      <c r="G70469" s="1" t="s">
        <v>235335</v>
      </c>
      <c r="H70469" s="1" t="s">
        <v>235336</v>
      </c>
      <c r="I70469" s="1" t="s">
        <v>222698</v>
      </c>
      <c r="J70469" s="1" t="s">
        <v>235381</v>
      </c>
    </row>
    <row r="70470" spans="1:10" x14ac:dyDescent="0.35">
      <c r="A70470" s="1" t="s">
        <v>4404</v>
      </c>
      <c r="B70470" s="1" t="s">
        <v>222693</v>
      </c>
      <c r="C70470" s="1" t="s">
        <v>75</v>
      </c>
      <c r="D70470" s="1" t="s">
        <v>235382</v>
      </c>
      <c r="E70470" s="1" t="s">
        <v>235383</v>
      </c>
      <c r="F70470" s="1" t="s">
        <v>235384</v>
      </c>
      <c r="G70470" s="1" t="s">
        <v>235335</v>
      </c>
      <c r="H70470" s="1" t="s">
        <v>235336</v>
      </c>
      <c r="I70470" s="1" t="s">
        <v>222698</v>
      </c>
      <c r="J70470" s="1" t="s">
        <v>235385</v>
      </c>
    </row>
    <row r="70471" spans="1:10" x14ac:dyDescent="0.35">
      <c r="A70471" s="1" t="s">
        <v>4404</v>
      </c>
      <c r="B70471" s="1" t="s">
        <v>222693</v>
      </c>
      <c r="C70471" s="1" t="s">
        <v>80</v>
      </c>
      <c r="D70471" s="1" t="s">
        <v>163025</v>
      </c>
      <c r="E70471" s="1" t="s">
        <v>235386</v>
      </c>
      <c r="F70471" s="1" t="s">
        <v>235387</v>
      </c>
      <c r="G70471" s="1" t="s">
        <v>235335</v>
      </c>
      <c r="H70471" s="1" t="s">
        <v>235336</v>
      </c>
      <c r="I70471" s="1" t="s">
        <v>222698</v>
      </c>
      <c r="J70471" s="1" t="s">
        <v>235388</v>
      </c>
    </row>
    <row r="70472" spans="1:10" x14ac:dyDescent="0.35">
      <c r="A70472" s="1" t="s">
        <v>4404</v>
      </c>
      <c r="B70472" s="1" t="s">
        <v>222693</v>
      </c>
      <c r="C70472" s="1" t="s">
        <v>85</v>
      </c>
      <c r="D70472" s="1" t="s">
        <v>235389</v>
      </c>
      <c r="E70472" s="1" t="s">
        <v>235390</v>
      </c>
      <c r="F70472" s="1" t="s">
        <v>235391</v>
      </c>
      <c r="G70472" s="1" t="s">
        <v>235335</v>
      </c>
      <c r="H70472" s="1" t="s">
        <v>235336</v>
      </c>
      <c r="I70472" s="1" t="s">
        <v>222698</v>
      </c>
      <c r="J70472" s="1" t="s">
        <v>235392</v>
      </c>
    </row>
    <row r="70473" spans="1:10" x14ac:dyDescent="0.35">
      <c r="A70473" s="1" t="s">
        <v>4404</v>
      </c>
      <c r="B70473" s="1" t="s">
        <v>222693</v>
      </c>
      <c r="C70473" s="1" t="s">
        <v>90</v>
      </c>
      <c r="D70473" s="1" t="s">
        <v>235393</v>
      </c>
      <c r="E70473" s="1" t="s">
        <v>235394</v>
      </c>
      <c r="F70473" s="1" t="s">
        <v>235395</v>
      </c>
      <c r="G70473" s="1" t="s">
        <v>235335</v>
      </c>
      <c r="H70473" s="1" t="s">
        <v>235336</v>
      </c>
      <c r="I70473" s="1" t="s">
        <v>222698</v>
      </c>
      <c r="J70473" s="1" t="s">
        <v>235396</v>
      </c>
    </row>
    <row r="70474" spans="1:10" x14ac:dyDescent="0.35">
      <c r="A70474" s="1" t="s">
        <v>4404</v>
      </c>
      <c r="B70474" s="1" t="s">
        <v>222693</v>
      </c>
      <c r="C70474" s="1" t="s">
        <v>95</v>
      </c>
      <c r="D70474" s="1" t="s">
        <v>235397</v>
      </c>
      <c r="E70474" s="1" t="s">
        <v>235398</v>
      </c>
      <c r="F70474" s="1" t="s">
        <v>235399</v>
      </c>
      <c r="G70474" s="1" t="s">
        <v>235335</v>
      </c>
      <c r="H70474" s="1" t="s">
        <v>235336</v>
      </c>
      <c r="I70474" s="1" t="s">
        <v>222698</v>
      </c>
      <c r="J70474" s="1" t="s">
        <v>235400</v>
      </c>
    </row>
    <row r="70475" spans="1:10" x14ac:dyDescent="0.35">
      <c r="A70475" s="1" t="s">
        <v>4404</v>
      </c>
      <c r="B70475" s="1" t="s">
        <v>222693</v>
      </c>
      <c r="C70475" s="1" t="s">
        <v>100</v>
      </c>
      <c r="D70475" s="1" t="s">
        <v>235401</v>
      </c>
      <c r="E70475" s="1" t="s">
        <v>235402</v>
      </c>
      <c r="F70475" s="1" t="s">
        <v>235403</v>
      </c>
      <c r="G70475" s="1" t="s">
        <v>235335</v>
      </c>
      <c r="H70475" s="1" t="s">
        <v>235336</v>
      </c>
      <c r="I70475" s="1" t="s">
        <v>222698</v>
      </c>
      <c r="J70475" s="1" t="s">
        <v>235404</v>
      </c>
    </row>
    <row r="70476" spans="1:10" x14ac:dyDescent="0.35">
      <c r="A70476" s="1" t="s">
        <v>4404</v>
      </c>
      <c r="B70476" s="1" t="s">
        <v>222693</v>
      </c>
      <c r="C70476" s="1" t="s">
        <v>105</v>
      </c>
      <c r="D70476" s="1" t="s">
        <v>99898</v>
      </c>
      <c r="E70476" s="1" t="s">
        <v>235405</v>
      </c>
      <c r="F70476" s="1" t="s">
        <v>235406</v>
      </c>
      <c r="G70476" s="1" t="s">
        <v>235335</v>
      </c>
      <c r="H70476" s="1" t="s">
        <v>235336</v>
      </c>
      <c r="I70476" s="1" t="s">
        <v>222698</v>
      </c>
      <c r="J70476" s="1" t="s">
        <v>235407</v>
      </c>
    </row>
    <row r="70477" spans="1:10" x14ac:dyDescent="0.35">
      <c r="A70477" s="1" t="s">
        <v>4404</v>
      </c>
      <c r="B70477" s="1" t="s">
        <v>222693</v>
      </c>
      <c r="C70477" s="1" t="s">
        <v>110</v>
      </c>
      <c r="D70477" s="1" t="s">
        <v>235408</v>
      </c>
      <c r="E70477" s="1" t="s">
        <v>235409</v>
      </c>
      <c r="F70477" s="1" t="s">
        <v>235410</v>
      </c>
      <c r="G70477" s="1" t="s">
        <v>235335</v>
      </c>
      <c r="H70477" s="1" t="s">
        <v>235336</v>
      </c>
      <c r="I70477" s="1" t="s">
        <v>222698</v>
      </c>
      <c r="J70477" s="1" t="s">
        <v>235411</v>
      </c>
    </row>
    <row r="70478" spans="1:10" x14ac:dyDescent="0.35">
      <c r="A70478" s="1" t="s">
        <v>4404</v>
      </c>
      <c r="B70478" s="1" t="s">
        <v>222693</v>
      </c>
      <c r="C70478" s="1" t="s">
        <v>115</v>
      </c>
      <c r="D70478" s="1" t="s">
        <v>235412</v>
      </c>
      <c r="E70478" s="1" t="s">
        <v>235413</v>
      </c>
      <c r="F70478" s="1" t="s">
        <v>235414</v>
      </c>
      <c r="G70478" s="1" t="s">
        <v>235335</v>
      </c>
      <c r="H70478" s="1" t="s">
        <v>235336</v>
      </c>
      <c r="I70478" s="1" t="s">
        <v>222698</v>
      </c>
      <c r="J70478" s="1" t="s">
        <v>235415</v>
      </c>
    </row>
    <row r="70479" spans="1:10" x14ac:dyDescent="0.35">
      <c r="A70479" s="1" t="s">
        <v>4404</v>
      </c>
      <c r="B70479" s="1" t="s">
        <v>222693</v>
      </c>
      <c r="C70479" s="1" t="s">
        <v>120</v>
      </c>
      <c r="D70479" s="1" t="s">
        <v>235416</v>
      </c>
      <c r="E70479" s="1" t="s">
        <v>235417</v>
      </c>
      <c r="F70479" s="1" t="s">
        <v>235418</v>
      </c>
      <c r="G70479" s="1" t="s">
        <v>235335</v>
      </c>
      <c r="H70479" s="1" t="s">
        <v>235336</v>
      </c>
      <c r="I70479" s="1" t="s">
        <v>222698</v>
      </c>
      <c r="J70479" s="1" t="s">
        <v>235419</v>
      </c>
    </row>
    <row r="70480" spans="1:10" x14ac:dyDescent="0.35">
      <c r="A70480" s="1" t="s">
        <v>4404</v>
      </c>
      <c r="B70480" s="1" t="s">
        <v>222693</v>
      </c>
      <c r="C70480" s="1" t="s">
        <v>125</v>
      </c>
      <c r="D70480" s="1" t="s">
        <v>235420</v>
      </c>
      <c r="E70480" s="1" t="s">
        <v>235421</v>
      </c>
      <c r="F70480" s="1" t="s">
        <v>235422</v>
      </c>
      <c r="G70480" s="1" t="s">
        <v>235335</v>
      </c>
      <c r="H70480" s="1" t="s">
        <v>235336</v>
      </c>
      <c r="I70480" s="1" t="s">
        <v>222698</v>
      </c>
      <c r="J70480" s="1" t="s">
        <v>235423</v>
      </c>
    </row>
    <row r="70481" spans="1:10" x14ac:dyDescent="0.35">
      <c r="A70481" s="1" t="s">
        <v>4404</v>
      </c>
      <c r="B70481" s="1" t="s">
        <v>222693</v>
      </c>
      <c r="C70481" s="1" t="s">
        <v>130</v>
      </c>
      <c r="D70481" s="1" t="s">
        <v>128980</v>
      </c>
      <c r="E70481" s="1" t="s">
        <v>235424</v>
      </c>
      <c r="F70481" s="1" t="s">
        <v>235425</v>
      </c>
      <c r="G70481" s="1" t="s">
        <v>235335</v>
      </c>
      <c r="H70481" s="1" t="s">
        <v>235336</v>
      </c>
      <c r="I70481" s="1" t="s">
        <v>222698</v>
      </c>
      <c r="J70481" s="1" t="s">
        <v>235426</v>
      </c>
    </row>
    <row r="70482" spans="1:10" x14ac:dyDescent="0.35">
      <c r="A70482" s="1" t="s">
        <v>4404</v>
      </c>
      <c r="B70482" s="1" t="s">
        <v>222693</v>
      </c>
      <c r="C70482" s="1" t="s">
        <v>135</v>
      </c>
      <c r="D70482" s="1" t="s">
        <v>235427</v>
      </c>
      <c r="E70482" s="1" t="s">
        <v>235428</v>
      </c>
      <c r="F70482" s="1" t="s">
        <v>235429</v>
      </c>
      <c r="G70482" s="1" t="s">
        <v>235335</v>
      </c>
      <c r="H70482" s="1" t="s">
        <v>235336</v>
      </c>
      <c r="I70482" s="1" t="s">
        <v>222698</v>
      </c>
      <c r="J70482" s="1" t="s">
        <v>235430</v>
      </c>
    </row>
    <row r="70483" spans="1:10" x14ac:dyDescent="0.35">
      <c r="A70483" s="1" t="s">
        <v>4404</v>
      </c>
      <c r="B70483" s="1" t="s">
        <v>222693</v>
      </c>
      <c r="C70483" s="1" t="s">
        <v>140</v>
      </c>
      <c r="D70483" s="1" t="s">
        <v>235431</v>
      </c>
      <c r="E70483" s="1" t="s">
        <v>235432</v>
      </c>
      <c r="F70483" s="1" t="s">
        <v>235433</v>
      </c>
      <c r="G70483" s="1" t="s">
        <v>235335</v>
      </c>
      <c r="H70483" s="1" t="s">
        <v>235336</v>
      </c>
      <c r="I70483" s="1" t="s">
        <v>222698</v>
      </c>
      <c r="J70483" s="1" t="s">
        <v>235434</v>
      </c>
    </row>
    <row r="70484" spans="1:10" x14ac:dyDescent="0.35">
      <c r="A70484" s="1" t="s">
        <v>4404</v>
      </c>
      <c r="B70484" s="1" t="s">
        <v>222693</v>
      </c>
      <c r="C70484" s="1" t="s">
        <v>145</v>
      </c>
      <c r="D70484" s="1" t="s">
        <v>235435</v>
      </c>
      <c r="E70484" s="1" t="s">
        <v>235436</v>
      </c>
      <c r="F70484" s="1" t="s">
        <v>235437</v>
      </c>
      <c r="G70484" s="1" t="s">
        <v>235335</v>
      </c>
      <c r="H70484" s="1" t="s">
        <v>235336</v>
      </c>
      <c r="I70484" s="1" t="s">
        <v>222698</v>
      </c>
      <c r="J70484" s="1" t="s">
        <v>235438</v>
      </c>
    </row>
    <row r="70485" spans="1:10" x14ac:dyDescent="0.35">
      <c r="A70485" s="1" t="s">
        <v>4404</v>
      </c>
      <c r="B70485" s="1" t="s">
        <v>222693</v>
      </c>
      <c r="C70485" s="1" t="s">
        <v>150</v>
      </c>
      <c r="D70485" s="1" t="s">
        <v>235439</v>
      </c>
      <c r="E70485" s="1" t="s">
        <v>235440</v>
      </c>
      <c r="F70485" s="1" t="s">
        <v>235441</v>
      </c>
      <c r="G70485" s="1" t="s">
        <v>235335</v>
      </c>
      <c r="H70485" s="1" t="s">
        <v>235336</v>
      </c>
      <c r="I70485" s="1" t="s">
        <v>222698</v>
      </c>
      <c r="J70485" s="1" t="s">
        <v>235442</v>
      </c>
    </row>
    <row r="70486" spans="1:10" x14ac:dyDescent="0.35">
      <c r="A70486" s="1" t="s">
        <v>4404</v>
      </c>
      <c r="B70486" s="1" t="s">
        <v>222693</v>
      </c>
      <c r="C70486" s="1" t="s">
        <v>155</v>
      </c>
      <c r="D70486" s="1" t="s">
        <v>235443</v>
      </c>
      <c r="E70486" s="1" t="s">
        <v>235444</v>
      </c>
      <c r="F70486" s="1" t="s">
        <v>235445</v>
      </c>
      <c r="G70486" s="1" t="s">
        <v>235335</v>
      </c>
      <c r="H70486" s="1" t="s">
        <v>235336</v>
      </c>
      <c r="I70486" s="1" t="s">
        <v>222698</v>
      </c>
      <c r="J70486" s="1" t="s">
        <v>235446</v>
      </c>
    </row>
    <row r="70487" spans="1:10" x14ac:dyDescent="0.35">
      <c r="A70487" s="1" t="s">
        <v>4404</v>
      </c>
      <c r="B70487" s="1" t="s">
        <v>222693</v>
      </c>
      <c r="C70487" s="1" t="s">
        <v>160</v>
      </c>
      <c r="D70487" s="1" t="s">
        <v>235447</v>
      </c>
      <c r="E70487" s="1" t="s">
        <v>235448</v>
      </c>
      <c r="F70487" s="1" t="s">
        <v>235449</v>
      </c>
      <c r="G70487" s="1" t="s">
        <v>235335</v>
      </c>
      <c r="H70487" s="1" t="s">
        <v>235336</v>
      </c>
      <c r="I70487" s="1" t="s">
        <v>222698</v>
      </c>
      <c r="J70487" s="1" t="s">
        <v>235450</v>
      </c>
    </row>
    <row r="70488" spans="1:10" x14ac:dyDescent="0.35">
      <c r="A70488" s="1" t="s">
        <v>4404</v>
      </c>
      <c r="B70488" s="1" t="s">
        <v>222693</v>
      </c>
      <c r="C70488" s="1" t="s">
        <v>165</v>
      </c>
      <c r="D70488" s="1" t="s">
        <v>235451</v>
      </c>
      <c r="E70488" s="1" t="s">
        <v>235452</v>
      </c>
      <c r="F70488" s="1" t="s">
        <v>235453</v>
      </c>
      <c r="G70488" s="1" t="s">
        <v>235335</v>
      </c>
      <c r="H70488" s="1" t="s">
        <v>235336</v>
      </c>
      <c r="I70488" s="1" t="s">
        <v>222698</v>
      </c>
      <c r="J70488" s="1" t="s">
        <v>235454</v>
      </c>
    </row>
    <row r="70489" spans="1:10" x14ac:dyDescent="0.35">
      <c r="A70489" s="1" t="s">
        <v>4404</v>
      </c>
      <c r="B70489" s="1" t="s">
        <v>222693</v>
      </c>
      <c r="C70489" s="1" t="s">
        <v>170</v>
      </c>
      <c r="D70489" s="1" t="s">
        <v>164056</v>
      </c>
      <c r="E70489" s="1" t="s">
        <v>235455</v>
      </c>
      <c r="F70489" s="1" t="s">
        <v>235456</v>
      </c>
      <c r="G70489" s="1" t="s">
        <v>235335</v>
      </c>
      <c r="H70489" s="1" t="s">
        <v>235336</v>
      </c>
      <c r="I70489" s="1" t="s">
        <v>222698</v>
      </c>
      <c r="J70489" s="1" t="s">
        <v>235457</v>
      </c>
    </row>
    <row r="70490" spans="1:10" x14ac:dyDescent="0.35">
      <c r="A70490" s="1" t="s">
        <v>111469</v>
      </c>
      <c r="B70490" s="1" t="s">
        <v>222693</v>
      </c>
      <c r="C70490" s="1" t="s">
        <v>8</v>
      </c>
      <c r="D70490" s="1" t="s">
        <v>128509</v>
      </c>
      <c r="E70490" s="1" t="s">
        <v>235458</v>
      </c>
      <c r="F70490" s="1" t="s">
        <v>235459</v>
      </c>
      <c r="G70490" s="1" t="s">
        <v>235460</v>
      </c>
      <c r="H70490" s="1" t="s">
        <v>235461</v>
      </c>
      <c r="I70490" s="1" t="s">
        <v>222698</v>
      </c>
      <c r="J70490" s="1" t="s">
        <v>13</v>
      </c>
    </row>
    <row r="70491" spans="1:10" x14ac:dyDescent="0.35">
      <c r="A70491" s="1" t="s">
        <v>111469</v>
      </c>
      <c r="B70491" s="1" t="s">
        <v>222693</v>
      </c>
      <c r="C70491" s="1" t="s">
        <v>15</v>
      </c>
      <c r="D70491" s="1" t="s">
        <v>22726</v>
      </c>
      <c r="E70491" s="1" t="s">
        <v>235462</v>
      </c>
      <c r="F70491" s="1" t="s">
        <v>235463</v>
      </c>
      <c r="G70491" s="1" t="s">
        <v>235460</v>
      </c>
      <c r="H70491" s="1" t="s">
        <v>235461</v>
      </c>
      <c r="I70491" s="1" t="s">
        <v>222698</v>
      </c>
      <c r="J70491" s="1" t="s">
        <v>235464</v>
      </c>
    </row>
    <row r="70492" spans="1:10" x14ac:dyDescent="0.35">
      <c r="A70492" s="1" t="s">
        <v>111469</v>
      </c>
      <c r="B70492" s="1" t="s">
        <v>222693</v>
      </c>
      <c r="C70492" s="1" t="s">
        <v>20</v>
      </c>
      <c r="D70492" s="1" t="s">
        <v>179033</v>
      </c>
      <c r="E70492" s="1" t="s">
        <v>235465</v>
      </c>
      <c r="F70492" s="1" t="s">
        <v>235466</v>
      </c>
      <c r="G70492" s="1" t="s">
        <v>235460</v>
      </c>
      <c r="H70492" s="1" t="s">
        <v>235461</v>
      </c>
      <c r="I70492" s="1" t="s">
        <v>222698</v>
      </c>
      <c r="J70492" s="1" t="s">
        <v>235467</v>
      </c>
    </row>
    <row r="70493" spans="1:10" x14ac:dyDescent="0.35">
      <c r="A70493" s="1" t="s">
        <v>111469</v>
      </c>
      <c r="B70493" s="1" t="s">
        <v>222693</v>
      </c>
      <c r="C70493" s="1" t="s">
        <v>25</v>
      </c>
      <c r="D70493" s="1" t="s">
        <v>235468</v>
      </c>
      <c r="E70493" s="1" t="s">
        <v>235469</v>
      </c>
      <c r="F70493" s="1" t="s">
        <v>235470</v>
      </c>
      <c r="G70493" s="1" t="s">
        <v>235460</v>
      </c>
      <c r="H70493" s="1" t="s">
        <v>235461</v>
      </c>
      <c r="I70493" s="1" t="s">
        <v>222698</v>
      </c>
      <c r="J70493" s="1" t="s">
        <v>235471</v>
      </c>
    </row>
    <row r="70494" spans="1:10" x14ac:dyDescent="0.35">
      <c r="A70494" s="1" t="s">
        <v>111469</v>
      </c>
      <c r="B70494" s="1" t="s">
        <v>222693</v>
      </c>
      <c r="C70494" s="1" t="s">
        <v>30</v>
      </c>
      <c r="D70494" s="1" t="s">
        <v>235472</v>
      </c>
      <c r="E70494" s="1" t="s">
        <v>235473</v>
      </c>
      <c r="F70494" s="1" t="s">
        <v>235474</v>
      </c>
      <c r="G70494" s="1" t="s">
        <v>235460</v>
      </c>
      <c r="H70494" s="1" t="s">
        <v>235461</v>
      </c>
      <c r="I70494" s="1" t="s">
        <v>222698</v>
      </c>
      <c r="J70494" s="1" t="s">
        <v>235475</v>
      </c>
    </row>
    <row r="70495" spans="1:10" x14ac:dyDescent="0.35">
      <c r="A70495" s="1" t="s">
        <v>111469</v>
      </c>
      <c r="B70495" s="1" t="s">
        <v>222693</v>
      </c>
      <c r="C70495" s="1" t="s">
        <v>35</v>
      </c>
      <c r="D70495" s="1" t="s">
        <v>235476</v>
      </c>
      <c r="E70495" s="1" t="s">
        <v>235477</v>
      </c>
      <c r="F70495" s="1" t="s">
        <v>235478</v>
      </c>
      <c r="G70495" s="1" t="s">
        <v>235460</v>
      </c>
      <c r="H70495" s="1" t="s">
        <v>235461</v>
      </c>
      <c r="I70495" s="1" t="s">
        <v>222698</v>
      </c>
      <c r="J70495" s="1" t="s">
        <v>235479</v>
      </c>
    </row>
    <row r="70496" spans="1:10" x14ac:dyDescent="0.35">
      <c r="A70496" s="1" t="s">
        <v>111469</v>
      </c>
      <c r="B70496" s="1" t="s">
        <v>222693</v>
      </c>
      <c r="C70496" s="1" t="s">
        <v>40</v>
      </c>
      <c r="D70496" s="1" t="s">
        <v>69153</v>
      </c>
      <c r="E70496" s="1" t="s">
        <v>235480</v>
      </c>
      <c r="F70496" s="1" t="s">
        <v>235481</v>
      </c>
      <c r="G70496" s="1" t="s">
        <v>235460</v>
      </c>
      <c r="H70496" s="1" t="s">
        <v>235461</v>
      </c>
      <c r="I70496" s="1" t="s">
        <v>222698</v>
      </c>
      <c r="J70496" s="1" t="s">
        <v>235482</v>
      </c>
    </row>
    <row r="70497" spans="1:10" x14ac:dyDescent="0.35">
      <c r="A70497" s="1" t="s">
        <v>111469</v>
      </c>
      <c r="B70497" s="1" t="s">
        <v>222693</v>
      </c>
      <c r="C70497" s="1" t="s">
        <v>45</v>
      </c>
      <c r="D70497" s="1" t="s">
        <v>206316</v>
      </c>
      <c r="E70497" s="1" t="s">
        <v>235483</v>
      </c>
      <c r="F70497" s="1" t="s">
        <v>235484</v>
      </c>
      <c r="G70497" s="1" t="s">
        <v>235460</v>
      </c>
      <c r="H70497" s="1" t="s">
        <v>235461</v>
      </c>
      <c r="I70497" s="1" t="s">
        <v>222698</v>
      </c>
      <c r="J70497" s="1" t="s">
        <v>235485</v>
      </c>
    </row>
    <row r="70498" spans="1:10" x14ac:dyDescent="0.35">
      <c r="A70498" s="1" t="s">
        <v>111469</v>
      </c>
      <c r="B70498" s="1" t="s">
        <v>222693</v>
      </c>
      <c r="C70498" s="1" t="s">
        <v>50</v>
      </c>
      <c r="D70498" s="1" t="s">
        <v>235486</v>
      </c>
      <c r="E70498" s="1" t="s">
        <v>235487</v>
      </c>
      <c r="F70498" s="1" t="s">
        <v>235488</v>
      </c>
      <c r="G70498" s="1" t="s">
        <v>235460</v>
      </c>
      <c r="H70498" s="1" t="s">
        <v>235461</v>
      </c>
      <c r="I70498" s="1" t="s">
        <v>222698</v>
      </c>
      <c r="J70498" s="1" t="s">
        <v>235489</v>
      </c>
    </row>
    <row r="70499" spans="1:10" x14ac:dyDescent="0.35">
      <c r="A70499" s="1" t="s">
        <v>111469</v>
      </c>
      <c r="B70499" s="1" t="s">
        <v>222693</v>
      </c>
      <c r="C70499" s="1" t="s">
        <v>55</v>
      </c>
      <c r="D70499" s="1" t="s">
        <v>235490</v>
      </c>
      <c r="E70499" s="1" t="s">
        <v>235491</v>
      </c>
      <c r="F70499" s="1" t="s">
        <v>235492</v>
      </c>
      <c r="G70499" s="1" t="s">
        <v>235460</v>
      </c>
      <c r="H70499" s="1" t="s">
        <v>235461</v>
      </c>
      <c r="I70499" s="1" t="s">
        <v>222698</v>
      </c>
      <c r="J70499" s="1" t="s">
        <v>235493</v>
      </c>
    </row>
    <row r="70500" spans="1:10" x14ac:dyDescent="0.35">
      <c r="A70500" s="1" t="s">
        <v>111469</v>
      </c>
      <c r="B70500" s="1" t="s">
        <v>222693</v>
      </c>
      <c r="C70500" s="1" t="s">
        <v>60</v>
      </c>
      <c r="D70500" s="1" t="s">
        <v>235494</v>
      </c>
      <c r="E70500" s="1" t="s">
        <v>235495</v>
      </c>
      <c r="F70500" s="1" t="s">
        <v>235496</v>
      </c>
      <c r="G70500" s="1" t="s">
        <v>235460</v>
      </c>
      <c r="H70500" s="1" t="s">
        <v>235461</v>
      </c>
      <c r="I70500" s="1" t="s">
        <v>222698</v>
      </c>
      <c r="J70500" s="1" t="s">
        <v>235497</v>
      </c>
    </row>
    <row r="70501" spans="1:10" x14ac:dyDescent="0.35">
      <c r="A70501" s="1" t="s">
        <v>111469</v>
      </c>
      <c r="B70501" s="1" t="s">
        <v>222693</v>
      </c>
      <c r="C70501" s="1" t="s">
        <v>65</v>
      </c>
      <c r="D70501" s="1" t="s">
        <v>235498</v>
      </c>
      <c r="E70501" s="1" t="s">
        <v>235499</v>
      </c>
      <c r="F70501" s="1" t="s">
        <v>235500</v>
      </c>
      <c r="G70501" s="1" t="s">
        <v>235460</v>
      </c>
      <c r="H70501" s="1" t="s">
        <v>235461</v>
      </c>
      <c r="I70501" s="1" t="s">
        <v>222698</v>
      </c>
      <c r="J70501" s="1" t="s">
        <v>235501</v>
      </c>
    </row>
    <row r="70502" spans="1:10" x14ac:dyDescent="0.35">
      <c r="A70502" s="1" t="s">
        <v>111469</v>
      </c>
      <c r="B70502" s="1" t="s">
        <v>222693</v>
      </c>
      <c r="C70502" s="1" t="s">
        <v>70</v>
      </c>
      <c r="D70502" s="1" t="s">
        <v>235502</v>
      </c>
      <c r="E70502" s="1" t="s">
        <v>235503</v>
      </c>
      <c r="F70502" s="1" t="s">
        <v>235504</v>
      </c>
      <c r="G70502" s="1" t="s">
        <v>235460</v>
      </c>
      <c r="H70502" s="1" t="s">
        <v>235461</v>
      </c>
      <c r="I70502" s="1" t="s">
        <v>222698</v>
      </c>
      <c r="J70502" s="1" t="s">
        <v>235505</v>
      </c>
    </row>
    <row r="70503" spans="1:10" x14ac:dyDescent="0.35">
      <c r="A70503" s="1" t="s">
        <v>111469</v>
      </c>
      <c r="B70503" s="1" t="s">
        <v>222693</v>
      </c>
      <c r="C70503" s="1" t="s">
        <v>75</v>
      </c>
      <c r="D70503" s="1" t="s">
        <v>103871</v>
      </c>
      <c r="E70503" s="1" t="s">
        <v>235506</v>
      </c>
      <c r="F70503" s="1" t="s">
        <v>235507</v>
      </c>
      <c r="G70503" s="1" t="s">
        <v>235460</v>
      </c>
      <c r="H70503" s="1" t="s">
        <v>235461</v>
      </c>
      <c r="I70503" s="1" t="s">
        <v>222698</v>
      </c>
      <c r="J70503" s="1" t="s">
        <v>235508</v>
      </c>
    </row>
    <row r="70504" spans="1:10" x14ac:dyDescent="0.35">
      <c r="A70504" s="1" t="s">
        <v>111469</v>
      </c>
      <c r="B70504" s="1" t="s">
        <v>222693</v>
      </c>
      <c r="C70504" s="1" t="s">
        <v>80</v>
      </c>
      <c r="D70504" s="1" t="s">
        <v>235509</v>
      </c>
      <c r="E70504" s="1" t="s">
        <v>235510</v>
      </c>
      <c r="F70504" s="1" t="s">
        <v>235511</v>
      </c>
      <c r="G70504" s="1" t="s">
        <v>235460</v>
      </c>
      <c r="H70504" s="1" t="s">
        <v>235461</v>
      </c>
      <c r="I70504" s="1" t="s">
        <v>222698</v>
      </c>
      <c r="J70504" s="1" t="s">
        <v>235512</v>
      </c>
    </row>
    <row r="70505" spans="1:10" x14ac:dyDescent="0.35">
      <c r="A70505" s="1" t="s">
        <v>111469</v>
      </c>
      <c r="B70505" s="1" t="s">
        <v>222693</v>
      </c>
      <c r="C70505" s="1" t="s">
        <v>85</v>
      </c>
      <c r="D70505" s="1" t="s">
        <v>235513</v>
      </c>
      <c r="E70505" s="1" t="s">
        <v>235514</v>
      </c>
      <c r="F70505" s="1" t="s">
        <v>235515</v>
      </c>
      <c r="G70505" s="1" t="s">
        <v>235460</v>
      </c>
      <c r="H70505" s="1" t="s">
        <v>235461</v>
      </c>
      <c r="I70505" s="1" t="s">
        <v>222698</v>
      </c>
      <c r="J70505" s="1" t="s">
        <v>235516</v>
      </c>
    </row>
    <row r="70506" spans="1:10" x14ac:dyDescent="0.35">
      <c r="A70506" s="1" t="s">
        <v>111469</v>
      </c>
      <c r="B70506" s="1" t="s">
        <v>222693</v>
      </c>
      <c r="C70506" s="1" t="s">
        <v>90</v>
      </c>
      <c r="D70506" s="1" t="s">
        <v>235517</v>
      </c>
      <c r="E70506" s="1" t="s">
        <v>235518</v>
      </c>
      <c r="F70506" s="1" t="s">
        <v>235519</v>
      </c>
      <c r="G70506" s="1" t="s">
        <v>235460</v>
      </c>
      <c r="H70506" s="1" t="s">
        <v>235461</v>
      </c>
      <c r="I70506" s="1" t="s">
        <v>222698</v>
      </c>
      <c r="J70506" s="1" t="s">
        <v>235520</v>
      </c>
    </row>
    <row r="70507" spans="1:10" x14ac:dyDescent="0.35">
      <c r="A70507" s="1" t="s">
        <v>111469</v>
      </c>
      <c r="B70507" s="1" t="s">
        <v>222693</v>
      </c>
      <c r="C70507" s="1" t="s">
        <v>95</v>
      </c>
      <c r="D70507" s="1" t="s">
        <v>235521</v>
      </c>
      <c r="E70507" s="1" t="s">
        <v>235522</v>
      </c>
      <c r="F70507" s="1" t="s">
        <v>235523</v>
      </c>
      <c r="G70507" s="1" t="s">
        <v>235460</v>
      </c>
      <c r="H70507" s="1" t="s">
        <v>235461</v>
      </c>
      <c r="I70507" s="1" t="s">
        <v>222698</v>
      </c>
      <c r="J70507" s="1" t="s">
        <v>235524</v>
      </c>
    </row>
    <row r="70508" spans="1:10" x14ac:dyDescent="0.35">
      <c r="A70508" s="1" t="s">
        <v>111469</v>
      </c>
      <c r="B70508" s="1" t="s">
        <v>222693</v>
      </c>
      <c r="C70508" s="1" t="s">
        <v>100</v>
      </c>
      <c r="D70508" s="1" t="s">
        <v>126914</v>
      </c>
      <c r="E70508" s="1" t="s">
        <v>235525</v>
      </c>
      <c r="F70508" s="1" t="s">
        <v>235526</v>
      </c>
      <c r="G70508" s="1" t="s">
        <v>235460</v>
      </c>
      <c r="H70508" s="1" t="s">
        <v>235461</v>
      </c>
      <c r="I70508" s="1" t="s">
        <v>222698</v>
      </c>
      <c r="J70508" s="1" t="s">
        <v>235527</v>
      </c>
    </row>
    <row r="70509" spans="1:10" x14ac:dyDescent="0.35">
      <c r="A70509" s="1" t="s">
        <v>111469</v>
      </c>
      <c r="B70509" s="1" t="s">
        <v>222693</v>
      </c>
      <c r="C70509" s="1" t="s">
        <v>105</v>
      </c>
      <c r="D70509" s="1" t="s">
        <v>235528</v>
      </c>
      <c r="E70509" s="1" t="s">
        <v>235529</v>
      </c>
      <c r="F70509" s="1" t="s">
        <v>235530</v>
      </c>
      <c r="G70509" s="1" t="s">
        <v>235460</v>
      </c>
      <c r="H70509" s="1" t="s">
        <v>235461</v>
      </c>
      <c r="I70509" s="1" t="s">
        <v>222698</v>
      </c>
      <c r="J70509" s="1" t="s">
        <v>235531</v>
      </c>
    </row>
    <row r="70510" spans="1:10" x14ac:dyDescent="0.35">
      <c r="A70510" s="1" t="s">
        <v>111469</v>
      </c>
      <c r="B70510" s="1" t="s">
        <v>222693</v>
      </c>
      <c r="C70510" s="1" t="s">
        <v>110</v>
      </c>
      <c r="D70510" s="1" t="s">
        <v>235532</v>
      </c>
      <c r="E70510" s="1" t="s">
        <v>235533</v>
      </c>
      <c r="F70510" s="1" t="s">
        <v>235534</v>
      </c>
      <c r="G70510" s="1" t="s">
        <v>235460</v>
      </c>
      <c r="H70510" s="1" t="s">
        <v>235461</v>
      </c>
      <c r="I70510" s="1" t="s">
        <v>222698</v>
      </c>
      <c r="J70510" s="1" t="s">
        <v>235535</v>
      </c>
    </row>
    <row r="70511" spans="1:10" x14ac:dyDescent="0.35">
      <c r="A70511" s="1" t="s">
        <v>111469</v>
      </c>
      <c r="B70511" s="1" t="s">
        <v>222693</v>
      </c>
      <c r="C70511" s="1" t="s">
        <v>115</v>
      </c>
      <c r="D70511" s="1" t="s">
        <v>235536</v>
      </c>
      <c r="E70511" s="1" t="s">
        <v>235537</v>
      </c>
      <c r="F70511" s="1" t="s">
        <v>235538</v>
      </c>
      <c r="G70511" s="1" t="s">
        <v>235460</v>
      </c>
      <c r="H70511" s="1" t="s">
        <v>235461</v>
      </c>
      <c r="I70511" s="1" t="s">
        <v>222698</v>
      </c>
      <c r="J70511" s="1" t="s">
        <v>235539</v>
      </c>
    </row>
    <row r="70512" spans="1:10" x14ac:dyDescent="0.35">
      <c r="A70512" s="1" t="s">
        <v>111469</v>
      </c>
      <c r="B70512" s="1" t="s">
        <v>222693</v>
      </c>
      <c r="C70512" s="1" t="s">
        <v>120</v>
      </c>
      <c r="D70512" s="1" t="s">
        <v>235540</v>
      </c>
      <c r="E70512" s="1" t="s">
        <v>235541</v>
      </c>
      <c r="F70512" s="1" t="s">
        <v>235542</v>
      </c>
      <c r="G70512" s="1" t="s">
        <v>235460</v>
      </c>
      <c r="H70512" s="1" t="s">
        <v>235461</v>
      </c>
      <c r="I70512" s="1" t="s">
        <v>222698</v>
      </c>
      <c r="J70512" s="1" t="s">
        <v>235543</v>
      </c>
    </row>
    <row r="70513" spans="1:10" x14ac:dyDescent="0.35">
      <c r="A70513" s="1" t="s">
        <v>111469</v>
      </c>
      <c r="B70513" s="1" t="s">
        <v>222693</v>
      </c>
      <c r="C70513" s="1" t="s">
        <v>125</v>
      </c>
      <c r="D70513" s="1" t="s">
        <v>235544</v>
      </c>
      <c r="E70513" s="1" t="s">
        <v>235545</v>
      </c>
      <c r="F70513" s="1" t="s">
        <v>235546</v>
      </c>
      <c r="G70513" s="1" t="s">
        <v>235460</v>
      </c>
      <c r="H70513" s="1" t="s">
        <v>235461</v>
      </c>
      <c r="I70513" s="1" t="s">
        <v>222698</v>
      </c>
      <c r="J70513" s="1" t="s">
        <v>235547</v>
      </c>
    </row>
    <row r="70514" spans="1:10" x14ac:dyDescent="0.35">
      <c r="A70514" s="1" t="s">
        <v>111469</v>
      </c>
      <c r="B70514" s="1" t="s">
        <v>222693</v>
      </c>
      <c r="C70514" s="1" t="s">
        <v>130</v>
      </c>
      <c r="D70514" s="1" t="s">
        <v>235548</v>
      </c>
      <c r="E70514" s="1" t="s">
        <v>235549</v>
      </c>
      <c r="F70514" s="1" t="s">
        <v>235550</v>
      </c>
      <c r="G70514" s="1" t="s">
        <v>235460</v>
      </c>
      <c r="H70514" s="1" t="s">
        <v>235461</v>
      </c>
      <c r="I70514" s="1" t="s">
        <v>222698</v>
      </c>
      <c r="J70514" s="1" t="s">
        <v>235551</v>
      </c>
    </row>
    <row r="70515" spans="1:10" x14ac:dyDescent="0.35">
      <c r="A70515" s="1" t="s">
        <v>111469</v>
      </c>
      <c r="B70515" s="1" t="s">
        <v>222693</v>
      </c>
      <c r="C70515" s="1" t="s">
        <v>135</v>
      </c>
      <c r="D70515" s="1" t="s">
        <v>235552</v>
      </c>
      <c r="E70515" s="1" t="s">
        <v>235553</v>
      </c>
      <c r="F70515" s="1" t="s">
        <v>235554</v>
      </c>
      <c r="G70515" s="1" t="s">
        <v>235460</v>
      </c>
      <c r="H70515" s="1" t="s">
        <v>235461</v>
      </c>
      <c r="I70515" s="1" t="s">
        <v>222698</v>
      </c>
      <c r="J70515" s="1" t="s">
        <v>235555</v>
      </c>
    </row>
    <row r="70516" spans="1:10" x14ac:dyDescent="0.35">
      <c r="A70516" s="1" t="s">
        <v>111469</v>
      </c>
      <c r="B70516" s="1" t="s">
        <v>222693</v>
      </c>
      <c r="C70516" s="1" t="s">
        <v>140</v>
      </c>
      <c r="D70516" s="1" t="s">
        <v>235556</v>
      </c>
      <c r="E70516" s="1" t="s">
        <v>235557</v>
      </c>
      <c r="F70516" s="1" t="s">
        <v>235558</v>
      </c>
      <c r="G70516" s="1" t="s">
        <v>235460</v>
      </c>
      <c r="H70516" s="1" t="s">
        <v>235461</v>
      </c>
      <c r="I70516" s="1" t="s">
        <v>222698</v>
      </c>
      <c r="J70516" s="1" t="s">
        <v>235559</v>
      </c>
    </row>
    <row r="70517" spans="1:10" x14ac:dyDescent="0.35">
      <c r="A70517" s="1" t="s">
        <v>111469</v>
      </c>
      <c r="B70517" s="1" t="s">
        <v>222693</v>
      </c>
      <c r="C70517" s="1" t="s">
        <v>145</v>
      </c>
      <c r="D70517" s="1" t="s">
        <v>235560</v>
      </c>
      <c r="E70517" s="1" t="s">
        <v>235561</v>
      </c>
      <c r="F70517" s="1" t="s">
        <v>235562</v>
      </c>
      <c r="G70517" s="1" t="s">
        <v>235460</v>
      </c>
      <c r="H70517" s="1" t="s">
        <v>235461</v>
      </c>
      <c r="I70517" s="1" t="s">
        <v>222698</v>
      </c>
      <c r="J70517" s="1" t="s">
        <v>235563</v>
      </c>
    </row>
    <row r="70518" spans="1:10" x14ac:dyDescent="0.35">
      <c r="A70518" s="1" t="s">
        <v>111469</v>
      </c>
      <c r="B70518" s="1" t="s">
        <v>222693</v>
      </c>
      <c r="C70518" s="1" t="s">
        <v>150</v>
      </c>
      <c r="D70518" s="1" t="s">
        <v>235564</v>
      </c>
      <c r="E70518" s="1" t="s">
        <v>235565</v>
      </c>
      <c r="F70518" s="1" t="s">
        <v>235566</v>
      </c>
      <c r="G70518" s="1" t="s">
        <v>235460</v>
      </c>
      <c r="H70518" s="1" t="s">
        <v>235461</v>
      </c>
      <c r="I70518" s="1" t="s">
        <v>222698</v>
      </c>
      <c r="J70518" s="1" t="s">
        <v>235567</v>
      </c>
    </row>
    <row r="70519" spans="1:10" x14ac:dyDescent="0.35">
      <c r="A70519" s="1" t="s">
        <v>111469</v>
      </c>
      <c r="B70519" s="1" t="s">
        <v>222693</v>
      </c>
      <c r="C70519" s="1" t="s">
        <v>155</v>
      </c>
      <c r="D70519" s="1" t="s">
        <v>235568</v>
      </c>
      <c r="E70519" s="1" t="s">
        <v>235569</v>
      </c>
      <c r="F70519" s="1" t="s">
        <v>235570</v>
      </c>
      <c r="G70519" s="1" t="s">
        <v>235460</v>
      </c>
      <c r="H70519" s="1" t="s">
        <v>235461</v>
      </c>
      <c r="I70519" s="1" t="s">
        <v>222698</v>
      </c>
      <c r="J70519" s="1" t="s">
        <v>235571</v>
      </c>
    </row>
    <row r="70520" spans="1:10" x14ac:dyDescent="0.35">
      <c r="A70520" s="1" t="s">
        <v>111469</v>
      </c>
      <c r="B70520" s="1" t="s">
        <v>222693</v>
      </c>
      <c r="C70520" s="1" t="s">
        <v>160</v>
      </c>
      <c r="D70520" s="1" t="s">
        <v>235572</v>
      </c>
      <c r="E70520" s="1" t="s">
        <v>235573</v>
      </c>
      <c r="F70520" s="1" t="s">
        <v>235574</v>
      </c>
      <c r="G70520" s="1" t="s">
        <v>235460</v>
      </c>
      <c r="H70520" s="1" t="s">
        <v>235461</v>
      </c>
      <c r="I70520" s="1" t="s">
        <v>222698</v>
      </c>
      <c r="J70520" s="1" t="s">
        <v>235575</v>
      </c>
    </row>
    <row r="70521" spans="1:10" x14ac:dyDescent="0.35">
      <c r="A70521" s="1" t="s">
        <v>111469</v>
      </c>
      <c r="B70521" s="1" t="s">
        <v>222693</v>
      </c>
      <c r="C70521" s="1" t="s">
        <v>165</v>
      </c>
      <c r="D70521" s="1" t="s">
        <v>235576</v>
      </c>
      <c r="E70521" s="1" t="s">
        <v>235577</v>
      </c>
      <c r="F70521" s="1" t="s">
        <v>235578</v>
      </c>
      <c r="G70521" s="1" t="s">
        <v>235460</v>
      </c>
      <c r="H70521" s="1" t="s">
        <v>235461</v>
      </c>
      <c r="I70521" s="1" t="s">
        <v>222698</v>
      </c>
      <c r="J70521" s="1" t="s">
        <v>235579</v>
      </c>
    </row>
    <row r="70522" spans="1:10" x14ac:dyDescent="0.35">
      <c r="A70522" s="1" t="s">
        <v>111469</v>
      </c>
      <c r="B70522" s="1" t="s">
        <v>222693</v>
      </c>
      <c r="C70522" s="1" t="s">
        <v>170</v>
      </c>
      <c r="D70522" s="1" t="s">
        <v>21829</v>
      </c>
      <c r="E70522" s="1" t="s">
        <v>235580</v>
      </c>
      <c r="F70522" s="1" t="s">
        <v>235581</v>
      </c>
      <c r="G70522" s="1" t="s">
        <v>235460</v>
      </c>
      <c r="H70522" s="1" t="s">
        <v>235461</v>
      </c>
      <c r="I70522" s="1" t="s">
        <v>222698</v>
      </c>
      <c r="J70522" s="1" t="s">
        <v>235582</v>
      </c>
    </row>
    <row r="70523" spans="1:10" x14ac:dyDescent="0.35">
      <c r="A70523" s="1" t="s">
        <v>149063</v>
      </c>
      <c r="B70523" s="1" t="s">
        <v>222693</v>
      </c>
      <c r="C70523" s="1" t="s">
        <v>8</v>
      </c>
      <c r="D70523" s="1" t="s">
        <v>122654</v>
      </c>
      <c r="E70523" s="1" t="s">
        <v>235583</v>
      </c>
      <c r="F70523" s="1" t="s">
        <v>235584</v>
      </c>
      <c r="G70523" s="1" t="s">
        <v>235585</v>
      </c>
      <c r="H70523" s="1" t="s">
        <v>235586</v>
      </c>
      <c r="I70523" s="1" t="s">
        <v>222698</v>
      </c>
      <c r="J70523" s="1" t="s">
        <v>13</v>
      </c>
    </row>
    <row r="70524" spans="1:10" x14ac:dyDescent="0.35">
      <c r="A70524" s="1" t="s">
        <v>149063</v>
      </c>
      <c r="B70524" s="1" t="s">
        <v>222693</v>
      </c>
      <c r="C70524" s="1" t="s">
        <v>15</v>
      </c>
      <c r="D70524" s="1" t="s">
        <v>100251</v>
      </c>
      <c r="E70524" s="1" t="s">
        <v>235587</v>
      </c>
      <c r="F70524" s="1" t="s">
        <v>235588</v>
      </c>
      <c r="G70524" s="1" t="s">
        <v>235585</v>
      </c>
      <c r="H70524" s="1" t="s">
        <v>235586</v>
      </c>
      <c r="I70524" s="1" t="s">
        <v>222698</v>
      </c>
      <c r="J70524" s="1" t="s">
        <v>235589</v>
      </c>
    </row>
    <row r="70525" spans="1:10" x14ac:dyDescent="0.35">
      <c r="A70525" s="1" t="s">
        <v>149063</v>
      </c>
      <c r="B70525" s="1" t="s">
        <v>222693</v>
      </c>
      <c r="C70525" s="1" t="s">
        <v>20</v>
      </c>
      <c r="D70525" s="1" t="s">
        <v>129086</v>
      </c>
      <c r="E70525" s="1" t="s">
        <v>235590</v>
      </c>
      <c r="F70525" s="1" t="s">
        <v>235591</v>
      </c>
      <c r="G70525" s="1" t="s">
        <v>235585</v>
      </c>
      <c r="H70525" s="1" t="s">
        <v>235586</v>
      </c>
      <c r="I70525" s="1" t="s">
        <v>222698</v>
      </c>
      <c r="J70525" s="1" t="s">
        <v>235592</v>
      </c>
    </row>
    <row r="70526" spans="1:10" x14ac:dyDescent="0.35">
      <c r="A70526" s="1" t="s">
        <v>149063</v>
      </c>
      <c r="B70526" s="1" t="s">
        <v>222693</v>
      </c>
      <c r="C70526" s="1" t="s">
        <v>25</v>
      </c>
      <c r="D70526" s="1" t="s">
        <v>139627</v>
      </c>
      <c r="E70526" s="1" t="s">
        <v>235593</v>
      </c>
      <c r="F70526" s="1" t="s">
        <v>235594</v>
      </c>
      <c r="G70526" s="1" t="s">
        <v>235585</v>
      </c>
      <c r="H70526" s="1" t="s">
        <v>235586</v>
      </c>
      <c r="I70526" s="1" t="s">
        <v>222698</v>
      </c>
      <c r="J70526" s="1" t="s">
        <v>235595</v>
      </c>
    </row>
    <row r="70527" spans="1:10" x14ac:dyDescent="0.35">
      <c r="A70527" s="1" t="s">
        <v>149063</v>
      </c>
      <c r="B70527" s="1" t="s">
        <v>222693</v>
      </c>
      <c r="C70527" s="1" t="s">
        <v>30</v>
      </c>
      <c r="D70527" s="1" t="s">
        <v>137877</v>
      </c>
      <c r="E70527" s="1" t="s">
        <v>235596</v>
      </c>
      <c r="F70527" s="1" t="s">
        <v>235597</v>
      </c>
      <c r="G70527" s="1" t="s">
        <v>235585</v>
      </c>
      <c r="H70527" s="1" t="s">
        <v>235586</v>
      </c>
      <c r="I70527" s="1" t="s">
        <v>222698</v>
      </c>
      <c r="J70527" s="1" t="s">
        <v>235598</v>
      </c>
    </row>
    <row r="70528" spans="1:10" x14ac:dyDescent="0.35">
      <c r="A70528" s="1" t="s">
        <v>149063</v>
      </c>
      <c r="B70528" s="1" t="s">
        <v>222693</v>
      </c>
      <c r="C70528" s="1" t="s">
        <v>35</v>
      </c>
      <c r="D70528" s="1" t="s">
        <v>90490</v>
      </c>
      <c r="E70528" s="1" t="s">
        <v>235599</v>
      </c>
      <c r="F70528" s="1" t="s">
        <v>235600</v>
      </c>
      <c r="G70528" s="1" t="s">
        <v>235585</v>
      </c>
      <c r="H70528" s="1" t="s">
        <v>235586</v>
      </c>
      <c r="I70528" s="1" t="s">
        <v>222698</v>
      </c>
      <c r="J70528" s="1" t="s">
        <v>235601</v>
      </c>
    </row>
    <row r="70529" spans="1:10" x14ac:dyDescent="0.35">
      <c r="A70529" s="1" t="s">
        <v>149063</v>
      </c>
      <c r="B70529" s="1" t="s">
        <v>222693</v>
      </c>
      <c r="C70529" s="1" t="s">
        <v>40</v>
      </c>
      <c r="D70529" s="1" t="s">
        <v>93978</v>
      </c>
      <c r="E70529" s="1" t="s">
        <v>235602</v>
      </c>
      <c r="F70529" s="1" t="s">
        <v>235603</v>
      </c>
      <c r="G70529" s="1" t="s">
        <v>235585</v>
      </c>
      <c r="H70529" s="1" t="s">
        <v>235586</v>
      </c>
      <c r="I70529" s="1" t="s">
        <v>222698</v>
      </c>
      <c r="J70529" s="1" t="s">
        <v>235604</v>
      </c>
    </row>
    <row r="70530" spans="1:10" x14ac:dyDescent="0.35">
      <c r="A70530" s="1" t="s">
        <v>149063</v>
      </c>
      <c r="B70530" s="1" t="s">
        <v>222693</v>
      </c>
      <c r="C70530" s="1" t="s">
        <v>45</v>
      </c>
      <c r="D70530" s="1" t="s">
        <v>200275</v>
      </c>
      <c r="E70530" s="1" t="s">
        <v>235605</v>
      </c>
      <c r="F70530" s="1" t="s">
        <v>235606</v>
      </c>
      <c r="G70530" s="1" t="s">
        <v>235585</v>
      </c>
      <c r="H70530" s="1" t="s">
        <v>235586</v>
      </c>
      <c r="I70530" s="1" t="s">
        <v>222698</v>
      </c>
      <c r="J70530" s="1" t="s">
        <v>235607</v>
      </c>
    </row>
    <row r="70531" spans="1:10" x14ac:dyDescent="0.35">
      <c r="A70531" s="1" t="s">
        <v>149063</v>
      </c>
      <c r="B70531" s="1" t="s">
        <v>222693</v>
      </c>
      <c r="C70531" s="1" t="s">
        <v>50</v>
      </c>
      <c r="D70531" s="1" t="s">
        <v>235608</v>
      </c>
      <c r="E70531" s="1" t="s">
        <v>235609</v>
      </c>
      <c r="F70531" s="1" t="s">
        <v>235610</v>
      </c>
      <c r="G70531" s="1" t="s">
        <v>235585</v>
      </c>
      <c r="H70531" s="1" t="s">
        <v>235586</v>
      </c>
      <c r="I70531" s="1" t="s">
        <v>222698</v>
      </c>
      <c r="J70531" s="1" t="s">
        <v>235611</v>
      </c>
    </row>
    <row r="70532" spans="1:10" x14ac:dyDescent="0.35">
      <c r="A70532" s="1" t="s">
        <v>149063</v>
      </c>
      <c r="B70532" s="1" t="s">
        <v>222693</v>
      </c>
      <c r="C70532" s="1" t="s">
        <v>55</v>
      </c>
      <c r="D70532" s="1" t="s">
        <v>80429</v>
      </c>
      <c r="E70532" s="1" t="s">
        <v>235612</v>
      </c>
      <c r="F70532" s="1" t="s">
        <v>235613</v>
      </c>
      <c r="G70532" s="1" t="s">
        <v>235585</v>
      </c>
      <c r="H70532" s="1" t="s">
        <v>235586</v>
      </c>
      <c r="I70532" s="1" t="s">
        <v>222698</v>
      </c>
      <c r="J70532" s="1" t="s">
        <v>235614</v>
      </c>
    </row>
    <row r="70533" spans="1:10" x14ac:dyDescent="0.35">
      <c r="A70533" s="1" t="s">
        <v>149063</v>
      </c>
      <c r="B70533" s="1" t="s">
        <v>222693</v>
      </c>
      <c r="C70533" s="1" t="s">
        <v>60</v>
      </c>
      <c r="D70533" s="1" t="s">
        <v>193718</v>
      </c>
      <c r="E70533" s="1" t="s">
        <v>235615</v>
      </c>
      <c r="F70533" s="1" t="s">
        <v>235616</v>
      </c>
      <c r="G70533" s="1" t="s">
        <v>235585</v>
      </c>
      <c r="H70533" s="1" t="s">
        <v>235586</v>
      </c>
      <c r="I70533" s="1" t="s">
        <v>222698</v>
      </c>
      <c r="J70533" s="1" t="s">
        <v>235617</v>
      </c>
    </row>
    <row r="70534" spans="1:10" x14ac:dyDescent="0.35">
      <c r="A70534" s="1" t="s">
        <v>149063</v>
      </c>
      <c r="B70534" s="1" t="s">
        <v>222693</v>
      </c>
      <c r="C70534" s="1" t="s">
        <v>65</v>
      </c>
      <c r="D70534" s="1" t="s">
        <v>80509</v>
      </c>
      <c r="E70534" s="1" t="s">
        <v>235618</v>
      </c>
      <c r="F70534" s="1" t="s">
        <v>235619</v>
      </c>
      <c r="G70534" s="1" t="s">
        <v>235585</v>
      </c>
      <c r="H70534" s="1" t="s">
        <v>235586</v>
      </c>
      <c r="I70534" s="1" t="s">
        <v>222698</v>
      </c>
      <c r="J70534" s="1" t="s">
        <v>235620</v>
      </c>
    </row>
    <row r="70535" spans="1:10" x14ac:dyDescent="0.35">
      <c r="A70535" s="1" t="s">
        <v>149063</v>
      </c>
      <c r="B70535" s="1" t="s">
        <v>222693</v>
      </c>
      <c r="C70535" s="1" t="s">
        <v>70</v>
      </c>
      <c r="D70535" s="1" t="s">
        <v>235621</v>
      </c>
      <c r="E70535" s="1" t="s">
        <v>235622</v>
      </c>
      <c r="F70535" s="1" t="s">
        <v>235623</v>
      </c>
      <c r="G70535" s="1" t="s">
        <v>235585</v>
      </c>
      <c r="H70535" s="1" t="s">
        <v>235586</v>
      </c>
      <c r="I70535" s="1" t="s">
        <v>222698</v>
      </c>
      <c r="J70535" s="1" t="s">
        <v>235624</v>
      </c>
    </row>
    <row r="70536" spans="1:10" x14ac:dyDescent="0.35">
      <c r="A70536" s="1" t="s">
        <v>149063</v>
      </c>
      <c r="B70536" s="1" t="s">
        <v>222693</v>
      </c>
      <c r="C70536" s="1" t="s">
        <v>75</v>
      </c>
      <c r="D70536" s="1" t="s">
        <v>7408</v>
      </c>
      <c r="E70536" s="1" t="s">
        <v>235625</v>
      </c>
      <c r="F70536" s="1" t="s">
        <v>235626</v>
      </c>
      <c r="G70536" s="1" t="s">
        <v>235585</v>
      </c>
      <c r="H70536" s="1" t="s">
        <v>235586</v>
      </c>
      <c r="I70536" s="1" t="s">
        <v>222698</v>
      </c>
      <c r="J70536" s="1" t="s">
        <v>235627</v>
      </c>
    </row>
    <row r="70537" spans="1:10" x14ac:dyDescent="0.35">
      <c r="A70537" s="1" t="s">
        <v>149063</v>
      </c>
      <c r="B70537" s="1" t="s">
        <v>222693</v>
      </c>
      <c r="C70537" s="1" t="s">
        <v>80</v>
      </c>
      <c r="D70537" s="1" t="s">
        <v>205742</v>
      </c>
      <c r="E70537" s="1" t="s">
        <v>235628</v>
      </c>
      <c r="F70537" s="1" t="s">
        <v>235629</v>
      </c>
      <c r="G70537" s="1" t="s">
        <v>235585</v>
      </c>
      <c r="H70537" s="1" t="s">
        <v>235586</v>
      </c>
      <c r="I70537" s="1" t="s">
        <v>222698</v>
      </c>
      <c r="J70537" s="1" t="s">
        <v>235630</v>
      </c>
    </row>
    <row r="70538" spans="1:10" x14ac:dyDescent="0.35">
      <c r="A70538" s="1" t="s">
        <v>149063</v>
      </c>
      <c r="B70538" s="1" t="s">
        <v>222693</v>
      </c>
      <c r="C70538" s="1" t="s">
        <v>85</v>
      </c>
      <c r="D70538" s="1" t="s">
        <v>69592</v>
      </c>
      <c r="E70538" s="1" t="s">
        <v>235631</v>
      </c>
      <c r="F70538" s="1" t="s">
        <v>235632</v>
      </c>
      <c r="G70538" s="1" t="s">
        <v>235585</v>
      </c>
      <c r="H70538" s="1" t="s">
        <v>235586</v>
      </c>
      <c r="I70538" s="1" t="s">
        <v>222698</v>
      </c>
      <c r="J70538" s="1" t="s">
        <v>235633</v>
      </c>
    </row>
    <row r="70539" spans="1:10" x14ac:dyDescent="0.35">
      <c r="A70539" s="1" t="s">
        <v>149063</v>
      </c>
      <c r="B70539" s="1" t="s">
        <v>222693</v>
      </c>
      <c r="C70539" s="1" t="s">
        <v>90</v>
      </c>
      <c r="D70539" s="1" t="s">
        <v>131581</v>
      </c>
      <c r="E70539" s="1" t="s">
        <v>235634</v>
      </c>
      <c r="F70539" s="1" t="s">
        <v>235635</v>
      </c>
      <c r="G70539" s="1" t="s">
        <v>235585</v>
      </c>
      <c r="H70539" s="1" t="s">
        <v>235586</v>
      </c>
      <c r="I70539" s="1" t="s">
        <v>222698</v>
      </c>
      <c r="J70539" s="1" t="s">
        <v>235636</v>
      </c>
    </row>
    <row r="70540" spans="1:10" x14ac:dyDescent="0.35">
      <c r="A70540" s="1" t="s">
        <v>149063</v>
      </c>
      <c r="B70540" s="1" t="s">
        <v>222693</v>
      </c>
      <c r="C70540" s="1" t="s">
        <v>95</v>
      </c>
      <c r="D70540" s="1" t="s">
        <v>234219</v>
      </c>
      <c r="E70540" s="1" t="s">
        <v>235637</v>
      </c>
      <c r="F70540" s="1" t="s">
        <v>235638</v>
      </c>
      <c r="G70540" s="1" t="s">
        <v>235585</v>
      </c>
      <c r="H70540" s="1" t="s">
        <v>235586</v>
      </c>
      <c r="I70540" s="1" t="s">
        <v>222698</v>
      </c>
      <c r="J70540" s="1" t="s">
        <v>235639</v>
      </c>
    </row>
    <row r="70541" spans="1:10" x14ac:dyDescent="0.35">
      <c r="A70541" s="1" t="s">
        <v>149063</v>
      </c>
      <c r="B70541" s="1" t="s">
        <v>222693</v>
      </c>
      <c r="C70541" s="1" t="s">
        <v>100</v>
      </c>
      <c r="D70541" s="1" t="s">
        <v>235640</v>
      </c>
      <c r="E70541" s="1" t="s">
        <v>235641</v>
      </c>
      <c r="F70541" s="1" t="s">
        <v>235642</v>
      </c>
      <c r="G70541" s="1" t="s">
        <v>235585</v>
      </c>
      <c r="H70541" s="1" t="s">
        <v>235586</v>
      </c>
      <c r="I70541" s="1" t="s">
        <v>222698</v>
      </c>
      <c r="J70541" s="1" t="s">
        <v>235643</v>
      </c>
    </row>
    <row r="70542" spans="1:10" x14ac:dyDescent="0.35">
      <c r="A70542" s="1" t="s">
        <v>149063</v>
      </c>
      <c r="B70542" s="1" t="s">
        <v>222693</v>
      </c>
      <c r="C70542" s="1" t="s">
        <v>105</v>
      </c>
      <c r="D70542" s="1" t="s">
        <v>227664</v>
      </c>
      <c r="E70542" s="1" t="s">
        <v>235644</v>
      </c>
      <c r="F70542" s="1" t="s">
        <v>235645</v>
      </c>
      <c r="G70542" s="1" t="s">
        <v>235585</v>
      </c>
      <c r="H70542" s="1" t="s">
        <v>235586</v>
      </c>
      <c r="I70542" s="1" t="s">
        <v>222698</v>
      </c>
      <c r="J70542" s="1" t="s">
        <v>235646</v>
      </c>
    </row>
    <row r="70543" spans="1:10" x14ac:dyDescent="0.35">
      <c r="A70543" s="1" t="s">
        <v>149063</v>
      </c>
      <c r="B70543" s="1" t="s">
        <v>222693</v>
      </c>
      <c r="C70543" s="1" t="s">
        <v>110</v>
      </c>
      <c r="D70543" s="1" t="s">
        <v>235647</v>
      </c>
      <c r="E70543" s="1" t="s">
        <v>235648</v>
      </c>
      <c r="F70543" s="1" t="s">
        <v>235649</v>
      </c>
      <c r="G70543" s="1" t="s">
        <v>235585</v>
      </c>
      <c r="H70543" s="1" t="s">
        <v>235586</v>
      </c>
      <c r="I70543" s="1" t="s">
        <v>222698</v>
      </c>
      <c r="J70543" s="1" t="s">
        <v>235650</v>
      </c>
    </row>
    <row r="70544" spans="1:10" x14ac:dyDescent="0.35">
      <c r="A70544" s="1" t="s">
        <v>149063</v>
      </c>
      <c r="B70544" s="1" t="s">
        <v>222693</v>
      </c>
      <c r="C70544" s="1" t="s">
        <v>115</v>
      </c>
      <c r="D70544" s="1" t="s">
        <v>235651</v>
      </c>
      <c r="E70544" s="1" t="s">
        <v>235652</v>
      </c>
      <c r="F70544" s="1" t="s">
        <v>235653</v>
      </c>
      <c r="G70544" s="1" t="s">
        <v>235585</v>
      </c>
      <c r="H70544" s="1" t="s">
        <v>235586</v>
      </c>
      <c r="I70544" s="1" t="s">
        <v>222698</v>
      </c>
      <c r="J70544" s="1" t="s">
        <v>235654</v>
      </c>
    </row>
    <row r="70545" spans="1:10" x14ac:dyDescent="0.35">
      <c r="A70545" s="1" t="s">
        <v>149063</v>
      </c>
      <c r="B70545" s="1" t="s">
        <v>222693</v>
      </c>
      <c r="C70545" s="1" t="s">
        <v>120</v>
      </c>
      <c r="D70545" s="1" t="s">
        <v>235655</v>
      </c>
      <c r="E70545" s="1" t="s">
        <v>235656</v>
      </c>
      <c r="F70545" s="1" t="s">
        <v>235657</v>
      </c>
      <c r="G70545" s="1" t="s">
        <v>235585</v>
      </c>
      <c r="H70545" s="1" t="s">
        <v>235586</v>
      </c>
      <c r="I70545" s="1" t="s">
        <v>222698</v>
      </c>
      <c r="J70545" s="1" t="s">
        <v>235658</v>
      </c>
    </row>
    <row r="70546" spans="1:10" x14ac:dyDescent="0.35">
      <c r="A70546" s="1" t="s">
        <v>149063</v>
      </c>
      <c r="B70546" s="1" t="s">
        <v>222693</v>
      </c>
      <c r="C70546" s="1" t="s">
        <v>125</v>
      </c>
      <c r="D70546" s="1" t="s">
        <v>235659</v>
      </c>
      <c r="E70546" s="1" t="s">
        <v>235660</v>
      </c>
      <c r="F70546" s="1" t="s">
        <v>235661</v>
      </c>
      <c r="G70546" s="1" t="s">
        <v>235585</v>
      </c>
      <c r="H70546" s="1" t="s">
        <v>235586</v>
      </c>
      <c r="I70546" s="1" t="s">
        <v>222698</v>
      </c>
      <c r="J70546" s="1" t="s">
        <v>235662</v>
      </c>
    </row>
    <row r="70547" spans="1:10" x14ac:dyDescent="0.35">
      <c r="A70547" s="1" t="s">
        <v>149063</v>
      </c>
      <c r="B70547" s="1" t="s">
        <v>222693</v>
      </c>
      <c r="C70547" s="1" t="s">
        <v>130</v>
      </c>
      <c r="D70547" s="1" t="s">
        <v>235663</v>
      </c>
      <c r="E70547" s="1" t="s">
        <v>235664</v>
      </c>
      <c r="F70547" s="1" t="s">
        <v>235665</v>
      </c>
      <c r="G70547" s="1" t="s">
        <v>235585</v>
      </c>
      <c r="H70547" s="1" t="s">
        <v>235586</v>
      </c>
      <c r="I70547" s="1" t="s">
        <v>222698</v>
      </c>
      <c r="J70547" s="1" t="s">
        <v>235666</v>
      </c>
    </row>
    <row r="70548" spans="1:10" x14ac:dyDescent="0.35">
      <c r="A70548" s="1" t="s">
        <v>149063</v>
      </c>
      <c r="B70548" s="1" t="s">
        <v>222693</v>
      </c>
      <c r="C70548" s="1" t="s">
        <v>135</v>
      </c>
      <c r="D70548" s="1" t="s">
        <v>235667</v>
      </c>
      <c r="E70548" s="1" t="s">
        <v>235668</v>
      </c>
      <c r="F70548" s="1" t="s">
        <v>235669</v>
      </c>
      <c r="G70548" s="1" t="s">
        <v>235585</v>
      </c>
      <c r="H70548" s="1" t="s">
        <v>235586</v>
      </c>
      <c r="I70548" s="1" t="s">
        <v>222698</v>
      </c>
      <c r="J70548" s="1" t="s">
        <v>235670</v>
      </c>
    </row>
    <row r="70549" spans="1:10" x14ac:dyDescent="0.35">
      <c r="A70549" s="1" t="s">
        <v>149063</v>
      </c>
      <c r="B70549" s="1" t="s">
        <v>222693</v>
      </c>
      <c r="C70549" s="1" t="s">
        <v>140</v>
      </c>
      <c r="D70549" s="1" t="s">
        <v>235671</v>
      </c>
      <c r="E70549" s="1" t="s">
        <v>235672</v>
      </c>
      <c r="F70549" s="1" t="s">
        <v>235673</v>
      </c>
      <c r="G70549" s="1" t="s">
        <v>235585</v>
      </c>
      <c r="H70549" s="1" t="s">
        <v>235586</v>
      </c>
      <c r="I70549" s="1" t="s">
        <v>222698</v>
      </c>
      <c r="J70549" s="1" t="s">
        <v>235674</v>
      </c>
    </row>
    <row r="70550" spans="1:10" x14ac:dyDescent="0.35">
      <c r="A70550" s="1" t="s">
        <v>149063</v>
      </c>
      <c r="B70550" s="1" t="s">
        <v>222693</v>
      </c>
      <c r="C70550" s="1" t="s">
        <v>145</v>
      </c>
      <c r="D70550" s="1" t="s">
        <v>235675</v>
      </c>
      <c r="E70550" s="1" t="s">
        <v>235676</v>
      </c>
      <c r="F70550" s="1" t="s">
        <v>235677</v>
      </c>
      <c r="G70550" s="1" t="s">
        <v>235585</v>
      </c>
      <c r="H70550" s="1" t="s">
        <v>235586</v>
      </c>
      <c r="I70550" s="1" t="s">
        <v>222698</v>
      </c>
      <c r="J70550" s="1" t="s">
        <v>235678</v>
      </c>
    </row>
    <row r="70551" spans="1:10" x14ac:dyDescent="0.35">
      <c r="A70551" s="1" t="s">
        <v>149063</v>
      </c>
      <c r="B70551" s="1" t="s">
        <v>222693</v>
      </c>
      <c r="C70551" s="1" t="s">
        <v>150</v>
      </c>
      <c r="D70551" s="1" t="s">
        <v>235679</v>
      </c>
      <c r="E70551" s="1" t="s">
        <v>235680</v>
      </c>
      <c r="F70551" s="1" t="s">
        <v>235681</v>
      </c>
      <c r="G70551" s="1" t="s">
        <v>235585</v>
      </c>
      <c r="H70551" s="1" t="s">
        <v>235586</v>
      </c>
      <c r="I70551" s="1" t="s">
        <v>222698</v>
      </c>
      <c r="J70551" s="1" t="s">
        <v>235682</v>
      </c>
    </row>
    <row r="70552" spans="1:10" x14ac:dyDescent="0.35">
      <c r="A70552" s="1" t="s">
        <v>149063</v>
      </c>
      <c r="B70552" s="1" t="s">
        <v>222693</v>
      </c>
      <c r="C70552" s="1" t="s">
        <v>155</v>
      </c>
      <c r="D70552" s="1" t="s">
        <v>235683</v>
      </c>
      <c r="E70552" s="1" t="s">
        <v>235684</v>
      </c>
      <c r="F70552" s="1" t="s">
        <v>235685</v>
      </c>
      <c r="G70552" s="1" t="s">
        <v>235585</v>
      </c>
      <c r="H70552" s="1" t="s">
        <v>235586</v>
      </c>
      <c r="I70552" s="1" t="s">
        <v>222698</v>
      </c>
      <c r="J70552" s="1" t="s">
        <v>235686</v>
      </c>
    </row>
    <row r="70553" spans="1:10" x14ac:dyDescent="0.35">
      <c r="A70553" s="1" t="s">
        <v>149063</v>
      </c>
      <c r="B70553" s="1" t="s">
        <v>222693</v>
      </c>
      <c r="C70553" s="1" t="s">
        <v>160</v>
      </c>
      <c r="D70553" s="1" t="s">
        <v>235687</v>
      </c>
      <c r="E70553" s="1" t="s">
        <v>235688</v>
      </c>
      <c r="F70553" s="1" t="s">
        <v>235689</v>
      </c>
      <c r="G70553" s="1" t="s">
        <v>235585</v>
      </c>
      <c r="H70553" s="1" t="s">
        <v>235586</v>
      </c>
      <c r="I70553" s="1" t="s">
        <v>222698</v>
      </c>
      <c r="J70553" s="1" t="s">
        <v>235690</v>
      </c>
    </row>
    <row r="70554" spans="1:10" x14ac:dyDescent="0.35">
      <c r="A70554" s="1" t="s">
        <v>149063</v>
      </c>
      <c r="B70554" s="1" t="s">
        <v>222693</v>
      </c>
      <c r="C70554" s="1" t="s">
        <v>165</v>
      </c>
      <c r="D70554" s="1" t="s">
        <v>235691</v>
      </c>
      <c r="E70554" s="1" t="s">
        <v>235692</v>
      </c>
      <c r="F70554" s="1" t="s">
        <v>235693</v>
      </c>
      <c r="G70554" s="1" t="s">
        <v>235585</v>
      </c>
      <c r="H70554" s="1" t="s">
        <v>235586</v>
      </c>
      <c r="I70554" s="1" t="s">
        <v>222698</v>
      </c>
      <c r="J70554" s="1" t="s">
        <v>235694</v>
      </c>
    </row>
    <row r="70555" spans="1:10" x14ac:dyDescent="0.35">
      <c r="A70555" s="1" t="s">
        <v>149063</v>
      </c>
      <c r="B70555" s="1" t="s">
        <v>222693</v>
      </c>
      <c r="C70555" s="1" t="s">
        <v>170</v>
      </c>
      <c r="D70555" s="1" t="s">
        <v>235695</v>
      </c>
      <c r="E70555" s="1" t="s">
        <v>235696</v>
      </c>
      <c r="F70555" s="1" t="s">
        <v>235697</v>
      </c>
      <c r="G70555" s="1" t="s">
        <v>235585</v>
      </c>
      <c r="H70555" s="1" t="s">
        <v>235586</v>
      </c>
      <c r="I70555" s="1" t="s">
        <v>222698</v>
      </c>
      <c r="J70555" s="1" t="s">
        <v>235698</v>
      </c>
    </row>
    <row r="70556" spans="1:10" x14ac:dyDescent="0.35">
      <c r="A70556" s="1" t="s">
        <v>112236</v>
      </c>
      <c r="B70556" s="1" t="s">
        <v>222693</v>
      </c>
      <c r="C70556" s="1" t="s">
        <v>8</v>
      </c>
      <c r="D70556" s="1" t="s">
        <v>235699</v>
      </c>
      <c r="E70556" s="1" t="s">
        <v>235700</v>
      </c>
      <c r="F70556" s="1" t="s">
        <v>235701</v>
      </c>
      <c r="G70556" s="1" t="s">
        <v>235702</v>
      </c>
      <c r="H70556" s="1" t="s">
        <v>235703</v>
      </c>
      <c r="I70556" s="1" t="s">
        <v>222698</v>
      </c>
      <c r="J70556" s="1" t="s">
        <v>13</v>
      </c>
    </row>
    <row r="70557" spans="1:10" x14ac:dyDescent="0.35">
      <c r="A70557" s="1" t="s">
        <v>112236</v>
      </c>
      <c r="B70557" s="1" t="s">
        <v>222693</v>
      </c>
      <c r="C70557" s="1" t="s">
        <v>15</v>
      </c>
      <c r="D70557" s="1" t="s">
        <v>98405</v>
      </c>
      <c r="E70557" s="1" t="s">
        <v>235704</v>
      </c>
      <c r="F70557" s="1" t="s">
        <v>235705</v>
      </c>
      <c r="G70557" s="1" t="s">
        <v>235702</v>
      </c>
      <c r="H70557" s="1" t="s">
        <v>235703</v>
      </c>
      <c r="I70557" s="1" t="s">
        <v>222698</v>
      </c>
      <c r="J70557" s="1" t="s">
        <v>235706</v>
      </c>
    </row>
    <row r="70558" spans="1:10" x14ac:dyDescent="0.35">
      <c r="A70558" s="1" t="s">
        <v>112236</v>
      </c>
      <c r="B70558" s="1" t="s">
        <v>222693</v>
      </c>
      <c r="C70558" s="1" t="s">
        <v>20</v>
      </c>
      <c r="D70558" s="1" t="s">
        <v>235707</v>
      </c>
      <c r="E70558" s="1" t="s">
        <v>235708</v>
      </c>
      <c r="F70558" s="1" t="s">
        <v>235709</v>
      </c>
      <c r="G70558" s="1" t="s">
        <v>235702</v>
      </c>
      <c r="H70558" s="1" t="s">
        <v>235703</v>
      </c>
      <c r="I70558" s="1" t="s">
        <v>222698</v>
      </c>
      <c r="J70558" s="1" t="s">
        <v>235710</v>
      </c>
    </row>
    <row r="70559" spans="1:10" x14ac:dyDescent="0.35">
      <c r="A70559" s="1" t="s">
        <v>112236</v>
      </c>
      <c r="B70559" s="1" t="s">
        <v>222693</v>
      </c>
      <c r="C70559" s="1" t="s">
        <v>25</v>
      </c>
      <c r="D70559" s="1" t="s">
        <v>108861</v>
      </c>
      <c r="E70559" s="1" t="s">
        <v>235711</v>
      </c>
      <c r="F70559" s="1" t="s">
        <v>235712</v>
      </c>
      <c r="G70559" s="1" t="s">
        <v>235702</v>
      </c>
      <c r="H70559" s="1" t="s">
        <v>235703</v>
      </c>
      <c r="I70559" s="1" t="s">
        <v>222698</v>
      </c>
      <c r="J70559" s="1" t="s">
        <v>235713</v>
      </c>
    </row>
    <row r="70560" spans="1:10" x14ac:dyDescent="0.35">
      <c r="A70560" s="1" t="s">
        <v>112236</v>
      </c>
      <c r="B70560" s="1" t="s">
        <v>222693</v>
      </c>
      <c r="C70560" s="1" t="s">
        <v>30</v>
      </c>
      <c r="D70560" s="1" t="s">
        <v>235714</v>
      </c>
      <c r="E70560" s="1" t="s">
        <v>235715</v>
      </c>
      <c r="F70560" s="1" t="s">
        <v>235716</v>
      </c>
      <c r="G70560" s="1" t="s">
        <v>235702</v>
      </c>
      <c r="H70560" s="1" t="s">
        <v>235703</v>
      </c>
      <c r="I70560" s="1" t="s">
        <v>222698</v>
      </c>
      <c r="J70560" s="1" t="s">
        <v>235717</v>
      </c>
    </row>
    <row r="70561" spans="1:10" x14ac:dyDescent="0.35">
      <c r="A70561" s="1" t="s">
        <v>112236</v>
      </c>
      <c r="B70561" s="1" t="s">
        <v>222693</v>
      </c>
      <c r="C70561" s="1" t="s">
        <v>35</v>
      </c>
      <c r="D70561" s="1" t="s">
        <v>87765</v>
      </c>
      <c r="E70561" s="1" t="s">
        <v>235718</v>
      </c>
      <c r="F70561" s="1" t="s">
        <v>235719</v>
      </c>
      <c r="G70561" s="1" t="s">
        <v>235702</v>
      </c>
      <c r="H70561" s="1" t="s">
        <v>235703</v>
      </c>
      <c r="I70561" s="1" t="s">
        <v>222698</v>
      </c>
      <c r="J70561" s="1" t="s">
        <v>235720</v>
      </c>
    </row>
    <row r="70562" spans="1:10" x14ac:dyDescent="0.35">
      <c r="A70562" s="1" t="s">
        <v>112236</v>
      </c>
      <c r="B70562" s="1" t="s">
        <v>222693</v>
      </c>
      <c r="C70562" s="1" t="s">
        <v>40</v>
      </c>
      <c r="D70562" s="1" t="s">
        <v>64022</v>
      </c>
      <c r="E70562" s="1" t="s">
        <v>235721</v>
      </c>
      <c r="F70562" s="1" t="s">
        <v>235722</v>
      </c>
      <c r="G70562" s="1" t="s">
        <v>235702</v>
      </c>
      <c r="H70562" s="1" t="s">
        <v>235703</v>
      </c>
      <c r="I70562" s="1" t="s">
        <v>222698</v>
      </c>
      <c r="J70562" s="1" t="s">
        <v>229733</v>
      </c>
    </row>
    <row r="70563" spans="1:10" x14ac:dyDescent="0.35">
      <c r="A70563" s="1" t="s">
        <v>112236</v>
      </c>
      <c r="B70563" s="1" t="s">
        <v>222693</v>
      </c>
      <c r="C70563" s="1" t="s">
        <v>45</v>
      </c>
      <c r="D70563" s="1" t="s">
        <v>21864</v>
      </c>
      <c r="E70563" s="1" t="s">
        <v>235723</v>
      </c>
      <c r="F70563" s="1" t="s">
        <v>235724</v>
      </c>
      <c r="G70563" s="1" t="s">
        <v>235702</v>
      </c>
      <c r="H70563" s="1" t="s">
        <v>235703</v>
      </c>
      <c r="I70563" s="1" t="s">
        <v>222698</v>
      </c>
      <c r="J70563" s="1" t="s">
        <v>235725</v>
      </c>
    </row>
    <row r="70564" spans="1:10" x14ac:dyDescent="0.35">
      <c r="A70564" s="1" t="s">
        <v>112236</v>
      </c>
      <c r="B70564" s="1" t="s">
        <v>222693</v>
      </c>
      <c r="C70564" s="1" t="s">
        <v>50</v>
      </c>
      <c r="D70564" s="1" t="s">
        <v>20432</v>
      </c>
      <c r="E70564" s="1" t="s">
        <v>235726</v>
      </c>
      <c r="F70564" s="1" t="s">
        <v>235727</v>
      </c>
      <c r="G70564" s="1" t="s">
        <v>235702</v>
      </c>
      <c r="H70564" s="1" t="s">
        <v>235703</v>
      </c>
      <c r="I70564" s="1" t="s">
        <v>222698</v>
      </c>
      <c r="J70564" s="1" t="s">
        <v>235728</v>
      </c>
    </row>
    <row r="70565" spans="1:10" x14ac:dyDescent="0.35">
      <c r="A70565" s="1" t="s">
        <v>112236</v>
      </c>
      <c r="B70565" s="1" t="s">
        <v>222693</v>
      </c>
      <c r="C70565" s="1" t="s">
        <v>55</v>
      </c>
      <c r="D70565" s="1" t="s">
        <v>58317</v>
      </c>
      <c r="E70565" s="1" t="s">
        <v>235729</v>
      </c>
      <c r="F70565" s="1" t="s">
        <v>235730</v>
      </c>
      <c r="G70565" s="1" t="s">
        <v>235702</v>
      </c>
      <c r="H70565" s="1" t="s">
        <v>235703</v>
      </c>
      <c r="I70565" s="1" t="s">
        <v>222698</v>
      </c>
      <c r="J70565" s="1" t="s">
        <v>206963</v>
      </c>
    </row>
    <row r="70566" spans="1:10" x14ac:dyDescent="0.35">
      <c r="A70566" s="1" t="s">
        <v>112236</v>
      </c>
      <c r="B70566" s="1" t="s">
        <v>222693</v>
      </c>
      <c r="C70566" s="1" t="s">
        <v>60</v>
      </c>
      <c r="D70566" s="1" t="s">
        <v>154944</v>
      </c>
      <c r="E70566" s="1" t="s">
        <v>235731</v>
      </c>
      <c r="F70566" s="1" t="s">
        <v>235732</v>
      </c>
      <c r="G70566" s="1" t="s">
        <v>235702</v>
      </c>
      <c r="H70566" s="1" t="s">
        <v>235703</v>
      </c>
      <c r="I70566" s="1" t="s">
        <v>222698</v>
      </c>
      <c r="J70566" s="1" t="s">
        <v>235733</v>
      </c>
    </row>
    <row r="70567" spans="1:10" x14ac:dyDescent="0.35">
      <c r="A70567" s="1" t="s">
        <v>112236</v>
      </c>
      <c r="B70567" s="1" t="s">
        <v>222693</v>
      </c>
      <c r="C70567" s="1" t="s">
        <v>65</v>
      </c>
      <c r="D70567" s="1" t="s">
        <v>235734</v>
      </c>
      <c r="E70567" s="1" t="s">
        <v>235735</v>
      </c>
      <c r="F70567" s="1" t="s">
        <v>235736</v>
      </c>
      <c r="G70567" s="1" t="s">
        <v>235702</v>
      </c>
      <c r="H70567" s="1" t="s">
        <v>235703</v>
      </c>
      <c r="I70567" s="1" t="s">
        <v>222698</v>
      </c>
      <c r="J70567" s="1" t="s">
        <v>235737</v>
      </c>
    </row>
    <row r="70568" spans="1:10" x14ac:dyDescent="0.35">
      <c r="A70568" s="1" t="s">
        <v>112236</v>
      </c>
      <c r="B70568" s="1" t="s">
        <v>222693</v>
      </c>
      <c r="C70568" s="1" t="s">
        <v>70</v>
      </c>
      <c r="D70568" s="1" t="s">
        <v>198404</v>
      </c>
      <c r="E70568" s="1" t="s">
        <v>235738</v>
      </c>
      <c r="F70568" s="1" t="s">
        <v>235739</v>
      </c>
      <c r="G70568" s="1" t="s">
        <v>235702</v>
      </c>
      <c r="H70568" s="1" t="s">
        <v>235703</v>
      </c>
      <c r="I70568" s="1" t="s">
        <v>222698</v>
      </c>
      <c r="J70568" s="1" t="s">
        <v>235740</v>
      </c>
    </row>
    <row r="70569" spans="1:10" x14ac:dyDescent="0.35">
      <c r="A70569" s="1" t="s">
        <v>112236</v>
      </c>
      <c r="B70569" s="1" t="s">
        <v>222693</v>
      </c>
      <c r="C70569" s="1" t="s">
        <v>75</v>
      </c>
      <c r="D70569" s="1" t="s">
        <v>116778</v>
      </c>
      <c r="E70569" s="1" t="s">
        <v>235741</v>
      </c>
      <c r="F70569" s="1" t="s">
        <v>235742</v>
      </c>
      <c r="G70569" s="1" t="s">
        <v>235702</v>
      </c>
      <c r="H70569" s="1" t="s">
        <v>235703</v>
      </c>
      <c r="I70569" s="1" t="s">
        <v>222698</v>
      </c>
      <c r="J70569" s="1" t="s">
        <v>235743</v>
      </c>
    </row>
    <row r="70570" spans="1:10" x14ac:dyDescent="0.35">
      <c r="A70570" s="1" t="s">
        <v>112236</v>
      </c>
      <c r="B70570" s="1" t="s">
        <v>222693</v>
      </c>
      <c r="C70570" s="1" t="s">
        <v>80</v>
      </c>
      <c r="D70570" s="1" t="s">
        <v>52392</v>
      </c>
      <c r="E70570" s="1" t="s">
        <v>235744</v>
      </c>
      <c r="F70570" s="1" t="s">
        <v>235745</v>
      </c>
      <c r="G70570" s="1" t="s">
        <v>235702</v>
      </c>
      <c r="H70570" s="1" t="s">
        <v>235703</v>
      </c>
      <c r="I70570" s="1" t="s">
        <v>222698</v>
      </c>
      <c r="J70570" s="1" t="s">
        <v>235746</v>
      </c>
    </row>
    <row r="70571" spans="1:10" x14ac:dyDescent="0.35">
      <c r="A70571" s="1" t="s">
        <v>112236</v>
      </c>
      <c r="B70571" s="1" t="s">
        <v>222693</v>
      </c>
      <c r="C70571" s="1" t="s">
        <v>85</v>
      </c>
      <c r="D70571" s="1" t="s">
        <v>235747</v>
      </c>
      <c r="E70571" s="1" t="s">
        <v>235748</v>
      </c>
      <c r="F70571" s="1" t="s">
        <v>235749</v>
      </c>
      <c r="G70571" s="1" t="s">
        <v>235702</v>
      </c>
      <c r="H70571" s="1" t="s">
        <v>235703</v>
      </c>
      <c r="I70571" s="1" t="s">
        <v>222698</v>
      </c>
      <c r="J70571" s="1" t="s">
        <v>235750</v>
      </c>
    </row>
    <row r="70572" spans="1:10" x14ac:dyDescent="0.35">
      <c r="A70572" s="1" t="s">
        <v>112236</v>
      </c>
      <c r="B70572" s="1" t="s">
        <v>222693</v>
      </c>
      <c r="C70572" s="1" t="s">
        <v>90</v>
      </c>
      <c r="D70572" s="1" t="s">
        <v>235751</v>
      </c>
      <c r="E70572" s="1" t="s">
        <v>235752</v>
      </c>
      <c r="F70572" s="1" t="s">
        <v>235753</v>
      </c>
      <c r="G70572" s="1" t="s">
        <v>235702</v>
      </c>
      <c r="H70572" s="1" t="s">
        <v>235703</v>
      </c>
      <c r="I70572" s="1" t="s">
        <v>222698</v>
      </c>
      <c r="J70572" s="1" t="s">
        <v>235754</v>
      </c>
    </row>
    <row r="70573" spans="1:10" x14ac:dyDescent="0.35">
      <c r="A70573" s="1" t="s">
        <v>112236</v>
      </c>
      <c r="B70573" s="1" t="s">
        <v>222693</v>
      </c>
      <c r="C70573" s="1" t="s">
        <v>95</v>
      </c>
      <c r="D70573" s="1" t="s">
        <v>67459</v>
      </c>
      <c r="E70573" s="1" t="s">
        <v>235755</v>
      </c>
      <c r="F70573" s="1" t="s">
        <v>235756</v>
      </c>
      <c r="G70573" s="1" t="s">
        <v>235702</v>
      </c>
      <c r="H70573" s="1" t="s">
        <v>235703</v>
      </c>
      <c r="I70573" s="1" t="s">
        <v>222698</v>
      </c>
      <c r="J70573" s="1" t="s">
        <v>235757</v>
      </c>
    </row>
    <row r="70574" spans="1:10" x14ac:dyDescent="0.35">
      <c r="A70574" s="1" t="s">
        <v>112236</v>
      </c>
      <c r="B70574" s="1" t="s">
        <v>222693</v>
      </c>
      <c r="C70574" s="1" t="s">
        <v>100</v>
      </c>
      <c r="D70574" s="1" t="s">
        <v>53540</v>
      </c>
      <c r="E70574" s="1" t="s">
        <v>235758</v>
      </c>
      <c r="F70574" s="1" t="s">
        <v>235759</v>
      </c>
      <c r="G70574" s="1" t="s">
        <v>235702</v>
      </c>
      <c r="H70574" s="1" t="s">
        <v>235703</v>
      </c>
      <c r="I70574" s="1" t="s">
        <v>222698</v>
      </c>
      <c r="J70574" s="1" t="s">
        <v>235760</v>
      </c>
    </row>
    <row r="70575" spans="1:10" x14ac:dyDescent="0.35">
      <c r="A70575" s="1" t="s">
        <v>112236</v>
      </c>
      <c r="B70575" s="1" t="s">
        <v>222693</v>
      </c>
      <c r="C70575" s="1" t="s">
        <v>105</v>
      </c>
      <c r="D70575" s="1" t="s">
        <v>60863</v>
      </c>
      <c r="E70575" s="1" t="s">
        <v>235761</v>
      </c>
      <c r="F70575" s="1" t="s">
        <v>235762</v>
      </c>
      <c r="G70575" s="1" t="s">
        <v>235702</v>
      </c>
      <c r="H70575" s="1" t="s">
        <v>235703</v>
      </c>
      <c r="I70575" s="1" t="s">
        <v>222698</v>
      </c>
      <c r="J70575" s="1" t="s">
        <v>235763</v>
      </c>
    </row>
    <row r="70576" spans="1:10" x14ac:dyDescent="0.35">
      <c r="A70576" s="1" t="s">
        <v>112236</v>
      </c>
      <c r="B70576" s="1" t="s">
        <v>222693</v>
      </c>
      <c r="C70576" s="1" t="s">
        <v>110</v>
      </c>
      <c r="D70576" s="1" t="s">
        <v>14681</v>
      </c>
      <c r="E70576" s="1" t="s">
        <v>235764</v>
      </c>
      <c r="F70576" s="1" t="s">
        <v>235765</v>
      </c>
      <c r="G70576" s="1" t="s">
        <v>235702</v>
      </c>
      <c r="H70576" s="1" t="s">
        <v>235703</v>
      </c>
      <c r="I70576" s="1" t="s">
        <v>222698</v>
      </c>
      <c r="J70576" s="1" t="s">
        <v>235766</v>
      </c>
    </row>
    <row r="70577" spans="1:10" x14ac:dyDescent="0.35">
      <c r="A70577" s="1" t="s">
        <v>112236</v>
      </c>
      <c r="B70577" s="1" t="s">
        <v>222693</v>
      </c>
      <c r="C70577" s="1" t="s">
        <v>115</v>
      </c>
      <c r="D70577" s="1" t="s">
        <v>235767</v>
      </c>
      <c r="E70577" s="1" t="s">
        <v>235768</v>
      </c>
      <c r="F70577" s="1" t="s">
        <v>235769</v>
      </c>
      <c r="G70577" s="1" t="s">
        <v>235702</v>
      </c>
      <c r="H70577" s="1" t="s">
        <v>235703</v>
      </c>
      <c r="I70577" s="1" t="s">
        <v>222698</v>
      </c>
      <c r="J70577" s="1" t="s">
        <v>235770</v>
      </c>
    </row>
    <row r="70578" spans="1:10" x14ac:dyDescent="0.35">
      <c r="A70578" s="1" t="s">
        <v>112236</v>
      </c>
      <c r="B70578" s="1" t="s">
        <v>222693</v>
      </c>
      <c r="C70578" s="1" t="s">
        <v>120</v>
      </c>
      <c r="D70578" s="1" t="s">
        <v>235747</v>
      </c>
      <c r="E70578" s="1" t="s">
        <v>235771</v>
      </c>
      <c r="F70578" s="1" t="s">
        <v>235772</v>
      </c>
      <c r="G70578" s="1" t="s">
        <v>235702</v>
      </c>
      <c r="H70578" s="1" t="s">
        <v>235703</v>
      </c>
      <c r="I70578" s="1" t="s">
        <v>222698</v>
      </c>
      <c r="J70578" s="1" t="s">
        <v>235773</v>
      </c>
    </row>
    <row r="70579" spans="1:10" x14ac:dyDescent="0.35">
      <c r="A70579" s="1" t="s">
        <v>112236</v>
      </c>
      <c r="B70579" s="1" t="s">
        <v>222693</v>
      </c>
      <c r="C70579" s="1" t="s">
        <v>125</v>
      </c>
      <c r="D70579" s="1" t="s">
        <v>235774</v>
      </c>
      <c r="E70579" s="1" t="s">
        <v>235775</v>
      </c>
      <c r="F70579" s="1" t="s">
        <v>235776</v>
      </c>
      <c r="G70579" s="1" t="s">
        <v>235702</v>
      </c>
      <c r="H70579" s="1" t="s">
        <v>235703</v>
      </c>
      <c r="I70579" s="1" t="s">
        <v>222698</v>
      </c>
      <c r="J70579" s="1" t="s">
        <v>235777</v>
      </c>
    </row>
    <row r="70580" spans="1:10" x14ac:dyDescent="0.35">
      <c r="A70580" s="1" t="s">
        <v>112236</v>
      </c>
      <c r="B70580" s="1" t="s">
        <v>222693</v>
      </c>
      <c r="C70580" s="1" t="s">
        <v>130</v>
      </c>
      <c r="D70580" s="1" t="s">
        <v>235751</v>
      </c>
      <c r="E70580" s="1" t="s">
        <v>235778</v>
      </c>
      <c r="F70580" s="1" t="s">
        <v>235779</v>
      </c>
      <c r="G70580" s="1" t="s">
        <v>235702</v>
      </c>
      <c r="H70580" s="1" t="s">
        <v>235703</v>
      </c>
      <c r="I70580" s="1" t="s">
        <v>222698</v>
      </c>
      <c r="J70580" s="1" t="s">
        <v>235780</v>
      </c>
    </row>
    <row r="70581" spans="1:10" x14ac:dyDescent="0.35">
      <c r="A70581" s="1" t="s">
        <v>112236</v>
      </c>
      <c r="B70581" s="1" t="s">
        <v>222693</v>
      </c>
      <c r="C70581" s="1" t="s">
        <v>135</v>
      </c>
      <c r="D70581" s="1" t="s">
        <v>235781</v>
      </c>
      <c r="E70581" s="1" t="s">
        <v>235782</v>
      </c>
      <c r="F70581" s="1" t="s">
        <v>235783</v>
      </c>
      <c r="G70581" s="1" t="s">
        <v>235702</v>
      </c>
      <c r="H70581" s="1" t="s">
        <v>235703</v>
      </c>
      <c r="I70581" s="1" t="s">
        <v>222698</v>
      </c>
      <c r="J70581" s="1" t="s">
        <v>235784</v>
      </c>
    </row>
    <row r="70582" spans="1:10" x14ac:dyDescent="0.35">
      <c r="A70582" s="1" t="s">
        <v>112236</v>
      </c>
      <c r="B70582" s="1" t="s">
        <v>222693</v>
      </c>
      <c r="C70582" s="1" t="s">
        <v>140</v>
      </c>
      <c r="D70582" s="1" t="s">
        <v>235785</v>
      </c>
      <c r="E70582" s="1" t="s">
        <v>235786</v>
      </c>
      <c r="F70582" s="1" t="s">
        <v>235787</v>
      </c>
      <c r="G70582" s="1" t="s">
        <v>235702</v>
      </c>
      <c r="H70582" s="1" t="s">
        <v>235703</v>
      </c>
      <c r="I70582" s="1" t="s">
        <v>222698</v>
      </c>
      <c r="J70582" s="1" t="s">
        <v>235788</v>
      </c>
    </row>
    <row r="70583" spans="1:10" x14ac:dyDescent="0.35">
      <c r="A70583" s="1" t="s">
        <v>112236</v>
      </c>
      <c r="B70583" s="1" t="s">
        <v>222693</v>
      </c>
      <c r="C70583" s="1" t="s">
        <v>145</v>
      </c>
      <c r="D70583" s="1" t="s">
        <v>41743</v>
      </c>
      <c r="E70583" s="1" t="s">
        <v>235789</v>
      </c>
      <c r="F70583" s="1" t="s">
        <v>235790</v>
      </c>
      <c r="G70583" s="1" t="s">
        <v>235702</v>
      </c>
      <c r="H70583" s="1" t="s">
        <v>235703</v>
      </c>
      <c r="I70583" s="1" t="s">
        <v>222698</v>
      </c>
      <c r="J70583" s="1" t="s">
        <v>235791</v>
      </c>
    </row>
    <row r="70584" spans="1:10" x14ac:dyDescent="0.35">
      <c r="A70584" s="1" t="s">
        <v>112236</v>
      </c>
      <c r="B70584" s="1" t="s">
        <v>222693</v>
      </c>
      <c r="C70584" s="1" t="s">
        <v>150</v>
      </c>
      <c r="D70584" s="1" t="s">
        <v>62015</v>
      </c>
      <c r="E70584" s="1" t="s">
        <v>235792</v>
      </c>
      <c r="F70584" s="1" t="s">
        <v>235793</v>
      </c>
      <c r="G70584" s="1" t="s">
        <v>235702</v>
      </c>
      <c r="H70584" s="1" t="s">
        <v>235703</v>
      </c>
      <c r="I70584" s="1" t="s">
        <v>222698</v>
      </c>
      <c r="J70584" s="1" t="s">
        <v>235794</v>
      </c>
    </row>
    <row r="70585" spans="1:10" x14ac:dyDescent="0.35">
      <c r="A70585" s="1" t="s">
        <v>112236</v>
      </c>
      <c r="B70585" s="1" t="s">
        <v>222693</v>
      </c>
      <c r="C70585" s="1" t="s">
        <v>155</v>
      </c>
      <c r="D70585" s="1" t="s">
        <v>89080</v>
      </c>
      <c r="E70585" s="1" t="s">
        <v>235795</v>
      </c>
      <c r="F70585" s="1" t="s">
        <v>235796</v>
      </c>
      <c r="G70585" s="1" t="s">
        <v>235702</v>
      </c>
      <c r="H70585" s="1" t="s">
        <v>235703</v>
      </c>
      <c r="I70585" s="1" t="s">
        <v>222698</v>
      </c>
      <c r="J70585" s="1" t="s">
        <v>235797</v>
      </c>
    </row>
    <row r="70586" spans="1:10" x14ac:dyDescent="0.35">
      <c r="A70586" s="1" t="s">
        <v>112236</v>
      </c>
      <c r="B70586" s="1" t="s">
        <v>222693</v>
      </c>
      <c r="C70586" s="1" t="s">
        <v>160</v>
      </c>
      <c r="D70586" s="1" t="s">
        <v>235798</v>
      </c>
      <c r="E70586" s="1" t="s">
        <v>235799</v>
      </c>
      <c r="F70586" s="1" t="s">
        <v>235800</v>
      </c>
      <c r="G70586" s="1" t="s">
        <v>235702</v>
      </c>
      <c r="H70586" s="1" t="s">
        <v>235703</v>
      </c>
      <c r="I70586" s="1" t="s">
        <v>222698</v>
      </c>
      <c r="J70586" s="1" t="s">
        <v>235801</v>
      </c>
    </row>
    <row r="70587" spans="1:10" x14ac:dyDescent="0.35">
      <c r="A70587" s="1" t="s">
        <v>112236</v>
      </c>
      <c r="B70587" s="1" t="s">
        <v>222693</v>
      </c>
      <c r="C70587" s="1" t="s">
        <v>165</v>
      </c>
      <c r="D70587" s="1" t="s">
        <v>18619</v>
      </c>
      <c r="E70587" s="1" t="s">
        <v>235802</v>
      </c>
      <c r="F70587" s="1" t="s">
        <v>235803</v>
      </c>
      <c r="G70587" s="1" t="s">
        <v>235702</v>
      </c>
      <c r="H70587" s="1" t="s">
        <v>235703</v>
      </c>
      <c r="I70587" s="1" t="s">
        <v>222698</v>
      </c>
      <c r="J70587" s="1" t="s">
        <v>235804</v>
      </c>
    </row>
    <row r="70588" spans="1:10" x14ac:dyDescent="0.35">
      <c r="A70588" s="1" t="s">
        <v>112236</v>
      </c>
      <c r="B70588" s="1" t="s">
        <v>222693</v>
      </c>
      <c r="C70588" s="1" t="s">
        <v>170</v>
      </c>
      <c r="D70588" s="1" t="s">
        <v>235805</v>
      </c>
      <c r="E70588" s="1" t="s">
        <v>235806</v>
      </c>
      <c r="F70588" s="1" t="s">
        <v>235807</v>
      </c>
      <c r="G70588" s="1" t="s">
        <v>235702</v>
      </c>
      <c r="H70588" s="1" t="s">
        <v>235703</v>
      </c>
      <c r="I70588" s="1" t="s">
        <v>222698</v>
      </c>
      <c r="J70588" s="1" t="s">
        <v>235808</v>
      </c>
    </row>
    <row r="70589" spans="1:10" x14ac:dyDescent="0.35">
      <c r="A70589" s="1" t="s">
        <v>111920</v>
      </c>
      <c r="B70589" s="1" t="s">
        <v>222693</v>
      </c>
      <c r="C70589" s="1" t="s">
        <v>8</v>
      </c>
      <c r="D70589" s="1" t="s">
        <v>68780</v>
      </c>
      <c r="E70589" s="1" t="s">
        <v>235809</v>
      </c>
      <c r="F70589" s="1" t="s">
        <v>235810</v>
      </c>
      <c r="G70589" s="1" t="s">
        <v>235811</v>
      </c>
      <c r="H70589" s="1" t="s">
        <v>235812</v>
      </c>
      <c r="I70589" s="1" t="s">
        <v>222698</v>
      </c>
      <c r="J70589" s="1" t="s">
        <v>13</v>
      </c>
    </row>
    <row r="70590" spans="1:10" x14ac:dyDescent="0.35">
      <c r="A70590" s="1" t="s">
        <v>111920</v>
      </c>
      <c r="B70590" s="1" t="s">
        <v>222693</v>
      </c>
      <c r="C70590" s="1" t="s">
        <v>15</v>
      </c>
      <c r="D70590" s="1" t="s">
        <v>129671</v>
      </c>
      <c r="E70590" s="1" t="s">
        <v>235813</v>
      </c>
      <c r="F70590" s="1" t="s">
        <v>235814</v>
      </c>
      <c r="G70590" s="1" t="s">
        <v>235811</v>
      </c>
      <c r="H70590" s="1" t="s">
        <v>235812</v>
      </c>
      <c r="I70590" s="1" t="s">
        <v>222698</v>
      </c>
      <c r="J70590" s="1" t="s">
        <v>231011</v>
      </c>
    </row>
    <row r="70591" spans="1:10" x14ac:dyDescent="0.35">
      <c r="A70591" s="1" t="s">
        <v>111920</v>
      </c>
      <c r="B70591" s="1" t="s">
        <v>222693</v>
      </c>
      <c r="C70591" s="1" t="s">
        <v>20</v>
      </c>
      <c r="D70591" s="1" t="s">
        <v>63676</v>
      </c>
      <c r="E70591" s="1" t="s">
        <v>235815</v>
      </c>
      <c r="F70591" s="1" t="s">
        <v>235816</v>
      </c>
      <c r="G70591" s="1" t="s">
        <v>235811</v>
      </c>
      <c r="H70591" s="1" t="s">
        <v>235812</v>
      </c>
      <c r="I70591" s="1" t="s">
        <v>222698</v>
      </c>
      <c r="J70591" s="1" t="s">
        <v>235817</v>
      </c>
    </row>
    <row r="70592" spans="1:10" x14ac:dyDescent="0.35">
      <c r="A70592" s="1" t="s">
        <v>111920</v>
      </c>
      <c r="B70592" s="1" t="s">
        <v>222693</v>
      </c>
      <c r="C70592" s="1" t="s">
        <v>25</v>
      </c>
      <c r="D70592" s="1" t="s">
        <v>95695</v>
      </c>
      <c r="E70592" s="1" t="s">
        <v>235818</v>
      </c>
      <c r="F70592" s="1" t="s">
        <v>235819</v>
      </c>
      <c r="G70592" s="1" t="s">
        <v>235811</v>
      </c>
      <c r="H70592" s="1" t="s">
        <v>235812</v>
      </c>
      <c r="I70592" s="1" t="s">
        <v>222698</v>
      </c>
      <c r="J70592" s="1" t="s">
        <v>235820</v>
      </c>
    </row>
    <row r="70593" spans="1:10" x14ac:dyDescent="0.35">
      <c r="A70593" s="1" t="s">
        <v>111920</v>
      </c>
      <c r="B70593" s="1" t="s">
        <v>222693</v>
      </c>
      <c r="C70593" s="1" t="s">
        <v>30</v>
      </c>
      <c r="D70593" s="1" t="s">
        <v>93396</v>
      </c>
      <c r="E70593" s="1" t="s">
        <v>235821</v>
      </c>
      <c r="F70593" s="1" t="s">
        <v>235822</v>
      </c>
      <c r="G70593" s="1" t="s">
        <v>235811</v>
      </c>
      <c r="H70593" s="1" t="s">
        <v>235812</v>
      </c>
      <c r="I70593" s="1" t="s">
        <v>222698</v>
      </c>
      <c r="J70593" s="1" t="s">
        <v>235823</v>
      </c>
    </row>
    <row r="70594" spans="1:10" x14ac:dyDescent="0.35">
      <c r="A70594" s="1" t="s">
        <v>111920</v>
      </c>
      <c r="B70594" s="1" t="s">
        <v>222693</v>
      </c>
      <c r="C70594" s="1" t="s">
        <v>35</v>
      </c>
      <c r="D70594" s="1" t="s">
        <v>235824</v>
      </c>
      <c r="E70594" s="1" t="s">
        <v>235825</v>
      </c>
      <c r="F70594" s="1" t="s">
        <v>235826</v>
      </c>
      <c r="G70594" s="1" t="s">
        <v>235811</v>
      </c>
      <c r="H70594" s="1" t="s">
        <v>235812</v>
      </c>
      <c r="I70594" s="1" t="s">
        <v>222698</v>
      </c>
      <c r="J70594" s="1" t="s">
        <v>235827</v>
      </c>
    </row>
    <row r="70595" spans="1:10" x14ac:dyDescent="0.35">
      <c r="A70595" s="1" t="s">
        <v>111920</v>
      </c>
      <c r="B70595" s="1" t="s">
        <v>222693</v>
      </c>
      <c r="C70595" s="1" t="s">
        <v>40</v>
      </c>
      <c r="D70595" s="1" t="s">
        <v>122696</v>
      </c>
      <c r="E70595" s="1" t="s">
        <v>235828</v>
      </c>
      <c r="F70595" s="1" t="s">
        <v>235829</v>
      </c>
      <c r="G70595" s="1" t="s">
        <v>235811</v>
      </c>
      <c r="H70595" s="1" t="s">
        <v>235812</v>
      </c>
      <c r="I70595" s="1" t="s">
        <v>222698</v>
      </c>
      <c r="J70595" s="1" t="s">
        <v>235830</v>
      </c>
    </row>
    <row r="70596" spans="1:10" x14ac:dyDescent="0.35">
      <c r="A70596" s="1" t="s">
        <v>111920</v>
      </c>
      <c r="B70596" s="1" t="s">
        <v>222693</v>
      </c>
      <c r="C70596" s="1" t="s">
        <v>45</v>
      </c>
      <c r="D70596" s="1" t="s">
        <v>122374</v>
      </c>
      <c r="E70596" s="1" t="s">
        <v>235831</v>
      </c>
      <c r="F70596" s="1" t="s">
        <v>235832</v>
      </c>
      <c r="G70596" s="1" t="s">
        <v>235811</v>
      </c>
      <c r="H70596" s="1" t="s">
        <v>235812</v>
      </c>
      <c r="I70596" s="1" t="s">
        <v>222698</v>
      </c>
      <c r="J70596" s="1" t="s">
        <v>235833</v>
      </c>
    </row>
    <row r="70597" spans="1:10" x14ac:dyDescent="0.35">
      <c r="A70597" s="1" t="s">
        <v>111920</v>
      </c>
      <c r="B70597" s="1" t="s">
        <v>222693</v>
      </c>
      <c r="C70597" s="1" t="s">
        <v>50</v>
      </c>
      <c r="D70597" s="1" t="s">
        <v>66569</v>
      </c>
      <c r="E70597" s="1" t="s">
        <v>235834</v>
      </c>
      <c r="F70597" s="1" t="s">
        <v>235835</v>
      </c>
      <c r="G70597" s="1" t="s">
        <v>235811</v>
      </c>
      <c r="H70597" s="1" t="s">
        <v>235812</v>
      </c>
      <c r="I70597" s="1" t="s">
        <v>222698</v>
      </c>
      <c r="J70597" s="1" t="s">
        <v>235836</v>
      </c>
    </row>
    <row r="70598" spans="1:10" x14ac:dyDescent="0.35">
      <c r="A70598" s="1" t="s">
        <v>111920</v>
      </c>
      <c r="B70598" s="1" t="s">
        <v>222693</v>
      </c>
      <c r="C70598" s="1" t="s">
        <v>55</v>
      </c>
      <c r="D70598" s="1" t="s">
        <v>235837</v>
      </c>
      <c r="E70598" s="1" t="s">
        <v>235838</v>
      </c>
      <c r="F70598" s="1" t="s">
        <v>235839</v>
      </c>
      <c r="G70598" s="1" t="s">
        <v>235811</v>
      </c>
      <c r="H70598" s="1" t="s">
        <v>235812</v>
      </c>
      <c r="I70598" s="1" t="s">
        <v>222698</v>
      </c>
      <c r="J70598" s="1" t="s">
        <v>235840</v>
      </c>
    </row>
    <row r="70599" spans="1:10" x14ac:dyDescent="0.35">
      <c r="A70599" s="1" t="s">
        <v>111920</v>
      </c>
      <c r="B70599" s="1" t="s">
        <v>222693</v>
      </c>
      <c r="C70599" s="1" t="s">
        <v>60</v>
      </c>
      <c r="D70599" s="1" t="s">
        <v>128821</v>
      </c>
      <c r="E70599" s="1" t="s">
        <v>235841</v>
      </c>
      <c r="F70599" s="1" t="s">
        <v>235842</v>
      </c>
      <c r="G70599" s="1" t="s">
        <v>235811</v>
      </c>
      <c r="H70599" s="1" t="s">
        <v>235812</v>
      </c>
      <c r="I70599" s="1" t="s">
        <v>222698</v>
      </c>
      <c r="J70599" s="1" t="s">
        <v>235843</v>
      </c>
    </row>
    <row r="70600" spans="1:10" x14ac:dyDescent="0.35">
      <c r="A70600" s="1" t="s">
        <v>111920</v>
      </c>
      <c r="B70600" s="1" t="s">
        <v>222693</v>
      </c>
      <c r="C70600" s="1" t="s">
        <v>65</v>
      </c>
      <c r="D70600" s="1" t="s">
        <v>235844</v>
      </c>
      <c r="E70600" s="1" t="s">
        <v>235845</v>
      </c>
      <c r="F70600" s="1" t="s">
        <v>235846</v>
      </c>
      <c r="G70600" s="1" t="s">
        <v>235811</v>
      </c>
      <c r="H70600" s="1" t="s">
        <v>235812</v>
      </c>
      <c r="I70600" s="1" t="s">
        <v>222698</v>
      </c>
      <c r="J70600" s="1" t="s">
        <v>235847</v>
      </c>
    </row>
    <row r="70601" spans="1:10" x14ac:dyDescent="0.35">
      <c r="A70601" s="1" t="s">
        <v>111920</v>
      </c>
      <c r="B70601" s="1" t="s">
        <v>222693</v>
      </c>
      <c r="C70601" s="1" t="s">
        <v>70</v>
      </c>
      <c r="D70601" s="1" t="s">
        <v>235774</v>
      </c>
      <c r="E70601" s="1" t="s">
        <v>235848</v>
      </c>
      <c r="F70601" s="1" t="s">
        <v>235849</v>
      </c>
      <c r="G70601" s="1" t="s">
        <v>235811</v>
      </c>
      <c r="H70601" s="1" t="s">
        <v>235812</v>
      </c>
      <c r="I70601" s="1" t="s">
        <v>222698</v>
      </c>
      <c r="J70601" s="1" t="s">
        <v>235850</v>
      </c>
    </row>
    <row r="70602" spans="1:10" x14ac:dyDescent="0.35">
      <c r="A70602" s="1" t="s">
        <v>111920</v>
      </c>
      <c r="B70602" s="1" t="s">
        <v>222693</v>
      </c>
      <c r="C70602" s="1" t="s">
        <v>75</v>
      </c>
      <c r="D70602" s="1" t="s">
        <v>67285</v>
      </c>
      <c r="E70602" s="1" t="s">
        <v>235851</v>
      </c>
      <c r="F70602" s="1" t="s">
        <v>235852</v>
      </c>
      <c r="G70602" s="1" t="s">
        <v>235811</v>
      </c>
      <c r="H70602" s="1" t="s">
        <v>235812</v>
      </c>
      <c r="I70602" s="1" t="s">
        <v>222698</v>
      </c>
      <c r="J70602" s="1" t="s">
        <v>235853</v>
      </c>
    </row>
    <row r="70603" spans="1:10" x14ac:dyDescent="0.35">
      <c r="A70603" s="1" t="s">
        <v>111920</v>
      </c>
      <c r="B70603" s="1" t="s">
        <v>222693</v>
      </c>
      <c r="C70603" s="1" t="s">
        <v>80</v>
      </c>
      <c r="D70603" s="1" t="s">
        <v>235854</v>
      </c>
      <c r="E70603" s="1" t="s">
        <v>235855</v>
      </c>
      <c r="F70603" s="1" t="s">
        <v>235856</v>
      </c>
      <c r="G70603" s="1" t="s">
        <v>235811</v>
      </c>
      <c r="H70603" s="1" t="s">
        <v>235812</v>
      </c>
      <c r="I70603" s="1" t="s">
        <v>222698</v>
      </c>
      <c r="J70603" s="1" t="s">
        <v>235857</v>
      </c>
    </row>
    <row r="70604" spans="1:10" x14ac:dyDescent="0.35">
      <c r="A70604" s="1" t="s">
        <v>111920</v>
      </c>
      <c r="B70604" s="1" t="s">
        <v>222693</v>
      </c>
      <c r="C70604" s="1" t="s">
        <v>85</v>
      </c>
      <c r="D70604" s="1" t="s">
        <v>165102</v>
      </c>
      <c r="E70604" s="1" t="s">
        <v>235858</v>
      </c>
      <c r="F70604" s="1" t="s">
        <v>235859</v>
      </c>
      <c r="G70604" s="1" t="s">
        <v>235811</v>
      </c>
      <c r="H70604" s="1" t="s">
        <v>235812</v>
      </c>
      <c r="I70604" s="1" t="s">
        <v>222698</v>
      </c>
      <c r="J70604" s="1" t="s">
        <v>235860</v>
      </c>
    </row>
    <row r="70605" spans="1:10" x14ac:dyDescent="0.35">
      <c r="A70605" s="1" t="s">
        <v>111920</v>
      </c>
      <c r="B70605" s="1" t="s">
        <v>222693</v>
      </c>
      <c r="C70605" s="1" t="s">
        <v>90</v>
      </c>
      <c r="D70605" s="1" t="s">
        <v>235861</v>
      </c>
      <c r="E70605" s="1" t="s">
        <v>235862</v>
      </c>
      <c r="F70605" s="1" t="s">
        <v>235863</v>
      </c>
      <c r="G70605" s="1" t="s">
        <v>235811</v>
      </c>
      <c r="H70605" s="1" t="s">
        <v>235812</v>
      </c>
      <c r="I70605" s="1" t="s">
        <v>222698</v>
      </c>
      <c r="J70605" s="1" t="s">
        <v>235864</v>
      </c>
    </row>
    <row r="70606" spans="1:10" x14ac:dyDescent="0.35">
      <c r="A70606" s="1" t="s">
        <v>111920</v>
      </c>
      <c r="B70606" s="1" t="s">
        <v>222693</v>
      </c>
      <c r="C70606" s="1" t="s">
        <v>95</v>
      </c>
      <c r="D70606" s="1" t="s">
        <v>40723</v>
      </c>
      <c r="E70606" s="1" t="s">
        <v>235865</v>
      </c>
      <c r="F70606" s="1" t="s">
        <v>235866</v>
      </c>
      <c r="G70606" s="1" t="s">
        <v>235811</v>
      </c>
      <c r="H70606" s="1" t="s">
        <v>235812</v>
      </c>
      <c r="I70606" s="1" t="s">
        <v>222698</v>
      </c>
      <c r="J70606" s="1" t="s">
        <v>235867</v>
      </c>
    </row>
    <row r="70607" spans="1:10" x14ac:dyDescent="0.35">
      <c r="A70607" s="1" t="s">
        <v>111920</v>
      </c>
      <c r="B70607" s="1" t="s">
        <v>222693</v>
      </c>
      <c r="C70607" s="1" t="s">
        <v>100</v>
      </c>
      <c r="D70607" s="1" t="s">
        <v>235868</v>
      </c>
      <c r="E70607" s="1" t="s">
        <v>235869</v>
      </c>
      <c r="F70607" s="1" t="s">
        <v>235870</v>
      </c>
      <c r="G70607" s="1" t="s">
        <v>235811</v>
      </c>
      <c r="H70607" s="1" t="s">
        <v>235812</v>
      </c>
      <c r="I70607" s="1" t="s">
        <v>222698</v>
      </c>
      <c r="J70607" s="1" t="s">
        <v>235871</v>
      </c>
    </row>
    <row r="70608" spans="1:10" x14ac:dyDescent="0.35">
      <c r="A70608" s="1" t="s">
        <v>111920</v>
      </c>
      <c r="B70608" s="1" t="s">
        <v>222693</v>
      </c>
      <c r="C70608" s="1" t="s">
        <v>105</v>
      </c>
      <c r="D70608" s="1" t="s">
        <v>235872</v>
      </c>
      <c r="E70608" s="1" t="s">
        <v>235873</v>
      </c>
      <c r="F70608" s="1" t="s">
        <v>235874</v>
      </c>
      <c r="G70608" s="1" t="s">
        <v>235811</v>
      </c>
      <c r="H70608" s="1" t="s">
        <v>235812</v>
      </c>
      <c r="I70608" s="1" t="s">
        <v>222698</v>
      </c>
      <c r="J70608" s="1" t="s">
        <v>235875</v>
      </c>
    </row>
    <row r="70609" spans="1:10" x14ac:dyDescent="0.35">
      <c r="A70609" s="1" t="s">
        <v>111920</v>
      </c>
      <c r="B70609" s="1" t="s">
        <v>222693</v>
      </c>
      <c r="C70609" s="1" t="s">
        <v>110</v>
      </c>
      <c r="D70609" s="1" t="s">
        <v>235876</v>
      </c>
      <c r="E70609" s="1" t="s">
        <v>235877</v>
      </c>
      <c r="F70609" s="1" t="s">
        <v>235878</v>
      </c>
      <c r="G70609" s="1" t="s">
        <v>235811</v>
      </c>
      <c r="H70609" s="1" t="s">
        <v>235812</v>
      </c>
      <c r="I70609" s="1" t="s">
        <v>222698</v>
      </c>
      <c r="J70609" s="1" t="s">
        <v>235879</v>
      </c>
    </row>
    <row r="70610" spans="1:10" x14ac:dyDescent="0.35">
      <c r="A70610" s="1" t="s">
        <v>111920</v>
      </c>
      <c r="B70610" s="1" t="s">
        <v>222693</v>
      </c>
      <c r="C70610" s="1" t="s">
        <v>115</v>
      </c>
      <c r="D70610" s="1" t="s">
        <v>188405</v>
      </c>
      <c r="E70610" s="1" t="s">
        <v>235880</v>
      </c>
      <c r="F70610" s="1" t="s">
        <v>235881</v>
      </c>
      <c r="G70610" s="1" t="s">
        <v>235811</v>
      </c>
      <c r="H70610" s="1" t="s">
        <v>235812</v>
      </c>
      <c r="I70610" s="1" t="s">
        <v>222698</v>
      </c>
      <c r="J70610" s="1" t="s">
        <v>235882</v>
      </c>
    </row>
    <row r="70611" spans="1:10" x14ac:dyDescent="0.35">
      <c r="A70611" s="1" t="s">
        <v>111920</v>
      </c>
      <c r="B70611" s="1" t="s">
        <v>222693</v>
      </c>
      <c r="C70611" s="1" t="s">
        <v>120</v>
      </c>
      <c r="D70611" s="1" t="s">
        <v>235883</v>
      </c>
      <c r="E70611" s="1" t="s">
        <v>235884</v>
      </c>
      <c r="F70611" s="1" t="s">
        <v>235885</v>
      </c>
      <c r="G70611" s="1" t="s">
        <v>235811</v>
      </c>
      <c r="H70611" s="1" t="s">
        <v>235812</v>
      </c>
      <c r="I70611" s="1" t="s">
        <v>222698</v>
      </c>
      <c r="J70611" s="1" t="s">
        <v>235886</v>
      </c>
    </row>
    <row r="70612" spans="1:10" x14ac:dyDescent="0.35">
      <c r="A70612" s="1" t="s">
        <v>111920</v>
      </c>
      <c r="B70612" s="1" t="s">
        <v>222693</v>
      </c>
      <c r="C70612" s="1" t="s">
        <v>125</v>
      </c>
      <c r="D70612" s="1" t="s">
        <v>235887</v>
      </c>
      <c r="E70612" s="1" t="s">
        <v>235888</v>
      </c>
      <c r="F70612" s="1" t="s">
        <v>235889</v>
      </c>
      <c r="G70612" s="1" t="s">
        <v>235811</v>
      </c>
      <c r="H70612" s="1" t="s">
        <v>235812</v>
      </c>
      <c r="I70612" s="1" t="s">
        <v>222698</v>
      </c>
      <c r="J70612" s="1" t="s">
        <v>235890</v>
      </c>
    </row>
    <row r="70613" spans="1:10" x14ac:dyDescent="0.35">
      <c r="A70613" s="1" t="s">
        <v>111920</v>
      </c>
      <c r="B70613" s="1" t="s">
        <v>222693</v>
      </c>
      <c r="C70613" s="1" t="s">
        <v>130</v>
      </c>
      <c r="D70613" s="1" t="s">
        <v>20728</v>
      </c>
      <c r="E70613" s="1" t="s">
        <v>235891</v>
      </c>
      <c r="F70613" s="1" t="s">
        <v>235892</v>
      </c>
      <c r="G70613" s="1" t="s">
        <v>235811</v>
      </c>
      <c r="H70613" s="1" t="s">
        <v>235812</v>
      </c>
      <c r="I70613" s="1" t="s">
        <v>222698</v>
      </c>
      <c r="J70613" s="1" t="s">
        <v>235893</v>
      </c>
    </row>
    <row r="70614" spans="1:10" x14ac:dyDescent="0.35">
      <c r="A70614" s="1" t="s">
        <v>111920</v>
      </c>
      <c r="B70614" s="1" t="s">
        <v>222693</v>
      </c>
      <c r="C70614" s="1" t="s">
        <v>135</v>
      </c>
      <c r="D70614" s="1" t="s">
        <v>235894</v>
      </c>
      <c r="E70614" s="1" t="s">
        <v>235895</v>
      </c>
      <c r="F70614" s="1" t="s">
        <v>235896</v>
      </c>
      <c r="G70614" s="1" t="s">
        <v>235811</v>
      </c>
      <c r="H70614" s="1" t="s">
        <v>235812</v>
      </c>
      <c r="I70614" s="1" t="s">
        <v>222698</v>
      </c>
      <c r="J70614" s="1" t="s">
        <v>235897</v>
      </c>
    </row>
    <row r="70615" spans="1:10" x14ac:dyDescent="0.35">
      <c r="A70615" s="1" t="s">
        <v>111920</v>
      </c>
      <c r="B70615" s="1" t="s">
        <v>222693</v>
      </c>
      <c r="C70615" s="1" t="s">
        <v>140</v>
      </c>
      <c r="D70615" s="1" t="s">
        <v>85189</v>
      </c>
      <c r="E70615" s="1" t="s">
        <v>235898</v>
      </c>
      <c r="F70615" s="1" t="s">
        <v>235899</v>
      </c>
      <c r="G70615" s="1" t="s">
        <v>235811</v>
      </c>
      <c r="H70615" s="1" t="s">
        <v>235812</v>
      </c>
      <c r="I70615" s="1" t="s">
        <v>222698</v>
      </c>
      <c r="J70615" s="1" t="s">
        <v>235900</v>
      </c>
    </row>
    <row r="70616" spans="1:10" x14ac:dyDescent="0.35">
      <c r="A70616" s="1" t="s">
        <v>111920</v>
      </c>
      <c r="B70616" s="1" t="s">
        <v>222693</v>
      </c>
      <c r="C70616" s="1" t="s">
        <v>145</v>
      </c>
      <c r="D70616" s="1" t="s">
        <v>23827</v>
      </c>
      <c r="E70616" s="1" t="s">
        <v>235901</v>
      </c>
      <c r="F70616" s="1" t="s">
        <v>235902</v>
      </c>
      <c r="G70616" s="1" t="s">
        <v>235811</v>
      </c>
      <c r="H70616" s="1" t="s">
        <v>235812</v>
      </c>
      <c r="I70616" s="1" t="s">
        <v>222698</v>
      </c>
      <c r="J70616" s="1" t="s">
        <v>235903</v>
      </c>
    </row>
    <row r="70617" spans="1:10" x14ac:dyDescent="0.35">
      <c r="A70617" s="1" t="s">
        <v>111920</v>
      </c>
      <c r="B70617" s="1" t="s">
        <v>222693</v>
      </c>
      <c r="C70617" s="1" t="s">
        <v>150</v>
      </c>
      <c r="D70617" s="1" t="s">
        <v>235904</v>
      </c>
      <c r="E70617" s="1" t="s">
        <v>235905</v>
      </c>
      <c r="F70617" s="1" t="s">
        <v>235906</v>
      </c>
      <c r="G70617" s="1" t="s">
        <v>235811</v>
      </c>
      <c r="H70617" s="1" t="s">
        <v>235812</v>
      </c>
      <c r="I70617" s="1" t="s">
        <v>222698</v>
      </c>
      <c r="J70617" s="1" t="s">
        <v>235907</v>
      </c>
    </row>
    <row r="70618" spans="1:10" x14ac:dyDescent="0.35">
      <c r="A70618" s="1" t="s">
        <v>111920</v>
      </c>
      <c r="B70618" s="1" t="s">
        <v>222693</v>
      </c>
      <c r="C70618" s="1" t="s">
        <v>155</v>
      </c>
      <c r="D70618" s="1" t="s">
        <v>235908</v>
      </c>
      <c r="E70618" s="1" t="s">
        <v>235909</v>
      </c>
      <c r="F70618" s="1" t="s">
        <v>235910</v>
      </c>
      <c r="G70618" s="1" t="s">
        <v>235811</v>
      </c>
      <c r="H70618" s="1" t="s">
        <v>235812</v>
      </c>
      <c r="I70618" s="1" t="s">
        <v>222698</v>
      </c>
      <c r="J70618" s="1" t="s">
        <v>235911</v>
      </c>
    </row>
    <row r="70619" spans="1:10" x14ac:dyDescent="0.35">
      <c r="A70619" s="1" t="s">
        <v>111920</v>
      </c>
      <c r="B70619" s="1" t="s">
        <v>222693</v>
      </c>
      <c r="C70619" s="1" t="s">
        <v>160</v>
      </c>
      <c r="D70619" s="1" t="s">
        <v>43578</v>
      </c>
      <c r="E70619" s="1" t="s">
        <v>235912</v>
      </c>
      <c r="F70619" s="1" t="s">
        <v>235913</v>
      </c>
      <c r="G70619" s="1" t="s">
        <v>235811</v>
      </c>
      <c r="H70619" s="1" t="s">
        <v>235812</v>
      </c>
      <c r="I70619" s="1" t="s">
        <v>222698</v>
      </c>
      <c r="J70619" s="1" t="s">
        <v>235914</v>
      </c>
    </row>
    <row r="70620" spans="1:10" x14ac:dyDescent="0.35">
      <c r="A70620" s="1" t="s">
        <v>111920</v>
      </c>
      <c r="B70620" s="1" t="s">
        <v>222693</v>
      </c>
      <c r="C70620" s="1" t="s">
        <v>165</v>
      </c>
      <c r="D70620" s="1" t="s">
        <v>65961</v>
      </c>
      <c r="E70620" s="1" t="s">
        <v>235915</v>
      </c>
      <c r="F70620" s="1" t="s">
        <v>235916</v>
      </c>
      <c r="G70620" s="1" t="s">
        <v>235811</v>
      </c>
      <c r="H70620" s="1" t="s">
        <v>235812</v>
      </c>
      <c r="I70620" s="1" t="s">
        <v>222698</v>
      </c>
      <c r="J70620" s="1" t="s">
        <v>235917</v>
      </c>
    </row>
    <row r="70621" spans="1:10" x14ac:dyDescent="0.35">
      <c r="A70621" s="1" t="s">
        <v>111920</v>
      </c>
      <c r="B70621" s="1" t="s">
        <v>222693</v>
      </c>
      <c r="C70621" s="1" t="s">
        <v>170</v>
      </c>
      <c r="D70621" s="1" t="s">
        <v>55051</v>
      </c>
      <c r="E70621" s="1" t="s">
        <v>235918</v>
      </c>
      <c r="F70621" s="1" t="s">
        <v>235919</v>
      </c>
      <c r="G70621" s="1" t="s">
        <v>235811</v>
      </c>
      <c r="H70621" s="1" t="s">
        <v>235812</v>
      </c>
      <c r="I70621" s="1" t="s">
        <v>222698</v>
      </c>
      <c r="J70621" s="1" t="s">
        <v>235920</v>
      </c>
    </row>
    <row r="70622" spans="1:10" x14ac:dyDescent="0.35">
      <c r="A70622" s="1" t="s">
        <v>2043</v>
      </c>
      <c r="B70622" s="1" t="s">
        <v>222693</v>
      </c>
      <c r="C70622" s="1" t="s">
        <v>8</v>
      </c>
      <c r="D70622" s="1" t="s">
        <v>235921</v>
      </c>
      <c r="E70622" s="1" t="s">
        <v>235922</v>
      </c>
      <c r="F70622" s="1" t="s">
        <v>235923</v>
      </c>
      <c r="G70622" s="1" t="s">
        <v>235924</v>
      </c>
      <c r="H70622" s="1" t="s">
        <v>235925</v>
      </c>
      <c r="I70622" s="1" t="s">
        <v>222698</v>
      </c>
      <c r="J70622" s="1" t="s">
        <v>13</v>
      </c>
    </row>
    <row r="70623" spans="1:10" x14ac:dyDescent="0.35">
      <c r="A70623" s="1" t="s">
        <v>2043</v>
      </c>
      <c r="B70623" s="1" t="s">
        <v>222693</v>
      </c>
      <c r="C70623" s="1" t="s">
        <v>15</v>
      </c>
      <c r="D70623" s="1" t="s">
        <v>235926</v>
      </c>
      <c r="E70623" s="1" t="s">
        <v>235927</v>
      </c>
      <c r="F70623" s="1" t="s">
        <v>235928</v>
      </c>
      <c r="G70623" s="1" t="s">
        <v>235924</v>
      </c>
      <c r="H70623" s="1" t="s">
        <v>235925</v>
      </c>
      <c r="I70623" s="1" t="s">
        <v>222698</v>
      </c>
      <c r="J70623" s="1" t="s">
        <v>235929</v>
      </c>
    </row>
    <row r="70624" spans="1:10" x14ac:dyDescent="0.35">
      <c r="A70624" s="1" t="s">
        <v>2043</v>
      </c>
      <c r="B70624" s="1" t="s">
        <v>222693</v>
      </c>
      <c r="C70624" s="1" t="s">
        <v>20</v>
      </c>
      <c r="D70624" s="1" t="s">
        <v>62301</v>
      </c>
      <c r="E70624" s="1" t="s">
        <v>235930</v>
      </c>
      <c r="F70624" s="1" t="s">
        <v>235931</v>
      </c>
      <c r="G70624" s="1" t="s">
        <v>235924</v>
      </c>
      <c r="H70624" s="1" t="s">
        <v>235925</v>
      </c>
      <c r="I70624" s="1" t="s">
        <v>222698</v>
      </c>
      <c r="J70624" s="1" t="s">
        <v>235932</v>
      </c>
    </row>
    <row r="70625" spans="1:10" x14ac:dyDescent="0.35">
      <c r="A70625" s="1" t="s">
        <v>2043</v>
      </c>
      <c r="B70625" s="1" t="s">
        <v>222693</v>
      </c>
      <c r="C70625" s="1" t="s">
        <v>25</v>
      </c>
      <c r="D70625" s="1" t="s">
        <v>88681</v>
      </c>
      <c r="E70625" s="1" t="s">
        <v>235933</v>
      </c>
      <c r="F70625" s="1" t="s">
        <v>235934</v>
      </c>
      <c r="G70625" s="1" t="s">
        <v>235924</v>
      </c>
      <c r="H70625" s="1" t="s">
        <v>235925</v>
      </c>
      <c r="I70625" s="1" t="s">
        <v>222698</v>
      </c>
      <c r="J70625" s="1" t="s">
        <v>235935</v>
      </c>
    </row>
    <row r="70626" spans="1:10" x14ac:dyDescent="0.35">
      <c r="A70626" s="1" t="s">
        <v>2043</v>
      </c>
      <c r="B70626" s="1" t="s">
        <v>222693</v>
      </c>
      <c r="C70626" s="1" t="s">
        <v>30</v>
      </c>
      <c r="D70626" s="1" t="s">
        <v>84495</v>
      </c>
      <c r="E70626" s="1" t="s">
        <v>235936</v>
      </c>
      <c r="F70626" s="1" t="s">
        <v>235937</v>
      </c>
      <c r="G70626" s="1" t="s">
        <v>235924</v>
      </c>
      <c r="H70626" s="1" t="s">
        <v>235925</v>
      </c>
      <c r="I70626" s="1" t="s">
        <v>222698</v>
      </c>
      <c r="J70626" s="1" t="s">
        <v>235938</v>
      </c>
    </row>
    <row r="70627" spans="1:10" x14ac:dyDescent="0.35">
      <c r="A70627" s="1" t="s">
        <v>2043</v>
      </c>
      <c r="B70627" s="1" t="s">
        <v>222693</v>
      </c>
      <c r="C70627" s="1" t="s">
        <v>35</v>
      </c>
      <c r="D70627" s="1" t="s">
        <v>235939</v>
      </c>
      <c r="E70627" s="1" t="s">
        <v>235940</v>
      </c>
      <c r="F70627" s="1" t="s">
        <v>235941</v>
      </c>
      <c r="G70627" s="1" t="s">
        <v>235924</v>
      </c>
      <c r="H70627" s="1" t="s">
        <v>235925</v>
      </c>
      <c r="I70627" s="1" t="s">
        <v>222698</v>
      </c>
      <c r="J70627" s="1" t="s">
        <v>235942</v>
      </c>
    </row>
    <row r="70628" spans="1:10" x14ac:dyDescent="0.35">
      <c r="A70628" s="1" t="s">
        <v>2043</v>
      </c>
      <c r="B70628" s="1" t="s">
        <v>222693</v>
      </c>
      <c r="C70628" s="1" t="s">
        <v>40</v>
      </c>
      <c r="D70628" s="1" t="s">
        <v>235943</v>
      </c>
      <c r="E70628" s="1" t="s">
        <v>235944</v>
      </c>
      <c r="F70628" s="1" t="s">
        <v>235945</v>
      </c>
      <c r="G70628" s="1" t="s">
        <v>235924</v>
      </c>
      <c r="H70628" s="1" t="s">
        <v>235925</v>
      </c>
      <c r="I70628" s="1" t="s">
        <v>222698</v>
      </c>
      <c r="J70628" s="1" t="s">
        <v>235946</v>
      </c>
    </row>
    <row r="70629" spans="1:10" x14ac:dyDescent="0.35">
      <c r="A70629" s="1" t="s">
        <v>2043</v>
      </c>
      <c r="B70629" s="1" t="s">
        <v>222693</v>
      </c>
      <c r="C70629" s="1" t="s">
        <v>45</v>
      </c>
      <c r="D70629" s="1" t="s">
        <v>180243</v>
      </c>
      <c r="E70629" s="1" t="s">
        <v>235947</v>
      </c>
      <c r="F70629" s="1" t="s">
        <v>235948</v>
      </c>
      <c r="G70629" s="1" t="s">
        <v>235924</v>
      </c>
      <c r="H70629" s="1" t="s">
        <v>235925</v>
      </c>
      <c r="I70629" s="1" t="s">
        <v>222698</v>
      </c>
      <c r="J70629" s="1" t="s">
        <v>235949</v>
      </c>
    </row>
    <row r="70630" spans="1:10" x14ac:dyDescent="0.35">
      <c r="A70630" s="1" t="s">
        <v>2043</v>
      </c>
      <c r="B70630" s="1" t="s">
        <v>222693</v>
      </c>
      <c r="C70630" s="1" t="s">
        <v>50</v>
      </c>
      <c r="D70630" s="1" t="s">
        <v>101444</v>
      </c>
      <c r="E70630" s="1" t="s">
        <v>235950</v>
      </c>
      <c r="F70630" s="1" t="s">
        <v>235951</v>
      </c>
      <c r="G70630" s="1" t="s">
        <v>235924</v>
      </c>
      <c r="H70630" s="1" t="s">
        <v>235925</v>
      </c>
      <c r="I70630" s="1" t="s">
        <v>222698</v>
      </c>
      <c r="J70630" s="1" t="s">
        <v>235952</v>
      </c>
    </row>
    <row r="70631" spans="1:10" x14ac:dyDescent="0.35">
      <c r="A70631" s="1" t="s">
        <v>2043</v>
      </c>
      <c r="B70631" s="1" t="s">
        <v>222693</v>
      </c>
      <c r="C70631" s="1" t="s">
        <v>55</v>
      </c>
      <c r="D70631" s="1" t="s">
        <v>59926</v>
      </c>
      <c r="E70631" s="1" t="s">
        <v>235953</v>
      </c>
      <c r="F70631" s="1" t="s">
        <v>235954</v>
      </c>
      <c r="G70631" s="1" t="s">
        <v>235924</v>
      </c>
      <c r="H70631" s="1" t="s">
        <v>235925</v>
      </c>
      <c r="I70631" s="1" t="s">
        <v>222698</v>
      </c>
      <c r="J70631" s="1" t="s">
        <v>235955</v>
      </c>
    </row>
    <row r="70632" spans="1:10" x14ac:dyDescent="0.35">
      <c r="A70632" s="1" t="s">
        <v>2043</v>
      </c>
      <c r="B70632" s="1" t="s">
        <v>222693</v>
      </c>
      <c r="C70632" s="1" t="s">
        <v>60</v>
      </c>
      <c r="D70632" s="1" t="s">
        <v>235956</v>
      </c>
      <c r="E70632" s="1" t="s">
        <v>235957</v>
      </c>
      <c r="F70632" s="1" t="s">
        <v>235958</v>
      </c>
      <c r="G70632" s="1" t="s">
        <v>235924</v>
      </c>
      <c r="H70632" s="1" t="s">
        <v>235925</v>
      </c>
      <c r="I70632" s="1" t="s">
        <v>222698</v>
      </c>
      <c r="J70632" s="1" t="s">
        <v>235959</v>
      </c>
    </row>
    <row r="70633" spans="1:10" x14ac:dyDescent="0.35">
      <c r="A70633" s="1" t="s">
        <v>2043</v>
      </c>
      <c r="B70633" s="1" t="s">
        <v>222693</v>
      </c>
      <c r="C70633" s="1" t="s">
        <v>65</v>
      </c>
      <c r="D70633" s="1" t="s">
        <v>131294</v>
      </c>
      <c r="E70633" s="1" t="s">
        <v>13456</v>
      </c>
      <c r="F70633" s="1" t="s">
        <v>235960</v>
      </c>
      <c r="G70633" s="1" t="s">
        <v>235924</v>
      </c>
      <c r="H70633" s="1" t="s">
        <v>235925</v>
      </c>
      <c r="I70633" s="1" t="s">
        <v>222698</v>
      </c>
      <c r="J70633" s="1" t="s">
        <v>235961</v>
      </c>
    </row>
    <row r="70634" spans="1:10" x14ac:dyDescent="0.35">
      <c r="A70634" s="1" t="s">
        <v>2043</v>
      </c>
      <c r="B70634" s="1" t="s">
        <v>222693</v>
      </c>
      <c r="C70634" s="1" t="s">
        <v>70</v>
      </c>
      <c r="D70634" s="1" t="s">
        <v>88066</v>
      </c>
      <c r="E70634" s="1" t="s">
        <v>235962</v>
      </c>
      <c r="F70634" s="1" t="s">
        <v>235963</v>
      </c>
      <c r="G70634" s="1" t="s">
        <v>235924</v>
      </c>
      <c r="H70634" s="1" t="s">
        <v>235925</v>
      </c>
      <c r="I70634" s="1" t="s">
        <v>222698</v>
      </c>
      <c r="J70634" s="1" t="s">
        <v>235964</v>
      </c>
    </row>
    <row r="70635" spans="1:10" x14ac:dyDescent="0.35">
      <c r="A70635" s="1" t="s">
        <v>2043</v>
      </c>
      <c r="B70635" s="1" t="s">
        <v>222693</v>
      </c>
      <c r="C70635" s="1" t="s">
        <v>75</v>
      </c>
      <c r="D70635" s="1" t="s">
        <v>235965</v>
      </c>
      <c r="E70635" s="1" t="s">
        <v>235966</v>
      </c>
      <c r="F70635" s="1" t="s">
        <v>235967</v>
      </c>
      <c r="G70635" s="1" t="s">
        <v>235924</v>
      </c>
      <c r="H70635" s="1" t="s">
        <v>235925</v>
      </c>
      <c r="I70635" s="1" t="s">
        <v>222698</v>
      </c>
      <c r="J70635" s="1" t="s">
        <v>235968</v>
      </c>
    </row>
    <row r="70636" spans="1:10" x14ac:dyDescent="0.35">
      <c r="A70636" s="1" t="s">
        <v>2043</v>
      </c>
      <c r="B70636" s="1" t="s">
        <v>222693</v>
      </c>
      <c r="C70636" s="1" t="s">
        <v>80</v>
      </c>
      <c r="D70636" s="1" t="s">
        <v>235969</v>
      </c>
      <c r="E70636" s="1" t="s">
        <v>235970</v>
      </c>
      <c r="F70636" s="1" t="s">
        <v>235971</v>
      </c>
      <c r="G70636" s="1" t="s">
        <v>235924</v>
      </c>
      <c r="H70636" s="1" t="s">
        <v>235925</v>
      </c>
      <c r="I70636" s="1" t="s">
        <v>222698</v>
      </c>
      <c r="J70636" s="1" t="s">
        <v>235972</v>
      </c>
    </row>
    <row r="70637" spans="1:10" x14ac:dyDescent="0.35">
      <c r="A70637" s="1" t="s">
        <v>2043</v>
      </c>
      <c r="B70637" s="1" t="s">
        <v>222693</v>
      </c>
      <c r="C70637" s="1" t="s">
        <v>85</v>
      </c>
      <c r="D70637" s="1" t="s">
        <v>24009</v>
      </c>
      <c r="E70637" s="1" t="s">
        <v>235973</v>
      </c>
      <c r="F70637" s="1" t="s">
        <v>235974</v>
      </c>
      <c r="G70637" s="1" t="s">
        <v>235924</v>
      </c>
      <c r="H70637" s="1" t="s">
        <v>235925</v>
      </c>
      <c r="I70637" s="1" t="s">
        <v>222698</v>
      </c>
      <c r="J70637" s="1" t="s">
        <v>235975</v>
      </c>
    </row>
    <row r="70638" spans="1:10" x14ac:dyDescent="0.35">
      <c r="A70638" s="1" t="s">
        <v>2043</v>
      </c>
      <c r="B70638" s="1" t="s">
        <v>222693</v>
      </c>
      <c r="C70638" s="1" t="s">
        <v>90</v>
      </c>
      <c r="D70638" s="1" t="s">
        <v>235976</v>
      </c>
      <c r="E70638" s="1" t="s">
        <v>235977</v>
      </c>
      <c r="F70638" s="1" t="s">
        <v>235978</v>
      </c>
      <c r="G70638" s="1" t="s">
        <v>235924</v>
      </c>
      <c r="H70638" s="1" t="s">
        <v>235925</v>
      </c>
      <c r="I70638" s="1" t="s">
        <v>222698</v>
      </c>
      <c r="J70638" s="1" t="s">
        <v>235979</v>
      </c>
    </row>
    <row r="70639" spans="1:10" x14ac:dyDescent="0.35">
      <c r="A70639" s="1" t="s">
        <v>2043</v>
      </c>
      <c r="B70639" s="1" t="s">
        <v>222693</v>
      </c>
      <c r="C70639" s="1" t="s">
        <v>95</v>
      </c>
      <c r="D70639" s="1" t="s">
        <v>235980</v>
      </c>
      <c r="E70639" s="1" t="s">
        <v>235981</v>
      </c>
      <c r="F70639" s="1" t="s">
        <v>235982</v>
      </c>
      <c r="G70639" s="1" t="s">
        <v>235924</v>
      </c>
      <c r="H70639" s="1" t="s">
        <v>235925</v>
      </c>
      <c r="I70639" s="1" t="s">
        <v>222698</v>
      </c>
      <c r="J70639" s="1" t="s">
        <v>235983</v>
      </c>
    </row>
    <row r="70640" spans="1:10" x14ac:dyDescent="0.35">
      <c r="A70640" s="1" t="s">
        <v>2043</v>
      </c>
      <c r="B70640" s="1" t="s">
        <v>222693</v>
      </c>
      <c r="C70640" s="1" t="s">
        <v>100</v>
      </c>
      <c r="D70640" s="1" t="s">
        <v>62857</v>
      </c>
      <c r="E70640" s="1" t="s">
        <v>235984</v>
      </c>
      <c r="F70640" s="1" t="s">
        <v>235985</v>
      </c>
      <c r="G70640" s="1" t="s">
        <v>235924</v>
      </c>
      <c r="H70640" s="1" t="s">
        <v>235925</v>
      </c>
      <c r="I70640" s="1" t="s">
        <v>222698</v>
      </c>
      <c r="J70640" s="1" t="s">
        <v>235986</v>
      </c>
    </row>
    <row r="70641" spans="1:10" x14ac:dyDescent="0.35">
      <c r="A70641" s="1" t="s">
        <v>2043</v>
      </c>
      <c r="B70641" s="1" t="s">
        <v>222693</v>
      </c>
      <c r="C70641" s="1" t="s">
        <v>105</v>
      </c>
      <c r="D70641" s="1" t="s">
        <v>69234</v>
      </c>
      <c r="E70641" s="1" t="s">
        <v>235987</v>
      </c>
      <c r="F70641" s="1" t="s">
        <v>235988</v>
      </c>
      <c r="G70641" s="1" t="s">
        <v>235924</v>
      </c>
      <c r="H70641" s="1" t="s">
        <v>235925</v>
      </c>
      <c r="I70641" s="1" t="s">
        <v>222698</v>
      </c>
      <c r="J70641" s="1" t="s">
        <v>235989</v>
      </c>
    </row>
    <row r="70642" spans="1:10" x14ac:dyDescent="0.35">
      <c r="A70642" s="1" t="s">
        <v>2043</v>
      </c>
      <c r="B70642" s="1" t="s">
        <v>222693</v>
      </c>
      <c r="C70642" s="1" t="s">
        <v>110</v>
      </c>
      <c r="D70642" s="1" t="s">
        <v>235990</v>
      </c>
      <c r="E70642" s="1" t="s">
        <v>235991</v>
      </c>
      <c r="F70642" s="1" t="s">
        <v>235992</v>
      </c>
      <c r="G70642" s="1" t="s">
        <v>235924</v>
      </c>
      <c r="H70642" s="1" t="s">
        <v>235925</v>
      </c>
      <c r="I70642" s="1" t="s">
        <v>222698</v>
      </c>
      <c r="J70642" s="1" t="s">
        <v>235993</v>
      </c>
    </row>
    <row r="70643" spans="1:10" x14ac:dyDescent="0.35">
      <c r="A70643" s="1" t="s">
        <v>2043</v>
      </c>
      <c r="B70643" s="1" t="s">
        <v>222693</v>
      </c>
      <c r="C70643" s="1" t="s">
        <v>115</v>
      </c>
      <c r="D70643" s="1" t="s">
        <v>235994</v>
      </c>
      <c r="E70643" s="1" t="s">
        <v>235995</v>
      </c>
      <c r="F70643" s="1" t="s">
        <v>235996</v>
      </c>
      <c r="G70643" s="1" t="s">
        <v>235924</v>
      </c>
      <c r="H70643" s="1" t="s">
        <v>235925</v>
      </c>
      <c r="I70643" s="1" t="s">
        <v>222698</v>
      </c>
      <c r="J70643" s="1" t="s">
        <v>235997</v>
      </c>
    </row>
    <row r="70644" spans="1:10" x14ac:dyDescent="0.35">
      <c r="A70644" s="1" t="s">
        <v>2043</v>
      </c>
      <c r="B70644" s="1" t="s">
        <v>222693</v>
      </c>
      <c r="C70644" s="1" t="s">
        <v>120</v>
      </c>
      <c r="D70644" s="1" t="s">
        <v>26946</v>
      </c>
      <c r="E70644" s="1" t="s">
        <v>235998</v>
      </c>
      <c r="F70644" s="1" t="s">
        <v>235999</v>
      </c>
      <c r="G70644" s="1" t="s">
        <v>235924</v>
      </c>
      <c r="H70644" s="1" t="s">
        <v>235925</v>
      </c>
      <c r="I70644" s="1" t="s">
        <v>222698</v>
      </c>
      <c r="J70644" s="1" t="s">
        <v>236000</v>
      </c>
    </row>
    <row r="70645" spans="1:10" x14ac:dyDescent="0.35">
      <c r="A70645" s="1" t="s">
        <v>2043</v>
      </c>
      <c r="B70645" s="1" t="s">
        <v>222693</v>
      </c>
      <c r="C70645" s="1" t="s">
        <v>125</v>
      </c>
      <c r="D70645" s="1" t="s">
        <v>69752</v>
      </c>
      <c r="E70645" s="1" t="s">
        <v>236001</v>
      </c>
      <c r="F70645" s="1" t="s">
        <v>236002</v>
      </c>
      <c r="G70645" s="1" t="s">
        <v>235924</v>
      </c>
      <c r="H70645" s="1" t="s">
        <v>235925</v>
      </c>
      <c r="I70645" s="1" t="s">
        <v>222698</v>
      </c>
      <c r="J70645" s="1" t="s">
        <v>236003</v>
      </c>
    </row>
    <row r="70646" spans="1:10" x14ac:dyDescent="0.35">
      <c r="A70646" s="1" t="s">
        <v>2043</v>
      </c>
      <c r="B70646" s="1" t="s">
        <v>222693</v>
      </c>
      <c r="C70646" s="1" t="s">
        <v>130</v>
      </c>
      <c r="D70646" s="1" t="s">
        <v>236004</v>
      </c>
      <c r="E70646" s="1" t="s">
        <v>236005</v>
      </c>
      <c r="F70646" s="1" t="s">
        <v>236006</v>
      </c>
      <c r="G70646" s="1" t="s">
        <v>235924</v>
      </c>
      <c r="H70646" s="1" t="s">
        <v>235925</v>
      </c>
      <c r="I70646" s="1" t="s">
        <v>222698</v>
      </c>
      <c r="J70646" s="1" t="s">
        <v>236007</v>
      </c>
    </row>
    <row r="70647" spans="1:10" x14ac:dyDescent="0.35">
      <c r="A70647" s="1" t="s">
        <v>2043</v>
      </c>
      <c r="B70647" s="1" t="s">
        <v>222693</v>
      </c>
      <c r="C70647" s="1" t="s">
        <v>135</v>
      </c>
      <c r="D70647" s="1" t="s">
        <v>236008</v>
      </c>
      <c r="E70647" s="1" t="s">
        <v>236009</v>
      </c>
      <c r="F70647" s="1" t="s">
        <v>236010</v>
      </c>
      <c r="G70647" s="1" t="s">
        <v>235924</v>
      </c>
      <c r="H70647" s="1" t="s">
        <v>235925</v>
      </c>
      <c r="I70647" s="1" t="s">
        <v>222698</v>
      </c>
      <c r="J70647" s="1" t="s">
        <v>236011</v>
      </c>
    </row>
    <row r="70648" spans="1:10" x14ac:dyDescent="0.35">
      <c r="A70648" s="1" t="s">
        <v>2043</v>
      </c>
      <c r="B70648" s="1" t="s">
        <v>222693</v>
      </c>
      <c r="C70648" s="1" t="s">
        <v>140</v>
      </c>
      <c r="D70648" s="1" t="s">
        <v>199860</v>
      </c>
      <c r="E70648" s="1" t="s">
        <v>236012</v>
      </c>
      <c r="F70648" s="1" t="s">
        <v>236013</v>
      </c>
      <c r="G70648" s="1" t="s">
        <v>235924</v>
      </c>
      <c r="H70648" s="1" t="s">
        <v>235925</v>
      </c>
      <c r="I70648" s="1" t="s">
        <v>222698</v>
      </c>
      <c r="J70648" s="1" t="s">
        <v>236014</v>
      </c>
    </row>
    <row r="70649" spans="1:10" x14ac:dyDescent="0.35">
      <c r="A70649" s="1" t="s">
        <v>2043</v>
      </c>
      <c r="B70649" s="1" t="s">
        <v>222693</v>
      </c>
      <c r="C70649" s="1" t="s">
        <v>145</v>
      </c>
      <c r="D70649" s="1" t="s">
        <v>230898</v>
      </c>
      <c r="E70649" s="1" t="s">
        <v>236015</v>
      </c>
      <c r="F70649" s="1" t="s">
        <v>236016</v>
      </c>
      <c r="G70649" s="1" t="s">
        <v>235924</v>
      </c>
      <c r="H70649" s="1" t="s">
        <v>235925</v>
      </c>
      <c r="I70649" s="1" t="s">
        <v>222698</v>
      </c>
      <c r="J70649" s="1" t="s">
        <v>236017</v>
      </c>
    </row>
    <row r="70650" spans="1:10" x14ac:dyDescent="0.35">
      <c r="A70650" s="1" t="s">
        <v>2043</v>
      </c>
      <c r="B70650" s="1" t="s">
        <v>222693</v>
      </c>
      <c r="C70650" s="1" t="s">
        <v>150</v>
      </c>
      <c r="D70650" s="1" t="s">
        <v>228081</v>
      </c>
      <c r="E70650" s="1" t="s">
        <v>236018</v>
      </c>
      <c r="F70650" s="1" t="s">
        <v>236019</v>
      </c>
      <c r="G70650" s="1" t="s">
        <v>235924</v>
      </c>
      <c r="H70650" s="1" t="s">
        <v>235925</v>
      </c>
      <c r="I70650" s="1" t="s">
        <v>222698</v>
      </c>
      <c r="J70650" s="1" t="s">
        <v>236020</v>
      </c>
    </row>
    <row r="70651" spans="1:10" x14ac:dyDescent="0.35">
      <c r="A70651" s="1" t="s">
        <v>2043</v>
      </c>
      <c r="B70651" s="1" t="s">
        <v>222693</v>
      </c>
      <c r="C70651" s="1" t="s">
        <v>155</v>
      </c>
      <c r="D70651" s="1" t="s">
        <v>236021</v>
      </c>
      <c r="E70651" s="1" t="s">
        <v>236022</v>
      </c>
      <c r="F70651" s="1" t="s">
        <v>236023</v>
      </c>
      <c r="G70651" s="1" t="s">
        <v>235924</v>
      </c>
      <c r="H70651" s="1" t="s">
        <v>235925</v>
      </c>
      <c r="I70651" s="1" t="s">
        <v>222698</v>
      </c>
      <c r="J70651" s="1" t="s">
        <v>236024</v>
      </c>
    </row>
    <row r="70652" spans="1:10" x14ac:dyDescent="0.35">
      <c r="A70652" s="1" t="s">
        <v>2043</v>
      </c>
      <c r="B70652" s="1" t="s">
        <v>222693</v>
      </c>
      <c r="C70652" s="1" t="s">
        <v>160</v>
      </c>
      <c r="D70652" s="1" t="s">
        <v>200343</v>
      </c>
      <c r="E70652" s="1" t="s">
        <v>236025</v>
      </c>
      <c r="F70652" s="1" t="s">
        <v>236026</v>
      </c>
      <c r="G70652" s="1" t="s">
        <v>235924</v>
      </c>
      <c r="H70652" s="1" t="s">
        <v>235925</v>
      </c>
      <c r="I70652" s="1" t="s">
        <v>222698</v>
      </c>
      <c r="J70652" s="1" t="s">
        <v>236027</v>
      </c>
    </row>
    <row r="70653" spans="1:10" x14ac:dyDescent="0.35">
      <c r="A70653" s="1" t="s">
        <v>2043</v>
      </c>
      <c r="B70653" s="1" t="s">
        <v>222693</v>
      </c>
      <c r="C70653" s="1" t="s">
        <v>165</v>
      </c>
      <c r="D70653" s="1" t="s">
        <v>90307</v>
      </c>
      <c r="E70653" s="1" t="s">
        <v>125713</v>
      </c>
      <c r="F70653" s="1" t="s">
        <v>236028</v>
      </c>
      <c r="G70653" s="1" t="s">
        <v>235924</v>
      </c>
      <c r="H70653" s="1" t="s">
        <v>235925</v>
      </c>
      <c r="I70653" s="1" t="s">
        <v>222698</v>
      </c>
      <c r="J70653" s="1" t="s">
        <v>236029</v>
      </c>
    </row>
    <row r="70654" spans="1:10" x14ac:dyDescent="0.35">
      <c r="A70654" s="1" t="s">
        <v>2043</v>
      </c>
      <c r="B70654" s="1" t="s">
        <v>222693</v>
      </c>
      <c r="C70654" s="1" t="s">
        <v>170</v>
      </c>
      <c r="D70654" s="1" t="s">
        <v>94522</v>
      </c>
      <c r="E70654" s="1" t="s">
        <v>236030</v>
      </c>
      <c r="F70654" s="1" t="s">
        <v>236031</v>
      </c>
      <c r="G70654" s="1" t="s">
        <v>235924</v>
      </c>
      <c r="H70654" s="1" t="s">
        <v>235925</v>
      </c>
      <c r="I70654" s="1" t="s">
        <v>222698</v>
      </c>
      <c r="J70654" s="1" t="s">
        <v>236032</v>
      </c>
    </row>
    <row r="70655" spans="1:10" x14ac:dyDescent="0.35">
      <c r="A70655" s="1" t="s">
        <v>10172</v>
      </c>
      <c r="B70655" s="1" t="s">
        <v>222693</v>
      </c>
      <c r="C70655" s="1" t="s">
        <v>8</v>
      </c>
      <c r="D70655" s="1" t="s">
        <v>89617</v>
      </c>
      <c r="E70655" s="1" t="s">
        <v>236033</v>
      </c>
      <c r="F70655" s="1" t="s">
        <v>236034</v>
      </c>
      <c r="G70655" s="1" t="s">
        <v>236035</v>
      </c>
      <c r="H70655" s="1" t="s">
        <v>236036</v>
      </c>
      <c r="I70655" s="1" t="s">
        <v>222698</v>
      </c>
      <c r="J70655" s="1" t="s">
        <v>13</v>
      </c>
    </row>
    <row r="70656" spans="1:10" x14ac:dyDescent="0.35">
      <c r="A70656" s="1" t="s">
        <v>10172</v>
      </c>
      <c r="B70656" s="1" t="s">
        <v>222693</v>
      </c>
      <c r="C70656" s="1" t="s">
        <v>15</v>
      </c>
      <c r="D70656" s="1" t="s">
        <v>53787</v>
      </c>
      <c r="E70656" s="1" t="s">
        <v>236037</v>
      </c>
      <c r="F70656" s="1" t="s">
        <v>236038</v>
      </c>
      <c r="G70656" s="1" t="s">
        <v>236035</v>
      </c>
      <c r="H70656" s="1" t="s">
        <v>236036</v>
      </c>
      <c r="I70656" s="1" t="s">
        <v>222698</v>
      </c>
      <c r="J70656" s="1" t="s">
        <v>229833</v>
      </c>
    </row>
    <row r="70657" spans="1:10" x14ac:dyDescent="0.35">
      <c r="A70657" s="1" t="s">
        <v>10172</v>
      </c>
      <c r="B70657" s="1" t="s">
        <v>222693</v>
      </c>
      <c r="C70657" s="1" t="s">
        <v>20</v>
      </c>
      <c r="D70657" s="1" t="s">
        <v>79703</v>
      </c>
      <c r="E70657" s="1" t="s">
        <v>236039</v>
      </c>
      <c r="F70657" s="1" t="s">
        <v>236040</v>
      </c>
      <c r="G70657" s="1" t="s">
        <v>236035</v>
      </c>
      <c r="H70657" s="1" t="s">
        <v>236036</v>
      </c>
      <c r="I70657" s="1" t="s">
        <v>222698</v>
      </c>
      <c r="J70657" s="1" t="s">
        <v>236041</v>
      </c>
    </row>
    <row r="70658" spans="1:10" x14ac:dyDescent="0.35">
      <c r="A70658" s="1" t="s">
        <v>10172</v>
      </c>
      <c r="B70658" s="1" t="s">
        <v>222693</v>
      </c>
      <c r="C70658" s="1" t="s">
        <v>25</v>
      </c>
      <c r="D70658" s="1" t="s">
        <v>103034</v>
      </c>
      <c r="E70658" s="1" t="s">
        <v>236042</v>
      </c>
      <c r="F70658" s="1" t="s">
        <v>236043</v>
      </c>
      <c r="G70658" s="1" t="s">
        <v>236035</v>
      </c>
      <c r="H70658" s="1" t="s">
        <v>236036</v>
      </c>
      <c r="I70658" s="1" t="s">
        <v>222698</v>
      </c>
      <c r="J70658" s="1" t="s">
        <v>236044</v>
      </c>
    </row>
    <row r="70659" spans="1:10" x14ac:dyDescent="0.35">
      <c r="A70659" s="1" t="s">
        <v>10172</v>
      </c>
      <c r="B70659" s="1" t="s">
        <v>222693</v>
      </c>
      <c r="C70659" s="1" t="s">
        <v>30</v>
      </c>
      <c r="D70659" s="1" t="s">
        <v>236045</v>
      </c>
      <c r="E70659" s="1" t="s">
        <v>236046</v>
      </c>
      <c r="F70659" s="1" t="s">
        <v>236047</v>
      </c>
      <c r="G70659" s="1" t="s">
        <v>236035</v>
      </c>
      <c r="H70659" s="1" t="s">
        <v>236036</v>
      </c>
      <c r="I70659" s="1" t="s">
        <v>222698</v>
      </c>
      <c r="J70659" s="1" t="s">
        <v>236048</v>
      </c>
    </row>
    <row r="70660" spans="1:10" x14ac:dyDescent="0.35">
      <c r="A70660" s="1" t="s">
        <v>10172</v>
      </c>
      <c r="B70660" s="1" t="s">
        <v>222693</v>
      </c>
      <c r="C70660" s="1" t="s">
        <v>35</v>
      </c>
      <c r="D70660" s="1" t="s">
        <v>236049</v>
      </c>
      <c r="E70660" s="1" t="s">
        <v>236050</v>
      </c>
      <c r="F70660" s="1" t="s">
        <v>236051</v>
      </c>
      <c r="G70660" s="1" t="s">
        <v>236035</v>
      </c>
      <c r="H70660" s="1" t="s">
        <v>236036</v>
      </c>
      <c r="I70660" s="1" t="s">
        <v>222698</v>
      </c>
      <c r="J70660" s="1" t="s">
        <v>236052</v>
      </c>
    </row>
    <row r="70661" spans="1:10" x14ac:dyDescent="0.35">
      <c r="A70661" s="1" t="s">
        <v>10172</v>
      </c>
      <c r="B70661" s="1" t="s">
        <v>222693</v>
      </c>
      <c r="C70661" s="1" t="s">
        <v>40</v>
      </c>
      <c r="D70661" s="1" t="s">
        <v>179758</v>
      </c>
      <c r="E70661" s="1" t="s">
        <v>236053</v>
      </c>
      <c r="F70661" s="1" t="s">
        <v>236054</v>
      </c>
      <c r="G70661" s="1" t="s">
        <v>236035</v>
      </c>
      <c r="H70661" s="1" t="s">
        <v>236036</v>
      </c>
      <c r="I70661" s="1" t="s">
        <v>222698</v>
      </c>
      <c r="J70661" s="1" t="s">
        <v>236055</v>
      </c>
    </row>
    <row r="70662" spans="1:10" x14ac:dyDescent="0.35">
      <c r="A70662" s="1" t="s">
        <v>10172</v>
      </c>
      <c r="B70662" s="1" t="s">
        <v>222693</v>
      </c>
      <c r="C70662" s="1" t="s">
        <v>45</v>
      </c>
      <c r="D70662" s="1" t="s">
        <v>236056</v>
      </c>
      <c r="E70662" s="1" t="s">
        <v>236057</v>
      </c>
      <c r="F70662" s="1" t="s">
        <v>236058</v>
      </c>
      <c r="G70662" s="1" t="s">
        <v>236035</v>
      </c>
      <c r="H70662" s="1" t="s">
        <v>236036</v>
      </c>
      <c r="I70662" s="1" t="s">
        <v>222698</v>
      </c>
      <c r="J70662" s="1" t="s">
        <v>236059</v>
      </c>
    </row>
    <row r="70663" spans="1:10" x14ac:dyDescent="0.35">
      <c r="A70663" s="1" t="s">
        <v>10172</v>
      </c>
      <c r="B70663" s="1" t="s">
        <v>222693</v>
      </c>
      <c r="C70663" s="1" t="s">
        <v>50</v>
      </c>
      <c r="D70663" s="1" t="s">
        <v>67839</v>
      </c>
      <c r="E70663" s="1" t="s">
        <v>236060</v>
      </c>
      <c r="F70663" s="1" t="s">
        <v>236061</v>
      </c>
      <c r="G70663" s="1" t="s">
        <v>236035</v>
      </c>
      <c r="H70663" s="1" t="s">
        <v>236036</v>
      </c>
      <c r="I70663" s="1" t="s">
        <v>222698</v>
      </c>
      <c r="J70663" s="1" t="s">
        <v>236062</v>
      </c>
    </row>
    <row r="70664" spans="1:10" x14ac:dyDescent="0.35">
      <c r="A70664" s="1" t="s">
        <v>10172</v>
      </c>
      <c r="B70664" s="1" t="s">
        <v>222693</v>
      </c>
      <c r="C70664" s="1" t="s">
        <v>55</v>
      </c>
      <c r="D70664" s="1" t="s">
        <v>58526</v>
      </c>
      <c r="E70664" s="1" t="s">
        <v>236063</v>
      </c>
      <c r="F70664" s="1" t="s">
        <v>236064</v>
      </c>
      <c r="G70664" s="1" t="s">
        <v>236035</v>
      </c>
      <c r="H70664" s="1" t="s">
        <v>236036</v>
      </c>
      <c r="I70664" s="1" t="s">
        <v>222698</v>
      </c>
      <c r="J70664" s="1" t="s">
        <v>236065</v>
      </c>
    </row>
    <row r="70665" spans="1:10" x14ac:dyDescent="0.35">
      <c r="A70665" s="1" t="s">
        <v>10172</v>
      </c>
      <c r="B70665" s="1" t="s">
        <v>222693</v>
      </c>
      <c r="C70665" s="1" t="s">
        <v>60</v>
      </c>
      <c r="D70665" s="1" t="s">
        <v>80982</v>
      </c>
      <c r="E70665" s="1" t="s">
        <v>236066</v>
      </c>
      <c r="F70665" s="1" t="s">
        <v>236067</v>
      </c>
      <c r="G70665" s="1" t="s">
        <v>236035</v>
      </c>
      <c r="H70665" s="1" t="s">
        <v>236036</v>
      </c>
      <c r="I70665" s="1" t="s">
        <v>222698</v>
      </c>
      <c r="J70665" s="1" t="s">
        <v>236068</v>
      </c>
    </row>
    <row r="70666" spans="1:10" x14ac:dyDescent="0.35">
      <c r="A70666" s="1" t="s">
        <v>10172</v>
      </c>
      <c r="B70666" s="1" t="s">
        <v>222693</v>
      </c>
      <c r="C70666" s="1" t="s">
        <v>65</v>
      </c>
      <c r="D70666" s="1" t="s">
        <v>40273</v>
      </c>
      <c r="E70666" s="1" t="s">
        <v>236069</v>
      </c>
      <c r="F70666" s="1" t="s">
        <v>236070</v>
      </c>
      <c r="G70666" s="1" t="s">
        <v>236035</v>
      </c>
      <c r="H70666" s="1" t="s">
        <v>236036</v>
      </c>
      <c r="I70666" s="1" t="s">
        <v>222698</v>
      </c>
      <c r="J70666" s="1" t="s">
        <v>236071</v>
      </c>
    </row>
    <row r="70667" spans="1:10" x14ac:dyDescent="0.35">
      <c r="A70667" s="1" t="s">
        <v>10172</v>
      </c>
      <c r="B70667" s="1" t="s">
        <v>222693</v>
      </c>
      <c r="C70667" s="1" t="s">
        <v>70</v>
      </c>
      <c r="D70667" s="1" t="s">
        <v>230797</v>
      </c>
      <c r="E70667" s="1" t="s">
        <v>236072</v>
      </c>
      <c r="F70667" s="1" t="s">
        <v>236073</v>
      </c>
      <c r="G70667" s="1" t="s">
        <v>236035</v>
      </c>
      <c r="H70667" s="1" t="s">
        <v>236036</v>
      </c>
      <c r="I70667" s="1" t="s">
        <v>222698</v>
      </c>
      <c r="J70667" s="1" t="s">
        <v>236074</v>
      </c>
    </row>
    <row r="70668" spans="1:10" x14ac:dyDescent="0.35">
      <c r="A70668" s="1" t="s">
        <v>10172</v>
      </c>
      <c r="B70668" s="1" t="s">
        <v>222693</v>
      </c>
      <c r="C70668" s="1" t="s">
        <v>75</v>
      </c>
      <c r="D70668" s="1" t="s">
        <v>236075</v>
      </c>
      <c r="E70668" s="1" t="s">
        <v>236076</v>
      </c>
      <c r="F70668" s="1" t="s">
        <v>236077</v>
      </c>
      <c r="G70668" s="1" t="s">
        <v>236035</v>
      </c>
      <c r="H70668" s="1" t="s">
        <v>236036</v>
      </c>
      <c r="I70668" s="1" t="s">
        <v>222698</v>
      </c>
      <c r="J70668" s="1" t="s">
        <v>236078</v>
      </c>
    </row>
    <row r="70669" spans="1:10" x14ac:dyDescent="0.35">
      <c r="A70669" s="1" t="s">
        <v>10172</v>
      </c>
      <c r="B70669" s="1" t="s">
        <v>222693</v>
      </c>
      <c r="C70669" s="1" t="s">
        <v>80</v>
      </c>
      <c r="D70669" s="1" t="s">
        <v>162317</v>
      </c>
      <c r="E70669" s="1" t="s">
        <v>236079</v>
      </c>
      <c r="F70669" s="1" t="s">
        <v>236080</v>
      </c>
      <c r="G70669" s="1" t="s">
        <v>236035</v>
      </c>
      <c r="H70669" s="1" t="s">
        <v>236036</v>
      </c>
      <c r="I70669" s="1" t="s">
        <v>222698</v>
      </c>
      <c r="J70669" s="1" t="s">
        <v>236081</v>
      </c>
    </row>
    <row r="70670" spans="1:10" x14ac:dyDescent="0.35">
      <c r="A70670" s="1" t="s">
        <v>10172</v>
      </c>
      <c r="B70670" s="1" t="s">
        <v>222693</v>
      </c>
      <c r="C70670" s="1" t="s">
        <v>85</v>
      </c>
      <c r="D70670" s="1" t="s">
        <v>236082</v>
      </c>
      <c r="E70670" s="1" t="s">
        <v>236083</v>
      </c>
      <c r="F70670" s="1" t="s">
        <v>236084</v>
      </c>
      <c r="G70670" s="1" t="s">
        <v>236035</v>
      </c>
      <c r="H70670" s="1" t="s">
        <v>236036</v>
      </c>
      <c r="I70670" s="1" t="s">
        <v>222698</v>
      </c>
      <c r="J70670" s="1" t="s">
        <v>236085</v>
      </c>
    </row>
    <row r="70671" spans="1:10" x14ac:dyDescent="0.35">
      <c r="A70671" s="1" t="s">
        <v>10172</v>
      </c>
      <c r="B70671" s="1" t="s">
        <v>222693</v>
      </c>
      <c r="C70671" s="1" t="s">
        <v>90</v>
      </c>
      <c r="D70671" s="1" t="s">
        <v>67012</v>
      </c>
      <c r="E70671" s="1" t="s">
        <v>236086</v>
      </c>
      <c r="F70671" s="1" t="s">
        <v>236087</v>
      </c>
      <c r="G70671" s="1" t="s">
        <v>236035</v>
      </c>
      <c r="H70671" s="1" t="s">
        <v>236036</v>
      </c>
      <c r="I70671" s="1" t="s">
        <v>222698</v>
      </c>
      <c r="J70671" s="1" t="s">
        <v>236088</v>
      </c>
    </row>
    <row r="70672" spans="1:10" x14ac:dyDescent="0.35">
      <c r="A70672" s="1" t="s">
        <v>10172</v>
      </c>
      <c r="B70672" s="1" t="s">
        <v>222693</v>
      </c>
      <c r="C70672" s="1" t="s">
        <v>95</v>
      </c>
      <c r="D70672" s="1" t="s">
        <v>21480</v>
      </c>
      <c r="E70672" s="1" t="s">
        <v>236089</v>
      </c>
      <c r="F70672" s="1" t="s">
        <v>236090</v>
      </c>
      <c r="G70672" s="1" t="s">
        <v>236035</v>
      </c>
      <c r="H70672" s="1" t="s">
        <v>236036</v>
      </c>
      <c r="I70672" s="1" t="s">
        <v>222698</v>
      </c>
      <c r="J70672" s="1" t="s">
        <v>236091</v>
      </c>
    </row>
    <row r="70673" spans="1:10" x14ac:dyDescent="0.35">
      <c r="A70673" s="1" t="s">
        <v>10172</v>
      </c>
      <c r="B70673" s="1" t="s">
        <v>222693</v>
      </c>
      <c r="C70673" s="1" t="s">
        <v>100</v>
      </c>
      <c r="D70673" s="1" t="s">
        <v>236092</v>
      </c>
      <c r="E70673" s="1" t="s">
        <v>236093</v>
      </c>
      <c r="F70673" s="1" t="s">
        <v>236094</v>
      </c>
      <c r="G70673" s="1" t="s">
        <v>236035</v>
      </c>
      <c r="H70673" s="1" t="s">
        <v>236036</v>
      </c>
      <c r="I70673" s="1" t="s">
        <v>222698</v>
      </c>
      <c r="J70673" s="1" t="s">
        <v>236095</v>
      </c>
    </row>
    <row r="70674" spans="1:10" x14ac:dyDescent="0.35">
      <c r="A70674" s="1" t="s">
        <v>10172</v>
      </c>
      <c r="B70674" s="1" t="s">
        <v>222693</v>
      </c>
      <c r="C70674" s="1" t="s">
        <v>105</v>
      </c>
      <c r="D70674" s="1" t="s">
        <v>39896</v>
      </c>
      <c r="E70674" s="1" t="s">
        <v>236096</v>
      </c>
      <c r="F70674" s="1" t="s">
        <v>236097</v>
      </c>
      <c r="G70674" s="1" t="s">
        <v>236035</v>
      </c>
      <c r="H70674" s="1" t="s">
        <v>236036</v>
      </c>
      <c r="I70674" s="1" t="s">
        <v>222698</v>
      </c>
      <c r="J70674" s="1" t="s">
        <v>236098</v>
      </c>
    </row>
    <row r="70675" spans="1:10" x14ac:dyDescent="0.35">
      <c r="A70675" s="1" t="s">
        <v>10172</v>
      </c>
      <c r="B70675" s="1" t="s">
        <v>222693</v>
      </c>
      <c r="C70675" s="1" t="s">
        <v>110</v>
      </c>
      <c r="D70675" s="1" t="s">
        <v>39245</v>
      </c>
      <c r="E70675" s="1" t="s">
        <v>236099</v>
      </c>
      <c r="F70675" s="1" t="s">
        <v>236100</v>
      </c>
      <c r="G70675" s="1" t="s">
        <v>236035</v>
      </c>
      <c r="H70675" s="1" t="s">
        <v>236036</v>
      </c>
      <c r="I70675" s="1" t="s">
        <v>222698</v>
      </c>
      <c r="J70675" s="1" t="s">
        <v>236101</v>
      </c>
    </row>
    <row r="70676" spans="1:10" x14ac:dyDescent="0.35">
      <c r="A70676" s="1" t="s">
        <v>10172</v>
      </c>
      <c r="B70676" s="1" t="s">
        <v>222693</v>
      </c>
      <c r="C70676" s="1" t="s">
        <v>115</v>
      </c>
      <c r="D70676" s="1" t="s">
        <v>236102</v>
      </c>
      <c r="E70676" s="1" t="s">
        <v>236103</v>
      </c>
      <c r="F70676" s="1" t="s">
        <v>236104</v>
      </c>
      <c r="G70676" s="1" t="s">
        <v>236035</v>
      </c>
      <c r="H70676" s="1" t="s">
        <v>236036</v>
      </c>
      <c r="I70676" s="1" t="s">
        <v>222698</v>
      </c>
      <c r="J70676" s="1" t="s">
        <v>236105</v>
      </c>
    </row>
    <row r="70677" spans="1:10" x14ac:dyDescent="0.35">
      <c r="A70677" s="1" t="s">
        <v>10172</v>
      </c>
      <c r="B70677" s="1" t="s">
        <v>222693</v>
      </c>
      <c r="C70677" s="1" t="s">
        <v>120</v>
      </c>
      <c r="D70677" s="1" t="s">
        <v>21928</v>
      </c>
      <c r="E70677" s="1" t="s">
        <v>236106</v>
      </c>
      <c r="F70677" s="1" t="s">
        <v>236107</v>
      </c>
      <c r="G70677" s="1" t="s">
        <v>236035</v>
      </c>
      <c r="H70677" s="1" t="s">
        <v>236036</v>
      </c>
      <c r="I70677" s="1" t="s">
        <v>222698</v>
      </c>
      <c r="J70677" s="1" t="s">
        <v>236108</v>
      </c>
    </row>
    <row r="70678" spans="1:10" x14ac:dyDescent="0.35">
      <c r="A70678" s="1" t="s">
        <v>10172</v>
      </c>
      <c r="B70678" s="1" t="s">
        <v>222693</v>
      </c>
      <c r="C70678" s="1" t="s">
        <v>125</v>
      </c>
      <c r="D70678" s="1" t="s">
        <v>57567</v>
      </c>
      <c r="E70678" s="1" t="s">
        <v>236109</v>
      </c>
      <c r="F70678" s="1" t="s">
        <v>236110</v>
      </c>
      <c r="G70678" s="1" t="s">
        <v>236035</v>
      </c>
      <c r="H70678" s="1" t="s">
        <v>236036</v>
      </c>
      <c r="I70678" s="1" t="s">
        <v>222698</v>
      </c>
      <c r="J70678" s="1" t="s">
        <v>236111</v>
      </c>
    </row>
    <row r="70679" spans="1:10" x14ac:dyDescent="0.35">
      <c r="A70679" s="1" t="s">
        <v>10172</v>
      </c>
      <c r="B70679" s="1" t="s">
        <v>222693</v>
      </c>
      <c r="C70679" s="1" t="s">
        <v>130</v>
      </c>
      <c r="D70679" s="1" t="s">
        <v>64278</v>
      </c>
      <c r="E70679" s="1" t="s">
        <v>236112</v>
      </c>
      <c r="F70679" s="1" t="s">
        <v>236113</v>
      </c>
      <c r="G70679" s="1" t="s">
        <v>236035</v>
      </c>
      <c r="H70679" s="1" t="s">
        <v>236036</v>
      </c>
      <c r="I70679" s="1" t="s">
        <v>222698</v>
      </c>
      <c r="J70679" s="1" t="s">
        <v>236114</v>
      </c>
    </row>
    <row r="70680" spans="1:10" x14ac:dyDescent="0.35">
      <c r="A70680" s="1" t="s">
        <v>10172</v>
      </c>
      <c r="B70680" s="1" t="s">
        <v>222693</v>
      </c>
      <c r="C70680" s="1" t="s">
        <v>135</v>
      </c>
      <c r="D70680" s="1" t="s">
        <v>87409</v>
      </c>
      <c r="E70680" s="1" t="s">
        <v>236115</v>
      </c>
      <c r="F70680" s="1" t="s">
        <v>236116</v>
      </c>
      <c r="G70680" s="1" t="s">
        <v>236035</v>
      </c>
      <c r="H70680" s="1" t="s">
        <v>236036</v>
      </c>
      <c r="I70680" s="1" t="s">
        <v>222698</v>
      </c>
      <c r="J70680" s="1" t="s">
        <v>236117</v>
      </c>
    </row>
    <row r="70681" spans="1:10" x14ac:dyDescent="0.35">
      <c r="A70681" s="1" t="s">
        <v>10172</v>
      </c>
      <c r="B70681" s="1" t="s">
        <v>222693</v>
      </c>
      <c r="C70681" s="1" t="s">
        <v>140</v>
      </c>
      <c r="D70681" s="1" t="s">
        <v>236118</v>
      </c>
      <c r="E70681" s="1" t="s">
        <v>236119</v>
      </c>
      <c r="F70681" s="1" t="s">
        <v>236120</v>
      </c>
      <c r="G70681" s="1" t="s">
        <v>236035</v>
      </c>
      <c r="H70681" s="1" t="s">
        <v>236036</v>
      </c>
      <c r="I70681" s="1" t="s">
        <v>222698</v>
      </c>
      <c r="J70681" s="1" t="s">
        <v>236121</v>
      </c>
    </row>
    <row r="70682" spans="1:10" x14ac:dyDescent="0.35">
      <c r="A70682" s="1" t="s">
        <v>10172</v>
      </c>
      <c r="B70682" s="1" t="s">
        <v>222693</v>
      </c>
      <c r="C70682" s="1" t="s">
        <v>145</v>
      </c>
      <c r="D70682" s="1" t="s">
        <v>236122</v>
      </c>
      <c r="E70682" s="1" t="s">
        <v>236123</v>
      </c>
      <c r="F70682" s="1" t="s">
        <v>236124</v>
      </c>
      <c r="G70682" s="1" t="s">
        <v>236035</v>
      </c>
      <c r="H70682" s="1" t="s">
        <v>236036</v>
      </c>
      <c r="I70682" s="1" t="s">
        <v>222698</v>
      </c>
      <c r="J70682" s="1" t="s">
        <v>236125</v>
      </c>
    </row>
    <row r="70683" spans="1:10" x14ac:dyDescent="0.35">
      <c r="A70683" s="1" t="s">
        <v>10172</v>
      </c>
      <c r="B70683" s="1" t="s">
        <v>222693</v>
      </c>
      <c r="C70683" s="1" t="s">
        <v>150</v>
      </c>
      <c r="D70683" s="1" t="s">
        <v>130103</v>
      </c>
      <c r="E70683" s="1" t="s">
        <v>236126</v>
      </c>
      <c r="F70683" s="1" t="s">
        <v>236127</v>
      </c>
      <c r="G70683" s="1" t="s">
        <v>236035</v>
      </c>
      <c r="H70683" s="1" t="s">
        <v>236036</v>
      </c>
      <c r="I70683" s="1" t="s">
        <v>222698</v>
      </c>
      <c r="J70683" s="1" t="s">
        <v>236128</v>
      </c>
    </row>
    <row r="70684" spans="1:10" x14ac:dyDescent="0.35">
      <c r="A70684" s="1" t="s">
        <v>10172</v>
      </c>
      <c r="B70684" s="1" t="s">
        <v>222693</v>
      </c>
      <c r="C70684" s="1" t="s">
        <v>155</v>
      </c>
      <c r="D70684" s="1" t="s">
        <v>234056</v>
      </c>
      <c r="E70684" s="1" t="s">
        <v>236129</v>
      </c>
      <c r="F70684" s="1" t="s">
        <v>236130</v>
      </c>
      <c r="G70684" s="1" t="s">
        <v>236035</v>
      </c>
      <c r="H70684" s="1" t="s">
        <v>236036</v>
      </c>
      <c r="I70684" s="1" t="s">
        <v>222698</v>
      </c>
      <c r="J70684" s="1" t="s">
        <v>236131</v>
      </c>
    </row>
    <row r="70685" spans="1:10" x14ac:dyDescent="0.35">
      <c r="A70685" s="1" t="s">
        <v>10172</v>
      </c>
      <c r="B70685" s="1" t="s">
        <v>222693</v>
      </c>
      <c r="C70685" s="1" t="s">
        <v>160</v>
      </c>
      <c r="D70685" s="1" t="s">
        <v>236132</v>
      </c>
      <c r="E70685" s="1" t="s">
        <v>236133</v>
      </c>
      <c r="F70685" s="1" t="s">
        <v>236134</v>
      </c>
      <c r="G70685" s="1" t="s">
        <v>236035</v>
      </c>
      <c r="H70685" s="1" t="s">
        <v>236036</v>
      </c>
      <c r="I70685" s="1" t="s">
        <v>222698</v>
      </c>
      <c r="J70685" s="1" t="s">
        <v>236135</v>
      </c>
    </row>
    <row r="70686" spans="1:10" x14ac:dyDescent="0.35">
      <c r="A70686" s="1" t="s">
        <v>10172</v>
      </c>
      <c r="B70686" s="1" t="s">
        <v>222693</v>
      </c>
      <c r="C70686" s="1" t="s">
        <v>165</v>
      </c>
      <c r="D70686" s="1" t="s">
        <v>126751</v>
      </c>
      <c r="E70686" s="1" t="s">
        <v>236136</v>
      </c>
      <c r="F70686" s="1" t="s">
        <v>236137</v>
      </c>
      <c r="G70686" s="1" t="s">
        <v>236035</v>
      </c>
      <c r="H70686" s="1" t="s">
        <v>236036</v>
      </c>
      <c r="I70686" s="1" t="s">
        <v>222698</v>
      </c>
      <c r="J70686" s="1" t="s">
        <v>236138</v>
      </c>
    </row>
    <row r="70687" spans="1:10" x14ac:dyDescent="0.35">
      <c r="A70687" s="1" t="s">
        <v>10172</v>
      </c>
      <c r="B70687" s="1" t="s">
        <v>222693</v>
      </c>
      <c r="C70687" s="1" t="s">
        <v>170</v>
      </c>
      <c r="D70687" s="1" t="s">
        <v>97466</v>
      </c>
      <c r="E70687" s="1" t="s">
        <v>236139</v>
      </c>
      <c r="F70687" s="1" t="s">
        <v>236140</v>
      </c>
      <c r="G70687" s="1" t="s">
        <v>236035</v>
      </c>
      <c r="H70687" s="1" t="s">
        <v>236036</v>
      </c>
      <c r="I70687" s="1" t="s">
        <v>222698</v>
      </c>
      <c r="J70687" s="1" t="s">
        <v>236141</v>
      </c>
    </row>
    <row r="70688" spans="1:10" x14ac:dyDescent="0.35">
      <c r="A70688" s="1" t="s">
        <v>25124</v>
      </c>
      <c r="B70688" s="1" t="s">
        <v>222693</v>
      </c>
      <c r="C70688" s="1" t="s">
        <v>8</v>
      </c>
      <c r="D70688" s="1" t="s">
        <v>108051</v>
      </c>
      <c r="E70688" s="1" t="s">
        <v>236142</v>
      </c>
      <c r="F70688" s="1" t="s">
        <v>236143</v>
      </c>
      <c r="G70688" s="1" t="s">
        <v>236144</v>
      </c>
      <c r="H70688" s="1" t="s">
        <v>236145</v>
      </c>
      <c r="I70688" s="1" t="s">
        <v>222698</v>
      </c>
      <c r="J70688" s="1" t="s">
        <v>13</v>
      </c>
    </row>
    <row r="70689" spans="1:10" x14ac:dyDescent="0.35">
      <c r="A70689" s="1" t="s">
        <v>25124</v>
      </c>
      <c r="B70689" s="1" t="s">
        <v>222693</v>
      </c>
      <c r="C70689" s="1" t="s">
        <v>15</v>
      </c>
      <c r="D70689" s="1" t="s">
        <v>236146</v>
      </c>
      <c r="E70689" s="1" t="s">
        <v>236147</v>
      </c>
      <c r="F70689" s="1" t="s">
        <v>236148</v>
      </c>
      <c r="G70689" s="1" t="s">
        <v>236144</v>
      </c>
      <c r="H70689" s="1" t="s">
        <v>236145</v>
      </c>
      <c r="I70689" s="1" t="s">
        <v>222698</v>
      </c>
      <c r="J70689" s="1" t="s">
        <v>236149</v>
      </c>
    </row>
    <row r="70690" spans="1:10" x14ac:dyDescent="0.35">
      <c r="A70690" s="1" t="s">
        <v>25124</v>
      </c>
      <c r="B70690" s="1" t="s">
        <v>222693</v>
      </c>
      <c r="C70690" s="1" t="s">
        <v>20</v>
      </c>
      <c r="D70690" s="1" t="s">
        <v>101249</v>
      </c>
      <c r="E70690" s="1" t="s">
        <v>236150</v>
      </c>
      <c r="F70690" s="1" t="s">
        <v>236151</v>
      </c>
      <c r="G70690" s="1" t="s">
        <v>236144</v>
      </c>
      <c r="H70690" s="1" t="s">
        <v>236145</v>
      </c>
      <c r="I70690" s="1" t="s">
        <v>222698</v>
      </c>
      <c r="J70690" s="1" t="s">
        <v>236152</v>
      </c>
    </row>
    <row r="70691" spans="1:10" x14ac:dyDescent="0.35">
      <c r="A70691" s="1" t="s">
        <v>25124</v>
      </c>
      <c r="B70691" s="1" t="s">
        <v>222693</v>
      </c>
      <c r="C70691" s="1" t="s">
        <v>25</v>
      </c>
      <c r="D70691" s="1" t="s">
        <v>75739</v>
      </c>
      <c r="E70691" s="1" t="s">
        <v>236153</v>
      </c>
      <c r="F70691" s="1" t="s">
        <v>236154</v>
      </c>
      <c r="G70691" s="1" t="s">
        <v>236144</v>
      </c>
      <c r="H70691" s="1" t="s">
        <v>236145</v>
      </c>
      <c r="I70691" s="1" t="s">
        <v>222698</v>
      </c>
      <c r="J70691" s="1" t="s">
        <v>236155</v>
      </c>
    </row>
    <row r="70692" spans="1:10" x14ac:dyDescent="0.35">
      <c r="A70692" s="1" t="s">
        <v>25124</v>
      </c>
      <c r="B70692" s="1" t="s">
        <v>222693</v>
      </c>
      <c r="C70692" s="1" t="s">
        <v>30</v>
      </c>
      <c r="D70692" s="1" t="s">
        <v>83763</v>
      </c>
      <c r="E70692" s="1" t="s">
        <v>236156</v>
      </c>
      <c r="F70692" s="1" t="s">
        <v>236157</v>
      </c>
      <c r="G70692" s="1" t="s">
        <v>236144</v>
      </c>
      <c r="H70692" s="1" t="s">
        <v>236145</v>
      </c>
      <c r="I70692" s="1" t="s">
        <v>222698</v>
      </c>
      <c r="J70692" s="1" t="s">
        <v>236158</v>
      </c>
    </row>
    <row r="70693" spans="1:10" x14ac:dyDescent="0.35">
      <c r="A70693" s="1" t="s">
        <v>25124</v>
      </c>
      <c r="B70693" s="1" t="s">
        <v>222693</v>
      </c>
      <c r="C70693" s="1" t="s">
        <v>35</v>
      </c>
      <c r="D70693" s="1" t="s">
        <v>89572</v>
      </c>
      <c r="E70693" s="1" t="s">
        <v>236159</v>
      </c>
      <c r="F70693" s="1" t="s">
        <v>236160</v>
      </c>
      <c r="G70693" s="1" t="s">
        <v>236144</v>
      </c>
      <c r="H70693" s="1" t="s">
        <v>236145</v>
      </c>
      <c r="I70693" s="1" t="s">
        <v>222698</v>
      </c>
      <c r="J70693" s="1" t="s">
        <v>236161</v>
      </c>
    </row>
    <row r="70694" spans="1:10" x14ac:dyDescent="0.35">
      <c r="A70694" s="1" t="s">
        <v>25124</v>
      </c>
      <c r="B70694" s="1" t="s">
        <v>222693</v>
      </c>
      <c r="C70694" s="1" t="s">
        <v>40</v>
      </c>
      <c r="D70694" s="1" t="s">
        <v>56270</v>
      </c>
      <c r="E70694" s="1" t="s">
        <v>236162</v>
      </c>
      <c r="F70694" s="1" t="s">
        <v>236163</v>
      </c>
      <c r="G70694" s="1" t="s">
        <v>236144</v>
      </c>
      <c r="H70694" s="1" t="s">
        <v>236145</v>
      </c>
      <c r="I70694" s="1" t="s">
        <v>222698</v>
      </c>
      <c r="J70694" s="1" t="s">
        <v>236164</v>
      </c>
    </row>
    <row r="70695" spans="1:10" x14ac:dyDescent="0.35">
      <c r="A70695" s="1" t="s">
        <v>25124</v>
      </c>
      <c r="B70695" s="1" t="s">
        <v>222693</v>
      </c>
      <c r="C70695" s="1" t="s">
        <v>45</v>
      </c>
      <c r="D70695" s="1" t="s">
        <v>236165</v>
      </c>
      <c r="E70695" s="1" t="s">
        <v>236166</v>
      </c>
      <c r="F70695" s="1" t="s">
        <v>236167</v>
      </c>
      <c r="G70695" s="1" t="s">
        <v>236144</v>
      </c>
      <c r="H70695" s="1" t="s">
        <v>236145</v>
      </c>
      <c r="I70695" s="1" t="s">
        <v>222698</v>
      </c>
      <c r="J70695" s="1" t="s">
        <v>236168</v>
      </c>
    </row>
    <row r="70696" spans="1:10" x14ac:dyDescent="0.35">
      <c r="A70696" s="1" t="s">
        <v>25124</v>
      </c>
      <c r="B70696" s="1" t="s">
        <v>222693</v>
      </c>
      <c r="C70696" s="1" t="s">
        <v>50</v>
      </c>
      <c r="D70696" s="1" t="s">
        <v>55795</v>
      </c>
      <c r="E70696" s="1" t="s">
        <v>236169</v>
      </c>
      <c r="F70696" s="1" t="s">
        <v>236170</v>
      </c>
      <c r="G70696" s="1" t="s">
        <v>236144</v>
      </c>
      <c r="H70696" s="1" t="s">
        <v>236145</v>
      </c>
      <c r="I70696" s="1" t="s">
        <v>222698</v>
      </c>
      <c r="J70696" s="1" t="s">
        <v>236171</v>
      </c>
    </row>
    <row r="70697" spans="1:10" x14ac:dyDescent="0.35">
      <c r="A70697" s="1" t="s">
        <v>25124</v>
      </c>
      <c r="B70697" s="1" t="s">
        <v>222693</v>
      </c>
      <c r="C70697" s="1" t="s">
        <v>55</v>
      </c>
      <c r="D70697" s="1" t="s">
        <v>138359</v>
      </c>
      <c r="E70697" s="1" t="s">
        <v>236172</v>
      </c>
      <c r="F70697" s="1" t="s">
        <v>236173</v>
      </c>
      <c r="G70697" s="1" t="s">
        <v>236144</v>
      </c>
      <c r="H70697" s="1" t="s">
        <v>236145</v>
      </c>
      <c r="I70697" s="1" t="s">
        <v>222698</v>
      </c>
      <c r="J70697" s="1" t="s">
        <v>236174</v>
      </c>
    </row>
    <row r="70698" spans="1:10" x14ac:dyDescent="0.35">
      <c r="A70698" s="1" t="s">
        <v>25124</v>
      </c>
      <c r="B70698" s="1" t="s">
        <v>222693</v>
      </c>
      <c r="C70698" s="1" t="s">
        <v>60</v>
      </c>
      <c r="D70698" s="1" t="s">
        <v>140053</v>
      </c>
      <c r="E70698" s="1" t="s">
        <v>236175</v>
      </c>
      <c r="F70698" s="1" t="s">
        <v>236176</v>
      </c>
      <c r="G70698" s="1" t="s">
        <v>236144</v>
      </c>
      <c r="H70698" s="1" t="s">
        <v>236145</v>
      </c>
      <c r="I70698" s="1" t="s">
        <v>222698</v>
      </c>
      <c r="J70698" s="1" t="s">
        <v>236177</v>
      </c>
    </row>
    <row r="70699" spans="1:10" x14ac:dyDescent="0.35">
      <c r="A70699" s="1" t="s">
        <v>25124</v>
      </c>
      <c r="B70699" s="1" t="s">
        <v>222693</v>
      </c>
      <c r="C70699" s="1" t="s">
        <v>65</v>
      </c>
      <c r="D70699" s="1" t="s">
        <v>20484</v>
      </c>
      <c r="E70699" s="1" t="s">
        <v>236178</v>
      </c>
      <c r="F70699" s="1" t="s">
        <v>236179</v>
      </c>
      <c r="G70699" s="1" t="s">
        <v>236144</v>
      </c>
      <c r="H70699" s="1" t="s">
        <v>236145</v>
      </c>
      <c r="I70699" s="1" t="s">
        <v>222698</v>
      </c>
      <c r="J70699" s="1" t="s">
        <v>236180</v>
      </c>
    </row>
    <row r="70700" spans="1:10" x14ac:dyDescent="0.35">
      <c r="A70700" s="1" t="s">
        <v>25124</v>
      </c>
      <c r="B70700" s="1" t="s">
        <v>222693</v>
      </c>
      <c r="C70700" s="1" t="s">
        <v>70</v>
      </c>
      <c r="D70700" s="1" t="s">
        <v>140186</v>
      </c>
      <c r="E70700" s="1" t="s">
        <v>236181</v>
      </c>
      <c r="F70700" s="1" t="s">
        <v>236182</v>
      </c>
      <c r="G70700" s="1" t="s">
        <v>236144</v>
      </c>
      <c r="H70700" s="1" t="s">
        <v>236145</v>
      </c>
      <c r="I70700" s="1" t="s">
        <v>222698</v>
      </c>
      <c r="J70700" s="1" t="s">
        <v>236183</v>
      </c>
    </row>
    <row r="70701" spans="1:10" x14ac:dyDescent="0.35">
      <c r="A70701" s="1" t="s">
        <v>25124</v>
      </c>
      <c r="B70701" s="1" t="s">
        <v>222693</v>
      </c>
      <c r="C70701" s="1" t="s">
        <v>75</v>
      </c>
      <c r="D70701" s="1" t="s">
        <v>68896</v>
      </c>
      <c r="E70701" s="1" t="s">
        <v>236184</v>
      </c>
      <c r="F70701" s="1" t="s">
        <v>236185</v>
      </c>
      <c r="G70701" s="1" t="s">
        <v>236144</v>
      </c>
      <c r="H70701" s="1" t="s">
        <v>236145</v>
      </c>
      <c r="I70701" s="1" t="s">
        <v>222698</v>
      </c>
      <c r="J70701" s="1" t="s">
        <v>236186</v>
      </c>
    </row>
    <row r="70702" spans="1:10" x14ac:dyDescent="0.35">
      <c r="A70702" s="1" t="s">
        <v>25124</v>
      </c>
      <c r="B70702" s="1" t="s">
        <v>222693</v>
      </c>
      <c r="C70702" s="1" t="s">
        <v>80</v>
      </c>
      <c r="D70702" s="1" t="s">
        <v>55576</v>
      </c>
      <c r="E70702" s="1" t="s">
        <v>236187</v>
      </c>
      <c r="F70702" s="1" t="s">
        <v>236188</v>
      </c>
      <c r="G70702" s="1" t="s">
        <v>236144</v>
      </c>
      <c r="H70702" s="1" t="s">
        <v>236145</v>
      </c>
      <c r="I70702" s="1" t="s">
        <v>222698</v>
      </c>
      <c r="J70702" s="1" t="s">
        <v>236189</v>
      </c>
    </row>
    <row r="70703" spans="1:10" x14ac:dyDescent="0.35">
      <c r="A70703" s="1" t="s">
        <v>25124</v>
      </c>
      <c r="B70703" s="1" t="s">
        <v>222693</v>
      </c>
      <c r="C70703" s="1" t="s">
        <v>85</v>
      </c>
      <c r="D70703" s="1" t="s">
        <v>95351</v>
      </c>
      <c r="E70703" s="1" t="s">
        <v>236190</v>
      </c>
      <c r="F70703" s="1" t="s">
        <v>236191</v>
      </c>
      <c r="G70703" s="1" t="s">
        <v>236144</v>
      </c>
      <c r="H70703" s="1" t="s">
        <v>236145</v>
      </c>
      <c r="I70703" s="1" t="s">
        <v>222698</v>
      </c>
      <c r="J70703" s="1" t="s">
        <v>236192</v>
      </c>
    </row>
    <row r="70704" spans="1:10" x14ac:dyDescent="0.35">
      <c r="A70704" s="1" t="s">
        <v>25124</v>
      </c>
      <c r="B70704" s="1" t="s">
        <v>222693</v>
      </c>
      <c r="C70704" s="1" t="s">
        <v>90</v>
      </c>
      <c r="D70704" s="1" t="s">
        <v>236193</v>
      </c>
      <c r="E70704" s="1" t="s">
        <v>236194</v>
      </c>
      <c r="F70704" s="1" t="s">
        <v>236195</v>
      </c>
      <c r="G70704" s="1" t="s">
        <v>236144</v>
      </c>
      <c r="H70704" s="1" t="s">
        <v>236145</v>
      </c>
      <c r="I70704" s="1" t="s">
        <v>222698</v>
      </c>
      <c r="J70704" s="1" t="s">
        <v>236196</v>
      </c>
    </row>
    <row r="70705" spans="1:10" x14ac:dyDescent="0.35">
      <c r="A70705" s="1" t="s">
        <v>25124</v>
      </c>
      <c r="B70705" s="1" t="s">
        <v>222693</v>
      </c>
      <c r="C70705" s="1" t="s">
        <v>95</v>
      </c>
      <c r="D70705" s="1" t="s">
        <v>22719</v>
      </c>
      <c r="E70705" s="1" t="s">
        <v>236197</v>
      </c>
      <c r="F70705" s="1" t="s">
        <v>236198</v>
      </c>
      <c r="G70705" s="1" t="s">
        <v>236144</v>
      </c>
      <c r="H70705" s="1" t="s">
        <v>236145</v>
      </c>
      <c r="I70705" s="1" t="s">
        <v>222698</v>
      </c>
      <c r="J70705" s="1" t="s">
        <v>236199</v>
      </c>
    </row>
    <row r="70706" spans="1:10" x14ac:dyDescent="0.35">
      <c r="A70706" s="1" t="s">
        <v>25124</v>
      </c>
      <c r="B70706" s="1" t="s">
        <v>222693</v>
      </c>
      <c r="C70706" s="1" t="s">
        <v>100</v>
      </c>
      <c r="D70706" s="1" t="s">
        <v>236200</v>
      </c>
      <c r="E70706" s="1" t="s">
        <v>236201</v>
      </c>
      <c r="F70706" s="1" t="s">
        <v>236202</v>
      </c>
      <c r="G70706" s="1" t="s">
        <v>236144</v>
      </c>
      <c r="H70706" s="1" t="s">
        <v>236145</v>
      </c>
      <c r="I70706" s="1" t="s">
        <v>222698</v>
      </c>
      <c r="J70706" s="1" t="s">
        <v>236203</v>
      </c>
    </row>
    <row r="70707" spans="1:10" x14ac:dyDescent="0.35">
      <c r="A70707" s="1" t="s">
        <v>25124</v>
      </c>
      <c r="B70707" s="1" t="s">
        <v>222693</v>
      </c>
      <c r="C70707" s="1" t="s">
        <v>105</v>
      </c>
      <c r="D70707" s="1" t="s">
        <v>88554</v>
      </c>
      <c r="E70707" s="1" t="s">
        <v>236204</v>
      </c>
      <c r="F70707" s="1" t="s">
        <v>236205</v>
      </c>
      <c r="G70707" s="1" t="s">
        <v>236144</v>
      </c>
      <c r="H70707" s="1" t="s">
        <v>236145</v>
      </c>
      <c r="I70707" s="1" t="s">
        <v>222698</v>
      </c>
      <c r="J70707" s="1" t="s">
        <v>236206</v>
      </c>
    </row>
    <row r="70708" spans="1:10" x14ac:dyDescent="0.35">
      <c r="A70708" s="1" t="s">
        <v>25124</v>
      </c>
      <c r="B70708" s="1" t="s">
        <v>222693</v>
      </c>
      <c r="C70708" s="1" t="s">
        <v>110</v>
      </c>
      <c r="D70708" s="1" t="s">
        <v>229659</v>
      </c>
      <c r="E70708" s="1" t="s">
        <v>236207</v>
      </c>
      <c r="F70708" s="1" t="s">
        <v>236208</v>
      </c>
      <c r="G70708" s="1" t="s">
        <v>236144</v>
      </c>
      <c r="H70708" s="1" t="s">
        <v>236145</v>
      </c>
      <c r="I70708" s="1" t="s">
        <v>222698</v>
      </c>
      <c r="J70708" s="1" t="s">
        <v>236209</v>
      </c>
    </row>
    <row r="70709" spans="1:10" x14ac:dyDescent="0.35">
      <c r="A70709" s="1" t="s">
        <v>25124</v>
      </c>
      <c r="B70709" s="1" t="s">
        <v>222693</v>
      </c>
      <c r="C70709" s="1" t="s">
        <v>115</v>
      </c>
      <c r="D70709" s="1" t="s">
        <v>236210</v>
      </c>
      <c r="E70709" s="1" t="s">
        <v>236211</v>
      </c>
      <c r="F70709" s="1" t="s">
        <v>236212</v>
      </c>
      <c r="G70709" s="1" t="s">
        <v>236144</v>
      </c>
      <c r="H70709" s="1" t="s">
        <v>236145</v>
      </c>
      <c r="I70709" s="1" t="s">
        <v>222698</v>
      </c>
      <c r="J70709" s="1" t="s">
        <v>236213</v>
      </c>
    </row>
    <row r="70710" spans="1:10" x14ac:dyDescent="0.35">
      <c r="A70710" s="1" t="s">
        <v>25124</v>
      </c>
      <c r="B70710" s="1" t="s">
        <v>222693</v>
      </c>
      <c r="C70710" s="1" t="s">
        <v>120</v>
      </c>
      <c r="D70710" s="1" t="s">
        <v>130241</v>
      </c>
      <c r="E70710" s="1" t="s">
        <v>236214</v>
      </c>
      <c r="F70710" s="1" t="s">
        <v>236215</v>
      </c>
      <c r="G70710" s="1" t="s">
        <v>236144</v>
      </c>
      <c r="H70710" s="1" t="s">
        <v>236145</v>
      </c>
      <c r="I70710" s="1" t="s">
        <v>222698</v>
      </c>
      <c r="J70710" s="1" t="s">
        <v>236216</v>
      </c>
    </row>
    <row r="70711" spans="1:10" x14ac:dyDescent="0.35">
      <c r="A70711" s="1" t="s">
        <v>25124</v>
      </c>
      <c r="B70711" s="1" t="s">
        <v>222693</v>
      </c>
      <c r="C70711" s="1" t="s">
        <v>125</v>
      </c>
      <c r="D70711" s="1" t="s">
        <v>236217</v>
      </c>
      <c r="E70711" s="1" t="s">
        <v>236218</v>
      </c>
      <c r="F70711" s="1" t="s">
        <v>236219</v>
      </c>
      <c r="G70711" s="1" t="s">
        <v>236144</v>
      </c>
      <c r="H70711" s="1" t="s">
        <v>236145</v>
      </c>
      <c r="I70711" s="1" t="s">
        <v>222698</v>
      </c>
      <c r="J70711" s="1" t="s">
        <v>236220</v>
      </c>
    </row>
    <row r="70712" spans="1:10" x14ac:dyDescent="0.35">
      <c r="A70712" s="1" t="s">
        <v>25124</v>
      </c>
      <c r="B70712" s="1" t="s">
        <v>222693</v>
      </c>
      <c r="C70712" s="1" t="s">
        <v>130</v>
      </c>
      <c r="D70712" s="1" t="s">
        <v>198987</v>
      </c>
      <c r="E70712" s="1" t="s">
        <v>236221</v>
      </c>
      <c r="F70712" s="1" t="s">
        <v>236222</v>
      </c>
      <c r="G70712" s="1" t="s">
        <v>236144</v>
      </c>
      <c r="H70712" s="1" t="s">
        <v>236145</v>
      </c>
      <c r="I70712" s="1" t="s">
        <v>222698</v>
      </c>
      <c r="J70712" s="1" t="s">
        <v>236223</v>
      </c>
    </row>
    <row r="70713" spans="1:10" x14ac:dyDescent="0.35">
      <c r="A70713" s="1" t="s">
        <v>25124</v>
      </c>
      <c r="B70713" s="1" t="s">
        <v>222693</v>
      </c>
      <c r="C70713" s="1" t="s">
        <v>135</v>
      </c>
      <c r="D70713" s="1" t="s">
        <v>200977</v>
      </c>
      <c r="E70713" s="1" t="s">
        <v>236224</v>
      </c>
      <c r="F70713" s="1" t="s">
        <v>236225</v>
      </c>
      <c r="G70713" s="1" t="s">
        <v>236144</v>
      </c>
      <c r="H70713" s="1" t="s">
        <v>236145</v>
      </c>
      <c r="I70713" s="1" t="s">
        <v>222698</v>
      </c>
      <c r="J70713" s="1" t="s">
        <v>236226</v>
      </c>
    </row>
    <row r="70714" spans="1:10" x14ac:dyDescent="0.35">
      <c r="A70714" s="1" t="s">
        <v>25124</v>
      </c>
      <c r="B70714" s="1" t="s">
        <v>222693</v>
      </c>
      <c r="C70714" s="1" t="s">
        <v>140</v>
      </c>
      <c r="D70714" s="1" t="s">
        <v>236227</v>
      </c>
      <c r="E70714" s="1" t="s">
        <v>236228</v>
      </c>
      <c r="F70714" s="1" t="s">
        <v>236229</v>
      </c>
      <c r="G70714" s="1" t="s">
        <v>236144</v>
      </c>
      <c r="H70714" s="1" t="s">
        <v>236145</v>
      </c>
      <c r="I70714" s="1" t="s">
        <v>222698</v>
      </c>
      <c r="J70714" s="1" t="s">
        <v>236230</v>
      </c>
    </row>
    <row r="70715" spans="1:10" x14ac:dyDescent="0.35">
      <c r="A70715" s="1" t="s">
        <v>25124</v>
      </c>
      <c r="B70715" s="1" t="s">
        <v>222693</v>
      </c>
      <c r="C70715" s="1" t="s">
        <v>145</v>
      </c>
      <c r="D70715" s="1" t="s">
        <v>82007</v>
      </c>
      <c r="E70715" s="1" t="s">
        <v>236231</v>
      </c>
      <c r="F70715" s="1" t="s">
        <v>236232</v>
      </c>
      <c r="G70715" s="1" t="s">
        <v>236144</v>
      </c>
      <c r="H70715" s="1" t="s">
        <v>236145</v>
      </c>
      <c r="I70715" s="1" t="s">
        <v>222698</v>
      </c>
      <c r="J70715" s="1" t="s">
        <v>236233</v>
      </c>
    </row>
    <row r="70716" spans="1:10" x14ac:dyDescent="0.35">
      <c r="A70716" s="1" t="s">
        <v>25124</v>
      </c>
      <c r="B70716" s="1" t="s">
        <v>222693</v>
      </c>
      <c r="C70716" s="1" t="s">
        <v>150</v>
      </c>
      <c r="D70716" s="1" t="s">
        <v>236234</v>
      </c>
      <c r="E70716" s="1" t="s">
        <v>236235</v>
      </c>
      <c r="F70716" s="1" t="s">
        <v>236236</v>
      </c>
      <c r="G70716" s="1" t="s">
        <v>236144</v>
      </c>
      <c r="H70716" s="1" t="s">
        <v>236145</v>
      </c>
      <c r="I70716" s="1" t="s">
        <v>222698</v>
      </c>
      <c r="J70716" s="1" t="s">
        <v>236237</v>
      </c>
    </row>
    <row r="70717" spans="1:10" x14ac:dyDescent="0.35">
      <c r="A70717" s="1" t="s">
        <v>25124</v>
      </c>
      <c r="B70717" s="1" t="s">
        <v>222693</v>
      </c>
      <c r="C70717" s="1" t="s">
        <v>155</v>
      </c>
      <c r="D70717" s="1" t="s">
        <v>236238</v>
      </c>
      <c r="E70717" s="1" t="s">
        <v>236239</v>
      </c>
      <c r="F70717" s="1" t="s">
        <v>236240</v>
      </c>
      <c r="G70717" s="1" t="s">
        <v>236144</v>
      </c>
      <c r="H70717" s="1" t="s">
        <v>236145</v>
      </c>
      <c r="I70717" s="1" t="s">
        <v>222698</v>
      </c>
      <c r="J70717" s="1" t="s">
        <v>236241</v>
      </c>
    </row>
    <row r="70718" spans="1:10" x14ac:dyDescent="0.35">
      <c r="A70718" s="1" t="s">
        <v>25124</v>
      </c>
      <c r="B70718" s="1" t="s">
        <v>222693</v>
      </c>
      <c r="C70718" s="1" t="s">
        <v>160</v>
      </c>
      <c r="D70718" s="1" t="s">
        <v>70018</v>
      </c>
      <c r="E70718" s="1" t="s">
        <v>236242</v>
      </c>
      <c r="F70718" s="1" t="s">
        <v>236243</v>
      </c>
      <c r="G70718" s="1" t="s">
        <v>236144</v>
      </c>
      <c r="H70718" s="1" t="s">
        <v>236145</v>
      </c>
      <c r="I70718" s="1" t="s">
        <v>222698</v>
      </c>
      <c r="J70718" s="1" t="s">
        <v>236244</v>
      </c>
    </row>
    <row r="70719" spans="1:10" x14ac:dyDescent="0.35">
      <c r="A70719" s="1" t="s">
        <v>25124</v>
      </c>
      <c r="B70719" s="1" t="s">
        <v>222693</v>
      </c>
      <c r="C70719" s="1" t="s">
        <v>165</v>
      </c>
      <c r="D70719" s="1" t="s">
        <v>61209</v>
      </c>
      <c r="E70719" s="1" t="s">
        <v>236245</v>
      </c>
      <c r="F70719" s="1" t="s">
        <v>236246</v>
      </c>
      <c r="G70719" s="1" t="s">
        <v>236144</v>
      </c>
      <c r="H70719" s="1" t="s">
        <v>236145</v>
      </c>
      <c r="I70719" s="1" t="s">
        <v>222698</v>
      </c>
      <c r="J70719" s="1" t="s">
        <v>236247</v>
      </c>
    </row>
    <row r="70720" spans="1:10" x14ac:dyDescent="0.35">
      <c r="A70720" s="1" t="s">
        <v>25124</v>
      </c>
      <c r="B70720" s="1" t="s">
        <v>222693</v>
      </c>
      <c r="C70720" s="1" t="s">
        <v>170</v>
      </c>
      <c r="D70720" s="1" t="s">
        <v>102142</v>
      </c>
      <c r="E70720" s="1" t="s">
        <v>236248</v>
      </c>
      <c r="F70720" s="1" t="s">
        <v>236249</v>
      </c>
      <c r="G70720" s="1" t="s">
        <v>236144</v>
      </c>
      <c r="H70720" s="1" t="s">
        <v>236145</v>
      </c>
      <c r="I70720" s="1" t="s">
        <v>222698</v>
      </c>
      <c r="J70720" s="1" t="s">
        <v>236250</v>
      </c>
    </row>
    <row r="70721" spans="1:10" x14ac:dyDescent="0.35">
      <c r="A70721" s="1" t="s">
        <v>1572</v>
      </c>
      <c r="B70721" s="1" t="s">
        <v>222693</v>
      </c>
      <c r="C70721" s="1" t="s">
        <v>8</v>
      </c>
      <c r="D70721" s="1" t="s">
        <v>61879</v>
      </c>
      <c r="E70721" s="1" t="s">
        <v>236251</v>
      </c>
      <c r="F70721" s="1" t="s">
        <v>236252</v>
      </c>
      <c r="G70721" s="1" t="s">
        <v>236253</v>
      </c>
      <c r="H70721" s="1" t="s">
        <v>236254</v>
      </c>
      <c r="I70721" s="1" t="s">
        <v>222698</v>
      </c>
      <c r="J70721" s="1" t="s">
        <v>13</v>
      </c>
    </row>
    <row r="70722" spans="1:10" x14ac:dyDescent="0.35">
      <c r="A70722" s="1" t="s">
        <v>1572</v>
      </c>
      <c r="B70722" s="1" t="s">
        <v>222693</v>
      </c>
      <c r="C70722" s="1" t="s">
        <v>15</v>
      </c>
      <c r="D70722" s="1" t="s">
        <v>236255</v>
      </c>
      <c r="E70722" s="1" t="s">
        <v>236256</v>
      </c>
      <c r="F70722" s="1" t="s">
        <v>236257</v>
      </c>
      <c r="G70722" s="1" t="s">
        <v>236253</v>
      </c>
      <c r="H70722" s="1" t="s">
        <v>236254</v>
      </c>
      <c r="I70722" s="1" t="s">
        <v>222698</v>
      </c>
      <c r="J70722" s="1" t="s">
        <v>236258</v>
      </c>
    </row>
    <row r="70723" spans="1:10" x14ac:dyDescent="0.35">
      <c r="A70723" s="1" t="s">
        <v>1572</v>
      </c>
      <c r="B70723" s="1" t="s">
        <v>222693</v>
      </c>
      <c r="C70723" s="1" t="s">
        <v>20</v>
      </c>
      <c r="D70723" s="1" t="s">
        <v>81513</v>
      </c>
      <c r="E70723" s="1" t="s">
        <v>236259</v>
      </c>
      <c r="F70723" s="1" t="s">
        <v>236260</v>
      </c>
      <c r="G70723" s="1" t="s">
        <v>236253</v>
      </c>
      <c r="H70723" s="1" t="s">
        <v>236254</v>
      </c>
      <c r="I70723" s="1" t="s">
        <v>222698</v>
      </c>
      <c r="J70723" s="1" t="s">
        <v>236261</v>
      </c>
    </row>
    <row r="70724" spans="1:10" x14ac:dyDescent="0.35">
      <c r="A70724" s="1" t="s">
        <v>1572</v>
      </c>
      <c r="B70724" s="1" t="s">
        <v>222693</v>
      </c>
      <c r="C70724" s="1" t="s">
        <v>25</v>
      </c>
      <c r="D70724" s="1" t="s">
        <v>138422</v>
      </c>
      <c r="E70724" s="1" t="s">
        <v>236262</v>
      </c>
      <c r="F70724" s="1" t="s">
        <v>236263</v>
      </c>
      <c r="G70724" s="1" t="s">
        <v>236253</v>
      </c>
      <c r="H70724" s="1" t="s">
        <v>236254</v>
      </c>
      <c r="I70724" s="1" t="s">
        <v>222698</v>
      </c>
      <c r="J70724" s="1" t="s">
        <v>236264</v>
      </c>
    </row>
    <row r="70725" spans="1:10" x14ac:dyDescent="0.35">
      <c r="A70725" s="1" t="s">
        <v>1572</v>
      </c>
      <c r="B70725" s="1" t="s">
        <v>222693</v>
      </c>
      <c r="C70725" s="1" t="s">
        <v>30</v>
      </c>
      <c r="D70725" s="1" t="s">
        <v>236265</v>
      </c>
      <c r="E70725" s="1" t="s">
        <v>236266</v>
      </c>
      <c r="F70725" s="1" t="s">
        <v>236267</v>
      </c>
      <c r="G70725" s="1" t="s">
        <v>236253</v>
      </c>
      <c r="H70725" s="1" t="s">
        <v>236254</v>
      </c>
      <c r="I70725" s="1" t="s">
        <v>222698</v>
      </c>
      <c r="J70725" s="1" t="s">
        <v>236268</v>
      </c>
    </row>
    <row r="70726" spans="1:10" x14ac:dyDescent="0.35">
      <c r="A70726" s="1" t="s">
        <v>1572</v>
      </c>
      <c r="B70726" s="1" t="s">
        <v>222693</v>
      </c>
      <c r="C70726" s="1" t="s">
        <v>35</v>
      </c>
      <c r="D70726" s="1" t="s">
        <v>100044</v>
      </c>
      <c r="E70726" s="1" t="s">
        <v>236269</v>
      </c>
      <c r="F70726" s="1" t="s">
        <v>236270</v>
      </c>
      <c r="G70726" s="1" t="s">
        <v>236253</v>
      </c>
      <c r="H70726" s="1" t="s">
        <v>236254</v>
      </c>
      <c r="I70726" s="1" t="s">
        <v>222698</v>
      </c>
      <c r="J70726" s="1" t="s">
        <v>236271</v>
      </c>
    </row>
    <row r="70727" spans="1:10" x14ac:dyDescent="0.35">
      <c r="A70727" s="1" t="s">
        <v>1572</v>
      </c>
      <c r="B70727" s="1" t="s">
        <v>222693</v>
      </c>
      <c r="C70727" s="1" t="s">
        <v>40</v>
      </c>
      <c r="D70727" s="1" t="s">
        <v>236272</v>
      </c>
      <c r="E70727" s="1" t="s">
        <v>236273</v>
      </c>
      <c r="F70727" s="1" t="s">
        <v>236274</v>
      </c>
      <c r="G70727" s="1" t="s">
        <v>236253</v>
      </c>
      <c r="H70727" s="1" t="s">
        <v>236254</v>
      </c>
      <c r="I70727" s="1" t="s">
        <v>222698</v>
      </c>
      <c r="J70727" s="1" t="s">
        <v>236275</v>
      </c>
    </row>
    <row r="70728" spans="1:10" x14ac:dyDescent="0.35">
      <c r="A70728" s="1" t="s">
        <v>1572</v>
      </c>
      <c r="B70728" s="1" t="s">
        <v>222693</v>
      </c>
      <c r="C70728" s="1" t="s">
        <v>45</v>
      </c>
      <c r="D70728" s="1" t="s">
        <v>236276</v>
      </c>
      <c r="E70728" s="1" t="s">
        <v>236277</v>
      </c>
      <c r="F70728" s="1" t="s">
        <v>236278</v>
      </c>
      <c r="G70728" s="1" t="s">
        <v>236253</v>
      </c>
      <c r="H70728" s="1" t="s">
        <v>236254</v>
      </c>
      <c r="I70728" s="1" t="s">
        <v>222698</v>
      </c>
      <c r="J70728" s="1" t="s">
        <v>236279</v>
      </c>
    </row>
    <row r="70729" spans="1:10" x14ac:dyDescent="0.35">
      <c r="A70729" s="1" t="s">
        <v>1572</v>
      </c>
      <c r="B70729" s="1" t="s">
        <v>222693</v>
      </c>
      <c r="C70729" s="1" t="s">
        <v>50</v>
      </c>
      <c r="D70729" s="1" t="s">
        <v>236280</v>
      </c>
      <c r="E70729" s="1" t="s">
        <v>236281</v>
      </c>
      <c r="F70729" s="1" t="s">
        <v>236282</v>
      </c>
      <c r="G70729" s="1" t="s">
        <v>236253</v>
      </c>
      <c r="H70729" s="1" t="s">
        <v>236254</v>
      </c>
      <c r="I70729" s="1" t="s">
        <v>222698</v>
      </c>
      <c r="J70729" s="1" t="s">
        <v>236283</v>
      </c>
    </row>
    <row r="70730" spans="1:10" x14ac:dyDescent="0.35">
      <c r="A70730" s="1" t="s">
        <v>1572</v>
      </c>
      <c r="B70730" s="1" t="s">
        <v>222693</v>
      </c>
      <c r="C70730" s="1" t="s">
        <v>55</v>
      </c>
      <c r="D70730" s="1" t="s">
        <v>41729</v>
      </c>
      <c r="E70730" s="1" t="s">
        <v>236284</v>
      </c>
      <c r="F70730" s="1" t="s">
        <v>236285</v>
      </c>
      <c r="G70730" s="1" t="s">
        <v>236253</v>
      </c>
      <c r="H70730" s="1" t="s">
        <v>236254</v>
      </c>
      <c r="I70730" s="1" t="s">
        <v>222698</v>
      </c>
      <c r="J70730" s="1" t="s">
        <v>236286</v>
      </c>
    </row>
    <row r="70731" spans="1:10" x14ac:dyDescent="0.35">
      <c r="A70731" s="1" t="s">
        <v>1572</v>
      </c>
      <c r="B70731" s="1" t="s">
        <v>222693</v>
      </c>
      <c r="C70731" s="1" t="s">
        <v>60</v>
      </c>
      <c r="D70731" s="1" t="s">
        <v>236287</v>
      </c>
      <c r="E70731" s="1" t="s">
        <v>236288</v>
      </c>
      <c r="F70731" s="1" t="s">
        <v>236289</v>
      </c>
      <c r="G70731" s="1" t="s">
        <v>236253</v>
      </c>
      <c r="H70731" s="1" t="s">
        <v>236254</v>
      </c>
      <c r="I70731" s="1" t="s">
        <v>222698</v>
      </c>
      <c r="J70731" s="1" t="s">
        <v>236290</v>
      </c>
    </row>
    <row r="70732" spans="1:10" x14ac:dyDescent="0.35">
      <c r="A70732" s="1" t="s">
        <v>1572</v>
      </c>
      <c r="B70732" s="1" t="s">
        <v>222693</v>
      </c>
      <c r="C70732" s="1" t="s">
        <v>65</v>
      </c>
      <c r="D70732" s="1" t="s">
        <v>236291</v>
      </c>
      <c r="E70732" s="1" t="s">
        <v>236292</v>
      </c>
      <c r="F70732" s="1" t="s">
        <v>236293</v>
      </c>
      <c r="G70732" s="1" t="s">
        <v>236253</v>
      </c>
      <c r="H70732" s="1" t="s">
        <v>236254</v>
      </c>
      <c r="I70732" s="1" t="s">
        <v>222698</v>
      </c>
      <c r="J70732" s="1" t="s">
        <v>236294</v>
      </c>
    </row>
    <row r="70733" spans="1:10" x14ac:dyDescent="0.35">
      <c r="A70733" s="1" t="s">
        <v>1572</v>
      </c>
      <c r="B70733" s="1" t="s">
        <v>222693</v>
      </c>
      <c r="C70733" s="1" t="s">
        <v>70</v>
      </c>
      <c r="D70733" s="1" t="s">
        <v>236295</v>
      </c>
      <c r="E70733" s="1" t="s">
        <v>236296</v>
      </c>
      <c r="F70733" s="1" t="s">
        <v>236297</v>
      </c>
      <c r="G70733" s="1" t="s">
        <v>236253</v>
      </c>
      <c r="H70733" s="1" t="s">
        <v>236254</v>
      </c>
      <c r="I70733" s="1" t="s">
        <v>222698</v>
      </c>
      <c r="J70733" s="1" t="s">
        <v>236298</v>
      </c>
    </row>
    <row r="70734" spans="1:10" x14ac:dyDescent="0.35">
      <c r="A70734" s="1" t="s">
        <v>1572</v>
      </c>
      <c r="B70734" s="1" t="s">
        <v>222693</v>
      </c>
      <c r="C70734" s="1" t="s">
        <v>75</v>
      </c>
      <c r="D70734" s="1" t="s">
        <v>41538</v>
      </c>
      <c r="E70734" s="1" t="s">
        <v>236299</v>
      </c>
      <c r="F70734" s="1" t="s">
        <v>236300</v>
      </c>
      <c r="G70734" s="1" t="s">
        <v>236253</v>
      </c>
      <c r="H70734" s="1" t="s">
        <v>236254</v>
      </c>
      <c r="I70734" s="1" t="s">
        <v>222698</v>
      </c>
      <c r="J70734" s="1" t="s">
        <v>236301</v>
      </c>
    </row>
    <row r="70735" spans="1:10" x14ac:dyDescent="0.35">
      <c r="A70735" s="1" t="s">
        <v>1572</v>
      </c>
      <c r="B70735" s="1" t="s">
        <v>222693</v>
      </c>
      <c r="C70735" s="1" t="s">
        <v>80</v>
      </c>
      <c r="D70735" s="1" t="s">
        <v>236302</v>
      </c>
      <c r="E70735" s="1" t="s">
        <v>236303</v>
      </c>
      <c r="F70735" s="1" t="s">
        <v>236304</v>
      </c>
      <c r="G70735" s="1" t="s">
        <v>236253</v>
      </c>
      <c r="H70735" s="1" t="s">
        <v>236254</v>
      </c>
      <c r="I70735" s="1" t="s">
        <v>222698</v>
      </c>
      <c r="J70735" s="1" t="s">
        <v>236305</v>
      </c>
    </row>
    <row r="70736" spans="1:10" x14ac:dyDescent="0.35">
      <c r="A70736" s="1" t="s">
        <v>1572</v>
      </c>
      <c r="B70736" s="1" t="s">
        <v>222693</v>
      </c>
      <c r="C70736" s="1" t="s">
        <v>85</v>
      </c>
      <c r="D70736" s="1" t="s">
        <v>164443</v>
      </c>
      <c r="E70736" s="1" t="s">
        <v>236306</v>
      </c>
      <c r="F70736" s="1" t="s">
        <v>236307</v>
      </c>
      <c r="G70736" s="1" t="s">
        <v>236253</v>
      </c>
      <c r="H70736" s="1" t="s">
        <v>236254</v>
      </c>
      <c r="I70736" s="1" t="s">
        <v>222698</v>
      </c>
      <c r="J70736" s="1" t="s">
        <v>236308</v>
      </c>
    </row>
    <row r="70737" spans="1:10" x14ac:dyDescent="0.35">
      <c r="A70737" s="1" t="s">
        <v>1572</v>
      </c>
      <c r="B70737" s="1" t="s">
        <v>222693</v>
      </c>
      <c r="C70737" s="1" t="s">
        <v>90</v>
      </c>
      <c r="D70737" s="1" t="s">
        <v>236309</v>
      </c>
      <c r="E70737" s="1" t="s">
        <v>236310</v>
      </c>
      <c r="F70737" s="1" t="s">
        <v>236311</v>
      </c>
      <c r="G70737" s="1" t="s">
        <v>236253</v>
      </c>
      <c r="H70737" s="1" t="s">
        <v>236254</v>
      </c>
      <c r="I70737" s="1" t="s">
        <v>222698</v>
      </c>
      <c r="J70737" s="1" t="s">
        <v>236312</v>
      </c>
    </row>
    <row r="70738" spans="1:10" x14ac:dyDescent="0.35">
      <c r="A70738" s="1" t="s">
        <v>1572</v>
      </c>
      <c r="B70738" s="1" t="s">
        <v>222693</v>
      </c>
      <c r="C70738" s="1" t="s">
        <v>95</v>
      </c>
      <c r="D70738" s="1" t="s">
        <v>230471</v>
      </c>
      <c r="E70738" s="1" t="s">
        <v>236313</v>
      </c>
      <c r="F70738" s="1" t="s">
        <v>236314</v>
      </c>
      <c r="G70738" s="1" t="s">
        <v>236253</v>
      </c>
      <c r="H70738" s="1" t="s">
        <v>236254</v>
      </c>
      <c r="I70738" s="1" t="s">
        <v>222698</v>
      </c>
      <c r="J70738" s="1" t="s">
        <v>236315</v>
      </c>
    </row>
    <row r="70739" spans="1:10" x14ac:dyDescent="0.35">
      <c r="A70739" s="1" t="s">
        <v>1572</v>
      </c>
      <c r="B70739" s="1" t="s">
        <v>222693</v>
      </c>
      <c r="C70739" s="1" t="s">
        <v>100</v>
      </c>
      <c r="D70739" s="1" t="s">
        <v>60046</v>
      </c>
      <c r="E70739" s="1" t="s">
        <v>236316</v>
      </c>
      <c r="F70739" s="1" t="s">
        <v>236317</v>
      </c>
      <c r="G70739" s="1" t="s">
        <v>236253</v>
      </c>
      <c r="H70739" s="1" t="s">
        <v>236254</v>
      </c>
      <c r="I70739" s="1" t="s">
        <v>222698</v>
      </c>
      <c r="J70739" s="1" t="s">
        <v>236318</v>
      </c>
    </row>
    <row r="70740" spans="1:10" x14ac:dyDescent="0.35">
      <c r="A70740" s="1" t="s">
        <v>1572</v>
      </c>
      <c r="B70740" s="1" t="s">
        <v>222693</v>
      </c>
      <c r="C70740" s="1" t="s">
        <v>105</v>
      </c>
      <c r="D70740" s="1" t="s">
        <v>232178</v>
      </c>
      <c r="E70740" s="1" t="s">
        <v>105705</v>
      </c>
      <c r="F70740" s="1" t="s">
        <v>236319</v>
      </c>
      <c r="G70740" s="1" t="s">
        <v>236253</v>
      </c>
      <c r="H70740" s="1" t="s">
        <v>236254</v>
      </c>
      <c r="I70740" s="1" t="s">
        <v>222698</v>
      </c>
      <c r="J70740" s="1" t="s">
        <v>236320</v>
      </c>
    </row>
    <row r="70741" spans="1:10" x14ac:dyDescent="0.35">
      <c r="A70741" s="1" t="s">
        <v>1572</v>
      </c>
      <c r="B70741" s="1" t="s">
        <v>222693</v>
      </c>
      <c r="C70741" s="1" t="s">
        <v>110</v>
      </c>
      <c r="D70741" s="1" t="s">
        <v>236321</v>
      </c>
      <c r="E70741" s="1" t="s">
        <v>236322</v>
      </c>
      <c r="F70741" s="1" t="s">
        <v>236323</v>
      </c>
      <c r="G70741" s="1" t="s">
        <v>236253</v>
      </c>
      <c r="H70741" s="1" t="s">
        <v>236254</v>
      </c>
      <c r="I70741" s="1" t="s">
        <v>222698</v>
      </c>
      <c r="J70741" s="1" t="s">
        <v>236324</v>
      </c>
    </row>
    <row r="70742" spans="1:10" x14ac:dyDescent="0.35">
      <c r="A70742" s="1" t="s">
        <v>1572</v>
      </c>
      <c r="B70742" s="1" t="s">
        <v>222693</v>
      </c>
      <c r="C70742" s="1" t="s">
        <v>115</v>
      </c>
      <c r="D70742" s="1" t="s">
        <v>236325</v>
      </c>
      <c r="E70742" s="1" t="s">
        <v>236326</v>
      </c>
      <c r="F70742" s="1" t="s">
        <v>236327</v>
      </c>
      <c r="G70742" s="1" t="s">
        <v>236253</v>
      </c>
      <c r="H70742" s="1" t="s">
        <v>236254</v>
      </c>
      <c r="I70742" s="1" t="s">
        <v>222698</v>
      </c>
      <c r="J70742" s="1" t="s">
        <v>236328</v>
      </c>
    </row>
    <row r="70743" spans="1:10" x14ac:dyDescent="0.35">
      <c r="A70743" s="1" t="s">
        <v>1572</v>
      </c>
      <c r="B70743" s="1" t="s">
        <v>222693</v>
      </c>
      <c r="C70743" s="1" t="s">
        <v>120</v>
      </c>
      <c r="D70743" s="1" t="s">
        <v>236329</v>
      </c>
      <c r="E70743" s="1" t="s">
        <v>236330</v>
      </c>
      <c r="F70743" s="1" t="s">
        <v>236331</v>
      </c>
      <c r="G70743" s="1" t="s">
        <v>236253</v>
      </c>
      <c r="H70743" s="1" t="s">
        <v>236254</v>
      </c>
      <c r="I70743" s="1" t="s">
        <v>222698</v>
      </c>
      <c r="J70743" s="1" t="s">
        <v>236332</v>
      </c>
    </row>
    <row r="70744" spans="1:10" x14ac:dyDescent="0.35">
      <c r="A70744" s="1" t="s">
        <v>1572</v>
      </c>
      <c r="B70744" s="1" t="s">
        <v>222693</v>
      </c>
      <c r="C70744" s="1" t="s">
        <v>125</v>
      </c>
      <c r="D70744" s="1" t="s">
        <v>236333</v>
      </c>
      <c r="E70744" s="1" t="s">
        <v>236334</v>
      </c>
      <c r="F70744" s="1" t="s">
        <v>236335</v>
      </c>
      <c r="G70744" s="1" t="s">
        <v>236253</v>
      </c>
      <c r="H70744" s="1" t="s">
        <v>236254</v>
      </c>
      <c r="I70744" s="1" t="s">
        <v>222698</v>
      </c>
      <c r="J70744" s="1" t="s">
        <v>236336</v>
      </c>
    </row>
    <row r="70745" spans="1:10" x14ac:dyDescent="0.35">
      <c r="A70745" s="1" t="s">
        <v>1572</v>
      </c>
      <c r="B70745" s="1" t="s">
        <v>222693</v>
      </c>
      <c r="C70745" s="1" t="s">
        <v>130</v>
      </c>
      <c r="D70745" s="1" t="s">
        <v>62753</v>
      </c>
      <c r="E70745" s="1" t="s">
        <v>236337</v>
      </c>
      <c r="F70745" s="1" t="s">
        <v>236338</v>
      </c>
      <c r="G70745" s="1" t="s">
        <v>236253</v>
      </c>
      <c r="H70745" s="1" t="s">
        <v>236254</v>
      </c>
      <c r="I70745" s="1" t="s">
        <v>222698</v>
      </c>
      <c r="J70745" s="1" t="s">
        <v>236339</v>
      </c>
    </row>
    <row r="70746" spans="1:10" x14ac:dyDescent="0.35">
      <c r="A70746" s="1" t="s">
        <v>1572</v>
      </c>
      <c r="B70746" s="1" t="s">
        <v>222693</v>
      </c>
      <c r="C70746" s="1" t="s">
        <v>135</v>
      </c>
      <c r="D70746" s="1" t="s">
        <v>229335</v>
      </c>
      <c r="E70746" s="1" t="s">
        <v>236340</v>
      </c>
      <c r="F70746" s="1" t="s">
        <v>236341</v>
      </c>
      <c r="G70746" s="1" t="s">
        <v>236253</v>
      </c>
      <c r="H70746" s="1" t="s">
        <v>236254</v>
      </c>
      <c r="I70746" s="1" t="s">
        <v>222698</v>
      </c>
      <c r="J70746" s="1" t="s">
        <v>236342</v>
      </c>
    </row>
    <row r="70747" spans="1:10" x14ac:dyDescent="0.35">
      <c r="A70747" s="1" t="s">
        <v>1572</v>
      </c>
      <c r="B70747" s="1" t="s">
        <v>222693</v>
      </c>
      <c r="C70747" s="1" t="s">
        <v>140</v>
      </c>
      <c r="D70747" s="1" t="s">
        <v>231546</v>
      </c>
      <c r="E70747" s="1" t="s">
        <v>236343</v>
      </c>
      <c r="F70747" s="1" t="s">
        <v>236344</v>
      </c>
      <c r="G70747" s="1" t="s">
        <v>236253</v>
      </c>
      <c r="H70747" s="1" t="s">
        <v>236254</v>
      </c>
      <c r="I70747" s="1" t="s">
        <v>222698</v>
      </c>
      <c r="J70747" s="1" t="s">
        <v>236345</v>
      </c>
    </row>
    <row r="70748" spans="1:10" x14ac:dyDescent="0.35">
      <c r="A70748" s="1" t="s">
        <v>1572</v>
      </c>
      <c r="B70748" s="1" t="s">
        <v>222693</v>
      </c>
      <c r="C70748" s="1" t="s">
        <v>145</v>
      </c>
      <c r="D70748" s="1" t="s">
        <v>236346</v>
      </c>
      <c r="E70748" s="1" t="s">
        <v>236347</v>
      </c>
      <c r="F70748" s="1" t="s">
        <v>236348</v>
      </c>
      <c r="G70748" s="1" t="s">
        <v>236253</v>
      </c>
      <c r="H70748" s="1" t="s">
        <v>236254</v>
      </c>
      <c r="I70748" s="1" t="s">
        <v>222698</v>
      </c>
      <c r="J70748" s="1" t="s">
        <v>236349</v>
      </c>
    </row>
    <row r="70749" spans="1:10" x14ac:dyDescent="0.35">
      <c r="A70749" s="1" t="s">
        <v>1572</v>
      </c>
      <c r="B70749" s="1" t="s">
        <v>222693</v>
      </c>
      <c r="C70749" s="1" t="s">
        <v>150</v>
      </c>
      <c r="D70749" s="1" t="s">
        <v>236350</v>
      </c>
      <c r="E70749" s="1" t="s">
        <v>236351</v>
      </c>
      <c r="F70749" s="1" t="s">
        <v>236352</v>
      </c>
      <c r="G70749" s="1" t="s">
        <v>236253</v>
      </c>
      <c r="H70749" s="1" t="s">
        <v>236254</v>
      </c>
      <c r="I70749" s="1" t="s">
        <v>222698</v>
      </c>
      <c r="J70749" s="1" t="s">
        <v>236353</v>
      </c>
    </row>
    <row r="70750" spans="1:10" x14ac:dyDescent="0.35">
      <c r="A70750" s="1" t="s">
        <v>1572</v>
      </c>
      <c r="B70750" s="1" t="s">
        <v>222693</v>
      </c>
      <c r="C70750" s="1" t="s">
        <v>155</v>
      </c>
      <c r="D70750" s="1" t="s">
        <v>40489</v>
      </c>
      <c r="E70750" s="1" t="s">
        <v>236354</v>
      </c>
      <c r="F70750" s="1" t="s">
        <v>236355</v>
      </c>
      <c r="G70750" s="1" t="s">
        <v>236253</v>
      </c>
      <c r="H70750" s="1" t="s">
        <v>236254</v>
      </c>
      <c r="I70750" s="1" t="s">
        <v>222698</v>
      </c>
      <c r="J70750" s="1" t="s">
        <v>236356</v>
      </c>
    </row>
    <row r="70751" spans="1:10" x14ac:dyDescent="0.35">
      <c r="A70751" s="1" t="s">
        <v>1572</v>
      </c>
      <c r="B70751" s="1" t="s">
        <v>222693</v>
      </c>
      <c r="C70751" s="1" t="s">
        <v>160</v>
      </c>
      <c r="D70751" s="1" t="s">
        <v>163691</v>
      </c>
      <c r="E70751" s="1" t="s">
        <v>236357</v>
      </c>
      <c r="F70751" s="1" t="s">
        <v>236358</v>
      </c>
      <c r="G70751" s="1" t="s">
        <v>236253</v>
      </c>
      <c r="H70751" s="1" t="s">
        <v>236254</v>
      </c>
      <c r="I70751" s="1" t="s">
        <v>222698</v>
      </c>
      <c r="J70751" s="1" t="s">
        <v>236359</v>
      </c>
    </row>
    <row r="70752" spans="1:10" x14ac:dyDescent="0.35">
      <c r="A70752" s="1" t="s">
        <v>1572</v>
      </c>
      <c r="B70752" s="1" t="s">
        <v>222693</v>
      </c>
      <c r="C70752" s="1" t="s">
        <v>165</v>
      </c>
      <c r="D70752" s="1" t="s">
        <v>236360</v>
      </c>
      <c r="E70752" s="1" t="s">
        <v>236361</v>
      </c>
      <c r="F70752" s="1" t="s">
        <v>236362</v>
      </c>
      <c r="G70752" s="1" t="s">
        <v>236253</v>
      </c>
      <c r="H70752" s="1" t="s">
        <v>236254</v>
      </c>
      <c r="I70752" s="1" t="s">
        <v>222698</v>
      </c>
      <c r="J70752" s="1" t="s">
        <v>236363</v>
      </c>
    </row>
    <row r="70753" spans="1:10" x14ac:dyDescent="0.35">
      <c r="A70753" s="1" t="s">
        <v>1572</v>
      </c>
      <c r="B70753" s="1" t="s">
        <v>222693</v>
      </c>
      <c r="C70753" s="1" t="s">
        <v>170</v>
      </c>
      <c r="D70753" s="1" t="s">
        <v>236364</v>
      </c>
      <c r="E70753" s="1" t="s">
        <v>236365</v>
      </c>
      <c r="F70753" s="1" t="s">
        <v>236366</v>
      </c>
      <c r="G70753" s="1" t="s">
        <v>236253</v>
      </c>
      <c r="H70753" s="1" t="s">
        <v>236254</v>
      </c>
      <c r="I70753" s="1" t="s">
        <v>222698</v>
      </c>
      <c r="J70753" s="1" t="s">
        <v>236367</v>
      </c>
    </row>
    <row r="70754" spans="1:10" x14ac:dyDescent="0.35">
      <c r="A70754" s="1" t="s">
        <v>236368</v>
      </c>
      <c r="B70754" s="1" t="s">
        <v>222693</v>
      </c>
      <c r="C70754" s="1" t="s">
        <v>8</v>
      </c>
      <c r="D70754" s="1" t="s">
        <v>96150</v>
      </c>
      <c r="E70754" s="1" t="s">
        <v>236369</v>
      </c>
      <c r="F70754" s="1" t="s">
        <v>236370</v>
      </c>
      <c r="G70754" s="1" t="s">
        <v>236371</v>
      </c>
      <c r="H70754" s="1" t="s">
        <v>236372</v>
      </c>
      <c r="I70754" s="1" t="s">
        <v>222698</v>
      </c>
      <c r="J70754" s="1" t="s">
        <v>13</v>
      </c>
    </row>
    <row r="70755" spans="1:10" x14ac:dyDescent="0.35">
      <c r="A70755" s="1" t="s">
        <v>236368</v>
      </c>
      <c r="B70755" s="1" t="s">
        <v>222693</v>
      </c>
      <c r="C70755" s="1" t="s">
        <v>15</v>
      </c>
      <c r="D70755" s="1" t="s">
        <v>147268</v>
      </c>
      <c r="E70755" s="1" t="s">
        <v>236373</v>
      </c>
      <c r="F70755" s="1" t="s">
        <v>236374</v>
      </c>
      <c r="G70755" s="1" t="s">
        <v>236371</v>
      </c>
      <c r="H70755" s="1" t="s">
        <v>236372</v>
      </c>
      <c r="I70755" s="1" t="s">
        <v>222698</v>
      </c>
      <c r="J70755" s="1" t="s">
        <v>236375</v>
      </c>
    </row>
    <row r="70756" spans="1:10" x14ac:dyDescent="0.35">
      <c r="A70756" s="1" t="s">
        <v>236368</v>
      </c>
      <c r="B70756" s="1" t="s">
        <v>222693</v>
      </c>
      <c r="C70756" s="1" t="s">
        <v>20</v>
      </c>
      <c r="D70756" s="1" t="s">
        <v>39488</v>
      </c>
      <c r="E70756" s="1" t="s">
        <v>236376</v>
      </c>
      <c r="F70756" s="1" t="s">
        <v>236377</v>
      </c>
      <c r="G70756" s="1" t="s">
        <v>236371</v>
      </c>
      <c r="H70756" s="1" t="s">
        <v>236372</v>
      </c>
      <c r="I70756" s="1" t="s">
        <v>222698</v>
      </c>
      <c r="J70756" s="1" t="s">
        <v>236378</v>
      </c>
    </row>
    <row r="70757" spans="1:10" x14ac:dyDescent="0.35">
      <c r="A70757" s="1" t="s">
        <v>236368</v>
      </c>
      <c r="B70757" s="1" t="s">
        <v>222693</v>
      </c>
      <c r="C70757" s="1" t="s">
        <v>25</v>
      </c>
      <c r="D70757" s="1" t="s">
        <v>7452</v>
      </c>
      <c r="E70757" s="1" t="s">
        <v>236379</v>
      </c>
      <c r="F70757" s="1" t="s">
        <v>236380</v>
      </c>
      <c r="G70757" s="1" t="s">
        <v>236371</v>
      </c>
      <c r="H70757" s="1" t="s">
        <v>236372</v>
      </c>
      <c r="I70757" s="1" t="s">
        <v>222698</v>
      </c>
      <c r="J70757" s="1" t="s">
        <v>236381</v>
      </c>
    </row>
    <row r="70758" spans="1:10" x14ac:dyDescent="0.35">
      <c r="A70758" s="1" t="s">
        <v>236368</v>
      </c>
      <c r="B70758" s="1" t="s">
        <v>222693</v>
      </c>
      <c r="C70758" s="1" t="s">
        <v>30</v>
      </c>
      <c r="D70758" s="1" t="s">
        <v>140472</v>
      </c>
      <c r="E70758" s="1" t="s">
        <v>236382</v>
      </c>
      <c r="F70758" s="1" t="s">
        <v>236383</v>
      </c>
      <c r="G70758" s="1" t="s">
        <v>236371</v>
      </c>
      <c r="H70758" s="1" t="s">
        <v>236372</v>
      </c>
      <c r="I70758" s="1" t="s">
        <v>222698</v>
      </c>
      <c r="J70758" s="1" t="s">
        <v>236384</v>
      </c>
    </row>
    <row r="70759" spans="1:10" x14ac:dyDescent="0.35">
      <c r="A70759" s="1" t="s">
        <v>236368</v>
      </c>
      <c r="B70759" s="1" t="s">
        <v>222693</v>
      </c>
      <c r="C70759" s="1" t="s">
        <v>35</v>
      </c>
      <c r="D70759" s="1" t="s">
        <v>236385</v>
      </c>
      <c r="E70759" s="1" t="s">
        <v>236386</v>
      </c>
      <c r="F70759" s="1" t="s">
        <v>236387</v>
      </c>
      <c r="G70759" s="1" t="s">
        <v>236371</v>
      </c>
      <c r="H70759" s="1" t="s">
        <v>236372</v>
      </c>
      <c r="I70759" s="1" t="s">
        <v>222698</v>
      </c>
      <c r="J70759" s="1" t="s">
        <v>236388</v>
      </c>
    </row>
    <row r="70760" spans="1:10" x14ac:dyDescent="0.35">
      <c r="A70760" s="1" t="s">
        <v>236368</v>
      </c>
      <c r="B70760" s="1" t="s">
        <v>222693</v>
      </c>
      <c r="C70760" s="1" t="s">
        <v>40</v>
      </c>
      <c r="D70760" s="1" t="s">
        <v>200399</v>
      </c>
      <c r="E70760" s="1" t="s">
        <v>236389</v>
      </c>
      <c r="F70760" s="1" t="s">
        <v>236390</v>
      </c>
      <c r="G70760" s="1" t="s">
        <v>236371</v>
      </c>
      <c r="H70760" s="1" t="s">
        <v>236372</v>
      </c>
      <c r="I70760" s="1" t="s">
        <v>222698</v>
      </c>
      <c r="J70760" s="1" t="s">
        <v>236391</v>
      </c>
    </row>
    <row r="70761" spans="1:10" x14ac:dyDescent="0.35">
      <c r="A70761" s="1" t="s">
        <v>236368</v>
      </c>
      <c r="B70761" s="1" t="s">
        <v>222693</v>
      </c>
      <c r="C70761" s="1" t="s">
        <v>45</v>
      </c>
      <c r="D70761" s="1" t="s">
        <v>15171</v>
      </c>
      <c r="E70761" s="1" t="s">
        <v>236392</v>
      </c>
      <c r="F70761" s="1" t="s">
        <v>236393</v>
      </c>
      <c r="G70761" s="1" t="s">
        <v>236371</v>
      </c>
      <c r="H70761" s="1" t="s">
        <v>236372</v>
      </c>
      <c r="I70761" s="1" t="s">
        <v>222698</v>
      </c>
      <c r="J70761" s="1" t="s">
        <v>236394</v>
      </c>
    </row>
    <row r="70762" spans="1:10" x14ac:dyDescent="0.35">
      <c r="A70762" s="1" t="s">
        <v>236368</v>
      </c>
      <c r="B70762" s="1" t="s">
        <v>222693</v>
      </c>
      <c r="C70762" s="1" t="s">
        <v>50</v>
      </c>
      <c r="D70762" s="1" t="s">
        <v>58348</v>
      </c>
      <c r="E70762" s="1" t="s">
        <v>236395</v>
      </c>
      <c r="F70762" s="1" t="s">
        <v>236396</v>
      </c>
      <c r="G70762" s="1" t="s">
        <v>236371</v>
      </c>
      <c r="H70762" s="1" t="s">
        <v>236372</v>
      </c>
      <c r="I70762" s="1" t="s">
        <v>222698</v>
      </c>
      <c r="J70762" s="1" t="s">
        <v>35663</v>
      </c>
    </row>
    <row r="70763" spans="1:10" x14ac:dyDescent="0.35">
      <c r="A70763" s="1" t="s">
        <v>236368</v>
      </c>
      <c r="B70763" s="1" t="s">
        <v>222693</v>
      </c>
      <c r="C70763" s="1" t="s">
        <v>55</v>
      </c>
      <c r="D70763" s="1" t="s">
        <v>56160</v>
      </c>
      <c r="E70763" s="1" t="s">
        <v>236397</v>
      </c>
      <c r="F70763" s="1" t="s">
        <v>236398</v>
      </c>
      <c r="G70763" s="1" t="s">
        <v>236371</v>
      </c>
      <c r="H70763" s="1" t="s">
        <v>236372</v>
      </c>
      <c r="I70763" s="1" t="s">
        <v>222698</v>
      </c>
      <c r="J70763" s="1" t="s">
        <v>236399</v>
      </c>
    </row>
    <row r="70764" spans="1:10" x14ac:dyDescent="0.35">
      <c r="A70764" s="1" t="s">
        <v>236368</v>
      </c>
      <c r="B70764" s="1" t="s">
        <v>222693</v>
      </c>
      <c r="C70764" s="1" t="s">
        <v>60</v>
      </c>
      <c r="D70764" s="1" t="s">
        <v>99476</v>
      </c>
      <c r="E70764" s="1" t="s">
        <v>236400</v>
      </c>
      <c r="F70764" s="1" t="s">
        <v>236401</v>
      </c>
      <c r="G70764" s="1" t="s">
        <v>236371</v>
      </c>
      <c r="H70764" s="1" t="s">
        <v>236372</v>
      </c>
      <c r="I70764" s="1" t="s">
        <v>222698</v>
      </c>
      <c r="J70764" s="1" t="s">
        <v>236402</v>
      </c>
    </row>
    <row r="70765" spans="1:10" x14ac:dyDescent="0.35">
      <c r="A70765" s="1" t="s">
        <v>236368</v>
      </c>
      <c r="B70765" s="1" t="s">
        <v>222693</v>
      </c>
      <c r="C70765" s="1" t="s">
        <v>65</v>
      </c>
      <c r="D70765" s="1" t="s">
        <v>134007</v>
      </c>
      <c r="E70765" s="1" t="s">
        <v>236403</v>
      </c>
      <c r="F70765" s="1" t="s">
        <v>236404</v>
      </c>
      <c r="G70765" s="1" t="s">
        <v>236371</v>
      </c>
      <c r="H70765" s="1" t="s">
        <v>236372</v>
      </c>
      <c r="I70765" s="1" t="s">
        <v>222698</v>
      </c>
      <c r="J70765" s="1" t="s">
        <v>236405</v>
      </c>
    </row>
    <row r="70766" spans="1:10" x14ac:dyDescent="0.35">
      <c r="A70766" s="1" t="s">
        <v>236368</v>
      </c>
      <c r="B70766" s="1" t="s">
        <v>222693</v>
      </c>
      <c r="C70766" s="1" t="s">
        <v>70</v>
      </c>
      <c r="D70766" s="1" t="s">
        <v>236406</v>
      </c>
      <c r="E70766" s="1" t="s">
        <v>236407</v>
      </c>
      <c r="F70766" s="1" t="s">
        <v>236408</v>
      </c>
      <c r="G70766" s="1" t="s">
        <v>236371</v>
      </c>
      <c r="H70766" s="1" t="s">
        <v>236372</v>
      </c>
      <c r="I70766" s="1" t="s">
        <v>222698</v>
      </c>
      <c r="J70766" s="1" t="s">
        <v>236409</v>
      </c>
    </row>
    <row r="70767" spans="1:10" x14ac:dyDescent="0.35">
      <c r="A70767" s="1" t="s">
        <v>236368</v>
      </c>
      <c r="B70767" s="1" t="s">
        <v>222693</v>
      </c>
      <c r="C70767" s="1" t="s">
        <v>75</v>
      </c>
      <c r="D70767" s="1" t="s">
        <v>236410</v>
      </c>
      <c r="E70767" s="1" t="s">
        <v>236411</v>
      </c>
      <c r="F70767" s="1" t="s">
        <v>236412</v>
      </c>
      <c r="G70767" s="1" t="s">
        <v>236371</v>
      </c>
      <c r="H70767" s="1" t="s">
        <v>236372</v>
      </c>
      <c r="I70767" s="1" t="s">
        <v>222698</v>
      </c>
      <c r="J70767" s="1" t="s">
        <v>236413</v>
      </c>
    </row>
    <row r="70768" spans="1:10" x14ac:dyDescent="0.35">
      <c r="A70768" s="1" t="s">
        <v>236368</v>
      </c>
      <c r="B70768" s="1" t="s">
        <v>222693</v>
      </c>
      <c r="C70768" s="1" t="s">
        <v>80</v>
      </c>
      <c r="D70768" s="1" t="s">
        <v>79462</v>
      </c>
      <c r="E70768" s="1" t="s">
        <v>236414</v>
      </c>
      <c r="F70768" s="1" t="s">
        <v>236415</v>
      </c>
      <c r="G70768" s="1" t="s">
        <v>236371</v>
      </c>
      <c r="H70768" s="1" t="s">
        <v>236372</v>
      </c>
      <c r="I70768" s="1" t="s">
        <v>222698</v>
      </c>
      <c r="J70768" s="1" t="s">
        <v>236416</v>
      </c>
    </row>
    <row r="70769" spans="1:10" x14ac:dyDescent="0.35">
      <c r="A70769" s="1" t="s">
        <v>236368</v>
      </c>
      <c r="B70769" s="1" t="s">
        <v>222693</v>
      </c>
      <c r="C70769" s="1" t="s">
        <v>85</v>
      </c>
      <c r="D70769" s="1" t="s">
        <v>236417</v>
      </c>
      <c r="E70769" s="1" t="s">
        <v>236418</v>
      </c>
      <c r="F70769" s="1" t="s">
        <v>236419</v>
      </c>
      <c r="G70769" s="1" t="s">
        <v>236371</v>
      </c>
      <c r="H70769" s="1" t="s">
        <v>236372</v>
      </c>
      <c r="I70769" s="1" t="s">
        <v>222698</v>
      </c>
      <c r="J70769" s="1" t="s">
        <v>236420</v>
      </c>
    </row>
    <row r="70770" spans="1:10" x14ac:dyDescent="0.35">
      <c r="A70770" s="1" t="s">
        <v>236368</v>
      </c>
      <c r="B70770" s="1" t="s">
        <v>222693</v>
      </c>
      <c r="C70770" s="1" t="s">
        <v>90</v>
      </c>
      <c r="D70770" s="1" t="s">
        <v>236421</v>
      </c>
      <c r="E70770" s="1" t="s">
        <v>236422</v>
      </c>
      <c r="F70770" s="1" t="s">
        <v>236423</v>
      </c>
      <c r="G70770" s="1" t="s">
        <v>236371</v>
      </c>
      <c r="H70770" s="1" t="s">
        <v>236372</v>
      </c>
      <c r="I70770" s="1" t="s">
        <v>222698</v>
      </c>
      <c r="J70770" s="1" t="s">
        <v>236424</v>
      </c>
    </row>
    <row r="70771" spans="1:10" x14ac:dyDescent="0.35">
      <c r="A70771" s="1" t="s">
        <v>236368</v>
      </c>
      <c r="B70771" s="1" t="s">
        <v>222693</v>
      </c>
      <c r="C70771" s="1" t="s">
        <v>95</v>
      </c>
      <c r="D70771" s="1" t="s">
        <v>236425</v>
      </c>
      <c r="E70771" s="1" t="s">
        <v>236426</v>
      </c>
      <c r="F70771" s="1" t="s">
        <v>236427</v>
      </c>
      <c r="G70771" s="1" t="s">
        <v>236371</v>
      </c>
      <c r="H70771" s="1" t="s">
        <v>236372</v>
      </c>
      <c r="I70771" s="1" t="s">
        <v>222698</v>
      </c>
      <c r="J70771" s="1" t="s">
        <v>236428</v>
      </c>
    </row>
    <row r="70772" spans="1:10" x14ac:dyDescent="0.35">
      <c r="A70772" s="1" t="s">
        <v>236368</v>
      </c>
      <c r="B70772" s="1" t="s">
        <v>222693</v>
      </c>
      <c r="C70772" s="1" t="s">
        <v>100</v>
      </c>
      <c r="D70772" s="1" t="s">
        <v>236429</v>
      </c>
      <c r="E70772" s="1" t="s">
        <v>236430</v>
      </c>
      <c r="F70772" s="1" t="s">
        <v>236431</v>
      </c>
      <c r="G70772" s="1" t="s">
        <v>236371</v>
      </c>
      <c r="H70772" s="1" t="s">
        <v>236372</v>
      </c>
      <c r="I70772" s="1" t="s">
        <v>222698</v>
      </c>
      <c r="J70772" s="1" t="s">
        <v>236432</v>
      </c>
    </row>
    <row r="70773" spans="1:10" x14ac:dyDescent="0.35">
      <c r="A70773" s="1" t="s">
        <v>236368</v>
      </c>
      <c r="B70773" s="1" t="s">
        <v>222693</v>
      </c>
      <c r="C70773" s="1" t="s">
        <v>105</v>
      </c>
      <c r="D70773" s="1" t="s">
        <v>236433</v>
      </c>
      <c r="E70773" s="1" t="s">
        <v>236434</v>
      </c>
      <c r="F70773" s="1" t="s">
        <v>236435</v>
      </c>
      <c r="G70773" s="1" t="s">
        <v>236371</v>
      </c>
      <c r="H70773" s="1" t="s">
        <v>236372</v>
      </c>
      <c r="I70773" s="1" t="s">
        <v>222698</v>
      </c>
      <c r="J70773" s="1" t="s">
        <v>236436</v>
      </c>
    </row>
    <row r="70774" spans="1:10" x14ac:dyDescent="0.35">
      <c r="A70774" s="1" t="s">
        <v>236368</v>
      </c>
      <c r="B70774" s="1" t="s">
        <v>222693</v>
      </c>
      <c r="C70774" s="1" t="s">
        <v>110</v>
      </c>
      <c r="D70774" s="1" t="s">
        <v>236437</v>
      </c>
      <c r="E70774" s="1" t="s">
        <v>236438</v>
      </c>
      <c r="F70774" s="1" t="s">
        <v>236439</v>
      </c>
      <c r="G70774" s="1" t="s">
        <v>236371</v>
      </c>
      <c r="H70774" s="1" t="s">
        <v>236372</v>
      </c>
      <c r="I70774" s="1" t="s">
        <v>222698</v>
      </c>
      <c r="J70774" s="1" t="s">
        <v>236440</v>
      </c>
    </row>
    <row r="70775" spans="1:10" x14ac:dyDescent="0.35">
      <c r="A70775" s="1" t="s">
        <v>236368</v>
      </c>
      <c r="B70775" s="1" t="s">
        <v>222693</v>
      </c>
      <c r="C70775" s="1" t="s">
        <v>115</v>
      </c>
      <c r="D70775" s="1" t="s">
        <v>236441</v>
      </c>
      <c r="E70775" s="1" t="s">
        <v>236442</v>
      </c>
      <c r="F70775" s="1" t="s">
        <v>236443</v>
      </c>
      <c r="G70775" s="1" t="s">
        <v>236371</v>
      </c>
      <c r="H70775" s="1" t="s">
        <v>236372</v>
      </c>
      <c r="I70775" s="1" t="s">
        <v>222698</v>
      </c>
      <c r="J70775" s="1" t="s">
        <v>236444</v>
      </c>
    </row>
    <row r="70776" spans="1:10" x14ac:dyDescent="0.35">
      <c r="A70776" s="1" t="s">
        <v>236368</v>
      </c>
      <c r="B70776" s="1" t="s">
        <v>222693</v>
      </c>
      <c r="C70776" s="1" t="s">
        <v>120</v>
      </c>
      <c r="D70776" s="1" t="s">
        <v>236445</v>
      </c>
      <c r="E70776" s="1" t="s">
        <v>236446</v>
      </c>
      <c r="F70776" s="1" t="s">
        <v>236447</v>
      </c>
      <c r="G70776" s="1" t="s">
        <v>236371</v>
      </c>
      <c r="H70776" s="1" t="s">
        <v>236372</v>
      </c>
      <c r="I70776" s="1" t="s">
        <v>222698</v>
      </c>
      <c r="J70776" s="1" t="s">
        <v>236448</v>
      </c>
    </row>
    <row r="70777" spans="1:10" x14ac:dyDescent="0.35">
      <c r="A70777" s="1" t="s">
        <v>236368</v>
      </c>
      <c r="B70777" s="1" t="s">
        <v>222693</v>
      </c>
      <c r="C70777" s="1" t="s">
        <v>125</v>
      </c>
      <c r="D70777" s="1" t="s">
        <v>236449</v>
      </c>
      <c r="E70777" s="1" t="s">
        <v>236450</v>
      </c>
      <c r="F70777" s="1" t="s">
        <v>236451</v>
      </c>
      <c r="G70777" s="1" t="s">
        <v>236371</v>
      </c>
      <c r="H70777" s="1" t="s">
        <v>236372</v>
      </c>
      <c r="I70777" s="1" t="s">
        <v>222698</v>
      </c>
      <c r="J70777" s="1" t="s">
        <v>236452</v>
      </c>
    </row>
    <row r="70778" spans="1:10" x14ac:dyDescent="0.35">
      <c r="A70778" s="1" t="s">
        <v>236368</v>
      </c>
      <c r="B70778" s="1" t="s">
        <v>222693</v>
      </c>
      <c r="C70778" s="1" t="s">
        <v>130</v>
      </c>
      <c r="D70778" s="1" t="s">
        <v>236453</v>
      </c>
      <c r="E70778" s="1" t="s">
        <v>236454</v>
      </c>
      <c r="F70778" s="1" t="s">
        <v>236455</v>
      </c>
      <c r="G70778" s="1" t="s">
        <v>236371</v>
      </c>
      <c r="H70778" s="1" t="s">
        <v>236372</v>
      </c>
      <c r="I70778" s="1" t="s">
        <v>222698</v>
      </c>
      <c r="J70778" s="1" t="s">
        <v>236456</v>
      </c>
    </row>
    <row r="70779" spans="1:10" x14ac:dyDescent="0.35">
      <c r="A70779" s="1" t="s">
        <v>236368</v>
      </c>
      <c r="B70779" s="1" t="s">
        <v>222693</v>
      </c>
      <c r="C70779" s="1" t="s">
        <v>135</v>
      </c>
      <c r="D70779" s="1" t="s">
        <v>124877</v>
      </c>
      <c r="E70779" s="1" t="s">
        <v>236457</v>
      </c>
      <c r="F70779" s="1" t="s">
        <v>236458</v>
      </c>
      <c r="G70779" s="1" t="s">
        <v>236371</v>
      </c>
      <c r="H70779" s="1" t="s">
        <v>236372</v>
      </c>
      <c r="I70779" s="1" t="s">
        <v>222698</v>
      </c>
      <c r="J70779" s="1" t="s">
        <v>236459</v>
      </c>
    </row>
    <row r="70780" spans="1:10" x14ac:dyDescent="0.35">
      <c r="A70780" s="1" t="s">
        <v>236368</v>
      </c>
      <c r="B70780" s="1" t="s">
        <v>222693</v>
      </c>
      <c r="C70780" s="1" t="s">
        <v>140</v>
      </c>
      <c r="D70780" s="1" t="s">
        <v>162998</v>
      </c>
      <c r="E70780" s="1" t="s">
        <v>236460</v>
      </c>
      <c r="F70780" s="1" t="s">
        <v>236461</v>
      </c>
      <c r="G70780" s="1" t="s">
        <v>236371</v>
      </c>
      <c r="H70780" s="1" t="s">
        <v>236372</v>
      </c>
      <c r="I70780" s="1" t="s">
        <v>222698</v>
      </c>
      <c r="J70780" s="1" t="s">
        <v>236462</v>
      </c>
    </row>
    <row r="70781" spans="1:10" x14ac:dyDescent="0.35">
      <c r="A70781" s="1" t="s">
        <v>236368</v>
      </c>
      <c r="B70781" s="1" t="s">
        <v>222693</v>
      </c>
      <c r="C70781" s="1" t="s">
        <v>145</v>
      </c>
      <c r="D70781" s="1" t="s">
        <v>236463</v>
      </c>
      <c r="E70781" s="1" t="s">
        <v>236464</v>
      </c>
      <c r="F70781" s="1" t="s">
        <v>236465</v>
      </c>
      <c r="G70781" s="1" t="s">
        <v>236371</v>
      </c>
      <c r="H70781" s="1" t="s">
        <v>236372</v>
      </c>
      <c r="I70781" s="1" t="s">
        <v>222698</v>
      </c>
      <c r="J70781" s="1" t="s">
        <v>236466</v>
      </c>
    </row>
    <row r="70782" spans="1:10" x14ac:dyDescent="0.35">
      <c r="A70782" s="1" t="s">
        <v>236368</v>
      </c>
      <c r="B70782" s="1" t="s">
        <v>222693</v>
      </c>
      <c r="C70782" s="1" t="s">
        <v>150</v>
      </c>
      <c r="D70782" s="1" t="s">
        <v>236467</v>
      </c>
      <c r="E70782" s="1" t="s">
        <v>236468</v>
      </c>
      <c r="F70782" s="1" t="s">
        <v>236469</v>
      </c>
      <c r="G70782" s="1" t="s">
        <v>236371</v>
      </c>
      <c r="H70782" s="1" t="s">
        <v>236372</v>
      </c>
      <c r="I70782" s="1" t="s">
        <v>222698</v>
      </c>
      <c r="J70782" s="1" t="s">
        <v>236470</v>
      </c>
    </row>
    <row r="70783" spans="1:10" x14ac:dyDescent="0.35">
      <c r="A70783" s="1" t="s">
        <v>236368</v>
      </c>
      <c r="B70783" s="1" t="s">
        <v>222693</v>
      </c>
      <c r="C70783" s="1" t="s">
        <v>155</v>
      </c>
      <c r="D70783" s="1" t="s">
        <v>128985</v>
      </c>
      <c r="E70783" s="1" t="s">
        <v>236471</v>
      </c>
      <c r="F70783" s="1" t="s">
        <v>236472</v>
      </c>
      <c r="G70783" s="1" t="s">
        <v>236371</v>
      </c>
      <c r="H70783" s="1" t="s">
        <v>236372</v>
      </c>
      <c r="I70783" s="1" t="s">
        <v>222698</v>
      </c>
      <c r="J70783" s="1" t="s">
        <v>236473</v>
      </c>
    </row>
    <row r="70784" spans="1:10" x14ac:dyDescent="0.35">
      <c r="A70784" s="1" t="s">
        <v>236368</v>
      </c>
      <c r="B70784" s="1" t="s">
        <v>222693</v>
      </c>
      <c r="C70784" s="1" t="s">
        <v>160</v>
      </c>
      <c r="D70784" s="1" t="s">
        <v>229565</v>
      </c>
      <c r="E70784" s="1" t="s">
        <v>236474</v>
      </c>
      <c r="F70784" s="1" t="s">
        <v>236475</v>
      </c>
      <c r="G70784" s="1" t="s">
        <v>236371</v>
      </c>
      <c r="H70784" s="1" t="s">
        <v>236372</v>
      </c>
      <c r="I70784" s="1" t="s">
        <v>222698</v>
      </c>
      <c r="J70784" s="1" t="s">
        <v>236476</v>
      </c>
    </row>
    <row r="70785" spans="1:10" x14ac:dyDescent="0.35">
      <c r="A70785" s="1" t="s">
        <v>236368</v>
      </c>
      <c r="B70785" s="1" t="s">
        <v>222693</v>
      </c>
      <c r="C70785" s="1" t="s">
        <v>165</v>
      </c>
      <c r="D70785" s="1" t="s">
        <v>236477</v>
      </c>
      <c r="E70785" s="1" t="s">
        <v>236478</v>
      </c>
      <c r="F70785" s="1" t="s">
        <v>236479</v>
      </c>
      <c r="G70785" s="1" t="s">
        <v>236371</v>
      </c>
      <c r="H70785" s="1" t="s">
        <v>236372</v>
      </c>
      <c r="I70785" s="1" t="s">
        <v>222698</v>
      </c>
      <c r="J70785" s="1" t="s">
        <v>236480</v>
      </c>
    </row>
    <row r="70786" spans="1:10" x14ac:dyDescent="0.35">
      <c r="A70786" s="1" t="s">
        <v>236368</v>
      </c>
      <c r="B70786" s="1" t="s">
        <v>222693</v>
      </c>
      <c r="C70786" s="1" t="s">
        <v>170</v>
      </c>
      <c r="D70786" s="1" t="s">
        <v>236481</v>
      </c>
      <c r="E70786" s="1" t="s">
        <v>236482</v>
      </c>
      <c r="F70786" s="1" t="s">
        <v>236483</v>
      </c>
      <c r="G70786" s="1" t="s">
        <v>236371</v>
      </c>
      <c r="H70786" s="1" t="s">
        <v>236372</v>
      </c>
      <c r="I70786" s="1" t="s">
        <v>222698</v>
      </c>
      <c r="J70786" s="1" t="s">
        <v>236484</v>
      </c>
    </row>
    <row r="70787" spans="1:10" x14ac:dyDescent="0.35">
      <c r="A70787" s="1" t="s">
        <v>1643</v>
      </c>
      <c r="B70787" s="1" t="s">
        <v>222693</v>
      </c>
      <c r="C70787" s="1" t="s">
        <v>8</v>
      </c>
      <c r="D70787" s="1" t="s">
        <v>236485</v>
      </c>
      <c r="E70787" s="1" t="s">
        <v>236486</v>
      </c>
      <c r="F70787" s="1" t="s">
        <v>236487</v>
      </c>
      <c r="G70787" s="1" t="s">
        <v>236488</v>
      </c>
      <c r="H70787" s="1" t="s">
        <v>236489</v>
      </c>
      <c r="I70787" s="1" t="s">
        <v>222698</v>
      </c>
      <c r="J70787" s="1" t="s">
        <v>13</v>
      </c>
    </row>
    <row r="70788" spans="1:10" x14ac:dyDescent="0.35">
      <c r="A70788" s="1" t="s">
        <v>1643</v>
      </c>
      <c r="B70788" s="1" t="s">
        <v>222693</v>
      </c>
      <c r="C70788" s="1" t="s">
        <v>15</v>
      </c>
      <c r="D70788" s="1" t="s">
        <v>236490</v>
      </c>
      <c r="E70788" s="1" t="s">
        <v>236491</v>
      </c>
      <c r="F70788" s="1" t="s">
        <v>236492</v>
      </c>
      <c r="G70788" s="1" t="s">
        <v>236488</v>
      </c>
      <c r="H70788" s="1" t="s">
        <v>236489</v>
      </c>
      <c r="I70788" s="1" t="s">
        <v>222698</v>
      </c>
      <c r="J70788" s="1" t="s">
        <v>236493</v>
      </c>
    </row>
    <row r="70789" spans="1:10" x14ac:dyDescent="0.35">
      <c r="A70789" s="1" t="s">
        <v>1643</v>
      </c>
      <c r="B70789" s="1" t="s">
        <v>222693</v>
      </c>
      <c r="C70789" s="1" t="s">
        <v>20</v>
      </c>
      <c r="D70789" s="1" t="s">
        <v>236494</v>
      </c>
      <c r="E70789" s="1" t="s">
        <v>236495</v>
      </c>
      <c r="F70789" s="1" t="s">
        <v>236496</v>
      </c>
      <c r="G70789" s="1" t="s">
        <v>236488</v>
      </c>
      <c r="H70789" s="1" t="s">
        <v>236489</v>
      </c>
      <c r="I70789" s="1" t="s">
        <v>222698</v>
      </c>
      <c r="J70789" s="1" t="s">
        <v>236497</v>
      </c>
    </row>
    <row r="70790" spans="1:10" x14ac:dyDescent="0.35">
      <c r="A70790" s="1" t="s">
        <v>1643</v>
      </c>
      <c r="B70790" s="1" t="s">
        <v>222693</v>
      </c>
      <c r="C70790" s="1" t="s">
        <v>25</v>
      </c>
      <c r="D70790" s="1" t="s">
        <v>236498</v>
      </c>
      <c r="E70790" s="1" t="s">
        <v>236499</v>
      </c>
      <c r="F70790" s="1" t="s">
        <v>236500</v>
      </c>
      <c r="G70790" s="1" t="s">
        <v>236488</v>
      </c>
      <c r="H70790" s="1" t="s">
        <v>236489</v>
      </c>
      <c r="I70790" s="1" t="s">
        <v>222698</v>
      </c>
      <c r="J70790" s="1" t="s">
        <v>236501</v>
      </c>
    </row>
    <row r="70791" spans="1:10" x14ac:dyDescent="0.35">
      <c r="A70791" s="1" t="s">
        <v>1643</v>
      </c>
      <c r="B70791" s="1" t="s">
        <v>222693</v>
      </c>
      <c r="C70791" s="1" t="s">
        <v>30</v>
      </c>
      <c r="D70791" s="1" t="s">
        <v>66138</v>
      </c>
      <c r="E70791" s="1" t="s">
        <v>236502</v>
      </c>
      <c r="F70791" s="1" t="s">
        <v>236503</v>
      </c>
      <c r="G70791" s="1" t="s">
        <v>236488</v>
      </c>
      <c r="H70791" s="1" t="s">
        <v>236489</v>
      </c>
      <c r="I70791" s="1" t="s">
        <v>222698</v>
      </c>
      <c r="J70791" s="1" t="s">
        <v>236504</v>
      </c>
    </row>
    <row r="70792" spans="1:10" x14ac:dyDescent="0.35">
      <c r="A70792" s="1" t="s">
        <v>1643</v>
      </c>
      <c r="B70792" s="1" t="s">
        <v>222693</v>
      </c>
      <c r="C70792" s="1" t="s">
        <v>35</v>
      </c>
      <c r="D70792" s="1" t="s">
        <v>236505</v>
      </c>
      <c r="E70792" s="1" t="s">
        <v>236506</v>
      </c>
      <c r="F70792" s="1" t="s">
        <v>236507</v>
      </c>
      <c r="G70792" s="1" t="s">
        <v>236488</v>
      </c>
      <c r="H70792" s="1" t="s">
        <v>236489</v>
      </c>
      <c r="I70792" s="1" t="s">
        <v>222698</v>
      </c>
      <c r="J70792" s="1" t="s">
        <v>236508</v>
      </c>
    </row>
    <row r="70793" spans="1:10" x14ac:dyDescent="0.35">
      <c r="A70793" s="1" t="s">
        <v>1643</v>
      </c>
      <c r="B70793" s="1" t="s">
        <v>222693</v>
      </c>
      <c r="C70793" s="1" t="s">
        <v>40</v>
      </c>
      <c r="D70793" s="1" t="s">
        <v>236509</v>
      </c>
      <c r="E70793" s="1" t="s">
        <v>236510</v>
      </c>
      <c r="F70793" s="1" t="s">
        <v>236511</v>
      </c>
      <c r="G70793" s="1" t="s">
        <v>236488</v>
      </c>
      <c r="H70793" s="1" t="s">
        <v>236489</v>
      </c>
      <c r="I70793" s="1" t="s">
        <v>222698</v>
      </c>
      <c r="J70793" s="1" t="s">
        <v>236512</v>
      </c>
    </row>
    <row r="70794" spans="1:10" x14ac:dyDescent="0.35">
      <c r="A70794" s="1" t="s">
        <v>1643</v>
      </c>
      <c r="B70794" s="1" t="s">
        <v>222693</v>
      </c>
      <c r="C70794" s="1" t="s">
        <v>45</v>
      </c>
      <c r="D70794" s="1" t="s">
        <v>21782</v>
      </c>
      <c r="E70794" s="1" t="s">
        <v>236513</v>
      </c>
      <c r="F70794" s="1" t="s">
        <v>236514</v>
      </c>
      <c r="G70794" s="1" t="s">
        <v>236488</v>
      </c>
      <c r="H70794" s="1" t="s">
        <v>236489</v>
      </c>
      <c r="I70794" s="1" t="s">
        <v>222698</v>
      </c>
      <c r="J70794" s="1" t="s">
        <v>236515</v>
      </c>
    </row>
    <row r="70795" spans="1:10" x14ac:dyDescent="0.35">
      <c r="A70795" s="1" t="s">
        <v>1643</v>
      </c>
      <c r="B70795" s="1" t="s">
        <v>222693</v>
      </c>
      <c r="C70795" s="1" t="s">
        <v>50</v>
      </c>
      <c r="D70795" s="1" t="s">
        <v>236516</v>
      </c>
      <c r="E70795" s="1" t="s">
        <v>236517</v>
      </c>
      <c r="F70795" s="1" t="s">
        <v>236518</v>
      </c>
      <c r="G70795" s="1" t="s">
        <v>236488</v>
      </c>
      <c r="H70795" s="1" t="s">
        <v>236489</v>
      </c>
      <c r="I70795" s="1" t="s">
        <v>222698</v>
      </c>
      <c r="J70795" s="1" t="s">
        <v>236519</v>
      </c>
    </row>
    <row r="70796" spans="1:10" x14ac:dyDescent="0.35">
      <c r="A70796" s="1" t="s">
        <v>1643</v>
      </c>
      <c r="B70796" s="1" t="s">
        <v>222693</v>
      </c>
      <c r="C70796" s="1" t="s">
        <v>55</v>
      </c>
      <c r="D70796" s="1" t="s">
        <v>236520</v>
      </c>
      <c r="E70796" s="1" t="s">
        <v>236521</v>
      </c>
      <c r="F70796" s="1" t="s">
        <v>236522</v>
      </c>
      <c r="G70796" s="1" t="s">
        <v>236488</v>
      </c>
      <c r="H70796" s="1" t="s">
        <v>236489</v>
      </c>
      <c r="I70796" s="1" t="s">
        <v>222698</v>
      </c>
      <c r="J70796" s="1" t="s">
        <v>236523</v>
      </c>
    </row>
    <row r="70797" spans="1:10" x14ac:dyDescent="0.35">
      <c r="A70797" s="1" t="s">
        <v>1643</v>
      </c>
      <c r="B70797" s="1" t="s">
        <v>222693</v>
      </c>
      <c r="C70797" s="1" t="s">
        <v>60</v>
      </c>
      <c r="D70797" s="1" t="s">
        <v>236524</v>
      </c>
      <c r="E70797" s="1" t="s">
        <v>236525</v>
      </c>
      <c r="F70797" s="1" t="s">
        <v>236526</v>
      </c>
      <c r="G70797" s="1" t="s">
        <v>236488</v>
      </c>
      <c r="H70797" s="1" t="s">
        <v>236489</v>
      </c>
      <c r="I70797" s="1" t="s">
        <v>222698</v>
      </c>
      <c r="J70797" s="1" t="s">
        <v>236527</v>
      </c>
    </row>
    <row r="70798" spans="1:10" x14ac:dyDescent="0.35">
      <c r="A70798" s="1" t="s">
        <v>1643</v>
      </c>
      <c r="B70798" s="1" t="s">
        <v>222693</v>
      </c>
      <c r="C70798" s="1" t="s">
        <v>65</v>
      </c>
      <c r="D70798" s="1" t="s">
        <v>236528</v>
      </c>
      <c r="E70798" s="1" t="s">
        <v>236529</v>
      </c>
      <c r="F70798" s="1" t="s">
        <v>236530</v>
      </c>
      <c r="G70798" s="1" t="s">
        <v>236488</v>
      </c>
      <c r="H70798" s="1" t="s">
        <v>236489</v>
      </c>
      <c r="I70798" s="1" t="s">
        <v>222698</v>
      </c>
      <c r="J70798" s="1" t="s">
        <v>236531</v>
      </c>
    </row>
    <row r="70799" spans="1:10" x14ac:dyDescent="0.35">
      <c r="A70799" s="1" t="s">
        <v>1643</v>
      </c>
      <c r="B70799" s="1" t="s">
        <v>222693</v>
      </c>
      <c r="C70799" s="1" t="s">
        <v>70</v>
      </c>
      <c r="D70799" s="1" t="s">
        <v>236532</v>
      </c>
      <c r="E70799" s="1" t="s">
        <v>236533</v>
      </c>
      <c r="F70799" s="1" t="s">
        <v>236534</v>
      </c>
      <c r="G70799" s="1" t="s">
        <v>236488</v>
      </c>
      <c r="H70799" s="1" t="s">
        <v>236489</v>
      </c>
      <c r="I70799" s="1" t="s">
        <v>222698</v>
      </c>
      <c r="J70799" s="1" t="s">
        <v>236535</v>
      </c>
    </row>
    <row r="70800" spans="1:10" x14ac:dyDescent="0.35">
      <c r="A70800" s="1" t="s">
        <v>1643</v>
      </c>
      <c r="B70800" s="1" t="s">
        <v>222693</v>
      </c>
      <c r="C70800" s="1" t="s">
        <v>75</v>
      </c>
      <c r="D70800" s="1" t="s">
        <v>236536</v>
      </c>
      <c r="E70800" s="1" t="s">
        <v>236537</v>
      </c>
      <c r="F70800" s="1" t="s">
        <v>236538</v>
      </c>
      <c r="G70800" s="1" t="s">
        <v>236488</v>
      </c>
      <c r="H70800" s="1" t="s">
        <v>236489</v>
      </c>
      <c r="I70800" s="1" t="s">
        <v>222698</v>
      </c>
      <c r="J70800" s="1" t="s">
        <v>236539</v>
      </c>
    </row>
    <row r="70801" spans="1:10" x14ac:dyDescent="0.35">
      <c r="A70801" s="1" t="s">
        <v>1643</v>
      </c>
      <c r="B70801" s="1" t="s">
        <v>222693</v>
      </c>
      <c r="C70801" s="1" t="s">
        <v>80</v>
      </c>
      <c r="D70801" s="1" t="s">
        <v>236540</v>
      </c>
      <c r="E70801" s="1" t="s">
        <v>236541</v>
      </c>
      <c r="F70801" s="1" t="s">
        <v>236542</v>
      </c>
      <c r="G70801" s="1" t="s">
        <v>236488</v>
      </c>
      <c r="H70801" s="1" t="s">
        <v>236489</v>
      </c>
      <c r="I70801" s="1" t="s">
        <v>222698</v>
      </c>
      <c r="J70801" s="1" t="s">
        <v>236543</v>
      </c>
    </row>
    <row r="70802" spans="1:10" x14ac:dyDescent="0.35">
      <c r="A70802" s="1" t="s">
        <v>1643</v>
      </c>
      <c r="B70802" s="1" t="s">
        <v>222693</v>
      </c>
      <c r="C70802" s="1" t="s">
        <v>85</v>
      </c>
      <c r="D70802" s="1" t="s">
        <v>231255</v>
      </c>
      <c r="E70802" s="1" t="s">
        <v>236544</v>
      </c>
      <c r="F70802" s="1" t="s">
        <v>236545</v>
      </c>
      <c r="G70802" s="1" t="s">
        <v>236488</v>
      </c>
      <c r="H70802" s="1" t="s">
        <v>236489</v>
      </c>
      <c r="I70802" s="1" t="s">
        <v>222698</v>
      </c>
      <c r="J70802" s="1" t="s">
        <v>236546</v>
      </c>
    </row>
    <row r="70803" spans="1:10" x14ac:dyDescent="0.35">
      <c r="A70803" s="1" t="s">
        <v>1643</v>
      </c>
      <c r="B70803" s="1" t="s">
        <v>222693</v>
      </c>
      <c r="C70803" s="1" t="s">
        <v>90</v>
      </c>
      <c r="D70803" s="1" t="s">
        <v>236547</v>
      </c>
      <c r="E70803" s="1" t="s">
        <v>236548</v>
      </c>
      <c r="F70803" s="1" t="s">
        <v>236549</v>
      </c>
      <c r="G70803" s="1" t="s">
        <v>236488</v>
      </c>
      <c r="H70803" s="1" t="s">
        <v>236489</v>
      </c>
      <c r="I70803" s="1" t="s">
        <v>222698</v>
      </c>
      <c r="J70803" s="1" t="s">
        <v>236550</v>
      </c>
    </row>
    <row r="70804" spans="1:10" x14ac:dyDescent="0.35">
      <c r="A70804" s="1" t="s">
        <v>1643</v>
      </c>
      <c r="B70804" s="1" t="s">
        <v>222693</v>
      </c>
      <c r="C70804" s="1" t="s">
        <v>95</v>
      </c>
      <c r="D70804" s="1" t="s">
        <v>236551</v>
      </c>
      <c r="E70804" s="1" t="s">
        <v>236552</v>
      </c>
      <c r="F70804" s="1" t="s">
        <v>236553</v>
      </c>
      <c r="G70804" s="1" t="s">
        <v>236488</v>
      </c>
      <c r="H70804" s="1" t="s">
        <v>236489</v>
      </c>
      <c r="I70804" s="1" t="s">
        <v>222698</v>
      </c>
      <c r="J70804" s="1" t="s">
        <v>236554</v>
      </c>
    </row>
    <row r="70805" spans="1:10" x14ac:dyDescent="0.35">
      <c r="A70805" s="1" t="s">
        <v>1643</v>
      </c>
      <c r="B70805" s="1" t="s">
        <v>222693</v>
      </c>
      <c r="C70805" s="1" t="s">
        <v>100</v>
      </c>
      <c r="D70805" s="1" t="s">
        <v>236555</v>
      </c>
      <c r="E70805" s="1" t="s">
        <v>236556</v>
      </c>
      <c r="F70805" s="1" t="s">
        <v>236557</v>
      </c>
      <c r="G70805" s="1" t="s">
        <v>236488</v>
      </c>
      <c r="H70805" s="1" t="s">
        <v>236489</v>
      </c>
      <c r="I70805" s="1" t="s">
        <v>222698</v>
      </c>
      <c r="J70805" s="1" t="s">
        <v>236558</v>
      </c>
    </row>
    <row r="70806" spans="1:10" x14ac:dyDescent="0.35">
      <c r="A70806" s="1" t="s">
        <v>1643</v>
      </c>
      <c r="B70806" s="1" t="s">
        <v>222693</v>
      </c>
      <c r="C70806" s="1" t="s">
        <v>105</v>
      </c>
      <c r="D70806" s="1" t="s">
        <v>236559</v>
      </c>
      <c r="E70806" s="1" t="s">
        <v>236560</v>
      </c>
      <c r="F70806" s="1" t="s">
        <v>236561</v>
      </c>
      <c r="G70806" s="1" t="s">
        <v>236488</v>
      </c>
      <c r="H70806" s="1" t="s">
        <v>236489</v>
      </c>
      <c r="I70806" s="1" t="s">
        <v>222698</v>
      </c>
      <c r="J70806" s="1" t="s">
        <v>236562</v>
      </c>
    </row>
    <row r="70807" spans="1:10" x14ac:dyDescent="0.35">
      <c r="A70807" s="1" t="s">
        <v>1643</v>
      </c>
      <c r="B70807" s="1" t="s">
        <v>222693</v>
      </c>
      <c r="C70807" s="1" t="s">
        <v>110</v>
      </c>
      <c r="D70807" s="1" t="s">
        <v>236563</v>
      </c>
      <c r="E70807" s="1" t="s">
        <v>236564</v>
      </c>
      <c r="F70807" s="1" t="s">
        <v>236565</v>
      </c>
      <c r="G70807" s="1" t="s">
        <v>236488</v>
      </c>
      <c r="H70807" s="1" t="s">
        <v>236489</v>
      </c>
      <c r="I70807" s="1" t="s">
        <v>222698</v>
      </c>
      <c r="J70807" s="1" t="s">
        <v>236566</v>
      </c>
    </row>
    <row r="70808" spans="1:10" x14ac:dyDescent="0.35">
      <c r="A70808" s="1" t="s">
        <v>1643</v>
      </c>
      <c r="B70808" s="1" t="s">
        <v>222693</v>
      </c>
      <c r="C70808" s="1" t="s">
        <v>115</v>
      </c>
      <c r="D70808" s="1" t="s">
        <v>236567</v>
      </c>
      <c r="E70808" s="1" t="s">
        <v>236568</v>
      </c>
      <c r="F70808" s="1" t="s">
        <v>236569</v>
      </c>
      <c r="G70808" s="1" t="s">
        <v>236488</v>
      </c>
      <c r="H70808" s="1" t="s">
        <v>236489</v>
      </c>
      <c r="I70808" s="1" t="s">
        <v>222698</v>
      </c>
      <c r="J70808" s="1" t="s">
        <v>236570</v>
      </c>
    </row>
    <row r="70809" spans="1:10" x14ac:dyDescent="0.35">
      <c r="A70809" s="1" t="s">
        <v>1643</v>
      </c>
      <c r="B70809" s="1" t="s">
        <v>222693</v>
      </c>
      <c r="C70809" s="1" t="s">
        <v>120</v>
      </c>
      <c r="D70809" s="1" t="s">
        <v>236571</v>
      </c>
      <c r="E70809" s="1" t="s">
        <v>236572</v>
      </c>
      <c r="F70809" s="1" t="s">
        <v>236573</v>
      </c>
      <c r="G70809" s="1" t="s">
        <v>236488</v>
      </c>
      <c r="H70809" s="1" t="s">
        <v>236489</v>
      </c>
      <c r="I70809" s="1" t="s">
        <v>222698</v>
      </c>
      <c r="J70809" s="1" t="s">
        <v>236574</v>
      </c>
    </row>
    <row r="70810" spans="1:10" x14ac:dyDescent="0.35">
      <c r="A70810" s="1" t="s">
        <v>1643</v>
      </c>
      <c r="B70810" s="1" t="s">
        <v>222693</v>
      </c>
      <c r="C70810" s="1" t="s">
        <v>125</v>
      </c>
      <c r="D70810" s="1" t="s">
        <v>236575</v>
      </c>
      <c r="E70810" s="1" t="s">
        <v>236576</v>
      </c>
      <c r="F70810" s="1" t="s">
        <v>236577</v>
      </c>
      <c r="G70810" s="1" t="s">
        <v>236488</v>
      </c>
      <c r="H70810" s="1" t="s">
        <v>236489</v>
      </c>
      <c r="I70810" s="1" t="s">
        <v>222698</v>
      </c>
      <c r="J70810" s="1" t="s">
        <v>236578</v>
      </c>
    </row>
    <row r="70811" spans="1:10" x14ac:dyDescent="0.35">
      <c r="A70811" s="1" t="s">
        <v>1643</v>
      </c>
      <c r="B70811" s="1" t="s">
        <v>222693</v>
      </c>
      <c r="C70811" s="1" t="s">
        <v>130</v>
      </c>
      <c r="D70811" s="1" t="s">
        <v>236579</v>
      </c>
      <c r="E70811" s="1" t="s">
        <v>236580</v>
      </c>
      <c r="F70811" s="1" t="s">
        <v>236581</v>
      </c>
      <c r="G70811" s="1" t="s">
        <v>236488</v>
      </c>
      <c r="H70811" s="1" t="s">
        <v>236489</v>
      </c>
      <c r="I70811" s="1" t="s">
        <v>222698</v>
      </c>
      <c r="J70811" s="1" t="s">
        <v>236582</v>
      </c>
    </row>
    <row r="70812" spans="1:10" x14ac:dyDescent="0.35">
      <c r="A70812" s="1" t="s">
        <v>1643</v>
      </c>
      <c r="B70812" s="1" t="s">
        <v>222693</v>
      </c>
      <c r="C70812" s="1" t="s">
        <v>135</v>
      </c>
      <c r="D70812" s="1" t="s">
        <v>236583</v>
      </c>
      <c r="E70812" s="1" t="s">
        <v>236584</v>
      </c>
      <c r="F70812" s="1" t="s">
        <v>236585</v>
      </c>
      <c r="G70812" s="1" t="s">
        <v>236488</v>
      </c>
      <c r="H70812" s="1" t="s">
        <v>236489</v>
      </c>
      <c r="I70812" s="1" t="s">
        <v>222698</v>
      </c>
      <c r="J70812" s="1" t="s">
        <v>236586</v>
      </c>
    </row>
    <row r="70813" spans="1:10" x14ac:dyDescent="0.35">
      <c r="A70813" s="1" t="s">
        <v>1643</v>
      </c>
      <c r="B70813" s="1" t="s">
        <v>222693</v>
      </c>
      <c r="C70813" s="1" t="s">
        <v>140</v>
      </c>
      <c r="D70813" s="1" t="s">
        <v>236587</v>
      </c>
      <c r="E70813" s="1" t="s">
        <v>236588</v>
      </c>
      <c r="F70813" s="1" t="s">
        <v>236589</v>
      </c>
      <c r="G70813" s="1" t="s">
        <v>236488</v>
      </c>
      <c r="H70813" s="1" t="s">
        <v>236489</v>
      </c>
      <c r="I70813" s="1" t="s">
        <v>222698</v>
      </c>
      <c r="J70813" s="1" t="s">
        <v>236590</v>
      </c>
    </row>
    <row r="70814" spans="1:10" x14ac:dyDescent="0.35">
      <c r="A70814" s="1" t="s">
        <v>1643</v>
      </c>
      <c r="B70814" s="1" t="s">
        <v>222693</v>
      </c>
      <c r="C70814" s="1" t="s">
        <v>145</v>
      </c>
      <c r="D70814" s="1" t="s">
        <v>236591</v>
      </c>
      <c r="E70814" s="1" t="s">
        <v>236592</v>
      </c>
      <c r="F70814" s="1" t="s">
        <v>236593</v>
      </c>
      <c r="G70814" s="1" t="s">
        <v>236488</v>
      </c>
      <c r="H70814" s="1" t="s">
        <v>236489</v>
      </c>
      <c r="I70814" s="1" t="s">
        <v>222698</v>
      </c>
      <c r="J70814" s="1" t="s">
        <v>236594</v>
      </c>
    </row>
    <row r="70815" spans="1:10" x14ac:dyDescent="0.35">
      <c r="A70815" s="1" t="s">
        <v>1643</v>
      </c>
      <c r="B70815" s="1" t="s">
        <v>222693</v>
      </c>
      <c r="C70815" s="1" t="s">
        <v>150</v>
      </c>
      <c r="D70815" s="1" t="s">
        <v>236595</v>
      </c>
      <c r="E70815" s="1" t="s">
        <v>236596</v>
      </c>
      <c r="F70815" s="1" t="s">
        <v>236597</v>
      </c>
      <c r="G70815" s="1" t="s">
        <v>236488</v>
      </c>
      <c r="H70815" s="1" t="s">
        <v>236489</v>
      </c>
      <c r="I70815" s="1" t="s">
        <v>222698</v>
      </c>
      <c r="J70815" s="1" t="s">
        <v>236598</v>
      </c>
    </row>
    <row r="70816" spans="1:10" x14ac:dyDescent="0.35">
      <c r="A70816" s="1" t="s">
        <v>1643</v>
      </c>
      <c r="B70816" s="1" t="s">
        <v>222693</v>
      </c>
      <c r="C70816" s="1" t="s">
        <v>155</v>
      </c>
      <c r="D70816" s="1" t="s">
        <v>236599</v>
      </c>
      <c r="E70816" s="1" t="s">
        <v>236600</v>
      </c>
      <c r="F70816" s="1" t="s">
        <v>236601</v>
      </c>
      <c r="G70816" s="1" t="s">
        <v>236488</v>
      </c>
      <c r="H70816" s="1" t="s">
        <v>236489</v>
      </c>
      <c r="I70816" s="1" t="s">
        <v>222698</v>
      </c>
      <c r="J70816" s="1" t="s">
        <v>236602</v>
      </c>
    </row>
    <row r="70817" spans="1:10" x14ac:dyDescent="0.35">
      <c r="A70817" s="1" t="s">
        <v>1643</v>
      </c>
      <c r="B70817" s="1" t="s">
        <v>222693</v>
      </c>
      <c r="C70817" s="1" t="s">
        <v>160</v>
      </c>
      <c r="D70817" s="1" t="s">
        <v>236603</v>
      </c>
      <c r="E70817" s="1" t="s">
        <v>236604</v>
      </c>
      <c r="F70817" s="1" t="s">
        <v>236605</v>
      </c>
      <c r="G70817" s="1" t="s">
        <v>236488</v>
      </c>
      <c r="H70817" s="1" t="s">
        <v>236489</v>
      </c>
      <c r="I70817" s="1" t="s">
        <v>222698</v>
      </c>
      <c r="J70817" s="1" t="s">
        <v>236606</v>
      </c>
    </row>
    <row r="70818" spans="1:10" x14ac:dyDescent="0.35">
      <c r="A70818" s="1" t="s">
        <v>1643</v>
      </c>
      <c r="B70818" s="1" t="s">
        <v>222693</v>
      </c>
      <c r="C70818" s="1" t="s">
        <v>165</v>
      </c>
      <c r="D70818" s="1" t="s">
        <v>236607</v>
      </c>
      <c r="E70818" s="1" t="s">
        <v>236608</v>
      </c>
      <c r="F70818" s="1" t="s">
        <v>236609</v>
      </c>
      <c r="G70818" s="1" t="s">
        <v>236488</v>
      </c>
      <c r="H70818" s="1" t="s">
        <v>236489</v>
      </c>
      <c r="I70818" s="1" t="s">
        <v>222698</v>
      </c>
      <c r="J70818" s="1" t="s">
        <v>236610</v>
      </c>
    </row>
    <row r="70819" spans="1:10" x14ac:dyDescent="0.35">
      <c r="A70819" s="1" t="s">
        <v>1643</v>
      </c>
      <c r="B70819" s="1" t="s">
        <v>222693</v>
      </c>
      <c r="C70819" s="1" t="s">
        <v>170</v>
      </c>
      <c r="D70819" s="1" t="s">
        <v>236611</v>
      </c>
      <c r="E70819" s="1" t="s">
        <v>236612</v>
      </c>
      <c r="F70819" s="1" t="s">
        <v>236613</v>
      </c>
      <c r="G70819" s="1" t="s">
        <v>236488</v>
      </c>
      <c r="H70819" s="1" t="s">
        <v>236489</v>
      </c>
      <c r="I70819" s="1" t="s">
        <v>222698</v>
      </c>
      <c r="J70819" s="1" t="s">
        <v>236614</v>
      </c>
    </row>
    <row r="70820" spans="1:10" x14ac:dyDescent="0.35">
      <c r="A70820" s="1" t="s">
        <v>112210</v>
      </c>
      <c r="B70820" s="1" t="s">
        <v>222693</v>
      </c>
      <c r="C70820" s="1" t="s">
        <v>8</v>
      </c>
      <c r="D70820" s="1" t="s">
        <v>59438</v>
      </c>
      <c r="E70820" s="1" t="s">
        <v>236615</v>
      </c>
      <c r="F70820" s="1" t="s">
        <v>236616</v>
      </c>
      <c r="G70820" s="1" t="s">
        <v>236617</v>
      </c>
      <c r="H70820" s="1" t="s">
        <v>236618</v>
      </c>
      <c r="I70820" s="1" t="s">
        <v>222698</v>
      </c>
      <c r="J70820" s="1" t="s">
        <v>13</v>
      </c>
    </row>
    <row r="70821" spans="1:10" x14ac:dyDescent="0.35">
      <c r="A70821" s="1" t="s">
        <v>112210</v>
      </c>
      <c r="B70821" s="1" t="s">
        <v>222693</v>
      </c>
      <c r="C70821" s="1" t="s">
        <v>15</v>
      </c>
      <c r="D70821" s="1" t="s">
        <v>138407</v>
      </c>
      <c r="E70821" s="1" t="s">
        <v>236619</v>
      </c>
      <c r="F70821" s="1" t="s">
        <v>236620</v>
      </c>
      <c r="G70821" s="1" t="s">
        <v>236617</v>
      </c>
      <c r="H70821" s="1" t="s">
        <v>236618</v>
      </c>
      <c r="I70821" s="1" t="s">
        <v>222698</v>
      </c>
      <c r="J70821" s="1" t="s">
        <v>233125</v>
      </c>
    </row>
    <row r="70822" spans="1:10" x14ac:dyDescent="0.35">
      <c r="A70822" s="1" t="s">
        <v>112210</v>
      </c>
      <c r="B70822" s="1" t="s">
        <v>222693</v>
      </c>
      <c r="C70822" s="1" t="s">
        <v>20</v>
      </c>
      <c r="D70822" s="1" t="s">
        <v>233126</v>
      </c>
      <c r="E70822" s="1" t="s">
        <v>236621</v>
      </c>
      <c r="F70822" s="1" t="s">
        <v>236622</v>
      </c>
      <c r="G70822" s="1" t="s">
        <v>236617</v>
      </c>
      <c r="H70822" s="1" t="s">
        <v>236618</v>
      </c>
      <c r="I70822" s="1" t="s">
        <v>222698</v>
      </c>
      <c r="J70822" s="1" t="s">
        <v>233129</v>
      </c>
    </row>
    <row r="70823" spans="1:10" x14ac:dyDescent="0.35">
      <c r="A70823" s="1" t="s">
        <v>112210</v>
      </c>
      <c r="B70823" s="1" t="s">
        <v>222693</v>
      </c>
      <c r="C70823" s="1" t="s">
        <v>25</v>
      </c>
      <c r="D70823" s="1" t="s">
        <v>190630</v>
      </c>
      <c r="E70823" s="1" t="s">
        <v>236623</v>
      </c>
      <c r="F70823" s="1" t="s">
        <v>236624</v>
      </c>
      <c r="G70823" s="1" t="s">
        <v>236617</v>
      </c>
      <c r="H70823" s="1" t="s">
        <v>236618</v>
      </c>
      <c r="I70823" s="1" t="s">
        <v>222698</v>
      </c>
      <c r="J70823" s="1" t="s">
        <v>233132</v>
      </c>
    </row>
    <row r="70824" spans="1:10" x14ac:dyDescent="0.35">
      <c r="A70824" s="1" t="s">
        <v>112210</v>
      </c>
      <c r="B70824" s="1" t="s">
        <v>222693</v>
      </c>
      <c r="C70824" s="1" t="s">
        <v>30</v>
      </c>
      <c r="D70824" s="1" t="s">
        <v>7373</v>
      </c>
      <c r="E70824" s="1" t="s">
        <v>236625</v>
      </c>
      <c r="F70824" s="1" t="s">
        <v>236626</v>
      </c>
      <c r="G70824" s="1" t="s">
        <v>236617</v>
      </c>
      <c r="H70824" s="1" t="s">
        <v>236618</v>
      </c>
      <c r="I70824" s="1" t="s">
        <v>222698</v>
      </c>
      <c r="J70824" s="1" t="s">
        <v>233135</v>
      </c>
    </row>
    <row r="70825" spans="1:10" x14ac:dyDescent="0.35">
      <c r="A70825" s="1" t="s">
        <v>112210</v>
      </c>
      <c r="B70825" s="1" t="s">
        <v>222693</v>
      </c>
      <c r="C70825" s="1" t="s">
        <v>35</v>
      </c>
      <c r="D70825" s="1" t="s">
        <v>136081</v>
      </c>
      <c r="E70825" s="1" t="s">
        <v>236627</v>
      </c>
      <c r="F70825" s="1" t="s">
        <v>236628</v>
      </c>
      <c r="G70825" s="1" t="s">
        <v>236617</v>
      </c>
      <c r="H70825" s="1" t="s">
        <v>236618</v>
      </c>
      <c r="I70825" s="1" t="s">
        <v>222698</v>
      </c>
      <c r="J70825" s="1" t="s">
        <v>233138</v>
      </c>
    </row>
    <row r="70826" spans="1:10" x14ac:dyDescent="0.35">
      <c r="A70826" s="1" t="s">
        <v>112210</v>
      </c>
      <c r="B70826" s="1" t="s">
        <v>222693</v>
      </c>
      <c r="C70826" s="1" t="s">
        <v>40</v>
      </c>
      <c r="D70826" s="1" t="s">
        <v>65405</v>
      </c>
      <c r="E70826" s="1" t="s">
        <v>236629</v>
      </c>
      <c r="F70826" s="1" t="s">
        <v>236630</v>
      </c>
      <c r="G70826" s="1" t="s">
        <v>236617</v>
      </c>
      <c r="H70826" s="1" t="s">
        <v>236618</v>
      </c>
      <c r="I70826" s="1" t="s">
        <v>222698</v>
      </c>
      <c r="J70826" s="1" t="s">
        <v>233141</v>
      </c>
    </row>
    <row r="70827" spans="1:10" x14ac:dyDescent="0.35">
      <c r="A70827" s="1" t="s">
        <v>112210</v>
      </c>
      <c r="B70827" s="1" t="s">
        <v>222693</v>
      </c>
      <c r="C70827" s="1" t="s">
        <v>45</v>
      </c>
      <c r="D70827" s="1" t="s">
        <v>56008</v>
      </c>
      <c r="E70827" s="1" t="s">
        <v>236631</v>
      </c>
      <c r="F70827" s="1" t="s">
        <v>236632</v>
      </c>
      <c r="G70827" s="1" t="s">
        <v>236617</v>
      </c>
      <c r="H70827" s="1" t="s">
        <v>236618</v>
      </c>
      <c r="I70827" s="1" t="s">
        <v>222698</v>
      </c>
      <c r="J70827" s="1" t="s">
        <v>233144</v>
      </c>
    </row>
    <row r="70828" spans="1:10" x14ac:dyDescent="0.35">
      <c r="A70828" s="1" t="s">
        <v>112210</v>
      </c>
      <c r="B70828" s="1" t="s">
        <v>222693</v>
      </c>
      <c r="C70828" s="1" t="s">
        <v>50</v>
      </c>
      <c r="D70828" s="1" t="s">
        <v>139159</v>
      </c>
      <c r="E70828" s="1" t="s">
        <v>236633</v>
      </c>
      <c r="F70828" s="1" t="s">
        <v>236634</v>
      </c>
      <c r="G70828" s="1" t="s">
        <v>236617</v>
      </c>
      <c r="H70828" s="1" t="s">
        <v>236618</v>
      </c>
      <c r="I70828" s="1" t="s">
        <v>222698</v>
      </c>
      <c r="J70828" s="1" t="s">
        <v>233147</v>
      </c>
    </row>
    <row r="70829" spans="1:10" x14ac:dyDescent="0.35">
      <c r="A70829" s="1" t="s">
        <v>112210</v>
      </c>
      <c r="B70829" s="1" t="s">
        <v>222693</v>
      </c>
      <c r="C70829" s="1" t="s">
        <v>55</v>
      </c>
      <c r="D70829" s="1" t="s">
        <v>200795</v>
      </c>
      <c r="E70829" s="1" t="s">
        <v>236635</v>
      </c>
      <c r="F70829" s="1" t="s">
        <v>236636</v>
      </c>
      <c r="G70829" s="1" t="s">
        <v>236617</v>
      </c>
      <c r="H70829" s="1" t="s">
        <v>236618</v>
      </c>
      <c r="I70829" s="1" t="s">
        <v>222698</v>
      </c>
      <c r="J70829" s="1" t="s">
        <v>233150</v>
      </c>
    </row>
    <row r="70830" spans="1:10" x14ac:dyDescent="0.35">
      <c r="A70830" s="1" t="s">
        <v>112210</v>
      </c>
      <c r="B70830" s="1" t="s">
        <v>222693</v>
      </c>
      <c r="C70830" s="1" t="s">
        <v>60</v>
      </c>
      <c r="D70830" s="1" t="s">
        <v>129494</v>
      </c>
      <c r="E70830" s="1" t="s">
        <v>236637</v>
      </c>
      <c r="F70830" s="1" t="s">
        <v>236638</v>
      </c>
      <c r="G70830" s="1" t="s">
        <v>236617</v>
      </c>
      <c r="H70830" s="1" t="s">
        <v>236618</v>
      </c>
      <c r="I70830" s="1" t="s">
        <v>222698</v>
      </c>
      <c r="J70830" s="1" t="s">
        <v>233153</v>
      </c>
    </row>
    <row r="70831" spans="1:10" x14ac:dyDescent="0.35">
      <c r="A70831" s="1" t="s">
        <v>112210</v>
      </c>
      <c r="B70831" s="1" t="s">
        <v>222693</v>
      </c>
      <c r="C70831" s="1" t="s">
        <v>65</v>
      </c>
      <c r="D70831" s="1" t="s">
        <v>233154</v>
      </c>
      <c r="E70831" s="1" t="s">
        <v>236639</v>
      </c>
      <c r="F70831" s="1" t="s">
        <v>236640</v>
      </c>
      <c r="G70831" s="1" t="s">
        <v>236617</v>
      </c>
      <c r="H70831" s="1" t="s">
        <v>236618</v>
      </c>
      <c r="I70831" s="1" t="s">
        <v>222698</v>
      </c>
      <c r="J70831" s="1" t="s">
        <v>233157</v>
      </c>
    </row>
    <row r="70832" spans="1:10" x14ac:dyDescent="0.35">
      <c r="A70832" s="1" t="s">
        <v>112210</v>
      </c>
      <c r="B70832" s="1" t="s">
        <v>222693</v>
      </c>
      <c r="C70832" s="1" t="s">
        <v>70</v>
      </c>
      <c r="D70832" s="1" t="s">
        <v>130332</v>
      </c>
      <c r="E70832" s="1" t="s">
        <v>236641</v>
      </c>
      <c r="F70832" s="1" t="s">
        <v>236642</v>
      </c>
      <c r="G70832" s="1" t="s">
        <v>236617</v>
      </c>
      <c r="H70832" s="1" t="s">
        <v>236618</v>
      </c>
      <c r="I70832" s="1" t="s">
        <v>222698</v>
      </c>
      <c r="J70832" s="1" t="s">
        <v>236643</v>
      </c>
    </row>
    <row r="70833" spans="1:10" x14ac:dyDescent="0.35">
      <c r="A70833" s="1" t="s">
        <v>112210</v>
      </c>
      <c r="B70833" s="1" t="s">
        <v>222693</v>
      </c>
      <c r="C70833" s="1" t="s">
        <v>75</v>
      </c>
      <c r="D70833" s="1" t="s">
        <v>227349</v>
      </c>
      <c r="E70833" s="1" t="s">
        <v>236644</v>
      </c>
      <c r="F70833" s="1" t="s">
        <v>236645</v>
      </c>
      <c r="G70833" s="1" t="s">
        <v>236617</v>
      </c>
      <c r="H70833" s="1" t="s">
        <v>236618</v>
      </c>
      <c r="I70833" s="1" t="s">
        <v>222698</v>
      </c>
      <c r="J70833" s="1" t="s">
        <v>236646</v>
      </c>
    </row>
    <row r="70834" spans="1:10" x14ac:dyDescent="0.35">
      <c r="A70834" s="1" t="s">
        <v>112210</v>
      </c>
      <c r="B70834" s="1" t="s">
        <v>222693</v>
      </c>
      <c r="C70834" s="1" t="s">
        <v>80</v>
      </c>
      <c r="D70834" s="1" t="s">
        <v>58656</v>
      </c>
      <c r="E70834" s="1" t="s">
        <v>236647</v>
      </c>
      <c r="F70834" s="1" t="s">
        <v>236648</v>
      </c>
      <c r="G70834" s="1" t="s">
        <v>236617</v>
      </c>
      <c r="H70834" s="1" t="s">
        <v>236618</v>
      </c>
      <c r="I70834" s="1" t="s">
        <v>222698</v>
      </c>
      <c r="J70834" s="1" t="s">
        <v>236649</v>
      </c>
    </row>
    <row r="70835" spans="1:10" x14ac:dyDescent="0.35">
      <c r="A70835" s="1" t="s">
        <v>112210</v>
      </c>
      <c r="B70835" s="1" t="s">
        <v>222693</v>
      </c>
      <c r="C70835" s="1" t="s">
        <v>85</v>
      </c>
      <c r="D70835" s="1" t="s">
        <v>69461</v>
      </c>
      <c r="E70835" s="1" t="s">
        <v>236650</v>
      </c>
      <c r="F70835" s="1" t="s">
        <v>209645</v>
      </c>
      <c r="G70835" s="1" t="s">
        <v>236617</v>
      </c>
      <c r="H70835" s="1" t="s">
        <v>236618</v>
      </c>
      <c r="I70835" s="1" t="s">
        <v>222698</v>
      </c>
      <c r="J70835" s="1" t="s">
        <v>236651</v>
      </c>
    </row>
    <row r="70836" spans="1:10" x14ac:dyDescent="0.35">
      <c r="A70836" s="1" t="s">
        <v>112210</v>
      </c>
      <c r="B70836" s="1" t="s">
        <v>222693</v>
      </c>
      <c r="C70836" s="1" t="s">
        <v>90</v>
      </c>
      <c r="D70836" s="1" t="s">
        <v>84933</v>
      </c>
      <c r="E70836" s="1" t="s">
        <v>236652</v>
      </c>
      <c r="F70836" s="1" t="s">
        <v>236653</v>
      </c>
      <c r="G70836" s="1" t="s">
        <v>236617</v>
      </c>
      <c r="H70836" s="1" t="s">
        <v>236618</v>
      </c>
      <c r="I70836" s="1" t="s">
        <v>222698</v>
      </c>
      <c r="J70836" s="1" t="s">
        <v>236654</v>
      </c>
    </row>
    <row r="70837" spans="1:10" x14ac:dyDescent="0.35">
      <c r="A70837" s="1" t="s">
        <v>112210</v>
      </c>
      <c r="B70837" s="1" t="s">
        <v>222693</v>
      </c>
      <c r="C70837" s="1" t="s">
        <v>95</v>
      </c>
      <c r="D70837" s="1" t="s">
        <v>236655</v>
      </c>
      <c r="E70837" s="1" t="s">
        <v>236656</v>
      </c>
      <c r="F70837" s="1" t="s">
        <v>236657</v>
      </c>
      <c r="G70837" s="1" t="s">
        <v>236617</v>
      </c>
      <c r="H70837" s="1" t="s">
        <v>236618</v>
      </c>
      <c r="I70837" s="1" t="s">
        <v>222698</v>
      </c>
      <c r="J70837" s="1" t="s">
        <v>236658</v>
      </c>
    </row>
    <row r="70838" spans="1:10" x14ac:dyDescent="0.35">
      <c r="A70838" s="1" t="s">
        <v>112210</v>
      </c>
      <c r="B70838" s="1" t="s">
        <v>222693</v>
      </c>
      <c r="C70838" s="1" t="s">
        <v>100</v>
      </c>
      <c r="D70838" s="1" t="s">
        <v>236659</v>
      </c>
      <c r="E70838" s="1" t="s">
        <v>236660</v>
      </c>
      <c r="F70838" s="1" t="s">
        <v>236661</v>
      </c>
      <c r="G70838" s="1" t="s">
        <v>236617</v>
      </c>
      <c r="H70838" s="1" t="s">
        <v>236618</v>
      </c>
      <c r="I70838" s="1" t="s">
        <v>222698</v>
      </c>
      <c r="J70838" s="1" t="s">
        <v>236662</v>
      </c>
    </row>
    <row r="70839" spans="1:10" x14ac:dyDescent="0.35">
      <c r="A70839" s="1" t="s">
        <v>112210</v>
      </c>
      <c r="B70839" s="1" t="s">
        <v>222693</v>
      </c>
      <c r="C70839" s="1" t="s">
        <v>105</v>
      </c>
      <c r="D70839" s="1" t="s">
        <v>236663</v>
      </c>
      <c r="E70839" s="1" t="s">
        <v>236664</v>
      </c>
      <c r="F70839" s="1" t="s">
        <v>236665</v>
      </c>
      <c r="G70839" s="1" t="s">
        <v>236617</v>
      </c>
      <c r="H70839" s="1" t="s">
        <v>236618</v>
      </c>
      <c r="I70839" s="1" t="s">
        <v>222698</v>
      </c>
      <c r="J70839" s="1" t="s">
        <v>236666</v>
      </c>
    </row>
    <row r="70840" spans="1:10" x14ac:dyDescent="0.35">
      <c r="A70840" s="1" t="s">
        <v>112210</v>
      </c>
      <c r="B70840" s="1" t="s">
        <v>222693</v>
      </c>
      <c r="C70840" s="1" t="s">
        <v>110</v>
      </c>
      <c r="D70840" s="1" t="s">
        <v>236667</v>
      </c>
      <c r="E70840" s="1" t="s">
        <v>236668</v>
      </c>
      <c r="F70840" s="1" t="s">
        <v>236669</v>
      </c>
      <c r="G70840" s="1" t="s">
        <v>236617</v>
      </c>
      <c r="H70840" s="1" t="s">
        <v>236618</v>
      </c>
      <c r="I70840" s="1" t="s">
        <v>222698</v>
      </c>
      <c r="J70840" s="1" t="s">
        <v>236670</v>
      </c>
    </row>
    <row r="70841" spans="1:10" x14ac:dyDescent="0.35">
      <c r="A70841" s="1" t="s">
        <v>112210</v>
      </c>
      <c r="B70841" s="1" t="s">
        <v>222693</v>
      </c>
      <c r="C70841" s="1" t="s">
        <v>115</v>
      </c>
      <c r="D70841" s="1" t="s">
        <v>236671</v>
      </c>
      <c r="E70841" s="1" t="s">
        <v>236672</v>
      </c>
      <c r="F70841" s="1" t="s">
        <v>236673</v>
      </c>
      <c r="G70841" s="1" t="s">
        <v>236617</v>
      </c>
      <c r="H70841" s="1" t="s">
        <v>236618</v>
      </c>
      <c r="I70841" s="1" t="s">
        <v>222698</v>
      </c>
      <c r="J70841" s="1" t="s">
        <v>236674</v>
      </c>
    </row>
    <row r="70842" spans="1:10" x14ac:dyDescent="0.35">
      <c r="A70842" s="1" t="s">
        <v>112210</v>
      </c>
      <c r="B70842" s="1" t="s">
        <v>222693</v>
      </c>
      <c r="C70842" s="1" t="s">
        <v>120</v>
      </c>
      <c r="D70842" s="1" t="s">
        <v>236675</v>
      </c>
      <c r="E70842" s="1" t="s">
        <v>236676</v>
      </c>
      <c r="F70842" s="1" t="s">
        <v>236677</v>
      </c>
      <c r="G70842" s="1" t="s">
        <v>236617</v>
      </c>
      <c r="H70842" s="1" t="s">
        <v>236618</v>
      </c>
      <c r="I70842" s="1" t="s">
        <v>222698</v>
      </c>
      <c r="J70842" s="1" t="s">
        <v>236678</v>
      </c>
    </row>
    <row r="70843" spans="1:10" x14ac:dyDescent="0.35">
      <c r="A70843" s="1" t="s">
        <v>112210</v>
      </c>
      <c r="B70843" s="1" t="s">
        <v>222693</v>
      </c>
      <c r="C70843" s="1" t="s">
        <v>125</v>
      </c>
      <c r="D70843" s="1" t="s">
        <v>236679</v>
      </c>
      <c r="E70843" s="1" t="s">
        <v>236680</v>
      </c>
      <c r="F70843" s="1" t="s">
        <v>236681</v>
      </c>
      <c r="G70843" s="1" t="s">
        <v>236617</v>
      </c>
      <c r="H70843" s="1" t="s">
        <v>236618</v>
      </c>
      <c r="I70843" s="1" t="s">
        <v>222698</v>
      </c>
      <c r="J70843" s="1" t="s">
        <v>236682</v>
      </c>
    </row>
    <row r="70844" spans="1:10" x14ac:dyDescent="0.35">
      <c r="A70844" s="1" t="s">
        <v>112210</v>
      </c>
      <c r="B70844" s="1" t="s">
        <v>222693</v>
      </c>
      <c r="C70844" s="1" t="s">
        <v>130</v>
      </c>
      <c r="D70844" s="1" t="s">
        <v>236683</v>
      </c>
      <c r="E70844" s="1" t="s">
        <v>236684</v>
      </c>
      <c r="F70844" s="1" t="s">
        <v>236685</v>
      </c>
      <c r="G70844" s="1" t="s">
        <v>236617</v>
      </c>
      <c r="H70844" s="1" t="s">
        <v>236618</v>
      </c>
      <c r="I70844" s="1" t="s">
        <v>222698</v>
      </c>
      <c r="J70844" s="1" t="s">
        <v>236686</v>
      </c>
    </row>
    <row r="70845" spans="1:10" x14ac:dyDescent="0.35">
      <c r="A70845" s="1" t="s">
        <v>112210</v>
      </c>
      <c r="B70845" s="1" t="s">
        <v>222693</v>
      </c>
      <c r="C70845" s="1" t="s">
        <v>135</v>
      </c>
      <c r="D70845" s="1" t="s">
        <v>236687</v>
      </c>
      <c r="E70845" s="1" t="s">
        <v>236688</v>
      </c>
      <c r="F70845" s="1" t="s">
        <v>236689</v>
      </c>
      <c r="G70845" s="1" t="s">
        <v>236617</v>
      </c>
      <c r="H70845" s="1" t="s">
        <v>236618</v>
      </c>
      <c r="I70845" s="1" t="s">
        <v>222698</v>
      </c>
      <c r="J70845" s="1" t="s">
        <v>236690</v>
      </c>
    </row>
    <row r="70846" spans="1:10" x14ac:dyDescent="0.35">
      <c r="A70846" s="1" t="s">
        <v>112210</v>
      </c>
      <c r="B70846" s="1" t="s">
        <v>222693</v>
      </c>
      <c r="C70846" s="1" t="s">
        <v>140</v>
      </c>
      <c r="D70846" s="1" t="s">
        <v>236691</v>
      </c>
      <c r="E70846" s="1" t="s">
        <v>236692</v>
      </c>
      <c r="F70846" s="1" t="s">
        <v>236693</v>
      </c>
      <c r="G70846" s="1" t="s">
        <v>236617</v>
      </c>
      <c r="H70846" s="1" t="s">
        <v>236618</v>
      </c>
      <c r="I70846" s="1" t="s">
        <v>222698</v>
      </c>
      <c r="J70846" s="1" t="s">
        <v>236694</v>
      </c>
    </row>
    <row r="70847" spans="1:10" x14ac:dyDescent="0.35">
      <c r="A70847" s="1" t="s">
        <v>112210</v>
      </c>
      <c r="B70847" s="1" t="s">
        <v>222693</v>
      </c>
      <c r="C70847" s="1" t="s">
        <v>145</v>
      </c>
      <c r="D70847" s="1" t="s">
        <v>65461</v>
      </c>
      <c r="E70847" s="1" t="s">
        <v>236695</v>
      </c>
      <c r="F70847" s="1" t="s">
        <v>236696</v>
      </c>
      <c r="G70847" s="1" t="s">
        <v>236617</v>
      </c>
      <c r="H70847" s="1" t="s">
        <v>236618</v>
      </c>
      <c r="I70847" s="1" t="s">
        <v>222698</v>
      </c>
      <c r="J70847" s="1" t="s">
        <v>236697</v>
      </c>
    </row>
    <row r="70848" spans="1:10" x14ac:dyDescent="0.35">
      <c r="A70848" s="1" t="s">
        <v>112210</v>
      </c>
      <c r="B70848" s="1" t="s">
        <v>222693</v>
      </c>
      <c r="C70848" s="1" t="s">
        <v>150</v>
      </c>
      <c r="D70848" s="1" t="s">
        <v>23044</v>
      </c>
      <c r="E70848" s="1" t="s">
        <v>236698</v>
      </c>
      <c r="F70848" s="1" t="s">
        <v>236699</v>
      </c>
      <c r="G70848" s="1" t="s">
        <v>236617</v>
      </c>
      <c r="H70848" s="1" t="s">
        <v>236618</v>
      </c>
      <c r="I70848" s="1" t="s">
        <v>222698</v>
      </c>
      <c r="J70848" s="1" t="s">
        <v>236700</v>
      </c>
    </row>
    <row r="70849" spans="1:10" x14ac:dyDescent="0.35">
      <c r="A70849" s="1" t="s">
        <v>112210</v>
      </c>
      <c r="B70849" s="1" t="s">
        <v>222693</v>
      </c>
      <c r="C70849" s="1" t="s">
        <v>155</v>
      </c>
      <c r="D70849" s="1" t="s">
        <v>236701</v>
      </c>
      <c r="E70849" s="1" t="s">
        <v>136332</v>
      </c>
      <c r="F70849" s="1" t="s">
        <v>236702</v>
      </c>
      <c r="G70849" s="1" t="s">
        <v>236617</v>
      </c>
      <c r="H70849" s="1" t="s">
        <v>236618</v>
      </c>
      <c r="I70849" s="1" t="s">
        <v>222698</v>
      </c>
      <c r="J70849" s="1" t="s">
        <v>236703</v>
      </c>
    </row>
    <row r="70850" spans="1:10" x14ac:dyDescent="0.35">
      <c r="A70850" s="1" t="s">
        <v>112210</v>
      </c>
      <c r="B70850" s="1" t="s">
        <v>222693</v>
      </c>
      <c r="C70850" s="1" t="s">
        <v>160</v>
      </c>
      <c r="D70850" s="1" t="s">
        <v>55304</v>
      </c>
      <c r="E70850" s="1" t="s">
        <v>236704</v>
      </c>
      <c r="F70850" s="1" t="s">
        <v>236705</v>
      </c>
      <c r="G70850" s="1" t="s">
        <v>236617</v>
      </c>
      <c r="H70850" s="1" t="s">
        <v>236618</v>
      </c>
      <c r="I70850" s="1" t="s">
        <v>222698</v>
      </c>
      <c r="J70850" s="1" t="s">
        <v>236706</v>
      </c>
    </row>
    <row r="70851" spans="1:10" x14ac:dyDescent="0.35">
      <c r="A70851" s="1" t="s">
        <v>112210</v>
      </c>
      <c r="B70851" s="1" t="s">
        <v>222693</v>
      </c>
      <c r="C70851" s="1" t="s">
        <v>165</v>
      </c>
      <c r="D70851" s="1" t="s">
        <v>236707</v>
      </c>
      <c r="E70851" s="1" t="s">
        <v>236708</v>
      </c>
      <c r="F70851" s="1" t="s">
        <v>236709</v>
      </c>
      <c r="G70851" s="1" t="s">
        <v>236617</v>
      </c>
      <c r="H70851" s="1" t="s">
        <v>236618</v>
      </c>
      <c r="I70851" s="1" t="s">
        <v>222698</v>
      </c>
      <c r="J70851" s="1" t="s">
        <v>236710</v>
      </c>
    </row>
    <row r="70852" spans="1:10" x14ac:dyDescent="0.35">
      <c r="A70852" s="1" t="s">
        <v>112210</v>
      </c>
      <c r="B70852" s="1" t="s">
        <v>222693</v>
      </c>
      <c r="C70852" s="1" t="s">
        <v>170</v>
      </c>
      <c r="D70852" s="1" t="s">
        <v>236711</v>
      </c>
      <c r="E70852" s="1" t="s">
        <v>236712</v>
      </c>
      <c r="F70852" s="1" t="s">
        <v>236713</v>
      </c>
      <c r="G70852" s="1" t="s">
        <v>236617</v>
      </c>
      <c r="H70852" s="1" t="s">
        <v>236618</v>
      </c>
      <c r="I70852" s="1" t="s">
        <v>222698</v>
      </c>
      <c r="J70852" s="1" t="s">
        <v>236714</v>
      </c>
    </row>
    <row r="70853" spans="1:10" x14ac:dyDescent="0.35">
      <c r="A70853" s="1" t="s">
        <v>1647</v>
      </c>
      <c r="B70853" s="1" t="s">
        <v>222693</v>
      </c>
      <c r="C70853" s="1" t="s">
        <v>8</v>
      </c>
      <c r="D70853" s="1" t="s">
        <v>236200</v>
      </c>
      <c r="E70853" s="1" t="s">
        <v>236715</v>
      </c>
      <c r="F70853" s="1" t="s">
        <v>236716</v>
      </c>
      <c r="G70853" s="1" t="s">
        <v>236717</v>
      </c>
      <c r="H70853" s="1" t="s">
        <v>236718</v>
      </c>
      <c r="I70853" s="1" t="s">
        <v>222698</v>
      </c>
      <c r="J70853" s="1" t="s">
        <v>13</v>
      </c>
    </row>
    <row r="70854" spans="1:10" x14ac:dyDescent="0.35">
      <c r="A70854" s="1" t="s">
        <v>1647</v>
      </c>
      <c r="B70854" s="1" t="s">
        <v>222693</v>
      </c>
      <c r="C70854" s="1" t="s">
        <v>15</v>
      </c>
      <c r="D70854" s="1" t="s">
        <v>131453</v>
      </c>
      <c r="E70854" s="1" t="s">
        <v>236719</v>
      </c>
      <c r="F70854" s="1" t="s">
        <v>236720</v>
      </c>
      <c r="G70854" s="1" t="s">
        <v>236717</v>
      </c>
      <c r="H70854" s="1" t="s">
        <v>236718</v>
      </c>
      <c r="I70854" s="1" t="s">
        <v>222698</v>
      </c>
      <c r="J70854" s="1" t="s">
        <v>236721</v>
      </c>
    </row>
    <row r="70855" spans="1:10" x14ac:dyDescent="0.35">
      <c r="A70855" s="1" t="s">
        <v>1647</v>
      </c>
      <c r="B70855" s="1" t="s">
        <v>222693</v>
      </c>
      <c r="C70855" s="1" t="s">
        <v>20</v>
      </c>
      <c r="D70855" s="1" t="s">
        <v>236722</v>
      </c>
      <c r="E70855" s="1" t="s">
        <v>236723</v>
      </c>
      <c r="F70855" s="1" t="s">
        <v>236724</v>
      </c>
      <c r="G70855" s="1" t="s">
        <v>236717</v>
      </c>
      <c r="H70855" s="1" t="s">
        <v>236718</v>
      </c>
      <c r="I70855" s="1" t="s">
        <v>222698</v>
      </c>
      <c r="J70855" s="1" t="s">
        <v>236725</v>
      </c>
    </row>
    <row r="70856" spans="1:10" x14ac:dyDescent="0.35">
      <c r="A70856" s="1" t="s">
        <v>1647</v>
      </c>
      <c r="B70856" s="1" t="s">
        <v>222693</v>
      </c>
      <c r="C70856" s="1" t="s">
        <v>25</v>
      </c>
      <c r="D70856" s="1" t="s">
        <v>96651</v>
      </c>
      <c r="E70856" s="1" t="s">
        <v>236726</v>
      </c>
      <c r="F70856" s="1" t="s">
        <v>236727</v>
      </c>
      <c r="G70856" s="1" t="s">
        <v>236717</v>
      </c>
      <c r="H70856" s="1" t="s">
        <v>236718</v>
      </c>
      <c r="I70856" s="1" t="s">
        <v>222698</v>
      </c>
      <c r="J70856" s="1" t="s">
        <v>226528</v>
      </c>
    </row>
    <row r="70857" spans="1:10" x14ac:dyDescent="0.35">
      <c r="A70857" s="1" t="s">
        <v>1647</v>
      </c>
      <c r="B70857" s="1" t="s">
        <v>222693</v>
      </c>
      <c r="C70857" s="1" t="s">
        <v>30</v>
      </c>
      <c r="D70857" s="1" t="s">
        <v>236728</v>
      </c>
      <c r="E70857" s="1" t="s">
        <v>236729</v>
      </c>
      <c r="F70857" s="1" t="s">
        <v>236730</v>
      </c>
      <c r="G70857" s="1" t="s">
        <v>236717</v>
      </c>
      <c r="H70857" s="1" t="s">
        <v>236718</v>
      </c>
      <c r="I70857" s="1" t="s">
        <v>222698</v>
      </c>
      <c r="J70857" s="1" t="s">
        <v>236731</v>
      </c>
    </row>
    <row r="70858" spans="1:10" x14ac:dyDescent="0.35">
      <c r="A70858" s="1" t="s">
        <v>1647</v>
      </c>
      <c r="B70858" s="1" t="s">
        <v>222693</v>
      </c>
      <c r="C70858" s="1" t="s">
        <v>35</v>
      </c>
      <c r="D70858" s="1" t="s">
        <v>230353</v>
      </c>
      <c r="E70858" s="1" t="s">
        <v>236732</v>
      </c>
      <c r="F70858" s="1" t="s">
        <v>236733</v>
      </c>
      <c r="G70858" s="1" t="s">
        <v>236717</v>
      </c>
      <c r="H70858" s="1" t="s">
        <v>236718</v>
      </c>
      <c r="I70858" s="1" t="s">
        <v>222698</v>
      </c>
      <c r="J70858" s="1" t="s">
        <v>236734</v>
      </c>
    </row>
    <row r="70859" spans="1:10" x14ac:dyDescent="0.35">
      <c r="A70859" s="1" t="s">
        <v>1647</v>
      </c>
      <c r="B70859" s="1" t="s">
        <v>222693</v>
      </c>
      <c r="C70859" s="1" t="s">
        <v>40</v>
      </c>
      <c r="D70859" s="1" t="s">
        <v>236735</v>
      </c>
      <c r="E70859" s="1" t="s">
        <v>236736</v>
      </c>
      <c r="F70859" s="1" t="s">
        <v>236737</v>
      </c>
      <c r="G70859" s="1" t="s">
        <v>236717</v>
      </c>
      <c r="H70859" s="1" t="s">
        <v>236718</v>
      </c>
      <c r="I70859" s="1" t="s">
        <v>222698</v>
      </c>
      <c r="J70859" s="1" t="s">
        <v>236738</v>
      </c>
    </row>
    <row r="70860" spans="1:10" x14ac:dyDescent="0.35">
      <c r="A70860" s="1" t="s">
        <v>1647</v>
      </c>
      <c r="B70860" s="1" t="s">
        <v>222693</v>
      </c>
      <c r="C70860" s="1" t="s">
        <v>45</v>
      </c>
      <c r="D70860" s="1" t="s">
        <v>56479</v>
      </c>
      <c r="E70860" s="1" t="s">
        <v>236739</v>
      </c>
      <c r="F70860" s="1" t="s">
        <v>236740</v>
      </c>
      <c r="G70860" s="1" t="s">
        <v>236717</v>
      </c>
      <c r="H70860" s="1" t="s">
        <v>236718</v>
      </c>
      <c r="I70860" s="1" t="s">
        <v>222698</v>
      </c>
      <c r="J70860" s="1" t="s">
        <v>236741</v>
      </c>
    </row>
    <row r="70861" spans="1:10" x14ac:dyDescent="0.35">
      <c r="A70861" s="1" t="s">
        <v>1647</v>
      </c>
      <c r="B70861" s="1" t="s">
        <v>222693</v>
      </c>
      <c r="C70861" s="1" t="s">
        <v>50</v>
      </c>
      <c r="D70861" s="1" t="s">
        <v>76378</v>
      </c>
      <c r="E70861" s="1" t="s">
        <v>236742</v>
      </c>
      <c r="F70861" s="1" t="s">
        <v>236743</v>
      </c>
      <c r="G70861" s="1" t="s">
        <v>236717</v>
      </c>
      <c r="H70861" s="1" t="s">
        <v>236718</v>
      </c>
      <c r="I70861" s="1" t="s">
        <v>222698</v>
      </c>
      <c r="J70861" s="1" t="s">
        <v>236744</v>
      </c>
    </row>
    <row r="70862" spans="1:10" x14ac:dyDescent="0.35">
      <c r="A70862" s="1" t="s">
        <v>1647</v>
      </c>
      <c r="B70862" s="1" t="s">
        <v>222693</v>
      </c>
      <c r="C70862" s="1" t="s">
        <v>55</v>
      </c>
      <c r="D70862" s="1" t="s">
        <v>236745</v>
      </c>
      <c r="E70862" s="1" t="s">
        <v>236746</v>
      </c>
      <c r="F70862" s="1" t="s">
        <v>236747</v>
      </c>
      <c r="G70862" s="1" t="s">
        <v>236717</v>
      </c>
      <c r="H70862" s="1" t="s">
        <v>236718</v>
      </c>
      <c r="I70862" s="1" t="s">
        <v>222698</v>
      </c>
      <c r="J70862" s="1" t="s">
        <v>236748</v>
      </c>
    </row>
    <row r="70863" spans="1:10" x14ac:dyDescent="0.35">
      <c r="A70863" s="1" t="s">
        <v>1647</v>
      </c>
      <c r="B70863" s="1" t="s">
        <v>222693</v>
      </c>
      <c r="C70863" s="1" t="s">
        <v>60</v>
      </c>
      <c r="D70863" s="1" t="s">
        <v>558</v>
      </c>
      <c r="E70863" s="1" t="s">
        <v>236749</v>
      </c>
      <c r="F70863" s="1" t="s">
        <v>236750</v>
      </c>
      <c r="G70863" s="1" t="s">
        <v>236717</v>
      </c>
      <c r="H70863" s="1" t="s">
        <v>236718</v>
      </c>
      <c r="I70863" s="1" t="s">
        <v>222698</v>
      </c>
      <c r="J70863" s="1" t="s">
        <v>236751</v>
      </c>
    </row>
    <row r="70864" spans="1:10" x14ac:dyDescent="0.35">
      <c r="A70864" s="1" t="s">
        <v>1647</v>
      </c>
      <c r="B70864" s="1" t="s">
        <v>222693</v>
      </c>
      <c r="C70864" s="1" t="s">
        <v>65</v>
      </c>
      <c r="D70864" s="1" t="s">
        <v>55318</v>
      </c>
      <c r="E70864" s="1" t="s">
        <v>236752</v>
      </c>
      <c r="F70864" s="1" t="s">
        <v>236753</v>
      </c>
      <c r="G70864" s="1" t="s">
        <v>236717</v>
      </c>
      <c r="H70864" s="1" t="s">
        <v>236718</v>
      </c>
      <c r="I70864" s="1" t="s">
        <v>222698</v>
      </c>
      <c r="J70864" s="1" t="s">
        <v>236754</v>
      </c>
    </row>
    <row r="70865" spans="1:10" x14ac:dyDescent="0.35">
      <c r="A70865" s="1" t="s">
        <v>1647</v>
      </c>
      <c r="B70865" s="1" t="s">
        <v>222693</v>
      </c>
      <c r="C70865" s="1" t="s">
        <v>70</v>
      </c>
      <c r="D70865" s="1" t="s">
        <v>236755</v>
      </c>
      <c r="E70865" s="1" t="s">
        <v>236756</v>
      </c>
      <c r="F70865" s="1" t="s">
        <v>236757</v>
      </c>
      <c r="G70865" s="1" t="s">
        <v>236717</v>
      </c>
      <c r="H70865" s="1" t="s">
        <v>236718</v>
      </c>
      <c r="I70865" s="1" t="s">
        <v>222698</v>
      </c>
      <c r="J70865" s="1" t="s">
        <v>236758</v>
      </c>
    </row>
    <row r="70866" spans="1:10" x14ac:dyDescent="0.35">
      <c r="A70866" s="1" t="s">
        <v>1647</v>
      </c>
      <c r="B70866" s="1" t="s">
        <v>222693</v>
      </c>
      <c r="C70866" s="1" t="s">
        <v>75</v>
      </c>
      <c r="D70866" s="1" t="s">
        <v>165276</v>
      </c>
      <c r="E70866" s="1" t="s">
        <v>236759</v>
      </c>
      <c r="F70866" s="1" t="s">
        <v>236760</v>
      </c>
      <c r="G70866" s="1" t="s">
        <v>236717</v>
      </c>
      <c r="H70866" s="1" t="s">
        <v>236718</v>
      </c>
      <c r="I70866" s="1" t="s">
        <v>222698</v>
      </c>
      <c r="J70866" s="1" t="s">
        <v>236761</v>
      </c>
    </row>
    <row r="70867" spans="1:10" x14ac:dyDescent="0.35">
      <c r="A70867" s="1" t="s">
        <v>1647</v>
      </c>
      <c r="B70867" s="1" t="s">
        <v>222693</v>
      </c>
      <c r="C70867" s="1" t="s">
        <v>80</v>
      </c>
      <c r="D70867" s="1" t="s">
        <v>236762</v>
      </c>
      <c r="E70867" s="1" t="s">
        <v>236763</v>
      </c>
      <c r="F70867" s="1" t="s">
        <v>236764</v>
      </c>
      <c r="G70867" s="1" t="s">
        <v>236717</v>
      </c>
      <c r="H70867" s="1" t="s">
        <v>236718</v>
      </c>
      <c r="I70867" s="1" t="s">
        <v>222698</v>
      </c>
      <c r="J70867" s="1" t="s">
        <v>236765</v>
      </c>
    </row>
    <row r="70868" spans="1:10" x14ac:dyDescent="0.35">
      <c r="A70868" s="1" t="s">
        <v>1647</v>
      </c>
      <c r="B70868" s="1" t="s">
        <v>222693</v>
      </c>
      <c r="C70868" s="1" t="s">
        <v>85</v>
      </c>
      <c r="D70868" s="1" t="s">
        <v>236766</v>
      </c>
      <c r="E70868" s="1" t="s">
        <v>236767</v>
      </c>
      <c r="F70868" s="1" t="s">
        <v>236768</v>
      </c>
      <c r="G70868" s="1" t="s">
        <v>236717</v>
      </c>
      <c r="H70868" s="1" t="s">
        <v>236718</v>
      </c>
      <c r="I70868" s="1" t="s">
        <v>222698</v>
      </c>
      <c r="J70868" s="1" t="s">
        <v>236769</v>
      </c>
    </row>
    <row r="70869" spans="1:10" x14ac:dyDescent="0.35">
      <c r="A70869" s="1" t="s">
        <v>1647</v>
      </c>
      <c r="B70869" s="1" t="s">
        <v>222693</v>
      </c>
      <c r="C70869" s="1" t="s">
        <v>90</v>
      </c>
      <c r="D70869" s="1" t="s">
        <v>130711</v>
      </c>
      <c r="E70869" s="1" t="s">
        <v>236770</v>
      </c>
      <c r="F70869" s="1" t="s">
        <v>236771</v>
      </c>
      <c r="G70869" s="1" t="s">
        <v>236717</v>
      </c>
      <c r="H70869" s="1" t="s">
        <v>236718</v>
      </c>
      <c r="I70869" s="1" t="s">
        <v>222698</v>
      </c>
      <c r="J70869" s="1" t="s">
        <v>236772</v>
      </c>
    </row>
    <row r="70870" spans="1:10" x14ac:dyDescent="0.35">
      <c r="A70870" s="1" t="s">
        <v>1647</v>
      </c>
      <c r="B70870" s="1" t="s">
        <v>222693</v>
      </c>
      <c r="C70870" s="1" t="s">
        <v>95</v>
      </c>
      <c r="D70870" s="1" t="s">
        <v>236773</v>
      </c>
      <c r="E70870" s="1" t="s">
        <v>236774</v>
      </c>
      <c r="F70870" s="1" t="s">
        <v>236775</v>
      </c>
      <c r="G70870" s="1" t="s">
        <v>236717</v>
      </c>
      <c r="H70870" s="1" t="s">
        <v>236718</v>
      </c>
      <c r="I70870" s="1" t="s">
        <v>222698</v>
      </c>
      <c r="J70870" s="1" t="s">
        <v>236776</v>
      </c>
    </row>
    <row r="70871" spans="1:10" x14ac:dyDescent="0.35">
      <c r="A70871" s="1" t="s">
        <v>1647</v>
      </c>
      <c r="B70871" s="1" t="s">
        <v>222693</v>
      </c>
      <c r="C70871" s="1" t="s">
        <v>100</v>
      </c>
      <c r="D70871" s="1" t="s">
        <v>236777</v>
      </c>
      <c r="E70871" s="1" t="s">
        <v>236778</v>
      </c>
      <c r="F70871" s="1" t="s">
        <v>236779</v>
      </c>
      <c r="G70871" s="1" t="s">
        <v>236717</v>
      </c>
      <c r="H70871" s="1" t="s">
        <v>236718</v>
      </c>
      <c r="I70871" s="1" t="s">
        <v>222698</v>
      </c>
      <c r="J70871" s="1" t="s">
        <v>236780</v>
      </c>
    </row>
    <row r="70872" spans="1:10" x14ac:dyDescent="0.35">
      <c r="A70872" s="1" t="s">
        <v>1647</v>
      </c>
      <c r="B70872" s="1" t="s">
        <v>222693</v>
      </c>
      <c r="C70872" s="1" t="s">
        <v>105</v>
      </c>
      <c r="D70872" s="1" t="s">
        <v>236781</v>
      </c>
      <c r="E70872" s="1" t="s">
        <v>236782</v>
      </c>
      <c r="F70872" s="1" t="s">
        <v>236783</v>
      </c>
      <c r="G70872" s="1" t="s">
        <v>236717</v>
      </c>
      <c r="H70872" s="1" t="s">
        <v>236718</v>
      </c>
      <c r="I70872" s="1" t="s">
        <v>222698</v>
      </c>
      <c r="J70872" s="1" t="s">
        <v>236784</v>
      </c>
    </row>
    <row r="70873" spans="1:10" x14ac:dyDescent="0.35">
      <c r="A70873" s="1" t="s">
        <v>1647</v>
      </c>
      <c r="B70873" s="1" t="s">
        <v>222693</v>
      </c>
      <c r="C70873" s="1" t="s">
        <v>110</v>
      </c>
      <c r="D70873" s="1" t="s">
        <v>236785</v>
      </c>
      <c r="E70873" s="1" t="s">
        <v>236786</v>
      </c>
      <c r="F70873" s="1" t="s">
        <v>236787</v>
      </c>
      <c r="G70873" s="1" t="s">
        <v>236717</v>
      </c>
      <c r="H70873" s="1" t="s">
        <v>236718</v>
      </c>
      <c r="I70873" s="1" t="s">
        <v>222698</v>
      </c>
      <c r="J70873" s="1" t="s">
        <v>236788</v>
      </c>
    </row>
    <row r="70874" spans="1:10" x14ac:dyDescent="0.35">
      <c r="A70874" s="1" t="s">
        <v>1647</v>
      </c>
      <c r="B70874" s="1" t="s">
        <v>222693</v>
      </c>
      <c r="C70874" s="1" t="s">
        <v>115</v>
      </c>
      <c r="D70874" s="1" t="s">
        <v>236789</v>
      </c>
      <c r="E70874" s="1" t="s">
        <v>236790</v>
      </c>
      <c r="F70874" s="1" t="s">
        <v>236791</v>
      </c>
      <c r="G70874" s="1" t="s">
        <v>236717</v>
      </c>
      <c r="H70874" s="1" t="s">
        <v>236718</v>
      </c>
      <c r="I70874" s="1" t="s">
        <v>222698</v>
      </c>
      <c r="J70874" s="1" t="s">
        <v>236792</v>
      </c>
    </row>
    <row r="70875" spans="1:10" x14ac:dyDescent="0.35">
      <c r="A70875" s="1" t="s">
        <v>1647</v>
      </c>
      <c r="B70875" s="1" t="s">
        <v>222693</v>
      </c>
      <c r="C70875" s="1" t="s">
        <v>120</v>
      </c>
      <c r="D70875" s="1" t="s">
        <v>236793</v>
      </c>
      <c r="E70875" s="1" t="s">
        <v>236794</v>
      </c>
      <c r="F70875" s="1" t="s">
        <v>236795</v>
      </c>
      <c r="G70875" s="1" t="s">
        <v>236717</v>
      </c>
      <c r="H70875" s="1" t="s">
        <v>236718</v>
      </c>
      <c r="I70875" s="1" t="s">
        <v>222698</v>
      </c>
      <c r="J70875" s="1" t="s">
        <v>236796</v>
      </c>
    </row>
    <row r="70876" spans="1:10" x14ac:dyDescent="0.35">
      <c r="A70876" s="1" t="s">
        <v>1647</v>
      </c>
      <c r="B70876" s="1" t="s">
        <v>222693</v>
      </c>
      <c r="C70876" s="1" t="s">
        <v>125</v>
      </c>
      <c r="D70876" s="1" t="s">
        <v>236797</v>
      </c>
      <c r="E70876" s="1" t="s">
        <v>236798</v>
      </c>
      <c r="F70876" s="1" t="s">
        <v>236799</v>
      </c>
      <c r="G70876" s="1" t="s">
        <v>236717</v>
      </c>
      <c r="H70876" s="1" t="s">
        <v>236718</v>
      </c>
      <c r="I70876" s="1" t="s">
        <v>222698</v>
      </c>
      <c r="J70876" s="1" t="s">
        <v>236800</v>
      </c>
    </row>
    <row r="70877" spans="1:10" x14ac:dyDescent="0.35">
      <c r="A70877" s="1" t="s">
        <v>1647</v>
      </c>
      <c r="B70877" s="1" t="s">
        <v>222693</v>
      </c>
      <c r="C70877" s="1" t="s">
        <v>130</v>
      </c>
      <c r="D70877" s="1" t="s">
        <v>236801</v>
      </c>
      <c r="E70877" s="1" t="s">
        <v>236802</v>
      </c>
      <c r="F70877" s="1" t="s">
        <v>236803</v>
      </c>
      <c r="G70877" s="1" t="s">
        <v>236717</v>
      </c>
      <c r="H70877" s="1" t="s">
        <v>236718</v>
      </c>
      <c r="I70877" s="1" t="s">
        <v>222698</v>
      </c>
      <c r="J70877" s="1" t="s">
        <v>236804</v>
      </c>
    </row>
    <row r="70878" spans="1:10" x14ac:dyDescent="0.35">
      <c r="A70878" s="1" t="s">
        <v>1647</v>
      </c>
      <c r="B70878" s="1" t="s">
        <v>222693</v>
      </c>
      <c r="C70878" s="1" t="s">
        <v>135</v>
      </c>
      <c r="D70878" s="1" t="s">
        <v>236805</v>
      </c>
      <c r="E70878" s="1" t="s">
        <v>236806</v>
      </c>
      <c r="F70878" s="1" t="s">
        <v>236807</v>
      </c>
      <c r="G70878" s="1" t="s">
        <v>236717</v>
      </c>
      <c r="H70878" s="1" t="s">
        <v>236718</v>
      </c>
      <c r="I70878" s="1" t="s">
        <v>222698</v>
      </c>
      <c r="J70878" s="1" t="s">
        <v>236808</v>
      </c>
    </row>
    <row r="70879" spans="1:10" x14ac:dyDescent="0.35">
      <c r="A70879" s="1" t="s">
        <v>1647</v>
      </c>
      <c r="B70879" s="1" t="s">
        <v>222693</v>
      </c>
      <c r="C70879" s="1" t="s">
        <v>140</v>
      </c>
      <c r="D70879" s="1" t="s">
        <v>236809</v>
      </c>
      <c r="E70879" s="1" t="s">
        <v>236810</v>
      </c>
      <c r="F70879" s="1" t="s">
        <v>236811</v>
      </c>
      <c r="G70879" s="1" t="s">
        <v>236717</v>
      </c>
      <c r="H70879" s="1" t="s">
        <v>236718</v>
      </c>
      <c r="I70879" s="1" t="s">
        <v>222698</v>
      </c>
      <c r="J70879" s="1" t="s">
        <v>236812</v>
      </c>
    </row>
    <row r="70880" spans="1:10" x14ac:dyDescent="0.35">
      <c r="A70880" s="1" t="s">
        <v>1647</v>
      </c>
      <c r="B70880" s="1" t="s">
        <v>222693</v>
      </c>
      <c r="C70880" s="1" t="s">
        <v>145</v>
      </c>
      <c r="D70880" s="1" t="s">
        <v>236813</v>
      </c>
      <c r="E70880" s="1" t="s">
        <v>236814</v>
      </c>
      <c r="F70880" s="1" t="s">
        <v>236815</v>
      </c>
      <c r="G70880" s="1" t="s">
        <v>236717</v>
      </c>
      <c r="H70880" s="1" t="s">
        <v>236718</v>
      </c>
      <c r="I70880" s="1" t="s">
        <v>222698</v>
      </c>
      <c r="J70880" s="1" t="s">
        <v>236816</v>
      </c>
    </row>
    <row r="70881" spans="1:10" x14ac:dyDescent="0.35">
      <c r="A70881" s="1" t="s">
        <v>1647</v>
      </c>
      <c r="B70881" s="1" t="s">
        <v>222693</v>
      </c>
      <c r="C70881" s="1" t="s">
        <v>150</v>
      </c>
      <c r="D70881" s="1" t="s">
        <v>236817</v>
      </c>
      <c r="E70881" s="1" t="s">
        <v>236818</v>
      </c>
      <c r="F70881" s="1" t="s">
        <v>236819</v>
      </c>
      <c r="G70881" s="1" t="s">
        <v>236717</v>
      </c>
      <c r="H70881" s="1" t="s">
        <v>236718</v>
      </c>
      <c r="I70881" s="1" t="s">
        <v>222698</v>
      </c>
      <c r="J70881" s="1" t="s">
        <v>236820</v>
      </c>
    </row>
    <row r="70882" spans="1:10" x14ac:dyDescent="0.35">
      <c r="A70882" s="1" t="s">
        <v>1647</v>
      </c>
      <c r="B70882" s="1" t="s">
        <v>222693</v>
      </c>
      <c r="C70882" s="1" t="s">
        <v>155</v>
      </c>
      <c r="D70882" s="1" t="s">
        <v>236821</v>
      </c>
      <c r="E70882" s="1" t="s">
        <v>236822</v>
      </c>
      <c r="F70882" s="1" t="s">
        <v>236823</v>
      </c>
      <c r="G70882" s="1" t="s">
        <v>236717</v>
      </c>
      <c r="H70882" s="1" t="s">
        <v>236718</v>
      </c>
      <c r="I70882" s="1" t="s">
        <v>222698</v>
      </c>
      <c r="J70882" s="1" t="s">
        <v>236824</v>
      </c>
    </row>
    <row r="70883" spans="1:10" x14ac:dyDescent="0.35">
      <c r="A70883" s="1" t="s">
        <v>1647</v>
      </c>
      <c r="B70883" s="1" t="s">
        <v>222693</v>
      </c>
      <c r="C70883" s="1" t="s">
        <v>160</v>
      </c>
      <c r="D70883" s="1" t="s">
        <v>236825</v>
      </c>
      <c r="E70883" s="1" t="s">
        <v>236826</v>
      </c>
      <c r="F70883" s="1" t="s">
        <v>236827</v>
      </c>
      <c r="G70883" s="1" t="s">
        <v>236717</v>
      </c>
      <c r="H70883" s="1" t="s">
        <v>236718</v>
      </c>
      <c r="I70883" s="1" t="s">
        <v>222698</v>
      </c>
      <c r="J70883" s="1" t="s">
        <v>236828</v>
      </c>
    </row>
    <row r="70884" spans="1:10" x14ac:dyDescent="0.35">
      <c r="A70884" s="1" t="s">
        <v>1647</v>
      </c>
      <c r="B70884" s="1" t="s">
        <v>222693</v>
      </c>
      <c r="C70884" s="1" t="s">
        <v>165</v>
      </c>
      <c r="D70884" s="1" t="s">
        <v>236829</v>
      </c>
      <c r="E70884" s="1" t="s">
        <v>236830</v>
      </c>
      <c r="F70884" s="1" t="s">
        <v>236831</v>
      </c>
      <c r="G70884" s="1" t="s">
        <v>236717</v>
      </c>
      <c r="H70884" s="1" t="s">
        <v>236718</v>
      </c>
      <c r="I70884" s="1" t="s">
        <v>222698</v>
      </c>
      <c r="J70884" s="1" t="s">
        <v>236832</v>
      </c>
    </row>
    <row r="70885" spans="1:10" x14ac:dyDescent="0.35">
      <c r="A70885" s="1" t="s">
        <v>1647</v>
      </c>
      <c r="B70885" s="1" t="s">
        <v>222693</v>
      </c>
      <c r="C70885" s="1" t="s">
        <v>170</v>
      </c>
      <c r="D70885" s="1" t="s">
        <v>236833</v>
      </c>
      <c r="E70885" s="1" t="s">
        <v>236834</v>
      </c>
      <c r="F70885" s="1" t="s">
        <v>236835</v>
      </c>
      <c r="G70885" s="1" t="s">
        <v>236717</v>
      </c>
      <c r="H70885" s="1" t="s">
        <v>236718</v>
      </c>
      <c r="I70885" s="1" t="s">
        <v>222698</v>
      </c>
      <c r="J70885" s="1" t="s">
        <v>236836</v>
      </c>
    </row>
    <row r="70886" spans="1:10" x14ac:dyDescent="0.35">
      <c r="A70886" s="1" t="s">
        <v>14116</v>
      </c>
      <c r="B70886" s="1" t="s">
        <v>222693</v>
      </c>
      <c r="C70886" s="1" t="s">
        <v>8</v>
      </c>
      <c r="D70886" s="1" t="s">
        <v>67421</v>
      </c>
      <c r="E70886" s="1" t="s">
        <v>236837</v>
      </c>
      <c r="F70886" s="1" t="s">
        <v>236838</v>
      </c>
      <c r="G70886" s="1" t="s">
        <v>236839</v>
      </c>
      <c r="H70886" s="1" t="s">
        <v>236840</v>
      </c>
      <c r="I70886" s="1" t="s">
        <v>222698</v>
      </c>
      <c r="J70886" s="1" t="s">
        <v>13</v>
      </c>
    </row>
    <row r="70887" spans="1:10" x14ac:dyDescent="0.35">
      <c r="A70887" s="1" t="s">
        <v>14116</v>
      </c>
      <c r="B70887" s="1" t="s">
        <v>222693</v>
      </c>
      <c r="C70887" s="1" t="s">
        <v>15</v>
      </c>
      <c r="D70887" s="1" t="s">
        <v>87320</v>
      </c>
      <c r="E70887" s="1" t="s">
        <v>236841</v>
      </c>
      <c r="F70887" s="1" t="s">
        <v>236842</v>
      </c>
      <c r="G70887" s="1" t="s">
        <v>236839</v>
      </c>
      <c r="H70887" s="1" t="s">
        <v>236840</v>
      </c>
      <c r="I70887" s="1" t="s">
        <v>222698</v>
      </c>
      <c r="J70887" s="1" t="s">
        <v>236843</v>
      </c>
    </row>
    <row r="70888" spans="1:10" x14ac:dyDescent="0.35">
      <c r="A70888" s="1" t="s">
        <v>14116</v>
      </c>
      <c r="B70888" s="1" t="s">
        <v>222693</v>
      </c>
      <c r="C70888" s="1" t="s">
        <v>20</v>
      </c>
      <c r="D70888" s="1" t="s">
        <v>236844</v>
      </c>
      <c r="E70888" s="1" t="s">
        <v>236845</v>
      </c>
      <c r="F70888" s="1" t="s">
        <v>236846</v>
      </c>
      <c r="G70888" s="1" t="s">
        <v>236839</v>
      </c>
      <c r="H70888" s="1" t="s">
        <v>236840</v>
      </c>
      <c r="I70888" s="1" t="s">
        <v>222698</v>
      </c>
      <c r="J70888" s="1" t="s">
        <v>236847</v>
      </c>
    </row>
    <row r="70889" spans="1:10" x14ac:dyDescent="0.35">
      <c r="A70889" s="1" t="s">
        <v>14116</v>
      </c>
      <c r="B70889" s="1" t="s">
        <v>222693</v>
      </c>
      <c r="C70889" s="1" t="s">
        <v>25</v>
      </c>
      <c r="D70889" s="1" t="s">
        <v>14477</v>
      </c>
      <c r="E70889" s="1" t="s">
        <v>236848</v>
      </c>
      <c r="F70889" s="1" t="s">
        <v>236849</v>
      </c>
      <c r="G70889" s="1" t="s">
        <v>236839</v>
      </c>
      <c r="H70889" s="1" t="s">
        <v>236840</v>
      </c>
      <c r="I70889" s="1" t="s">
        <v>222698</v>
      </c>
      <c r="J70889" s="1" t="s">
        <v>236850</v>
      </c>
    </row>
    <row r="70890" spans="1:10" x14ac:dyDescent="0.35">
      <c r="A70890" s="1" t="s">
        <v>14116</v>
      </c>
      <c r="B70890" s="1" t="s">
        <v>222693</v>
      </c>
      <c r="C70890" s="1" t="s">
        <v>30</v>
      </c>
      <c r="D70890" s="1" t="s">
        <v>140599</v>
      </c>
      <c r="E70890" s="1" t="s">
        <v>236851</v>
      </c>
      <c r="F70890" s="1" t="s">
        <v>236852</v>
      </c>
      <c r="G70890" s="1" t="s">
        <v>236839</v>
      </c>
      <c r="H70890" s="1" t="s">
        <v>236840</v>
      </c>
      <c r="I70890" s="1" t="s">
        <v>222698</v>
      </c>
      <c r="J70890" s="1" t="s">
        <v>236853</v>
      </c>
    </row>
    <row r="70891" spans="1:10" x14ac:dyDescent="0.35">
      <c r="A70891" s="1" t="s">
        <v>14116</v>
      </c>
      <c r="B70891" s="1" t="s">
        <v>222693</v>
      </c>
      <c r="C70891" s="1" t="s">
        <v>35</v>
      </c>
      <c r="D70891" s="1" t="s">
        <v>164112</v>
      </c>
      <c r="E70891" s="1" t="s">
        <v>236854</v>
      </c>
      <c r="F70891" s="1" t="s">
        <v>236855</v>
      </c>
      <c r="G70891" s="1" t="s">
        <v>236839</v>
      </c>
      <c r="H70891" s="1" t="s">
        <v>236840</v>
      </c>
      <c r="I70891" s="1" t="s">
        <v>222698</v>
      </c>
      <c r="J70891" s="1" t="s">
        <v>236856</v>
      </c>
    </row>
    <row r="70892" spans="1:10" x14ac:dyDescent="0.35">
      <c r="A70892" s="1" t="s">
        <v>14116</v>
      </c>
      <c r="B70892" s="1" t="s">
        <v>222693</v>
      </c>
      <c r="C70892" s="1" t="s">
        <v>40</v>
      </c>
      <c r="D70892" s="1" t="s">
        <v>88848</v>
      </c>
      <c r="E70892" s="1" t="s">
        <v>236857</v>
      </c>
      <c r="F70892" s="1" t="s">
        <v>236858</v>
      </c>
      <c r="G70892" s="1" t="s">
        <v>236839</v>
      </c>
      <c r="H70892" s="1" t="s">
        <v>236840</v>
      </c>
      <c r="I70892" s="1" t="s">
        <v>222698</v>
      </c>
      <c r="J70892" s="1" t="s">
        <v>236859</v>
      </c>
    </row>
    <row r="70893" spans="1:10" x14ac:dyDescent="0.35">
      <c r="A70893" s="1" t="s">
        <v>14116</v>
      </c>
      <c r="B70893" s="1" t="s">
        <v>222693</v>
      </c>
      <c r="C70893" s="1" t="s">
        <v>45</v>
      </c>
      <c r="D70893" s="1" t="s">
        <v>236860</v>
      </c>
      <c r="E70893" s="1" t="s">
        <v>236861</v>
      </c>
      <c r="F70893" s="1" t="s">
        <v>236862</v>
      </c>
      <c r="G70893" s="1" t="s">
        <v>236839</v>
      </c>
      <c r="H70893" s="1" t="s">
        <v>236840</v>
      </c>
      <c r="I70893" s="1" t="s">
        <v>222698</v>
      </c>
      <c r="J70893" s="1" t="s">
        <v>236863</v>
      </c>
    </row>
    <row r="70894" spans="1:10" x14ac:dyDescent="0.35">
      <c r="A70894" s="1" t="s">
        <v>14116</v>
      </c>
      <c r="B70894" s="1" t="s">
        <v>222693</v>
      </c>
      <c r="C70894" s="1" t="s">
        <v>50</v>
      </c>
      <c r="D70894" s="1" t="s">
        <v>211671</v>
      </c>
      <c r="E70894" s="1" t="s">
        <v>236864</v>
      </c>
      <c r="F70894" s="1" t="s">
        <v>236865</v>
      </c>
      <c r="G70894" s="1" t="s">
        <v>236839</v>
      </c>
      <c r="H70894" s="1" t="s">
        <v>236840</v>
      </c>
      <c r="I70894" s="1" t="s">
        <v>222698</v>
      </c>
      <c r="J70894" s="1" t="s">
        <v>236866</v>
      </c>
    </row>
    <row r="70895" spans="1:10" x14ac:dyDescent="0.35">
      <c r="A70895" s="1" t="s">
        <v>14116</v>
      </c>
      <c r="B70895" s="1" t="s">
        <v>222693</v>
      </c>
      <c r="C70895" s="1" t="s">
        <v>55</v>
      </c>
      <c r="D70895" s="1" t="s">
        <v>236867</v>
      </c>
      <c r="E70895" s="1" t="s">
        <v>236868</v>
      </c>
      <c r="F70895" s="1" t="s">
        <v>236869</v>
      </c>
      <c r="G70895" s="1" t="s">
        <v>236839</v>
      </c>
      <c r="H70895" s="1" t="s">
        <v>236840</v>
      </c>
      <c r="I70895" s="1" t="s">
        <v>222698</v>
      </c>
      <c r="J70895" s="1" t="s">
        <v>236870</v>
      </c>
    </row>
    <row r="70896" spans="1:10" x14ac:dyDescent="0.35">
      <c r="A70896" s="1" t="s">
        <v>14116</v>
      </c>
      <c r="B70896" s="1" t="s">
        <v>222693</v>
      </c>
      <c r="C70896" s="1" t="s">
        <v>60</v>
      </c>
      <c r="D70896" s="1" t="s">
        <v>40714</v>
      </c>
      <c r="E70896" s="1" t="s">
        <v>236871</v>
      </c>
      <c r="F70896" s="1" t="s">
        <v>236872</v>
      </c>
      <c r="G70896" s="1" t="s">
        <v>236839</v>
      </c>
      <c r="H70896" s="1" t="s">
        <v>236840</v>
      </c>
      <c r="I70896" s="1" t="s">
        <v>222698</v>
      </c>
      <c r="J70896" s="1" t="s">
        <v>236873</v>
      </c>
    </row>
    <row r="70897" spans="1:10" x14ac:dyDescent="0.35">
      <c r="A70897" s="1" t="s">
        <v>14116</v>
      </c>
      <c r="B70897" s="1" t="s">
        <v>222693</v>
      </c>
      <c r="C70897" s="1" t="s">
        <v>65</v>
      </c>
      <c r="D70897" s="1" t="s">
        <v>22790</v>
      </c>
      <c r="E70897" s="1" t="s">
        <v>236874</v>
      </c>
      <c r="F70897" s="1" t="s">
        <v>236875</v>
      </c>
      <c r="G70897" s="1" t="s">
        <v>236839</v>
      </c>
      <c r="H70897" s="1" t="s">
        <v>236840</v>
      </c>
      <c r="I70897" s="1" t="s">
        <v>222698</v>
      </c>
      <c r="J70897" s="1" t="s">
        <v>236876</v>
      </c>
    </row>
    <row r="70898" spans="1:10" x14ac:dyDescent="0.35">
      <c r="A70898" s="1" t="s">
        <v>14116</v>
      </c>
      <c r="B70898" s="1" t="s">
        <v>222693</v>
      </c>
      <c r="C70898" s="1" t="s">
        <v>70</v>
      </c>
      <c r="D70898" s="1" t="s">
        <v>167092</v>
      </c>
      <c r="E70898" s="1" t="s">
        <v>236877</v>
      </c>
      <c r="F70898" s="1" t="s">
        <v>236878</v>
      </c>
      <c r="G70898" s="1" t="s">
        <v>236839</v>
      </c>
      <c r="H70898" s="1" t="s">
        <v>236840</v>
      </c>
      <c r="I70898" s="1" t="s">
        <v>222698</v>
      </c>
      <c r="J70898" s="1" t="s">
        <v>236879</v>
      </c>
    </row>
    <row r="70899" spans="1:10" x14ac:dyDescent="0.35">
      <c r="A70899" s="1" t="s">
        <v>14116</v>
      </c>
      <c r="B70899" s="1" t="s">
        <v>222693</v>
      </c>
      <c r="C70899" s="1" t="s">
        <v>75</v>
      </c>
      <c r="D70899" s="1" t="s">
        <v>236880</v>
      </c>
      <c r="E70899" s="1" t="s">
        <v>236881</v>
      </c>
      <c r="F70899" s="1" t="s">
        <v>236882</v>
      </c>
      <c r="G70899" s="1" t="s">
        <v>236839</v>
      </c>
      <c r="H70899" s="1" t="s">
        <v>236840</v>
      </c>
      <c r="I70899" s="1" t="s">
        <v>222698</v>
      </c>
      <c r="J70899" s="1" t="s">
        <v>236883</v>
      </c>
    </row>
    <row r="70900" spans="1:10" x14ac:dyDescent="0.35">
      <c r="A70900" s="1" t="s">
        <v>14116</v>
      </c>
      <c r="B70900" s="1" t="s">
        <v>222693</v>
      </c>
      <c r="C70900" s="1" t="s">
        <v>80</v>
      </c>
      <c r="D70900" s="1" t="s">
        <v>2810</v>
      </c>
      <c r="E70900" s="1" t="s">
        <v>236884</v>
      </c>
      <c r="F70900" s="1" t="s">
        <v>236885</v>
      </c>
      <c r="G70900" s="1" t="s">
        <v>236839</v>
      </c>
      <c r="H70900" s="1" t="s">
        <v>236840</v>
      </c>
      <c r="I70900" s="1" t="s">
        <v>222698</v>
      </c>
      <c r="J70900" s="1" t="s">
        <v>236886</v>
      </c>
    </row>
    <row r="70901" spans="1:10" x14ac:dyDescent="0.35">
      <c r="A70901" s="1" t="s">
        <v>14116</v>
      </c>
      <c r="B70901" s="1" t="s">
        <v>222693</v>
      </c>
      <c r="C70901" s="1" t="s">
        <v>85</v>
      </c>
      <c r="D70901" s="1" t="s">
        <v>103795</v>
      </c>
      <c r="E70901" s="1" t="s">
        <v>236887</v>
      </c>
      <c r="F70901" s="1" t="s">
        <v>236888</v>
      </c>
      <c r="G70901" s="1" t="s">
        <v>236839</v>
      </c>
      <c r="H70901" s="1" t="s">
        <v>236840</v>
      </c>
      <c r="I70901" s="1" t="s">
        <v>222698</v>
      </c>
      <c r="J70901" s="1" t="s">
        <v>236889</v>
      </c>
    </row>
    <row r="70902" spans="1:10" x14ac:dyDescent="0.35">
      <c r="A70902" s="1" t="s">
        <v>14116</v>
      </c>
      <c r="B70902" s="1" t="s">
        <v>222693</v>
      </c>
      <c r="C70902" s="1" t="s">
        <v>90</v>
      </c>
      <c r="D70902" s="1" t="s">
        <v>236890</v>
      </c>
      <c r="E70902" s="1" t="s">
        <v>236891</v>
      </c>
      <c r="F70902" s="1" t="s">
        <v>236892</v>
      </c>
      <c r="G70902" s="1" t="s">
        <v>236839</v>
      </c>
      <c r="H70902" s="1" t="s">
        <v>236840</v>
      </c>
      <c r="I70902" s="1" t="s">
        <v>222698</v>
      </c>
      <c r="J70902" s="1" t="s">
        <v>236893</v>
      </c>
    </row>
    <row r="70903" spans="1:10" x14ac:dyDescent="0.35">
      <c r="A70903" s="1" t="s">
        <v>14116</v>
      </c>
      <c r="B70903" s="1" t="s">
        <v>222693</v>
      </c>
      <c r="C70903" s="1" t="s">
        <v>95</v>
      </c>
      <c r="D70903" s="1" t="s">
        <v>67023</v>
      </c>
      <c r="E70903" s="1" t="s">
        <v>236894</v>
      </c>
      <c r="F70903" s="1" t="s">
        <v>236895</v>
      </c>
      <c r="G70903" s="1" t="s">
        <v>236839</v>
      </c>
      <c r="H70903" s="1" t="s">
        <v>236840</v>
      </c>
      <c r="I70903" s="1" t="s">
        <v>222698</v>
      </c>
      <c r="J70903" s="1" t="s">
        <v>236896</v>
      </c>
    </row>
    <row r="70904" spans="1:10" x14ac:dyDescent="0.35">
      <c r="A70904" s="1" t="s">
        <v>14116</v>
      </c>
      <c r="B70904" s="1" t="s">
        <v>222693</v>
      </c>
      <c r="C70904" s="1" t="s">
        <v>100</v>
      </c>
      <c r="D70904" s="1" t="s">
        <v>236897</v>
      </c>
      <c r="E70904" s="1" t="s">
        <v>236898</v>
      </c>
      <c r="F70904" s="1" t="s">
        <v>236899</v>
      </c>
      <c r="G70904" s="1" t="s">
        <v>236839</v>
      </c>
      <c r="H70904" s="1" t="s">
        <v>236840</v>
      </c>
      <c r="I70904" s="1" t="s">
        <v>222698</v>
      </c>
      <c r="J70904" s="1" t="s">
        <v>236900</v>
      </c>
    </row>
    <row r="70905" spans="1:10" x14ac:dyDescent="0.35">
      <c r="A70905" s="1" t="s">
        <v>14116</v>
      </c>
      <c r="B70905" s="1" t="s">
        <v>222693</v>
      </c>
      <c r="C70905" s="1" t="s">
        <v>105</v>
      </c>
      <c r="D70905" s="1" t="s">
        <v>236901</v>
      </c>
      <c r="E70905" s="1" t="s">
        <v>236902</v>
      </c>
      <c r="F70905" s="1" t="s">
        <v>236903</v>
      </c>
      <c r="G70905" s="1" t="s">
        <v>236839</v>
      </c>
      <c r="H70905" s="1" t="s">
        <v>236840</v>
      </c>
      <c r="I70905" s="1" t="s">
        <v>222698</v>
      </c>
      <c r="J70905" s="1" t="s">
        <v>236904</v>
      </c>
    </row>
    <row r="70906" spans="1:10" x14ac:dyDescent="0.35">
      <c r="A70906" s="1" t="s">
        <v>14116</v>
      </c>
      <c r="B70906" s="1" t="s">
        <v>222693</v>
      </c>
      <c r="C70906" s="1" t="s">
        <v>110</v>
      </c>
      <c r="D70906" s="1" t="s">
        <v>227349</v>
      </c>
      <c r="E70906" s="1" t="s">
        <v>236905</v>
      </c>
      <c r="F70906" s="1" t="s">
        <v>236906</v>
      </c>
      <c r="G70906" s="1" t="s">
        <v>236839</v>
      </c>
      <c r="H70906" s="1" t="s">
        <v>236840</v>
      </c>
      <c r="I70906" s="1" t="s">
        <v>222698</v>
      </c>
      <c r="J70906" s="1" t="s">
        <v>236907</v>
      </c>
    </row>
    <row r="70907" spans="1:10" x14ac:dyDescent="0.35">
      <c r="A70907" s="1" t="s">
        <v>14116</v>
      </c>
      <c r="B70907" s="1" t="s">
        <v>222693</v>
      </c>
      <c r="C70907" s="1" t="s">
        <v>115</v>
      </c>
      <c r="D70907" s="1" t="s">
        <v>236908</v>
      </c>
      <c r="E70907" s="1" t="s">
        <v>236909</v>
      </c>
      <c r="F70907" s="1" t="s">
        <v>236910</v>
      </c>
      <c r="G70907" s="1" t="s">
        <v>236839</v>
      </c>
      <c r="H70907" s="1" t="s">
        <v>236840</v>
      </c>
      <c r="I70907" s="1" t="s">
        <v>222698</v>
      </c>
      <c r="J70907" s="1" t="s">
        <v>236911</v>
      </c>
    </row>
    <row r="70908" spans="1:10" x14ac:dyDescent="0.35">
      <c r="A70908" s="1" t="s">
        <v>14116</v>
      </c>
      <c r="B70908" s="1" t="s">
        <v>222693</v>
      </c>
      <c r="C70908" s="1" t="s">
        <v>120</v>
      </c>
      <c r="D70908" s="1" t="s">
        <v>236912</v>
      </c>
      <c r="E70908" s="1" t="s">
        <v>236913</v>
      </c>
      <c r="F70908" s="1" t="s">
        <v>236914</v>
      </c>
      <c r="G70908" s="1" t="s">
        <v>236839</v>
      </c>
      <c r="H70908" s="1" t="s">
        <v>236840</v>
      </c>
      <c r="I70908" s="1" t="s">
        <v>222698</v>
      </c>
      <c r="J70908" s="1" t="s">
        <v>236915</v>
      </c>
    </row>
    <row r="70909" spans="1:10" x14ac:dyDescent="0.35">
      <c r="A70909" s="1" t="s">
        <v>14116</v>
      </c>
      <c r="B70909" s="1" t="s">
        <v>222693</v>
      </c>
      <c r="C70909" s="1" t="s">
        <v>125</v>
      </c>
      <c r="D70909" s="1" t="s">
        <v>150401</v>
      </c>
      <c r="E70909" s="1" t="s">
        <v>236916</v>
      </c>
      <c r="F70909" s="1" t="s">
        <v>236917</v>
      </c>
      <c r="G70909" s="1" t="s">
        <v>236839</v>
      </c>
      <c r="H70909" s="1" t="s">
        <v>236840</v>
      </c>
      <c r="I70909" s="1" t="s">
        <v>222698</v>
      </c>
      <c r="J70909" s="1" t="s">
        <v>236918</v>
      </c>
    </row>
    <row r="70910" spans="1:10" x14ac:dyDescent="0.35">
      <c r="A70910" s="1" t="s">
        <v>14116</v>
      </c>
      <c r="B70910" s="1" t="s">
        <v>222693</v>
      </c>
      <c r="C70910" s="1" t="s">
        <v>130</v>
      </c>
      <c r="D70910" s="1" t="s">
        <v>60006</v>
      </c>
      <c r="E70910" s="1" t="s">
        <v>236919</v>
      </c>
      <c r="F70910" s="1" t="s">
        <v>236920</v>
      </c>
      <c r="G70910" s="1" t="s">
        <v>236839</v>
      </c>
      <c r="H70910" s="1" t="s">
        <v>236840</v>
      </c>
      <c r="I70910" s="1" t="s">
        <v>222698</v>
      </c>
      <c r="J70910" s="1" t="s">
        <v>236921</v>
      </c>
    </row>
    <row r="70911" spans="1:10" x14ac:dyDescent="0.35">
      <c r="A70911" s="1" t="s">
        <v>14116</v>
      </c>
      <c r="B70911" s="1" t="s">
        <v>222693</v>
      </c>
      <c r="C70911" s="1" t="s">
        <v>135</v>
      </c>
      <c r="D70911" s="1" t="s">
        <v>201773</v>
      </c>
      <c r="E70911" s="1" t="s">
        <v>236922</v>
      </c>
      <c r="F70911" s="1" t="s">
        <v>236923</v>
      </c>
      <c r="G70911" s="1" t="s">
        <v>236839</v>
      </c>
      <c r="H70911" s="1" t="s">
        <v>236840</v>
      </c>
      <c r="I70911" s="1" t="s">
        <v>222698</v>
      </c>
      <c r="J70911" s="1" t="s">
        <v>236924</v>
      </c>
    </row>
    <row r="70912" spans="1:10" x14ac:dyDescent="0.35">
      <c r="A70912" s="1" t="s">
        <v>14116</v>
      </c>
      <c r="B70912" s="1" t="s">
        <v>222693</v>
      </c>
      <c r="C70912" s="1" t="s">
        <v>140</v>
      </c>
      <c r="D70912" s="1" t="s">
        <v>133231</v>
      </c>
      <c r="E70912" s="1" t="s">
        <v>236925</v>
      </c>
      <c r="F70912" s="1" t="s">
        <v>236926</v>
      </c>
      <c r="G70912" s="1" t="s">
        <v>236839</v>
      </c>
      <c r="H70912" s="1" t="s">
        <v>236840</v>
      </c>
      <c r="I70912" s="1" t="s">
        <v>222698</v>
      </c>
      <c r="J70912" s="1" t="s">
        <v>236927</v>
      </c>
    </row>
    <row r="70913" spans="1:10" x14ac:dyDescent="0.35">
      <c r="A70913" s="1" t="s">
        <v>14116</v>
      </c>
      <c r="B70913" s="1" t="s">
        <v>222693</v>
      </c>
      <c r="C70913" s="1" t="s">
        <v>145</v>
      </c>
      <c r="D70913" s="1" t="s">
        <v>58950</v>
      </c>
      <c r="E70913" s="1" t="s">
        <v>236928</v>
      </c>
      <c r="F70913" s="1" t="s">
        <v>236929</v>
      </c>
      <c r="G70913" s="1" t="s">
        <v>236839</v>
      </c>
      <c r="H70913" s="1" t="s">
        <v>236840</v>
      </c>
      <c r="I70913" s="1" t="s">
        <v>222698</v>
      </c>
      <c r="J70913" s="1" t="s">
        <v>236930</v>
      </c>
    </row>
    <row r="70914" spans="1:10" x14ac:dyDescent="0.35">
      <c r="A70914" s="1" t="s">
        <v>14116</v>
      </c>
      <c r="B70914" s="1" t="s">
        <v>222693</v>
      </c>
      <c r="C70914" s="1" t="s">
        <v>150</v>
      </c>
      <c r="D70914" s="1" t="s">
        <v>2810</v>
      </c>
      <c r="E70914" s="1" t="s">
        <v>236931</v>
      </c>
      <c r="F70914" s="1" t="s">
        <v>236932</v>
      </c>
      <c r="G70914" s="1" t="s">
        <v>236839</v>
      </c>
      <c r="H70914" s="1" t="s">
        <v>236840</v>
      </c>
      <c r="I70914" s="1" t="s">
        <v>222698</v>
      </c>
      <c r="J70914" s="1" t="s">
        <v>236933</v>
      </c>
    </row>
    <row r="70915" spans="1:10" x14ac:dyDescent="0.35">
      <c r="A70915" s="1" t="s">
        <v>14116</v>
      </c>
      <c r="B70915" s="1" t="s">
        <v>222693</v>
      </c>
      <c r="C70915" s="1" t="s">
        <v>155</v>
      </c>
      <c r="D70915" s="1" t="s">
        <v>84416</v>
      </c>
      <c r="E70915" s="1" t="s">
        <v>236934</v>
      </c>
      <c r="F70915" s="1" t="s">
        <v>236935</v>
      </c>
      <c r="G70915" s="1" t="s">
        <v>236839</v>
      </c>
      <c r="H70915" s="1" t="s">
        <v>236840</v>
      </c>
      <c r="I70915" s="1" t="s">
        <v>222698</v>
      </c>
      <c r="J70915" s="1" t="s">
        <v>236936</v>
      </c>
    </row>
    <row r="70916" spans="1:10" x14ac:dyDescent="0.35">
      <c r="A70916" s="1" t="s">
        <v>14116</v>
      </c>
      <c r="B70916" s="1" t="s">
        <v>222693</v>
      </c>
      <c r="C70916" s="1" t="s">
        <v>160</v>
      </c>
      <c r="D70916" s="1" t="s">
        <v>164736</v>
      </c>
      <c r="E70916" s="1" t="s">
        <v>236937</v>
      </c>
      <c r="F70916" s="1" t="s">
        <v>236938</v>
      </c>
      <c r="G70916" s="1" t="s">
        <v>236839</v>
      </c>
      <c r="H70916" s="1" t="s">
        <v>236840</v>
      </c>
      <c r="I70916" s="1" t="s">
        <v>222698</v>
      </c>
      <c r="J70916" s="1" t="s">
        <v>236939</v>
      </c>
    </row>
    <row r="70917" spans="1:10" x14ac:dyDescent="0.35">
      <c r="A70917" s="1" t="s">
        <v>14116</v>
      </c>
      <c r="B70917" s="1" t="s">
        <v>222693</v>
      </c>
      <c r="C70917" s="1" t="s">
        <v>165</v>
      </c>
      <c r="D70917" s="1" t="s">
        <v>236940</v>
      </c>
      <c r="E70917" s="1" t="s">
        <v>236941</v>
      </c>
      <c r="F70917" s="1" t="s">
        <v>236942</v>
      </c>
      <c r="G70917" s="1" t="s">
        <v>236839</v>
      </c>
      <c r="H70917" s="1" t="s">
        <v>236840</v>
      </c>
      <c r="I70917" s="1" t="s">
        <v>222698</v>
      </c>
      <c r="J70917" s="1" t="s">
        <v>236943</v>
      </c>
    </row>
    <row r="70918" spans="1:10" x14ac:dyDescent="0.35">
      <c r="A70918" s="1" t="s">
        <v>14116</v>
      </c>
      <c r="B70918" s="1" t="s">
        <v>222693</v>
      </c>
      <c r="C70918" s="1" t="s">
        <v>170</v>
      </c>
      <c r="D70918" s="1" t="s">
        <v>40067</v>
      </c>
      <c r="E70918" s="1" t="s">
        <v>236944</v>
      </c>
      <c r="F70918" s="1" t="s">
        <v>236945</v>
      </c>
      <c r="G70918" s="1" t="s">
        <v>236839</v>
      </c>
      <c r="H70918" s="1" t="s">
        <v>236840</v>
      </c>
      <c r="I70918" s="1" t="s">
        <v>222698</v>
      </c>
      <c r="J70918" s="1" t="s">
        <v>229826</v>
      </c>
    </row>
    <row r="70919" spans="1:10" x14ac:dyDescent="0.35">
      <c r="A70919" s="1" t="s">
        <v>119487</v>
      </c>
      <c r="B70919" s="1" t="s">
        <v>222693</v>
      </c>
      <c r="C70919" s="1" t="s">
        <v>8</v>
      </c>
      <c r="D70919" s="1" t="s">
        <v>20019</v>
      </c>
      <c r="E70919" s="1" t="s">
        <v>236946</v>
      </c>
      <c r="F70919" s="1" t="s">
        <v>236947</v>
      </c>
      <c r="G70919" s="1" t="s">
        <v>236948</v>
      </c>
      <c r="H70919" s="1" t="s">
        <v>236949</v>
      </c>
      <c r="I70919" s="1" t="s">
        <v>222698</v>
      </c>
      <c r="J70919" s="1" t="s">
        <v>13</v>
      </c>
    </row>
    <row r="70920" spans="1:10" x14ac:dyDescent="0.35">
      <c r="A70920" s="1" t="s">
        <v>119487</v>
      </c>
      <c r="B70920" s="1" t="s">
        <v>222693</v>
      </c>
      <c r="C70920" s="1" t="s">
        <v>15</v>
      </c>
      <c r="D70920" s="1" t="s">
        <v>81193</v>
      </c>
      <c r="E70920" s="1" t="s">
        <v>236950</v>
      </c>
      <c r="F70920" s="1" t="s">
        <v>236951</v>
      </c>
      <c r="G70920" s="1" t="s">
        <v>236948</v>
      </c>
      <c r="H70920" s="1" t="s">
        <v>236949</v>
      </c>
      <c r="I70920" s="1" t="s">
        <v>222698</v>
      </c>
      <c r="J70920" s="1" t="s">
        <v>236952</v>
      </c>
    </row>
    <row r="70921" spans="1:10" x14ac:dyDescent="0.35">
      <c r="A70921" s="1" t="s">
        <v>119487</v>
      </c>
      <c r="B70921" s="1" t="s">
        <v>222693</v>
      </c>
      <c r="C70921" s="1" t="s">
        <v>20</v>
      </c>
      <c r="D70921" s="1" t="s">
        <v>107057</v>
      </c>
      <c r="E70921" s="1" t="s">
        <v>236953</v>
      </c>
      <c r="F70921" s="1" t="s">
        <v>236954</v>
      </c>
      <c r="G70921" s="1" t="s">
        <v>236948</v>
      </c>
      <c r="H70921" s="1" t="s">
        <v>236949</v>
      </c>
      <c r="I70921" s="1" t="s">
        <v>222698</v>
      </c>
      <c r="J70921" s="1" t="s">
        <v>236955</v>
      </c>
    </row>
    <row r="70922" spans="1:10" x14ac:dyDescent="0.35">
      <c r="A70922" s="1" t="s">
        <v>119487</v>
      </c>
      <c r="B70922" s="1" t="s">
        <v>222693</v>
      </c>
      <c r="C70922" s="1" t="s">
        <v>25</v>
      </c>
      <c r="D70922" s="1" t="s">
        <v>86122</v>
      </c>
      <c r="E70922" s="1" t="s">
        <v>236956</v>
      </c>
      <c r="F70922" s="1" t="s">
        <v>236957</v>
      </c>
      <c r="G70922" s="1" t="s">
        <v>236948</v>
      </c>
      <c r="H70922" s="1" t="s">
        <v>236949</v>
      </c>
      <c r="I70922" s="1" t="s">
        <v>222698</v>
      </c>
      <c r="J70922" s="1" t="s">
        <v>236958</v>
      </c>
    </row>
    <row r="70923" spans="1:10" x14ac:dyDescent="0.35">
      <c r="A70923" s="1" t="s">
        <v>119487</v>
      </c>
      <c r="B70923" s="1" t="s">
        <v>222693</v>
      </c>
      <c r="C70923" s="1" t="s">
        <v>30</v>
      </c>
      <c r="D70923" s="1" t="s">
        <v>236959</v>
      </c>
      <c r="E70923" s="1" t="s">
        <v>236960</v>
      </c>
      <c r="F70923" s="1" t="s">
        <v>236961</v>
      </c>
      <c r="G70923" s="1" t="s">
        <v>236948</v>
      </c>
      <c r="H70923" s="1" t="s">
        <v>236949</v>
      </c>
      <c r="I70923" s="1" t="s">
        <v>222698</v>
      </c>
      <c r="J70923" s="1" t="s">
        <v>236962</v>
      </c>
    </row>
    <row r="70924" spans="1:10" x14ac:dyDescent="0.35">
      <c r="A70924" s="1" t="s">
        <v>119487</v>
      </c>
      <c r="B70924" s="1" t="s">
        <v>222693</v>
      </c>
      <c r="C70924" s="1" t="s">
        <v>35</v>
      </c>
      <c r="D70924" s="1" t="s">
        <v>199160</v>
      </c>
      <c r="E70924" s="1" t="s">
        <v>236963</v>
      </c>
      <c r="F70924" s="1" t="s">
        <v>236964</v>
      </c>
      <c r="G70924" s="1" t="s">
        <v>236948</v>
      </c>
      <c r="H70924" s="1" t="s">
        <v>236949</v>
      </c>
      <c r="I70924" s="1" t="s">
        <v>222698</v>
      </c>
      <c r="J70924" s="1" t="s">
        <v>236965</v>
      </c>
    </row>
    <row r="70925" spans="1:10" x14ac:dyDescent="0.35">
      <c r="A70925" s="1" t="s">
        <v>119487</v>
      </c>
      <c r="B70925" s="1" t="s">
        <v>222693</v>
      </c>
      <c r="C70925" s="1" t="s">
        <v>40</v>
      </c>
      <c r="D70925" s="1" t="s">
        <v>230083</v>
      </c>
      <c r="E70925" s="1" t="s">
        <v>236966</v>
      </c>
      <c r="F70925" s="1" t="s">
        <v>236967</v>
      </c>
      <c r="G70925" s="1" t="s">
        <v>236948</v>
      </c>
      <c r="H70925" s="1" t="s">
        <v>236949</v>
      </c>
      <c r="I70925" s="1" t="s">
        <v>222698</v>
      </c>
      <c r="J70925" s="1" t="s">
        <v>236968</v>
      </c>
    </row>
    <row r="70926" spans="1:10" x14ac:dyDescent="0.35">
      <c r="A70926" s="1" t="s">
        <v>119487</v>
      </c>
      <c r="B70926" s="1" t="s">
        <v>222693</v>
      </c>
      <c r="C70926" s="1" t="s">
        <v>45</v>
      </c>
      <c r="D70926" s="1" t="s">
        <v>236969</v>
      </c>
      <c r="E70926" s="1" t="s">
        <v>236970</v>
      </c>
      <c r="F70926" s="1" t="s">
        <v>236971</v>
      </c>
      <c r="G70926" s="1" t="s">
        <v>236948</v>
      </c>
      <c r="H70926" s="1" t="s">
        <v>236949</v>
      </c>
      <c r="I70926" s="1" t="s">
        <v>222698</v>
      </c>
      <c r="J70926" s="1" t="s">
        <v>236972</v>
      </c>
    </row>
    <row r="70927" spans="1:10" x14ac:dyDescent="0.35">
      <c r="A70927" s="1" t="s">
        <v>119487</v>
      </c>
      <c r="B70927" s="1" t="s">
        <v>222693</v>
      </c>
      <c r="C70927" s="1" t="s">
        <v>50</v>
      </c>
      <c r="D70927" s="1" t="s">
        <v>139334</v>
      </c>
      <c r="E70927" s="1" t="s">
        <v>236973</v>
      </c>
      <c r="F70927" s="1" t="s">
        <v>236974</v>
      </c>
      <c r="G70927" s="1" t="s">
        <v>236948</v>
      </c>
      <c r="H70927" s="1" t="s">
        <v>236949</v>
      </c>
      <c r="I70927" s="1" t="s">
        <v>222698</v>
      </c>
      <c r="J70927" s="1" t="s">
        <v>236975</v>
      </c>
    </row>
    <row r="70928" spans="1:10" x14ac:dyDescent="0.35">
      <c r="A70928" s="1" t="s">
        <v>119487</v>
      </c>
      <c r="B70928" s="1" t="s">
        <v>222693</v>
      </c>
      <c r="C70928" s="1" t="s">
        <v>55</v>
      </c>
      <c r="D70928" s="1" t="s">
        <v>84550</v>
      </c>
      <c r="E70928" s="1" t="s">
        <v>236976</v>
      </c>
      <c r="F70928" s="1" t="s">
        <v>236977</v>
      </c>
      <c r="G70928" s="1" t="s">
        <v>236948</v>
      </c>
      <c r="H70928" s="1" t="s">
        <v>236949</v>
      </c>
      <c r="I70928" s="1" t="s">
        <v>222698</v>
      </c>
      <c r="J70928" s="1" t="s">
        <v>236978</v>
      </c>
    </row>
    <row r="70929" spans="1:10" x14ac:dyDescent="0.35">
      <c r="A70929" s="1" t="s">
        <v>119487</v>
      </c>
      <c r="B70929" s="1" t="s">
        <v>222693</v>
      </c>
      <c r="C70929" s="1" t="s">
        <v>60</v>
      </c>
      <c r="D70929" s="1" t="s">
        <v>69681</v>
      </c>
      <c r="E70929" s="1" t="s">
        <v>236979</v>
      </c>
      <c r="F70929" s="1" t="s">
        <v>236980</v>
      </c>
      <c r="G70929" s="1" t="s">
        <v>236948</v>
      </c>
      <c r="H70929" s="1" t="s">
        <v>236949</v>
      </c>
      <c r="I70929" s="1" t="s">
        <v>222698</v>
      </c>
      <c r="J70929" s="1" t="s">
        <v>236981</v>
      </c>
    </row>
    <row r="70930" spans="1:10" x14ac:dyDescent="0.35">
      <c r="A70930" s="1" t="s">
        <v>119487</v>
      </c>
      <c r="B70930" s="1" t="s">
        <v>222693</v>
      </c>
      <c r="C70930" s="1" t="s">
        <v>65</v>
      </c>
      <c r="D70930" s="1" t="s">
        <v>236982</v>
      </c>
      <c r="E70930" s="1" t="s">
        <v>236983</v>
      </c>
      <c r="F70930" s="1" t="s">
        <v>236984</v>
      </c>
      <c r="G70930" s="1" t="s">
        <v>236948</v>
      </c>
      <c r="H70930" s="1" t="s">
        <v>236949</v>
      </c>
      <c r="I70930" s="1" t="s">
        <v>222698</v>
      </c>
      <c r="J70930" s="1" t="s">
        <v>236985</v>
      </c>
    </row>
    <row r="70931" spans="1:10" x14ac:dyDescent="0.35">
      <c r="A70931" s="1" t="s">
        <v>119487</v>
      </c>
      <c r="B70931" s="1" t="s">
        <v>222693</v>
      </c>
      <c r="C70931" s="1" t="s">
        <v>70</v>
      </c>
      <c r="D70931" s="1" t="s">
        <v>55827</v>
      </c>
      <c r="E70931" s="1" t="s">
        <v>236986</v>
      </c>
      <c r="F70931" s="1" t="s">
        <v>236987</v>
      </c>
      <c r="G70931" s="1" t="s">
        <v>236948</v>
      </c>
      <c r="H70931" s="1" t="s">
        <v>236949</v>
      </c>
      <c r="I70931" s="1" t="s">
        <v>222698</v>
      </c>
      <c r="J70931" s="1" t="s">
        <v>236988</v>
      </c>
    </row>
    <row r="70932" spans="1:10" x14ac:dyDescent="0.35">
      <c r="A70932" s="1" t="s">
        <v>119487</v>
      </c>
      <c r="B70932" s="1" t="s">
        <v>222693</v>
      </c>
      <c r="C70932" s="1" t="s">
        <v>75</v>
      </c>
      <c r="D70932" s="1" t="s">
        <v>236989</v>
      </c>
      <c r="E70932" s="1" t="s">
        <v>236990</v>
      </c>
      <c r="F70932" s="1" t="s">
        <v>236991</v>
      </c>
      <c r="G70932" s="1" t="s">
        <v>236948</v>
      </c>
      <c r="H70932" s="1" t="s">
        <v>236949</v>
      </c>
      <c r="I70932" s="1" t="s">
        <v>222698</v>
      </c>
      <c r="J70932" s="1" t="s">
        <v>236992</v>
      </c>
    </row>
    <row r="70933" spans="1:10" x14ac:dyDescent="0.35">
      <c r="A70933" s="1" t="s">
        <v>119487</v>
      </c>
      <c r="B70933" s="1" t="s">
        <v>222693</v>
      </c>
      <c r="C70933" s="1" t="s">
        <v>80</v>
      </c>
      <c r="D70933" s="1" t="s">
        <v>166157</v>
      </c>
      <c r="E70933" s="1" t="s">
        <v>236993</v>
      </c>
      <c r="F70933" s="1" t="s">
        <v>236994</v>
      </c>
      <c r="G70933" s="1" t="s">
        <v>236948</v>
      </c>
      <c r="H70933" s="1" t="s">
        <v>236949</v>
      </c>
      <c r="I70933" s="1" t="s">
        <v>222698</v>
      </c>
      <c r="J70933" s="1" t="s">
        <v>236995</v>
      </c>
    </row>
    <row r="70934" spans="1:10" x14ac:dyDescent="0.35">
      <c r="A70934" s="1" t="s">
        <v>119487</v>
      </c>
      <c r="B70934" s="1" t="s">
        <v>222693</v>
      </c>
      <c r="C70934" s="1" t="s">
        <v>85</v>
      </c>
      <c r="D70934" s="1" t="s">
        <v>236996</v>
      </c>
      <c r="E70934" s="1" t="s">
        <v>236997</v>
      </c>
      <c r="F70934" s="1" t="s">
        <v>236998</v>
      </c>
      <c r="G70934" s="1" t="s">
        <v>236948</v>
      </c>
      <c r="H70934" s="1" t="s">
        <v>236949</v>
      </c>
      <c r="I70934" s="1" t="s">
        <v>222698</v>
      </c>
      <c r="J70934" s="1" t="s">
        <v>236999</v>
      </c>
    </row>
    <row r="70935" spans="1:10" x14ac:dyDescent="0.35">
      <c r="A70935" s="1" t="s">
        <v>119487</v>
      </c>
      <c r="B70935" s="1" t="s">
        <v>222693</v>
      </c>
      <c r="C70935" s="1" t="s">
        <v>90</v>
      </c>
      <c r="D70935" s="1" t="s">
        <v>88605</v>
      </c>
      <c r="E70935" s="1" t="s">
        <v>237000</v>
      </c>
      <c r="F70935" s="1" t="s">
        <v>237001</v>
      </c>
      <c r="G70935" s="1" t="s">
        <v>236948</v>
      </c>
      <c r="H70935" s="1" t="s">
        <v>236949</v>
      </c>
      <c r="I70935" s="1" t="s">
        <v>222698</v>
      </c>
      <c r="J70935" s="1" t="s">
        <v>237002</v>
      </c>
    </row>
    <row r="70936" spans="1:10" x14ac:dyDescent="0.35">
      <c r="A70936" s="1" t="s">
        <v>119487</v>
      </c>
      <c r="B70936" s="1" t="s">
        <v>222693</v>
      </c>
      <c r="C70936" s="1" t="s">
        <v>95</v>
      </c>
      <c r="D70936" s="1" t="s">
        <v>43590</v>
      </c>
      <c r="E70936" s="1" t="s">
        <v>237003</v>
      </c>
      <c r="F70936" s="1" t="s">
        <v>237004</v>
      </c>
      <c r="G70936" s="1" t="s">
        <v>236948</v>
      </c>
      <c r="H70936" s="1" t="s">
        <v>236949</v>
      </c>
      <c r="I70936" s="1" t="s">
        <v>222698</v>
      </c>
      <c r="J70936" s="1" t="s">
        <v>237005</v>
      </c>
    </row>
    <row r="70937" spans="1:10" x14ac:dyDescent="0.35">
      <c r="A70937" s="1" t="s">
        <v>119487</v>
      </c>
      <c r="B70937" s="1" t="s">
        <v>222693</v>
      </c>
      <c r="C70937" s="1" t="s">
        <v>100</v>
      </c>
      <c r="D70937" s="1" t="s">
        <v>237006</v>
      </c>
      <c r="E70937" s="1" t="s">
        <v>237007</v>
      </c>
      <c r="F70937" s="1" t="s">
        <v>237008</v>
      </c>
      <c r="G70937" s="1" t="s">
        <v>236948</v>
      </c>
      <c r="H70937" s="1" t="s">
        <v>236949</v>
      </c>
      <c r="I70937" s="1" t="s">
        <v>222698</v>
      </c>
      <c r="J70937" s="1" t="s">
        <v>237009</v>
      </c>
    </row>
    <row r="70938" spans="1:10" x14ac:dyDescent="0.35">
      <c r="A70938" s="1" t="s">
        <v>119487</v>
      </c>
      <c r="B70938" s="1" t="s">
        <v>222693</v>
      </c>
      <c r="C70938" s="1" t="s">
        <v>105</v>
      </c>
      <c r="D70938" s="1" t="s">
        <v>164156</v>
      </c>
      <c r="E70938" s="1" t="s">
        <v>237010</v>
      </c>
      <c r="F70938" s="1" t="s">
        <v>237011</v>
      </c>
      <c r="G70938" s="1" t="s">
        <v>236948</v>
      </c>
      <c r="H70938" s="1" t="s">
        <v>236949</v>
      </c>
      <c r="I70938" s="1" t="s">
        <v>222698</v>
      </c>
      <c r="J70938" s="1" t="s">
        <v>237012</v>
      </c>
    </row>
    <row r="70939" spans="1:10" x14ac:dyDescent="0.35">
      <c r="A70939" s="1" t="s">
        <v>119487</v>
      </c>
      <c r="B70939" s="1" t="s">
        <v>222693</v>
      </c>
      <c r="C70939" s="1" t="s">
        <v>110</v>
      </c>
      <c r="D70939" s="1" t="s">
        <v>237013</v>
      </c>
      <c r="E70939" s="1" t="s">
        <v>237014</v>
      </c>
      <c r="F70939" s="1" t="s">
        <v>237015</v>
      </c>
      <c r="G70939" s="1" t="s">
        <v>236948</v>
      </c>
      <c r="H70939" s="1" t="s">
        <v>236949</v>
      </c>
      <c r="I70939" s="1" t="s">
        <v>222698</v>
      </c>
      <c r="J70939" s="1" t="s">
        <v>237016</v>
      </c>
    </row>
    <row r="70940" spans="1:10" x14ac:dyDescent="0.35">
      <c r="A70940" s="1" t="s">
        <v>119487</v>
      </c>
      <c r="B70940" s="1" t="s">
        <v>222693</v>
      </c>
      <c r="C70940" s="1" t="s">
        <v>115</v>
      </c>
      <c r="D70940" s="1" t="s">
        <v>23569</v>
      </c>
      <c r="E70940" s="1" t="s">
        <v>237017</v>
      </c>
      <c r="F70940" s="1" t="s">
        <v>237018</v>
      </c>
      <c r="G70940" s="1" t="s">
        <v>236948</v>
      </c>
      <c r="H70940" s="1" t="s">
        <v>236949</v>
      </c>
      <c r="I70940" s="1" t="s">
        <v>222698</v>
      </c>
      <c r="J70940" s="1" t="s">
        <v>237019</v>
      </c>
    </row>
    <row r="70941" spans="1:10" x14ac:dyDescent="0.35">
      <c r="A70941" s="1" t="s">
        <v>119487</v>
      </c>
      <c r="B70941" s="1" t="s">
        <v>222693</v>
      </c>
      <c r="C70941" s="1" t="s">
        <v>120</v>
      </c>
      <c r="D70941" s="1" t="s">
        <v>237020</v>
      </c>
      <c r="E70941" s="1" t="s">
        <v>237021</v>
      </c>
      <c r="F70941" s="1" t="s">
        <v>237022</v>
      </c>
      <c r="G70941" s="1" t="s">
        <v>236948</v>
      </c>
      <c r="H70941" s="1" t="s">
        <v>236949</v>
      </c>
      <c r="I70941" s="1" t="s">
        <v>222698</v>
      </c>
      <c r="J70941" s="1" t="s">
        <v>237023</v>
      </c>
    </row>
    <row r="70942" spans="1:10" x14ac:dyDescent="0.35">
      <c r="A70942" s="1" t="s">
        <v>119487</v>
      </c>
      <c r="B70942" s="1" t="s">
        <v>222693</v>
      </c>
      <c r="C70942" s="1" t="s">
        <v>125</v>
      </c>
      <c r="D70942" s="1" t="s">
        <v>237024</v>
      </c>
      <c r="E70942" s="1" t="s">
        <v>237025</v>
      </c>
      <c r="F70942" s="1" t="s">
        <v>237026</v>
      </c>
      <c r="G70942" s="1" t="s">
        <v>236948</v>
      </c>
      <c r="H70942" s="1" t="s">
        <v>236949</v>
      </c>
      <c r="I70942" s="1" t="s">
        <v>222698</v>
      </c>
      <c r="J70942" s="1" t="s">
        <v>237027</v>
      </c>
    </row>
    <row r="70943" spans="1:10" x14ac:dyDescent="0.35">
      <c r="A70943" s="1" t="s">
        <v>119487</v>
      </c>
      <c r="B70943" s="1" t="s">
        <v>222693</v>
      </c>
      <c r="C70943" s="1" t="s">
        <v>130</v>
      </c>
      <c r="D70943" s="1" t="s">
        <v>237028</v>
      </c>
      <c r="E70943" s="1" t="s">
        <v>237029</v>
      </c>
      <c r="F70943" s="1" t="s">
        <v>237030</v>
      </c>
      <c r="G70943" s="1" t="s">
        <v>236948</v>
      </c>
      <c r="H70943" s="1" t="s">
        <v>236949</v>
      </c>
      <c r="I70943" s="1" t="s">
        <v>222698</v>
      </c>
      <c r="J70943" s="1" t="s">
        <v>237031</v>
      </c>
    </row>
    <row r="70944" spans="1:10" x14ac:dyDescent="0.35">
      <c r="A70944" s="1" t="s">
        <v>119487</v>
      </c>
      <c r="B70944" s="1" t="s">
        <v>222693</v>
      </c>
      <c r="C70944" s="1" t="s">
        <v>135</v>
      </c>
      <c r="D70944" s="1" t="s">
        <v>237032</v>
      </c>
      <c r="E70944" s="1" t="s">
        <v>237033</v>
      </c>
      <c r="F70944" s="1" t="s">
        <v>237034</v>
      </c>
      <c r="G70944" s="1" t="s">
        <v>236948</v>
      </c>
      <c r="H70944" s="1" t="s">
        <v>236949</v>
      </c>
      <c r="I70944" s="1" t="s">
        <v>222698</v>
      </c>
      <c r="J70944" s="1" t="s">
        <v>237035</v>
      </c>
    </row>
    <row r="70945" spans="1:10" x14ac:dyDescent="0.35">
      <c r="A70945" s="1" t="s">
        <v>119487</v>
      </c>
      <c r="B70945" s="1" t="s">
        <v>222693</v>
      </c>
      <c r="C70945" s="1" t="s">
        <v>140</v>
      </c>
      <c r="D70945" s="1" t="s">
        <v>237036</v>
      </c>
      <c r="E70945" s="1" t="s">
        <v>237037</v>
      </c>
      <c r="F70945" s="1" t="s">
        <v>237038</v>
      </c>
      <c r="G70945" s="1" t="s">
        <v>236948</v>
      </c>
      <c r="H70945" s="1" t="s">
        <v>236949</v>
      </c>
      <c r="I70945" s="1" t="s">
        <v>222698</v>
      </c>
      <c r="J70945" s="1" t="s">
        <v>237039</v>
      </c>
    </row>
    <row r="70946" spans="1:10" x14ac:dyDescent="0.35">
      <c r="A70946" s="1" t="s">
        <v>119487</v>
      </c>
      <c r="B70946" s="1" t="s">
        <v>222693</v>
      </c>
      <c r="C70946" s="1" t="s">
        <v>145</v>
      </c>
      <c r="D70946" s="1" t="s">
        <v>237040</v>
      </c>
      <c r="E70946" s="1" t="s">
        <v>237041</v>
      </c>
      <c r="F70946" s="1" t="s">
        <v>237042</v>
      </c>
      <c r="G70946" s="1" t="s">
        <v>236948</v>
      </c>
      <c r="H70946" s="1" t="s">
        <v>236949</v>
      </c>
      <c r="I70946" s="1" t="s">
        <v>222698</v>
      </c>
      <c r="J70946" s="1" t="s">
        <v>237043</v>
      </c>
    </row>
    <row r="70947" spans="1:10" x14ac:dyDescent="0.35">
      <c r="A70947" s="1" t="s">
        <v>119487</v>
      </c>
      <c r="B70947" s="1" t="s">
        <v>222693</v>
      </c>
      <c r="C70947" s="1" t="s">
        <v>150</v>
      </c>
      <c r="D70947" s="1" t="s">
        <v>237044</v>
      </c>
      <c r="E70947" s="1" t="s">
        <v>237045</v>
      </c>
      <c r="F70947" s="1" t="s">
        <v>237046</v>
      </c>
      <c r="G70947" s="1" t="s">
        <v>236948</v>
      </c>
      <c r="H70947" s="1" t="s">
        <v>236949</v>
      </c>
      <c r="I70947" s="1" t="s">
        <v>222698</v>
      </c>
      <c r="J70947" s="1" t="s">
        <v>237047</v>
      </c>
    </row>
    <row r="70948" spans="1:10" x14ac:dyDescent="0.35">
      <c r="A70948" s="1" t="s">
        <v>119487</v>
      </c>
      <c r="B70948" s="1" t="s">
        <v>222693</v>
      </c>
      <c r="C70948" s="1" t="s">
        <v>155</v>
      </c>
      <c r="D70948" s="1" t="s">
        <v>131552</v>
      </c>
      <c r="E70948" s="1" t="s">
        <v>237048</v>
      </c>
      <c r="F70948" s="1" t="s">
        <v>237049</v>
      </c>
      <c r="G70948" s="1" t="s">
        <v>236948</v>
      </c>
      <c r="H70948" s="1" t="s">
        <v>236949</v>
      </c>
      <c r="I70948" s="1" t="s">
        <v>222698</v>
      </c>
      <c r="J70948" s="1" t="s">
        <v>237050</v>
      </c>
    </row>
    <row r="70949" spans="1:10" x14ac:dyDescent="0.35">
      <c r="A70949" s="1" t="s">
        <v>119487</v>
      </c>
      <c r="B70949" s="1" t="s">
        <v>222693</v>
      </c>
      <c r="C70949" s="1" t="s">
        <v>160</v>
      </c>
      <c r="D70949" s="1" t="s">
        <v>237051</v>
      </c>
      <c r="E70949" s="1" t="s">
        <v>237052</v>
      </c>
      <c r="F70949" s="1" t="s">
        <v>237053</v>
      </c>
      <c r="G70949" s="1" t="s">
        <v>236948</v>
      </c>
      <c r="H70949" s="1" t="s">
        <v>236949</v>
      </c>
      <c r="I70949" s="1" t="s">
        <v>222698</v>
      </c>
      <c r="J70949" s="1" t="s">
        <v>237054</v>
      </c>
    </row>
    <row r="70950" spans="1:10" x14ac:dyDescent="0.35">
      <c r="A70950" s="1" t="s">
        <v>119487</v>
      </c>
      <c r="B70950" s="1" t="s">
        <v>222693</v>
      </c>
      <c r="C70950" s="1" t="s">
        <v>165</v>
      </c>
      <c r="D70950" s="1" t="s">
        <v>66305</v>
      </c>
      <c r="E70950" s="1" t="s">
        <v>237055</v>
      </c>
      <c r="F70950" s="1" t="s">
        <v>237056</v>
      </c>
      <c r="G70950" s="1" t="s">
        <v>236948</v>
      </c>
      <c r="H70950" s="1" t="s">
        <v>236949</v>
      </c>
      <c r="I70950" s="1" t="s">
        <v>222698</v>
      </c>
      <c r="J70950" s="1" t="s">
        <v>237057</v>
      </c>
    </row>
    <row r="70951" spans="1:10" x14ac:dyDescent="0.35">
      <c r="A70951" s="1" t="s">
        <v>119487</v>
      </c>
      <c r="B70951" s="1" t="s">
        <v>222693</v>
      </c>
      <c r="C70951" s="1" t="s">
        <v>170</v>
      </c>
      <c r="D70951" s="1" t="s">
        <v>21226</v>
      </c>
      <c r="E70951" s="1" t="s">
        <v>237058</v>
      </c>
      <c r="F70951" s="1" t="s">
        <v>237059</v>
      </c>
      <c r="G70951" s="1" t="s">
        <v>236948</v>
      </c>
      <c r="H70951" s="1" t="s">
        <v>236949</v>
      </c>
      <c r="I70951" s="1" t="s">
        <v>222698</v>
      </c>
      <c r="J70951" s="1" t="s">
        <v>237060</v>
      </c>
    </row>
    <row r="70952" spans="1:10" x14ac:dyDescent="0.35">
      <c r="A70952" s="1" t="s">
        <v>149231</v>
      </c>
      <c r="B70952" s="1" t="s">
        <v>222693</v>
      </c>
      <c r="C70952" s="1" t="s">
        <v>8</v>
      </c>
      <c r="D70952" s="1" t="s">
        <v>166517</v>
      </c>
      <c r="E70952" s="1" t="s">
        <v>237061</v>
      </c>
      <c r="F70952" s="1" t="s">
        <v>237062</v>
      </c>
      <c r="G70952" s="1" t="s">
        <v>237063</v>
      </c>
      <c r="H70952" s="1" t="s">
        <v>237064</v>
      </c>
      <c r="I70952" s="1" t="s">
        <v>222698</v>
      </c>
      <c r="J70952" s="1" t="s">
        <v>13</v>
      </c>
    </row>
    <row r="70953" spans="1:10" x14ac:dyDescent="0.35">
      <c r="A70953" s="1" t="s">
        <v>149231</v>
      </c>
      <c r="B70953" s="1" t="s">
        <v>222693</v>
      </c>
      <c r="C70953" s="1" t="s">
        <v>15</v>
      </c>
      <c r="D70953" s="1" t="s">
        <v>237065</v>
      </c>
      <c r="E70953" s="1" t="s">
        <v>237066</v>
      </c>
      <c r="F70953" s="1" t="s">
        <v>237067</v>
      </c>
      <c r="G70953" s="1" t="s">
        <v>237063</v>
      </c>
      <c r="H70953" s="1" t="s">
        <v>237064</v>
      </c>
      <c r="I70953" s="1" t="s">
        <v>222698</v>
      </c>
      <c r="J70953" s="1" t="s">
        <v>237068</v>
      </c>
    </row>
    <row r="70954" spans="1:10" x14ac:dyDescent="0.35">
      <c r="A70954" s="1" t="s">
        <v>149231</v>
      </c>
      <c r="B70954" s="1" t="s">
        <v>222693</v>
      </c>
      <c r="C70954" s="1" t="s">
        <v>20</v>
      </c>
      <c r="D70954" s="1" t="s">
        <v>47520</v>
      </c>
      <c r="E70954" s="1" t="s">
        <v>237069</v>
      </c>
      <c r="F70954" s="1" t="s">
        <v>237070</v>
      </c>
      <c r="G70954" s="1" t="s">
        <v>237063</v>
      </c>
      <c r="H70954" s="1" t="s">
        <v>237064</v>
      </c>
      <c r="I70954" s="1" t="s">
        <v>222698</v>
      </c>
      <c r="J70954" s="1" t="s">
        <v>237071</v>
      </c>
    </row>
    <row r="70955" spans="1:10" x14ac:dyDescent="0.35">
      <c r="A70955" s="1" t="s">
        <v>149231</v>
      </c>
      <c r="B70955" s="1" t="s">
        <v>222693</v>
      </c>
      <c r="C70955" s="1" t="s">
        <v>25</v>
      </c>
      <c r="D70955" s="1" t="s">
        <v>22032</v>
      </c>
      <c r="E70955" s="1" t="s">
        <v>237072</v>
      </c>
      <c r="F70955" s="1" t="s">
        <v>237073</v>
      </c>
      <c r="G70955" s="1" t="s">
        <v>237063</v>
      </c>
      <c r="H70955" s="1" t="s">
        <v>237064</v>
      </c>
      <c r="I70955" s="1" t="s">
        <v>222698</v>
      </c>
      <c r="J70955" s="1" t="s">
        <v>237074</v>
      </c>
    </row>
    <row r="70956" spans="1:10" x14ac:dyDescent="0.35">
      <c r="A70956" s="1" t="s">
        <v>149231</v>
      </c>
      <c r="B70956" s="1" t="s">
        <v>222693</v>
      </c>
      <c r="C70956" s="1" t="s">
        <v>30</v>
      </c>
      <c r="D70956" s="1" t="s">
        <v>237075</v>
      </c>
      <c r="E70956" s="1" t="s">
        <v>237076</v>
      </c>
      <c r="F70956" s="1" t="s">
        <v>237077</v>
      </c>
      <c r="G70956" s="1" t="s">
        <v>237063</v>
      </c>
      <c r="H70956" s="1" t="s">
        <v>237064</v>
      </c>
      <c r="I70956" s="1" t="s">
        <v>222698</v>
      </c>
      <c r="J70956" s="1" t="s">
        <v>237078</v>
      </c>
    </row>
    <row r="70957" spans="1:10" x14ac:dyDescent="0.35">
      <c r="A70957" s="1" t="s">
        <v>149231</v>
      </c>
      <c r="B70957" s="1" t="s">
        <v>222693</v>
      </c>
      <c r="C70957" s="1" t="s">
        <v>35</v>
      </c>
      <c r="D70957" s="1" t="s">
        <v>237079</v>
      </c>
      <c r="E70957" s="1" t="s">
        <v>237080</v>
      </c>
      <c r="F70957" s="1" t="s">
        <v>237081</v>
      </c>
      <c r="G70957" s="1" t="s">
        <v>237063</v>
      </c>
      <c r="H70957" s="1" t="s">
        <v>237064</v>
      </c>
      <c r="I70957" s="1" t="s">
        <v>222698</v>
      </c>
      <c r="J70957" s="1" t="s">
        <v>237082</v>
      </c>
    </row>
    <row r="70958" spans="1:10" x14ac:dyDescent="0.35">
      <c r="A70958" s="1" t="s">
        <v>149231</v>
      </c>
      <c r="B70958" s="1" t="s">
        <v>222693</v>
      </c>
      <c r="C70958" s="1" t="s">
        <v>40</v>
      </c>
      <c r="D70958" s="1" t="s">
        <v>128158</v>
      </c>
      <c r="E70958" s="1" t="s">
        <v>237083</v>
      </c>
      <c r="F70958" s="1" t="s">
        <v>237084</v>
      </c>
      <c r="G70958" s="1" t="s">
        <v>237063</v>
      </c>
      <c r="H70958" s="1" t="s">
        <v>237064</v>
      </c>
      <c r="I70958" s="1" t="s">
        <v>222698</v>
      </c>
      <c r="J70958" s="1" t="s">
        <v>237085</v>
      </c>
    </row>
    <row r="70959" spans="1:10" x14ac:dyDescent="0.35">
      <c r="A70959" s="1" t="s">
        <v>149231</v>
      </c>
      <c r="B70959" s="1" t="s">
        <v>222693</v>
      </c>
      <c r="C70959" s="1" t="s">
        <v>45</v>
      </c>
      <c r="D70959" s="1" t="s">
        <v>43476</v>
      </c>
      <c r="E70959" s="1" t="s">
        <v>237086</v>
      </c>
      <c r="F70959" s="1" t="s">
        <v>237087</v>
      </c>
      <c r="G70959" s="1" t="s">
        <v>237063</v>
      </c>
      <c r="H70959" s="1" t="s">
        <v>237064</v>
      </c>
      <c r="I70959" s="1" t="s">
        <v>222698</v>
      </c>
      <c r="J70959" s="1" t="s">
        <v>237088</v>
      </c>
    </row>
    <row r="70960" spans="1:10" x14ac:dyDescent="0.35">
      <c r="A70960" s="1" t="s">
        <v>149231</v>
      </c>
      <c r="B70960" s="1" t="s">
        <v>222693</v>
      </c>
      <c r="C70960" s="1" t="s">
        <v>50</v>
      </c>
      <c r="D70960" s="1" t="s">
        <v>237089</v>
      </c>
      <c r="E70960" s="1" t="s">
        <v>237090</v>
      </c>
      <c r="F70960" s="1" t="s">
        <v>237091</v>
      </c>
      <c r="G70960" s="1" t="s">
        <v>237063</v>
      </c>
      <c r="H70960" s="1" t="s">
        <v>237064</v>
      </c>
      <c r="I70960" s="1" t="s">
        <v>222698</v>
      </c>
      <c r="J70960" s="1" t="s">
        <v>237092</v>
      </c>
    </row>
    <row r="70961" spans="1:10" x14ac:dyDescent="0.35">
      <c r="A70961" s="1" t="s">
        <v>149231</v>
      </c>
      <c r="B70961" s="1" t="s">
        <v>222693</v>
      </c>
      <c r="C70961" s="1" t="s">
        <v>55</v>
      </c>
      <c r="D70961" s="1" t="s">
        <v>59306</v>
      </c>
      <c r="E70961" s="1" t="s">
        <v>237093</v>
      </c>
      <c r="F70961" s="1" t="s">
        <v>237094</v>
      </c>
      <c r="G70961" s="1" t="s">
        <v>237063</v>
      </c>
      <c r="H70961" s="1" t="s">
        <v>237064</v>
      </c>
      <c r="I70961" s="1" t="s">
        <v>222698</v>
      </c>
      <c r="J70961" s="1" t="s">
        <v>237095</v>
      </c>
    </row>
    <row r="70962" spans="1:10" x14ac:dyDescent="0.35">
      <c r="A70962" s="1" t="s">
        <v>149231</v>
      </c>
      <c r="B70962" s="1" t="s">
        <v>222693</v>
      </c>
      <c r="C70962" s="1" t="s">
        <v>60</v>
      </c>
      <c r="D70962" s="1" t="s">
        <v>91595</v>
      </c>
      <c r="E70962" s="1" t="s">
        <v>237096</v>
      </c>
      <c r="F70962" s="1" t="s">
        <v>237097</v>
      </c>
      <c r="G70962" s="1" t="s">
        <v>237063</v>
      </c>
      <c r="H70962" s="1" t="s">
        <v>237064</v>
      </c>
      <c r="I70962" s="1" t="s">
        <v>222698</v>
      </c>
      <c r="J70962" s="1" t="s">
        <v>237098</v>
      </c>
    </row>
    <row r="70963" spans="1:10" x14ac:dyDescent="0.35">
      <c r="A70963" s="1" t="s">
        <v>149231</v>
      </c>
      <c r="B70963" s="1" t="s">
        <v>222693</v>
      </c>
      <c r="C70963" s="1" t="s">
        <v>65</v>
      </c>
      <c r="D70963" s="1" t="s">
        <v>180626</v>
      </c>
      <c r="E70963" s="1" t="s">
        <v>237099</v>
      </c>
      <c r="F70963" s="1" t="s">
        <v>237100</v>
      </c>
      <c r="G70963" s="1" t="s">
        <v>237063</v>
      </c>
      <c r="H70963" s="1" t="s">
        <v>237064</v>
      </c>
      <c r="I70963" s="1" t="s">
        <v>222698</v>
      </c>
      <c r="J70963" s="1" t="s">
        <v>237101</v>
      </c>
    </row>
    <row r="70964" spans="1:10" x14ac:dyDescent="0.35">
      <c r="A70964" s="1" t="s">
        <v>149231</v>
      </c>
      <c r="B70964" s="1" t="s">
        <v>222693</v>
      </c>
      <c r="C70964" s="1" t="s">
        <v>70</v>
      </c>
      <c r="D70964" s="1" t="s">
        <v>88268</v>
      </c>
      <c r="E70964" s="1" t="s">
        <v>237102</v>
      </c>
      <c r="F70964" s="1" t="s">
        <v>237103</v>
      </c>
      <c r="G70964" s="1" t="s">
        <v>237063</v>
      </c>
      <c r="H70964" s="1" t="s">
        <v>237064</v>
      </c>
      <c r="I70964" s="1" t="s">
        <v>222698</v>
      </c>
      <c r="J70964" s="1" t="s">
        <v>237104</v>
      </c>
    </row>
    <row r="70965" spans="1:10" x14ac:dyDescent="0.35">
      <c r="A70965" s="1" t="s">
        <v>149231</v>
      </c>
      <c r="B70965" s="1" t="s">
        <v>222693</v>
      </c>
      <c r="C70965" s="1" t="s">
        <v>75</v>
      </c>
      <c r="D70965" s="1" t="s">
        <v>130153</v>
      </c>
      <c r="E70965" s="1" t="s">
        <v>237105</v>
      </c>
      <c r="F70965" s="1" t="s">
        <v>237106</v>
      </c>
      <c r="G70965" s="1" t="s">
        <v>237063</v>
      </c>
      <c r="H70965" s="1" t="s">
        <v>237064</v>
      </c>
      <c r="I70965" s="1" t="s">
        <v>222698</v>
      </c>
      <c r="J70965" s="1" t="s">
        <v>237107</v>
      </c>
    </row>
    <row r="70966" spans="1:10" x14ac:dyDescent="0.35">
      <c r="A70966" s="1" t="s">
        <v>149231</v>
      </c>
      <c r="B70966" s="1" t="s">
        <v>222693</v>
      </c>
      <c r="C70966" s="1" t="s">
        <v>80</v>
      </c>
      <c r="D70966" s="1" t="s">
        <v>164367</v>
      </c>
      <c r="E70966" s="1" t="s">
        <v>237108</v>
      </c>
      <c r="F70966" s="1" t="s">
        <v>237109</v>
      </c>
      <c r="G70966" s="1" t="s">
        <v>237063</v>
      </c>
      <c r="H70966" s="1" t="s">
        <v>237064</v>
      </c>
      <c r="I70966" s="1" t="s">
        <v>222698</v>
      </c>
      <c r="J70966" s="1" t="s">
        <v>237110</v>
      </c>
    </row>
    <row r="70967" spans="1:10" x14ac:dyDescent="0.35">
      <c r="A70967" s="1" t="s">
        <v>149231</v>
      </c>
      <c r="B70967" s="1" t="s">
        <v>222693</v>
      </c>
      <c r="C70967" s="1" t="s">
        <v>85</v>
      </c>
      <c r="D70967" s="1" t="s">
        <v>138426</v>
      </c>
      <c r="E70967" s="1" t="s">
        <v>237111</v>
      </c>
      <c r="F70967" s="1" t="s">
        <v>237112</v>
      </c>
      <c r="G70967" s="1" t="s">
        <v>237063</v>
      </c>
      <c r="H70967" s="1" t="s">
        <v>237064</v>
      </c>
      <c r="I70967" s="1" t="s">
        <v>222698</v>
      </c>
      <c r="J70967" s="1" t="s">
        <v>237113</v>
      </c>
    </row>
    <row r="70968" spans="1:10" x14ac:dyDescent="0.35">
      <c r="A70968" s="1" t="s">
        <v>149231</v>
      </c>
      <c r="B70968" s="1" t="s">
        <v>222693</v>
      </c>
      <c r="C70968" s="1" t="s">
        <v>90</v>
      </c>
      <c r="D70968" s="1" t="s">
        <v>163196</v>
      </c>
      <c r="E70968" s="1" t="s">
        <v>237114</v>
      </c>
      <c r="F70968" s="1" t="s">
        <v>237115</v>
      </c>
      <c r="G70968" s="1" t="s">
        <v>237063</v>
      </c>
      <c r="H70968" s="1" t="s">
        <v>237064</v>
      </c>
      <c r="I70968" s="1" t="s">
        <v>222698</v>
      </c>
      <c r="J70968" s="1" t="s">
        <v>237116</v>
      </c>
    </row>
    <row r="70969" spans="1:10" x14ac:dyDescent="0.35">
      <c r="A70969" s="1" t="s">
        <v>149231</v>
      </c>
      <c r="B70969" s="1" t="s">
        <v>222693</v>
      </c>
      <c r="C70969" s="1" t="s">
        <v>95</v>
      </c>
      <c r="D70969" s="1" t="s">
        <v>237117</v>
      </c>
      <c r="E70969" s="1" t="s">
        <v>237118</v>
      </c>
      <c r="F70969" s="1" t="s">
        <v>237119</v>
      </c>
      <c r="G70969" s="1" t="s">
        <v>237063</v>
      </c>
      <c r="H70969" s="1" t="s">
        <v>237064</v>
      </c>
      <c r="I70969" s="1" t="s">
        <v>222698</v>
      </c>
      <c r="J70969" s="1" t="s">
        <v>237120</v>
      </c>
    </row>
    <row r="70970" spans="1:10" x14ac:dyDescent="0.35">
      <c r="A70970" s="1" t="s">
        <v>149231</v>
      </c>
      <c r="B70970" s="1" t="s">
        <v>222693</v>
      </c>
      <c r="C70970" s="1" t="s">
        <v>100</v>
      </c>
      <c r="D70970" s="1" t="s">
        <v>162904</v>
      </c>
      <c r="E70970" s="1" t="s">
        <v>237121</v>
      </c>
      <c r="F70970" s="1" t="s">
        <v>237122</v>
      </c>
      <c r="G70970" s="1" t="s">
        <v>237063</v>
      </c>
      <c r="H70970" s="1" t="s">
        <v>237064</v>
      </c>
      <c r="I70970" s="1" t="s">
        <v>222698</v>
      </c>
      <c r="J70970" s="1" t="s">
        <v>237123</v>
      </c>
    </row>
    <row r="70971" spans="1:10" x14ac:dyDescent="0.35">
      <c r="A70971" s="1" t="s">
        <v>149231</v>
      </c>
      <c r="B70971" s="1" t="s">
        <v>222693</v>
      </c>
      <c r="C70971" s="1" t="s">
        <v>105</v>
      </c>
      <c r="D70971" s="1" t="s">
        <v>237124</v>
      </c>
      <c r="E70971" s="1" t="s">
        <v>237125</v>
      </c>
      <c r="F70971" s="1" t="s">
        <v>237126</v>
      </c>
      <c r="G70971" s="1" t="s">
        <v>237063</v>
      </c>
      <c r="H70971" s="1" t="s">
        <v>237064</v>
      </c>
      <c r="I70971" s="1" t="s">
        <v>222698</v>
      </c>
      <c r="J70971" s="1" t="s">
        <v>237127</v>
      </c>
    </row>
    <row r="70972" spans="1:10" x14ac:dyDescent="0.35">
      <c r="A70972" s="1" t="s">
        <v>149231</v>
      </c>
      <c r="B70972" s="1" t="s">
        <v>222693</v>
      </c>
      <c r="C70972" s="1" t="s">
        <v>110</v>
      </c>
      <c r="D70972" s="1" t="s">
        <v>76685</v>
      </c>
      <c r="E70972" s="1" t="s">
        <v>237128</v>
      </c>
      <c r="F70972" s="1" t="s">
        <v>237129</v>
      </c>
      <c r="G70972" s="1" t="s">
        <v>237063</v>
      </c>
      <c r="H70972" s="1" t="s">
        <v>237064</v>
      </c>
      <c r="I70972" s="1" t="s">
        <v>222698</v>
      </c>
      <c r="J70972" s="1" t="s">
        <v>237130</v>
      </c>
    </row>
    <row r="70973" spans="1:10" x14ac:dyDescent="0.35">
      <c r="A70973" s="1" t="s">
        <v>149231</v>
      </c>
      <c r="B70973" s="1" t="s">
        <v>222693</v>
      </c>
      <c r="C70973" s="1" t="s">
        <v>115</v>
      </c>
      <c r="D70973" s="1" t="s">
        <v>134377</v>
      </c>
      <c r="E70973" s="1" t="s">
        <v>237131</v>
      </c>
      <c r="F70973" s="1" t="s">
        <v>237132</v>
      </c>
      <c r="G70973" s="1" t="s">
        <v>237063</v>
      </c>
      <c r="H70973" s="1" t="s">
        <v>237064</v>
      </c>
      <c r="I70973" s="1" t="s">
        <v>222698</v>
      </c>
      <c r="J70973" s="1" t="s">
        <v>237133</v>
      </c>
    </row>
    <row r="70974" spans="1:10" x14ac:dyDescent="0.35">
      <c r="A70974" s="1" t="s">
        <v>149231</v>
      </c>
      <c r="B70974" s="1" t="s">
        <v>222693</v>
      </c>
      <c r="C70974" s="1" t="s">
        <v>120</v>
      </c>
      <c r="D70974" s="1" t="s">
        <v>198408</v>
      </c>
      <c r="E70974" s="1" t="s">
        <v>237134</v>
      </c>
      <c r="F70974" s="1" t="s">
        <v>237135</v>
      </c>
      <c r="G70974" s="1" t="s">
        <v>237063</v>
      </c>
      <c r="H70974" s="1" t="s">
        <v>237064</v>
      </c>
      <c r="I70974" s="1" t="s">
        <v>222698</v>
      </c>
      <c r="J70974" s="1" t="s">
        <v>237136</v>
      </c>
    </row>
    <row r="70975" spans="1:10" x14ac:dyDescent="0.35">
      <c r="A70975" s="1" t="s">
        <v>149231</v>
      </c>
      <c r="B70975" s="1" t="s">
        <v>222693</v>
      </c>
      <c r="C70975" s="1" t="s">
        <v>125</v>
      </c>
      <c r="D70975" s="1" t="s">
        <v>66579</v>
      </c>
      <c r="E70975" s="1" t="s">
        <v>237137</v>
      </c>
      <c r="F70975" s="1" t="s">
        <v>237138</v>
      </c>
      <c r="G70975" s="1" t="s">
        <v>237063</v>
      </c>
      <c r="H70975" s="1" t="s">
        <v>237064</v>
      </c>
      <c r="I70975" s="1" t="s">
        <v>222698</v>
      </c>
      <c r="J70975" s="1" t="s">
        <v>237139</v>
      </c>
    </row>
    <row r="70976" spans="1:10" x14ac:dyDescent="0.35">
      <c r="A70976" s="1" t="s">
        <v>149231</v>
      </c>
      <c r="B70976" s="1" t="s">
        <v>222693</v>
      </c>
      <c r="C70976" s="1" t="s">
        <v>130</v>
      </c>
      <c r="D70976" s="1" t="s">
        <v>176308</v>
      </c>
      <c r="E70976" s="1" t="s">
        <v>237140</v>
      </c>
      <c r="F70976" s="1" t="s">
        <v>237141</v>
      </c>
      <c r="G70976" s="1" t="s">
        <v>237063</v>
      </c>
      <c r="H70976" s="1" t="s">
        <v>237064</v>
      </c>
      <c r="I70976" s="1" t="s">
        <v>222698</v>
      </c>
      <c r="J70976" s="1" t="s">
        <v>237142</v>
      </c>
    </row>
    <row r="70977" spans="1:10" x14ac:dyDescent="0.35">
      <c r="A70977" s="1" t="s">
        <v>149231</v>
      </c>
      <c r="B70977" s="1" t="s">
        <v>222693</v>
      </c>
      <c r="C70977" s="1" t="s">
        <v>135</v>
      </c>
      <c r="D70977" s="1" t="s">
        <v>237143</v>
      </c>
      <c r="E70977" s="1" t="s">
        <v>237144</v>
      </c>
      <c r="F70977" s="1" t="s">
        <v>237145</v>
      </c>
      <c r="G70977" s="1" t="s">
        <v>237063</v>
      </c>
      <c r="H70977" s="1" t="s">
        <v>237064</v>
      </c>
      <c r="I70977" s="1" t="s">
        <v>222698</v>
      </c>
      <c r="J70977" s="1" t="s">
        <v>237146</v>
      </c>
    </row>
    <row r="70978" spans="1:10" x14ac:dyDescent="0.35">
      <c r="A70978" s="1" t="s">
        <v>149231</v>
      </c>
      <c r="B70978" s="1" t="s">
        <v>222693</v>
      </c>
      <c r="C70978" s="1" t="s">
        <v>140</v>
      </c>
      <c r="D70978" s="1" t="s">
        <v>237147</v>
      </c>
      <c r="E70978" s="1" t="s">
        <v>237148</v>
      </c>
      <c r="F70978" s="1" t="s">
        <v>237149</v>
      </c>
      <c r="G70978" s="1" t="s">
        <v>237063</v>
      </c>
      <c r="H70978" s="1" t="s">
        <v>237064</v>
      </c>
      <c r="I70978" s="1" t="s">
        <v>222698</v>
      </c>
      <c r="J70978" s="1" t="s">
        <v>237150</v>
      </c>
    </row>
    <row r="70979" spans="1:10" x14ac:dyDescent="0.35">
      <c r="A70979" s="1" t="s">
        <v>149231</v>
      </c>
      <c r="B70979" s="1" t="s">
        <v>222693</v>
      </c>
      <c r="C70979" s="1" t="s">
        <v>145</v>
      </c>
      <c r="D70979" s="1" t="s">
        <v>56989</v>
      </c>
      <c r="E70979" s="1" t="s">
        <v>237151</v>
      </c>
      <c r="F70979" s="1" t="s">
        <v>237152</v>
      </c>
      <c r="G70979" s="1" t="s">
        <v>237063</v>
      </c>
      <c r="H70979" s="1" t="s">
        <v>237064</v>
      </c>
      <c r="I70979" s="1" t="s">
        <v>222698</v>
      </c>
      <c r="J70979" s="1" t="s">
        <v>237153</v>
      </c>
    </row>
    <row r="70980" spans="1:10" x14ac:dyDescent="0.35">
      <c r="A70980" s="1" t="s">
        <v>149231</v>
      </c>
      <c r="B70980" s="1" t="s">
        <v>222693</v>
      </c>
      <c r="C70980" s="1" t="s">
        <v>150</v>
      </c>
      <c r="D70980" s="1" t="s">
        <v>56589</v>
      </c>
      <c r="E70980" s="1" t="s">
        <v>237154</v>
      </c>
      <c r="F70980" s="1" t="s">
        <v>237155</v>
      </c>
      <c r="G70980" s="1" t="s">
        <v>237063</v>
      </c>
      <c r="H70980" s="1" t="s">
        <v>237064</v>
      </c>
      <c r="I70980" s="1" t="s">
        <v>222698</v>
      </c>
      <c r="J70980" s="1" t="s">
        <v>237156</v>
      </c>
    </row>
    <row r="70981" spans="1:10" x14ac:dyDescent="0.35">
      <c r="A70981" s="1" t="s">
        <v>149231</v>
      </c>
      <c r="B70981" s="1" t="s">
        <v>222693</v>
      </c>
      <c r="C70981" s="1" t="s">
        <v>155</v>
      </c>
      <c r="D70981" s="1" t="s">
        <v>237157</v>
      </c>
      <c r="E70981" s="1" t="s">
        <v>237158</v>
      </c>
      <c r="F70981" s="1" t="s">
        <v>237159</v>
      </c>
      <c r="G70981" s="1" t="s">
        <v>237063</v>
      </c>
      <c r="H70981" s="1" t="s">
        <v>237064</v>
      </c>
      <c r="I70981" s="1" t="s">
        <v>222698</v>
      </c>
      <c r="J70981" s="1" t="s">
        <v>237160</v>
      </c>
    </row>
    <row r="70982" spans="1:10" x14ac:dyDescent="0.35">
      <c r="A70982" s="1" t="s">
        <v>149231</v>
      </c>
      <c r="B70982" s="1" t="s">
        <v>222693</v>
      </c>
      <c r="C70982" s="1" t="s">
        <v>160</v>
      </c>
      <c r="D70982" s="1" t="s">
        <v>66919</v>
      </c>
      <c r="E70982" s="1" t="s">
        <v>237161</v>
      </c>
      <c r="F70982" s="1" t="s">
        <v>237162</v>
      </c>
      <c r="G70982" s="1" t="s">
        <v>237063</v>
      </c>
      <c r="H70982" s="1" t="s">
        <v>237064</v>
      </c>
      <c r="I70982" s="1" t="s">
        <v>222698</v>
      </c>
      <c r="J70982" s="1" t="s">
        <v>237163</v>
      </c>
    </row>
    <row r="70983" spans="1:10" x14ac:dyDescent="0.35">
      <c r="A70983" s="1" t="s">
        <v>149231</v>
      </c>
      <c r="B70983" s="1" t="s">
        <v>222693</v>
      </c>
      <c r="C70983" s="1" t="s">
        <v>165</v>
      </c>
      <c r="D70983" s="1" t="s">
        <v>237164</v>
      </c>
      <c r="E70983" s="1" t="s">
        <v>237165</v>
      </c>
      <c r="F70983" s="1" t="s">
        <v>237166</v>
      </c>
      <c r="G70983" s="1" t="s">
        <v>237063</v>
      </c>
      <c r="H70983" s="1" t="s">
        <v>237064</v>
      </c>
      <c r="I70983" s="1" t="s">
        <v>222698</v>
      </c>
      <c r="J70983" s="1" t="s">
        <v>237167</v>
      </c>
    </row>
    <row r="70984" spans="1:10" x14ac:dyDescent="0.35">
      <c r="A70984" s="1" t="s">
        <v>149231</v>
      </c>
      <c r="B70984" s="1" t="s">
        <v>222693</v>
      </c>
      <c r="C70984" s="1" t="s">
        <v>170</v>
      </c>
      <c r="D70984" s="1" t="s">
        <v>237032</v>
      </c>
      <c r="E70984" s="1" t="s">
        <v>237168</v>
      </c>
      <c r="F70984" s="1" t="s">
        <v>237169</v>
      </c>
      <c r="G70984" s="1" t="s">
        <v>237063</v>
      </c>
      <c r="H70984" s="1" t="s">
        <v>237064</v>
      </c>
      <c r="I70984" s="1" t="s">
        <v>222698</v>
      </c>
      <c r="J70984" s="1" t="s">
        <v>237170</v>
      </c>
    </row>
    <row r="70985" spans="1:10" x14ac:dyDescent="0.35">
      <c r="A70985" s="1" t="s">
        <v>27697</v>
      </c>
      <c r="B70985" s="1" t="s">
        <v>222693</v>
      </c>
      <c r="C70985" s="1" t="s">
        <v>8</v>
      </c>
      <c r="D70985" s="1" t="s">
        <v>166545</v>
      </c>
      <c r="E70985" s="1" t="s">
        <v>237171</v>
      </c>
      <c r="F70985" s="1" t="s">
        <v>237172</v>
      </c>
      <c r="G70985" s="1" t="s">
        <v>237173</v>
      </c>
      <c r="H70985" s="1" t="s">
        <v>237174</v>
      </c>
      <c r="I70985" s="1" t="s">
        <v>222698</v>
      </c>
      <c r="J70985" s="1" t="s">
        <v>13</v>
      </c>
    </row>
    <row r="70986" spans="1:10" x14ac:dyDescent="0.35">
      <c r="A70986" s="1" t="s">
        <v>27697</v>
      </c>
      <c r="B70986" s="1" t="s">
        <v>222693</v>
      </c>
      <c r="C70986" s="1" t="s">
        <v>15</v>
      </c>
      <c r="D70986" s="1" t="s">
        <v>205761</v>
      </c>
      <c r="E70986" s="1" t="s">
        <v>237175</v>
      </c>
      <c r="F70986" s="1" t="s">
        <v>237176</v>
      </c>
      <c r="G70986" s="1" t="s">
        <v>237173</v>
      </c>
      <c r="H70986" s="1" t="s">
        <v>237174</v>
      </c>
      <c r="I70986" s="1" t="s">
        <v>222698</v>
      </c>
      <c r="J70986" s="1" t="s">
        <v>237177</v>
      </c>
    </row>
    <row r="70987" spans="1:10" x14ac:dyDescent="0.35">
      <c r="A70987" s="1" t="s">
        <v>27697</v>
      </c>
      <c r="B70987" s="1" t="s">
        <v>222693</v>
      </c>
      <c r="C70987" s="1" t="s">
        <v>20</v>
      </c>
      <c r="D70987" s="1" t="s">
        <v>177521</v>
      </c>
      <c r="E70987" s="1" t="s">
        <v>237178</v>
      </c>
      <c r="F70987" s="1" t="s">
        <v>237179</v>
      </c>
      <c r="G70987" s="1" t="s">
        <v>237173</v>
      </c>
      <c r="H70987" s="1" t="s">
        <v>237174</v>
      </c>
      <c r="I70987" s="1" t="s">
        <v>222698</v>
      </c>
      <c r="J70987" s="1" t="s">
        <v>237180</v>
      </c>
    </row>
    <row r="70988" spans="1:10" x14ac:dyDescent="0.35">
      <c r="A70988" s="1" t="s">
        <v>27697</v>
      </c>
      <c r="B70988" s="1" t="s">
        <v>222693</v>
      </c>
      <c r="C70988" s="1" t="s">
        <v>25</v>
      </c>
      <c r="D70988" s="1" t="s">
        <v>237181</v>
      </c>
      <c r="E70988" s="1" t="s">
        <v>237182</v>
      </c>
      <c r="F70988" s="1" t="s">
        <v>237183</v>
      </c>
      <c r="G70988" s="1" t="s">
        <v>237173</v>
      </c>
      <c r="H70988" s="1" t="s">
        <v>237174</v>
      </c>
      <c r="I70988" s="1" t="s">
        <v>222698</v>
      </c>
      <c r="J70988" s="1" t="s">
        <v>237184</v>
      </c>
    </row>
    <row r="70989" spans="1:10" x14ac:dyDescent="0.35">
      <c r="A70989" s="1" t="s">
        <v>27697</v>
      </c>
      <c r="B70989" s="1" t="s">
        <v>222693</v>
      </c>
      <c r="C70989" s="1" t="s">
        <v>30</v>
      </c>
      <c r="D70989" s="1" t="s">
        <v>87867</v>
      </c>
      <c r="E70989" s="1" t="s">
        <v>237185</v>
      </c>
      <c r="F70989" s="1" t="s">
        <v>237186</v>
      </c>
      <c r="G70989" s="1" t="s">
        <v>237173</v>
      </c>
      <c r="H70989" s="1" t="s">
        <v>237174</v>
      </c>
      <c r="I70989" s="1" t="s">
        <v>222698</v>
      </c>
      <c r="J70989" s="1" t="s">
        <v>237187</v>
      </c>
    </row>
    <row r="70990" spans="1:10" x14ac:dyDescent="0.35">
      <c r="A70990" s="1" t="s">
        <v>27697</v>
      </c>
      <c r="B70990" s="1" t="s">
        <v>222693</v>
      </c>
      <c r="C70990" s="1" t="s">
        <v>35</v>
      </c>
      <c r="D70990" s="1" t="s">
        <v>7696</v>
      </c>
      <c r="E70990" s="1" t="s">
        <v>237188</v>
      </c>
      <c r="F70990" s="1" t="s">
        <v>237189</v>
      </c>
      <c r="G70990" s="1" t="s">
        <v>237173</v>
      </c>
      <c r="H70990" s="1" t="s">
        <v>237174</v>
      </c>
      <c r="I70990" s="1" t="s">
        <v>222698</v>
      </c>
      <c r="J70990" s="1" t="s">
        <v>237190</v>
      </c>
    </row>
    <row r="70991" spans="1:10" x14ac:dyDescent="0.35">
      <c r="A70991" s="1" t="s">
        <v>27697</v>
      </c>
      <c r="B70991" s="1" t="s">
        <v>222693</v>
      </c>
      <c r="C70991" s="1" t="s">
        <v>40</v>
      </c>
      <c r="D70991" s="1" t="s">
        <v>95535</v>
      </c>
      <c r="E70991" s="1" t="s">
        <v>237191</v>
      </c>
      <c r="F70991" s="1" t="s">
        <v>237192</v>
      </c>
      <c r="G70991" s="1" t="s">
        <v>237173</v>
      </c>
      <c r="H70991" s="1" t="s">
        <v>237174</v>
      </c>
      <c r="I70991" s="1" t="s">
        <v>222698</v>
      </c>
      <c r="J70991" s="1" t="s">
        <v>237193</v>
      </c>
    </row>
    <row r="70992" spans="1:10" x14ac:dyDescent="0.35">
      <c r="A70992" s="1" t="s">
        <v>27697</v>
      </c>
      <c r="B70992" s="1" t="s">
        <v>222693</v>
      </c>
      <c r="C70992" s="1" t="s">
        <v>45</v>
      </c>
      <c r="D70992" s="1" t="s">
        <v>237194</v>
      </c>
      <c r="E70992" s="1" t="s">
        <v>237195</v>
      </c>
      <c r="F70992" s="1" t="s">
        <v>237196</v>
      </c>
      <c r="G70992" s="1" t="s">
        <v>237173</v>
      </c>
      <c r="H70992" s="1" t="s">
        <v>237174</v>
      </c>
      <c r="I70992" s="1" t="s">
        <v>222698</v>
      </c>
      <c r="J70992" s="1" t="s">
        <v>237197</v>
      </c>
    </row>
    <row r="70993" spans="1:10" x14ac:dyDescent="0.35">
      <c r="A70993" s="1" t="s">
        <v>27697</v>
      </c>
      <c r="B70993" s="1" t="s">
        <v>222693</v>
      </c>
      <c r="C70993" s="1" t="s">
        <v>50</v>
      </c>
      <c r="D70993" s="1" t="s">
        <v>140626</v>
      </c>
      <c r="E70993" s="1" t="s">
        <v>237198</v>
      </c>
      <c r="F70993" s="1" t="s">
        <v>237199</v>
      </c>
      <c r="G70993" s="1" t="s">
        <v>237173</v>
      </c>
      <c r="H70993" s="1" t="s">
        <v>237174</v>
      </c>
      <c r="I70993" s="1" t="s">
        <v>222698</v>
      </c>
      <c r="J70993" s="1" t="s">
        <v>237200</v>
      </c>
    </row>
    <row r="70994" spans="1:10" x14ac:dyDescent="0.35">
      <c r="A70994" s="1" t="s">
        <v>27697</v>
      </c>
      <c r="B70994" s="1" t="s">
        <v>222693</v>
      </c>
      <c r="C70994" s="1" t="s">
        <v>55</v>
      </c>
      <c r="D70994" s="1" t="s">
        <v>237201</v>
      </c>
      <c r="E70994" s="1" t="s">
        <v>237202</v>
      </c>
      <c r="F70994" s="1" t="s">
        <v>237203</v>
      </c>
      <c r="G70994" s="1" t="s">
        <v>237173</v>
      </c>
      <c r="H70994" s="1" t="s">
        <v>237174</v>
      </c>
      <c r="I70994" s="1" t="s">
        <v>222698</v>
      </c>
      <c r="J70994" s="1" t="s">
        <v>237204</v>
      </c>
    </row>
    <row r="70995" spans="1:10" x14ac:dyDescent="0.35">
      <c r="A70995" s="1" t="s">
        <v>27697</v>
      </c>
      <c r="B70995" s="1" t="s">
        <v>222693</v>
      </c>
      <c r="C70995" s="1" t="s">
        <v>60</v>
      </c>
      <c r="D70995" s="1" t="s">
        <v>237205</v>
      </c>
      <c r="E70995" s="1" t="s">
        <v>237206</v>
      </c>
      <c r="F70995" s="1" t="s">
        <v>237207</v>
      </c>
      <c r="G70995" s="1" t="s">
        <v>237173</v>
      </c>
      <c r="H70995" s="1" t="s">
        <v>237174</v>
      </c>
      <c r="I70995" s="1" t="s">
        <v>222698</v>
      </c>
      <c r="J70995" s="1" t="s">
        <v>237208</v>
      </c>
    </row>
    <row r="70996" spans="1:10" x14ac:dyDescent="0.35">
      <c r="A70996" s="1" t="s">
        <v>27697</v>
      </c>
      <c r="B70996" s="1" t="s">
        <v>222693</v>
      </c>
      <c r="C70996" s="1" t="s">
        <v>65</v>
      </c>
      <c r="D70996" s="1" t="s">
        <v>237209</v>
      </c>
      <c r="E70996" s="1" t="s">
        <v>237210</v>
      </c>
      <c r="F70996" s="1" t="s">
        <v>237211</v>
      </c>
      <c r="G70996" s="1" t="s">
        <v>237173</v>
      </c>
      <c r="H70996" s="1" t="s">
        <v>237174</v>
      </c>
      <c r="I70996" s="1" t="s">
        <v>222698</v>
      </c>
      <c r="J70996" s="1" t="s">
        <v>237212</v>
      </c>
    </row>
    <row r="70997" spans="1:10" x14ac:dyDescent="0.35">
      <c r="A70997" s="1" t="s">
        <v>27697</v>
      </c>
      <c r="B70997" s="1" t="s">
        <v>222693</v>
      </c>
      <c r="C70997" s="1" t="s">
        <v>70</v>
      </c>
      <c r="D70997" s="1" t="s">
        <v>224961</v>
      </c>
      <c r="E70997" s="1" t="s">
        <v>237213</v>
      </c>
      <c r="F70997" s="1" t="s">
        <v>237214</v>
      </c>
      <c r="G70997" s="1" t="s">
        <v>237173</v>
      </c>
      <c r="H70997" s="1" t="s">
        <v>237174</v>
      </c>
      <c r="I70997" s="1" t="s">
        <v>222698</v>
      </c>
      <c r="J70997" s="1" t="s">
        <v>237215</v>
      </c>
    </row>
    <row r="70998" spans="1:10" x14ac:dyDescent="0.35">
      <c r="A70998" s="1" t="s">
        <v>27697</v>
      </c>
      <c r="B70998" s="1" t="s">
        <v>222693</v>
      </c>
      <c r="C70998" s="1" t="s">
        <v>75</v>
      </c>
      <c r="D70998" s="1" t="s">
        <v>237216</v>
      </c>
      <c r="E70998" s="1" t="s">
        <v>237217</v>
      </c>
      <c r="F70998" s="1" t="s">
        <v>237218</v>
      </c>
      <c r="G70998" s="1" t="s">
        <v>237173</v>
      </c>
      <c r="H70998" s="1" t="s">
        <v>237174</v>
      </c>
      <c r="I70998" s="1" t="s">
        <v>222698</v>
      </c>
      <c r="J70998" s="1" t="s">
        <v>237219</v>
      </c>
    </row>
    <row r="70999" spans="1:10" x14ac:dyDescent="0.35">
      <c r="A70999" s="1" t="s">
        <v>27697</v>
      </c>
      <c r="B70999" s="1" t="s">
        <v>222693</v>
      </c>
      <c r="C70999" s="1" t="s">
        <v>80</v>
      </c>
      <c r="D70999" s="1" t="s">
        <v>237220</v>
      </c>
      <c r="E70999" s="1" t="s">
        <v>237221</v>
      </c>
      <c r="F70999" s="1" t="s">
        <v>237222</v>
      </c>
      <c r="G70999" s="1" t="s">
        <v>237173</v>
      </c>
      <c r="H70999" s="1" t="s">
        <v>237174</v>
      </c>
      <c r="I70999" s="1" t="s">
        <v>222698</v>
      </c>
      <c r="J70999" s="1" t="s">
        <v>237223</v>
      </c>
    </row>
    <row r="71000" spans="1:10" x14ac:dyDescent="0.35">
      <c r="A71000" s="1" t="s">
        <v>27697</v>
      </c>
      <c r="B71000" s="1" t="s">
        <v>222693</v>
      </c>
      <c r="C71000" s="1" t="s">
        <v>85</v>
      </c>
      <c r="D71000" s="1" t="s">
        <v>237224</v>
      </c>
      <c r="E71000" s="1" t="s">
        <v>237225</v>
      </c>
      <c r="F71000" s="1" t="s">
        <v>237226</v>
      </c>
      <c r="G71000" s="1" t="s">
        <v>237173</v>
      </c>
      <c r="H71000" s="1" t="s">
        <v>237174</v>
      </c>
      <c r="I71000" s="1" t="s">
        <v>222698</v>
      </c>
      <c r="J71000" s="1" t="s">
        <v>237227</v>
      </c>
    </row>
    <row r="71001" spans="1:10" x14ac:dyDescent="0.35">
      <c r="A71001" s="1" t="s">
        <v>27697</v>
      </c>
      <c r="B71001" s="1" t="s">
        <v>222693</v>
      </c>
      <c r="C71001" s="1" t="s">
        <v>90</v>
      </c>
      <c r="D71001" s="1" t="s">
        <v>227181</v>
      </c>
      <c r="E71001" s="1" t="s">
        <v>237228</v>
      </c>
      <c r="F71001" s="1" t="s">
        <v>237229</v>
      </c>
      <c r="G71001" s="1" t="s">
        <v>237173</v>
      </c>
      <c r="H71001" s="1" t="s">
        <v>237174</v>
      </c>
      <c r="I71001" s="1" t="s">
        <v>222698</v>
      </c>
      <c r="J71001" s="1" t="s">
        <v>237230</v>
      </c>
    </row>
    <row r="71002" spans="1:10" x14ac:dyDescent="0.35">
      <c r="A71002" s="1" t="s">
        <v>27697</v>
      </c>
      <c r="B71002" s="1" t="s">
        <v>222693</v>
      </c>
      <c r="C71002" s="1" t="s">
        <v>95</v>
      </c>
      <c r="D71002" s="1" t="s">
        <v>40933</v>
      </c>
      <c r="E71002" s="1" t="s">
        <v>237231</v>
      </c>
      <c r="F71002" s="1" t="s">
        <v>237232</v>
      </c>
      <c r="G71002" s="1" t="s">
        <v>237173</v>
      </c>
      <c r="H71002" s="1" t="s">
        <v>237174</v>
      </c>
      <c r="I71002" s="1" t="s">
        <v>222698</v>
      </c>
      <c r="J71002" s="1" t="s">
        <v>237233</v>
      </c>
    </row>
    <row r="71003" spans="1:10" x14ac:dyDescent="0.35">
      <c r="A71003" s="1" t="s">
        <v>27697</v>
      </c>
      <c r="B71003" s="1" t="s">
        <v>222693</v>
      </c>
      <c r="C71003" s="1" t="s">
        <v>100</v>
      </c>
      <c r="D71003" s="1" t="s">
        <v>237234</v>
      </c>
      <c r="E71003" s="1" t="s">
        <v>237235</v>
      </c>
      <c r="F71003" s="1" t="s">
        <v>237236</v>
      </c>
      <c r="G71003" s="1" t="s">
        <v>237173</v>
      </c>
      <c r="H71003" s="1" t="s">
        <v>237174</v>
      </c>
      <c r="I71003" s="1" t="s">
        <v>222698</v>
      </c>
      <c r="J71003" s="1" t="s">
        <v>237237</v>
      </c>
    </row>
    <row r="71004" spans="1:10" x14ac:dyDescent="0.35">
      <c r="A71004" s="1" t="s">
        <v>27697</v>
      </c>
      <c r="B71004" s="1" t="s">
        <v>222693</v>
      </c>
      <c r="C71004" s="1" t="s">
        <v>105</v>
      </c>
      <c r="D71004" s="1" t="s">
        <v>237238</v>
      </c>
      <c r="E71004" s="1" t="s">
        <v>237239</v>
      </c>
      <c r="F71004" s="1" t="s">
        <v>237240</v>
      </c>
      <c r="G71004" s="1" t="s">
        <v>237173</v>
      </c>
      <c r="H71004" s="1" t="s">
        <v>237174</v>
      </c>
      <c r="I71004" s="1" t="s">
        <v>222698</v>
      </c>
      <c r="J71004" s="1" t="s">
        <v>237241</v>
      </c>
    </row>
    <row r="71005" spans="1:10" x14ac:dyDescent="0.35">
      <c r="A71005" s="1" t="s">
        <v>27697</v>
      </c>
      <c r="B71005" s="1" t="s">
        <v>222693</v>
      </c>
      <c r="C71005" s="1" t="s">
        <v>110</v>
      </c>
      <c r="D71005" s="1" t="s">
        <v>237242</v>
      </c>
      <c r="E71005" s="1" t="s">
        <v>237243</v>
      </c>
      <c r="F71005" s="1" t="s">
        <v>237244</v>
      </c>
      <c r="G71005" s="1" t="s">
        <v>237173</v>
      </c>
      <c r="H71005" s="1" t="s">
        <v>237174</v>
      </c>
      <c r="I71005" s="1" t="s">
        <v>222698</v>
      </c>
      <c r="J71005" s="1" t="s">
        <v>237245</v>
      </c>
    </row>
    <row r="71006" spans="1:10" x14ac:dyDescent="0.35">
      <c r="A71006" s="1" t="s">
        <v>27697</v>
      </c>
      <c r="B71006" s="1" t="s">
        <v>222693</v>
      </c>
      <c r="C71006" s="1" t="s">
        <v>115</v>
      </c>
      <c r="D71006" s="1" t="s">
        <v>40989</v>
      </c>
      <c r="E71006" s="1" t="s">
        <v>237246</v>
      </c>
      <c r="F71006" s="1" t="s">
        <v>237247</v>
      </c>
      <c r="G71006" s="1" t="s">
        <v>237173</v>
      </c>
      <c r="H71006" s="1" t="s">
        <v>237174</v>
      </c>
      <c r="I71006" s="1" t="s">
        <v>222698</v>
      </c>
      <c r="J71006" s="1" t="s">
        <v>237248</v>
      </c>
    </row>
    <row r="71007" spans="1:10" x14ac:dyDescent="0.35">
      <c r="A71007" s="1" t="s">
        <v>27697</v>
      </c>
      <c r="B71007" s="1" t="s">
        <v>222693</v>
      </c>
      <c r="C71007" s="1" t="s">
        <v>120</v>
      </c>
      <c r="D71007" s="1" t="s">
        <v>237249</v>
      </c>
      <c r="E71007" s="1" t="s">
        <v>237250</v>
      </c>
      <c r="F71007" s="1" t="s">
        <v>237251</v>
      </c>
      <c r="G71007" s="1" t="s">
        <v>237173</v>
      </c>
      <c r="H71007" s="1" t="s">
        <v>237174</v>
      </c>
      <c r="I71007" s="1" t="s">
        <v>222698</v>
      </c>
      <c r="J71007" s="1" t="s">
        <v>237252</v>
      </c>
    </row>
    <row r="71008" spans="1:10" x14ac:dyDescent="0.35">
      <c r="A71008" s="1" t="s">
        <v>27697</v>
      </c>
      <c r="B71008" s="1" t="s">
        <v>222693</v>
      </c>
      <c r="C71008" s="1" t="s">
        <v>125</v>
      </c>
      <c r="D71008" s="1" t="s">
        <v>133983</v>
      </c>
      <c r="E71008" s="1" t="s">
        <v>237253</v>
      </c>
      <c r="F71008" s="1" t="s">
        <v>237254</v>
      </c>
      <c r="G71008" s="1" t="s">
        <v>237173</v>
      </c>
      <c r="H71008" s="1" t="s">
        <v>237174</v>
      </c>
      <c r="I71008" s="1" t="s">
        <v>222698</v>
      </c>
      <c r="J71008" s="1" t="s">
        <v>237255</v>
      </c>
    </row>
    <row r="71009" spans="1:10" x14ac:dyDescent="0.35">
      <c r="A71009" s="1" t="s">
        <v>27697</v>
      </c>
      <c r="B71009" s="1" t="s">
        <v>222693</v>
      </c>
      <c r="C71009" s="1" t="s">
        <v>130</v>
      </c>
      <c r="D71009" s="1" t="s">
        <v>230509</v>
      </c>
      <c r="E71009" s="1" t="s">
        <v>237256</v>
      </c>
      <c r="F71009" s="1" t="s">
        <v>237257</v>
      </c>
      <c r="G71009" s="1" t="s">
        <v>237173</v>
      </c>
      <c r="H71009" s="1" t="s">
        <v>237174</v>
      </c>
      <c r="I71009" s="1" t="s">
        <v>222698</v>
      </c>
      <c r="J71009" s="1" t="s">
        <v>237258</v>
      </c>
    </row>
    <row r="71010" spans="1:10" x14ac:dyDescent="0.35">
      <c r="A71010" s="1" t="s">
        <v>27697</v>
      </c>
      <c r="B71010" s="1" t="s">
        <v>222693</v>
      </c>
      <c r="C71010" s="1" t="s">
        <v>135</v>
      </c>
      <c r="D71010" s="1" t="s">
        <v>237259</v>
      </c>
      <c r="E71010" s="1" t="s">
        <v>237260</v>
      </c>
      <c r="F71010" s="1" t="s">
        <v>237261</v>
      </c>
      <c r="G71010" s="1" t="s">
        <v>237173</v>
      </c>
      <c r="H71010" s="1" t="s">
        <v>237174</v>
      </c>
      <c r="I71010" s="1" t="s">
        <v>222698</v>
      </c>
      <c r="J71010" s="1" t="s">
        <v>237262</v>
      </c>
    </row>
    <row r="71011" spans="1:10" x14ac:dyDescent="0.35">
      <c r="A71011" s="1" t="s">
        <v>27697</v>
      </c>
      <c r="B71011" s="1" t="s">
        <v>222693</v>
      </c>
      <c r="C71011" s="1" t="s">
        <v>140</v>
      </c>
      <c r="D71011" s="1" t="s">
        <v>237263</v>
      </c>
      <c r="E71011" s="1" t="s">
        <v>237264</v>
      </c>
      <c r="F71011" s="1" t="s">
        <v>237265</v>
      </c>
      <c r="G71011" s="1" t="s">
        <v>237173</v>
      </c>
      <c r="H71011" s="1" t="s">
        <v>237174</v>
      </c>
      <c r="I71011" s="1" t="s">
        <v>222698</v>
      </c>
      <c r="J71011" s="1" t="s">
        <v>237266</v>
      </c>
    </row>
    <row r="71012" spans="1:10" x14ac:dyDescent="0.35">
      <c r="A71012" s="1" t="s">
        <v>27697</v>
      </c>
      <c r="B71012" s="1" t="s">
        <v>222693</v>
      </c>
      <c r="C71012" s="1" t="s">
        <v>145</v>
      </c>
      <c r="D71012" s="1" t="s">
        <v>237267</v>
      </c>
      <c r="E71012" s="1" t="s">
        <v>237268</v>
      </c>
      <c r="F71012" s="1" t="s">
        <v>237269</v>
      </c>
      <c r="G71012" s="1" t="s">
        <v>237173</v>
      </c>
      <c r="H71012" s="1" t="s">
        <v>237174</v>
      </c>
      <c r="I71012" s="1" t="s">
        <v>222698</v>
      </c>
      <c r="J71012" s="1" t="s">
        <v>237270</v>
      </c>
    </row>
    <row r="71013" spans="1:10" x14ac:dyDescent="0.35">
      <c r="A71013" s="1" t="s">
        <v>27697</v>
      </c>
      <c r="B71013" s="1" t="s">
        <v>222693</v>
      </c>
      <c r="C71013" s="1" t="s">
        <v>150</v>
      </c>
      <c r="D71013" s="1" t="s">
        <v>237271</v>
      </c>
      <c r="E71013" s="1" t="s">
        <v>237272</v>
      </c>
      <c r="F71013" s="1" t="s">
        <v>237273</v>
      </c>
      <c r="G71013" s="1" t="s">
        <v>237173</v>
      </c>
      <c r="H71013" s="1" t="s">
        <v>237174</v>
      </c>
      <c r="I71013" s="1" t="s">
        <v>222698</v>
      </c>
      <c r="J71013" s="1" t="s">
        <v>237274</v>
      </c>
    </row>
    <row r="71014" spans="1:10" x14ac:dyDescent="0.35">
      <c r="A71014" s="1" t="s">
        <v>27697</v>
      </c>
      <c r="B71014" s="1" t="s">
        <v>222693</v>
      </c>
      <c r="C71014" s="1" t="s">
        <v>155</v>
      </c>
      <c r="D71014" s="1" t="s">
        <v>237275</v>
      </c>
      <c r="E71014" s="1" t="s">
        <v>237276</v>
      </c>
      <c r="F71014" s="1" t="s">
        <v>237277</v>
      </c>
      <c r="G71014" s="1" t="s">
        <v>237173</v>
      </c>
      <c r="H71014" s="1" t="s">
        <v>237174</v>
      </c>
      <c r="I71014" s="1" t="s">
        <v>222698</v>
      </c>
      <c r="J71014" s="1" t="s">
        <v>237278</v>
      </c>
    </row>
    <row r="71015" spans="1:10" x14ac:dyDescent="0.35">
      <c r="A71015" s="1" t="s">
        <v>27697</v>
      </c>
      <c r="B71015" s="1" t="s">
        <v>222693</v>
      </c>
      <c r="C71015" s="1" t="s">
        <v>160</v>
      </c>
      <c r="D71015" s="1" t="s">
        <v>237279</v>
      </c>
      <c r="E71015" s="1" t="s">
        <v>237280</v>
      </c>
      <c r="F71015" s="1" t="s">
        <v>237281</v>
      </c>
      <c r="G71015" s="1" t="s">
        <v>237173</v>
      </c>
      <c r="H71015" s="1" t="s">
        <v>237174</v>
      </c>
      <c r="I71015" s="1" t="s">
        <v>222698</v>
      </c>
      <c r="J71015" s="1" t="s">
        <v>237282</v>
      </c>
    </row>
    <row r="71016" spans="1:10" x14ac:dyDescent="0.35">
      <c r="A71016" s="1" t="s">
        <v>27697</v>
      </c>
      <c r="B71016" s="1" t="s">
        <v>222693</v>
      </c>
      <c r="C71016" s="1" t="s">
        <v>165</v>
      </c>
      <c r="D71016" s="1" t="s">
        <v>237283</v>
      </c>
      <c r="E71016" s="1" t="s">
        <v>237284</v>
      </c>
      <c r="F71016" s="1" t="s">
        <v>237285</v>
      </c>
      <c r="G71016" s="1" t="s">
        <v>237173</v>
      </c>
      <c r="H71016" s="1" t="s">
        <v>237174</v>
      </c>
      <c r="I71016" s="1" t="s">
        <v>222698</v>
      </c>
      <c r="J71016" s="1" t="s">
        <v>237286</v>
      </c>
    </row>
    <row r="71017" spans="1:10" x14ac:dyDescent="0.35">
      <c r="A71017" s="1" t="s">
        <v>27697</v>
      </c>
      <c r="B71017" s="1" t="s">
        <v>222693</v>
      </c>
      <c r="C71017" s="1" t="s">
        <v>170</v>
      </c>
      <c r="D71017" s="1" t="s">
        <v>237287</v>
      </c>
      <c r="E71017" s="1" t="s">
        <v>237288</v>
      </c>
      <c r="F71017" s="1" t="s">
        <v>237289</v>
      </c>
      <c r="G71017" s="1" t="s">
        <v>237173</v>
      </c>
      <c r="H71017" s="1" t="s">
        <v>237174</v>
      </c>
      <c r="I71017" s="1" t="s">
        <v>222698</v>
      </c>
      <c r="J71017" s="1" t="s">
        <v>237290</v>
      </c>
    </row>
    <row r="71018" spans="1:10" x14ac:dyDescent="0.35">
      <c r="A71018" s="1" t="s">
        <v>27851</v>
      </c>
      <c r="B71018" s="1" t="s">
        <v>222693</v>
      </c>
      <c r="C71018" s="1" t="s">
        <v>8</v>
      </c>
      <c r="D71018" s="1" t="s">
        <v>105282</v>
      </c>
      <c r="E71018" s="1" t="s">
        <v>237291</v>
      </c>
      <c r="F71018" s="1" t="s">
        <v>237292</v>
      </c>
      <c r="G71018" s="1" t="s">
        <v>237293</v>
      </c>
      <c r="H71018" s="1" t="s">
        <v>237294</v>
      </c>
      <c r="I71018" s="1" t="s">
        <v>222698</v>
      </c>
      <c r="J71018" s="1" t="s">
        <v>13</v>
      </c>
    </row>
    <row r="71019" spans="1:10" x14ac:dyDescent="0.35">
      <c r="A71019" s="1" t="s">
        <v>27851</v>
      </c>
      <c r="B71019" s="1" t="s">
        <v>222693</v>
      </c>
      <c r="C71019" s="1" t="s">
        <v>15</v>
      </c>
      <c r="D71019" s="1" t="s">
        <v>140669</v>
      </c>
      <c r="E71019" s="1" t="s">
        <v>237295</v>
      </c>
      <c r="F71019" s="1" t="s">
        <v>237296</v>
      </c>
      <c r="G71019" s="1" t="s">
        <v>237293</v>
      </c>
      <c r="H71019" s="1" t="s">
        <v>237294</v>
      </c>
      <c r="I71019" s="1" t="s">
        <v>222698</v>
      </c>
      <c r="J71019" s="1" t="s">
        <v>237297</v>
      </c>
    </row>
    <row r="71020" spans="1:10" x14ac:dyDescent="0.35">
      <c r="A71020" s="1" t="s">
        <v>27851</v>
      </c>
      <c r="B71020" s="1" t="s">
        <v>222693</v>
      </c>
      <c r="C71020" s="1" t="s">
        <v>20</v>
      </c>
      <c r="D71020" s="1" t="s">
        <v>138403</v>
      </c>
      <c r="E71020" s="1" t="s">
        <v>237298</v>
      </c>
      <c r="F71020" s="1" t="s">
        <v>237299</v>
      </c>
      <c r="G71020" s="1" t="s">
        <v>237293</v>
      </c>
      <c r="H71020" s="1" t="s">
        <v>237294</v>
      </c>
      <c r="I71020" s="1" t="s">
        <v>222698</v>
      </c>
      <c r="J71020" s="1" t="s">
        <v>237300</v>
      </c>
    </row>
    <row r="71021" spans="1:10" x14ac:dyDescent="0.35">
      <c r="A71021" s="1" t="s">
        <v>27851</v>
      </c>
      <c r="B71021" s="1" t="s">
        <v>222693</v>
      </c>
      <c r="C71021" s="1" t="s">
        <v>25</v>
      </c>
      <c r="D71021" s="1" t="s">
        <v>237301</v>
      </c>
      <c r="E71021" s="1" t="s">
        <v>237302</v>
      </c>
      <c r="F71021" s="1" t="s">
        <v>237303</v>
      </c>
      <c r="G71021" s="1" t="s">
        <v>237293</v>
      </c>
      <c r="H71021" s="1" t="s">
        <v>237294</v>
      </c>
      <c r="I71021" s="1" t="s">
        <v>222698</v>
      </c>
      <c r="J71021" s="1" t="s">
        <v>237304</v>
      </c>
    </row>
    <row r="71022" spans="1:10" x14ac:dyDescent="0.35">
      <c r="A71022" s="1" t="s">
        <v>27851</v>
      </c>
      <c r="B71022" s="1" t="s">
        <v>222693</v>
      </c>
      <c r="C71022" s="1" t="s">
        <v>30</v>
      </c>
      <c r="D71022" s="1" t="s">
        <v>237305</v>
      </c>
      <c r="E71022" s="1" t="s">
        <v>237306</v>
      </c>
      <c r="F71022" s="1" t="s">
        <v>237307</v>
      </c>
      <c r="G71022" s="1" t="s">
        <v>237293</v>
      </c>
      <c r="H71022" s="1" t="s">
        <v>237294</v>
      </c>
      <c r="I71022" s="1" t="s">
        <v>222698</v>
      </c>
      <c r="J71022" s="1" t="s">
        <v>237308</v>
      </c>
    </row>
    <row r="71023" spans="1:10" x14ac:dyDescent="0.35">
      <c r="A71023" s="1" t="s">
        <v>27851</v>
      </c>
      <c r="B71023" s="1" t="s">
        <v>222693</v>
      </c>
      <c r="C71023" s="1" t="s">
        <v>35</v>
      </c>
      <c r="D71023" s="1" t="s">
        <v>33351</v>
      </c>
      <c r="E71023" s="1" t="s">
        <v>237309</v>
      </c>
      <c r="F71023" s="1" t="s">
        <v>237310</v>
      </c>
      <c r="G71023" s="1" t="s">
        <v>237293</v>
      </c>
      <c r="H71023" s="1" t="s">
        <v>237294</v>
      </c>
      <c r="I71023" s="1" t="s">
        <v>222698</v>
      </c>
      <c r="J71023" s="1" t="s">
        <v>237311</v>
      </c>
    </row>
    <row r="71024" spans="1:10" x14ac:dyDescent="0.35">
      <c r="A71024" s="1" t="s">
        <v>27851</v>
      </c>
      <c r="B71024" s="1" t="s">
        <v>222693</v>
      </c>
      <c r="C71024" s="1" t="s">
        <v>40</v>
      </c>
      <c r="D71024" s="1" t="s">
        <v>228718</v>
      </c>
      <c r="E71024" s="1" t="s">
        <v>237312</v>
      </c>
      <c r="F71024" s="1" t="s">
        <v>237313</v>
      </c>
      <c r="G71024" s="1" t="s">
        <v>237293</v>
      </c>
      <c r="H71024" s="1" t="s">
        <v>237294</v>
      </c>
      <c r="I71024" s="1" t="s">
        <v>222698</v>
      </c>
      <c r="J71024" s="1" t="s">
        <v>237314</v>
      </c>
    </row>
    <row r="71025" spans="1:10" x14ac:dyDescent="0.35">
      <c r="A71025" s="1" t="s">
        <v>27851</v>
      </c>
      <c r="B71025" s="1" t="s">
        <v>222693</v>
      </c>
      <c r="C71025" s="1" t="s">
        <v>45</v>
      </c>
      <c r="D71025" s="1" t="s">
        <v>20614</v>
      </c>
      <c r="E71025" s="1" t="s">
        <v>237315</v>
      </c>
      <c r="F71025" s="1" t="s">
        <v>237316</v>
      </c>
      <c r="G71025" s="1" t="s">
        <v>237293</v>
      </c>
      <c r="H71025" s="1" t="s">
        <v>237294</v>
      </c>
      <c r="I71025" s="1" t="s">
        <v>222698</v>
      </c>
      <c r="J71025" s="1" t="s">
        <v>237317</v>
      </c>
    </row>
    <row r="71026" spans="1:10" x14ac:dyDescent="0.35">
      <c r="A71026" s="1" t="s">
        <v>27851</v>
      </c>
      <c r="B71026" s="1" t="s">
        <v>222693</v>
      </c>
      <c r="C71026" s="1" t="s">
        <v>50</v>
      </c>
      <c r="D71026" s="1" t="s">
        <v>49313</v>
      </c>
      <c r="E71026" s="1" t="s">
        <v>237318</v>
      </c>
      <c r="F71026" s="1" t="s">
        <v>237319</v>
      </c>
      <c r="G71026" s="1" t="s">
        <v>237293</v>
      </c>
      <c r="H71026" s="1" t="s">
        <v>237294</v>
      </c>
      <c r="I71026" s="1" t="s">
        <v>222698</v>
      </c>
      <c r="J71026" s="1" t="s">
        <v>237320</v>
      </c>
    </row>
    <row r="71027" spans="1:10" x14ac:dyDescent="0.35">
      <c r="A71027" s="1" t="s">
        <v>27851</v>
      </c>
      <c r="B71027" s="1" t="s">
        <v>222693</v>
      </c>
      <c r="C71027" s="1" t="s">
        <v>55</v>
      </c>
      <c r="D71027" s="1" t="s">
        <v>58141</v>
      </c>
      <c r="E71027" s="1" t="s">
        <v>237321</v>
      </c>
      <c r="F71027" s="1" t="s">
        <v>237322</v>
      </c>
      <c r="G71027" s="1" t="s">
        <v>237293</v>
      </c>
      <c r="H71027" s="1" t="s">
        <v>237294</v>
      </c>
      <c r="I71027" s="1" t="s">
        <v>222698</v>
      </c>
      <c r="J71027" s="1" t="s">
        <v>237323</v>
      </c>
    </row>
    <row r="71028" spans="1:10" x14ac:dyDescent="0.35">
      <c r="A71028" s="1" t="s">
        <v>27851</v>
      </c>
      <c r="B71028" s="1" t="s">
        <v>222693</v>
      </c>
      <c r="C71028" s="1" t="s">
        <v>60</v>
      </c>
      <c r="D71028" s="1" t="s">
        <v>60490</v>
      </c>
      <c r="E71028" s="1" t="s">
        <v>237324</v>
      </c>
      <c r="F71028" s="1" t="s">
        <v>237325</v>
      </c>
      <c r="G71028" s="1" t="s">
        <v>237293</v>
      </c>
      <c r="H71028" s="1" t="s">
        <v>237294</v>
      </c>
      <c r="I71028" s="1" t="s">
        <v>222698</v>
      </c>
      <c r="J71028" s="1" t="s">
        <v>237326</v>
      </c>
    </row>
    <row r="71029" spans="1:10" x14ac:dyDescent="0.35">
      <c r="A71029" s="1" t="s">
        <v>27851</v>
      </c>
      <c r="B71029" s="1" t="s">
        <v>222693</v>
      </c>
      <c r="C71029" s="1" t="s">
        <v>65</v>
      </c>
      <c r="D71029" s="1" t="s">
        <v>129737</v>
      </c>
      <c r="E71029" s="1" t="s">
        <v>237327</v>
      </c>
      <c r="F71029" s="1" t="s">
        <v>237328</v>
      </c>
      <c r="G71029" s="1" t="s">
        <v>237293</v>
      </c>
      <c r="H71029" s="1" t="s">
        <v>237294</v>
      </c>
      <c r="I71029" s="1" t="s">
        <v>222698</v>
      </c>
      <c r="J71029" s="1" t="s">
        <v>237329</v>
      </c>
    </row>
    <row r="71030" spans="1:10" x14ac:dyDescent="0.35">
      <c r="A71030" s="1" t="s">
        <v>27851</v>
      </c>
      <c r="B71030" s="1" t="s">
        <v>222693</v>
      </c>
      <c r="C71030" s="1" t="s">
        <v>70</v>
      </c>
      <c r="D71030" s="1" t="s">
        <v>237330</v>
      </c>
      <c r="E71030" s="1" t="s">
        <v>237331</v>
      </c>
      <c r="F71030" s="1" t="s">
        <v>237332</v>
      </c>
      <c r="G71030" s="1" t="s">
        <v>237293</v>
      </c>
      <c r="H71030" s="1" t="s">
        <v>237294</v>
      </c>
      <c r="I71030" s="1" t="s">
        <v>222698</v>
      </c>
      <c r="J71030" s="1" t="s">
        <v>237333</v>
      </c>
    </row>
    <row r="71031" spans="1:10" x14ac:dyDescent="0.35">
      <c r="A71031" s="1" t="s">
        <v>27851</v>
      </c>
      <c r="B71031" s="1" t="s">
        <v>222693</v>
      </c>
      <c r="C71031" s="1" t="s">
        <v>75</v>
      </c>
      <c r="D71031" s="1" t="s">
        <v>237334</v>
      </c>
      <c r="E71031" s="1" t="s">
        <v>237335</v>
      </c>
      <c r="F71031" s="1" t="s">
        <v>237336</v>
      </c>
      <c r="G71031" s="1" t="s">
        <v>237293</v>
      </c>
      <c r="H71031" s="1" t="s">
        <v>237294</v>
      </c>
      <c r="I71031" s="1" t="s">
        <v>222698</v>
      </c>
      <c r="J71031" s="1" t="s">
        <v>237337</v>
      </c>
    </row>
    <row r="71032" spans="1:10" x14ac:dyDescent="0.35">
      <c r="A71032" s="1" t="s">
        <v>27851</v>
      </c>
      <c r="B71032" s="1" t="s">
        <v>222693</v>
      </c>
      <c r="C71032" s="1" t="s">
        <v>80</v>
      </c>
      <c r="D71032" s="1" t="s">
        <v>237338</v>
      </c>
      <c r="E71032" s="1" t="s">
        <v>237339</v>
      </c>
      <c r="F71032" s="1" t="s">
        <v>237340</v>
      </c>
      <c r="G71032" s="1" t="s">
        <v>237293</v>
      </c>
      <c r="H71032" s="1" t="s">
        <v>237294</v>
      </c>
      <c r="I71032" s="1" t="s">
        <v>222698</v>
      </c>
      <c r="J71032" s="1" t="s">
        <v>237341</v>
      </c>
    </row>
    <row r="71033" spans="1:10" x14ac:dyDescent="0.35">
      <c r="A71033" s="1" t="s">
        <v>27851</v>
      </c>
      <c r="B71033" s="1" t="s">
        <v>222693</v>
      </c>
      <c r="C71033" s="1" t="s">
        <v>85</v>
      </c>
      <c r="D71033" s="1" t="s">
        <v>237342</v>
      </c>
      <c r="E71033" s="1" t="s">
        <v>237343</v>
      </c>
      <c r="F71033" s="1" t="s">
        <v>237344</v>
      </c>
      <c r="G71033" s="1" t="s">
        <v>237293</v>
      </c>
      <c r="H71033" s="1" t="s">
        <v>237294</v>
      </c>
      <c r="I71033" s="1" t="s">
        <v>222698</v>
      </c>
      <c r="J71033" s="1" t="s">
        <v>237345</v>
      </c>
    </row>
    <row r="71034" spans="1:10" x14ac:dyDescent="0.35">
      <c r="A71034" s="1" t="s">
        <v>27851</v>
      </c>
      <c r="B71034" s="1" t="s">
        <v>222693</v>
      </c>
      <c r="C71034" s="1" t="s">
        <v>90</v>
      </c>
      <c r="D71034" s="1" t="s">
        <v>237346</v>
      </c>
      <c r="E71034" s="1" t="s">
        <v>237347</v>
      </c>
      <c r="F71034" s="1" t="s">
        <v>237348</v>
      </c>
      <c r="G71034" s="1" t="s">
        <v>237293</v>
      </c>
      <c r="H71034" s="1" t="s">
        <v>237294</v>
      </c>
      <c r="I71034" s="1" t="s">
        <v>222698</v>
      </c>
      <c r="J71034" s="1" t="s">
        <v>237349</v>
      </c>
    </row>
    <row r="71035" spans="1:10" x14ac:dyDescent="0.35">
      <c r="A71035" s="1" t="s">
        <v>27851</v>
      </c>
      <c r="B71035" s="1" t="s">
        <v>222693</v>
      </c>
      <c r="C71035" s="1" t="s">
        <v>95</v>
      </c>
      <c r="D71035" s="1" t="s">
        <v>237350</v>
      </c>
      <c r="E71035" s="1" t="s">
        <v>237351</v>
      </c>
      <c r="F71035" s="1" t="s">
        <v>237352</v>
      </c>
      <c r="G71035" s="1" t="s">
        <v>237293</v>
      </c>
      <c r="H71035" s="1" t="s">
        <v>237294</v>
      </c>
      <c r="I71035" s="1" t="s">
        <v>222698</v>
      </c>
      <c r="J71035" s="1" t="s">
        <v>237353</v>
      </c>
    </row>
    <row r="71036" spans="1:10" x14ac:dyDescent="0.35">
      <c r="A71036" s="1" t="s">
        <v>27851</v>
      </c>
      <c r="B71036" s="1" t="s">
        <v>222693</v>
      </c>
      <c r="C71036" s="1" t="s">
        <v>100</v>
      </c>
      <c r="D71036" s="1" t="s">
        <v>92464</v>
      </c>
      <c r="E71036" s="1" t="s">
        <v>237354</v>
      </c>
      <c r="F71036" s="1" t="s">
        <v>237355</v>
      </c>
      <c r="G71036" s="1" t="s">
        <v>237293</v>
      </c>
      <c r="H71036" s="1" t="s">
        <v>237294</v>
      </c>
      <c r="I71036" s="1" t="s">
        <v>222698</v>
      </c>
      <c r="J71036" s="1" t="s">
        <v>237356</v>
      </c>
    </row>
    <row r="71037" spans="1:10" x14ac:dyDescent="0.35">
      <c r="A71037" s="1" t="s">
        <v>27851</v>
      </c>
      <c r="B71037" s="1" t="s">
        <v>222693</v>
      </c>
      <c r="C71037" s="1" t="s">
        <v>105</v>
      </c>
      <c r="D71037" s="1" t="s">
        <v>237357</v>
      </c>
      <c r="E71037" s="1" t="s">
        <v>237358</v>
      </c>
      <c r="F71037" s="1" t="s">
        <v>237359</v>
      </c>
      <c r="G71037" s="1" t="s">
        <v>237293</v>
      </c>
      <c r="H71037" s="1" t="s">
        <v>237294</v>
      </c>
      <c r="I71037" s="1" t="s">
        <v>222698</v>
      </c>
      <c r="J71037" s="1" t="s">
        <v>237360</v>
      </c>
    </row>
    <row r="71038" spans="1:10" x14ac:dyDescent="0.35">
      <c r="A71038" s="1" t="s">
        <v>27851</v>
      </c>
      <c r="B71038" s="1" t="s">
        <v>222693</v>
      </c>
      <c r="C71038" s="1" t="s">
        <v>110</v>
      </c>
      <c r="D71038" s="1" t="s">
        <v>237361</v>
      </c>
      <c r="E71038" s="1" t="s">
        <v>237362</v>
      </c>
      <c r="F71038" s="1" t="s">
        <v>237363</v>
      </c>
      <c r="G71038" s="1" t="s">
        <v>237293</v>
      </c>
      <c r="H71038" s="1" t="s">
        <v>237294</v>
      </c>
      <c r="I71038" s="1" t="s">
        <v>222698</v>
      </c>
      <c r="J71038" s="1" t="s">
        <v>237364</v>
      </c>
    </row>
    <row r="71039" spans="1:10" x14ac:dyDescent="0.35">
      <c r="A71039" s="1" t="s">
        <v>27851</v>
      </c>
      <c r="B71039" s="1" t="s">
        <v>222693</v>
      </c>
      <c r="C71039" s="1" t="s">
        <v>115</v>
      </c>
      <c r="D71039" s="1" t="s">
        <v>76787</v>
      </c>
      <c r="E71039" s="1" t="s">
        <v>237365</v>
      </c>
      <c r="F71039" s="1" t="s">
        <v>237366</v>
      </c>
      <c r="G71039" s="1" t="s">
        <v>237293</v>
      </c>
      <c r="H71039" s="1" t="s">
        <v>237294</v>
      </c>
      <c r="I71039" s="1" t="s">
        <v>222698</v>
      </c>
      <c r="J71039" s="1" t="s">
        <v>237367</v>
      </c>
    </row>
    <row r="71040" spans="1:10" x14ac:dyDescent="0.35">
      <c r="A71040" s="1" t="s">
        <v>27851</v>
      </c>
      <c r="B71040" s="1" t="s">
        <v>222693</v>
      </c>
      <c r="C71040" s="1" t="s">
        <v>120</v>
      </c>
      <c r="D71040" s="1" t="s">
        <v>131563</v>
      </c>
      <c r="E71040" s="1" t="s">
        <v>237368</v>
      </c>
      <c r="F71040" s="1" t="s">
        <v>237369</v>
      </c>
      <c r="G71040" s="1" t="s">
        <v>237293</v>
      </c>
      <c r="H71040" s="1" t="s">
        <v>237294</v>
      </c>
      <c r="I71040" s="1" t="s">
        <v>222698</v>
      </c>
      <c r="J71040" s="1" t="s">
        <v>237370</v>
      </c>
    </row>
    <row r="71041" spans="1:10" x14ac:dyDescent="0.35">
      <c r="A71041" s="1" t="s">
        <v>27851</v>
      </c>
      <c r="B71041" s="1" t="s">
        <v>222693</v>
      </c>
      <c r="C71041" s="1" t="s">
        <v>125</v>
      </c>
      <c r="D71041" s="1" t="s">
        <v>232558</v>
      </c>
      <c r="E71041" s="1" t="s">
        <v>237371</v>
      </c>
      <c r="F71041" s="1" t="s">
        <v>237372</v>
      </c>
      <c r="G71041" s="1" t="s">
        <v>237293</v>
      </c>
      <c r="H71041" s="1" t="s">
        <v>237294</v>
      </c>
      <c r="I71041" s="1" t="s">
        <v>222698</v>
      </c>
      <c r="J71041" s="1" t="s">
        <v>237373</v>
      </c>
    </row>
    <row r="71042" spans="1:10" x14ac:dyDescent="0.35">
      <c r="A71042" s="1" t="s">
        <v>27851</v>
      </c>
      <c r="B71042" s="1" t="s">
        <v>222693</v>
      </c>
      <c r="C71042" s="1" t="s">
        <v>130</v>
      </c>
      <c r="D71042" s="1" t="s">
        <v>103627</v>
      </c>
      <c r="E71042" s="1" t="s">
        <v>237374</v>
      </c>
      <c r="F71042" s="1" t="s">
        <v>237375</v>
      </c>
      <c r="G71042" s="1" t="s">
        <v>237293</v>
      </c>
      <c r="H71042" s="1" t="s">
        <v>237294</v>
      </c>
      <c r="I71042" s="1" t="s">
        <v>222698</v>
      </c>
      <c r="J71042" s="1" t="s">
        <v>237376</v>
      </c>
    </row>
    <row r="71043" spans="1:10" x14ac:dyDescent="0.35">
      <c r="A71043" s="1" t="s">
        <v>27851</v>
      </c>
      <c r="B71043" s="1" t="s">
        <v>222693</v>
      </c>
      <c r="C71043" s="1" t="s">
        <v>135</v>
      </c>
      <c r="D71043" s="1" t="s">
        <v>12605</v>
      </c>
      <c r="E71043" s="1" t="s">
        <v>237377</v>
      </c>
      <c r="F71043" s="1" t="s">
        <v>237378</v>
      </c>
      <c r="G71043" s="1" t="s">
        <v>237293</v>
      </c>
      <c r="H71043" s="1" t="s">
        <v>237294</v>
      </c>
      <c r="I71043" s="1" t="s">
        <v>222698</v>
      </c>
      <c r="J71043" s="1" t="s">
        <v>237379</v>
      </c>
    </row>
    <row r="71044" spans="1:10" x14ac:dyDescent="0.35">
      <c r="A71044" s="1" t="s">
        <v>27851</v>
      </c>
      <c r="B71044" s="1" t="s">
        <v>222693</v>
      </c>
      <c r="C71044" s="1" t="s">
        <v>140</v>
      </c>
      <c r="D71044" s="1" t="s">
        <v>22738</v>
      </c>
      <c r="E71044" s="1" t="s">
        <v>237380</v>
      </c>
      <c r="F71044" s="1" t="s">
        <v>237381</v>
      </c>
      <c r="G71044" s="1" t="s">
        <v>237293</v>
      </c>
      <c r="H71044" s="1" t="s">
        <v>237294</v>
      </c>
      <c r="I71044" s="1" t="s">
        <v>222698</v>
      </c>
      <c r="J71044" s="1" t="s">
        <v>237382</v>
      </c>
    </row>
    <row r="71045" spans="1:10" x14ac:dyDescent="0.35">
      <c r="A71045" s="1" t="s">
        <v>27851</v>
      </c>
      <c r="B71045" s="1" t="s">
        <v>222693</v>
      </c>
      <c r="C71045" s="1" t="s">
        <v>145</v>
      </c>
      <c r="D71045" s="1" t="s">
        <v>237383</v>
      </c>
      <c r="E71045" s="1" t="s">
        <v>237384</v>
      </c>
      <c r="F71045" s="1" t="s">
        <v>237385</v>
      </c>
      <c r="G71045" s="1" t="s">
        <v>237293</v>
      </c>
      <c r="H71045" s="1" t="s">
        <v>237294</v>
      </c>
      <c r="I71045" s="1" t="s">
        <v>222698</v>
      </c>
      <c r="J71045" s="1" t="s">
        <v>237386</v>
      </c>
    </row>
    <row r="71046" spans="1:10" x14ac:dyDescent="0.35">
      <c r="A71046" s="1" t="s">
        <v>27851</v>
      </c>
      <c r="B71046" s="1" t="s">
        <v>222693</v>
      </c>
      <c r="C71046" s="1" t="s">
        <v>150</v>
      </c>
      <c r="D71046" s="1" t="s">
        <v>237387</v>
      </c>
      <c r="E71046" s="1" t="s">
        <v>237388</v>
      </c>
      <c r="F71046" s="1" t="s">
        <v>237389</v>
      </c>
      <c r="G71046" s="1" t="s">
        <v>237293</v>
      </c>
      <c r="H71046" s="1" t="s">
        <v>237294</v>
      </c>
      <c r="I71046" s="1" t="s">
        <v>222698</v>
      </c>
      <c r="J71046" s="1" t="s">
        <v>237390</v>
      </c>
    </row>
    <row r="71047" spans="1:10" x14ac:dyDescent="0.35">
      <c r="A71047" s="1" t="s">
        <v>27851</v>
      </c>
      <c r="B71047" s="1" t="s">
        <v>222693</v>
      </c>
      <c r="C71047" s="1" t="s">
        <v>155</v>
      </c>
      <c r="D71047" s="1" t="s">
        <v>237391</v>
      </c>
      <c r="E71047" s="1" t="s">
        <v>237392</v>
      </c>
      <c r="F71047" s="1" t="s">
        <v>237393</v>
      </c>
      <c r="G71047" s="1" t="s">
        <v>237293</v>
      </c>
      <c r="H71047" s="1" t="s">
        <v>237294</v>
      </c>
      <c r="I71047" s="1" t="s">
        <v>222698</v>
      </c>
      <c r="J71047" s="1" t="s">
        <v>237394</v>
      </c>
    </row>
    <row r="71048" spans="1:10" x14ac:dyDescent="0.35">
      <c r="A71048" s="1" t="s">
        <v>27851</v>
      </c>
      <c r="B71048" s="1" t="s">
        <v>222693</v>
      </c>
      <c r="C71048" s="1" t="s">
        <v>160</v>
      </c>
      <c r="D71048" s="1" t="s">
        <v>237395</v>
      </c>
      <c r="E71048" s="1" t="s">
        <v>237396</v>
      </c>
      <c r="F71048" s="1" t="s">
        <v>237397</v>
      </c>
      <c r="G71048" s="1" t="s">
        <v>237293</v>
      </c>
      <c r="H71048" s="1" t="s">
        <v>237294</v>
      </c>
      <c r="I71048" s="1" t="s">
        <v>222698</v>
      </c>
      <c r="J71048" s="1" t="s">
        <v>237398</v>
      </c>
    </row>
    <row r="71049" spans="1:10" x14ac:dyDescent="0.35">
      <c r="A71049" s="1" t="s">
        <v>27851</v>
      </c>
      <c r="B71049" s="1" t="s">
        <v>222693</v>
      </c>
      <c r="C71049" s="1" t="s">
        <v>165</v>
      </c>
      <c r="D71049" s="1" t="s">
        <v>237399</v>
      </c>
      <c r="E71049" s="1" t="s">
        <v>237400</v>
      </c>
      <c r="F71049" s="1" t="s">
        <v>237401</v>
      </c>
      <c r="G71049" s="1" t="s">
        <v>237293</v>
      </c>
      <c r="H71049" s="1" t="s">
        <v>237294</v>
      </c>
      <c r="I71049" s="1" t="s">
        <v>222698</v>
      </c>
      <c r="J71049" s="1" t="s">
        <v>237402</v>
      </c>
    </row>
    <row r="71050" spans="1:10" x14ac:dyDescent="0.35">
      <c r="A71050" s="1" t="s">
        <v>27851</v>
      </c>
      <c r="B71050" s="1" t="s">
        <v>222693</v>
      </c>
      <c r="C71050" s="1" t="s">
        <v>170</v>
      </c>
      <c r="D71050" s="1" t="s">
        <v>237403</v>
      </c>
      <c r="E71050" s="1" t="s">
        <v>237404</v>
      </c>
      <c r="F71050" s="1" t="s">
        <v>237405</v>
      </c>
      <c r="G71050" s="1" t="s">
        <v>237293</v>
      </c>
      <c r="H71050" s="1" t="s">
        <v>237294</v>
      </c>
      <c r="I71050" s="1" t="s">
        <v>222698</v>
      </c>
      <c r="J71050" s="1" t="s">
        <v>237406</v>
      </c>
    </row>
    <row r="71051" spans="1:10" x14ac:dyDescent="0.35">
      <c r="A71051" s="1" t="s">
        <v>27648</v>
      </c>
      <c r="B71051" s="1" t="s">
        <v>222693</v>
      </c>
      <c r="C71051" s="1" t="s">
        <v>8</v>
      </c>
      <c r="D71051" s="1" t="s">
        <v>237407</v>
      </c>
      <c r="E71051" s="1" t="s">
        <v>237408</v>
      </c>
      <c r="F71051" s="1" t="s">
        <v>237409</v>
      </c>
      <c r="G71051" s="1" t="s">
        <v>237410</v>
      </c>
      <c r="H71051" s="1" t="s">
        <v>237411</v>
      </c>
      <c r="I71051" s="1" t="s">
        <v>222698</v>
      </c>
      <c r="J71051" s="1" t="s">
        <v>13</v>
      </c>
    </row>
    <row r="71052" spans="1:10" x14ac:dyDescent="0.35">
      <c r="A71052" s="1" t="s">
        <v>27648</v>
      </c>
      <c r="B71052" s="1" t="s">
        <v>222693</v>
      </c>
      <c r="C71052" s="1" t="s">
        <v>15</v>
      </c>
      <c r="D71052" s="1" t="s">
        <v>237412</v>
      </c>
      <c r="E71052" s="1" t="s">
        <v>237413</v>
      </c>
      <c r="F71052" s="1" t="s">
        <v>237414</v>
      </c>
      <c r="G71052" s="1" t="s">
        <v>237410</v>
      </c>
      <c r="H71052" s="1" t="s">
        <v>237411</v>
      </c>
      <c r="I71052" s="1" t="s">
        <v>222698</v>
      </c>
      <c r="J71052" s="1" t="s">
        <v>237415</v>
      </c>
    </row>
    <row r="71053" spans="1:10" x14ac:dyDescent="0.35">
      <c r="A71053" s="1" t="s">
        <v>27648</v>
      </c>
      <c r="B71053" s="1" t="s">
        <v>222693</v>
      </c>
      <c r="C71053" s="1" t="s">
        <v>20</v>
      </c>
      <c r="D71053" s="1" t="s">
        <v>237147</v>
      </c>
      <c r="E71053" s="1" t="s">
        <v>237416</v>
      </c>
      <c r="F71053" s="1" t="s">
        <v>237417</v>
      </c>
      <c r="G71053" s="1" t="s">
        <v>237410</v>
      </c>
      <c r="H71053" s="1" t="s">
        <v>237411</v>
      </c>
      <c r="I71053" s="1" t="s">
        <v>222698</v>
      </c>
      <c r="J71053" s="1" t="s">
        <v>237418</v>
      </c>
    </row>
    <row r="71054" spans="1:10" x14ac:dyDescent="0.35">
      <c r="A71054" s="1" t="s">
        <v>27648</v>
      </c>
      <c r="B71054" s="1" t="s">
        <v>222693</v>
      </c>
      <c r="C71054" s="1" t="s">
        <v>25</v>
      </c>
      <c r="D71054" s="1" t="s">
        <v>237419</v>
      </c>
      <c r="E71054" s="1" t="s">
        <v>237420</v>
      </c>
      <c r="F71054" s="1" t="s">
        <v>237421</v>
      </c>
      <c r="G71054" s="1" t="s">
        <v>237410</v>
      </c>
      <c r="H71054" s="1" t="s">
        <v>237411</v>
      </c>
      <c r="I71054" s="1" t="s">
        <v>222698</v>
      </c>
      <c r="J71054" s="1" t="s">
        <v>237422</v>
      </c>
    </row>
    <row r="71055" spans="1:10" x14ac:dyDescent="0.35">
      <c r="A71055" s="1" t="s">
        <v>27648</v>
      </c>
      <c r="B71055" s="1" t="s">
        <v>222693</v>
      </c>
      <c r="C71055" s="1" t="s">
        <v>30</v>
      </c>
      <c r="D71055" s="1" t="s">
        <v>78956</v>
      </c>
      <c r="E71055" s="1" t="s">
        <v>237423</v>
      </c>
      <c r="F71055" s="1" t="s">
        <v>237424</v>
      </c>
      <c r="G71055" s="1" t="s">
        <v>237410</v>
      </c>
      <c r="H71055" s="1" t="s">
        <v>237411</v>
      </c>
      <c r="I71055" s="1" t="s">
        <v>222698</v>
      </c>
      <c r="J71055" s="1" t="s">
        <v>237425</v>
      </c>
    </row>
    <row r="71056" spans="1:10" x14ac:dyDescent="0.35">
      <c r="A71056" s="1" t="s">
        <v>27648</v>
      </c>
      <c r="B71056" s="1" t="s">
        <v>222693</v>
      </c>
      <c r="C71056" s="1" t="s">
        <v>35</v>
      </c>
      <c r="D71056" s="1" t="s">
        <v>79390</v>
      </c>
      <c r="E71056" s="1" t="s">
        <v>237426</v>
      </c>
      <c r="F71056" s="1" t="s">
        <v>237427</v>
      </c>
      <c r="G71056" s="1" t="s">
        <v>237410</v>
      </c>
      <c r="H71056" s="1" t="s">
        <v>237411</v>
      </c>
      <c r="I71056" s="1" t="s">
        <v>222698</v>
      </c>
      <c r="J71056" s="1" t="s">
        <v>237428</v>
      </c>
    </row>
    <row r="71057" spans="1:10" x14ac:dyDescent="0.35">
      <c r="A71057" s="1" t="s">
        <v>27648</v>
      </c>
      <c r="B71057" s="1" t="s">
        <v>222693</v>
      </c>
      <c r="C71057" s="1" t="s">
        <v>40</v>
      </c>
      <c r="D71057" s="1" t="s">
        <v>237429</v>
      </c>
      <c r="E71057" s="1" t="s">
        <v>237430</v>
      </c>
      <c r="F71057" s="1" t="s">
        <v>237431</v>
      </c>
      <c r="G71057" s="1" t="s">
        <v>237410</v>
      </c>
      <c r="H71057" s="1" t="s">
        <v>237411</v>
      </c>
      <c r="I71057" s="1" t="s">
        <v>222698</v>
      </c>
      <c r="J71057" s="1" t="s">
        <v>237432</v>
      </c>
    </row>
    <row r="71058" spans="1:10" x14ac:dyDescent="0.35">
      <c r="A71058" s="1" t="s">
        <v>27648</v>
      </c>
      <c r="B71058" s="1" t="s">
        <v>222693</v>
      </c>
      <c r="C71058" s="1" t="s">
        <v>45</v>
      </c>
      <c r="D71058" s="1" t="s">
        <v>8225</v>
      </c>
      <c r="E71058" s="1" t="s">
        <v>237433</v>
      </c>
      <c r="F71058" s="1" t="s">
        <v>237434</v>
      </c>
      <c r="G71058" s="1" t="s">
        <v>237410</v>
      </c>
      <c r="H71058" s="1" t="s">
        <v>237411</v>
      </c>
      <c r="I71058" s="1" t="s">
        <v>222698</v>
      </c>
      <c r="J71058" s="1" t="s">
        <v>237435</v>
      </c>
    </row>
    <row r="71059" spans="1:10" x14ac:dyDescent="0.35">
      <c r="A71059" s="1" t="s">
        <v>27648</v>
      </c>
      <c r="B71059" s="1" t="s">
        <v>222693</v>
      </c>
      <c r="C71059" s="1" t="s">
        <v>50</v>
      </c>
      <c r="D71059" s="1" t="s">
        <v>237436</v>
      </c>
      <c r="E71059" s="1" t="s">
        <v>237437</v>
      </c>
      <c r="F71059" s="1" t="s">
        <v>237438</v>
      </c>
      <c r="G71059" s="1" t="s">
        <v>237410</v>
      </c>
      <c r="H71059" s="1" t="s">
        <v>237411</v>
      </c>
      <c r="I71059" s="1" t="s">
        <v>222698</v>
      </c>
      <c r="J71059" s="1" t="s">
        <v>237439</v>
      </c>
    </row>
    <row r="71060" spans="1:10" x14ac:dyDescent="0.35">
      <c r="A71060" s="1" t="s">
        <v>27648</v>
      </c>
      <c r="B71060" s="1" t="s">
        <v>222693</v>
      </c>
      <c r="C71060" s="1" t="s">
        <v>55</v>
      </c>
      <c r="D71060" s="1" t="s">
        <v>237440</v>
      </c>
      <c r="E71060" s="1" t="s">
        <v>237441</v>
      </c>
      <c r="F71060" s="1" t="s">
        <v>237442</v>
      </c>
      <c r="G71060" s="1" t="s">
        <v>237410</v>
      </c>
      <c r="H71060" s="1" t="s">
        <v>237411</v>
      </c>
      <c r="I71060" s="1" t="s">
        <v>222698</v>
      </c>
      <c r="J71060" s="1" t="s">
        <v>237443</v>
      </c>
    </row>
    <row r="71061" spans="1:10" x14ac:dyDescent="0.35">
      <c r="A71061" s="1" t="s">
        <v>27648</v>
      </c>
      <c r="B71061" s="1" t="s">
        <v>222693</v>
      </c>
      <c r="C71061" s="1" t="s">
        <v>60</v>
      </c>
      <c r="D71061" s="1" t="s">
        <v>23846</v>
      </c>
      <c r="E71061" s="1" t="s">
        <v>237444</v>
      </c>
      <c r="F71061" s="1" t="s">
        <v>237445</v>
      </c>
      <c r="G71061" s="1" t="s">
        <v>237410</v>
      </c>
      <c r="H71061" s="1" t="s">
        <v>237411</v>
      </c>
      <c r="I71061" s="1" t="s">
        <v>222698</v>
      </c>
      <c r="J71061" s="1" t="s">
        <v>237446</v>
      </c>
    </row>
    <row r="71062" spans="1:10" x14ac:dyDescent="0.35">
      <c r="A71062" s="1" t="s">
        <v>27648</v>
      </c>
      <c r="B71062" s="1" t="s">
        <v>222693</v>
      </c>
      <c r="C71062" s="1" t="s">
        <v>65</v>
      </c>
      <c r="D71062" s="1" t="s">
        <v>237447</v>
      </c>
      <c r="E71062" s="1" t="s">
        <v>237448</v>
      </c>
      <c r="F71062" s="1" t="s">
        <v>237449</v>
      </c>
      <c r="G71062" s="1" t="s">
        <v>237410</v>
      </c>
      <c r="H71062" s="1" t="s">
        <v>237411</v>
      </c>
      <c r="I71062" s="1" t="s">
        <v>222698</v>
      </c>
      <c r="J71062" s="1" t="s">
        <v>237450</v>
      </c>
    </row>
    <row r="71063" spans="1:10" x14ac:dyDescent="0.35">
      <c r="A71063" s="1" t="s">
        <v>27648</v>
      </c>
      <c r="B71063" s="1" t="s">
        <v>222693</v>
      </c>
      <c r="C71063" s="1" t="s">
        <v>70</v>
      </c>
      <c r="D71063" s="1" t="s">
        <v>64372</v>
      </c>
      <c r="E71063" s="1" t="s">
        <v>237451</v>
      </c>
      <c r="F71063" s="1" t="s">
        <v>237452</v>
      </c>
      <c r="G71063" s="1" t="s">
        <v>237410</v>
      </c>
      <c r="H71063" s="1" t="s">
        <v>237411</v>
      </c>
      <c r="I71063" s="1" t="s">
        <v>222698</v>
      </c>
      <c r="J71063" s="1" t="s">
        <v>237453</v>
      </c>
    </row>
    <row r="71064" spans="1:10" x14ac:dyDescent="0.35">
      <c r="A71064" s="1" t="s">
        <v>27648</v>
      </c>
      <c r="B71064" s="1" t="s">
        <v>222693</v>
      </c>
      <c r="C71064" s="1" t="s">
        <v>75</v>
      </c>
      <c r="D71064" s="1" t="s">
        <v>235047</v>
      </c>
      <c r="E71064" s="1" t="s">
        <v>237454</v>
      </c>
      <c r="F71064" s="1" t="s">
        <v>237455</v>
      </c>
      <c r="G71064" s="1" t="s">
        <v>237410</v>
      </c>
      <c r="H71064" s="1" t="s">
        <v>237411</v>
      </c>
      <c r="I71064" s="1" t="s">
        <v>222698</v>
      </c>
      <c r="J71064" s="1" t="s">
        <v>237456</v>
      </c>
    </row>
    <row r="71065" spans="1:10" x14ac:dyDescent="0.35">
      <c r="A71065" s="1" t="s">
        <v>27648</v>
      </c>
      <c r="B71065" s="1" t="s">
        <v>222693</v>
      </c>
      <c r="C71065" s="1" t="s">
        <v>80</v>
      </c>
      <c r="D71065" s="1" t="s">
        <v>62592</v>
      </c>
      <c r="E71065" s="1" t="s">
        <v>237457</v>
      </c>
      <c r="F71065" s="1" t="s">
        <v>237458</v>
      </c>
      <c r="G71065" s="1" t="s">
        <v>237410</v>
      </c>
      <c r="H71065" s="1" t="s">
        <v>237411</v>
      </c>
      <c r="I71065" s="1" t="s">
        <v>222698</v>
      </c>
      <c r="J71065" s="1" t="s">
        <v>237459</v>
      </c>
    </row>
    <row r="71066" spans="1:10" x14ac:dyDescent="0.35">
      <c r="A71066" s="1" t="s">
        <v>27648</v>
      </c>
      <c r="B71066" s="1" t="s">
        <v>222693</v>
      </c>
      <c r="C71066" s="1" t="s">
        <v>85</v>
      </c>
      <c r="D71066" s="1" t="s">
        <v>131887</v>
      </c>
      <c r="E71066" s="1" t="s">
        <v>237460</v>
      </c>
      <c r="F71066" s="1" t="s">
        <v>237461</v>
      </c>
      <c r="G71066" s="1" t="s">
        <v>237410</v>
      </c>
      <c r="H71066" s="1" t="s">
        <v>237411</v>
      </c>
      <c r="I71066" s="1" t="s">
        <v>222698</v>
      </c>
      <c r="J71066" s="1" t="s">
        <v>237462</v>
      </c>
    </row>
    <row r="71067" spans="1:10" x14ac:dyDescent="0.35">
      <c r="A71067" s="1" t="s">
        <v>27648</v>
      </c>
      <c r="B71067" s="1" t="s">
        <v>222693</v>
      </c>
      <c r="C71067" s="1" t="s">
        <v>90</v>
      </c>
      <c r="D71067" s="1" t="s">
        <v>132391</v>
      </c>
      <c r="E71067" s="1" t="s">
        <v>237463</v>
      </c>
      <c r="F71067" s="1" t="s">
        <v>237464</v>
      </c>
      <c r="G71067" s="1" t="s">
        <v>237410</v>
      </c>
      <c r="H71067" s="1" t="s">
        <v>237411</v>
      </c>
      <c r="I71067" s="1" t="s">
        <v>222698</v>
      </c>
      <c r="J71067" s="1" t="s">
        <v>237465</v>
      </c>
    </row>
    <row r="71068" spans="1:10" x14ac:dyDescent="0.35">
      <c r="A71068" s="1" t="s">
        <v>27648</v>
      </c>
      <c r="B71068" s="1" t="s">
        <v>222693</v>
      </c>
      <c r="C71068" s="1" t="s">
        <v>95</v>
      </c>
      <c r="D71068" s="1" t="s">
        <v>237466</v>
      </c>
      <c r="E71068" s="1" t="s">
        <v>237467</v>
      </c>
      <c r="F71068" s="1" t="s">
        <v>237468</v>
      </c>
      <c r="G71068" s="1" t="s">
        <v>237410</v>
      </c>
      <c r="H71068" s="1" t="s">
        <v>237411</v>
      </c>
      <c r="I71068" s="1" t="s">
        <v>222698</v>
      </c>
      <c r="J71068" s="1" t="s">
        <v>237469</v>
      </c>
    </row>
    <row r="71069" spans="1:10" x14ac:dyDescent="0.35">
      <c r="A71069" s="1" t="s">
        <v>27648</v>
      </c>
      <c r="B71069" s="1" t="s">
        <v>222693</v>
      </c>
      <c r="C71069" s="1" t="s">
        <v>100</v>
      </c>
      <c r="D71069" s="1" t="s">
        <v>237470</v>
      </c>
      <c r="E71069" s="1" t="s">
        <v>237471</v>
      </c>
      <c r="F71069" s="1" t="s">
        <v>237472</v>
      </c>
      <c r="G71069" s="1" t="s">
        <v>237410</v>
      </c>
      <c r="H71069" s="1" t="s">
        <v>237411</v>
      </c>
      <c r="I71069" s="1" t="s">
        <v>222698</v>
      </c>
      <c r="J71069" s="1" t="s">
        <v>237473</v>
      </c>
    </row>
    <row r="71070" spans="1:10" x14ac:dyDescent="0.35">
      <c r="A71070" s="1" t="s">
        <v>27648</v>
      </c>
      <c r="B71070" s="1" t="s">
        <v>222693</v>
      </c>
      <c r="C71070" s="1" t="s">
        <v>105</v>
      </c>
      <c r="D71070" s="1" t="s">
        <v>237474</v>
      </c>
      <c r="E71070" s="1" t="s">
        <v>237475</v>
      </c>
      <c r="F71070" s="1" t="s">
        <v>237476</v>
      </c>
      <c r="G71070" s="1" t="s">
        <v>237410</v>
      </c>
      <c r="H71070" s="1" t="s">
        <v>237411</v>
      </c>
      <c r="I71070" s="1" t="s">
        <v>222698</v>
      </c>
      <c r="J71070" s="1" t="s">
        <v>237477</v>
      </c>
    </row>
    <row r="71071" spans="1:10" x14ac:dyDescent="0.35">
      <c r="A71071" s="1" t="s">
        <v>27648</v>
      </c>
      <c r="B71071" s="1" t="s">
        <v>222693</v>
      </c>
      <c r="C71071" s="1" t="s">
        <v>110</v>
      </c>
      <c r="D71071" s="1" t="s">
        <v>237478</v>
      </c>
      <c r="E71071" s="1" t="s">
        <v>237479</v>
      </c>
      <c r="F71071" s="1" t="s">
        <v>237480</v>
      </c>
      <c r="G71071" s="1" t="s">
        <v>237410</v>
      </c>
      <c r="H71071" s="1" t="s">
        <v>237411</v>
      </c>
      <c r="I71071" s="1" t="s">
        <v>222698</v>
      </c>
      <c r="J71071" s="1" t="s">
        <v>237481</v>
      </c>
    </row>
    <row r="71072" spans="1:10" x14ac:dyDescent="0.35">
      <c r="A71072" s="1" t="s">
        <v>27648</v>
      </c>
      <c r="B71072" s="1" t="s">
        <v>222693</v>
      </c>
      <c r="C71072" s="1" t="s">
        <v>115</v>
      </c>
      <c r="D71072" s="1" t="s">
        <v>237482</v>
      </c>
      <c r="E71072" s="1" t="s">
        <v>237483</v>
      </c>
      <c r="F71072" s="1" t="s">
        <v>237484</v>
      </c>
      <c r="G71072" s="1" t="s">
        <v>237410</v>
      </c>
      <c r="H71072" s="1" t="s">
        <v>237411</v>
      </c>
      <c r="I71072" s="1" t="s">
        <v>222698</v>
      </c>
      <c r="J71072" s="1" t="s">
        <v>237485</v>
      </c>
    </row>
    <row r="71073" spans="1:10" x14ac:dyDescent="0.35">
      <c r="A71073" s="1" t="s">
        <v>27648</v>
      </c>
      <c r="B71073" s="1" t="s">
        <v>222693</v>
      </c>
      <c r="C71073" s="1" t="s">
        <v>120</v>
      </c>
      <c r="D71073" s="1" t="s">
        <v>237486</v>
      </c>
      <c r="E71073" s="1" t="s">
        <v>237487</v>
      </c>
      <c r="F71073" s="1" t="s">
        <v>237488</v>
      </c>
      <c r="G71073" s="1" t="s">
        <v>237410</v>
      </c>
      <c r="H71073" s="1" t="s">
        <v>237411</v>
      </c>
      <c r="I71073" s="1" t="s">
        <v>222698</v>
      </c>
      <c r="J71073" s="1" t="s">
        <v>237489</v>
      </c>
    </row>
    <row r="71074" spans="1:10" x14ac:dyDescent="0.35">
      <c r="A71074" s="1" t="s">
        <v>27648</v>
      </c>
      <c r="B71074" s="1" t="s">
        <v>222693</v>
      </c>
      <c r="C71074" s="1" t="s">
        <v>125</v>
      </c>
      <c r="D71074" s="1" t="s">
        <v>237490</v>
      </c>
      <c r="E71074" s="1" t="s">
        <v>237491</v>
      </c>
      <c r="F71074" s="1" t="s">
        <v>237492</v>
      </c>
      <c r="G71074" s="1" t="s">
        <v>237410</v>
      </c>
      <c r="H71074" s="1" t="s">
        <v>237411</v>
      </c>
      <c r="I71074" s="1" t="s">
        <v>222698</v>
      </c>
      <c r="J71074" s="1" t="s">
        <v>237493</v>
      </c>
    </row>
    <row r="71075" spans="1:10" x14ac:dyDescent="0.35">
      <c r="A71075" s="1" t="s">
        <v>27648</v>
      </c>
      <c r="B71075" s="1" t="s">
        <v>222693</v>
      </c>
      <c r="C71075" s="1" t="s">
        <v>130</v>
      </c>
      <c r="D71075" s="1" t="s">
        <v>237494</v>
      </c>
      <c r="E71075" s="1" t="s">
        <v>237495</v>
      </c>
      <c r="F71075" s="1" t="s">
        <v>237496</v>
      </c>
      <c r="G71075" s="1" t="s">
        <v>237410</v>
      </c>
      <c r="H71075" s="1" t="s">
        <v>237411</v>
      </c>
      <c r="I71075" s="1" t="s">
        <v>222698</v>
      </c>
      <c r="J71075" s="1" t="s">
        <v>237497</v>
      </c>
    </row>
    <row r="71076" spans="1:10" x14ac:dyDescent="0.35">
      <c r="A71076" s="1" t="s">
        <v>27648</v>
      </c>
      <c r="B71076" s="1" t="s">
        <v>222693</v>
      </c>
      <c r="C71076" s="1" t="s">
        <v>135</v>
      </c>
      <c r="D71076" s="1" t="s">
        <v>101013</v>
      </c>
      <c r="E71076" s="1" t="s">
        <v>237498</v>
      </c>
      <c r="F71076" s="1" t="s">
        <v>237499</v>
      </c>
      <c r="G71076" s="1" t="s">
        <v>237410</v>
      </c>
      <c r="H71076" s="1" t="s">
        <v>237411</v>
      </c>
      <c r="I71076" s="1" t="s">
        <v>222698</v>
      </c>
      <c r="J71076" s="1" t="s">
        <v>237500</v>
      </c>
    </row>
    <row r="71077" spans="1:10" x14ac:dyDescent="0.35">
      <c r="A71077" s="1" t="s">
        <v>27648</v>
      </c>
      <c r="B71077" s="1" t="s">
        <v>222693</v>
      </c>
      <c r="C71077" s="1" t="s">
        <v>140</v>
      </c>
      <c r="D71077" s="1" t="s">
        <v>237501</v>
      </c>
      <c r="E71077" s="1" t="s">
        <v>237502</v>
      </c>
      <c r="F71077" s="1" t="s">
        <v>237503</v>
      </c>
      <c r="G71077" s="1" t="s">
        <v>237410</v>
      </c>
      <c r="H71077" s="1" t="s">
        <v>237411</v>
      </c>
      <c r="I71077" s="1" t="s">
        <v>222698</v>
      </c>
      <c r="J71077" s="1" t="s">
        <v>237504</v>
      </c>
    </row>
    <row r="71078" spans="1:10" x14ac:dyDescent="0.35">
      <c r="A71078" s="1" t="s">
        <v>27648</v>
      </c>
      <c r="B71078" s="1" t="s">
        <v>222693</v>
      </c>
      <c r="C71078" s="1" t="s">
        <v>145</v>
      </c>
      <c r="D71078" s="1" t="s">
        <v>237505</v>
      </c>
      <c r="E71078" s="1" t="s">
        <v>237506</v>
      </c>
      <c r="F71078" s="1" t="s">
        <v>237507</v>
      </c>
      <c r="G71078" s="1" t="s">
        <v>237410</v>
      </c>
      <c r="H71078" s="1" t="s">
        <v>237411</v>
      </c>
      <c r="I71078" s="1" t="s">
        <v>222698</v>
      </c>
      <c r="J71078" s="1" t="s">
        <v>237508</v>
      </c>
    </row>
    <row r="71079" spans="1:10" x14ac:dyDescent="0.35">
      <c r="A71079" s="1" t="s">
        <v>27648</v>
      </c>
      <c r="B71079" s="1" t="s">
        <v>222693</v>
      </c>
      <c r="C71079" s="1" t="s">
        <v>150</v>
      </c>
      <c r="D71079" s="1" t="s">
        <v>237509</v>
      </c>
      <c r="E71079" s="1" t="s">
        <v>237510</v>
      </c>
      <c r="F71079" s="1" t="s">
        <v>237511</v>
      </c>
      <c r="G71079" s="1" t="s">
        <v>237410</v>
      </c>
      <c r="H71079" s="1" t="s">
        <v>237411</v>
      </c>
      <c r="I71079" s="1" t="s">
        <v>222698</v>
      </c>
      <c r="J71079" s="1" t="s">
        <v>237512</v>
      </c>
    </row>
    <row r="71080" spans="1:10" x14ac:dyDescent="0.35">
      <c r="A71080" s="1" t="s">
        <v>27648</v>
      </c>
      <c r="B71080" s="1" t="s">
        <v>222693</v>
      </c>
      <c r="C71080" s="1" t="s">
        <v>155</v>
      </c>
      <c r="D71080" s="1" t="s">
        <v>237513</v>
      </c>
      <c r="E71080" s="1" t="s">
        <v>237514</v>
      </c>
      <c r="F71080" s="1" t="s">
        <v>237515</v>
      </c>
      <c r="G71080" s="1" t="s">
        <v>237410</v>
      </c>
      <c r="H71080" s="1" t="s">
        <v>237411</v>
      </c>
      <c r="I71080" s="1" t="s">
        <v>222698</v>
      </c>
      <c r="J71080" s="1" t="s">
        <v>237516</v>
      </c>
    </row>
    <row r="71081" spans="1:10" x14ac:dyDescent="0.35">
      <c r="A71081" s="1" t="s">
        <v>27648</v>
      </c>
      <c r="B71081" s="1" t="s">
        <v>222693</v>
      </c>
      <c r="C71081" s="1" t="s">
        <v>160</v>
      </c>
      <c r="D71081" s="1" t="s">
        <v>237517</v>
      </c>
      <c r="E71081" s="1" t="s">
        <v>237518</v>
      </c>
      <c r="F71081" s="1" t="s">
        <v>237519</v>
      </c>
      <c r="G71081" s="1" t="s">
        <v>237410</v>
      </c>
      <c r="H71081" s="1" t="s">
        <v>237411</v>
      </c>
      <c r="I71081" s="1" t="s">
        <v>222698</v>
      </c>
      <c r="J71081" s="1" t="s">
        <v>237520</v>
      </c>
    </row>
    <row r="71082" spans="1:10" x14ac:dyDescent="0.35">
      <c r="A71082" s="1" t="s">
        <v>27648</v>
      </c>
      <c r="B71082" s="1" t="s">
        <v>222693</v>
      </c>
      <c r="C71082" s="1" t="s">
        <v>165</v>
      </c>
      <c r="D71082" s="1" t="s">
        <v>237521</v>
      </c>
      <c r="E71082" s="1" t="s">
        <v>237522</v>
      </c>
      <c r="F71082" s="1" t="s">
        <v>237523</v>
      </c>
      <c r="G71082" s="1" t="s">
        <v>237410</v>
      </c>
      <c r="H71082" s="1" t="s">
        <v>237411</v>
      </c>
      <c r="I71082" s="1" t="s">
        <v>222698</v>
      </c>
      <c r="J71082" s="1" t="s">
        <v>237524</v>
      </c>
    </row>
    <row r="71083" spans="1:10" x14ac:dyDescent="0.35">
      <c r="A71083" s="1" t="s">
        <v>27648</v>
      </c>
      <c r="B71083" s="1" t="s">
        <v>222693</v>
      </c>
      <c r="C71083" s="1" t="s">
        <v>170</v>
      </c>
      <c r="D71083" s="1" t="s">
        <v>237525</v>
      </c>
      <c r="E71083" s="1" t="s">
        <v>237526</v>
      </c>
      <c r="F71083" s="1" t="s">
        <v>237527</v>
      </c>
      <c r="G71083" s="1" t="s">
        <v>237410</v>
      </c>
      <c r="H71083" s="1" t="s">
        <v>237411</v>
      </c>
      <c r="I71083" s="1" t="s">
        <v>222698</v>
      </c>
      <c r="J71083" s="1" t="s">
        <v>237528</v>
      </c>
    </row>
    <row r="71084" spans="1:10" x14ac:dyDescent="0.35">
      <c r="A71084" s="1" t="s">
        <v>237529</v>
      </c>
      <c r="B71084" s="1" t="s">
        <v>222693</v>
      </c>
      <c r="C71084" s="1" t="s">
        <v>8</v>
      </c>
      <c r="D71084" s="1" t="s">
        <v>134033</v>
      </c>
      <c r="E71084" s="1" t="s">
        <v>237530</v>
      </c>
      <c r="F71084" s="1" t="s">
        <v>237531</v>
      </c>
      <c r="G71084" s="1" t="s">
        <v>237532</v>
      </c>
      <c r="H71084" s="1" t="s">
        <v>237533</v>
      </c>
      <c r="I71084" s="1" t="s">
        <v>222698</v>
      </c>
      <c r="J71084" s="1" t="s">
        <v>13</v>
      </c>
    </row>
    <row r="71085" spans="1:10" x14ac:dyDescent="0.35">
      <c r="A71085" s="1" t="s">
        <v>237529</v>
      </c>
      <c r="B71085" s="1" t="s">
        <v>222693</v>
      </c>
      <c r="C71085" s="1" t="s">
        <v>15</v>
      </c>
      <c r="D71085" s="1" t="s">
        <v>237534</v>
      </c>
      <c r="E71085" s="1" t="s">
        <v>237535</v>
      </c>
      <c r="F71085" s="1" t="s">
        <v>237536</v>
      </c>
      <c r="G71085" s="1" t="s">
        <v>237532</v>
      </c>
      <c r="H71085" s="1" t="s">
        <v>237533</v>
      </c>
      <c r="I71085" s="1" t="s">
        <v>222698</v>
      </c>
      <c r="J71085" s="1" t="s">
        <v>237537</v>
      </c>
    </row>
    <row r="71086" spans="1:10" x14ac:dyDescent="0.35">
      <c r="A71086" s="1" t="s">
        <v>237529</v>
      </c>
      <c r="B71086" s="1" t="s">
        <v>222693</v>
      </c>
      <c r="C71086" s="1" t="s">
        <v>20</v>
      </c>
      <c r="D71086" s="1" t="s">
        <v>227330</v>
      </c>
      <c r="E71086" s="1" t="s">
        <v>237538</v>
      </c>
      <c r="F71086" s="1" t="s">
        <v>237539</v>
      </c>
      <c r="G71086" s="1" t="s">
        <v>237532</v>
      </c>
      <c r="H71086" s="1" t="s">
        <v>237533</v>
      </c>
      <c r="I71086" s="1" t="s">
        <v>222698</v>
      </c>
      <c r="J71086" s="1" t="s">
        <v>237540</v>
      </c>
    </row>
    <row r="71087" spans="1:10" x14ac:dyDescent="0.35">
      <c r="A71087" s="1" t="s">
        <v>237529</v>
      </c>
      <c r="B71087" s="1" t="s">
        <v>222693</v>
      </c>
      <c r="C71087" s="1" t="s">
        <v>25</v>
      </c>
      <c r="D71087" s="1" t="s">
        <v>237541</v>
      </c>
      <c r="E71087" s="1" t="s">
        <v>237542</v>
      </c>
      <c r="F71087" s="1" t="s">
        <v>237543</v>
      </c>
      <c r="G71087" s="1" t="s">
        <v>237532</v>
      </c>
      <c r="H71087" s="1" t="s">
        <v>237533</v>
      </c>
      <c r="I71087" s="1" t="s">
        <v>222698</v>
      </c>
      <c r="J71087" s="1" t="s">
        <v>237544</v>
      </c>
    </row>
    <row r="71088" spans="1:10" x14ac:dyDescent="0.35">
      <c r="A71088" s="1" t="s">
        <v>237529</v>
      </c>
      <c r="B71088" s="1" t="s">
        <v>222693</v>
      </c>
      <c r="C71088" s="1" t="s">
        <v>30</v>
      </c>
      <c r="D71088" s="1" t="s">
        <v>66308</v>
      </c>
      <c r="E71088" s="1" t="s">
        <v>237545</v>
      </c>
      <c r="F71088" s="1" t="s">
        <v>237546</v>
      </c>
      <c r="G71088" s="1" t="s">
        <v>237532</v>
      </c>
      <c r="H71088" s="1" t="s">
        <v>237533</v>
      </c>
      <c r="I71088" s="1" t="s">
        <v>222698</v>
      </c>
      <c r="J71088" s="1" t="s">
        <v>237547</v>
      </c>
    </row>
    <row r="71089" spans="1:10" x14ac:dyDescent="0.35">
      <c r="A71089" s="1" t="s">
        <v>237529</v>
      </c>
      <c r="B71089" s="1" t="s">
        <v>222693</v>
      </c>
      <c r="C71089" s="1" t="s">
        <v>35</v>
      </c>
      <c r="D71089" s="1" t="s">
        <v>67123</v>
      </c>
      <c r="E71089" s="1" t="s">
        <v>237548</v>
      </c>
      <c r="F71089" s="1" t="s">
        <v>237549</v>
      </c>
      <c r="G71089" s="1" t="s">
        <v>237532</v>
      </c>
      <c r="H71089" s="1" t="s">
        <v>237533</v>
      </c>
      <c r="I71089" s="1" t="s">
        <v>222698</v>
      </c>
      <c r="J71089" s="1" t="s">
        <v>237550</v>
      </c>
    </row>
    <row r="71090" spans="1:10" x14ac:dyDescent="0.35">
      <c r="A71090" s="1" t="s">
        <v>237529</v>
      </c>
      <c r="B71090" s="1" t="s">
        <v>222693</v>
      </c>
      <c r="C71090" s="1" t="s">
        <v>40</v>
      </c>
      <c r="D71090" s="1" t="s">
        <v>96572</v>
      </c>
      <c r="E71090" s="1" t="s">
        <v>237551</v>
      </c>
      <c r="F71090" s="1" t="s">
        <v>237552</v>
      </c>
      <c r="G71090" s="1" t="s">
        <v>237532</v>
      </c>
      <c r="H71090" s="1" t="s">
        <v>237533</v>
      </c>
      <c r="I71090" s="1" t="s">
        <v>222698</v>
      </c>
      <c r="J71090" s="1" t="s">
        <v>237553</v>
      </c>
    </row>
    <row r="71091" spans="1:10" x14ac:dyDescent="0.35">
      <c r="A71091" s="1" t="s">
        <v>237529</v>
      </c>
      <c r="B71091" s="1" t="s">
        <v>222693</v>
      </c>
      <c r="C71091" s="1" t="s">
        <v>45</v>
      </c>
      <c r="D71091" s="1" t="s">
        <v>237554</v>
      </c>
      <c r="E71091" s="1" t="s">
        <v>237555</v>
      </c>
      <c r="F71091" s="1" t="s">
        <v>237556</v>
      </c>
      <c r="G71091" s="1" t="s">
        <v>237532</v>
      </c>
      <c r="H71091" s="1" t="s">
        <v>237533</v>
      </c>
      <c r="I71091" s="1" t="s">
        <v>222698</v>
      </c>
      <c r="J71091" s="1" t="s">
        <v>237557</v>
      </c>
    </row>
    <row r="71092" spans="1:10" x14ac:dyDescent="0.35">
      <c r="A71092" s="1" t="s">
        <v>237529</v>
      </c>
      <c r="B71092" s="1" t="s">
        <v>222693</v>
      </c>
      <c r="C71092" s="1" t="s">
        <v>50</v>
      </c>
      <c r="D71092" s="1" t="s">
        <v>237558</v>
      </c>
      <c r="E71092" s="1" t="s">
        <v>237559</v>
      </c>
      <c r="F71092" s="1" t="s">
        <v>237560</v>
      </c>
      <c r="G71092" s="1" t="s">
        <v>237532</v>
      </c>
      <c r="H71092" s="1" t="s">
        <v>237533</v>
      </c>
      <c r="I71092" s="1" t="s">
        <v>222698</v>
      </c>
      <c r="J71092" s="1" t="s">
        <v>237561</v>
      </c>
    </row>
    <row r="71093" spans="1:10" x14ac:dyDescent="0.35">
      <c r="A71093" s="1" t="s">
        <v>237529</v>
      </c>
      <c r="B71093" s="1" t="s">
        <v>222693</v>
      </c>
      <c r="C71093" s="1" t="s">
        <v>55</v>
      </c>
      <c r="D71093" s="1" t="s">
        <v>237562</v>
      </c>
      <c r="E71093" s="1" t="s">
        <v>237563</v>
      </c>
      <c r="F71093" s="1" t="s">
        <v>237564</v>
      </c>
      <c r="G71093" s="1" t="s">
        <v>237532</v>
      </c>
      <c r="H71093" s="1" t="s">
        <v>237533</v>
      </c>
      <c r="I71093" s="1" t="s">
        <v>222698</v>
      </c>
      <c r="J71093" s="1" t="s">
        <v>237565</v>
      </c>
    </row>
    <row r="71094" spans="1:10" x14ac:dyDescent="0.35">
      <c r="A71094" s="1" t="s">
        <v>237529</v>
      </c>
      <c r="B71094" s="1" t="s">
        <v>222693</v>
      </c>
      <c r="C71094" s="1" t="s">
        <v>60</v>
      </c>
      <c r="D71094" s="1" t="s">
        <v>237566</v>
      </c>
      <c r="E71094" s="1" t="s">
        <v>237567</v>
      </c>
      <c r="F71094" s="1" t="s">
        <v>237568</v>
      </c>
      <c r="G71094" s="1" t="s">
        <v>237532</v>
      </c>
      <c r="H71094" s="1" t="s">
        <v>237533</v>
      </c>
      <c r="I71094" s="1" t="s">
        <v>222698</v>
      </c>
      <c r="J71094" s="1" t="s">
        <v>237569</v>
      </c>
    </row>
    <row r="71095" spans="1:10" x14ac:dyDescent="0.35">
      <c r="A71095" s="1" t="s">
        <v>237529</v>
      </c>
      <c r="B71095" s="1" t="s">
        <v>222693</v>
      </c>
      <c r="C71095" s="1" t="s">
        <v>65</v>
      </c>
      <c r="D71095" s="1" t="s">
        <v>237570</v>
      </c>
      <c r="E71095" s="1" t="s">
        <v>237571</v>
      </c>
      <c r="F71095" s="1" t="s">
        <v>237572</v>
      </c>
      <c r="G71095" s="1" t="s">
        <v>237532</v>
      </c>
      <c r="H71095" s="1" t="s">
        <v>237533</v>
      </c>
      <c r="I71095" s="1" t="s">
        <v>222698</v>
      </c>
      <c r="J71095" s="1" t="s">
        <v>237573</v>
      </c>
    </row>
    <row r="71096" spans="1:10" x14ac:dyDescent="0.35">
      <c r="A71096" s="1" t="s">
        <v>237529</v>
      </c>
      <c r="B71096" s="1" t="s">
        <v>222693</v>
      </c>
      <c r="C71096" s="1" t="s">
        <v>70</v>
      </c>
      <c r="D71096" s="1" t="s">
        <v>237574</v>
      </c>
      <c r="E71096" s="1" t="s">
        <v>237575</v>
      </c>
      <c r="F71096" s="1" t="s">
        <v>237576</v>
      </c>
      <c r="G71096" s="1" t="s">
        <v>237532</v>
      </c>
      <c r="H71096" s="1" t="s">
        <v>237533</v>
      </c>
      <c r="I71096" s="1" t="s">
        <v>222698</v>
      </c>
      <c r="J71096" s="1" t="s">
        <v>237577</v>
      </c>
    </row>
    <row r="71097" spans="1:10" x14ac:dyDescent="0.35">
      <c r="A71097" s="1" t="s">
        <v>237529</v>
      </c>
      <c r="B71097" s="1" t="s">
        <v>222693</v>
      </c>
      <c r="C71097" s="1" t="s">
        <v>75</v>
      </c>
      <c r="D71097" s="1" t="s">
        <v>237578</v>
      </c>
      <c r="E71097" s="1" t="s">
        <v>237579</v>
      </c>
      <c r="F71097" s="1" t="s">
        <v>237580</v>
      </c>
      <c r="G71097" s="1" t="s">
        <v>237532</v>
      </c>
      <c r="H71097" s="1" t="s">
        <v>237533</v>
      </c>
      <c r="I71097" s="1" t="s">
        <v>222698</v>
      </c>
      <c r="J71097" s="1" t="s">
        <v>237581</v>
      </c>
    </row>
    <row r="71098" spans="1:10" x14ac:dyDescent="0.35">
      <c r="A71098" s="1" t="s">
        <v>237529</v>
      </c>
      <c r="B71098" s="1" t="s">
        <v>222693</v>
      </c>
      <c r="C71098" s="1" t="s">
        <v>80</v>
      </c>
      <c r="D71098" s="1" t="s">
        <v>237582</v>
      </c>
      <c r="E71098" s="1" t="s">
        <v>237583</v>
      </c>
      <c r="F71098" s="1" t="s">
        <v>237584</v>
      </c>
      <c r="G71098" s="1" t="s">
        <v>237532</v>
      </c>
      <c r="H71098" s="1" t="s">
        <v>237533</v>
      </c>
      <c r="I71098" s="1" t="s">
        <v>222698</v>
      </c>
      <c r="J71098" s="1" t="s">
        <v>237585</v>
      </c>
    </row>
    <row r="71099" spans="1:10" x14ac:dyDescent="0.35">
      <c r="A71099" s="1" t="s">
        <v>237529</v>
      </c>
      <c r="B71099" s="1" t="s">
        <v>222693</v>
      </c>
      <c r="C71099" s="1" t="s">
        <v>85</v>
      </c>
      <c r="D71099" s="1" t="s">
        <v>237586</v>
      </c>
      <c r="E71099" s="1" t="s">
        <v>237587</v>
      </c>
      <c r="F71099" s="1" t="s">
        <v>237588</v>
      </c>
      <c r="G71099" s="1" t="s">
        <v>237532</v>
      </c>
      <c r="H71099" s="1" t="s">
        <v>237533</v>
      </c>
      <c r="I71099" s="1" t="s">
        <v>222698</v>
      </c>
      <c r="J71099" s="1" t="s">
        <v>237589</v>
      </c>
    </row>
    <row r="71100" spans="1:10" x14ac:dyDescent="0.35">
      <c r="A71100" s="1" t="s">
        <v>237529</v>
      </c>
      <c r="B71100" s="1" t="s">
        <v>222693</v>
      </c>
      <c r="C71100" s="1" t="s">
        <v>90</v>
      </c>
      <c r="D71100" s="1" t="s">
        <v>237590</v>
      </c>
      <c r="E71100" s="1" t="s">
        <v>237591</v>
      </c>
      <c r="F71100" s="1" t="s">
        <v>237592</v>
      </c>
      <c r="G71100" s="1" t="s">
        <v>237532</v>
      </c>
      <c r="H71100" s="1" t="s">
        <v>237533</v>
      </c>
      <c r="I71100" s="1" t="s">
        <v>222698</v>
      </c>
      <c r="J71100" s="1" t="s">
        <v>237593</v>
      </c>
    </row>
    <row r="71101" spans="1:10" x14ac:dyDescent="0.35">
      <c r="A71101" s="1" t="s">
        <v>237529</v>
      </c>
      <c r="B71101" s="1" t="s">
        <v>222693</v>
      </c>
      <c r="C71101" s="1" t="s">
        <v>95</v>
      </c>
      <c r="D71101" s="1" t="s">
        <v>237594</v>
      </c>
      <c r="E71101" s="1" t="s">
        <v>237595</v>
      </c>
      <c r="F71101" s="1" t="s">
        <v>237596</v>
      </c>
      <c r="G71101" s="1" t="s">
        <v>237532</v>
      </c>
      <c r="H71101" s="1" t="s">
        <v>237533</v>
      </c>
      <c r="I71101" s="1" t="s">
        <v>222698</v>
      </c>
      <c r="J71101" s="1" t="s">
        <v>237597</v>
      </c>
    </row>
    <row r="71102" spans="1:10" x14ac:dyDescent="0.35">
      <c r="A71102" s="1" t="s">
        <v>237529</v>
      </c>
      <c r="B71102" s="1" t="s">
        <v>222693</v>
      </c>
      <c r="C71102" s="1" t="s">
        <v>100</v>
      </c>
      <c r="D71102" s="1" t="s">
        <v>237598</v>
      </c>
      <c r="E71102" s="1" t="s">
        <v>237599</v>
      </c>
      <c r="F71102" s="1" t="s">
        <v>237600</v>
      </c>
      <c r="G71102" s="1" t="s">
        <v>237532</v>
      </c>
      <c r="H71102" s="1" t="s">
        <v>237533</v>
      </c>
      <c r="I71102" s="1" t="s">
        <v>222698</v>
      </c>
      <c r="J71102" s="1" t="s">
        <v>237601</v>
      </c>
    </row>
    <row r="71103" spans="1:10" x14ac:dyDescent="0.35">
      <c r="A71103" s="1" t="s">
        <v>237529</v>
      </c>
      <c r="B71103" s="1" t="s">
        <v>222693</v>
      </c>
      <c r="C71103" s="1" t="s">
        <v>105</v>
      </c>
      <c r="D71103" s="1" t="s">
        <v>237602</v>
      </c>
      <c r="E71103" s="1" t="s">
        <v>237603</v>
      </c>
      <c r="F71103" s="1" t="s">
        <v>237604</v>
      </c>
      <c r="G71103" s="1" t="s">
        <v>237532</v>
      </c>
      <c r="H71103" s="1" t="s">
        <v>237533</v>
      </c>
      <c r="I71103" s="1" t="s">
        <v>222698</v>
      </c>
      <c r="J71103" s="1" t="s">
        <v>237605</v>
      </c>
    </row>
    <row r="71104" spans="1:10" x14ac:dyDescent="0.35">
      <c r="A71104" s="1" t="s">
        <v>237529</v>
      </c>
      <c r="B71104" s="1" t="s">
        <v>222693</v>
      </c>
      <c r="C71104" s="1" t="s">
        <v>110</v>
      </c>
      <c r="D71104" s="1" t="s">
        <v>237606</v>
      </c>
      <c r="E71104" s="1" t="s">
        <v>237607</v>
      </c>
      <c r="F71104" s="1" t="s">
        <v>237608</v>
      </c>
      <c r="G71104" s="1" t="s">
        <v>237532</v>
      </c>
      <c r="H71104" s="1" t="s">
        <v>237533</v>
      </c>
      <c r="I71104" s="1" t="s">
        <v>222698</v>
      </c>
      <c r="J71104" s="1" t="s">
        <v>237609</v>
      </c>
    </row>
    <row r="71105" spans="1:10" x14ac:dyDescent="0.35">
      <c r="A71105" s="1" t="s">
        <v>237529</v>
      </c>
      <c r="B71105" s="1" t="s">
        <v>222693</v>
      </c>
      <c r="C71105" s="1" t="s">
        <v>115</v>
      </c>
      <c r="D71105" s="1" t="s">
        <v>237610</v>
      </c>
      <c r="E71105" s="1" t="s">
        <v>237611</v>
      </c>
      <c r="F71105" s="1" t="s">
        <v>237612</v>
      </c>
      <c r="G71105" s="1" t="s">
        <v>237532</v>
      </c>
      <c r="H71105" s="1" t="s">
        <v>237533</v>
      </c>
      <c r="I71105" s="1" t="s">
        <v>222698</v>
      </c>
      <c r="J71105" s="1" t="s">
        <v>237613</v>
      </c>
    </row>
    <row r="71106" spans="1:10" x14ac:dyDescent="0.35">
      <c r="A71106" s="1" t="s">
        <v>237529</v>
      </c>
      <c r="B71106" s="1" t="s">
        <v>222693</v>
      </c>
      <c r="C71106" s="1" t="s">
        <v>120</v>
      </c>
      <c r="D71106" s="1" t="s">
        <v>237614</v>
      </c>
      <c r="E71106" s="1" t="s">
        <v>237615</v>
      </c>
      <c r="F71106" s="1" t="s">
        <v>237616</v>
      </c>
      <c r="G71106" s="1" t="s">
        <v>237532</v>
      </c>
      <c r="H71106" s="1" t="s">
        <v>237533</v>
      </c>
      <c r="I71106" s="1" t="s">
        <v>222698</v>
      </c>
      <c r="J71106" s="1" t="s">
        <v>237617</v>
      </c>
    </row>
    <row r="71107" spans="1:10" x14ac:dyDescent="0.35">
      <c r="A71107" s="1" t="s">
        <v>237529</v>
      </c>
      <c r="B71107" s="1" t="s">
        <v>222693</v>
      </c>
      <c r="C71107" s="1" t="s">
        <v>125</v>
      </c>
      <c r="D71107" s="1" t="s">
        <v>237618</v>
      </c>
      <c r="E71107" s="1" t="s">
        <v>237619</v>
      </c>
      <c r="F71107" s="1" t="s">
        <v>237620</v>
      </c>
      <c r="G71107" s="1" t="s">
        <v>237532</v>
      </c>
      <c r="H71107" s="1" t="s">
        <v>237533</v>
      </c>
      <c r="I71107" s="1" t="s">
        <v>222698</v>
      </c>
      <c r="J71107" s="1" t="s">
        <v>237621</v>
      </c>
    </row>
    <row r="71108" spans="1:10" x14ac:dyDescent="0.35">
      <c r="A71108" s="1" t="s">
        <v>237529</v>
      </c>
      <c r="B71108" s="1" t="s">
        <v>222693</v>
      </c>
      <c r="C71108" s="1" t="s">
        <v>130</v>
      </c>
      <c r="D71108" s="1" t="s">
        <v>237622</v>
      </c>
      <c r="E71108" s="1" t="s">
        <v>237623</v>
      </c>
      <c r="F71108" s="1" t="s">
        <v>237624</v>
      </c>
      <c r="G71108" s="1" t="s">
        <v>237532</v>
      </c>
      <c r="H71108" s="1" t="s">
        <v>237533</v>
      </c>
      <c r="I71108" s="1" t="s">
        <v>222698</v>
      </c>
      <c r="J71108" s="1" t="s">
        <v>237625</v>
      </c>
    </row>
    <row r="71109" spans="1:10" x14ac:dyDescent="0.35">
      <c r="A71109" s="1" t="s">
        <v>237529</v>
      </c>
      <c r="B71109" s="1" t="s">
        <v>222693</v>
      </c>
      <c r="C71109" s="1" t="s">
        <v>135</v>
      </c>
      <c r="D71109" s="1" t="s">
        <v>18627</v>
      </c>
      <c r="E71109" s="1" t="s">
        <v>237626</v>
      </c>
      <c r="F71109" s="1" t="s">
        <v>237627</v>
      </c>
      <c r="G71109" s="1" t="s">
        <v>237532</v>
      </c>
      <c r="H71109" s="1" t="s">
        <v>237533</v>
      </c>
      <c r="I71109" s="1" t="s">
        <v>222698</v>
      </c>
      <c r="J71109" s="1" t="s">
        <v>237628</v>
      </c>
    </row>
    <row r="71110" spans="1:10" x14ac:dyDescent="0.35">
      <c r="A71110" s="1" t="s">
        <v>237529</v>
      </c>
      <c r="B71110" s="1" t="s">
        <v>222693</v>
      </c>
      <c r="C71110" s="1" t="s">
        <v>140</v>
      </c>
      <c r="D71110" s="1" t="s">
        <v>237629</v>
      </c>
      <c r="E71110" s="1" t="s">
        <v>237630</v>
      </c>
      <c r="F71110" s="1" t="s">
        <v>237631</v>
      </c>
      <c r="G71110" s="1" t="s">
        <v>237532</v>
      </c>
      <c r="H71110" s="1" t="s">
        <v>237533</v>
      </c>
      <c r="I71110" s="1" t="s">
        <v>222698</v>
      </c>
      <c r="J71110" s="1" t="s">
        <v>237632</v>
      </c>
    </row>
    <row r="71111" spans="1:10" x14ac:dyDescent="0.35">
      <c r="A71111" s="1" t="s">
        <v>237529</v>
      </c>
      <c r="B71111" s="1" t="s">
        <v>222693</v>
      </c>
      <c r="C71111" s="1" t="s">
        <v>145</v>
      </c>
      <c r="D71111" s="1" t="s">
        <v>237633</v>
      </c>
      <c r="E71111" s="1" t="s">
        <v>237634</v>
      </c>
      <c r="F71111" s="1" t="s">
        <v>237635</v>
      </c>
      <c r="G71111" s="1" t="s">
        <v>237532</v>
      </c>
      <c r="H71111" s="1" t="s">
        <v>237533</v>
      </c>
      <c r="I71111" s="1" t="s">
        <v>222698</v>
      </c>
      <c r="J71111" s="1" t="s">
        <v>237636</v>
      </c>
    </row>
    <row r="71112" spans="1:10" x14ac:dyDescent="0.35">
      <c r="A71112" s="1" t="s">
        <v>237529</v>
      </c>
      <c r="B71112" s="1" t="s">
        <v>222693</v>
      </c>
      <c r="C71112" s="1" t="s">
        <v>150</v>
      </c>
      <c r="D71112" s="1" t="s">
        <v>237637</v>
      </c>
      <c r="E71112" s="1" t="s">
        <v>237638</v>
      </c>
      <c r="F71112" s="1" t="s">
        <v>237639</v>
      </c>
      <c r="G71112" s="1" t="s">
        <v>237532</v>
      </c>
      <c r="H71112" s="1" t="s">
        <v>237533</v>
      </c>
      <c r="I71112" s="1" t="s">
        <v>222698</v>
      </c>
      <c r="J71112" s="1" t="s">
        <v>237640</v>
      </c>
    </row>
    <row r="71113" spans="1:10" x14ac:dyDescent="0.35">
      <c r="A71113" s="1" t="s">
        <v>237529</v>
      </c>
      <c r="B71113" s="1" t="s">
        <v>222693</v>
      </c>
      <c r="C71113" s="1" t="s">
        <v>155</v>
      </c>
      <c r="D71113" s="1" t="s">
        <v>237641</v>
      </c>
      <c r="E71113" s="1" t="s">
        <v>237642</v>
      </c>
      <c r="F71113" s="1" t="s">
        <v>237643</v>
      </c>
      <c r="G71113" s="1" t="s">
        <v>237532</v>
      </c>
      <c r="H71113" s="1" t="s">
        <v>237533</v>
      </c>
      <c r="I71113" s="1" t="s">
        <v>222698</v>
      </c>
      <c r="J71113" s="1" t="s">
        <v>237644</v>
      </c>
    </row>
    <row r="71114" spans="1:10" x14ac:dyDescent="0.35">
      <c r="A71114" s="1" t="s">
        <v>237529</v>
      </c>
      <c r="B71114" s="1" t="s">
        <v>222693</v>
      </c>
      <c r="C71114" s="1" t="s">
        <v>160</v>
      </c>
      <c r="D71114" s="1" t="s">
        <v>237645</v>
      </c>
      <c r="E71114" s="1" t="s">
        <v>237646</v>
      </c>
      <c r="F71114" s="1" t="s">
        <v>237647</v>
      </c>
      <c r="G71114" s="1" t="s">
        <v>237532</v>
      </c>
      <c r="H71114" s="1" t="s">
        <v>237533</v>
      </c>
      <c r="I71114" s="1" t="s">
        <v>222698</v>
      </c>
      <c r="J71114" s="1" t="s">
        <v>237648</v>
      </c>
    </row>
    <row r="71115" spans="1:10" x14ac:dyDescent="0.35">
      <c r="A71115" s="1" t="s">
        <v>237529</v>
      </c>
      <c r="B71115" s="1" t="s">
        <v>222693</v>
      </c>
      <c r="C71115" s="1" t="s">
        <v>165</v>
      </c>
      <c r="D71115" s="1" t="s">
        <v>237649</v>
      </c>
      <c r="E71115" s="1" t="s">
        <v>237650</v>
      </c>
      <c r="F71115" s="1" t="s">
        <v>237651</v>
      </c>
      <c r="G71115" s="1" t="s">
        <v>237532</v>
      </c>
      <c r="H71115" s="1" t="s">
        <v>237533</v>
      </c>
      <c r="I71115" s="1" t="s">
        <v>222698</v>
      </c>
      <c r="J71115" s="1" t="s">
        <v>237652</v>
      </c>
    </row>
    <row r="71116" spans="1:10" x14ac:dyDescent="0.35">
      <c r="A71116" s="1" t="s">
        <v>237529</v>
      </c>
      <c r="B71116" s="1" t="s">
        <v>222693</v>
      </c>
      <c r="C71116" s="1" t="s">
        <v>170</v>
      </c>
      <c r="D71116" s="1" t="s">
        <v>237653</v>
      </c>
      <c r="E71116" s="1" t="s">
        <v>237654</v>
      </c>
      <c r="F71116" s="1" t="s">
        <v>237655</v>
      </c>
      <c r="G71116" s="1" t="s">
        <v>237532</v>
      </c>
      <c r="H71116" s="1" t="s">
        <v>237533</v>
      </c>
      <c r="I71116" s="1" t="s">
        <v>222698</v>
      </c>
      <c r="J71116" s="1" t="s">
        <v>237656</v>
      </c>
    </row>
    <row r="71117" spans="1:10" x14ac:dyDescent="0.35">
      <c r="A71117" s="1" t="s">
        <v>15199</v>
      </c>
      <c r="B71117" s="1" t="s">
        <v>222693</v>
      </c>
      <c r="C71117" s="1" t="s">
        <v>8</v>
      </c>
      <c r="D71117" s="1" t="s">
        <v>237657</v>
      </c>
      <c r="E71117" s="1" t="s">
        <v>237658</v>
      </c>
      <c r="F71117" s="1" t="s">
        <v>237659</v>
      </c>
      <c r="G71117" s="1" t="s">
        <v>237660</v>
      </c>
      <c r="H71117" s="1" t="s">
        <v>237661</v>
      </c>
      <c r="I71117" s="1" t="s">
        <v>222698</v>
      </c>
      <c r="J71117" s="1" t="s">
        <v>13</v>
      </c>
    </row>
    <row r="71118" spans="1:10" x14ac:dyDescent="0.35">
      <c r="A71118" s="1" t="s">
        <v>15199</v>
      </c>
      <c r="B71118" s="1" t="s">
        <v>222693</v>
      </c>
      <c r="C71118" s="1" t="s">
        <v>15</v>
      </c>
      <c r="D71118" s="1" t="s">
        <v>40704</v>
      </c>
      <c r="E71118" s="1" t="s">
        <v>237662</v>
      </c>
      <c r="F71118" s="1" t="s">
        <v>237663</v>
      </c>
      <c r="G71118" s="1" t="s">
        <v>237660</v>
      </c>
      <c r="H71118" s="1" t="s">
        <v>237661</v>
      </c>
      <c r="I71118" s="1" t="s">
        <v>222698</v>
      </c>
      <c r="J71118" s="1" t="s">
        <v>237664</v>
      </c>
    </row>
    <row r="71119" spans="1:10" x14ac:dyDescent="0.35">
      <c r="A71119" s="1" t="s">
        <v>15199</v>
      </c>
      <c r="B71119" s="1" t="s">
        <v>222693</v>
      </c>
      <c r="C71119" s="1" t="s">
        <v>20</v>
      </c>
      <c r="D71119" s="1" t="s">
        <v>237665</v>
      </c>
      <c r="E71119" s="1" t="s">
        <v>237666</v>
      </c>
      <c r="F71119" s="1" t="s">
        <v>237667</v>
      </c>
      <c r="G71119" s="1" t="s">
        <v>237660</v>
      </c>
      <c r="H71119" s="1" t="s">
        <v>237661</v>
      </c>
      <c r="I71119" s="1" t="s">
        <v>222698</v>
      </c>
      <c r="J71119" s="1" t="s">
        <v>237668</v>
      </c>
    </row>
    <row r="71120" spans="1:10" x14ac:dyDescent="0.35">
      <c r="A71120" s="1" t="s">
        <v>15199</v>
      </c>
      <c r="B71120" s="1" t="s">
        <v>222693</v>
      </c>
      <c r="C71120" s="1" t="s">
        <v>25</v>
      </c>
      <c r="D71120" s="1" t="s">
        <v>61178</v>
      </c>
      <c r="E71120" s="1" t="s">
        <v>237669</v>
      </c>
      <c r="F71120" s="1" t="s">
        <v>237670</v>
      </c>
      <c r="G71120" s="1" t="s">
        <v>237660</v>
      </c>
      <c r="H71120" s="1" t="s">
        <v>237661</v>
      </c>
      <c r="I71120" s="1" t="s">
        <v>222698</v>
      </c>
      <c r="J71120" s="1" t="s">
        <v>237671</v>
      </c>
    </row>
    <row r="71121" spans="1:10" x14ac:dyDescent="0.35">
      <c r="A71121" s="1" t="s">
        <v>15199</v>
      </c>
      <c r="B71121" s="1" t="s">
        <v>222693</v>
      </c>
      <c r="C71121" s="1" t="s">
        <v>30</v>
      </c>
      <c r="D71121" s="1" t="s">
        <v>234446</v>
      </c>
      <c r="E71121" s="1" t="s">
        <v>237672</v>
      </c>
      <c r="F71121" s="1" t="s">
        <v>237673</v>
      </c>
      <c r="G71121" s="1" t="s">
        <v>237660</v>
      </c>
      <c r="H71121" s="1" t="s">
        <v>237661</v>
      </c>
      <c r="I71121" s="1" t="s">
        <v>222698</v>
      </c>
      <c r="J71121" s="1" t="s">
        <v>237674</v>
      </c>
    </row>
    <row r="71122" spans="1:10" x14ac:dyDescent="0.35">
      <c r="A71122" s="1" t="s">
        <v>15199</v>
      </c>
      <c r="B71122" s="1" t="s">
        <v>222693</v>
      </c>
      <c r="C71122" s="1" t="s">
        <v>35</v>
      </c>
      <c r="D71122" s="1" t="s">
        <v>162165</v>
      </c>
      <c r="E71122" s="1" t="s">
        <v>237675</v>
      </c>
      <c r="F71122" s="1" t="s">
        <v>237676</v>
      </c>
      <c r="G71122" s="1" t="s">
        <v>237660</v>
      </c>
      <c r="H71122" s="1" t="s">
        <v>237661</v>
      </c>
      <c r="I71122" s="1" t="s">
        <v>222698</v>
      </c>
      <c r="J71122" s="1" t="s">
        <v>237677</v>
      </c>
    </row>
    <row r="71123" spans="1:10" x14ac:dyDescent="0.35">
      <c r="A71123" s="1" t="s">
        <v>15199</v>
      </c>
      <c r="B71123" s="1" t="s">
        <v>222693</v>
      </c>
      <c r="C71123" s="1" t="s">
        <v>40</v>
      </c>
      <c r="D71123" s="1" t="s">
        <v>237678</v>
      </c>
      <c r="E71123" s="1" t="s">
        <v>237679</v>
      </c>
      <c r="F71123" s="1" t="s">
        <v>237680</v>
      </c>
      <c r="G71123" s="1" t="s">
        <v>237660</v>
      </c>
      <c r="H71123" s="1" t="s">
        <v>237661</v>
      </c>
      <c r="I71123" s="1" t="s">
        <v>222698</v>
      </c>
      <c r="J71123" s="1" t="s">
        <v>237681</v>
      </c>
    </row>
    <row r="71124" spans="1:10" x14ac:dyDescent="0.35">
      <c r="A71124" s="1" t="s">
        <v>15199</v>
      </c>
      <c r="B71124" s="1" t="s">
        <v>222693</v>
      </c>
      <c r="C71124" s="1" t="s">
        <v>45</v>
      </c>
      <c r="D71124" s="1" t="s">
        <v>237682</v>
      </c>
      <c r="E71124" s="1" t="s">
        <v>237683</v>
      </c>
      <c r="F71124" s="1" t="s">
        <v>237684</v>
      </c>
      <c r="G71124" s="1" t="s">
        <v>237660</v>
      </c>
      <c r="H71124" s="1" t="s">
        <v>237661</v>
      </c>
      <c r="I71124" s="1" t="s">
        <v>222698</v>
      </c>
      <c r="J71124" s="1" t="s">
        <v>237685</v>
      </c>
    </row>
    <row r="71125" spans="1:10" x14ac:dyDescent="0.35">
      <c r="A71125" s="1" t="s">
        <v>15199</v>
      </c>
      <c r="B71125" s="1" t="s">
        <v>222693</v>
      </c>
      <c r="C71125" s="1" t="s">
        <v>50</v>
      </c>
      <c r="D71125" s="1" t="s">
        <v>14740</v>
      </c>
      <c r="E71125" s="1" t="s">
        <v>237686</v>
      </c>
      <c r="F71125" s="1" t="s">
        <v>237687</v>
      </c>
      <c r="G71125" s="1" t="s">
        <v>237660</v>
      </c>
      <c r="H71125" s="1" t="s">
        <v>237661</v>
      </c>
      <c r="I71125" s="1" t="s">
        <v>222698</v>
      </c>
      <c r="J71125" s="1" t="s">
        <v>237688</v>
      </c>
    </row>
    <row r="71126" spans="1:10" x14ac:dyDescent="0.35">
      <c r="A71126" s="1" t="s">
        <v>15199</v>
      </c>
      <c r="B71126" s="1" t="s">
        <v>222693</v>
      </c>
      <c r="C71126" s="1" t="s">
        <v>55</v>
      </c>
      <c r="D71126" s="1" t="s">
        <v>76430</v>
      </c>
      <c r="E71126" s="1" t="s">
        <v>237689</v>
      </c>
      <c r="F71126" s="1" t="s">
        <v>237690</v>
      </c>
      <c r="G71126" s="1" t="s">
        <v>237660</v>
      </c>
      <c r="H71126" s="1" t="s">
        <v>237661</v>
      </c>
      <c r="I71126" s="1" t="s">
        <v>222698</v>
      </c>
      <c r="J71126" s="1" t="s">
        <v>237691</v>
      </c>
    </row>
    <row r="71127" spans="1:10" x14ac:dyDescent="0.35">
      <c r="A71127" s="1" t="s">
        <v>15199</v>
      </c>
      <c r="B71127" s="1" t="s">
        <v>222693</v>
      </c>
      <c r="C71127" s="1" t="s">
        <v>60</v>
      </c>
      <c r="D71127" s="1" t="s">
        <v>97670</v>
      </c>
      <c r="E71127" s="1" t="s">
        <v>237692</v>
      </c>
      <c r="F71127" s="1" t="s">
        <v>237693</v>
      </c>
      <c r="G71127" s="1" t="s">
        <v>237660</v>
      </c>
      <c r="H71127" s="1" t="s">
        <v>237661</v>
      </c>
      <c r="I71127" s="1" t="s">
        <v>222698</v>
      </c>
      <c r="J71127" s="1" t="s">
        <v>237694</v>
      </c>
    </row>
    <row r="71128" spans="1:10" x14ac:dyDescent="0.35">
      <c r="A71128" s="1" t="s">
        <v>15199</v>
      </c>
      <c r="B71128" s="1" t="s">
        <v>222693</v>
      </c>
      <c r="C71128" s="1" t="s">
        <v>65</v>
      </c>
      <c r="D71128" s="1" t="s">
        <v>237695</v>
      </c>
      <c r="E71128" s="1" t="s">
        <v>237696</v>
      </c>
      <c r="F71128" s="1" t="s">
        <v>237697</v>
      </c>
      <c r="G71128" s="1" t="s">
        <v>237660</v>
      </c>
      <c r="H71128" s="1" t="s">
        <v>237661</v>
      </c>
      <c r="I71128" s="1" t="s">
        <v>222698</v>
      </c>
      <c r="J71128" s="1" t="s">
        <v>237698</v>
      </c>
    </row>
    <row r="71129" spans="1:10" x14ac:dyDescent="0.35">
      <c r="A71129" s="1" t="s">
        <v>15199</v>
      </c>
      <c r="B71129" s="1" t="s">
        <v>222693</v>
      </c>
      <c r="C71129" s="1" t="s">
        <v>70</v>
      </c>
      <c r="D71129" s="1" t="s">
        <v>237699</v>
      </c>
      <c r="E71129" s="1" t="s">
        <v>237700</v>
      </c>
      <c r="F71129" s="1" t="s">
        <v>237701</v>
      </c>
      <c r="G71129" s="1" t="s">
        <v>237660</v>
      </c>
      <c r="H71129" s="1" t="s">
        <v>237661</v>
      </c>
      <c r="I71129" s="1" t="s">
        <v>222698</v>
      </c>
      <c r="J71129" s="1" t="s">
        <v>237702</v>
      </c>
    </row>
    <row r="71130" spans="1:10" x14ac:dyDescent="0.35">
      <c r="A71130" s="1" t="s">
        <v>15199</v>
      </c>
      <c r="B71130" s="1" t="s">
        <v>222693</v>
      </c>
      <c r="C71130" s="1" t="s">
        <v>75</v>
      </c>
      <c r="D71130" s="1" t="s">
        <v>237703</v>
      </c>
      <c r="E71130" s="1" t="s">
        <v>237704</v>
      </c>
      <c r="F71130" s="1" t="s">
        <v>237705</v>
      </c>
      <c r="G71130" s="1" t="s">
        <v>237660</v>
      </c>
      <c r="H71130" s="1" t="s">
        <v>237661</v>
      </c>
      <c r="I71130" s="1" t="s">
        <v>222698</v>
      </c>
      <c r="J71130" s="1" t="s">
        <v>237706</v>
      </c>
    </row>
    <row r="71131" spans="1:10" x14ac:dyDescent="0.35">
      <c r="A71131" s="1" t="s">
        <v>15199</v>
      </c>
      <c r="B71131" s="1" t="s">
        <v>222693</v>
      </c>
      <c r="C71131" s="1" t="s">
        <v>80</v>
      </c>
      <c r="D71131" s="1" t="s">
        <v>237707</v>
      </c>
      <c r="E71131" s="1" t="s">
        <v>237708</v>
      </c>
      <c r="F71131" s="1" t="s">
        <v>237709</v>
      </c>
      <c r="G71131" s="1" t="s">
        <v>237660</v>
      </c>
      <c r="H71131" s="1" t="s">
        <v>237661</v>
      </c>
      <c r="I71131" s="1" t="s">
        <v>222698</v>
      </c>
      <c r="J71131" s="1" t="s">
        <v>237710</v>
      </c>
    </row>
    <row r="71132" spans="1:10" x14ac:dyDescent="0.35">
      <c r="A71132" s="1" t="s">
        <v>15199</v>
      </c>
      <c r="B71132" s="1" t="s">
        <v>222693</v>
      </c>
      <c r="C71132" s="1" t="s">
        <v>85</v>
      </c>
      <c r="D71132" s="1" t="s">
        <v>237711</v>
      </c>
      <c r="E71132" s="1" t="s">
        <v>237712</v>
      </c>
      <c r="F71132" s="1" t="s">
        <v>237713</v>
      </c>
      <c r="G71132" s="1" t="s">
        <v>237660</v>
      </c>
      <c r="H71132" s="1" t="s">
        <v>237661</v>
      </c>
      <c r="I71132" s="1" t="s">
        <v>222698</v>
      </c>
      <c r="J71132" s="1" t="s">
        <v>237714</v>
      </c>
    </row>
    <row r="71133" spans="1:10" x14ac:dyDescent="0.35">
      <c r="A71133" s="1" t="s">
        <v>15199</v>
      </c>
      <c r="B71133" s="1" t="s">
        <v>222693</v>
      </c>
      <c r="C71133" s="1" t="s">
        <v>90</v>
      </c>
      <c r="D71133" s="1" t="s">
        <v>237715</v>
      </c>
      <c r="E71133" s="1" t="s">
        <v>237716</v>
      </c>
      <c r="F71133" s="1" t="s">
        <v>237717</v>
      </c>
      <c r="G71133" s="1" t="s">
        <v>237660</v>
      </c>
      <c r="H71133" s="1" t="s">
        <v>237661</v>
      </c>
      <c r="I71133" s="1" t="s">
        <v>222698</v>
      </c>
      <c r="J71133" s="1" t="s">
        <v>237718</v>
      </c>
    </row>
    <row r="71134" spans="1:10" x14ac:dyDescent="0.35">
      <c r="A71134" s="1" t="s">
        <v>15199</v>
      </c>
      <c r="B71134" s="1" t="s">
        <v>222693</v>
      </c>
      <c r="C71134" s="1" t="s">
        <v>95</v>
      </c>
      <c r="D71134" s="1" t="s">
        <v>237719</v>
      </c>
      <c r="E71134" s="1" t="s">
        <v>237720</v>
      </c>
      <c r="F71134" s="1" t="s">
        <v>237721</v>
      </c>
      <c r="G71134" s="1" t="s">
        <v>237660</v>
      </c>
      <c r="H71134" s="1" t="s">
        <v>237661</v>
      </c>
      <c r="I71134" s="1" t="s">
        <v>222698</v>
      </c>
      <c r="J71134" s="1" t="s">
        <v>237722</v>
      </c>
    </row>
    <row r="71135" spans="1:10" x14ac:dyDescent="0.35">
      <c r="A71135" s="1" t="s">
        <v>15199</v>
      </c>
      <c r="B71135" s="1" t="s">
        <v>222693</v>
      </c>
      <c r="C71135" s="1" t="s">
        <v>100</v>
      </c>
      <c r="D71135" s="1" t="s">
        <v>237723</v>
      </c>
      <c r="E71135" s="1" t="s">
        <v>237724</v>
      </c>
      <c r="F71135" s="1" t="s">
        <v>237725</v>
      </c>
      <c r="G71135" s="1" t="s">
        <v>237660</v>
      </c>
      <c r="H71135" s="1" t="s">
        <v>237661</v>
      </c>
      <c r="I71135" s="1" t="s">
        <v>222698</v>
      </c>
      <c r="J71135" s="1" t="s">
        <v>237726</v>
      </c>
    </row>
    <row r="71136" spans="1:10" x14ac:dyDescent="0.35">
      <c r="A71136" s="1" t="s">
        <v>15199</v>
      </c>
      <c r="B71136" s="1" t="s">
        <v>222693</v>
      </c>
      <c r="C71136" s="1" t="s">
        <v>105</v>
      </c>
      <c r="D71136" s="1" t="s">
        <v>97239</v>
      </c>
      <c r="E71136" s="1" t="s">
        <v>237727</v>
      </c>
      <c r="F71136" s="1" t="s">
        <v>237728</v>
      </c>
      <c r="G71136" s="1" t="s">
        <v>237660</v>
      </c>
      <c r="H71136" s="1" t="s">
        <v>237661</v>
      </c>
      <c r="I71136" s="1" t="s">
        <v>222698</v>
      </c>
      <c r="J71136" s="1" t="s">
        <v>237729</v>
      </c>
    </row>
    <row r="71137" spans="1:10" x14ac:dyDescent="0.35">
      <c r="A71137" s="1" t="s">
        <v>15199</v>
      </c>
      <c r="B71137" s="1" t="s">
        <v>222693</v>
      </c>
      <c r="C71137" s="1" t="s">
        <v>110</v>
      </c>
      <c r="D71137" s="1" t="s">
        <v>237730</v>
      </c>
      <c r="E71137" s="1" t="s">
        <v>237731</v>
      </c>
      <c r="F71137" s="1" t="s">
        <v>237732</v>
      </c>
      <c r="G71137" s="1" t="s">
        <v>237660</v>
      </c>
      <c r="H71137" s="1" t="s">
        <v>237661</v>
      </c>
      <c r="I71137" s="1" t="s">
        <v>222698</v>
      </c>
      <c r="J71137" s="1" t="s">
        <v>237733</v>
      </c>
    </row>
    <row r="71138" spans="1:10" x14ac:dyDescent="0.35">
      <c r="A71138" s="1" t="s">
        <v>15199</v>
      </c>
      <c r="B71138" s="1" t="s">
        <v>222693</v>
      </c>
      <c r="C71138" s="1" t="s">
        <v>115</v>
      </c>
      <c r="D71138" s="1" t="s">
        <v>237734</v>
      </c>
      <c r="E71138" s="1" t="s">
        <v>237735</v>
      </c>
      <c r="F71138" s="1" t="s">
        <v>237736</v>
      </c>
      <c r="G71138" s="1" t="s">
        <v>237660</v>
      </c>
      <c r="H71138" s="1" t="s">
        <v>237661</v>
      </c>
      <c r="I71138" s="1" t="s">
        <v>222698</v>
      </c>
      <c r="J71138" s="1" t="s">
        <v>237737</v>
      </c>
    </row>
    <row r="71139" spans="1:10" x14ac:dyDescent="0.35">
      <c r="A71139" s="1" t="s">
        <v>15199</v>
      </c>
      <c r="B71139" s="1" t="s">
        <v>222693</v>
      </c>
      <c r="C71139" s="1" t="s">
        <v>120</v>
      </c>
      <c r="D71139" s="1" t="s">
        <v>237738</v>
      </c>
      <c r="E71139" s="1" t="s">
        <v>237739</v>
      </c>
      <c r="F71139" s="1" t="s">
        <v>237740</v>
      </c>
      <c r="G71139" s="1" t="s">
        <v>237660</v>
      </c>
      <c r="H71139" s="1" t="s">
        <v>237661</v>
      </c>
      <c r="I71139" s="1" t="s">
        <v>222698</v>
      </c>
      <c r="J71139" s="1" t="s">
        <v>237741</v>
      </c>
    </row>
    <row r="71140" spans="1:10" x14ac:dyDescent="0.35">
      <c r="A71140" s="1" t="s">
        <v>15199</v>
      </c>
      <c r="B71140" s="1" t="s">
        <v>222693</v>
      </c>
      <c r="C71140" s="1" t="s">
        <v>125</v>
      </c>
      <c r="D71140" s="1" t="s">
        <v>237742</v>
      </c>
      <c r="E71140" s="1" t="s">
        <v>237743</v>
      </c>
      <c r="F71140" s="1" t="s">
        <v>237744</v>
      </c>
      <c r="G71140" s="1" t="s">
        <v>237660</v>
      </c>
      <c r="H71140" s="1" t="s">
        <v>237661</v>
      </c>
      <c r="I71140" s="1" t="s">
        <v>222698</v>
      </c>
      <c r="J71140" s="1" t="s">
        <v>237745</v>
      </c>
    </row>
    <row r="71141" spans="1:10" x14ac:dyDescent="0.35">
      <c r="A71141" s="1" t="s">
        <v>15199</v>
      </c>
      <c r="B71141" s="1" t="s">
        <v>222693</v>
      </c>
      <c r="C71141" s="1" t="s">
        <v>130</v>
      </c>
      <c r="D71141" s="1" t="s">
        <v>237746</v>
      </c>
      <c r="E71141" s="1" t="s">
        <v>237747</v>
      </c>
      <c r="F71141" s="1" t="s">
        <v>237748</v>
      </c>
      <c r="G71141" s="1" t="s">
        <v>237660</v>
      </c>
      <c r="H71141" s="1" t="s">
        <v>237661</v>
      </c>
      <c r="I71141" s="1" t="s">
        <v>222698</v>
      </c>
      <c r="J71141" s="1" t="s">
        <v>237749</v>
      </c>
    </row>
    <row r="71142" spans="1:10" x14ac:dyDescent="0.35">
      <c r="A71142" s="1" t="s">
        <v>15199</v>
      </c>
      <c r="B71142" s="1" t="s">
        <v>222693</v>
      </c>
      <c r="C71142" s="1" t="s">
        <v>135</v>
      </c>
      <c r="D71142" s="1" t="s">
        <v>237750</v>
      </c>
      <c r="E71142" s="1" t="s">
        <v>237751</v>
      </c>
      <c r="F71142" s="1" t="s">
        <v>237752</v>
      </c>
      <c r="G71142" s="1" t="s">
        <v>237660</v>
      </c>
      <c r="H71142" s="1" t="s">
        <v>237661</v>
      </c>
      <c r="I71142" s="1" t="s">
        <v>222698</v>
      </c>
      <c r="J71142" s="1" t="s">
        <v>237753</v>
      </c>
    </row>
    <row r="71143" spans="1:10" x14ac:dyDescent="0.35">
      <c r="A71143" s="1" t="s">
        <v>15199</v>
      </c>
      <c r="B71143" s="1" t="s">
        <v>222693</v>
      </c>
      <c r="C71143" s="1" t="s">
        <v>140</v>
      </c>
      <c r="D71143" s="1" t="s">
        <v>237754</v>
      </c>
      <c r="E71143" s="1" t="s">
        <v>5908</v>
      </c>
      <c r="F71143" s="1" t="s">
        <v>237755</v>
      </c>
      <c r="G71143" s="1" t="s">
        <v>237660</v>
      </c>
      <c r="H71143" s="1" t="s">
        <v>237661</v>
      </c>
      <c r="I71143" s="1" t="s">
        <v>222698</v>
      </c>
      <c r="J71143" s="1" t="s">
        <v>237756</v>
      </c>
    </row>
    <row r="71144" spans="1:10" x14ac:dyDescent="0.35">
      <c r="A71144" s="1" t="s">
        <v>15199</v>
      </c>
      <c r="B71144" s="1" t="s">
        <v>222693</v>
      </c>
      <c r="C71144" s="1" t="s">
        <v>145</v>
      </c>
      <c r="D71144" s="1" t="s">
        <v>237757</v>
      </c>
      <c r="E71144" s="1" t="s">
        <v>237758</v>
      </c>
      <c r="F71144" s="1" t="s">
        <v>237759</v>
      </c>
      <c r="G71144" s="1" t="s">
        <v>237660</v>
      </c>
      <c r="H71144" s="1" t="s">
        <v>237661</v>
      </c>
      <c r="I71144" s="1" t="s">
        <v>222698</v>
      </c>
      <c r="J71144" s="1" t="s">
        <v>237760</v>
      </c>
    </row>
    <row r="71145" spans="1:10" x14ac:dyDescent="0.35">
      <c r="A71145" s="1" t="s">
        <v>15199</v>
      </c>
      <c r="B71145" s="1" t="s">
        <v>222693</v>
      </c>
      <c r="C71145" s="1" t="s">
        <v>150</v>
      </c>
      <c r="D71145" s="1" t="s">
        <v>164760</v>
      </c>
      <c r="E71145" s="1" t="s">
        <v>237761</v>
      </c>
      <c r="F71145" s="1" t="s">
        <v>237762</v>
      </c>
      <c r="G71145" s="1" t="s">
        <v>237660</v>
      </c>
      <c r="H71145" s="1" t="s">
        <v>237661</v>
      </c>
      <c r="I71145" s="1" t="s">
        <v>222698</v>
      </c>
      <c r="J71145" s="1" t="s">
        <v>237763</v>
      </c>
    </row>
    <row r="71146" spans="1:10" x14ac:dyDescent="0.35">
      <c r="A71146" s="1" t="s">
        <v>15199</v>
      </c>
      <c r="B71146" s="1" t="s">
        <v>222693</v>
      </c>
      <c r="C71146" s="1" t="s">
        <v>155</v>
      </c>
      <c r="D71146" s="1" t="s">
        <v>237764</v>
      </c>
      <c r="E71146" s="1" t="s">
        <v>237765</v>
      </c>
      <c r="F71146" s="1" t="s">
        <v>237766</v>
      </c>
      <c r="G71146" s="1" t="s">
        <v>237660</v>
      </c>
      <c r="H71146" s="1" t="s">
        <v>237661</v>
      </c>
      <c r="I71146" s="1" t="s">
        <v>222698</v>
      </c>
      <c r="J71146" s="1" t="s">
        <v>237767</v>
      </c>
    </row>
    <row r="71147" spans="1:10" x14ac:dyDescent="0.35">
      <c r="A71147" s="1" t="s">
        <v>15199</v>
      </c>
      <c r="B71147" s="1" t="s">
        <v>222693</v>
      </c>
      <c r="C71147" s="1" t="s">
        <v>160</v>
      </c>
      <c r="D71147" s="1" t="s">
        <v>237768</v>
      </c>
      <c r="E71147" s="1" t="s">
        <v>237769</v>
      </c>
      <c r="F71147" s="1" t="s">
        <v>237770</v>
      </c>
      <c r="G71147" s="1" t="s">
        <v>237660</v>
      </c>
      <c r="H71147" s="1" t="s">
        <v>237661</v>
      </c>
      <c r="I71147" s="1" t="s">
        <v>222698</v>
      </c>
      <c r="J71147" s="1" t="s">
        <v>237771</v>
      </c>
    </row>
    <row r="71148" spans="1:10" x14ac:dyDescent="0.35">
      <c r="A71148" s="1" t="s">
        <v>15199</v>
      </c>
      <c r="B71148" s="1" t="s">
        <v>222693</v>
      </c>
      <c r="C71148" s="1" t="s">
        <v>165</v>
      </c>
      <c r="D71148" s="1" t="s">
        <v>237772</v>
      </c>
      <c r="E71148" s="1" t="s">
        <v>237773</v>
      </c>
      <c r="F71148" s="1" t="s">
        <v>237774</v>
      </c>
      <c r="G71148" s="1" t="s">
        <v>237660</v>
      </c>
      <c r="H71148" s="1" t="s">
        <v>237661</v>
      </c>
      <c r="I71148" s="1" t="s">
        <v>222698</v>
      </c>
      <c r="J71148" s="1" t="s">
        <v>237775</v>
      </c>
    </row>
    <row r="71149" spans="1:10" x14ac:dyDescent="0.35">
      <c r="A71149" s="1" t="s">
        <v>15199</v>
      </c>
      <c r="B71149" s="1" t="s">
        <v>222693</v>
      </c>
      <c r="C71149" s="1" t="s">
        <v>170</v>
      </c>
      <c r="D71149" s="1" t="s">
        <v>237776</v>
      </c>
      <c r="E71149" s="1" t="s">
        <v>237777</v>
      </c>
      <c r="F71149" s="1" t="s">
        <v>237778</v>
      </c>
      <c r="G71149" s="1" t="s">
        <v>237660</v>
      </c>
      <c r="H71149" s="1" t="s">
        <v>237661</v>
      </c>
      <c r="I71149" s="1" t="s">
        <v>222698</v>
      </c>
      <c r="J71149" s="1" t="s">
        <v>237779</v>
      </c>
    </row>
    <row r="71150" spans="1:10" x14ac:dyDescent="0.35">
      <c r="A71150" s="1" t="s">
        <v>44998</v>
      </c>
      <c r="B71150" s="1" t="s">
        <v>222693</v>
      </c>
      <c r="C71150" s="1" t="s">
        <v>8</v>
      </c>
      <c r="D71150" s="1" t="s">
        <v>64324</v>
      </c>
      <c r="E71150" s="1" t="s">
        <v>237780</v>
      </c>
      <c r="F71150" s="1" t="s">
        <v>237781</v>
      </c>
      <c r="G71150" s="1" t="s">
        <v>237782</v>
      </c>
      <c r="H71150" s="1" t="s">
        <v>237783</v>
      </c>
      <c r="I71150" s="1" t="s">
        <v>222698</v>
      </c>
      <c r="J71150" s="1" t="s">
        <v>13</v>
      </c>
    </row>
    <row r="71151" spans="1:10" x14ac:dyDescent="0.35">
      <c r="A71151" s="1" t="s">
        <v>44998</v>
      </c>
      <c r="B71151" s="1" t="s">
        <v>222693</v>
      </c>
      <c r="C71151" s="1" t="s">
        <v>15</v>
      </c>
      <c r="D71151" s="1" t="s">
        <v>81149</v>
      </c>
      <c r="E71151" s="1" t="s">
        <v>237784</v>
      </c>
      <c r="F71151" s="1" t="s">
        <v>237785</v>
      </c>
      <c r="G71151" s="1" t="s">
        <v>237782</v>
      </c>
      <c r="H71151" s="1" t="s">
        <v>237783</v>
      </c>
      <c r="I71151" s="1" t="s">
        <v>222698</v>
      </c>
      <c r="J71151" s="1" t="s">
        <v>237786</v>
      </c>
    </row>
    <row r="71152" spans="1:10" x14ac:dyDescent="0.35">
      <c r="A71152" s="1" t="s">
        <v>44998</v>
      </c>
      <c r="B71152" s="1" t="s">
        <v>222693</v>
      </c>
      <c r="C71152" s="1" t="s">
        <v>20</v>
      </c>
      <c r="D71152" s="1" t="s">
        <v>59963</v>
      </c>
      <c r="E71152" s="1" t="s">
        <v>237787</v>
      </c>
      <c r="F71152" s="1" t="s">
        <v>237788</v>
      </c>
      <c r="G71152" s="1" t="s">
        <v>237782</v>
      </c>
      <c r="H71152" s="1" t="s">
        <v>237783</v>
      </c>
      <c r="I71152" s="1" t="s">
        <v>222698</v>
      </c>
      <c r="J71152" s="1" t="s">
        <v>237789</v>
      </c>
    </row>
    <row r="71153" spans="1:10" x14ac:dyDescent="0.35">
      <c r="A71153" s="1" t="s">
        <v>44998</v>
      </c>
      <c r="B71153" s="1" t="s">
        <v>222693</v>
      </c>
      <c r="C71153" s="1" t="s">
        <v>25</v>
      </c>
      <c r="D71153" s="1" t="s">
        <v>59172</v>
      </c>
      <c r="E71153" s="1" t="s">
        <v>237790</v>
      </c>
      <c r="F71153" s="1" t="s">
        <v>237791</v>
      </c>
      <c r="G71153" s="1" t="s">
        <v>237782</v>
      </c>
      <c r="H71153" s="1" t="s">
        <v>237783</v>
      </c>
      <c r="I71153" s="1" t="s">
        <v>222698</v>
      </c>
      <c r="J71153" s="1" t="s">
        <v>237792</v>
      </c>
    </row>
    <row r="71154" spans="1:10" x14ac:dyDescent="0.35">
      <c r="A71154" s="1" t="s">
        <v>44998</v>
      </c>
      <c r="B71154" s="1" t="s">
        <v>222693</v>
      </c>
      <c r="C71154" s="1" t="s">
        <v>30</v>
      </c>
      <c r="D71154" s="1" t="s">
        <v>59975</v>
      </c>
      <c r="E71154" s="1" t="s">
        <v>237793</v>
      </c>
      <c r="F71154" s="1" t="s">
        <v>237794</v>
      </c>
      <c r="G71154" s="1" t="s">
        <v>237782</v>
      </c>
      <c r="H71154" s="1" t="s">
        <v>237783</v>
      </c>
      <c r="I71154" s="1" t="s">
        <v>222698</v>
      </c>
      <c r="J71154" s="1" t="s">
        <v>237795</v>
      </c>
    </row>
    <row r="71155" spans="1:10" x14ac:dyDescent="0.35">
      <c r="A71155" s="1" t="s">
        <v>44998</v>
      </c>
      <c r="B71155" s="1" t="s">
        <v>222693</v>
      </c>
      <c r="C71155" s="1" t="s">
        <v>35</v>
      </c>
      <c r="D71155" s="1" t="s">
        <v>137092</v>
      </c>
      <c r="E71155" s="1" t="s">
        <v>237796</v>
      </c>
      <c r="F71155" s="1" t="s">
        <v>237797</v>
      </c>
      <c r="G71155" s="1" t="s">
        <v>237782</v>
      </c>
      <c r="H71155" s="1" t="s">
        <v>237783</v>
      </c>
      <c r="I71155" s="1" t="s">
        <v>222698</v>
      </c>
      <c r="J71155" s="1" t="s">
        <v>237798</v>
      </c>
    </row>
    <row r="71156" spans="1:10" x14ac:dyDescent="0.35">
      <c r="A71156" s="1" t="s">
        <v>44998</v>
      </c>
      <c r="B71156" s="1" t="s">
        <v>222693</v>
      </c>
      <c r="C71156" s="1" t="s">
        <v>40</v>
      </c>
      <c r="D71156" s="1" t="s">
        <v>162314</v>
      </c>
      <c r="E71156" s="1" t="s">
        <v>237799</v>
      </c>
      <c r="F71156" s="1" t="s">
        <v>237800</v>
      </c>
      <c r="G71156" s="1" t="s">
        <v>237782</v>
      </c>
      <c r="H71156" s="1" t="s">
        <v>237783</v>
      </c>
      <c r="I71156" s="1" t="s">
        <v>222698</v>
      </c>
      <c r="J71156" s="1" t="s">
        <v>237801</v>
      </c>
    </row>
    <row r="71157" spans="1:10" x14ac:dyDescent="0.35">
      <c r="A71157" s="1" t="s">
        <v>44998</v>
      </c>
      <c r="B71157" s="1" t="s">
        <v>222693</v>
      </c>
      <c r="C71157" s="1" t="s">
        <v>45</v>
      </c>
      <c r="D71157" s="1" t="s">
        <v>237802</v>
      </c>
      <c r="E71157" s="1" t="s">
        <v>237803</v>
      </c>
      <c r="F71157" s="1" t="s">
        <v>237804</v>
      </c>
      <c r="G71157" s="1" t="s">
        <v>237782</v>
      </c>
      <c r="H71157" s="1" t="s">
        <v>237783</v>
      </c>
      <c r="I71157" s="1" t="s">
        <v>222698</v>
      </c>
      <c r="J71157" s="1" t="s">
        <v>237805</v>
      </c>
    </row>
    <row r="71158" spans="1:10" x14ac:dyDescent="0.35">
      <c r="A71158" s="1" t="s">
        <v>44998</v>
      </c>
      <c r="B71158" s="1" t="s">
        <v>222693</v>
      </c>
      <c r="C71158" s="1" t="s">
        <v>50</v>
      </c>
      <c r="D71158" s="1" t="s">
        <v>237806</v>
      </c>
      <c r="E71158" s="1" t="s">
        <v>237807</v>
      </c>
      <c r="F71158" s="1" t="s">
        <v>237808</v>
      </c>
      <c r="G71158" s="1" t="s">
        <v>237782</v>
      </c>
      <c r="H71158" s="1" t="s">
        <v>237783</v>
      </c>
      <c r="I71158" s="1" t="s">
        <v>222698</v>
      </c>
      <c r="J71158" s="1" t="s">
        <v>237809</v>
      </c>
    </row>
    <row r="71159" spans="1:10" x14ac:dyDescent="0.35">
      <c r="A71159" s="1" t="s">
        <v>44998</v>
      </c>
      <c r="B71159" s="1" t="s">
        <v>222693</v>
      </c>
      <c r="C71159" s="1" t="s">
        <v>55</v>
      </c>
      <c r="D71159" s="1" t="s">
        <v>237810</v>
      </c>
      <c r="E71159" s="1" t="s">
        <v>237811</v>
      </c>
      <c r="F71159" s="1" t="s">
        <v>237812</v>
      </c>
      <c r="G71159" s="1" t="s">
        <v>237782</v>
      </c>
      <c r="H71159" s="1" t="s">
        <v>237783</v>
      </c>
      <c r="I71159" s="1" t="s">
        <v>222698</v>
      </c>
      <c r="J71159" s="1" t="s">
        <v>237813</v>
      </c>
    </row>
    <row r="71160" spans="1:10" x14ac:dyDescent="0.35">
      <c r="A71160" s="1" t="s">
        <v>44998</v>
      </c>
      <c r="B71160" s="1" t="s">
        <v>222693</v>
      </c>
      <c r="C71160" s="1" t="s">
        <v>60</v>
      </c>
      <c r="D71160" s="1" t="s">
        <v>237814</v>
      </c>
      <c r="E71160" s="1" t="s">
        <v>237815</v>
      </c>
      <c r="F71160" s="1" t="s">
        <v>86842</v>
      </c>
      <c r="G71160" s="1" t="s">
        <v>237782</v>
      </c>
      <c r="H71160" s="1" t="s">
        <v>237783</v>
      </c>
      <c r="I71160" s="1" t="s">
        <v>222698</v>
      </c>
      <c r="J71160" s="1" t="s">
        <v>237816</v>
      </c>
    </row>
    <row r="71161" spans="1:10" x14ac:dyDescent="0.35">
      <c r="A71161" s="1" t="s">
        <v>44998</v>
      </c>
      <c r="B71161" s="1" t="s">
        <v>222693</v>
      </c>
      <c r="C71161" s="1" t="s">
        <v>65</v>
      </c>
      <c r="D71161" s="1" t="s">
        <v>237817</v>
      </c>
      <c r="E71161" s="1" t="s">
        <v>237818</v>
      </c>
      <c r="F71161" s="1" t="s">
        <v>237819</v>
      </c>
      <c r="G71161" s="1" t="s">
        <v>237782</v>
      </c>
      <c r="H71161" s="1" t="s">
        <v>237783</v>
      </c>
      <c r="I71161" s="1" t="s">
        <v>222698</v>
      </c>
      <c r="J71161" s="1" t="s">
        <v>237820</v>
      </c>
    </row>
    <row r="71162" spans="1:10" x14ac:dyDescent="0.35">
      <c r="A71162" s="1" t="s">
        <v>44998</v>
      </c>
      <c r="B71162" s="1" t="s">
        <v>222693</v>
      </c>
      <c r="C71162" s="1" t="s">
        <v>70</v>
      </c>
      <c r="D71162" s="1" t="s">
        <v>57968</v>
      </c>
      <c r="E71162" s="1" t="s">
        <v>237821</v>
      </c>
      <c r="F71162" s="1" t="s">
        <v>237822</v>
      </c>
      <c r="G71162" s="1" t="s">
        <v>237782</v>
      </c>
      <c r="H71162" s="1" t="s">
        <v>237783</v>
      </c>
      <c r="I71162" s="1" t="s">
        <v>222698</v>
      </c>
      <c r="J71162" s="1" t="s">
        <v>237823</v>
      </c>
    </row>
    <row r="71163" spans="1:10" x14ac:dyDescent="0.35">
      <c r="A71163" s="1" t="s">
        <v>44998</v>
      </c>
      <c r="B71163" s="1" t="s">
        <v>222693</v>
      </c>
      <c r="C71163" s="1" t="s">
        <v>75</v>
      </c>
      <c r="D71163" s="1" t="s">
        <v>237824</v>
      </c>
      <c r="E71163" s="1" t="s">
        <v>237825</v>
      </c>
      <c r="F71163" s="1" t="s">
        <v>237826</v>
      </c>
      <c r="G71163" s="1" t="s">
        <v>237782</v>
      </c>
      <c r="H71163" s="1" t="s">
        <v>237783</v>
      </c>
      <c r="I71163" s="1" t="s">
        <v>222698</v>
      </c>
      <c r="J71163" s="1" t="s">
        <v>237827</v>
      </c>
    </row>
    <row r="71164" spans="1:10" x14ac:dyDescent="0.35">
      <c r="A71164" s="1" t="s">
        <v>44998</v>
      </c>
      <c r="B71164" s="1" t="s">
        <v>222693</v>
      </c>
      <c r="C71164" s="1" t="s">
        <v>80</v>
      </c>
      <c r="D71164" s="1" t="s">
        <v>103704</v>
      </c>
      <c r="E71164" s="1" t="s">
        <v>237828</v>
      </c>
      <c r="F71164" s="1" t="s">
        <v>237829</v>
      </c>
      <c r="G71164" s="1" t="s">
        <v>237782</v>
      </c>
      <c r="H71164" s="1" t="s">
        <v>237783</v>
      </c>
      <c r="I71164" s="1" t="s">
        <v>222698</v>
      </c>
      <c r="J71164" s="1" t="s">
        <v>237830</v>
      </c>
    </row>
    <row r="71165" spans="1:10" x14ac:dyDescent="0.35">
      <c r="A71165" s="1" t="s">
        <v>44998</v>
      </c>
      <c r="B71165" s="1" t="s">
        <v>222693</v>
      </c>
      <c r="C71165" s="1" t="s">
        <v>85</v>
      </c>
      <c r="D71165" s="1" t="s">
        <v>128462</v>
      </c>
      <c r="E71165" s="1" t="s">
        <v>237831</v>
      </c>
      <c r="F71165" s="1" t="s">
        <v>237832</v>
      </c>
      <c r="G71165" s="1" t="s">
        <v>237782</v>
      </c>
      <c r="H71165" s="1" t="s">
        <v>237783</v>
      </c>
      <c r="I71165" s="1" t="s">
        <v>222698</v>
      </c>
      <c r="J71165" s="1" t="s">
        <v>237833</v>
      </c>
    </row>
    <row r="71166" spans="1:10" x14ac:dyDescent="0.35">
      <c r="A71166" s="1" t="s">
        <v>44998</v>
      </c>
      <c r="B71166" s="1" t="s">
        <v>222693</v>
      </c>
      <c r="C71166" s="1" t="s">
        <v>90</v>
      </c>
      <c r="D71166" s="1" t="s">
        <v>237834</v>
      </c>
      <c r="E71166" s="1" t="s">
        <v>237835</v>
      </c>
      <c r="F71166" s="1" t="s">
        <v>180674</v>
      </c>
      <c r="G71166" s="1" t="s">
        <v>237782</v>
      </c>
      <c r="H71166" s="1" t="s">
        <v>237783</v>
      </c>
      <c r="I71166" s="1" t="s">
        <v>222698</v>
      </c>
      <c r="J71166" s="1" t="s">
        <v>237836</v>
      </c>
    </row>
    <row r="71167" spans="1:10" x14ac:dyDescent="0.35">
      <c r="A71167" s="1" t="s">
        <v>44998</v>
      </c>
      <c r="B71167" s="1" t="s">
        <v>222693</v>
      </c>
      <c r="C71167" s="1" t="s">
        <v>95</v>
      </c>
      <c r="D71167" s="1" t="s">
        <v>23596</v>
      </c>
      <c r="E71167" s="1" t="s">
        <v>237837</v>
      </c>
      <c r="F71167" s="1" t="s">
        <v>237838</v>
      </c>
      <c r="G71167" s="1" t="s">
        <v>237782</v>
      </c>
      <c r="H71167" s="1" t="s">
        <v>237783</v>
      </c>
      <c r="I71167" s="1" t="s">
        <v>222698</v>
      </c>
      <c r="J71167" s="1" t="s">
        <v>237839</v>
      </c>
    </row>
    <row r="71168" spans="1:10" x14ac:dyDescent="0.35">
      <c r="A71168" s="1" t="s">
        <v>44998</v>
      </c>
      <c r="B71168" s="1" t="s">
        <v>222693</v>
      </c>
      <c r="C71168" s="1" t="s">
        <v>100</v>
      </c>
      <c r="D71168" s="1" t="s">
        <v>237840</v>
      </c>
      <c r="E71168" s="1" t="s">
        <v>237841</v>
      </c>
      <c r="F71168" s="1" t="s">
        <v>237842</v>
      </c>
      <c r="G71168" s="1" t="s">
        <v>237782</v>
      </c>
      <c r="H71168" s="1" t="s">
        <v>237783</v>
      </c>
      <c r="I71168" s="1" t="s">
        <v>222698</v>
      </c>
      <c r="J71168" s="1" t="s">
        <v>237843</v>
      </c>
    </row>
    <row r="71169" spans="1:10" x14ac:dyDescent="0.35">
      <c r="A71169" s="1" t="s">
        <v>44998</v>
      </c>
      <c r="B71169" s="1" t="s">
        <v>222693</v>
      </c>
      <c r="C71169" s="1" t="s">
        <v>105</v>
      </c>
      <c r="D71169" s="1" t="s">
        <v>237844</v>
      </c>
      <c r="E71169" s="1" t="s">
        <v>237845</v>
      </c>
      <c r="F71169" s="1" t="s">
        <v>237846</v>
      </c>
      <c r="G71169" s="1" t="s">
        <v>237782</v>
      </c>
      <c r="H71169" s="1" t="s">
        <v>237783</v>
      </c>
      <c r="I71169" s="1" t="s">
        <v>222698</v>
      </c>
      <c r="J71169" s="1" t="s">
        <v>237847</v>
      </c>
    </row>
    <row r="71170" spans="1:10" x14ac:dyDescent="0.35">
      <c r="A71170" s="1" t="s">
        <v>44998</v>
      </c>
      <c r="B71170" s="1" t="s">
        <v>222693</v>
      </c>
      <c r="C71170" s="1" t="s">
        <v>110</v>
      </c>
      <c r="D71170" s="1" t="s">
        <v>237848</v>
      </c>
      <c r="E71170" s="1" t="s">
        <v>237849</v>
      </c>
      <c r="F71170" s="1" t="s">
        <v>237850</v>
      </c>
      <c r="G71170" s="1" t="s">
        <v>237782</v>
      </c>
      <c r="H71170" s="1" t="s">
        <v>237783</v>
      </c>
      <c r="I71170" s="1" t="s">
        <v>222698</v>
      </c>
      <c r="J71170" s="1" t="s">
        <v>237851</v>
      </c>
    </row>
    <row r="71171" spans="1:10" x14ac:dyDescent="0.35">
      <c r="A71171" s="1" t="s">
        <v>44998</v>
      </c>
      <c r="B71171" s="1" t="s">
        <v>222693</v>
      </c>
      <c r="C71171" s="1" t="s">
        <v>115</v>
      </c>
      <c r="D71171" s="1" t="s">
        <v>237852</v>
      </c>
      <c r="E71171" s="1" t="s">
        <v>237853</v>
      </c>
      <c r="F71171" s="1" t="s">
        <v>237854</v>
      </c>
      <c r="G71171" s="1" t="s">
        <v>237782</v>
      </c>
      <c r="H71171" s="1" t="s">
        <v>237783</v>
      </c>
      <c r="I71171" s="1" t="s">
        <v>222698</v>
      </c>
      <c r="J71171" s="1" t="s">
        <v>237855</v>
      </c>
    </row>
    <row r="71172" spans="1:10" x14ac:dyDescent="0.35">
      <c r="A71172" s="1" t="s">
        <v>44998</v>
      </c>
      <c r="B71172" s="1" t="s">
        <v>222693</v>
      </c>
      <c r="C71172" s="1" t="s">
        <v>120</v>
      </c>
      <c r="D71172" s="1" t="s">
        <v>237856</v>
      </c>
      <c r="E71172" s="1" t="s">
        <v>237857</v>
      </c>
      <c r="F71172" s="1" t="s">
        <v>237858</v>
      </c>
      <c r="G71172" s="1" t="s">
        <v>237782</v>
      </c>
      <c r="H71172" s="1" t="s">
        <v>237783</v>
      </c>
      <c r="I71172" s="1" t="s">
        <v>222698</v>
      </c>
      <c r="J71172" s="1" t="s">
        <v>237859</v>
      </c>
    </row>
    <row r="71173" spans="1:10" x14ac:dyDescent="0.35">
      <c r="A71173" s="1" t="s">
        <v>44998</v>
      </c>
      <c r="B71173" s="1" t="s">
        <v>222693</v>
      </c>
      <c r="C71173" s="1" t="s">
        <v>125</v>
      </c>
      <c r="D71173" s="1" t="s">
        <v>237860</v>
      </c>
      <c r="E71173" s="1" t="s">
        <v>237861</v>
      </c>
      <c r="F71173" s="1" t="s">
        <v>237862</v>
      </c>
      <c r="G71173" s="1" t="s">
        <v>237782</v>
      </c>
      <c r="H71173" s="1" t="s">
        <v>237783</v>
      </c>
      <c r="I71173" s="1" t="s">
        <v>222698</v>
      </c>
      <c r="J71173" s="1" t="s">
        <v>237863</v>
      </c>
    </row>
    <row r="71174" spans="1:10" x14ac:dyDescent="0.35">
      <c r="A71174" s="1" t="s">
        <v>44998</v>
      </c>
      <c r="B71174" s="1" t="s">
        <v>222693</v>
      </c>
      <c r="C71174" s="1" t="s">
        <v>130</v>
      </c>
      <c r="D71174" s="1" t="s">
        <v>237864</v>
      </c>
      <c r="E71174" s="1" t="s">
        <v>237865</v>
      </c>
      <c r="F71174" s="1" t="s">
        <v>237866</v>
      </c>
      <c r="G71174" s="1" t="s">
        <v>237782</v>
      </c>
      <c r="H71174" s="1" t="s">
        <v>237783</v>
      </c>
      <c r="I71174" s="1" t="s">
        <v>222698</v>
      </c>
      <c r="J71174" s="1" t="s">
        <v>237867</v>
      </c>
    </row>
    <row r="71175" spans="1:10" x14ac:dyDescent="0.35">
      <c r="A71175" s="1" t="s">
        <v>44998</v>
      </c>
      <c r="B71175" s="1" t="s">
        <v>222693</v>
      </c>
      <c r="C71175" s="1" t="s">
        <v>135</v>
      </c>
      <c r="D71175" s="1" t="s">
        <v>237868</v>
      </c>
      <c r="E71175" s="1" t="s">
        <v>237869</v>
      </c>
      <c r="F71175" s="1" t="s">
        <v>237870</v>
      </c>
      <c r="G71175" s="1" t="s">
        <v>237782</v>
      </c>
      <c r="H71175" s="1" t="s">
        <v>237783</v>
      </c>
      <c r="I71175" s="1" t="s">
        <v>222698</v>
      </c>
      <c r="J71175" s="1" t="s">
        <v>237871</v>
      </c>
    </row>
    <row r="71176" spans="1:10" x14ac:dyDescent="0.35">
      <c r="A71176" s="1" t="s">
        <v>44998</v>
      </c>
      <c r="B71176" s="1" t="s">
        <v>222693</v>
      </c>
      <c r="C71176" s="1" t="s">
        <v>140</v>
      </c>
      <c r="D71176" s="1" t="s">
        <v>237872</v>
      </c>
      <c r="E71176" s="1" t="s">
        <v>237873</v>
      </c>
      <c r="F71176" s="1" t="s">
        <v>237874</v>
      </c>
      <c r="G71176" s="1" t="s">
        <v>237782</v>
      </c>
      <c r="H71176" s="1" t="s">
        <v>237783</v>
      </c>
      <c r="I71176" s="1" t="s">
        <v>222698</v>
      </c>
      <c r="J71176" s="1" t="s">
        <v>237875</v>
      </c>
    </row>
    <row r="71177" spans="1:10" x14ac:dyDescent="0.35">
      <c r="A71177" s="1" t="s">
        <v>44998</v>
      </c>
      <c r="B71177" s="1" t="s">
        <v>222693</v>
      </c>
      <c r="C71177" s="1" t="s">
        <v>145</v>
      </c>
      <c r="D71177" s="1" t="s">
        <v>237876</v>
      </c>
      <c r="E71177" s="1" t="s">
        <v>237877</v>
      </c>
      <c r="F71177" s="1" t="s">
        <v>237878</v>
      </c>
      <c r="G71177" s="1" t="s">
        <v>237782</v>
      </c>
      <c r="H71177" s="1" t="s">
        <v>237783</v>
      </c>
      <c r="I71177" s="1" t="s">
        <v>222698</v>
      </c>
      <c r="J71177" s="1" t="s">
        <v>237879</v>
      </c>
    </row>
    <row r="71178" spans="1:10" x14ac:dyDescent="0.35">
      <c r="A71178" s="1" t="s">
        <v>44998</v>
      </c>
      <c r="B71178" s="1" t="s">
        <v>222693</v>
      </c>
      <c r="C71178" s="1" t="s">
        <v>150</v>
      </c>
      <c r="D71178" s="1" t="s">
        <v>237880</v>
      </c>
      <c r="E71178" s="1" t="s">
        <v>237881</v>
      </c>
      <c r="F71178" s="1" t="s">
        <v>237882</v>
      </c>
      <c r="G71178" s="1" t="s">
        <v>237782</v>
      </c>
      <c r="H71178" s="1" t="s">
        <v>237783</v>
      </c>
      <c r="I71178" s="1" t="s">
        <v>222698</v>
      </c>
      <c r="J71178" s="1" t="s">
        <v>237883</v>
      </c>
    </row>
    <row r="71179" spans="1:10" x14ac:dyDescent="0.35">
      <c r="A71179" s="1" t="s">
        <v>44998</v>
      </c>
      <c r="B71179" s="1" t="s">
        <v>222693</v>
      </c>
      <c r="C71179" s="1" t="s">
        <v>155</v>
      </c>
      <c r="D71179" s="1" t="s">
        <v>237884</v>
      </c>
      <c r="E71179" s="1" t="s">
        <v>237885</v>
      </c>
      <c r="F71179" s="1" t="s">
        <v>237886</v>
      </c>
      <c r="G71179" s="1" t="s">
        <v>237782</v>
      </c>
      <c r="H71179" s="1" t="s">
        <v>237783</v>
      </c>
      <c r="I71179" s="1" t="s">
        <v>222698</v>
      </c>
      <c r="J71179" s="1" t="s">
        <v>237887</v>
      </c>
    </row>
    <row r="71180" spans="1:10" x14ac:dyDescent="0.35">
      <c r="A71180" s="1" t="s">
        <v>44998</v>
      </c>
      <c r="B71180" s="1" t="s">
        <v>222693</v>
      </c>
      <c r="C71180" s="1" t="s">
        <v>160</v>
      </c>
      <c r="D71180" s="1" t="s">
        <v>237888</v>
      </c>
      <c r="E71180" s="1" t="s">
        <v>237889</v>
      </c>
      <c r="F71180" s="1" t="s">
        <v>237890</v>
      </c>
      <c r="G71180" s="1" t="s">
        <v>237782</v>
      </c>
      <c r="H71180" s="1" t="s">
        <v>237783</v>
      </c>
      <c r="I71180" s="1" t="s">
        <v>222698</v>
      </c>
      <c r="J71180" s="1" t="s">
        <v>237891</v>
      </c>
    </row>
    <row r="71181" spans="1:10" x14ac:dyDescent="0.35">
      <c r="A71181" s="1" t="s">
        <v>44998</v>
      </c>
      <c r="B71181" s="1" t="s">
        <v>222693</v>
      </c>
      <c r="C71181" s="1" t="s">
        <v>165</v>
      </c>
      <c r="D71181" s="1" t="s">
        <v>237892</v>
      </c>
      <c r="E71181" s="1" t="s">
        <v>237893</v>
      </c>
      <c r="F71181" s="1" t="s">
        <v>237894</v>
      </c>
      <c r="G71181" s="1" t="s">
        <v>237782</v>
      </c>
      <c r="H71181" s="1" t="s">
        <v>237783</v>
      </c>
      <c r="I71181" s="1" t="s">
        <v>222698</v>
      </c>
      <c r="J71181" s="1" t="s">
        <v>237895</v>
      </c>
    </row>
    <row r="71182" spans="1:10" x14ac:dyDescent="0.35">
      <c r="A71182" s="1" t="s">
        <v>44998</v>
      </c>
      <c r="B71182" s="1" t="s">
        <v>222693</v>
      </c>
      <c r="C71182" s="1" t="s">
        <v>170</v>
      </c>
      <c r="D71182" s="1" t="s">
        <v>237896</v>
      </c>
      <c r="E71182" s="1" t="s">
        <v>237897</v>
      </c>
      <c r="F71182" s="1" t="s">
        <v>237898</v>
      </c>
      <c r="G71182" s="1" t="s">
        <v>237782</v>
      </c>
      <c r="H71182" s="1" t="s">
        <v>237783</v>
      </c>
      <c r="I71182" s="1" t="s">
        <v>222698</v>
      </c>
      <c r="J71182" s="1" t="s">
        <v>237899</v>
      </c>
    </row>
    <row r="71183" spans="1:10" x14ac:dyDescent="0.35">
      <c r="A71183" s="1" t="s">
        <v>119770</v>
      </c>
      <c r="B71183" s="1" t="s">
        <v>222693</v>
      </c>
      <c r="C71183" s="1" t="s">
        <v>8</v>
      </c>
      <c r="D71183" s="1" t="s">
        <v>237900</v>
      </c>
      <c r="E71183" s="1" t="s">
        <v>237901</v>
      </c>
      <c r="F71183" s="1" t="s">
        <v>237902</v>
      </c>
      <c r="G71183" s="1" t="s">
        <v>237903</v>
      </c>
      <c r="H71183" s="1" t="s">
        <v>237904</v>
      </c>
      <c r="I71183" s="1" t="s">
        <v>222698</v>
      </c>
      <c r="J71183" s="1" t="s">
        <v>13</v>
      </c>
    </row>
    <row r="71184" spans="1:10" x14ac:dyDescent="0.35">
      <c r="A71184" s="1" t="s">
        <v>119770</v>
      </c>
      <c r="B71184" s="1" t="s">
        <v>222693</v>
      </c>
      <c r="C71184" s="1" t="s">
        <v>15</v>
      </c>
      <c r="D71184" s="1" t="s">
        <v>90562</v>
      </c>
      <c r="E71184" s="1" t="s">
        <v>237905</v>
      </c>
      <c r="F71184" s="1" t="s">
        <v>237906</v>
      </c>
      <c r="G71184" s="1" t="s">
        <v>237903</v>
      </c>
      <c r="H71184" s="1" t="s">
        <v>237904</v>
      </c>
      <c r="I71184" s="1" t="s">
        <v>222698</v>
      </c>
      <c r="J71184" s="1" t="s">
        <v>237907</v>
      </c>
    </row>
    <row r="71185" spans="1:10" x14ac:dyDescent="0.35">
      <c r="A71185" s="1" t="s">
        <v>119770</v>
      </c>
      <c r="B71185" s="1" t="s">
        <v>222693</v>
      </c>
      <c r="C71185" s="1" t="s">
        <v>20</v>
      </c>
      <c r="D71185" s="1" t="s">
        <v>237908</v>
      </c>
      <c r="E71185" s="1" t="s">
        <v>237909</v>
      </c>
      <c r="F71185" s="1" t="s">
        <v>237910</v>
      </c>
      <c r="G71185" s="1" t="s">
        <v>237903</v>
      </c>
      <c r="H71185" s="1" t="s">
        <v>237904</v>
      </c>
      <c r="I71185" s="1" t="s">
        <v>222698</v>
      </c>
      <c r="J71185" s="1" t="s">
        <v>237911</v>
      </c>
    </row>
    <row r="71186" spans="1:10" x14ac:dyDescent="0.35">
      <c r="A71186" s="1" t="s">
        <v>119770</v>
      </c>
      <c r="B71186" s="1" t="s">
        <v>222693</v>
      </c>
      <c r="C71186" s="1" t="s">
        <v>25</v>
      </c>
      <c r="D71186" s="1" t="s">
        <v>237912</v>
      </c>
      <c r="E71186" s="1" t="s">
        <v>237913</v>
      </c>
      <c r="F71186" s="1" t="s">
        <v>237914</v>
      </c>
      <c r="G71186" s="1" t="s">
        <v>237903</v>
      </c>
      <c r="H71186" s="1" t="s">
        <v>237904</v>
      </c>
      <c r="I71186" s="1" t="s">
        <v>222698</v>
      </c>
      <c r="J71186" s="1" t="s">
        <v>237915</v>
      </c>
    </row>
    <row r="71187" spans="1:10" x14ac:dyDescent="0.35">
      <c r="A71187" s="1" t="s">
        <v>119770</v>
      </c>
      <c r="B71187" s="1" t="s">
        <v>222693</v>
      </c>
      <c r="C71187" s="1" t="s">
        <v>30</v>
      </c>
      <c r="D71187" s="1" t="s">
        <v>237916</v>
      </c>
      <c r="E71187" s="1" t="s">
        <v>237917</v>
      </c>
      <c r="F71187" s="1" t="s">
        <v>237918</v>
      </c>
      <c r="G71187" s="1" t="s">
        <v>237903</v>
      </c>
      <c r="H71187" s="1" t="s">
        <v>237904</v>
      </c>
      <c r="I71187" s="1" t="s">
        <v>222698</v>
      </c>
      <c r="J71187" s="1" t="s">
        <v>237919</v>
      </c>
    </row>
    <row r="71188" spans="1:10" x14ac:dyDescent="0.35">
      <c r="A71188" s="1" t="s">
        <v>119770</v>
      </c>
      <c r="B71188" s="1" t="s">
        <v>222693</v>
      </c>
      <c r="C71188" s="1" t="s">
        <v>35</v>
      </c>
      <c r="D71188" s="1" t="s">
        <v>162450</v>
      </c>
      <c r="E71188" s="1" t="s">
        <v>237920</v>
      </c>
      <c r="F71188" s="1" t="s">
        <v>237921</v>
      </c>
      <c r="G71188" s="1" t="s">
        <v>237903</v>
      </c>
      <c r="H71188" s="1" t="s">
        <v>237904</v>
      </c>
      <c r="I71188" s="1" t="s">
        <v>222698</v>
      </c>
      <c r="J71188" s="1" t="s">
        <v>237922</v>
      </c>
    </row>
    <row r="71189" spans="1:10" x14ac:dyDescent="0.35">
      <c r="A71189" s="1" t="s">
        <v>119770</v>
      </c>
      <c r="B71189" s="1" t="s">
        <v>222693</v>
      </c>
      <c r="C71189" s="1" t="s">
        <v>40</v>
      </c>
      <c r="D71189" s="1" t="s">
        <v>237923</v>
      </c>
      <c r="E71189" s="1" t="s">
        <v>237924</v>
      </c>
      <c r="F71189" s="1" t="s">
        <v>237925</v>
      </c>
      <c r="G71189" s="1" t="s">
        <v>237903</v>
      </c>
      <c r="H71189" s="1" t="s">
        <v>237904</v>
      </c>
      <c r="I71189" s="1" t="s">
        <v>222698</v>
      </c>
      <c r="J71189" s="1" t="s">
        <v>237926</v>
      </c>
    </row>
    <row r="71190" spans="1:10" x14ac:dyDescent="0.35">
      <c r="A71190" s="1" t="s">
        <v>119770</v>
      </c>
      <c r="B71190" s="1" t="s">
        <v>222693</v>
      </c>
      <c r="C71190" s="1" t="s">
        <v>45</v>
      </c>
      <c r="D71190" s="1" t="s">
        <v>129494</v>
      </c>
      <c r="E71190" s="1" t="s">
        <v>237927</v>
      </c>
      <c r="F71190" s="1" t="s">
        <v>237928</v>
      </c>
      <c r="G71190" s="1" t="s">
        <v>237903</v>
      </c>
      <c r="H71190" s="1" t="s">
        <v>237904</v>
      </c>
      <c r="I71190" s="1" t="s">
        <v>222698</v>
      </c>
      <c r="J71190" s="1" t="s">
        <v>237929</v>
      </c>
    </row>
    <row r="71191" spans="1:10" x14ac:dyDescent="0.35">
      <c r="A71191" s="1" t="s">
        <v>119770</v>
      </c>
      <c r="B71191" s="1" t="s">
        <v>222693</v>
      </c>
      <c r="C71191" s="1" t="s">
        <v>50</v>
      </c>
      <c r="D71191" s="1" t="s">
        <v>60508</v>
      </c>
      <c r="E71191" s="1" t="s">
        <v>237930</v>
      </c>
      <c r="F71191" s="1" t="s">
        <v>237931</v>
      </c>
      <c r="G71191" s="1" t="s">
        <v>237903</v>
      </c>
      <c r="H71191" s="1" t="s">
        <v>237904</v>
      </c>
      <c r="I71191" s="1" t="s">
        <v>222698</v>
      </c>
      <c r="J71191" s="1" t="s">
        <v>237932</v>
      </c>
    </row>
    <row r="71192" spans="1:10" x14ac:dyDescent="0.35">
      <c r="A71192" s="1" t="s">
        <v>119770</v>
      </c>
      <c r="B71192" s="1" t="s">
        <v>222693</v>
      </c>
      <c r="C71192" s="1" t="s">
        <v>55</v>
      </c>
      <c r="D71192" s="1" t="s">
        <v>237933</v>
      </c>
      <c r="E71192" s="1" t="s">
        <v>237934</v>
      </c>
      <c r="F71192" s="1" t="s">
        <v>237935</v>
      </c>
      <c r="G71192" s="1" t="s">
        <v>237903</v>
      </c>
      <c r="H71192" s="1" t="s">
        <v>237904</v>
      </c>
      <c r="I71192" s="1" t="s">
        <v>222698</v>
      </c>
      <c r="J71192" s="1" t="s">
        <v>237936</v>
      </c>
    </row>
    <row r="71193" spans="1:10" x14ac:dyDescent="0.35">
      <c r="A71193" s="1" t="s">
        <v>119770</v>
      </c>
      <c r="B71193" s="1" t="s">
        <v>222693</v>
      </c>
      <c r="C71193" s="1" t="s">
        <v>60</v>
      </c>
      <c r="D71193" s="1" t="s">
        <v>237937</v>
      </c>
      <c r="E71193" s="1" t="s">
        <v>237938</v>
      </c>
      <c r="F71193" s="1" t="s">
        <v>237939</v>
      </c>
      <c r="G71193" s="1" t="s">
        <v>237903</v>
      </c>
      <c r="H71193" s="1" t="s">
        <v>237904</v>
      </c>
      <c r="I71193" s="1" t="s">
        <v>222698</v>
      </c>
      <c r="J71193" s="1" t="s">
        <v>237940</v>
      </c>
    </row>
    <row r="71194" spans="1:10" x14ac:dyDescent="0.35">
      <c r="A71194" s="1" t="s">
        <v>119770</v>
      </c>
      <c r="B71194" s="1" t="s">
        <v>222693</v>
      </c>
      <c r="C71194" s="1" t="s">
        <v>65</v>
      </c>
      <c r="D71194" s="1" t="s">
        <v>237941</v>
      </c>
      <c r="E71194" s="1" t="s">
        <v>237942</v>
      </c>
      <c r="F71194" s="1" t="s">
        <v>237943</v>
      </c>
      <c r="G71194" s="1" t="s">
        <v>237903</v>
      </c>
      <c r="H71194" s="1" t="s">
        <v>237904</v>
      </c>
      <c r="I71194" s="1" t="s">
        <v>222698</v>
      </c>
      <c r="J71194" s="1" t="s">
        <v>237944</v>
      </c>
    </row>
    <row r="71195" spans="1:10" x14ac:dyDescent="0.35">
      <c r="A71195" s="1" t="s">
        <v>119770</v>
      </c>
      <c r="B71195" s="1" t="s">
        <v>222693</v>
      </c>
      <c r="C71195" s="1" t="s">
        <v>70</v>
      </c>
      <c r="D71195" s="1" t="s">
        <v>130439</v>
      </c>
      <c r="E71195" s="1" t="s">
        <v>237945</v>
      </c>
      <c r="F71195" s="1" t="s">
        <v>237946</v>
      </c>
      <c r="G71195" s="1" t="s">
        <v>237903</v>
      </c>
      <c r="H71195" s="1" t="s">
        <v>237904</v>
      </c>
      <c r="I71195" s="1" t="s">
        <v>222698</v>
      </c>
      <c r="J71195" s="1" t="s">
        <v>237947</v>
      </c>
    </row>
    <row r="71196" spans="1:10" x14ac:dyDescent="0.35">
      <c r="A71196" s="1" t="s">
        <v>119770</v>
      </c>
      <c r="B71196" s="1" t="s">
        <v>222693</v>
      </c>
      <c r="C71196" s="1" t="s">
        <v>75</v>
      </c>
      <c r="D71196" s="1" t="s">
        <v>237948</v>
      </c>
      <c r="E71196" s="1" t="s">
        <v>237949</v>
      </c>
      <c r="F71196" s="1" t="s">
        <v>237950</v>
      </c>
      <c r="G71196" s="1" t="s">
        <v>237903</v>
      </c>
      <c r="H71196" s="1" t="s">
        <v>237904</v>
      </c>
      <c r="I71196" s="1" t="s">
        <v>222698</v>
      </c>
      <c r="J71196" s="1" t="s">
        <v>237951</v>
      </c>
    </row>
    <row r="71197" spans="1:10" x14ac:dyDescent="0.35">
      <c r="A71197" s="1" t="s">
        <v>119770</v>
      </c>
      <c r="B71197" s="1" t="s">
        <v>222693</v>
      </c>
      <c r="C71197" s="1" t="s">
        <v>80</v>
      </c>
      <c r="D71197" s="1" t="s">
        <v>40031</v>
      </c>
      <c r="E71197" s="1" t="s">
        <v>237952</v>
      </c>
      <c r="F71197" s="1" t="s">
        <v>237953</v>
      </c>
      <c r="G71197" s="1" t="s">
        <v>237903</v>
      </c>
      <c r="H71197" s="1" t="s">
        <v>237904</v>
      </c>
      <c r="I71197" s="1" t="s">
        <v>222698</v>
      </c>
      <c r="J71197" s="1" t="s">
        <v>237954</v>
      </c>
    </row>
    <row r="71198" spans="1:10" x14ac:dyDescent="0.35">
      <c r="A71198" s="1" t="s">
        <v>119770</v>
      </c>
      <c r="B71198" s="1" t="s">
        <v>222693</v>
      </c>
      <c r="C71198" s="1" t="s">
        <v>85</v>
      </c>
      <c r="D71198" s="1" t="s">
        <v>87588</v>
      </c>
      <c r="E71198" s="1" t="s">
        <v>237955</v>
      </c>
      <c r="F71198" s="1" t="s">
        <v>237956</v>
      </c>
      <c r="G71198" s="1" t="s">
        <v>237903</v>
      </c>
      <c r="H71198" s="1" t="s">
        <v>237904</v>
      </c>
      <c r="I71198" s="1" t="s">
        <v>222698</v>
      </c>
      <c r="J71198" s="1" t="s">
        <v>237957</v>
      </c>
    </row>
    <row r="71199" spans="1:10" x14ac:dyDescent="0.35">
      <c r="A71199" s="1" t="s">
        <v>119770</v>
      </c>
      <c r="B71199" s="1" t="s">
        <v>222693</v>
      </c>
      <c r="C71199" s="1" t="s">
        <v>90</v>
      </c>
      <c r="D71199" s="1" t="s">
        <v>237958</v>
      </c>
      <c r="E71199" s="1" t="s">
        <v>237959</v>
      </c>
      <c r="F71199" s="1" t="s">
        <v>237960</v>
      </c>
      <c r="G71199" s="1" t="s">
        <v>237903</v>
      </c>
      <c r="H71199" s="1" t="s">
        <v>237904</v>
      </c>
      <c r="I71199" s="1" t="s">
        <v>222698</v>
      </c>
      <c r="J71199" s="1" t="s">
        <v>237961</v>
      </c>
    </row>
    <row r="71200" spans="1:10" x14ac:dyDescent="0.35">
      <c r="A71200" s="1" t="s">
        <v>119770</v>
      </c>
      <c r="B71200" s="1" t="s">
        <v>222693</v>
      </c>
      <c r="C71200" s="1" t="s">
        <v>95</v>
      </c>
      <c r="D71200" s="1" t="s">
        <v>229457</v>
      </c>
      <c r="E71200" s="1" t="s">
        <v>237962</v>
      </c>
      <c r="F71200" s="1" t="s">
        <v>237963</v>
      </c>
      <c r="G71200" s="1" t="s">
        <v>237903</v>
      </c>
      <c r="H71200" s="1" t="s">
        <v>237904</v>
      </c>
      <c r="I71200" s="1" t="s">
        <v>222698</v>
      </c>
      <c r="J71200" s="1" t="s">
        <v>237964</v>
      </c>
    </row>
    <row r="71201" spans="1:10" x14ac:dyDescent="0.35">
      <c r="A71201" s="1" t="s">
        <v>119770</v>
      </c>
      <c r="B71201" s="1" t="s">
        <v>222693</v>
      </c>
      <c r="C71201" s="1" t="s">
        <v>100</v>
      </c>
      <c r="D71201" s="1" t="s">
        <v>235350</v>
      </c>
      <c r="E71201" s="1" t="s">
        <v>237965</v>
      </c>
      <c r="F71201" s="1" t="s">
        <v>237966</v>
      </c>
      <c r="G71201" s="1" t="s">
        <v>237903</v>
      </c>
      <c r="H71201" s="1" t="s">
        <v>237904</v>
      </c>
      <c r="I71201" s="1" t="s">
        <v>222698</v>
      </c>
      <c r="J71201" s="1" t="s">
        <v>237967</v>
      </c>
    </row>
    <row r="71202" spans="1:10" x14ac:dyDescent="0.35">
      <c r="A71202" s="1" t="s">
        <v>119770</v>
      </c>
      <c r="B71202" s="1" t="s">
        <v>222693</v>
      </c>
      <c r="C71202" s="1" t="s">
        <v>105</v>
      </c>
      <c r="D71202" s="1" t="s">
        <v>237968</v>
      </c>
      <c r="E71202" s="1" t="s">
        <v>237969</v>
      </c>
      <c r="F71202" s="1" t="s">
        <v>237970</v>
      </c>
      <c r="G71202" s="1" t="s">
        <v>237903</v>
      </c>
      <c r="H71202" s="1" t="s">
        <v>237904</v>
      </c>
      <c r="I71202" s="1" t="s">
        <v>222698</v>
      </c>
      <c r="J71202" s="1" t="s">
        <v>237971</v>
      </c>
    </row>
    <row r="71203" spans="1:10" x14ac:dyDescent="0.35">
      <c r="A71203" s="1" t="s">
        <v>119770</v>
      </c>
      <c r="B71203" s="1" t="s">
        <v>222693</v>
      </c>
      <c r="C71203" s="1" t="s">
        <v>110</v>
      </c>
      <c r="D71203" s="1" t="s">
        <v>162927</v>
      </c>
      <c r="E71203" s="1" t="s">
        <v>237972</v>
      </c>
      <c r="F71203" s="1" t="s">
        <v>237973</v>
      </c>
      <c r="G71203" s="1" t="s">
        <v>237903</v>
      </c>
      <c r="H71203" s="1" t="s">
        <v>237904</v>
      </c>
      <c r="I71203" s="1" t="s">
        <v>222698</v>
      </c>
      <c r="J71203" s="1" t="s">
        <v>237974</v>
      </c>
    </row>
    <row r="71204" spans="1:10" x14ac:dyDescent="0.35">
      <c r="A71204" s="1" t="s">
        <v>119770</v>
      </c>
      <c r="B71204" s="1" t="s">
        <v>222693</v>
      </c>
      <c r="C71204" s="1" t="s">
        <v>115</v>
      </c>
      <c r="D71204" s="1" t="s">
        <v>235350</v>
      </c>
      <c r="E71204" s="1" t="s">
        <v>237975</v>
      </c>
      <c r="F71204" s="1" t="s">
        <v>237976</v>
      </c>
      <c r="G71204" s="1" t="s">
        <v>237903</v>
      </c>
      <c r="H71204" s="1" t="s">
        <v>237904</v>
      </c>
      <c r="I71204" s="1" t="s">
        <v>222698</v>
      </c>
      <c r="J71204" s="1" t="s">
        <v>237977</v>
      </c>
    </row>
    <row r="71205" spans="1:10" x14ac:dyDescent="0.35">
      <c r="A71205" s="1" t="s">
        <v>119770</v>
      </c>
      <c r="B71205" s="1" t="s">
        <v>222693</v>
      </c>
      <c r="C71205" s="1" t="s">
        <v>120</v>
      </c>
      <c r="D71205" s="1" t="s">
        <v>21691</v>
      </c>
      <c r="E71205" s="1" t="s">
        <v>237978</v>
      </c>
      <c r="F71205" s="1" t="s">
        <v>237979</v>
      </c>
      <c r="G71205" s="1" t="s">
        <v>237903</v>
      </c>
      <c r="H71205" s="1" t="s">
        <v>237904</v>
      </c>
      <c r="I71205" s="1" t="s">
        <v>222698</v>
      </c>
      <c r="J71205" s="1" t="s">
        <v>237980</v>
      </c>
    </row>
    <row r="71206" spans="1:10" x14ac:dyDescent="0.35">
      <c r="A71206" s="1" t="s">
        <v>119770</v>
      </c>
      <c r="B71206" s="1" t="s">
        <v>222693</v>
      </c>
      <c r="C71206" s="1" t="s">
        <v>125</v>
      </c>
      <c r="D71206" s="1" t="s">
        <v>70201</v>
      </c>
      <c r="E71206" s="1" t="s">
        <v>237981</v>
      </c>
      <c r="F71206" s="1" t="s">
        <v>237982</v>
      </c>
      <c r="G71206" s="1" t="s">
        <v>237903</v>
      </c>
      <c r="H71206" s="1" t="s">
        <v>237904</v>
      </c>
      <c r="I71206" s="1" t="s">
        <v>222698</v>
      </c>
      <c r="J71206" s="1" t="s">
        <v>237983</v>
      </c>
    </row>
    <row r="71207" spans="1:10" x14ac:dyDescent="0.35">
      <c r="A71207" s="1" t="s">
        <v>119770</v>
      </c>
      <c r="B71207" s="1" t="s">
        <v>222693</v>
      </c>
      <c r="C71207" s="1" t="s">
        <v>130</v>
      </c>
      <c r="D71207" s="1" t="s">
        <v>225350</v>
      </c>
      <c r="E71207" s="1" t="s">
        <v>237984</v>
      </c>
      <c r="F71207" s="1" t="s">
        <v>237985</v>
      </c>
      <c r="G71207" s="1" t="s">
        <v>237903</v>
      </c>
      <c r="H71207" s="1" t="s">
        <v>237904</v>
      </c>
      <c r="I71207" s="1" t="s">
        <v>222698</v>
      </c>
      <c r="J71207" s="1" t="s">
        <v>237986</v>
      </c>
    </row>
    <row r="71208" spans="1:10" x14ac:dyDescent="0.35">
      <c r="A71208" s="1" t="s">
        <v>119770</v>
      </c>
      <c r="B71208" s="1" t="s">
        <v>222693</v>
      </c>
      <c r="C71208" s="1" t="s">
        <v>135</v>
      </c>
      <c r="D71208" s="1" t="s">
        <v>134787</v>
      </c>
      <c r="E71208" s="1" t="s">
        <v>237987</v>
      </c>
      <c r="F71208" s="1" t="s">
        <v>237988</v>
      </c>
      <c r="G71208" s="1" t="s">
        <v>237903</v>
      </c>
      <c r="H71208" s="1" t="s">
        <v>237904</v>
      </c>
      <c r="I71208" s="1" t="s">
        <v>222698</v>
      </c>
      <c r="J71208" s="1" t="s">
        <v>237989</v>
      </c>
    </row>
    <row r="71209" spans="1:10" x14ac:dyDescent="0.35">
      <c r="A71209" s="1" t="s">
        <v>119770</v>
      </c>
      <c r="B71209" s="1" t="s">
        <v>222693</v>
      </c>
      <c r="C71209" s="1" t="s">
        <v>140</v>
      </c>
      <c r="D71209" s="1" t="s">
        <v>237990</v>
      </c>
      <c r="E71209" s="1" t="s">
        <v>237991</v>
      </c>
      <c r="F71209" s="1" t="s">
        <v>237992</v>
      </c>
      <c r="G71209" s="1" t="s">
        <v>237903</v>
      </c>
      <c r="H71209" s="1" t="s">
        <v>237904</v>
      </c>
      <c r="I71209" s="1" t="s">
        <v>222698</v>
      </c>
      <c r="J71209" s="1" t="s">
        <v>237993</v>
      </c>
    </row>
    <row r="71210" spans="1:10" x14ac:dyDescent="0.35">
      <c r="A71210" s="1" t="s">
        <v>119770</v>
      </c>
      <c r="B71210" s="1" t="s">
        <v>222693</v>
      </c>
      <c r="C71210" s="1" t="s">
        <v>145</v>
      </c>
      <c r="D71210" s="1" t="s">
        <v>122404</v>
      </c>
      <c r="E71210" s="1" t="s">
        <v>237994</v>
      </c>
      <c r="F71210" s="1" t="s">
        <v>144850</v>
      </c>
      <c r="G71210" s="1" t="s">
        <v>237903</v>
      </c>
      <c r="H71210" s="1" t="s">
        <v>237904</v>
      </c>
      <c r="I71210" s="1" t="s">
        <v>222698</v>
      </c>
      <c r="J71210" s="1" t="s">
        <v>237995</v>
      </c>
    </row>
    <row r="71211" spans="1:10" x14ac:dyDescent="0.35">
      <c r="A71211" s="1" t="s">
        <v>119770</v>
      </c>
      <c r="B71211" s="1" t="s">
        <v>222693</v>
      </c>
      <c r="C71211" s="1" t="s">
        <v>150</v>
      </c>
      <c r="D71211" s="1" t="s">
        <v>70235</v>
      </c>
      <c r="E71211" s="1" t="s">
        <v>237996</v>
      </c>
      <c r="F71211" s="1" t="s">
        <v>237997</v>
      </c>
      <c r="G71211" s="1" t="s">
        <v>237903</v>
      </c>
      <c r="H71211" s="1" t="s">
        <v>237904</v>
      </c>
      <c r="I71211" s="1" t="s">
        <v>222698</v>
      </c>
      <c r="J71211" s="1" t="s">
        <v>237998</v>
      </c>
    </row>
    <row r="71212" spans="1:10" x14ac:dyDescent="0.35">
      <c r="A71212" s="1" t="s">
        <v>119770</v>
      </c>
      <c r="B71212" s="1" t="s">
        <v>222693</v>
      </c>
      <c r="C71212" s="1" t="s">
        <v>155</v>
      </c>
      <c r="D71212" s="1" t="s">
        <v>237999</v>
      </c>
      <c r="E71212" s="1" t="s">
        <v>238000</v>
      </c>
      <c r="F71212" s="1" t="s">
        <v>238001</v>
      </c>
      <c r="G71212" s="1" t="s">
        <v>237903</v>
      </c>
      <c r="H71212" s="1" t="s">
        <v>237904</v>
      </c>
      <c r="I71212" s="1" t="s">
        <v>222698</v>
      </c>
      <c r="J71212" s="1" t="s">
        <v>238002</v>
      </c>
    </row>
    <row r="71213" spans="1:10" x14ac:dyDescent="0.35">
      <c r="A71213" s="1" t="s">
        <v>119770</v>
      </c>
      <c r="B71213" s="1" t="s">
        <v>222693</v>
      </c>
      <c r="C71213" s="1" t="s">
        <v>160</v>
      </c>
      <c r="D71213" s="1" t="s">
        <v>238003</v>
      </c>
      <c r="E71213" s="1" t="s">
        <v>238004</v>
      </c>
      <c r="F71213" s="1" t="s">
        <v>238005</v>
      </c>
      <c r="G71213" s="1" t="s">
        <v>237903</v>
      </c>
      <c r="H71213" s="1" t="s">
        <v>237904</v>
      </c>
      <c r="I71213" s="1" t="s">
        <v>222698</v>
      </c>
      <c r="J71213" s="1" t="s">
        <v>238006</v>
      </c>
    </row>
    <row r="71214" spans="1:10" x14ac:dyDescent="0.35">
      <c r="A71214" s="1" t="s">
        <v>119770</v>
      </c>
      <c r="B71214" s="1" t="s">
        <v>222693</v>
      </c>
      <c r="C71214" s="1" t="s">
        <v>165</v>
      </c>
      <c r="D71214" s="1" t="s">
        <v>238007</v>
      </c>
      <c r="E71214" s="1" t="s">
        <v>238008</v>
      </c>
      <c r="F71214" s="1" t="s">
        <v>238009</v>
      </c>
      <c r="G71214" s="1" t="s">
        <v>237903</v>
      </c>
      <c r="H71214" s="1" t="s">
        <v>237904</v>
      </c>
      <c r="I71214" s="1" t="s">
        <v>222698</v>
      </c>
      <c r="J71214" s="1" t="s">
        <v>238010</v>
      </c>
    </row>
    <row r="71215" spans="1:10" x14ac:dyDescent="0.35">
      <c r="A71215" s="1" t="s">
        <v>119770</v>
      </c>
      <c r="B71215" s="1" t="s">
        <v>222693</v>
      </c>
      <c r="C71215" s="1" t="s">
        <v>170</v>
      </c>
      <c r="D71215" s="1" t="s">
        <v>238011</v>
      </c>
      <c r="E71215" s="1" t="s">
        <v>238012</v>
      </c>
      <c r="F71215" s="1" t="s">
        <v>238013</v>
      </c>
      <c r="G71215" s="1" t="s">
        <v>237903</v>
      </c>
      <c r="H71215" s="1" t="s">
        <v>237904</v>
      </c>
      <c r="I71215" s="1" t="s">
        <v>222698</v>
      </c>
      <c r="J71215" s="1" t="s">
        <v>238014</v>
      </c>
    </row>
    <row r="71216" spans="1:10" x14ac:dyDescent="0.35">
      <c r="A71216" s="1" t="s">
        <v>4050</v>
      </c>
      <c r="B71216" s="1" t="s">
        <v>222693</v>
      </c>
      <c r="C71216" s="1" t="s">
        <v>8</v>
      </c>
      <c r="D71216" s="1" t="s">
        <v>55710</v>
      </c>
      <c r="E71216" s="1" t="s">
        <v>238015</v>
      </c>
      <c r="F71216" s="1" t="s">
        <v>238016</v>
      </c>
      <c r="G71216" s="1" t="s">
        <v>238017</v>
      </c>
      <c r="H71216" s="1" t="s">
        <v>238018</v>
      </c>
      <c r="I71216" s="1" t="s">
        <v>222698</v>
      </c>
      <c r="J71216" s="1" t="s">
        <v>13</v>
      </c>
    </row>
    <row r="71217" spans="1:10" x14ac:dyDescent="0.35">
      <c r="A71217" s="1" t="s">
        <v>4050</v>
      </c>
      <c r="B71217" s="1" t="s">
        <v>222693</v>
      </c>
      <c r="C71217" s="1" t="s">
        <v>15</v>
      </c>
      <c r="D71217" s="1" t="s">
        <v>238019</v>
      </c>
      <c r="E71217" s="1" t="s">
        <v>238020</v>
      </c>
      <c r="F71217" s="1" t="s">
        <v>238021</v>
      </c>
      <c r="G71217" s="1" t="s">
        <v>238017</v>
      </c>
      <c r="H71217" s="1" t="s">
        <v>238018</v>
      </c>
      <c r="I71217" s="1" t="s">
        <v>222698</v>
      </c>
      <c r="J71217" s="1" t="s">
        <v>238022</v>
      </c>
    </row>
    <row r="71218" spans="1:10" x14ac:dyDescent="0.35">
      <c r="A71218" s="1" t="s">
        <v>4050</v>
      </c>
      <c r="B71218" s="1" t="s">
        <v>222693</v>
      </c>
      <c r="C71218" s="1" t="s">
        <v>20</v>
      </c>
      <c r="D71218" s="1" t="s">
        <v>238023</v>
      </c>
      <c r="E71218" s="1" t="s">
        <v>238024</v>
      </c>
      <c r="F71218" s="1" t="s">
        <v>238025</v>
      </c>
      <c r="G71218" s="1" t="s">
        <v>238017</v>
      </c>
      <c r="H71218" s="1" t="s">
        <v>238018</v>
      </c>
      <c r="I71218" s="1" t="s">
        <v>222698</v>
      </c>
      <c r="J71218" s="1" t="s">
        <v>238026</v>
      </c>
    </row>
    <row r="71219" spans="1:10" x14ac:dyDescent="0.35">
      <c r="A71219" s="1" t="s">
        <v>4050</v>
      </c>
      <c r="B71219" s="1" t="s">
        <v>222693</v>
      </c>
      <c r="C71219" s="1" t="s">
        <v>25</v>
      </c>
      <c r="D71219" s="1" t="s">
        <v>238027</v>
      </c>
      <c r="E71219" s="1" t="s">
        <v>238028</v>
      </c>
      <c r="F71219" s="1" t="s">
        <v>238029</v>
      </c>
      <c r="G71219" s="1" t="s">
        <v>238017</v>
      </c>
      <c r="H71219" s="1" t="s">
        <v>238018</v>
      </c>
      <c r="I71219" s="1" t="s">
        <v>222698</v>
      </c>
      <c r="J71219" s="1" t="s">
        <v>238030</v>
      </c>
    </row>
    <row r="71220" spans="1:10" x14ac:dyDescent="0.35">
      <c r="A71220" s="1" t="s">
        <v>4050</v>
      </c>
      <c r="B71220" s="1" t="s">
        <v>222693</v>
      </c>
      <c r="C71220" s="1" t="s">
        <v>30</v>
      </c>
      <c r="D71220" s="1" t="s">
        <v>70213</v>
      </c>
      <c r="E71220" s="1" t="s">
        <v>238031</v>
      </c>
      <c r="F71220" s="1" t="s">
        <v>238032</v>
      </c>
      <c r="G71220" s="1" t="s">
        <v>238017</v>
      </c>
      <c r="H71220" s="1" t="s">
        <v>238018</v>
      </c>
      <c r="I71220" s="1" t="s">
        <v>222698</v>
      </c>
      <c r="J71220" s="1" t="s">
        <v>238033</v>
      </c>
    </row>
    <row r="71221" spans="1:10" x14ac:dyDescent="0.35">
      <c r="A71221" s="1" t="s">
        <v>4050</v>
      </c>
      <c r="B71221" s="1" t="s">
        <v>222693</v>
      </c>
      <c r="C71221" s="1" t="s">
        <v>35</v>
      </c>
      <c r="D71221" s="1" t="s">
        <v>162211</v>
      </c>
      <c r="E71221" s="1" t="s">
        <v>238034</v>
      </c>
      <c r="F71221" s="1" t="s">
        <v>238035</v>
      </c>
      <c r="G71221" s="1" t="s">
        <v>238017</v>
      </c>
      <c r="H71221" s="1" t="s">
        <v>238018</v>
      </c>
      <c r="I71221" s="1" t="s">
        <v>222698</v>
      </c>
      <c r="J71221" s="1" t="s">
        <v>238036</v>
      </c>
    </row>
    <row r="71222" spans="1:10" x14ac:dyDescent="0.35">
      <c r="A71222" s="1" t="s">
        <v>4050</v>
      </c>
      <c r="B71222" s="1" t="s">
        <v>222693</v>
      </c>
      <c r="C71222" s="1" t="s">
        <v>40</v>
      </c>
      <c r="D71222" s="1" t="s">
        <v>238037</v>
      </c>
      <c r="E71222" s="1" t="s">
        <v>238038</v>
      </c>
      <c r="F71222" s="1" t="s">
        <v>238039</v>
      </c>
      <c r="G71222" s="1" t="s">
        <v>238017</v>
      </c>
      <c r="H71222" s="1" t="s">
        <v>238018</v>
      </c>
      <c r="I71222" s="1" t="s">
        <v>222698</v>
      </c>
      <c r="J71222" s="1" t="s">
        <v>238040</v>
      </c>
    </row>
    <row r="71223" spans="1:10" x14ac:dyDescent="0.35">
      <c r="A71223" s="1" t="s">
        <v>4050</v>
      </c>
      <c r="B71223" s="1" t="s">
        <v>222693</v>
      </c>
      <c r="C71223" s="1" t="s">
        <v>45</v>
      </c>
      <c r="D71223" s="1" t="s">
        <v>238041</v>
      </c>
      <c r="E71223" s="1" t="s">
        <v>238042</v>
      </c>
      <c r="F71223" s="1" t="s">
        <v>238043</v>
      </c>
      <c r="G71223" s="1" t="s">
        <v>238017</v>
      </c>
      <c r="H71223" s="1" t="s">
        <v>238018</v>
      </c>
      <c r="I71223" s="1" t="s">
        <v>222698</v>
      </c>
      <c r="J71223" s="1" t="s">
        <v>238044</v>
      </c>
    </row>
    <row r="71224" spans="1:10" x14ac:dyDescent="0.35">
      <c r="A71224" s="1" t="s">
        <v>4050</v>
      </c>
      <c r="B71224" s="1" t="s">
        <v>222693</v>
      </c>
      <c r="C71224" s="1" t="s">
        <v>50</v>
      </c>
      <c r="D71224" s="1" t="s">
        <v>238045</v>
      </c>
      <c r="E71224" s="1" t="s">
        <v>238046</v>
      </c>
      <c r="F71224" s="1" t="s">
        <v>238047</v>
      </c>
      <c r="G71224" s="1" t="s">
        <v>238017</v>
      </c>
      <c r="H71224" s="1" t="s">
        <v>238018</v>
      </c>
      <c r="I71224" s="1" t="s">
        <v>222698</v>
      </c>
      <c r="J71224" s="1" t="s">
        <v>238048</v>
      </c>
    </row>
    <row r="71225" spans="1:10" x14ac:dyDescent="0.35">
      <c r="A71225" s="1" t="s">
        <v>4050</v>
      </c>
      <c r="B71225" s="1" t="s">
        <v>222693</v>
      </c>
      <c r="C71225" s="1" t="s">
        <v>55</v>
      </c>
      <c r="D71225" s="1" t="s">
        <v>23325</v>
      </c>
      <c r="E71225" s="1" t="s">
        <v>238049</v>
      </c>
      <c r="F71225" s="1" t="s">
        <v>238050</v>
      </c>
      <c r="G71225" s="1" t="s">
        <v>238017</v>
      </c>
      <c r="H71225" s="1" t="s">
        <v>238018</v>
      </c>
      <c r="I71225" s="1" t="s">
        <v>222698</v>
      </c>
      <c r="J71225" s="1" t="s">
        <v>238051</v>
      </c>
    </row>
    <row r="71226" spans="1:10" x14ac:dyDescent="0.35">
      <c r="A71226" s="1" t="s">
        <v>4050</v>
      </c>
      <c r="B71226" s="1" t="s">
        <v>222693</v>
      </c>
      <c r="C71226" s="1" t="s">
        <v>60</v>
      </c>
      <c r="D71226" s="1" t="s">
        <v>135984</v>
      </c>
      <c r="E71226" s="1" t="s">
        <v>238052</v>
      </c>
      <c r="F71226" s="1" t="s">
        <v>238053</v>
      </c>
      <c r="G71226" s="1" t="s">
        <v>238017</v>
      </c>
      <c r="H71226" s="1" t="s">
        <v>238018</v>
      </c>
      <c r="I71226" s="1" t="s">
        <v>222698</v>
      </c>
      <c r="J71226" s="1" t="s">
        <v>238054</v>
      </c>
    </row>
    <row r="71227" spans="1:10" x14ac:dyDescent="0.35">
      <c r="A71227" s="1" t="s">
        <v>4050</v>
      </c>
      <c r="B71227" s="1" t="s">
        <v>222693</v>
      </c>
      <c r="C71227" s="1" t="s">
        <v>65</v>
      </c>
      <c r="D71227" s="1" t="s">
        <v>70472</v>
      </c>
      <c r="E71227" s="1" t="s">
        <v>238055</v>
      </c>
      <c r="F71227" s="1" t="s">
        <v>238056</v>
      </c>
      <c r="G71227" s="1" t="s">
        <v>238017</v>
      </c>
      <c r="H71227" s="1" t="s">
        <v>238018</v>
      </c>
      <c r="I71227" s="1" t="s">
        <v>222698</v>
      </c>
      <c r="J71227" s="1" t="s">
        <v>238057</v>
      </c>
    </row>
    <row r="71228" spans="1:10" x14ac:dyDescent="0.35">
      <c r="A71228" s="1" t="s">
        <v>4050</v>
      </c>
      <c r="B71228" s="1" t="s">
        <v>222693</v>
      </c>
      <c r="C71228" s="1" t="s">
        <v>70</v>
      </c>
      <c r="D71228" s="1" t="s">
        <v>41489</v>
      </c>
      <c r="E71228" s="1" t="s">
        <v>238058</v>
      </c>
      <c r="F71228" s="1" t="s">
        <v>238059</v>
      </c>
      <c r="G71228" s="1" t="s">
        <v>238017</v>
      </c>
      <c r="H71228" s="1" t="s">
        <v>238018</v>
      </c>
      <c r="I71228" s="1" t="s">
        <v>222698</v>
      </c>
      <c r="J71228" s="1" t="s">
        <v>238060</v>
      </c>
    </row>
    <row r="71229" spans="1:10" x14ac:dyDescent="0.35">
      <c r="A71229" s="1" t="s">
        <v>4050</v>
      </c>
      <c r="B71229" s="1" t="s">
        <v>222693</v>
      </c>
      <c r="C71229" s="1" t="s">
        <v>75</v>
      </c>
      <c r="D71229" s="1" t="s">
        <v>238061</v>
      </c>
      <c r="E71229" s="1" t="s">
        <v>238062</v>
      </c>
      <c r="F71229" s="1" t="s">
        <v>238063</v>
      </c>
      <c r="G71229" s="1" t="s">
        <v>238017</v>
      </c>
      <c r="H71229" s="1" t="s">
        <v>238018</v>
      </c>
      <c r="I71229" s="1" t="s">
        <v>222698</v>
      </c>
      <c r="J71229" s="1" t="s">
        <v>238064</v>
      </c>
    </row>
    <row r="71230" spans="1:10" x14ac:dyDescent="0.35">
      <c r="A71230" s="1" t="s">
        <v>4050</v>
      </c>
      <c r="B71230" s="1" t="s">
        <v>222693</v>
      </c>
      <c r="C71230" s="1" t="s">
        <v>80</v>
      </c>
      <c r="D71230" s="1" t="s">
        <v>238065</v>
      </c>
      <c r="E71230" s="1" t="s">
        <v>238066</v>
      </c>
      <c r="F71230" s="1" t="s">
        <v>238067</v>
      </c>
      <c r="G71230" s="1" t="s">
        <v>238017</v>
      </c>
      <c r="H71230" s="1" t="s">
        <v>238018</v>
      </c>
      <c r="I71230" s="1" t="s">
        <v>222698</v>
      </c>
      <c r="J71230" s="1" t="s">
        <v>238068</v>
      </c>
    </row>
    <row r="71231" spans="1:10" x14ac:dyDescent="0.35">
      <c r="A71231" s="1" t="s">
        <v>4050</v>
      </c>
      <c r="B71231" s="1" t="s">
        <v>222693</v>
      </c>
      <c r="C71231" s="1" t="s">
        <v>85</v>
      </c>
      <c r="D71231" s="1" t="s">
        <v>99873</v>
      </c>
      <c r="E71231" s="1" t="s">
        <v>238069</v>
      </c>
      <c r="F71231" s="1" t="s">
        <v>238070</v>
      </c>
      <c r="G71231" s="1" t="s">
        <v>238017</v>
      </c>
      <c r="H71231" s="1" t="s">
        <v>238018</v>
      </c>
      <c r="I71231" s="1" t="s">
        <v>222698</v>
      </c>
      <c r="J71231" s="1" t="s">
        <v>238071</v>
      </c>
    </row>
    <row r="71232" spans="1:10" x14ac:dyDescent="0.35">
      <c r="A71232" s="1" t="s">
        <v>4050</v>
      </c>
      <c r="B71232" s="1" t="s">
        <v>222693</v>
      </c>
      <c r="C71232" s="1" t="s">
        <v>90</v>
      </c>
      <c r="D71232" s="1" t="s">
        <v>238072</v>
      </c>
      <c r="E71232" s="1" t="s">
        <v>238073</v>
      </c>
      <c r="F71232" s="1" t="s">
        <v>238074</v>
      </c>
      <c r="G71232" s="1" t="s">
        <v>238017</v>
      </c>
      <c r="H71232" s="1" t="s">
        <v>238018</v>
      </c>
      <c r="I71232" s="1" t="s">
        <v>222698</v>
      </c>
      <c r="J71232" s="1" t="s">
        <v>238075</v>
      </c>
    </row>
    <row r="71233" spans="1:10" x14ac:dyDescent="0.35">
      <c r="A71233" s="1" t="s">
        <v>4050</v>
      </c>
      <c r="B71233" s="1" t="s">
        <v>222693</v>
      </c>
      <c r="C71233" s="1" t="s">
        <v>95</v>
      </c>
      <c r="D71233" s="1" t="s">
        <v>233876</v>
      </c>
      <c r="E71233" s="1" t="s">
        <v>238076</v>
      </c>
      <c r="F71233" s="1" t="s">
        <v>238077</v>
      </c>
      <c r="G71233" s="1" t="s">
        <v>238017</v>
      </c>
      <c r="H71233" s="1" t="s">
        <v>238018</v>
      </c>
      <c r="I71233" s="1" t="s">
        <v>222698</v>
      </c>
      <c r="J71233" s="1" t="s">
        <v>238078</v>
      </c>
    </row>
    <row r="71234" spans="1:10" x14ac:dyDescent="0.35">
      <c r="A71234" s="1" t="s">
        <v>4050</v>
      </c>
      <c r="B71234" s="1" t="s">
        <v>222693</v>
      </c>
      <c r="C71234" s="1" t="s">
        <v>100</v>
      </c>
      <c r="D71234" s="1" t="s">
        <v>238079</v>
      </c>
      <c r="E71234" s="1" t="s">
        <v>238080</v>
      </c>
      <c r="F71234" s="1" t="s">
        <v>238081</v>
      </c>
      <c r="G71234" s="1" t="s">
        <v>238017</v>
      </c>
      <c r="H71234" s="1" t="s">
        <v>238018</v>
      </c>
      <c r="I71234" s="1" t="s">
        <v>222698</v>
      </c>
      <c r="J71234" s="1" t="s">
        <v>238082</v>
      </c>
    </row>
    <row r="71235" spans="1:10" x14ac:dyDescent="0.35">
      <c r="A71235" s="1" t="s">
        <v>4050</v>
      </c>
      <c r="B71235" s="1" t="s">
        <v>222693</v>
      </c>
      <c r="C71235" s="1" t="s">
        <v>105</v>
      </c>
      <c r="D71235" s="1" t="s">
        <v>238083</v>
      </c>
      <c r="E71235" s="1" t="s">
        <v>238084</v>
      </c>
      <c r="F71235" s="1" t="s">
        <v>238085</v>
      </c>
      <c r="G71235" s="1" t="s">
        <v>238017</v>
      </c>
      <c r="H71235" s="1" t="s">
        <v>238018</v>
      </c>
      <c r="I71235" s="1" t="s">
        <v>222698</v>
      </c>
      <c r="J71235" s="1" t="s">
        <v>238086</v>
      </c>
    </row>
    <row r="71236" spans="1:10" x14ac:dyDescent="0.35">
      <c r="A71236" s="1" t="s">
        <v>4050</v>
      </c>
      <c r="B71236" s="1" t="s">
        <v>222693</v>
      </c>
      <c r="C71236" s="1" t="s">
        <v>110</v>
      </c>
      <c r="D71236" s="1" t="s">
        <v>67709</v>
      </c>
      <c r="E71236" s="1" t="s">
        <v>238087</v>
      </c>
      <c r="F71236" s="1" t="s">
        <v>238088</v>
      </c>
      <c r="G71236" s="1" t="s">
        <v>238017</v>
      </c>
      <c r="H71236" s="1" t="s">
        <v>238018</v>
      </c>
      <c r="I71236" s="1" t="s">
        <v>222698</v>
      </c>
      <c r="J71236" s="1" t="s">
        <v>238089</v>
      </c>
    </row>
    <row r="71237" spans="1:10" x14ac:dyDescent="0.35">
      <c r="A71237" s="1" t="s">
        <v>4050</v>
      </c>
      <c r="B71237" s="1" t="s">
        <v>222693</v>
      </c>
      <c r="C71237" s="1" t="s">
        <v>115</v>
      </c>
      <c r="D71237" s="1" t="s">
        <v>238090</v>
      </c>
      <c r="E71237" s="1" t="s">
        <v>238091</v>
      </c>
      <c r="F71237" s="1" t="s">
        <v>238092</v>
      </c>
      <c r="G71237" s="1" t="s">
        <v>238017</v>
      </c>
      <c r="H71237" s="1" t="s">
        <v>238018</v>
      </c>
      <c r="I71237" s="1" t="s">
        <v>222698</v>
      </c>
      <c r="J71237" s="1" t="s">
        <v>238093</v>
      </c>
    </row>
    <row r="71238" spans="1:10" x14ac:dyDescent="0.35">
      <c r="A71238" s="1" t="s">
        <v>4050</v>
      </c>
      <c r="B71238" s="1" t="s">
        <v>222693</v>
      </c>
      <c r="C71238" s="1" t="s">
        <v>120</v>
      </c>
      <c r="D71238" s="1" t="s">
        <v>238094</v>
      </c>
      <c r="E71238" s="1" t="s">
        <v>238095</v>
      </c>
      <c r="F71238" s="1" t="s">
        <v>238096</v>
      </c>
      <c r="G71238" s="1" t="s">
        <v>238017</v>
      </c>
      <c r="H71238" s="1" t="s">
        <v>238018</v>
      </c>
      <c r="I71238" s="1" t="s">
        <v>222698</v>
      </c>
      <c r="J71238" s="1" t="s">
        <v>238097</v>
      </c>
    </row>
    <row r="71239" spans="1:10" x14ac:dyDescent="0.35">
      <c r="A71239" s="1" t="s">
        <v>4050</v>
      </c>
      <c r="B71239" s="1" t="s">
        <v>222693</v>
      </c>
      <c r="C71239" s="1" t="s">
        <v>125</v>
      </c>
      <c r="D71239" s="1" t="s">
        <v>238098</v>
      </c>
      <c r="E71239" s="1" t="s">
        <v>238099</v>
      </c>
      <c r="F71239" s="1" t="s">
        <v>238100</v>
      </c>
      <c r="G71239" s="1" t="s">
        <v>238017</v>
      </c>
      <c r="H71239" s="1" t="s">
        <v>238018</v>
      </c>
      <c r="I71239" s="1" t="s">
        <v>222698</v>
      </c>
      <c r="J71239" s="1" t="s">
        <v>238101</v>
      </c>
    </row>
    <row r="71240" spans="1:10" x14ac:dyDescent="0.35">
      <c r="A71240" s="1" t="s">
        <v>4050</v>
      </c>
      <c r="B71240" s="1" t="s">
        <v>222693</v>
      </c>
      <c r="C71240" s="1" t="s">
        <v>130</v>
      </c>
      <c r="D71240" s="1" t="s">
        <v>238102</v>
      </c>
      <c r="E71240" s="1" t="s">
        <v>238103</v>
      </c>
      <c r="F71240" s="1" t="s">
        <v>238104</v>
      </c>
      <c r="G71240" s="1" t="s">
        <v>238017</v>
      </c>
      <c r="H71240" s="1" t="s">
        <v>238018</v>
      </c>
      <c r="I71240" s="1" t="s">
        <v>222698</v>
      </c>
      <c r="J71240" s="1" t="s">
        <v>238105</v>
      </c>
    </row>
    <row r="71241" spans="1:10" x14ac:dyDescent="0.35">
      <c r="A71241" s="1" t="s">
        <v>4050</v>
      </c>
      <c r="B71241" s="1" t="s">
        <v>222693</v>
      </c>
      <c r="C71241" s="1" t="s">
        <v>135</v>
      </c>
      <c r="D71241" s="1" t="s">
        <v>238106</v>
      </c>
      <c r="E71241" s="1" t="s">
        <v>238107</v>
      </c>
      <c r="F71241" s="1" t="s">
        <v>238108</v>
      </c>
      <c r="G71241" s="1" t="s">
        <v>238017</v>
      </c>
      <c r="H71241" s="1" t="s">
        <v>238018</v>
      </c>
      <c r="I71241" s="1" t="s">
        <v>222698</v>
      </c>
      <c r="J71241" s="1" t="s">
        <v>238109</v>
      </c>
    </row>
    <row r="71242" spans="1:10" x14ac:dyDescent="0.35">
      <c r="A71242" s="1" t="s">
        <v>4050</v>
      </c>
      <c r="B71242" s="1" t="s">
        <v>222693</v>
      </c>
      <c r="C71242" s="1" t="s">
        <v>140</v>
      </c>
      <c r="D71242" s="1" t="s">
        <v>231542</v>
      </c>
      <c r="E71242" s="1" t="s">
        <v>238110</v>
      </c>
      <c r="F71242" s="1" t="s">
        <v>238111</v>
      </c>
      <c r="G71242" s="1" t="s">
        <v>238017</v>
      </c>
      <c r="H71242" s="1" t="s">
        <v>238018</v>
      </c>
      <c r="I71242" s="1" t="s">
        <v>222698</v>
      </c>
      <c r="J71242" s="1" t="s">
        <v>238112</v>
      </c>
    </row>
    <row r="71243" spans="1:10" x14ac:dyDescent="0.35">
      <c r="A71243" s="1" t="s">
        <v>4050</v>
      </c>
      <c r="B71243" s="1" t="s">
        <v>222693</v>
      </c>
      <c r="C71243" s="1" t="s">
        <v>145</v>
      </c>
      <c r="D71243" s="1" t="s">
        <v>238113</v>
      </c>
      <c r="E71243" s="1" t="s">
        <v>238114</v>
      </c>
      <c r="F71243" s="1" t="s">
        <v>238115</v>
      </c>
      <c r="G71243" s="1" t="s">
        <v>238017</v>
      </c>
      <c r="H71243" s="1" t="s">
        <v>238018</v>
      </c>
      <c r="I71243" s="1" t="s">
        <v>222698</v>
      </c>
      <c r="J71243" s="1" t="s">
        <v>238116</v>
      </c>
    </row>
    <row r="71244" spans="1:10" x14ac:dyDescent="0.35">
      <c r="A71244" s="1" t="s">
        <v>4050</v>
      </c>
      <c r="B71244" s="1" t="s">
        <v>222693</v>
      </c>
      <c r="C71244" s="1" t="s">
        <v>150</v>
      </c>
      <c r="D71244" s="1" t="s">
        <v>238117</v>
      </c>
      <c r="E71244" s="1" t="s">
        <v>238118</v>
      </c>
      <c r="F71244" s="1" t="s">
        <v>238119</v>
      </c>
      <c r="G71244" s="1" t="s">
        <v>238017</v>
      </c>
      <c r="H71244" s="1" t="s">
        <v>238018</v>
      </c>
      <c r="I71244" s="1" t="s">
        <v>222698</v>
      </c>
      <c r="J71244" s="1" t="s">
        <v>238120</v>
      </c>
    </row>
    <row r="71245" spans="1:10" x14ac:dyDescent="0.35">
      <c r="A71245" s="1" t="s">
        <v>4050</v>
      </c>
      <c r="B71245" s="1" t="s">
        <v>222693</v>
      </c>
      <c r="C71245" s="1" t="s">
        <v>155</v>
      </c>
      <c r="D71245" s="1" t="s">
        <v>238121</v>
      </c>
      <c r="E71245" s="1" t="s">
        <v>238122</v>
      </c>
      <c r="F71245" s="1" t="s">
        <v>238123</v>
      </c>
      <c r="G71245" s="1" t="s">
        <v>238017</v>
      </c>
      <c r="H71245" s="1" t="s">
        <v>238018</v>
      </c>
      <c r="I71245" s="1" t="s">
        <v>222698</v>
      </c>
      <c r="J71245" s="1" t="s">
        <v>238124</v>
      </c>
    </row>
    <row r="71246" spans="1:10" x14ac:dyDescent="0.35">
      <c r="A71246" s="1" t="s">
        <v>4050</v>
      </c>
      <c r="B71246" s="1" t="s">
        <v>222693</v>
      </c>
      <c r="C71246" s="1" t="s">
        <v>160</v>
      </c>
      <c r="D71246" s="1" t="s">
        <v>84157</v>
      </c>
      <c r="E71246" s="1" t="s">
        <v>238125</v>
      </c>
      <c r="F71246" s="1" t="s">
        <v>238126</v>
      </c>
      <c r="G71246" s="1" t="s">
        <v>238017</v>
      </c>
      <c r="H71246" s="1" t="s">
        <v>238018</v>
      </c>
      <c r="I71246" s="1" t="s">
        <v>222698</v>
      </c>
      <c r="J71246" s="1" t="s">
        <v>238127</v>
      </c>
    </row>
    <row r="71247" spans="1:10" x14ac:dyDescent="0.35">
      <c r="A71247" s="1" t="s">
        <v>4050</v>
      </c>
      <c r="B71247" s="1" t="s">
        <v>222693</v>
      </c>
      <c r="C71247" s="1" t="s">
        <v>165</v>
      </c>
      <c r="D71247" s="1" t="s">
        <v>238128</v>
      </c>
      <c r="E71247" s="1" t="s">
        <v>238129</v>
      </c>
      <c r="F71247" s="1" t="s">
        <v>238130</v>
      </c>
      <c r="G71247" s="1" t="s">
        <v>238017</v>
      </c>
      <c r="H71247" s="1" t="s">
        <v>238018</v>
      </c>
      <c r="I71247" s="1" t="s">
        <v>222698</v>
      </c>
      <c r="J71247" s="1" t="s">
        <v>238131</v>
      </c>
    </row>
    <row r="71248" spans="1:10" x14ac:dyDescent="0.35">
      <c r="A71248" s="1" t="s">
        <v>4050</v>
      </c>
      <c r="B71248" s="1" t="s">
        <v>222693</v>
      </c>
      <c r="C71248" s="1" t="s">
        <v>170</v>
      </c>
      <c r="D71248" s="1" t="s">
        <v>228162</v>
      </c>
      <c r="E71248" s="1" t="s">
        <v>238132</v>
      </c>
      <c r="F71248" s="1" t="s">
        <v>238133</v>
      </c>
      <c r="G71248" s="1" t="s">
        <v>238017</v>
      </c>
      <c r="H71248" s="1" t="s">
        <v>238018</v>
      </c>
      <c r="I71248" s="1" t="s">
        <v>222698</v>
      </c>
      <c r="J71248" s="1" t="s">
        <v>238134</v>
      </c>
    </row>
    <row r="71249" spans="1:10" x14ac:dyDescent="0.35">
      <c r="A71249" s="1" t="s">
        <v>14175</v>
      </c>
      <c r="B71249" s="1" t="s">
        <v>222693</v>
      </c>
      <c r="C71249" s="1" t="s">
        <v>8</v>
      </c>
      <c r="D71249" s="1" t="s">
        <v>98420</v>
      </c>
      <c r="E71249" s="1" t="s">
        <v>238135</v>
      </c>
      <c r="F71249" s="1" t="s">
        <v>238136</v>
      </c>
      <c r="G71249" s="1" t="s">
        <v>238137</v>
      </c>
      <c r="H71249" s="1" t="s">
        <v>238138</v>
      </c>
      <c r="I71249" s="1" t="s">
        <v>222698</v>
      </c>
      <c r="J71249" s="1" t="s">
        <v>13</v>
      </c>
    </row>
    <row r="71250" spans="1:10" x14ac:dyDescent="0.35">
      <c r="A71250" s="1" t="s">
        <v>14175</v>
      </c>
      <c r="B71250" s="1" t="s">
        <v>222693</v>
      </c>
      <c r="C71250" s="1" t="s">
        <v>15</v>
      </c>
      <c r="D71250" s="1" t="s">
        <v>9524</v>
      </c>
      <c r="E71250" s="1" t="s">
        <v>238139</v>
      </c>
      <c r="F71250" s="1" t="s">
        <v>238140</v>
      </c>
      <c r="G71250" s="1" t="s">
        <v>238137</v>
      </c>
      <c r="H71250" s="1" t="s">
        <v>238138</v>
      </c>
      <c r="I71250" s="1" t="s">
        <v>222698</v>
      </c>
      <c r="J71250" s="1" t="s">
        <v>238141</v>
      </c>
    </row>
    <row r="71251" spans="1:10" x14ac:dyDescent="0.35">
      <c r="A71251" s="1" t="s">
        <v>14175</v>
      </c>
      <c r="B71251" s="1" t="s">
        <v>222693</v>
      </c>
      <c r="C71251" s="1" t="s">
        <v>20</v>
      </c>
      <c r="D71251" s="1" t="s">
        <v>124719</v>
      </c>
      <c r="E71251" s="1" t="s">
        <v>238142</v>
      </c>
      <c r="F71251" s="1" t="s">
        <v>238143</v>
      </c>
      <c r="G71251" s="1" t="s">
        <v>238137</v>
      </c>
      <c r="H71251" s="1" t="s">
        <v>238138</v>
      </c>
      <c r="I71251" s="1" t="s">
        <v>222698</v>
      </c>
      <c r="J71251" s="1" t="s">
        <v>238144</v>
      </c>
    </row>
    <row r="71252" spans="1:10" x14ac:dyDescent="0.35">
      <c r="A71252" s="1" t="s">
        <v>14175</v>
      </c>
      <c r="B71252" s="1" t="s">
        <v>222693</v>
      </c>
      <c r="C71252" s="1" t="s">
        <v>25</v>
      </c>
      <c r="D71252" s="1" t="s">
        <v>56701</v>
      </c>
      <c r="E71252" s="1" t="s">
        <v>238145</v>
      </c>
      <c r="F71252" s="1" t="s">
        <v>238146</v>
      </c>
      <c r="G71252" s="1" t="s">
        <v>238137</v>
      </c>
      <c r="H71252" s="1" t="s">
        <v>238138</v>
      </c>
      <c r="I71252" s="1" t="s">
        <v>222698</v>
      </c>
      <c r="J71252" s="1" t="s">
        <v>238147</v>
      </c>
    </row>
    <row r="71253" spans="1:10" x14ac:dyDescent="0.35">
      <c r="A71253" s="1" t="s">
        <v>14175</v>
      </c>
      <c r="B71253" s="1" t="s">
        <v>222693</v>
      </c>
      <c r="C71253" s="1" t="s">
        <v>30</v>
      </c>
      <c r="D71253" s="1" t="s">
        <v>238148</v>
      </c>
      <c r="E71253" s="1" t="s">
        <v>238149</v>
      </c>
      <c r="F71253" s="1" t="s">
        <v>238150</v>
      </c>
      <c r="G71253" s="1" t="s">
        <v>238137</v>
      </c>
      <c r="H71253" s="1" t="s">
        <v>238138</v>
      </c>
      <c r="I71253" s="1" t="s">
        <v>222698</v>
      </c>
      <c r="J71253" s="1" t="s">
        <v>238151</v>
      </c>
    </row>
    <row r="71254" spans="1:10" x14ac:dyDescent="0.35">
      <c r="A71254" s="1" t="s">
        <v>14175</v>
      </c>
      <c r="B71254" s="1" t="s">
        <v>222693</v>
      </c>
      <c r="C71254" s="1" t="s">
        <v>35</v>
      </c>
      <c r="D71254" s="1" t="s">
        <v>53804</v>
      </c>
      <c r="E71254" s="1" t="s">
        <v>238152</v>
      </c>
      <c r="F71254" s="1" t="s">
        <v>238153</v>
      </c>
      <c r="G71254" s="1" t="s">
        <v>238137</v>
      </c>
      <c r="H71254" s="1" t="s">
        <v>238138</v>
      </c>
      <c r="I71254" s="1" t="s">
        <v>222698</v>
      </c>
      <c r="J71254" s="1" t="s">
        <v>238154</v>
      </c>
    </row>
    <row r="71255" spans="1:10" x14ac:dyDescent="0.35">
      <c r="A71255" s="1" t="s">
        <v>14175</v>
      </c>
      <c r="B71255" s="1" t="s">
        <v>222693</v>
      </c>
      <c r="C71255" s="1" t="s">
        <v>40</v>
      </c>
      <c r="D71255" s="1" t="s">
        <v>54378</v>
      </c>
      <c r="E71255" s="1" t="s">
        <v>238155</v>
      </c>
      <c r="F71255" s="1" t="s">
        <v>238156</v>
      </c>
      <c r="G71255" s="1" t="s">
        <v>238137</v>
      </c>
      <c r="H71255" s="1" t="s">
        <v>238138</v>
      </c>
      <c r="I71255" s="1" t="s">
        <v>222698</v>
      </c>
      <c r="J71255" s="1" t="s">
        <v>238157</v>
      </c>
    </row>
    <row r="71256" spans="1:10" x14ac:dyDescent="0.35">
      <c r="A71256" s="1" t="s">
        <v>14175</v>
      </c>
      <c r="B71256" s="1" t="s">
        <v>222693</v>
      </c>
      <c r="C71256" s="1" t="s">
        <v>45</v>
      </c>
      <c r="D71256" s="1" t="s">
        <v>139202</v>
      </c>
      <c r="E71256" s="1" t="s">
        <v>238158</v>
      </c>
      <c r="F71256" s="1" t="s">
        <v>238159</v>
      </c>
      <c r="G71256" s="1" t="s">
        <v>238137</v>
      </c>
      <c r="H71256" s="1" t="s">
        <v>238138</v>
      </c>
      <c r="I71256" s="1" t="s">
        <v>222698</v>
      </c>
      <c r="J71256" s="1" t="s">
        <v>238160</v>
      </c>
    </row>
    <row r="71257" spans="1:10" x14ac:dyDescent="0.35">
      <c r="A71257" s="1" t="s">
        <v>14175</v>
      </c>
      <c r="B71257" s="1" t="s">
        <v>222693</v>
      </c>
      <c r="C71257" s="1" t="s">
        <v>50</v>
      </c>
      <c r="D71257" s="1" t="s">
        <v>89628</v>
      </c>
      <c r="E71257" s="1" t="s">
        <v>238161</v>
      </c>
      <c r="F71257" s="1" t="s">
        <v>238162</v>
      </c>
      <c r="G71257" s="1" t="s">
        <v>238137</v>
      </c>
      <c r="H71257" s="1" t="s">
        <v>238138</v>
      </c>
      <c r="I71257" s="1" t="s">
        <v>222698</v>
      </c>
      <c r="J71257" s="1" t="s">
        <v>238163</v>
      </c>
    </row>
    <row r="71258" spans="1:10" x14ac:dyDescent="0.35">
      <c r="A71258" s="1" t="s">
        <v>14175</v>
      </c>
      <c r="B71258" s="1" t="s">
        <v>222693</v>
      </c>
      <c r="C71258" s="1" t="s">
        <v>55</v>
      </c>
      <c r="D71258" s="1" t="s">
        <v>5891</v>
      </c>
      <c r="E71258" s="1" t="s">
        <v>238164</v>
      </c>
      <c r="F71258" s="1" t="s">
        <v>238165</v>
      </c>
      <c r="G71258" s="1" t="s">
        <v>238137</v>
      </c>
      <c r="H71258" s="1" t="s">
        <v>238138</v>
      </c>
      <c r="I71258" s="1" t="s">
        <v>222698</v>
      </c>
      <c r="J71258" s="1" t="s">
        <v>238166</v>
      </c>
    </row>
    <row r="71259" spans="1:10" x14ac:dyDescent="0.35">
      <c r="A71259" s="1" t="s">
        <v>14175</v>
      </c>
      <c r="B71259" s="1" t="s">
        <v>222693</v>
      </c>
      <c r="C71259" s="1" t="s">
        <v>60</v>
      </c>
      <c r="D71259" s="1" t="s">
        <v>238167</v>
      </c>
      <c r="E71259" s="1" t="s">
        <v>238168</v>
      </c>
      <c r="F71259" s="1" t="s">
        <v>238169</v>
      </c>
      <c r="G71259" s="1" t="s">
        <v>238137</v>
      </c>
      <c r="H71259" s="1" t="s">
        <v>238138</v>
      </c>
      <c r="I71259" s="1" t="s">
        <v>222698</v>
      </c>
      <c r="J71259" s="1" t="s">
        <v>238170</v>
      </c>
    </row>
    <row r="71260" spans="1:10" x14ac:dyDescent="0.35">
      <c r="A71260" s="1" t="s">
        <v>14175</v>
      </c>
      <c r="B71260" s="1" t="s">
        <v>222693</v>
      </c>
      <c r="C71260" s="1" t="s">
        <v>65</v>
      </c>
      <c r="D71260" s="1" t="s">
        <v>238171</v>
      </c>
      <c r="E71260" s="1" t="s">
        <v>238172</v>
      </c>
      <c r="F71260" s="1" t="s">
        <v>238173</v>
      </c>
      <c r="G71260" s="1" t="s">
        <v>238137</v>
      </c>
      <c r="H71260" s="1" t="s">
        <v>238138</v>
      </c>
      <c r="I71260" s="1" t="s">
        <v>222698</v>
      </c>
      <c r="J71260" s="1" t="s">
        <v>238174</v>
      </c>
    </row>
    <row r="71261" spans="1:10" x14ac:dyDescent="0.35">
      <c r="A71261" s="1" t="s">
        <v>14175</v>
      </c>
      <c r="B71261" s="1" t="s">
        <v>222693</v>
      </c>
      <c r="C71261" s="1" t="s">
        <v>70</v>
      </c>
      <c r="D71261" s="1" t="s">
        <v>79098</v>
      </c>
      <c r="E71261" s="1" t="s">
        <v>238175</v>
      </c>
      <c r="F71261" s="1" t="s">
        <v>238176</v>
      </c>
      <c r="G71261" s="1" t="s">
        <v>238137</v>
      </c>
      <c r="H71261" s="1" t="s">
        <v>238138</v>
      </c>
      <c r="I71261" s="1" t="s">
        <v>222698</v>
      </c>
      <c r="J71261" s="1" t="s">
        <v>238177</v>
      </c>
    </row>
    <row r="71262" spans="1:10" x14ac:dyDescent="0.35">
      <c r="A71262" s="1" t="s">
        <v>14175</v>
      </c>
      <c r="B71262" s="1" t="s">
        <v>222693</v>
      </c>
      <c r="C71262" s="1" t="s">
        <v>75</v>
      </c>
      <c r="D71262" s="1" t="s">
        <v>26854</v>
      </c>
      <c r="E71262" s="1" t="s">
        <v>238178</v>
      </c>
      <c r="F71262" s="1" t="s">
        <v>238179</v>
      </c>
      <c r="G71262" s="1" t="s">
        <v>238137</v>
      </c>
      <c r="H71262" s="1" t="s">
        <v>238138</v>
      </c>
      <c r="I71262" s="1" t="s">
        <v>222698</v>
      </c>
      <c r="J71262" s="1" t="s">
        <v>238180</v>
      </c>
    </row>
    <row r="71263" spans="1:10" x14ac:dyDescent="0.35">
      <c r="A71263" s="1" t="s">
        <v>14175</v>
      </c>
      <c r="B71263" s="1" t="s">
        <v>222693</v>
      </c>
      <c r="C71263" s="1" t="s">
        <v>80</v>
      </c>
      <c r="D71263" s="1" t="s">
        <v>68710</v>
      </c>
      <c r="E71263" s="1" t="s">
        <v>238181</v>
      </c>
      <c r="F71263" s="1" t="s">
        <v>238182</v>
      </c>
      <c r="G71263" s="1" t="s">
        <v>238137</v>
      </c>
      <c r="H71263" s="1" t="s">
        <v>238138</v>
      </c>
      <c r="I71263" s="1" t="s">
        <v>222698</v>
      </c>
      <c r="J71263" s="1" t="s">
        <v>238183</v>
      </c>
    </row>
    <row r="71264" spans="1:10" x14ac:dyDescent="0.35">
      <c r="A71264" s="1" t="s">
        <v>14175</v>
      </c>
      <c r="B71264" s="1" t="s">
        <v>222693</v>
      </c>
      <c r="C71264" s="1" t="s">
        <v>85</v>
      </c>
      <c r="D71264" s="1" t="s">
        <v>238184</v>
      </c>
      <c r="E71264" s="1" t="s">
        <v>238185</v>
      </c>
      <c r="F71264" s="1" t="s">
        <v>238186</v>
      </c>
      <c r="G71264" s="1" t="s">
        <v>238137</v>
      </c>
      <c r="H71264" s="1" t="s">
        <v>238138</v>
      </c>
      <c r="I71264" s="1" t="s">
        <v>222698</v>
      </c>
      <c r="J71264" s="1" t="s">
        <v>238187</v>
      </c>
    </row>
    <row r="71265" spans="1:10" x14ac:dyDescent="0.35">
      <c r="A71265" s="1" t="s">
        <v>14175</v>
      </c>
      <c r="B71265" s="1" t="s">
        <v>222693</v>
      </c>
      <c r="C71265" s="1" t="s">
        <v>90</v>
      </c>
      <c r="D71265" s="1" t="s">
        <v>238188</v>
      </c>
      <c r="E71265" s="1" t="s">
        <v>238189</v>
      </c>
      <c r="F71265" s="1" t="s">
        <v>238190</v>
      </c>
      <c r="G71265" s="1" t="s">
        <v>238137</v>
      </c>
      <c r="H71265" s="1" t="s">
        <v>238138</v>
      </c>
      <c r="I71265" s="1" t="s">
        <v>222698</v>
      </c>
      <c r="J71265" s="1" t="s">
        <v>238191</v>
      </c>
    </row>
    <row r="71266" spans="1:10" x14ac:dyDescent="0.35">
      <c r="A71266" s="1" t="s">
        <v>14175</v>
      </c>
      <c r="B71266" s="1" t="s">
        <v>222693</v>
      </c>
      <c r="C71266" s="1" t="s">
        <v>95</v>
      </c>
      <c r="D71266" s="1" t="s">
        <v>238192</v>
      </c>
      <c r="E71266" s="1" t="s">
        <v>238193</v>
      </c>
      <c r="F71266" s="1" t="s">
        <v>238194</v>
      </c>
      <c r="G71266" s="1" t="s">
        <v>238137</v>
      </c>
      <c r="H71266" s="1" t="s">
        <v>238138</v>
      </c>
      <c r="I71266" s="1" t="s">
        <v>222698</v>
      </c>
      <c r="J71266" s="1" t="s">
        <v>238195</v>
      </c>
    </row>
    <row r="71267" spans="1:10" x14ac:dyDescent="0.35">
      <c r="A71267" s="1" t="s">
        <v>14175</v>
      </c>
      <c r="B71267" s="1" t="s">
        <v>222693</v>
      </c>
      <c r="C71267" s="1" t="s">
        <v>100</v>
      </c>
      <c r="D71267" s="1" t="s">
        <v>238196</v>
      </c>
      <c r="E71267" s="1" t="s">
        <v>238197</v>
      </c>
      <c r="F71267" s="1" t="s">
        <v>238198</v>
      </c>
      <c r="G71267" s="1" t="s">
        <v>238137</v>
      </c>
      <c r="H71267" s="1" t="s">
        <v>238138</v>
      </c>
      <c r="I71267" s="1" t="s">
        <v>222698</v>
      </c>
      <c r="J71267" s="1" t="s">
        <v>238199</v>
      </c>
    </row>
    <row r="71268" spans="1:10" x14ac:dyDescent="0.35">
      <c r="A71268" s="1" t="s">
        <v>14175</v>
      </c>
      <c r="B71268" s="1" t="s">
        <v>222693</v>
      </c>
      <c r="C71268" s="1" t="s">
        <v>105</v>
      </c>
      <c r="D71268" s="1" t="s">
        <v>88554</v>
      </c>
      <c r="E71268" s="1" t="s">
        <v>238200</v>
      </c>
      <c r="F71268" s="1" t="s">
        <v>238201</v>
      </c>
      <c r="G71268" s="1" t="s">
        <v>238137</v>
      </c>
      <c r="H71268" s="1" t="s">
        <v>238138</v>
      </c>
      <c r="I71268" s="1" t="s">
        <v>222698</v>
      </c>
      <c r="J71268" s="1" t="s">
        <v>238202</v>
      </c>
    </row>
    <row r="71269" spans="1:10" x14ac:dyDescent="0.35">
      <c r="A71269" s="1" t="s">
        <v>14175</v>
      </c>
      <c r="B71269" s="1" t="s">
        <v>222693</v>
      </c>
      <c r="C71269" s="1" t="s">
        <v>110</v>
      </c>
      <c r="D71269" s="1" t="s">
        <v>64780</v>
      </c>
      <c r="E71269" s="1" t="s">
        <v>238203</v>
      </c>
      <c r="F71269" s="1" t="s">
        <v>238204</v>
      </c>
      <c r="G71269" s="1" t="s">
        <v>238137</v>
      </c>
      <c r="H71269" s="1" t="s">
        <v>238138</v>
      </c>
      <c r="I71269" s="1" t="s">
        <v>222698</v>
      </c>
      <c r="J71269" s="1" t="s">
        <v>238205</v>
      </c>
    </row>
    <row r="71270" spans="1:10" x14ac:dyDescent="0.35">
      <c r="A71270" s="1" t="s">
        <v>14175</v>
      </c>
      <c r="B71270" s="1" t="s">
        <v>222693</v>
      </c>
      <c r="C71270" s="1" t="s">
        <v>115</v>
      </c>
      <c r="D71270" s="1" t="s">
        <v>237224</v>
      </c>
      <c r="E71270" s="1" t="s">
        <v>238206</v>
      </c>
      <c r="F71270" s="1" t="s">
        <v>238207</v>
      </c>
      <c r="G71270" s="1" t="s">
        <v>238137</v>
      </c>
      <c r="H71270" s="1" t="s">
        <v>238138</v>
      </c>
      <c r="I71270" s="1" t="s">
        <v>222698</v>
      </c>
      <c r="J71270" s="1" t="s">
        <v>238208</v>
      </c>
    </row>
    <row r="71271" spans="1:10" x14ac:dyDescent="0.35">
      <c r="A71271" s="1" t="s">
        <v>14175</v>
      </c>
      <c r="B71271" s="1" t="s">
        <v>222693</v>
      </c>
      <c r="C71271" s="1" t="s">
        <v>120</v>
      </c>
      <c r="D71271" s="1" t="s">
        <v>56749</v>
      </c>
      <c r="E71271" s="1" t="s">
        <v>238209</v>
      </c>
      <c r="F71271" s="1" t="s">
        <v>238210</v>
      </c>
      <c r="G71271" s="1" t="s">
        <v>238137</v>
      </c>
      <c r="H71271" s="1" t="s">
        <v>238138</v>
      </c>
      <c r="I71271" s="1" t="s">
        <v>222698</v>
      </c>
      <c r="J71271" s="1" t="s">
        <v>238211</v>
      </c>
    </row>
    <row r="71272" spans="1:10" x14ac:dyDescent="0.35">
      <c r="A71272" s="1" t="s">
        <v>14175</v>
      </c>
      <c r="B71272" s="1" t="s">
        <v>222693</v>
      </c>
      <c r="C71272" s="1" t="s">
        <v>125</v>
      </c>
      <c r="D71272" s="1" t="s">
        <v>238212</v>
      </c>
      <c r="E71272" s="1" t="s">
        <v>238213</v>
      </c>
      <c r="F71272" s="1" t="s">
        <v>238214</v>
      </c>
      <c r="G71272" s="1" t="s">
        <v>238137</v>
      </c>
      <c r="H71272" s="1" t="s">
        <v>238138</v>
      </c>
      <c r="I71272" s="1" t="s">
        <v>222698</v>
      </c>
      <c r="J71272" s="1" t="s">
        <v>238215</v>
      </c>
    </row>
    <row r="71273" spans="1:10" x14ac:dyDescent="0.35">
      <c r="A71273" s="1" t="s">
        <v>14175</v>
      </c>
      <c r="B71273" s="1" t="s">
        <v>222693</v>
      </c>
      <c r="C71273" s="1" t="s">
        <v>130</v>
      </c>
      <c r="D71273" s="1" t="s">
        <v>238216</v>
      </c>
      <c r="E71273" s="1" t="s">
        <v>238217</v>
      </c>
      <c r="F71273" s="1" t="s">
        <v>238218</v>
      </c>
      <c r="G71273" s="1" t="s">
        <v>238137</v>
      </c>
      <c r="H71273" s="1" t="s">
        <v>238138</v>
      </c>
      <c r="I71273" s="1" t="s">
        <v>222698</v>
      </c>
      <c r="J71273" s="1" t="s">
        <v>238219</v>
      </c>
    </row>
    <row r="71274" spans="1:10" x14ac:dyDescent="0.35">
      <c r="A71274" s="1" t="s">
        <v>14175</v>
      </c>
      <c r="B71274" s="1" t="s">
        <v>222693</v>
      </c>
      <c r="C71274" s="1" t="s">
        <v>135</v>
      </c>
      <c r="D71274" s="1" t="s">
        <v>60256</v>
      </c>
      <c r="E71274" s="1" t="s">
        <v>238220</v>
      </c>
      <c r="F71274" s="1" t="s">
        <v>238221</v>
      </c>
      <c r="G71274" s="1" t="s">
        <v>238137</v>
      </c>
      <c r="H71274" s="1" t="s">
        <v>238138</v>
      </c>
      <c r="I71274" s="1" t="s">
        <v>222698</v>
      </c>
      <c r="J71274" s="1" t="s">
        <v>238222</v>
      </c>
    </row>
    <row r="71275" spans="1:10" x14ac:dyDescent="0.35">
      <c r="A71275" s="1" t="s">
        <v>14175</v>
      </c>
      <c r="B71275" s="1" t="s">
        <v>222693</v>
      </c>
      <c r="C71275" s="1" t="s">
        <v>140</v>
      </c>
      <c r="D71275" s="1" t="s">
        <v>80527</v>
      </c>
      <c r="E71275" s="1" t="s">
        <v>238223</v>
      </c>
      <c r="F71275" s="1" t="s">
        <v>238224</v>
      </c>
      <c r="G71275" s="1" t="s">
        <v>238137</v>
      </c>
      <c r="H71275" s="1" t="s">
        <v>238138</v>
      </c>
      <c r="I71275" s="1" t="s">
        <v>222698</v>
      </c>
      <c r="J71275" s="1" t="s">
        <v>238225</v>
      </c>
    </row>
    <row r="71276" spans="1:10" x14ac:dyDescent="0.35">
      <c r="A71276" s="1" t="s">
        <v>14175</v>
      </c>
      <c r="B71276" s="1" t="s">
        <v>222693</v>
      </c>
      <c r="C71276" s="1" t="s">
        <v>145</v>
      </c>
      <c r="D71276" s="1" t="s">
        <v>62021</v>
      </c>
      <c r="E71276" s="1" t="s">
        <v>238226</v>
      </c>
      <c r="F71276" s="1" t="s">
        <v>238227</v>
      </c>
      <c r="G71276" s="1" t="s">
        <v>238137</v>
      </c>
      <c r="H71276" s="1" t="s">
        <v>238138</v>
      </c>
      <c r="I71276" s="1" t="s">
        <v>222698</v>
      </c>
      <c r="J71276" s="1" t="s">
        <v>238228</v>
      </c>
    </row>
    <row r="71277" spans="1:10" x14ac:dyDescent="0.35">
      <c r="A71277" s="1" t="s">
        <v>14175</v>
      </c>
      <c r="B71277" s="1" t="s">
        <v>222693</v>
      </c>
      <c r="C71277" s="1" t="s">
        <v>150</v>
      </c>
      <c r="D71277" s="1" t="s">
        <v>238229</v>
      </c>
      <c r="E71277" s="1" t="s">
        <v>238230</v>
      </c>
      <c r="F71277" s="1" t="s">
        <v>238231</v>
      </c>
      <c r="G71277" s="1" t="s">
        <v>238137</v>
      </c>
      <c r="H71277" s="1" t="s">
        <v>238138</v>
      </c>
      <c r="I71277" s="1" t="s">
        <v>222698</v>
      </c>
      <c r="J71277" s="1" t="s">
        <v>238232</v>
      </c>
    </row>
    <row r="71278" spans="1:10" x14ac:dyDescent="0.35">
      <c r="A71278" s="1" t="s">
        <v>14175</v>
      </c>
      <c r="B71278" s="1" t="s">
        <v>222693</v>
      </c>
      <c r="C71278" s="1" t="s">
        <v>155</v>
      </c>
      <c r="D71278" s="1" t="s">
        <v>97634</v>
      </c>
      <c r="E71278" s="1" t="s">
        <v>238233</v>
      </c>
      <c r="F71278" s="1" t="s">
        <v>238234</v>
      </c>
      <c r="G71278" s="1" t="s">
        <v>238137</v>
      </c>
      <c r="H71278" s="1" t="s">
        <v>238138</v>
      </c>
      <c r="I71278" s="1" t="s">
        <v>222698</v>
      </c>
      <c r="J71278" s="1" t="s">
        <v>238235</v>
      </c>
    </row>
    <row r="71279" spans="1:10" x14ac:dyDescent="0.35">
      <c r="A71279" s="1" t="s">
        <v>14175</v>
      </c>
      <c r="B71279" s="1" t="s">
        <v>222693</v>
      </c>
      <c r="C71279" s="1" t="s">
        <v>160</v>
      </c>
      <c r="D71279" s="1" t="s">
        <v>238236</v>
      </c>
      <c r="E71279" s="1" t="s">
        <v>238237</v>
      </c>
      <c r="F71279" s="1" t="s">
        <v>238238</v>
      </c>
      <c r="G71279" s="1" t="s">
        <v>238137</v>
      </c>
      <c r="H71279" s="1" t="s">
        <v>238138</v>
      </c>
      <c r="I71279" s="1" t="s">
        <v>222698</v>
      </c>
      <c r="J71279" s="1" t="s">
        <v>238239</v>
      </c>
    </row>
    <row r="71280" spans="1:10" x14ac:dyDescent="0.35">
      <c r="A71280" s="1" t="s">
        <v>14175</v>
      </c>
      <c r="B71280" s="1" t="s">
        <v>222693</v>
      </c>
      <c r="C71280" s="1" t="s">
        <v>165</v>
      </c>
      <c r="D71280" s="1" t="s">
        <v>139947</v>
      </c>
      <c r="E71280" s="1" t="s">
        <v>238240</v>
      </c>
      <c r="F71280" s="1" t="s">
        <v>238241</v>
      </c>
      <c r="G71280" s="1" t="s">
        <v>238137</v>
      </c>
      <c r="H71280" s="1" t="s">
        <v>238138</v>
      </c>
      <c r="I71280" s="1" t="s">
        <v>222698</v>
      </c>
      <c r="J71280" s="1" t="s">
        <v>238242</v>
      </c>
    </row>
    <row r="71281" spans="1:10" x14ac:dyDescent="0.35">
      <c r="A71281" s="1" t="s">
        <v>14175</v>
      </c>
      <c r="B71281" s="1" t="s">
        <v>222693</v>
      </c>
      <c r="C71281" s="1" t="s">
        <v>170</v>
      </c>
      <c r="D71281" s="1" t="s">
        <v>162178</v>
      </c>
      <c r="E71281" s="1" t="s">
        <v>238243</v>
      </c>
      <c r="F71281" s="1" t="s">
        <v>238244</v>
      </c>
      <c r="G71281" s="1" t="s">
        <v>238137</v>
      </c>
      <c r="H71281" s="1" t="s">
        <v>238138</v>
      </c>
      <c r="I71281" s="1" t="s">
        <v>222698</v>
      </c>
      <c r="J71281" s="1" t="s">
        <v>238245</v>
      </c>
    </row>
    <row r="71282" spans="1:10" x14ac:dyDescent="0.35">
      <c r="A71282" s="1" t="s">
        <v>25415</v>
      </c>
      <c r="B71282" s="1" t="s">
        <v>222693</v>
      </c>
      <c r="C71282" s="1" t="s">
        <v>8</v>
      </c>
      <c r="D71282" s="1" t="s">
        <v>238246</v>
      </c>
      <c r="E71282" s="1" t="s">
        <v>238247</v>
      </c>
      <c r="F71282" s="1" t="s">
        <v>238248</v>
      </c>
      <c r="G71282" s="1" t="s">
        <v>238249</v>
      </c>
      <c r="H71282" s="1" t="s">
        <v>238250</v>
      </c>
      <c r="I71282" s="1" t="s">
        <v>222698</v>
      </c>
      <c r="J71282" s="1" t="s">
        <v>13</v>
      </c>
    </row>
    <row r="71283" spans="1:10" x14ac:dyDescent="0.35">
      <c r="A71283" s="1" t="s">
        <v>25415</v>
      </c>
      <c r="B71283" s="1" t="s">
        <v>222693</v>
      </c>
      <c r="C71283" s="1" t="s">
        <v>15</v>
      </c>
      <c r="D71283" s="1" t="s">
        <v>238251</v>
      </c>
      <c r="E71283" s="1" t="s">
        <v>238252</v>
      </c>
      <c r="F71283" s="1" t="s">
        <v>238253</v>
      </c>
      <c r="G71283" s="1" t="s">
        <v>238249</v>
      </c>
      <c r="H71283" s="1" t="s">
        <v>238250</v>
      </c>
      <c r="I71283" s="1" t="s">
        <v>222698</v>
      </c>
      <c r="J71283" s="1" t="s">
        <v>238254</v>
      </c>
    </row>
    <row r="71284" spans="1:10" x14ac:dyDescent="0.35">
      <c r="A71284" s="1" t="s">
        <v>25415</v>
      </c>
      <c r="B71284" s="1" t="s">
        <v>222693</v>
      </c>
      <c r="C71284" s="1" t="s">
        <v>20</v>
      </c>
      <c r="D71284" s="1" t="s">
        <v>238255</v>
      </c>
      <c r="E71284" s="1" t="s">
        <v>238256</v>
      </c>
      <c r="F71284" s="1" t="s">
        <v>238257</v>
      </c>
      <c r="G71284" s="1" t="s">
        <v>238249</v>
      </c>
      <c r="H71284" s="1" t="s">
        <v>238250</v>
      </c>
      <c r="I71284" s="1" t="s">
        <v>222698</v>
      </c>
      <c r="J71284" s="1" t="s">
        <v>238258</v>
      </c>
    </row>
    <row r="71285" spans="1:10" x14ac:dyDescent="0.35">
      <c r="A71285" s="1" t="s">
        <v>25415</v>
      </c>
      <c r="B71285" s="1" t="s">
        <v>222693</v>
      </c>
      <c r="C71285" s="1" t="s">
        <v>25</v>
      </c>
      <c r="D71285" s="1" t="s">
        <v>109509</v>
      </c>
      <c r="E71285" s="1" t="s">
        <v>238259</v>
      </c>
      <c r="F71285" s="1" t="s">
        <v>238260</v>
      </c>
      <c r="G71285" s="1" t="s">
        <v>238249</v>
      </c>
      <c r="H71285" s="1" t="s">
        <v>238250</v>
      </c>
      <c r="I71285" s="1" t="s">
        <v>222698</v>
      </c>
      <c r="J71285" s="1" t="s">
        <v>238261</v>
      </c>
    </row>
    <row r="71286" spans="1:10" x14ac:dyDescent="0.35">
      <c r="A71286" s="1" t="s">
        <v>25415</v>
      </c>
      <c r="B71286" s="1" t="s">
        <v>222693</v>
      </c>
      <c r="C71286" s="1" t="s">
        <v>30</v>
      </c>
      <c r="D71286" s="1" t="s">
        <v>238262</v>
      </c>
      <c r="E71286" s="1" t="s">
        <v>238263</v>
      </c>
      <c r="F71286" s="1" t="s">
        <v>238264</v>
      </c>
      <c r="G71286" s="1" t="s">
        <v>238249</v>
      </c>
      <c r="H71286" s="1" t="s">
        <v>238250</v>
      </c>
      <c r="I71286" s="1" t="s">
        <v>222698</v>
      </c>
      <c r="J71286" s="1" t="s">
        <v>238265</v>
      </c>
    </row>
    <row r="71287" spans="1:10" x14ac:dyDescent="0.35">
      <c r="A71287" s="1" t="s">
        <v>25415</v>
      </c>
      <c r="B71287" s="1" t="s">
        <v>222693</v>
      </c>
      <c r="C71287" s="1" t="s">
        <v>35</v>
      </c>
      <c r="D71287" s="1" t="s">
        <v>93171</v>
      </c>
      <c r="E71287" s="1" t="s">
        <v>238266</v>
      </c>
      <c r="F71287" s="1" t="s">
        <v>238267</v>
      </c>
      <c r="G71287" s="1" t="s">
        <v>238249</v>
      </c>
      <c r="H71287" s="1" t="s">
        <v>238250</v>
      </c>
      <c r="I71287" s="1" t="s">
        <v>222698</v>
      </c>
      <c r="J71287" s="1" t="s">
        <v>238268</v>
      </c>
    </row>
    <row r="71288" spans="1:10" x14ac:dyDescent="0.35">
      <c r="A71288" s="1" t="s">
        <v>25415</v>
      </c>
      <c r="B71288" s="1" t="s">
        <v>222693</v>
      </c>
      <c r="C71288" s="1" t="s">
        <v>40</v>
      </c>
      <c r="D71288" s="1" t="s">
        <v>238269</v>
      </c>
      <c r="E71288" s="1" t="s">
        <v>238270</v>
      </c>
      <c r="F71288" s="1" t="s">
        <v>238271</v>
      </c>
      <c r="G71288" s="1" t="s">
        <v>238249</v>
      </c>
      <c r="H71288" s="1" t="s">
        <v>238250</v>
      </c>
      <c r="I71288" s="1" t="s">
        <v>222698</v>
      </c>
      <c r="J71288" s="1" t="s">
        <v>238272</v>
      </c>
    </row>
    <row r="71289" spans="1:10" x14ac:dyDescent="0.35">
      <c r="A71289" s="1" t="s">
        <v>25415</v>
      </c>
      <c r="B71289" s="1" t="s">
        <v>222693</v>
      </c>
      <c r="C71289" s="1" t="s">
        <v>45</v>
      </c>
      <c r="D71289" s="1" t="s">
        <v>238273</v>
      </c>
      <c r="E71289" s="1" t="s">
        <v>238274</v>
      </c>
      <c r="F71289" s="1" t="s">
        <v>238275</v>
      </c>
      <c r="G71289" s="1" t="s">
        <v>238249</v>
      </c>
      <c r="H71289" s="1" t="s">
        <v>238250</v>
      </c>
      <c r="I71289" s="1" t="s">
        <v>222698</v>
      </c>
      <c r="J71289" s="1" t="s">
        <v>238276</v>
      </c>
    </row>
    <row r="71290" spans="1:10" x14ac:dyDescent="0.35">
      <c r="A71290" s="1" t="s">
        <v>25415</v>
      </c>
      <c r="B71290" s="1" t="s">
        <v>222693</v>
      </c>
      <c r="C71290" s="1" t="s">
        <v>50</v>
      </c>
      <c r="D71290" s="1" t="s">
        <v>238277</v>
      </c>
      <c r="E71290" s="1" t="s">
        <v>238278</v>
      </c>
      <c r="F71290" s="1" t="s">
        <v>238279</v>
      </c>
      <c r="G71290" s="1" t="s">
        <v>238249</v>
      </c>
      <c r="H71290" s="1" t="s">
        <v>238250</v>
      </c>
      <c r="I71290" s="1" t="s">
        <v>222698</v>
      </c>
      <c r="J71290" s="1" t="s">
        <v>238280</v>
      </c>
    </row>
    <row r="71291" spans="1:10" x14ac:dyDescent="0.35">
      <c r="A71291" s="1" t="s">
        <v>25415</v>
      </c>
      <c r="B71291" s="1" t="s">
        <v>222693</v>
      </c>
      <c r="C71291" s="1" t="s">
        <v>55</v>
      </c>
      <c r="D71291" s="1" t="s">
        <v>62080</v>
      </c>
      <c r="E71291" s="1" t="s">
        <v>238281</v>
      </c>
      <c r="F71291" s="1" t="s">
        <v>238282</v>
      </c>
      <c r="G71291" s="1" t="s">
        <v>238249</v>
      </c>
      <c r="H71291" s="1" t="s">
        <v>238250</v>
      </c>
      <c r="I71291" s="1" t="s">
        <v>222698</v>
      </c>
      <c r="J71291" s="1" t="s">
        <v>238283</v>
      </c>
    </row>
    <row r="71292" spans="1:10" x14ac:dyDescent="0.35">
      <c r="A71292" s="1" t="s">
        <v>25415</v>
      </c>
      <c r="B71292" s="1" t="s">
        <v>222693</v>
      </c>
      <c r="C71292" s="1" t="s">
        <v>60</v>
      </c>
      <c r="D71292" s="1" t="s">
        <v>238284</v>
      </c>
      <c r="E71292" s="1" t="s">
        <v>238285</v>
      </c>
      <c r="F71292" s="1" t="s">
        <v>238286</v>
      </c>
      <c r="G71292" s="1" t="s">
        <v>238249</v>
      </c>
      <c r="H71292" s="1" t="s">
        <v>238250</v>
      </c>
      <c r="I71292" s="1" t="s">
        <v>222698</v>
      </c>
      <c r="J71292" s="1" t="s">
        <v>238287</v>
      </c>
    </row>
    <row r="71293" spans="1:10" x14ac:dyDescent="0.35">
      <c r="A71293" s="1" t="s">
        <v>25415</v>
      </c>
      <c r="B71293" s="1" t="s">
        <v>222693</v>
      </c>
      <c r="C71293" s="1" t="s">
        <v>65</v>
      </c>
      <c r="D71293" s="1" t="s">
        <v>238288</v>
      </c>
      <c r="E71293" s="1" t="s">
        <v>238289</v>
      </c>
      <c r="F71293" s="1" t="s">
        <v>238290</v>
      </c>
      <c r="G71293" s="1" t="s">
        <v>238249</v>
      </c>
      <c r="H71293" s="1" t="s">
        <v>238250</v>
      </c>
      <c r="I71293" s="1" t="s">
        <v>222698</v>
      </c>
      <c r="J71293" s="1" t="s">
        <v>238291</v>
      </c>
    </row>
    <row r="71294" spans="1:10" x14ac:dyDescent="0.35">
      <c r="A71294" s="1" t="s">
        <v>25415</v>
      </c>
      <c r="B71294" s="1" t="s">
        <v>222693</v>
      </c>
      <c r="C71294" s="1" t="s">
        <v>70</v>
      </c>
      <c r="D71294" s="1" t="s">
        <v>550</v>
      </c>
      <c r="E71294" s="1" t="s">
        <v>238292</v>
      </c>
      <c r="F71294" s="1" t="s">
        <v>238293</v>
      </c>
      <c r="G71294" s="1" t="s">
        <v>238249</v>
      </c>
      <c r="H71294" s="1" t="s">
        <v>238250</v>
      </c>
      <c r="I71294" s="1" t="s">
        <v>222698</v>
      </c>
      <c r="J71294" s="1" t="s">
        <v>238294</v>
      </c>
    </row>
    <row r="71295" spans="1:10" x14ac:dyDescent="0.35">
      <c r="A71295" s="1" t="s">
        <v>25415</v>
      </c>
      <c r="B71295" s="1" t="s">
        <v>222693</v>
      </c>
      <c r="C71295" s="1" t="s">
        <v>75</v>
      </c>
      <c r="D71295" s="1" t="s">
        <v>238295</v>
      </c>
      <c r="E71295" s="1" t="s">
        <v>238296</v>
      </c>
      <c r="F71295" s="1" t="s">
        <v>238297</v>
      </c>
      <c r="G71295" s="1" t="s">
        <v>238249</v>
      </c>
      <c r="H71295" s="1" t="s">
        <v>238250</v>
      </c>
      <c r="I71295" s="1" t="s">
        <v>222698</v>
      </c>
      <c r="J71295" s="1" t="s">
        <v>238298</v>
      </c>
    </row>
    <row r="71296" spans="1:10" x14ac:dyDescent="0.35">
      <c r="A71296" s="1" t="s">
        <v>25415</v>
      </c>
      <c r="B71296" s="1" t="s">
        <v>222693</v>
      </c>
      <c r="C71296" s="1" t="s">
        <v>80</v>
      </c>
      <c r="D71296" s="1" t="s">
        <v>238299</v>
      </c>
      <c r="E71296" s="1" t="s">
        <v>238300</v>
      </c>
      <c r="F71296" s="1" t="s">
        <v>238301</v>
      </c>
      <c r="G71296" s="1" t="s">
        <v>238249</v>
      </c>
      <c r="H71296" s="1" t="s">
        <v>238250</v>
      </c>
      <c r="I71296" s="1" t="s">
        <v>222698</v>
      </c>
      <c r="J71296" s="1" t="s">
        <v>238302</v>
      </c>
    </row>
    <row r="71297" spans="1:10" x14ac:dyDescent="0.35">
      <c r="A71297" s="1" t="s">
        <v>25415</v>
      </c>
      <c r="B71297" s="1" t="s">
        <v>222693</v>
      </c>
      <c r="C71297" s="1" t="s">
        <v>85</v>
      </c>
      <c r="D71297" s="1" t="s">
        <v>41635</v>
      </c>
      <c r="E71297" s="1" t="s">
        <v>238303</v>
      </c>
      <c r="F71297" s="1" t="s">
        <v>238304</v>
      </c>
      <c r="G71297" s="1" t="s">
        <v>238249</v>
      </c>
      <c r="H71297" s="1" t="s">
        <v>238250</v>
      </c>
      <c r="I71297" s="1" t="s">
        <v>222698</v>
      </c>
      <c r="J71297" s="1" t="s">
        <v>238305</v>
      </c>
    </row>
    <row r="71298" spans="1:10" x14ac:dyDescent="0.35">
      <c r="A71298" s="1" t="s">
        <v>25415</v>
      </c>
      <c r="B71298" s="1" t="s">
        <v>222693</v>
      </c>
      <c r="C71298" s="1" t="s">
        <v>90</v>
      </c>
      <c r="D71298" s="1" t="s">
        <v>238306</v>
      </c>
      <c r="E71298" s="1" t="s">
        <v>238307</v>
      </c>
      <c r="F71298" s="1" t="s">
        <v>238308</v>
      </c>
      <c r="G71298" s="1" t="s">
        <v>238249</v>
      </c>
      <c r="H71298" s="1" t="s">
        <v>238250</v>
      </c>
      <c r="I71298" s="1" t="s">
        <v>222698</v>
      </c>
      <c r="J71298" s="1" t="s">
        <v>238309</v>
      </c>
    </row>
    <row r="71299" spans="1:10" x14ac:dyDescent="0.35">
      <c r="A71299" s="1" t="s">
        <v>25415</v>
      </c>
      <c r="B71299" s="1" t="s">
        <v>222693</v>
      </c>
      <c r="C71299" s="1" t="s">
        <v>95</v>
      </c>
      <c r="D71299" s="1" t="s">
        <v>238310</v>
      </c>
      <c r="E71299" s="1" t="s">
        <v>238311</v>
      </c>
      <c r="F71299" s="1" t="s">
        <v>238312</v>
      </c>
      <c r="G71299" s="1" t="s">
        <v>238249</v>
      </c>
      <c r="H71299" s="1" t="s">
        <v>238250</v>
      </c>
      <c r="I71299" s="1" t="s">
        <v>222698</v>
      </c>
      <c r="J71299" s="1" t="s">
        <v>238313</v>
      </c>
    </row>
    <row r="71300" spans="1:10" x14ac:dyDescent="0.35">
      <c r="A71300" s="1" t="s">
        <v>25415</v>
      </c>
      <c r="B71300" s="1" t="s">
        <v>222693</v>
      </c>
      <c r="C71300" s="1" t="s">
        <v>100</v>
      </c>
      <c r="D71300" s="1" t="s">
        <v>238314</v>
      </c>
      <c r="E71300" s="1" t="s">
        <v>238315</v>
      </c>
      <c r="F71300" s="1" t="s">
        <v>238316</v>
      </c>
      <c r="G71300" s="1" t="s">
        <v>238249</v>
      </c>
      <c r="H71300" s="1" t="s">
        <v>238250</v>
      </c>
      <c r="I71300" s="1" t="s">
        <v>222698</v>
      </c>
      <c r="J71300" s="1" t="s">
        <v>238317</v>
      </c>
    </row>
    <row r="71301" spans="1:10" x14ac:dyDescent="0.35">
      <c r="A71301" s="1" t="s">
        <v>25415</v>
      </c>
      <c r="B71301" s="1" t="s">
        <v>222693</v>
      </c>
      <c r="C71301" s="1" t="s">
        <v>105</v>
      </c>
      <c r="D71301" s="1" t="s">
        <v>41043</v>
      </c>
      <c r="E71301" s="1" t="s">
        <v>238318</v>
      </c>
      <c r="F71301" s="1" t="s">
        <v>238319</v>
      </c>
      <c r="G71301" s="1" t="s">
        <v>238249</v>
      </c>
      <c r="H71301" s="1" t="s">
        <v>238250</v>
      </c>
      <c r="I71301" s="1" t="s">
        <v>222698</v>
      </c>
      <c r="J71301" s="1" t="s">
        <v>238320</v>
      </c>
    </row>
    <row r="71302" spans="1:10" x14ac:dyDescent="0.35">
      <c r="A71302" s="1" t="s">
        <v>25415</v>
      </c>
      <c r="B71302" s="1" t="s">
        <v>222693</v>
      </c>
      <c r="C71302" s="1" t="s">
        <v>110</v>
      </c>
      <c r="D71302" s="1" t="s">
        <v>127679</v>
      </c>
      <c r="E71302" s="1" t="s">
        <v>238321</v>
      </c>
      <c r="F71302" s="1" t="s">
        <v>238322</v>
      </c>
      <c r="G71302" s="1" t="s">
        <v>238249</v>
      </c>
      <c r="H71302" s="1" t="s">
        <v>238250</v>
      </c>
      <c r="I71302" s="1" t="s">
        <v>222698</v>
      </c>
      <c r="J71302" s="1" t="s">
        <v>238323</v>
      </c>
    </row>
    <row r="71303" spans="1:10" x14ac:dyDescent="0.35">
      <c r="A71303" s="1" t="s">
        <v>25415</v>
      </c>
      <c r="B71303" s="1" t="s">
        <v>222693</v>
      </c>
      <c r="C71303" s="1" t="s">
        <v>115</v>
      </c>
      <c r="D71303" s="1" t="s">
        <v>238324</v>
      </c>
      <c r="E71303" s="1" t="s">
        <v>238325</v>
      </c>
      <c r="F71303" s="1" t="s">
        <v>238326</v>
      </c>
      <c r="G71303" s="1" t="s">
        <v>238249</v>
      </c>
      <c r="H71303" s="1" t="s">
        <v>238250</v>
      </c>
      <c r="I71303" s="1" t="s">
        <v>222698</v>
      </c>
      <c r="J71303" s="1" t="s">
        <v>238327</v>
      </c>
    </row>
    <row r="71304" spans="1:10" x14ac:dyDescent="0.35">
      <c r="A71304" s="1" t="s">
        <v>25415</v>
      </c>
      <c r="B71304" s="1" t="s">
        <v>222693</v>
      </c>
      <c r="C71304" s="1" t="s">
        <v>120</v>
      </c>
      <c r="D71304" s="1" t="s">
        <v>238328</v>
      </c>
      <c r="E71304" s="1" t="s">
        <v>238329</v>
      </c>
      <c r="F71304" s="1" t="s">
        <v>238330</v>
      </c>
      <c r="G71304" s="1" t="s">
        <v>238249</v>
      </c>
      <c r="H71304" s="1" t="s">
        <v>238250</v>
      </c>
      <c r="I71304" s="1" t="s">
        <v>222698</v>
      </c>
      <c r="J71304" s="1" t="s">
        <v>238331</v>
      </c>
    </row>
    <row r="71305" spans="1:10" x14ac:dyDescent="0.35">
      <c r="A71305" s="1" t="s">
        <v>25415</v>
      </c>
      <c r="B71305" s="1" t="s">
        <v>222693</v>
      </c>
      <c r="C71305" s="1" t="s">
        <v>125</v>
      </c>
      <c r="D71305" s="1" t="s">
        <v>238332</v>
      </c>
      <c r="E71305" s="1" t="s">
        <v>238333</v>
      </c>
      <c r="F71305" s="1" t="s">
        <v>238334</v>
      </c>
      <c r="G71305" s="1" t="s">
        <v>238249</v>
      </c>
      <c r="H71305" s="1" t="s">
        <v>238250</v>
      </c>
      <c r="I71305" s="1" t="s">
        <v>222698</v>
      </c>
      <c r="J71305" s="1" t="s">
        <v>238335</v>
      </c>
    </row>
    <row r="71306" spans="1:10" x14ac:dyDescent="0.35">
      <c r="A71306" s="1" t="s">
        <v>25415</v>
      </c>
      <c r="B71306" s="1" t="s">
        <v>222693</v>
      </c>
      <c r="C71306" s="1" t="s">
        <v>130</v>
      </c>
      <c r="D71306" s="1" t="s">
        <v>27117</v>
      </c>
      <c r="E71306" s="1" t="s">
        <v>238336</v>
      </c>
      <c r="F71306" s="1" t="s">
        <v>238337</v>
      </c>
      <c r="G71306" s="1" t="s">
        <v>238249</v>
      </c>
      <c r="H71306" s="1" t="s">
        <v>238250</v>
      </c>
      <c r="I71306" s="1" t="s">
        <v>222698</v>
      </c>
      <c r="J71306" s="1" t="s">
        <v>238338</v>
      </c>
    </row>
    <row r="71307" spans="1:10" x14ac:dyDescent="0.35">
      <c r="A71307" s="1" t="s">
        <v>25415</v>
      </c>
      <c r="B71307" s="1" t="s">
        <v>222693</v>
      </c>
      <c r="C71307" s="1" t="s">
        <v>135</v>
      </c>
      <c r="D71307" s="1" t="s">
        <v>41130</v>
      </c>
      <c r="E71307" s="1" t="s">
        <v>238339</v>
      </c>
      <c r="F71307" s="1" t="s">
        <v>238340</v>
      </c>
      <c r="G71307" s="1" t="s">
        <v>238249</v>
      </c>
      <c r="H71307" s="1" t="s">
        <v>238250</v>
      </c>
      <c r="I71307" s="1" t="s">
        <v>222698</v>
      </c>
      <c r="J71307" s="1" t="s">
        <v>238341</v>
      </c>
    </row>
    <row r="71308" spans="1:10" x14ac:dyDescent="0.35">
      <c r="A71308" s="1" t="s">
        <v>25415</v>
      </c>
      <c r="B71308" s="1" t="s">
        <v>222693</v>
      </c>
      <c r="C71308" s="1" t="s">
        <v>140</v>
      </c>
      <c r="D71308" s="1" t="s">
        <v>238342</v>
      </c>
      <c r="E71308" s="1" t="s">
        <v>238343</v>
      </c>
      <c r="F71308" s="1" t="s">
        <v>238344</v>
      </c>
      <c r="G71308" s="1" t="s">
        <v>238249</v>
      </c>
      <c r="H71308" s="1" t="s">
        <v>238250</v>
      </c>
      <c r="I71308" s="1" t="s">
        <v>222698</v>
      </c>
      <c r="J71308" s="1" t="s">
        <v>238345</v>
      </c>
    </row>
    <row r="71309" spans="1:10" x14ac:dyDescent="0.35">
      <c r="A71309" s="1" t="s">
        <v>25415</v>
      </c>
      <c r="B71309" s="1" t="s">
        <v>222693</v>
      </c>
      <c r="C71309" s="1" t="s">
        <v>145</v>
      </c>
      <c r="D71309" s="1" t="s">
        <v>238346</v>
      </c>
      <c r="E71309" s="1" t="s">
        <v>238347</v>
      </c>
      <c r="F71309" s="1" t="s">
        <v>238348</v>
      </c>
      <c r="G71309" s="1" t="s">
        <v>238249</v>
      </c>
      <c r="H71309" s="1" t="s">
        <v>238250</v>
      </c>
      <c r="I71309" s="1" t="s">
        <v>222698</v>
      </c>
      <c r="J71309" s="1" t="s">
        <v>238349</v>
      </c>
    </row>
    <row r="71310" spans="1:10" x14ac:dyDescent="0.35">
      <c r="A71310" s="1" t="s">
        <v>25415</v>
      </c>
      <c r="B71310" s="1" t="s">
        <v>222693</v>
      </c>
      <c r="C71310" s="1" t="s">
        <v>150</v>
      </c>
      <c r="D71310" s="1" t="s">
        <v>130709</v>
      </c>
      <c r="E71310" s="1" t="s">
        <v>238350</v>
      </c>
      <c r="F71310" s="1" t="s">
        <v>238351</v>
      </c>
      <c r="G71310" s="1" t="s">
        <v>238249</v>
      </c>
      <c r="H71310" s="1" t="s">
        <v>238250</v>
      </c>
      <c r="I71310" s="1" t="s">
        <v>222698</v>
      </c>
      <c r="J71310" s="1" t="s">
        <v>238352</v>
      </c>
    </row>
    <row r="71311" spans="1:10" x14ac:dyDescent="0.35">
      <c r="A71311" s="1" t="s">
        <v>25415</v>
      </c>
      <c r="B71311" s="1" t="s">
        <v>222693</v>
      </c>
      <c r="C71311" s="1" t="s">
        <v>155</v>
      </c>
      <c r="D71311" s="1" t="s">
        <v>238353</v>
      </c>
      <c r="E71311" s="1" t="s">
        <v>238354</v>
      </c>
      <c r="F71311" s="1" t="s">
        <v>238355</v>
      </c>
      <c r="G71311" s="1" t="s">
        <v>238249</v>
      </c>
      <c r="H71311" s="1" t="s">
        <v>238250</v>
      </c>
      <c r="I71311" s="1" t="s">
        <v>222698</v>
      </c>
      <c r="J71311" s="1" t="s">
        <v>238356</v>
      </c>
    </row>
    <row r="71312" spans="1:10" x14ac:dyDescent="0.35">
      <c r="A71312" s="1" t="s">
        <v>25415</v>
      </c>
      <c r="B71312" s="1" t="s">
        <v>222693</v>
      </c>
      <c r="C71312" s="1" t="s">
        <v>160</v>
      </c>
      <c r="D71312" s="1" t="s">
        <v>65571</v>
      </c>
      <c r="E71312" s="1" t="s">
        <v>238357</v>
      </c>
      <c r="F71312" s="1" t="s">
        <v>238358</v>
      </c>
      <c r="G71312" s="1" t="s">
        <v>238249</v>
      </c>
      <c r="H71312" s="1" t="s">
        <v>238250</v>
      </c>
      <c r="I71312" s="1" t="s">
        <v>222698</v>
      </c>
      <c r="J71312" s="1" t="s">
        <v>238359</v>
      </c>
    </row>
    <row r="71313" spans="1:10" x14ac:dyDescent="0.35">
      <c r="A71313" s="1" t="s">
        <v>25415</v>
      </c>
      <c r="B71313" s="1" t="s">
        <v>222693</v>
      </c>
      <c r="C71313" s="1" t="s">
        <v>165</v>
      </c>
      <c r="D71313" s="1" t="s">
        <v>238360</v>
      </c>
      <c r="E71313" s="1" t="s">
        <v>238361</v>
      </c>
      <c r="F71313" s="1" t="s">
        <v>238362</v>
      </c>
      <c r="G71313" s="1" t="s">
        <v>238249</v>
      </c>
      <c r="H71313" s="1" t="s">
        <v>238250</v>
      </c>
      <c r="I71313" s="1" t="s">
        <v>222698</v>
      </c>
      <c r="J71313" s="1" t="s">
        <v>238363</v>
      </c>
    </row>
    <row r="71314" spans="1:10" x14ac:dyDescent="0.35">
      <c r="A71314" s="1" t="s">
        <v>25415</v>
      </c>
      <c r="B71314" s="1" t="s">
        <v>222693</v>
      </c>
      <c r="C71314" s="1" t="s">
        <v>170</v>
      </c>
      <c r="D71314" s="1" t="s">
        <v>238364</v>
      </c>
      <c r="E71314" s="1" t="s">
        <v>238365</v>
      </c>
      <c r="F71314" s="1" t="s">
        <v>238366</v>
      </c>
      <c r="G71314" s="1" t="s">
        <v>238249</v>
      </c>
      <c r="H71314" s="1" t="s">
        <v>238250</v>
      </c>
      <c r="I71314" s="1" t="s">
        <v>222698</v>
      </c>
      <c r="J71314" s="1" t="s">
        <v>238367</v>
      </c>
    </row>
    <row r="71315" spans="1:10" x14ac:dyDescent="0.35">
      <c r="A71315" s="1" t="s">
        <v>112201</v>
      </c>
      <c r="B71315" s="1" t="s">
        <v>222693</v>
      </c>
      <c r="C71315" s="1" t="s">
        <v>8</v>
      </c>
      <c r="D71315" s="1" t="s">
        <v>78246</v>
      </c>
      <c r="E71315" s="1" t="s">
        <v>238368</v>
      </c>
      <c r="F71315" s="1" t="s">
        <v>238369</v>
      </c>
      <c r="G71315" s="1" t="s">
        <v>238370</v>
      </c>
      <c r="H71315" s="1" t="s">
        <v>238371</v>
      </c>
      <c r="I71315" s="1" t="s">
        <v>222698</v>
      </c>
      <c r="J71315" s="1" t="s">
        <v>13</v>
      </c>
    </row>
    <row r="71316" spans="1:10" x14ac:dyDescent="0.35">
      <c r="A71316" s="1" t="s">
        <v>112201</v>
      </c>
      <c r="B71316" s="1" t="s">
        <v>222693</v>
      </c>
      <c r="C71316" s="1" t="s">
        <v>15</v>
      </c>
      <c r="D71316" s="1" t="s">
        <v>26802</v>
      </c>
      <c r="E71316" s="1" t="s">
        <v>238372</v>
      </c>
      <c r="F71316" s="1" t="s">
        <v>238373</v>
      </c>
      <c r="G71316" s="1" t="s">
        <v>238370</v>
      </c>
      <c r="H71316" s="1" t="s">
        <v>238371</v>
      </c>
      <c r="I71316" s="1" t="s">
        <v>222698</v>
      </c>
      <c r="J71316" s="1" t="s">
        <v>238374</v>
      </c>
    </row>
    <row r="71317" spans="1:10" x14ac:dyDescent="0.35">
      <c r="A71317" s="1" t="s">
        <v>112201</v>
      </c>
      <c r="B71317" s="1" t="s">
        <v>222693</v>
      </c>
      <c r="C71317" s="1" t="s">
        <v>20</v>
      </c>
      <c r="D71317" s="1" t="s">
        <v>127879</v>
      </c>
      <c r="E71317" s="1" t="s">
        <v>238375</v>
      </c>
      <c r="F71317" s="1" t="s">
        <v>238376</v>
      </c>
      <c r="G71317" s="1" t="s">
        <v>238370</v>
      </c>
      <c r="H71317" s="1" t="s">
        <v>238371</v>
      </c>
      <c r="I71317" s="1" t="s">
        <v>222698</v>
      </c>
      <c r="J71317" s="1" t="s">
        <v>238377</v>
      </c>
    </row>
    <row r="71318" spans="1:10" x14ac:dyDescent="0.35">
      <c r="A71318" s="1" t="s">
        <v>112201</v>
      </c>
      <c r="B71318" s="1" t="s">
        <v>222693</v>
      </c>
      <c r="C71318" s="1" t="s">
        <v>25</v>
      </c>
      <c r="D71318" s="1" t="s">
        <v>238378</v>
      </c>
      <c r="E71318" s="1" t="s">
        <v>238379</v>
      </c>
      <c r="F71318" s="1" t="s">
        <v>238380</v>
      </c>
      <c r="G71318" s="1" t="s">
        <v>238370</v>
      </c>
      <c r="H71318" s="1" t="s">
        <v>238371</v>
      </c>
      <c r="I71318" s="1" t="s">
        <v>222698</v>
      </c>
      <c r="J71318" s="1" t="s">
        <v>238381</v>
      </c>
    </row>
    <row r="71319" spans="1:10" x14ac:dyDescent="0.35">
      <c r="A71319" s="1" t="s">
        <v>112201</v>
      </c>
      <c r="B71319" s="1" t="s">
        <v>222693</v>
      </c>
      <c r="C71319" s="1" t="s">
        <v>30</v>
      </c>
      <c r="D71319" s="1" t="s">
        <v>99988</v>
      </c>
      <c r="E71319" s="1" t="s">
        <v>238382</v>
      </c>
      <c r="F71319" s="1" t="s">
        <v>238383</v>
      </c>
      <c r="G71319" s="1" t="s">
        <v>238370</v>
      </c>
      <c r="H71319" s="1" t="s">
        <v>238371</v>
      </c>
      <c r="I71319" s="1" t="s">
        <v>222698</v>
      </c>
      <c r="J71319" s="1" t="s">
        <v>238384</v>
      </c>
    </row>
    <row r="71320" spans="1:10" x14ac:dyDescent="0.35">
      <c r="A71320" s="1" t="s">
        <v>112201</v>
      </c>
      <c r="B71320" s="1" t="s">
        <v>222693</v>
      </c>
      <c r="C71320" s="1" t="s">
        <v>35</v>
      </c>
      <c r="D71320" s="1" t="s">
        <v>137167</v>
      </c>
      <c r="E71320" s="1" t="s">
        <v>238385</v>
      </c>
      <c r="F71320" s="1" t="s">
        <v>238386</v>
      </c>
      <c r="G71320" s="1" t="s">
        <v>238370</v>
      </c>
      <c r="H71320" s="1" t="s">
        <v>238371</v>
      </c>
      <c r="I71320" s="1" t="s">
        <v>222698</v>
      </c>
      <c r="J71320" s="1" t="s">
        <v>238387</v>
      </c>
    </row>
    <row r="71321" spans="1:10" x14ac:dyDescent="0.35">
      <c r="A71321" s="1" t="s">
        <v>112201</v>
      </c>
      <c r="B71321" s="1" t="s">
        <v>222693</v>
      </c>
      <c r="C71321" s="1" t="s">
        <v>40</v>
      </c>
      <c r="D71321" s="1" t="s">
        <v>91856</v>
      </c>
      <c r="E71321" s="1" t="s">
        <v>238388</v>
      </c>
      <c r="F71321" s="1" t="s">
        <v>238389</v>
      </c>
      <c r="G71321" s="1" t="s">
        <v>238370</v>
      </c>
      <c r="H71321" s="1" t="s">
        <v>238371</v>
      </c>
      <c r="I71321" s="1" t="s">
        <v>222698</v>
      </c>
      <c r="J71321" s="1" t="s">
        <v>238390</v>
      </c>
    </row>
    <row r="71322" spans="1:10" x14ac:dyDescent="0.35">
      <c r="A71322" s="1" t="s">
        <v>112201</v>
      </c>
      <c r="B71322" s="1" t="s">
        <v>222693</v>
      </c>
      <c r="C71322" s="1" t="s">
        <v>45</v>
      </c>
      <c r="D71322" s="1" t="s">
        <v>12491</v>
      </c>
      <c r="E71322" s="1" t="s">
        <v>238391</v>
      </c>
      <c r="F71322" s="1" t="s">
        <v>238392</v>
      </c>
      <c r="G71322" s="1" t="s">
        <v>238370</v>
      </c>
      <c r="H71322" s="1" t="s">
        <v>238371</v>
      </c>
      <c r="I71322" s="1" t="s">
        <v>222698</v>
      </c>
      <c r="J71322" s="1" t="s">
        <v>238393</v>
      </c>
    </row>
    <row r="71323" spans="1:10" x14ac:dyDescent="0.35">
      <c r="A71323" s="1" t="s">
        <v>112201</v>
      </c>
      <c r="B71323" s="1" t="s">
        <v>222693</v>
      </c>
      <c r="C71323" s="1" t="s">
        <v>50</v>
      </c>
      <c r="D71323" s="1" t="s">
        <v>24287</v>
      </c>
      <c r="E71323" s="1" t="s">
        <v>238394</v>
      </c>
      <c r="F71323" s="1" t="s">
        <v>238395</v>
      </c>
      <c r="G71323" s="1" t="s">
        <v>238370</v>
      </c>
      <c r="H71323" s="1" t="s">
        <v>238371</v>
      </c>
      <c r="I71323" s="1" t="s">
        <v>222698</v>
      </c>
      <c r="J71323" s="1" t="s">
        <v>238396</v>
      </c>
    </row>
    <row r="71324" spans="1:10" x14ac:dyDescent="0.35">
      <c r="A71324" s="1" t="s">
        <v>112201</v>
      </c>
      <c r="B71324" s="1" t="s">
        <v>222693</v>
      </c>
      <c r="C71324" s="1" t="s">
        <v>55</v>
      </c>
      <c r="D71324" s="1" t="s">
        <v>77120</v>
      </c>
      <c r="E71324" s="1" t="s">
        <v>238397</v>
      </c>
      <c r="F71324" s="1" t="s">
        <v>238398</v>
      </c>
      <c r="G71324" s="1" t="s">
        <v>238370</v>
      </c>
      <c r="H71324" s="1" t="s">
        <v>238371</v>
      </c>
      <c r="I71324" s="1" t="s">
        <v>222698</v>
      </c>
      <c r="J71324" s="1" t="s">
        <v>238399</v>
      </c>
    </row>
    <row r="71325" spans="1:10" x14ac:dyDescent="0.35">
      <c r="A71325" s="1" t="s">
        <v>112201</v>
      </c>
      <c r="B71325" s="1" t="s">
        <v>222693</v>
      </c>
      <c r="C71325" s="1" t="s">
        <v>60</v>
      </c>
      <c r="D71325" s="1" t="s">
        <v>91978</v>
      </c>
      <c r="E71325" s="1" t="s">
        <v>238400</v>
      </c>
      <c r="F71325" s="1" t="s">
        <v>238401</v>
      </c>
      <c r="G71325" s="1" t="s">
        <v>238370</v>
      </c>
      <c r="H71325" s="1" t="s">
        <v>238371</v>
      </c>
      <c r="I71325" s="1" t="s">
        <v>222698</v>
      </c>
      <c r="J71325" s="1" t="s">
        <v>238402</v>
      </c>
    </row>
    <row r="71326" spans="1:10" x14ac:dyDescent="0.35">
      <c r="A71326" s="1" t="s">
        <v>112201</v>
      </c>
      <c r="B71326" s="1" t="s">
        <v>222693</v>
      </c>
      <c r="C71326" s="1" t="s">
        <v>65</v>
      </c>
      <c r="D71326" s="1" t="s">
        <v>58110</v>
      </c>
      <c r="E71326" s="1" t="s">
        <v>238403</v>
      </c>
      <c r="F71326" s="1" t="s">
        <v>238404</v>
      </c>
      <c r="G71326" s="1" t="s">
        <v>238370</v>
      </c>
      <c r="H71326" s="1" t="s">
        <v>238371</v>
      </c>
      <c r="I71326" s="1" t="s">
        <v>222698</v>
      </c>
      <c r="J71326" s="1" t="s">
        <v>238405</v>
      </c>
    </row>
    <row r="71327" spans="1:10" x14ac:dyDescent="0.35">
      <c r="A71327" s="1" t="s">
        <v>112201</v>
      </c>
      <c r="B71327" s="1" t="s">
        <v>222693</v>
      </c>
      <c r="C71327" s="1" t="s">
        <v>70</v>
      </c>
      <c r="D71327" s="1" t="s">
        <v>131350</v>
      </c>
      <c r="E71327" s="1" t="s">
        <v>238406</v>
      </c>
      <c r="F71327" s="1" t="s">
        <v>238407</v>
      </c>
      <c r="G71327" s="1" t="s">
        <v>238370</v>
      </c>
      <c r="H71327" s="1" t="s">
        <v>238371</v>
      </c>
      <c r="I71327" s="1" t="s">
        <v>222698</v>
      </c>
      <c r="J71327" s="1" t="s">
        <v>238408</v>
      </c>
    </row>
    <row r="71328" spans="1:10" x14ac:dyDescent="0.35">
      <c r="A71328" s="1" t="s">
        <v>112201</v>
      </c>
      <c r="B71328" s="1" t="s">
        <v>222693</v>
      </c>
      <c r="C71328" s="1" t="s">
        <v>75</v>
      </c>
      <c r="D71328" s="1" t="s">
        <v>103934</v>
      </c>
      <c r="E71328" s="1" t="s">
        <v>238409</v>
      </c>
      <c r="F71328" s="1" t="s">
        <v>238410</v>
      </c>
      <c r="G71328" s="1" t="s">
        <v>238370</v>
      </c>
      <c r="H71328" s="1" t="s">
        <v>238371</v>
      </c>
      <c r="I71328" s="1" t="s">
        <v>222698</v>
      </c>
      <c r="J71328" s="1" t="s">
        <v>238411</v>
      </c>
    </row>
    <row r="71329" spans="1:10" x14ac:dyDescent="0.35">
      <c r="A71329" s="1" t="s">
        <v>112201</v>
      </c>
      <c r="B71329" s="1" t="s">
        <v>222693</v>
      </c>
      <c r="C71329" s="1" t="s">
        <v>80</v>
      </c>
      <c r="D71329" s="1" t="s">
        <v>61362</v>
      </c>
      <c r="E71329" s="1" t="s">
        <v>238412</v>
      </c>
      <c r="F71329" s="1" t="s">
        <v>238413</v>
      </c>
      <c r="G71329" s="1" t="s">
        <v>238370</v>
      </c>
      <c r="H71329" s="1" t="s">
        <v>238371</v>
      </c>
      <c r="I71329" s="1" t="s">
        <v>222698</v>
      </c>
      <c r="J71329" s="1" t="s">
        <v>238414</v>
      </c>
    </row>
    <row r="71330" spans="1:10" x14ac:dyDescent="0.35">
      <c r="A71330" s="1" t="s">
        <v>112201</v>
      </c>
      <c r="B71330" s="1" t="s">
        <v>222693</v>
      </c>
      <c r="C71330" s="1" t="s">
        <v>85</v>
      </c>
      <c r="D71330" s="1" t="s">
        <v>238415</v>
      </c>
      <c r="E71330" s="1" t="s">
        <v>238416</v>
      </c>
      <c r="F71330" s="1" t="s">
        <v>238417</v>
      </c>
      <c r="G71330" s="1" t="s">
        <v>238370</v>
      </c>
      <c r="H71330" s="1" t="s">
        <v>238371</v>
      </c>
      <c r="I71330" s="1" t="s">
        <v>222698</v>
      </c>
      <c r="J71330" s="1" t="s">
        <v>238418</v>
      </c>
    </row>
    <row r="71331" spans="1:10" x14ac:dyDescent="0.35">
      <c r="A71331" s="1" t="s">
        <v>112201</v>
      </c>
      <c r="B71331" s="1" t="s">
        <v>222693</v>
      </c>
      <c r="C71331" s="1" t="s">
        <v>90</v>
      </c>
      <c r="D71331" s="1" t="s">
        <v>63527</v>
      </c>
      <c r="E71331" s="1" t="s">
        <v>238419</v>
      </c>
      <c r="F71331" s="1" t="s">
        <v>238420</v>
      </c>
      <c r="G71331" s="1" t="s">
        <v>238370</v>
      </c>
      <c r="H71331" s="1" t="s">
        <v>238371</v>
      </c>
      <c r="I71331" s="1" t="s">
        <v>222698</v>
      </c>
      <c r="J71331" s="1" t="s">
        <v>238421</v>
      </c>
    </row>
    <row r="71332" spans="1:10" x14ac:dyDescent="0.35">
      <c r="A71332" s="1" t="s">
        <v>112201</v>
      </c>
      <c r="B71332" s="1" t="s">
        <v>222693</v>
      </c>
      <c r="C71332" s="1" t="s">
        <v>95</v>
      </c>
      <c r="D71332" s="1" t="s">
        <v>95602</v>
      </c>
      <c r="E71332" s="1" t="s">
        <v>238422</v>
      </c>
      <c r="F71332" s="1" t="s">
        <v>238423</v>
      </c>
      <c r="G71332" s="1" t="s">
        <v>238370</v>
      </c>
      <c r="H71332" s="1" t="s">
        <v>238371</v>
      </c>
      <c r="I71332" s="1" t="s">
        <v>222698</v>
      </c>
      <c r="J71332" s="1" t="s">
        <v>238424</v>
      </c>
    </row>
    <row r="71333" spans="1:10" x14ac:dyDescent="0.35">
      <c r="A71333" s="1" t="s">
        <v>112201</v>
      </c>
      <c r="B71333" s="1" t="s">
        <v>222693</v>
      </c>
      <c r="C71333" s="1" t="s">
        <v>100</v>
      </c>
      <c r="D71333" s="1" t="s">
        <v>238425</v>
      </c>
      <c r="E71333" s="1" t="s">
        <v>238426</v>
      </c>
      <c r="F71333" s="1" t="s">
        <v>238427</v>
      </c>
      <c r="G71333" s="1" t="s">
        <v>238370</v>
      </c>
      <c r="H71333" s="1" t="s">
        <v>238371</v>
      </c>
      <c r="I71333" s="1" t="s">
        <v>222698</v>
      </c>
      <c r="J71333" s="1" t="s">
        <v>238428</v>
      </c>
    </row>
    <row r="71334" spans="1:10" x14ac:dyDescent="0.35">
      <c r="A71334" s="1" t="s">
        <v>112201</v>
      </c>
      <c r="B71334" s="1" t="s">
        <v>222693</v>
      </c>
      <c r="C71334" s="1" t="s">
        <v>105</v>
      </c>
      <c r="D71334" s="1" t="s">
        <v>238429</v>
      </c>
      <c r="E71334" s="1" t="s">
        <v>238430</v>
      </c>
      <c r="F71334" s="1" t="s">
        <v>238431</v>
      </c>
      <c r="G71334" s="1" t="s">
        <v>238370</v>
      </c>
      <c r="H71334" s="1" t="s">
        <v>238371</v>
      </c>
      <c r="I71334" s="1" t="s">
        <v>222698</v>
      </c>
      <c r="J71334" s="1" t="s">
        <v>238432</v>
      </c>
    </row>
    <row r="71335" spans="1:10" x14ac:dyDescent="0.35">
      <c r="A71335" s="1" t="s">
        <v>112201</v>
      </c>
      <c r="B71335" s="1" t="s">
        <v>222693</v>
      </c>
      <c r="C71335" s="1" t="s">
        <v>110</v>
      </c>
      <c r="D71335" s="1" t="s">
        <v>200809</v>
      </c>
      <c r="E71335" s="1" t="s">
        <v>238433</v>
      </c>
      <c r="F71335" s="1" t="s">
        <v>238434</v>
      </c>
      <c r="G71335" s="1" t="s">
        <v>238370</v>
      </c>
      <c r="H71335" s="1" t="s">
        <v>238371</v>
      </c>
      <c r="I71335" s="1" t="s">
        <v>222698</v>
      </c>
      <c r="J71335" s="1" t="s">
        <v>238435</v>
      </c>
    </row>
    <row r="71336" spans="1:10" x14ac:dyDescent="0.35">
      <c r="A71336" s="1" t="s">
        <v>112201</v>
      </c>
      <c r="B71336" s="1" t="s">
        <v>222693</v>
      </c>
      <c r="C71336" s="1" t="s">
        <v>115</v>
      </c>
      <c r="D71336" s="1" t="s">
        <v>238436</v>
      </c>
      <c r="E71336" s="1" t="s">
        <v>238437</v>
      </c>
      <c r="F71336" s="1" t="s">
        <v>238438</v>
      </c>
      <c r="G71336" s="1" t="s">
        <v>238370</v>
      </c>
      <c r="H71336" s="1" t="s">
        <v>238371</v>
      </c>
      <c r="I71336" s="1" t="s">
        <v>222698</v>
      </c>
      <c r="J71336" s="1" t="s">
        <v>238439</v>
      </c>
    </row>
    <row r="71337" spans="1:10" x14ac:dyDescent="0.35">
      <c r="A71337" s="1" t="s">
        <v>112201</v>
      </c>
      <c r="B71337" s="1" t="s">
        <v>222693</v>
      </c>
      <c r="C71337" s="1" t="s">
        <v>120</v>
      </c>
      <c r="D71337" s="1" t="s">
        <v>238440</v>
      </c>
      <c r="E71337" s="1" t="s">
        <v>238441</v>
      </c>
      <c r="F71337" s="1" t="s">
        <v>238442</v>
      </c>
      <c r="G71337" s="1" t="s">
        <v>238370</v>
      </c>
      <c r="H71337" s="1" t="s">
        <v>238371</v>
      </c>
      <c r="I71337" s="1" t="s">
        <v>222698</v>
      </c>
      <c r="J71337" s="1" t="s">
        <v>238443</v>
      </c>
    </row>
    <row r="71338" spans="1:10" x14ac:dyDescent="0.35">
      <c r="A71338" s="1" t="s">
        <v>112201</v>
      </c>
      <c r="B71338" s="1" t="s">
        <v>222693</v>
      </c>
      <c r="C71338" s="1" t="s">
        <v>125</v>
      </c>
      <c r="D71338" s="1" t="s">
        <v>102853</v>
      </c>
      <c r="E71338" s="1" t="s">
        <v>238444</v>
      </c>
      <c r="F71338" s="1" t="s">
        <v>238445</v>
      </c>
      <c r="G71338" s="1" t="s">
        <v>238370</v>
      </c>
      <c r="H71338" s="1" t="s">
        <v>238371</v>
      </c>
      <c r="I71338" s="1" t="s">
        <v>222698</v>
      </c>
      <c r="J71338" s="1" t="s">
        <v>238446</v>
      </c>
    </row>
    <row r="71339" spans="1:10" x14ac:dyDescent="0.35">
      <c r="A71339" s="1" t="s">
        <v>112201</v>
      </c>
      <c r="B71339" s="1" t="s">
        <v>222693</v>
      </c>
      <c r="C71339" s="1" t="s">
        <v>130</v>
      </c>
      <c r="D71339" s="1" t="s">
        <v>39436</v>
      </c>
      <c r="E71339" s="1" t="s">
        <v>238447</v>
      </c>
      <c r="F71339" s="1" t="s">
        <v>238448</v>
      </c>
      <c r="G71339" s="1" t="s">
        <v>238370</v>
      </c>
      <c r="H71339" s="1" t="s">
        <v>238371</v>
      </c>
      <c r="I71339" s="1" t="s">
        <v>222698</v>
      </c>
      <c r="J71339" s="1" t="s">
        <v>238449</v>
      </c>
    </row>
    <row r="71340" spans="1:10" x14ac:dyDescent="0.35">
      <c r="A71340" s="1" t="s">
        <v>112201</v>
      </c>
      <c r="B71340" s="1" t="s">
        <v>222693</v>
      </c>
      <c r="C71340" s="1" t="s">
        <v>135</v>
      </c>
      <c r="D71340" s="1" t="s">
        <v>238450</v>
      </c>
      <c r="E71340" s="1" t="s">
        <v>238451</v>
      </c>
      <c r="F71340" s="1" t="s">
        <v>238452</v>
      </c>
      <c r="G71340" s="1" t="s">
        <v>238370</v>
      </c>
      <c r="H71340" s="1" t="s">
        <v>238371</v>
      </c>
      <c r="I71340" s="1" t="s">
        <v>222698</v>
      </c>
      <c r="J71340" s="1" t="s">
        <v>238453</v>
      </c>
    </row>
    <row r="71341" spans="1:10" x14ac:dyDescent="0.35">
      <c r="A71341" s="1" t="s">
        <v>112201</v>
      </c>
      <c r="B71341" s="1" t="s">
        <v>222693</v>
      </c>
      <c r="C71341" s="1" t="s">
        <v>140</v>
      </c>
      <c r="D71341" s="1" t="s">
        <v>55082</v>
      </c>
      <c r="E71341" s="1" t="s">
        <v>238454</v>
      </c>
      <c r="F71341" s="1" t="s">
        <v>238455</v>
      </c>
      <c r="G71341" s="1" t="s">
        <v>238370</v>
      </c>
      <c r="H71341" s="1" t="s">
        <v>238371</v>
      </c>
      <c r="I71341" s="1" t="s">
        <v>222698</v>
      </c>
      <c r="J71341" s="1" t="s">
        <v>238456</v>
      </c>
    </row>
    <row r="71342" spans="1:10" x14ac:dyDescent="0.35">
      <c r="A71342" s="1" t="s">
        <v>112201</v>
      </c>
      <c r="B71342" s="1" t="s">
        <v>222693</v>
      </c>
      <c r="C71342" s="1" t="s">
        <v>145</v>
      </c>
      <c r="D71342" s="1" t="s">
        <v>238457</v>
      </c>
      <c r="E71342" s="1" t="s">
        <v>238458</v>
      </c>
      <c r="F71342" s="1" t="s">
        <v>238459</v>
      </c>
      <c r="G71342" s="1" t="s">
        <v>238370</v>
      </c>
      <c r="H71342" s="1" t="s">
        <v>238371</v>
      </c>
      <c r="I71342" s="1" t="s">
        <v>222698</v>
      </c>
      <c r="J71342" s="1" t="s">
        <v>238460</v>
      </c>
    </row>
    <row r="71343" spans="1:10" x14ac:dyDescent="0.35">
      <c r="A71343" s="1" t="s">
        <v>112201</v>
      </c>
      <c r="B71343" s="1" t="s">
        <v>222693</v>
      </c>
      <c r="C71343" s="1" t="s">
        <v>150</v>
      </c>
      <c r="D71343" s="1" t="s">
        <v>238461</v>
      </c>
      <c r="E71343" s="1" t="s">
        <v>238462</v>
      </c>
      <c r="F71343" s="1" t="s">
        <v>238463</v>
      </c>
      <c r="G71343" s="1" t="s">
        <v>238370</v>
      </c>
      <c r="H71343" s="1" t="s">
        <v>238371</v>
      </c>
      <c r="I71343" s="1" t="s">
        <v>222698</v>
      </c>
      <c r="J71343" s="1" t="s">
        <v>238464</v>
      </c>
    </row>
    <row r="71344" spans="1:10" x14ac:dyDescent="0.35">
      <c r="A71344" s="1" t="s">
        <v>112201</v>
      </c>
      <c r="B71344" s="1" t="s">
        <v>222693</v>
      </c>
      <c r="C71344" s="1" t="s">
        <v>155</v>
      </c>
      <c r="D71344" s="1" t="s">
        <v>60374</v>
      </c>
      <c r="E71344" s="1" t="s">
        <v>238465</v>
      </c>
      <c r="F71344" s="1" t="s">
        <v>238466</v>
      </c>
      <c r="G71344" s="1" t="s">
        <v>238370</v>
      </c>
      <c r="H71344" s="1" t="s">
        <v>238371</v>
      </c>
      <c r="I71344" s="1" t="s">
        <v>222698</v>
      </c>
      <c r="J71344" s="1" t="s">
        <v>238467</v>
      </c>
    </row>
    <row r="71345" spans="1:10" x14ac:dyDescent="0.35">
      <c r="A71345" s="1" t="s">
        <v>112201</v>
      </c>
      <c r="B71345" s="1" t="s">
        <v>222693</v>
      </c>
      <c r="C71345" s="1" t="s">
        <v>160</v>
      </c>
      <c r="D71345" s="1" t="s">
        <v>238468</v>
      </c>
      <c r="E71345" s="1" t="s">
        <v>238469</v>
      </c>
      <c r="F71345" s="1" t="s">
        <v>238470</v>
      </c>
      <c r="G71345" s="1" t="s">
        <v>238370</v>
      </c>
      <c r="H71345" s="1" t="s">
        <v>238371</v>
      </c>
      <c r="I71345" s="1" t="s">
        <v>222698</v>
      </c>
      <c r="J71345" s="1" t="s">
        <v>238471</v>
      </c>
    </row>
    <row r="71346" spans="1:10" x14ac:dyDescent="0.35">
      <c r="A71346" s="1" t="s">
        <v>112201</v>
      </c>
      <c r="B71346" s="1" t="s">
        <v>222693</v>
      </c>
      <c r="C71346" s="1" t="s">
        <v>165</v>
      </c>
      <c r="D71346" s="1" t="s">
        <v>55292</v>
      </c>
      <c r="E71346" s="1" t="s">
        <v>238472</v>
      </c>
      <c r="F71346" s="1" t="s">
        <v>238473</v>
      </c>
      <c r="G71346" s="1" t="s">
        <v>238370</v>
      </c>
      <c r="H71346" s="1" t="s">
        <v>238371</v>
      </c>
      <c r="I71346" s="1" t="s">
        <v>222698</v>
      </c>
      <c r="J71346" s="1" t="s">
        <v>238474</v>
      </c>
    </row>
    <row r="71347" spans="1:10" x14ac:dyDescent="0.35">
      <c r="A71347" s="1" t="s">
        <v>112201</v>
      </c>
      <c r="B71347" s="1" t="s">
        <v>222693</v>
      </c>
      <c r="C71347" s="1" t="s">
        <v>170</v>
      </c>
      <c r="D71347" s="1" t="s">
        <v>238475</v>
      </c>
      <c r="E71347" s="1" t="s">
        <v>238476</v>
      </c>
      <c r="F71347" s="1" t="s">
        <v>238477</v>
      </c>
      <c r="G71347" s="1" t="s">
        <v>238370</v>
      </c>
      <c r="H71347" s="1" t="s">
        <v>238371</v>
      </c>
      <c r="I71347" s="1" t="s">
        <v>222698</v>
      </c>
      <c r="J71347" s="1" t="s">
        <v>238478</v>
      </c>
    </row>
    <row r="71348" spans="1:10" x14ac:dyDescent="0.35">
      <c r="A71348" s="1" t="s">
        <v>51020</v>
      </c>
      <c r="B71348" s="1" t="s">
        <v>222693</v>
      </c>
      <c r="C71348" s="1" t="s">
        <v>8</v>
      </c>
      <c r="D71348" s="1" t="s">
        <v>66833</v>
      </c>
      <c r="E71348" s="1" t="s">
        <v>238479</v>
      </c>
      <c r="F71348" s="1" t="s">
        <v>238480</v>
      </c>
      <c r="G71348" s="1" t="s">
        <v>238481</v>
      </c>
      <c r="H71348" s="1" t="s">
        <v>238482</v>
      </c>
      <c r="I71348" s="1" t="s">
        <v>222698</v>
      </c>
      <c r="J71348" s="1" t="s">
        <v>13</v>
      </c>
    </row>
    <row r="71349" spans="1:10" x14ac:dyDescent="0.35">
      <c r="A71349" s="1" t="s">
        <v>51020</v>
      </c>
      <c r="B71349" s="1" t="s">
        <v>222693</v>
      </c>
      <c r="C71349" s="1" t="s">
        <v>15</v>
      </c>
      <c r="D71349" s="1" t="s">
        <v>238483</v>
      </c>
      <c r="E71349" s="1" t="s">
        <v>238484</v>
      </c>
      <c r="F71349" s="1" t="s">
        <v>238485</v>
      </c>
      <c r="G71349" s="1" t="s">
        <v>238481</v>
      </c>
      <c r="H71349" s="1" t="s">
        <v>238482</v>
      </c>
      <c r="I71349" s="1" t="s">
        <v>222698</v>
      </c>
      <c r="J71349" s="1" t="s">
        <v>238486</v>
      </c>
    </row>
    <row r="71350" spans="1:10" x14ac:dyDescent="0.35">
      <c r="A71350" s="1" t="s">
        <v>51020</v>
      </c>
      <c r="B71350" s="1" t="s">
        <v>222693</v>
      </c>
      <c r="C71350" s="1" t="s">
        <v>20</v>
      </c>
      <c r="D71350" s="1" t="s">
        <v>179590</v>
      </c>
      <c r="E71350" s="1" t="s">
        <v>238487</v>
      </c>
      <c r="F71350" s="1" t="s">
        <v>238488</v>
      </c>
      <c r="G71350" s="1" t="s">
        <v>238481</v>
      </c>
      <c r="H71350" s="1" t="s">
        <v>238482</v>
      </c>
      <c r="I71350" s="1" t="s">
        <v>222698</v>
      </c>
      <c r="J71350" s="1" t="s">
        <v>238489</v>
      </c>
    </row>
    <row r="71351" spans="1:10" x14ac:dyDescent="0.35">
      <c r="A71351" s="1" t="s">
        <v>51020</v>
      </c>
      <c r="B71351" s="1" t="s">
        <v>222693</v>
      </c>
      <c r="C71351" s="1" t="s">
        <v>25</v>
      </c>
      <c r="D71351" s="1" t="s">
        <v>132622</v>
      </c>
      <c r="E71351" s="1" t="s">
        <v>238490</v>
      </c>
      <c r="F71351" s="1" t="s">
        <v>238491</v>
      </c>
      <c r="G71351" s="1" t="s">
        <v>238481</v>
      </c>
      <c r="H71351" s="1" t="s">
        <v>238482</v>
      </c>
      <c r="I71351" s="1" t="s">
        <v>222698</v>
      </c>
      <c r="J71351" s="1" t="s">
        <v>238492</v>
      </c>
    </row>
    <row r="71352" spans="1:10" x14ac:dyDescent="0.35">
      <c r="A71352" s="1" t="s">
        <v>51020</v>
      </c>
      <c r="B71352" s="1" t="s">
        <v>222693</v>
      </c>
      <c r="C71352" s="1" t="s">
        <v>30</v>
      </c>
      <c r="D71352" s="1" t="s">
        <v>55194</v>
      </c>
      <c r="E71352" s="1" t="s">
        <v>238493</v>
      </c>
      <c r="F71352" s="1" t="s">
        <v>238494</v>
      </c>
      <c r="G71352" s="1" t="s">
        <v>238481</v>
      </c>
      <c r="H71352" s="1" t="s">
        <v>238482</v>
      </c>
      <c r="I71352" s="1" t="s">
        <v>222698</v>
      </c>
      <c r="J71352" s="1" t="s">
        <v>238495</v>
      </c>
    </row>
    <row r="71353" spans="1:10" x14ac:dyDescent="0.35">
      <c r="A71353" s="1" t="s">
        <v>51020</v>
      </c>
      <c r="B71353" s="1" t="s">
        <v>222693</v>
      </c>
      <c r="C71353" s="1" t="s">
        <v>35</v>
      </c>
      <c r="D71353" s="1" t="s">
        <v>12713</v>
      </c>
      <c r="E71353" s="1" t="s">
        <v>238496</v>
      </c>
      <c r="F71353" s="1" t="s">
        <v>238497</v>
      </c>
      <c r="G71353" s="1" t="s">
        <v>238481</v>
      </c>
      <c r="H71353" s="1" t="s">
        <v>238482</v>
      </c>
      <c r="I71353" s="1" t="s">
        <v>222698</v>
      </c>
      <c r="J71353" s="1" t="s">
        <v>238498</v>
      </c>
    </row>
    <row r="71354" spans="1:10" x14ac:dyDescent="0.35">
      <c r="A71354" s="1" t="s">
        <v>51020</v>
      </c>
      <c r="B71354" s="1" t="s">
        <v>222693</v>
      </c>
      <c r="C71354" s="1" t="s">
        <v>40</v>
      </c>
      <c r="D71354" s="1" t="s">
        <v>238499</v>
      </c>
      <c r="E71354" s="1" t="s">
        <v>238500</v>
      </c>
      <c r="F71354" s="1" t="s">
        <v>238501</v>
      </c>
      <c r="G71354" s="1" t="s">
        <v>238481</v>
      </c>
      <c r="H71354" s="1" t="s">
        <v>238482</v>
      </c>
      <c r="I71354" s="1" t="s">
        <v>222698</v>
      </c>
      <c r="J71354" s="1" t="s">
        <v>238502</v>
      </c>
    </row>
    <row r="71355" spans="1:10" x14ac:dyDescent="0.35">
      <c r="A71355" s="1" t="s">
        <v>51020</v>
      </c>
      <c r="B71355" s="1" t="s">
        <v>222693</v>
      </c>
      <c r="C71355" s="1" t="s">
        <v>45</v>
      </c>
      <c r="D71355" s="1" t="s">
        <v>89403</v>
      </c>
      <c r="E71355" s="1" t="s">
        <v>238503</v>
      </c>
      <c r="F71355" s="1" t="s">
        <v>238504</v>
      </c>
      <c r="G71355" s="1" t="s">
        <v>238481</v>
      </c>
      <c r="H71355" s="1" t="s">
        <v>238482</v>
      </c>
      <c r="I71355" s="1" t="s">
        <v>222698</v>
      </c>
      <c r="J71355" s="1" t="s">
        <v>238505</v>
      </c>
    </row>
    <row r="71356" spans="1:10" x14ac:dyDescent="0.35">
      <c r="A71356" s="1" t="s">
        <v>51020</v>
      </c>
      <c r="B71356" s="1" t="s">
        <v>222693</v>
      </c>
      <c r="C71356" s="1" t="s">
        <v>50</v>
      </c>
      <c r="D71356" s="1" t="s">
        <v>55992</v>
      </c>
      <c r="E71356" s="1" t="s">
        <v>238506</v>
      </c>
      <c r="F71356" s="1" t="s">
        <v>238507</v>
      </c>
      <c r="G71356" s="1" t="s">
        <v>238481</v>
      </c>
      <c r="H71356" s="1" t="s">
        <v>238482</v>
      </c>
      <c r="I71356" s="1" t="s">
        <v>222698</v>
      </c>
      <c r="J71356" s="1" t="s">
        <v>238508</v>
      </c>
    </row>
    <row r="71357" spans="1:10" x14ac:dyDescent="0.35">
      <c r="A71357" s="1" t="s">
        <v>51020</v>
      </c>
      <c r="B71357" s="1" t="s">
        <v>222693</v>
      </c>
      <c r="C71357" s="1" t="s">
        <v>55</v>
      </c>
      <c r="D71357" s="1" t="s">
        <v>238509</v>
      </c>
      <c r="E71357" s="1" t="s">
        <v>238510</v>
      </c>
      <c r="F71357" s="1" t="s">
        <v>238511</v>
      </c>
      <c r="G71357" s="1" t="s">
        <v>238481</v>
      </c>
      <c r="H71357" s="1" t="s">
        <v>238482</v>
      </c>
      <c r="I71357" s="1" t="s">
        <v>222698</v>
      </c>
      <c r="J71357" s="1" t="s">
        <v>238512</v>
      </c>
    </row>
    <row r="71358" spans="1:10" x14ac:dyDescent="0.35">
      <c r="A71358" s="1" t="s">
        <v>51020</v>
      </c>
      <c r="B71358" s="1" t="s">
        <v>222693</v>
      </c>
      <c r="C71358" s="1" t="s">
        <v>60</v>
      </c>
      <c r="D71358" s="1" t="s">
        <v>55399</v>
      </c>
      <c r="E71358" s="1" t="s">
        <v>238513</v>
      </c>
      <c r="F71358" s="1" t="s">
        <v>238514</v>
      </c>
      <c r="G71358" s="1" t="s">
        <v>238481</v>
      </c>
      <c r="H71358" s="1" t="s">
        <v>238482</v>
      </c>
      <c r="I71358" s="1" t="s">
        <v>222698</v>
      </c>
      <c r="J71358" s="1" t="s">
        <v>238515</v>
      </c>
    </row>
    <row r="71359" spans="1:10" x14ac:dyDescent="0.35">
      <c r="A71359" s="1" t="s">
        <v>51020</v>
      </c>
      <c r="B71359" s="1" t="s">
        <v>222693</v>
      </c>
      <c r="C71359" s="1" t="s">
        <v>65</v>
      </c>
      <c r="D71359" s="1" t="s">
        <v>200046</v>
      </c>
      <c r="E71359" s="1" t="s">
        <v>238516</v>
      </c>
      <c r="F71359" s="1" t="s">
        <v>238517</v>
      </c>
      <c r="G71359" s="1" t="s">
        <v>238481</v>
      </c>
      <c r="H71359" s="1" t="s">
        <v>238482</v>
      </c>
      <c r="I71359" s="1" t="s">
        <v>222698</v>
      </c>
      <c r="J71359" s="1" t="s">
        <v>238518</v>
      </c>
    </row>
    <row r="71360" spans="1:10" x14ac:dyDescent="0.35">
      <c r="A71360" s="1" t="s">
        <v>51020</v>
      </c>
      <c r="B71360" s="1" t="s">
        <v>222693</v>
      </c>
      <c r="C71360" s="1" t="s">
        <v>70</v>
      </c>
      <c r="D71360" s="1" t="s">
        <v>103653</v>
      </c>
      <c r="E71360" s="1" t="s">
        <v>238519</v>
      </c>
      <c r="F71360" s="1" t="s">
        <v>238520</v>
      </c>
      <c r="G71360" s="1" t="s">
        <v>238481</v>
      </c>
      <c r="H71360" s="1" t="s">
        <v>238482</v>
      </c>
      <c r="I71360" s="1" t="s">
        <v>222698</v>
      </c>
      <c r="J71360" s="1" t="s">
        <v>238521</v>
      </c>
    </row>
    <row r="71361" spans="1:10" x14ac:dyDescent="0.35">
      <c r="A71361" s="1" t="s">
        <v>51020</v>
      </c>
      <c r="B71361" s="1" t="s">
        <v>222693</v>
      </c>
      <c r="C71361" s="1" t="s">
        <v>75</v>
      </c>
      <c r="D71361" s="1" t="s">
        <v>134389</v>
      </c>
      <c r="E71361" s="1" t="s">
        <v>238522</v>
      </c>
      <c r="F71361" s="1" t="s">
        <v>238523</v>
      </c>
      <c r="G71361" s="1" t="s">
        <v>238481</v>
      </c>
      <c r="H71361" s="1" t="s">
        <v>238482</v>
      </c>
      <c r="I71361" s="1" t="s">
        <v>222698</v>
      </c>
      <c r="J71361" s="1" t="s">
        <v>238524</v>
      </c>
    </row>
    <row r="71362" spans="1:10" x14ac:dyDescent="0.35">
      <c r="A71362" s="1" t="s">
        <v>51020</v>
      </c>
      <c r="B71362" s="1" t="s">
        <v>222693</v>
      </c>
      <c r="C71362" s="1" t="s">
        <v>80</v>
      </c>
      <c r="D71362" s="1" t="s">
        <v>238525</v>
      </c>
      <c r="E71362" s="1" t="s">
        <v>238526</v>
      </c>
      <c r="F71362" s="1" t="s">
        <v>238527</v>
      </c>
      <c r="G71362" s="1" t="s">
        <v>238481</v>
      </c>
      <c r="H71362" s="1" t="s">
        <v>238482</v>
      </c>
      <c r="I71362" s="1" t="s">
        <v>222698</v>
      </c>
      <c r="J71362" s="1" t="s">
        <v>238528</v>
      </c>
    </row>
    <row r="71363" spans="1:10" x14ac:dyDescent="0.35">
      <c r="A71363" s="1" t="s">
        <v>51020</v>
      </c>
      <c r="B71363" s="1" t="s">
        <v>222693</v>
      </c>
      <c r="C71363" s="1" t="s">
        <v>85</v>
      </c>
      <c r="D71363" s="1" t="s">
        <v>103254</v>
      </c>
      <c r="E71363" s="1" t="s">
        <v>238529</v>
      </c>
      <c r="F71363" s="1" t="s">
        <v>238530</v>
      </c>
      <c r="G71363" s="1" t="s">
        <v>238481</v>
      </c>
      <c r="H71363" s="1" t="s">
        <v>238482</v>
      </c>
      <c r="I71363" s="1" t="s">
        <v>222698</v>
      </c>
      <c r="J71363" s="1" t="s">
        <v>238531</v>
      </c>
    </row>
    <row r="71364" spans="1:10" x14ac:dyDescent="0.35">
      <c r="A71364" s="1" t="s">
        <v>51020</v>
      </c>
      <c r="B71364" s="1" t="s">
        <v>222693</v>
      </c>
      <c r="C71364" s="1" t="s">
        <v>90</v>
      </c>
      <c r="D71364" s="1" t="s">
        <v>140856</v>
      </c>
      <c r="E71364" s="1" t="s">
        <v>238532</v>
      </c>
      <c r="F71364" s="1" t="s">
        <v>238533</v>
      </c>
      <c r="G71364" s="1" t="s">
        <v>238481</v>
      </c>
      <c r="H71364" s="1" t="s">
        <v>238482</v>
      </c>
      <c r="I71364" s="1" t="s">
        <v>222698</v>
      </c>
      <c r="J71364" s="1" t="s">
        <v>238534</v>
      </c>
    </row>
    <row r="71365" spans="1:10" x14ac:dyDescent="0.35">
      <c r="A71365" s="1" t="s">
        <v>51020</v>
      </c>
      <c r="B71365" s="1" t="s">
        <v>222693</v>
      </c>
      <c r="C71365" s="1" t="s">
        <v>95</v>
      </c>
      <c r="D71365" s="1" t="s">
        <v>238535</v>
      </c>
      <c r="E71365" s="1" t="s">
        <v>238536</v>
      </c>
      <c r="F71365" s="1" t="s">
        <v>238537</v>
      </c>
      <c r="G71365" s="1" t="s">
        <v>238481</v>
      </c>
      <c r="H71365" s="1" t="s">
        <v>238482</v>
      </c>
      <c r="I71365" s="1" t="s">
        <v>222698</v>
      </c>
      <c r="J71365" s="1" t="s">
        <v>238538</v>
      </c>
    </row>
    <row r="71366" spans="1:10" x14ac:dyDescent="0.35">
      <c r="A71366" s="1" t="s">
        <v>51020</v>
      </c>
      <c r="B71366" s="1" t="s">
        <v>222693</v>
      </c>
      <c r="C71366" s="1" t="s">
        <v>100</v>
      </c>
      <c r="D71366" s="1" t="s">
        <v>238539</v>
      </c>
      <c r="E71366" s="1" t="s">
        <v>238540</v>
      </c>
      <c r="F71366" s="1" t="s">
        <v>238541</v>
      </c>
      <c r="G71366" s="1" t="s">
        <v>238481</v>
      </c>
      <c r="H71366" s="1" t="s">
        <v>238482</v>
      </c>
      <c r="I71366" s="1" t="s">
        <v>222698</v>
      </c>
      <c r="J71366" s="1" t="s">
        <v>238542</v>
      </c>
    </row>
    <row r="71367" spans="1:10" x14ac:dyDescent="0.35">
      <c r="A71367" s="1" t="s">
        <v>51020</v>
      </c>
      <c r="B71367" s="1" t="s">
        <v>222693</v>
      </c>
      <c r="C71367" s="1" t="s">
        <v>105</v>
      </c>
      <c r="D71367" s="1" t="s">
        <v>22305</v>
      </c>
      <c r="E71367" s="1" t="s">
        <v>238543</v>
      </c>
      <c r="F71367" s="1" t="s">
        <v>238544</v>
      </c>
      <c r="G71367" s="1" t="s">
        <v>238481</v>
      </c>
      <c r="H71367" s="1" t="s">
        <v>238482</v>
      </c>
      <c r="I71367" s="1" t="s">
        <v>222698</v>
      </c>
      <c r="J71367" s="1" t="s">
        <v>238545</v>
      </c>
    </row>
    <row r="71368" spans="1:10" x14ac:dyDescent="0.35">
      <c r="A71368" s="1" t="s">
        <v>51020</v>
      </c>
      <c r="B71368" s="1" t="s">
        <v>222693</v>
      </c>
      <c r="C71368" s="1" t="s">
        <v>110</v>
      </c>
      <c r="D71368" s="1" t="s">
        <v>62119</v>
      </c>
      <c r="E71368" s="1" t="s">
        <v>238546</v>
      </c>
      <c r="F71368" s="1" t="s">
        <v>238547</v>
      </c>
      <c r="G71368" s="1" t="s">
        <v>238481</v>
      </c>
      <c r="H71368" s="1" t="s">
        <v>238482</v>
      </c>
      <c r="I71368" s="1" t="s">
        <v>222698</v>
      </c>
      <c r="J71368" s="1" t="s">
        <v>238548</v>
      </c>
    </row>
    <row r="71369" spans="1:10" x14ac:dyDescent="0.35">
      <c r="A71369" s="1" t="s">
        <v>51020</v>
      </c>
      <c r="B71369" s="1" t="s">
        <v>222693</v>
      </c>
      <c r="C71369" s="1" t="s">
        <v>115</v>
      </c>
      <c r="D71369" s="1" t="s">
        <v>229496</v>
      </c>
      <c r="E71369" s="1" t="s">
        <v>238549</v>
      </c>
      <c r="F71369" s="1" t="s">
        <v>238550</v>
      </c>
      <c r="G71369" s="1" t="s">
        <v>238481</v>
      </c>
      <c r="H71369" s="1" t="s">
        <v>238482</v>
      </c>
      <c r="I71369" s="1" t="s">
        <v>222698</v>
      </c>
      <c r="J71369" s="1" t="s">
        <v>238551</v>
      </c>
    </row>
    <row r="71370" spans="1:10" x14ac:dyDescent="0.35">
      <c r="A71370" s="1" t="s">
        <v>51020</v>
      </c>
      <c r="B71370" s="1" t="s">
        <v>222693</v>
      </c>
      <c r="C71370" s="1" t="s">
        <v>120</v>
      </c>
      <c r="D71370" s="1" t="s">
        <v>238552</v>
      </c>
      <c r="E71370" s="1" t="s">
        <v>238553</v>
      </c>
      <c r="F71370" s="1" t="s">
        <v>238554</v>
      </c>
      <c r="G71370" s="1" t="s">
        <v>238481</v>
      </c>
      <c r="H71370" s="1" t="s">
        <v>238482</v>
      </c>
      <c r="I71370" s="1" t="s">
        <v>222698</v>
      </c>
      <c r="J71370" s="1" t="s">
        <v>238555</v>
      </c>
    </row>
    <row r="71371" spans="1:10" x14ac:dyDescent="0.35">
      <c r="A71371" s="1" t="s">
        <v>51020</v>
      </c>
      <c r="B71371" s="1" t="s">
        <v>222693</v>
      </c>
      <c r="C71371" s="1" t="s">
        <v>125</v>
      </c>
      <c r="D71371" s="1" t="s">
        <v>201970</v>
      </c>
      <c r="E71371" s="1" t="s">
        <v>238556</v>
      </c>
      <c r="F71371" s="1" t="s">
        <v>238557</v>
      </c>
      <c r="G71371" s="1" t="s">
        <v>238481</v>
      </c>
      <c r="H71371" s="1" t="s">
        <v>238482</v>
      </c>
      <c r="I71371" s="1" t="s">
        <v>222698</v>
      </c>
      <c r="J71371" s="1" t="s">
        <v>238558</v>
      </c>
    </row>
    <row r="71372" spans="1:10" x14ac:dyDescent="0.35">
      <c r="A71372" s="1" t="s">
        <v>51020</v>
      </c>
      <c r="B71372" s="1" t="s">
        <v>222693</v>
      </c>
      <c r="C71372" s="1" t="s">
        <v>130</v>
      </c>
      <c r="D71372" s="1" t="s">
        <v>238559</v>
      </c>
      <c r="E71372" s="1" t="s">
        <v>238560</v>
      </c>
      <c r="F71372" s="1" t="s">
        <v>238561</v>
      </c>
      <c r="G71372" s="1" t="s">
        <v>238481</v>
      </c>
      <c r="H71372" s="1" t="s">
        <v>238482</v>
      </c>
      <c r="I71372" s="1" t="s">
        <v>222698</v>
      </c>
      <c r="J71372" s="1" t="s">
        <v>238562</v>
      </c>
    </row>
    <row r="71373" spans="1:10" x14ac:dyDescent="0.35">
      <c r="A71373" s="1" t="s">
        <v>51020</v>
      </c>
      <c r="B71373" s="1" t="s">
        <v>222693</v>
      </c>
      <c r="C71373" s="1" t="s">
        <v>135</v>
      </c>
      <c r="D71373" s="1" t="s">
        <v>238563</v>
      </c>
      <c r="E71373" s="1" t="s">
        <v>238564</v>
      </c>
      <c r="F71373" s="1" t="s">
        <v>238565</v>
      </c>
      <c r="G71373" s="1" t="s">
        <v>238481</v>
      </c>
      <c r="H71373" s="1" t="s">
        <v>238482</v>
      </c>
      <c r="I71373" s="1" t="s">
        <v>222698</v>
      </c>
      <c r="J71373" s="1" t="s">
        <v>238566</v>
      </c>
    </row>
    <row r="71374" spans="1:10" x14ac:dyDescent="0.35">
      <c r="A71374" s="1" t="s">
        <v>51020</v>
      </c>
      <c r="B71374" s="1" t="s">
        <v>222693</v>
      </c>
      <c r="C71374" s="1" t="s">
        <v>140</v>
      </c>
      <c r="D71374" s="1" t="s">
        <v>91800</v>
      </c>
      <c r="E71374" s="1" t="s">
        <v>238567</v>
      </c>
      <c r="F71374" s="1" t="s">
        <v>238568</v>
      </c>
      <c r="G71374" s="1" t="s">
        <v>238481</v>
      </c>
      <c r="H71374" s="1" t="s">
        <v>238482</v>
      </c>
      <c r="I71374" s="1" t="s">
        <v>222698</v>
      </c>
      <c r="J71374" s="1" t="s">
        <v>238569</v>
      </c>
    </row>
    <row r="71375" spans="1:10" x14ac:dyDescent="0.35">
      <c r="A71375" s="1" t="s">
        <v>51020</v>
      </c>
      <c r="B71375" s="1" t="s">
        <v>222693</v>
      </c>
      <c r="C71375" s="1" t="s">
        <v>145</v>
      </c>
      <c r="D71375" s="1" t="s">
        <v>238570</v>
      </c>
      <c r="E71375" s="1" t="s">
        <v>238571</v>
      </c>
      <c r="F71375" s="1" t="s">
        <v>238572</v>
      </c>
      <c r="G71375" s="1" t="s">
        <v>238481</v>
      </c>
      <c r="H71375" s="1" t="s">
        <v>238482</v>
      </c>
      <c r="I71375" s="1" t="s">
        <v>222698</v>
      </c>
      <c r="J71375" s="1" t="s">
        <v>238573</v>
      </c>
    </row>
    <row r="71376" spans="1:10" x14ac:dyDescent="0.35">
      <c r="A71376" s="1" t="s">
        <v>51020</v>
      </c>
      <c r="B71376" s="1" t="s">
        <v>222693</v>
      </c>
      <c r="C71376" s="1" t="s">
        <v>150</v>
      </c>
      <c r="D71376" s="1" t="s">
        <v>67138</v>
      </c>
      <c r="E71376" s="1" t="s">
        <v>238574</v>
      </c>
      <c r="F71376" s="1" t="s">
        <v>238575</v>
      </c>
      <c r="G71376" s="1" t="s">
        <v>238481</v>
      </c>
      <c r="H71376" s="1" t="s">
        <v>238482</v>
      </c>
      <c r="I71376" s="1" t="s">
        <v>222698</v>
      </c>
      <c r="J71376" s="1" t="s">
        <v>238576</v>
      </c>
    </row>
    <row r="71377" spans="1:10" x14ac:dyDescent="0.35">
      <c r="A71377" s="1" t="s">
        <v>51020</v>
      </c>
      <c r="B71377" s="1" t="s">
        <v>222693</v>
      </c>
      <c r="C71377" s="1" t="s">
        <v>155</v>
      </c>
      <c r="D71377" s="1" t="s">
        <v>60038</v>
      </c>
      <c r="E71377" s="1" t="s">
        <v>238577</v>
      </c>
      <c r="F71377" s="1" t="s">
        <v>238578</v>
      </c>
      <c r="G71377" s="1" t="s">
        <v>238481</v>
      </c>
      <c r="H71377" s="1" t="s">
        <v>238482</v>
      </c>
      <c r="I71377" s="1" t="s">
        <v>222698</v>
      </c>
      <c r="J71377" s="1" t="s">
        <v>238579</v>
      </c>
    </row>
    <row r="71378" spans="1:10" x14ac:dyDescent="0.35">
      <c r="A71378" s="1" t="s">
        <v>51020</v>
      </c>
      <c r="B71378" s="1" t="s">
        <v>222693</v>
      </c>
      <c r="C71378" s="1" t="s">
        <v>160</v>
      </c>
      <c r="D71378" s="1" t="s">
        <v>238580</v>
      </c>
      <c r="E71378" s="1" t="s">
        <v>238581</v>
      </c>
      <c r="F71378" s="1" t="s">
        <v>238582</v>
      </c>
      <c r="G71378" s="1" t="s">
        <v>238481</v>
      </c>
      <c r="H71378" s="1" t="s">
        <v>238482</v>
      </c>
      <c r="I71378" s="1" t="s">
        <v>222698</v>
      </c>
      <c r="J71378" s="1" t="s">
        <v>238583</v>
      </c>
    </row>
    <row r="71379" spans="1:10" x14ac:dyDescent="0.35">
      <c r="A71379" s="1" t="s">
        <v>51020</v>
      </c>
      <c r="B71379" s="1" t="s">
        <v>222693</v>
      </c>
      <c r="C71379" s="1" t="s">
        <v>165</v>
      </c>
      <c r="D71379" s="1" t="s">
        <v>238584</v>
      </c>
      <c r="E71379" s="1" t="s">
        <v>238585</v>
      </c>
      <c r="F71379" s="1" t="s">
        <v>238586</v>
      </c>
      <c r="G71379" s="1" t="s">
        <v>238481</v>
      </c>
      <c r="H71379" s="1" t="s">
        <v>238482</v>
      </c>
      <c r="I71379" s="1" t="s">
        <v>222698</v>
      </c>
      <c r="J71379" s="1" t="s">
        <v>238587</v>
      </c>
    </row>
    <row r="71380" spans="1:10" x14ac:dyDescent="0.35">
      <c r="A71380" s="1" t="s">
        <v>51020</v>
      </c>
      <c r="B71380" s="1" t="s">
        <v>222693</v>
      </c>
      <c r="C71380" s="1" t="s">
        <v>170</v>
      </c>
      <c r="D71380" s="1" t="s">
        <v>238588</v>
      </c>
      <c r="E71380" s="1" t="s">
        <v>238589</v>
      </c>
      <c r="F71380" s="1" t="s">
        <v>238590</v>
      </c>
      <c r="G71380" s="1" t="s">
        <v>238481</v>
      </c>
      <c r="H71380" s="1" t="s">
        <v>238482</v>
      </c>
      <c r="I71380" s="1" t="s">
        <v>222698</v>
      </c>
      <c r="J71380" s="1" t="s">
        <v>238591</v>
      </c>
    </row>
    <row r="71381" spans="1:10" x14ac:dyDescent="0.35">
      <c r="A71381" s="1" t="s">
        <v>9987</v>
      </c>
      <c r="B71381" s="1" t="s">
        <v>222693</v>
      </c>
      <c r="C71381" s="1" t="s">
        <v>8</v>
      </c>
      <c r="D71381" s="1" t="s">
        <v>24168</v>
      </c>
      <c r="E71381" s="1" t="s">
        <v>238592</v>
      </c>
      <c r="F71381" s="1" t="s">
        <v>238593</v>
      </c>
      <c r="G71381" s="1" t="s">
        <v>238594</v>
      </c>
      <c r="H71381" s="1" t="s">
        <v>238595</v>
      </c>
      <c r="I71381" s="1" t="s">
        <v>222698</v>
      </c>
      <c r="J71381" s="1" t="s">
        <v>13</v>
      </c>
    </row>
    <row r="71382" spans="1:10" x14ac:dyDescent="0.35">
      <c r="A71382" s="1" t="s">
        <v>9987</v>
      </c>
      <c r="B71382" s="1" t="s">
        <v>222693</v>
      </c>
      <c r="C71382" s="1" t="s">
        <v>15</v>
      </c>
      <c r="D71382" s="1" t="s">
        <v>238596</v>
      </c>
      <c r="E71382" s="1" t="s">
        <v>238597</v>
      </c>
      <c r="F71382" s="1" t="s">
        <v>238598</v>
      </c>
      <c r="G71382" s="1" t="s">
        <v>238594</v>
      </c>
      <c r="H71382" s="1" t="s">
        <v>238595</v>
      </c>
      <c r="I71382" s="1" t="s">
        <v>222698</v>
      </c>
      <c r="J71382" s="1" t="s">
        <v>238599</v>
      </c>
    </row>
    <row r="71383" spans="1:10" x14ac:dyDescent="0.35">
      <c r="A71383" s="1" t="s">
        <v>9987</v>
      </c>
      <c r="B71383" s="1" t="s">
        <v>222693</v>
      </c>
      <c r="C71383" s="1" t="s">
        <v>20</v>
      </c>
      <c r="D71383" s="1" t="s">
        <v>238600</v>
      </c>
      <c r="E71383" s="1" t="s">
        <v>238601</v>
      </c>
      <c r="F71383" s="1" t="s">
        <v>238602</v>
      </c>
      <c r="G71383" s="1" t="s">
        <v>238594</v>
      </c>
      <c r="H71383" s="1" t="s">
        <v>238595</v>
      </c>
      <c r="I71383" s="1" t="s">
        <v>222698</v>
      </c>
      <c r="J71383" s="1" t="s">
        <v>238603</v>
      </c>
    </row>
    <row r="71384" spans="1:10" x14ac:dyDescent="0.35">
      <c r="A71384" s="1" t="s">
        <v>9987</v>
      </c>
      <c r="B71384" s="1" t="s">
        <v>222693</v>
      </c>
      <c r="C71384" s="1" t="s">
        <v>25</v>
      </c>
      <c r="D71384" s="1" t="s">
        <v>93217</v>
      </c>
      <c r="E71384" s="1" t="s">
        <v>238604</v>
      </c>
      <c r="F71384" s="1" t="s">
        <v>238605</v>
      </c>
      <c r="G71384" s="1" t="s">
        <v>238594</v>
      </c>
      <c r="H71384" s="1" t="s">
        <v>238595</v>
      </c>
      <c r="I71384" s="1" t="s">
        <v>222698</v>
      </c>
      <c r="J71384" s="1" t="s">
        <v>238606</v>
      </c>
    </row>
    <row r="71385" spans="1:10" x14ac:dyDescent="0.35">
      <c r="A71385" s="1" t="s">
        <v>9987</v>
      </c>
      <c r="B71385" s="1" t="s">
        <v>222693</v>
      </c>
      <c r="C71385" s="1" t="s">
        <v>30</v>
      </c>
      <c r="D71385" s="1" t="s">
        <v>102438</v>
      </c>
      <c r="E71385" s="1" t="s">
        <v>238607</v>
      </c>
      <c r="F71385" s="1" t="s">
        <v>238608</v>
      </c>
      <c r="G71385" s="1" t="s">
        <v>238594</v>
      </c>
      <c r="H71385" s="1" t="s">
        <v>238595</v>
      </c>
      <c r="I71385" s="1" t="s">
        <v>222698</v>
      </c>
      <c r="J71385" s="1" t="s">
        <v>238609</v>
      </c>
    </row>
    <row r="71386" spans="1:10" x14ac:dyDescent="0.35">
      <c r="A71386" s="1" t="s">
        <v>9987</v>
      </c>
      <c r="B71386" s="1" t="s">
        <v>222693</v>
      </c>
      <c r="C71386" s="1" t="s">
        <v>35</v>
      </c>
      <c r="D71386" s="1" t="s">
        <v>238610</v>
      </c>
      <c r="E71386" s="1" t="s">
        <v>238611</v>
      </c>
      <c r="F71386" s="1" t="s">
        <v>238612</v>
      </c>
      <c r="G71386" s="1" t="s">
        <v>238594</v>
      </c>
      <c r="H71386" s="1" t="s">
        <v>238595</v>
      </c>
      <c r="I71386" s="1" t="s">
        <v>222698</v>
      </c>
      <c r="J71386" s="1" t="s">
        <v>238613</v>
      </c>
    </row>
    <row r="71387" spans="1:10" x14ac:dyDescent="0.35">
      <c r="A71387" s="1" t="s">
        <v>9987</v>
      </c>
      <c r="B71387" s="1" t="s">
        <v>222693</v>
      </c>
      <c r="C71387" s="1" t="s">
        <v>40</v>
      </c>
      <c r="D71387" s="1" t="s">
        <v>238614</v>
      </c>
      <c r="E71387" s="1" t="s">
        <v>238615</v>
      </c>
      <c r="F71387" s="1" t="s">
        <v>238616</v>
      </c>
      <c r="G71387" s="1" t="s">
        <v>238594</v>
      </c>
      <c r="H71387" s="1" t="s">
        <v>238595</v>
      </c>
      <c r="I71387" s="1" t="s">
        <v>222698</v>
      </c>
      <c r="J71387" s="1" t="s">
        <v>238617</v>
      </c>
    </row>
    <row r="71388" spans="1:10" x14ac:dyDescent="0.35">
      <c r="A71388" s="1" t="s">
        <v>9987</v>
      </c>
      <c r="B71388" s="1" t="s">
        <v>222693</v>
      </c>
      <c r="C71388" s="1" t="s">
        <v>45</v>
      </c>
      <c r="D71388" s="1" t="s">
        <v>24776</v>
      </c>
      <c r="E71388" s="1" t="s">
        <v>238618</v>
      </c>
      <c r="F71388" s="1" t="s">
        <v>238619</v>
      </c>
      <c r="G71388" s="1" t="s">
        <v>238594</v>
      </c>
      <c r="H71388" s="1" t="s">
        <v>238595</v>
      </c>
      <c r="I71388" s="1" t="s">
        <v>222698</v>
      </c>
      <c r="J71388" s="1" t="s">
        <v>238620</v>
      </c>
    </row>
    <row r="71389" spans="1:10" x14ac:dyDescent="0.35">
      <c r="A71389" s="1" t="s">
        <v>9987</v>
      </c>
      <c r="B71389" s="1" t="s">
        <v>222693</v>
      </c>
      <c r="C71389" s="1" t="s">
        <v>50</v>
      </c>
      <c r="D71389" s="1" t="s">
        <v>238621</v>
      </c>
      <c r="E71389" s="1" t="s">
        <v>238622</v>
      </c>
      <c r="F71389" s="1" t="s">
        <v>238623</v>
      </c>
      <c r="G71389" s="1" t="s">
        <v>238594</v>
      </c>
      <c r="H71389" s="1" t="s">
        <v>238595</v>
      </c>
      <c r="I71389" s="1" t="s">
        <v>222698</v>
      </c>
      <c r="J71389" s="1" t="s">
        <v>238624</v>
      </c>
    </row>
    <row r="71390" spans="1:10" x14ac:dyDescent="0.35">
      <c r="A71390" s="1" t="s">
        <v>9987</v>
      </c>
      <c r="B71390" s="1" t="s">
        <v>222693</v>
      </c>
      <c r="C71390" s="1" t="s">
        <v>55</v>
      </c>
      <c r="D71390" s="1" t="s">
        <v>238625</v>
      </c>
      <c r="E71390" s="1" t="s">
        <v>238626</v>
      </c>
      <c r="F71390" s="1" t="s">
        <v>238627</v>
      </c>
      <c r="G71390" s="1" t="s">
        <v>238594</v>
      </c>
      <c r="H71390" s="1" t="s">
        <v>238595</v>
      </c>
      <c r="I71390" s="1" t="s">
        <v>222698</v>
      </c>
      <c r="J71390" s="1" t="s">
        <v>238628</v>
      </c>
    </row>
    <row r="71391" spans="1:10" x14ac:dyDescent="0.35">
      <c r="A71391" s="1" t="s">
        <v>9987</v>
      </c>
      <c r="B71391" s="1" t="s">
        <v>222693</v>
      </c>
      <c r="C71391" s="1" t="s">
        <v>60</v>
      </c>
      <c r="D71391" s="1" t="s">
        <v>127711</v>
      </c>
      <c r="E71391" s="1" t="s">
        <v>238629</v>
      </c>
      <c r="F71391" s="1" t="s">
        <v>238630</v>
      </c>
      <c r="G71391" s="1" t="s">
        <v>238594</v>
      </c>
      <c r="H71391" s="1" t="s">
        <v>238595</v>
      </c>
      <c r="I71391" s="1" t="s">
        <v>222698</v>
      </c>
      <c r="J71391" s="1" t="s">
        <v>238631</v>
      </c>
    </row>
    <row r="71392" spans="1:10" x14ac:dyDescent="0.35">
      <c r="A71392" s="1" t="s">
        <v>9987</v>
      </c>
      <c r="B71392" s="1" t="s">
        <v>222693</v>
      </c>
      <c r="C71392" s="1" t="s">
        <v>65</v>
      </c>
      <c r="D71392" s="1" t="s">
        <v>238632</v>
      </c>
      <c r="E71392" s="1" t="s">
        <v>238633</v>
      </c>
      <c r="F71392" s="1" t="s">
        <v>238634</v>
      </c>
      <c r="G71392" s="1" t="s">
        <v>238594</v>
      </c>
      <c r="H71392" s="1" t="s">
        <v>238595</v>
      </c>
      <c r="I71392" s="1" t="s">
        <v>222698</v>
      </c>
      <c r="J71392" s="1" t="s">
        <v>238635</v>
      </c>
    </row>
    <row r="71393" spans="1:10" x14ac:dyDescent="0.35">
      <c r="A71393" s="1" t="s">
        <v>9987</v>
      </c>
      <c r="B71393" s="1" t="s">
        <v>222693</v>
      </c>
      <c r="C71393" s="1" t="s">
        <v>70</v>
      </c>
      <c r="D71393" s="1" t="s">
        <v>238636</v>
      </c>
      <c r="E71393" s="1" t="s">
        <v>238637</v>
      </c>
      <c r="F71393" s="1" t="s">
        <v>238638</v>
      </c>
      <c r="G71393" s="1" t="s">
        <v>238594</v>
      </c>
      <c r="H71393" s="1" t="s">
        <v>238595</v>
      </c>
      <c r="I71393" s="1" t="s">
        <v>222698</v>
      </c>
      <c r="J71393" s="1" t="s">
        <v>238639</v>
      </c>
    </row>
    <row r="71394" spans="1:10" x14ac:dyDescent="0.35">
      <c r="A71394" s="1" t="s">
        <v>9987</v>
      </c>
      <c r="B71394" s="1" t="s">
        <v>222693</v>
      </c>
      <c r="C71394" s="1" t="s">
        <v>75</v>
      </c>
      <c r="D71394" s="1" t="s">
        <v>238640</v>
      </c>
      <c r="E71394" s="1" t="s">
        <v>238641</v>
      </c>
      <c r="F71394" s="1" t="s">
        <v>238642</v>
      </c>
      <c r="G71394" s="1" t="s">
        <v>238594</v>
      </c>
      <c r="H71394" s="1" t="s">
        <v>238595</v>
      </c>
      <c r="I71394" s="1" t="s">
        <v>222698</v>
      </c>
      <c r="J71394" s="1" t="s">
        <v>238643</v>
      </c>
    </row>
    <row r="71395" spans="1:10" x14ac:dyDescent="0.35">
      <c r="A71395" s="1" t="s">
        <v>9987</v>
      </c>
      <c r="B71395" s="1" t="s">
        <v>222693</v>
      </c>
      <c r="C71395" s="1" t="s">
        <v>80</v>
      </c>
      <c r="D71395" s="1" t="s">
        <v>233892</v>
      </c>
      <c r="E71395" s="1" t="s">
        <v>238644</v>
      </c>
      <c r="F71395" s="1" t="s">
        <v>238645</v>
      </c>
      <c r="G71395" s="1" t="s">
        <v>238594</v>
      </c>
      <c r="H71395" s="1" t="s">
        <v>238595</v>
      </c>
      <c r="I71395" s="1" t="s">
        <v>222698</v>
      </c>
      <c r="J71395" s="1" t="s">
        <v>238646</v>
      </c>
    </row>
    <row r="71396" spans="1:10" x14ac:dyDescent="0.35">
      <c r="A71396" s="1" t="s">
        <v>9987</v>
      </c>
      <c r="B71396" s="1" t="s">
        <v>222693</v>
      </c>
      <c r="C71396" s="1" t="s">
        <v>85</v>
      </c>
      <c r="D71396" s="1" t="s">
        <v>238647</v>
      </c>
      <c r="E71396" s="1" t="s">
        <v>238648</v>
      </c>
      <c r="F71396" s="1" t="s">
        <v>238649</v>
      </c>
      <c r="G71396" s="1" t="s">
        <v>238594</v>
      </c>
      <c r="H71396" s="1" t="s">
        <v>238595</v>
      </c>
      <c r="I71396" s="1" t="s">
        <v>222698</v>
      </c>
      <c r="J71396" s="1" t="s">
        <v>238650</v>
      </c>
    </row>
    <row r="71397" spans="1:10" x14ac:dyDescent="0.35">
      <c r="A71397" s="1" t="s">
        <v>9987</v>
      </c>
      <c r="B71397" s="1" t="s">
        <v>222693</v>
      </c>
      <c r="C71397" s="1" t="s">
        <v>90</v>
      </c>
      <c r="D71397" s="1" t="s">
        <v>238651</v>
      </c>
      <c r="E71397" s="1" t="s">
        <v>238652</v>
      </c>
      <c r="F71397" s="1" t="s">
        <v>238653</v>
      </c>
      <c r="G71397" s="1" t="s">
        <v>238594</v>
      </c>
      <c r="H71397" s="1" t="s">
        <v>238595</v>
      </c>
      <c r="I71397" s="1" t="s">
        <v>222698</v>
      </c>
      <c r="J71397" s="1" t="s">
        <v>238654</v>
      </c>
    </row>
    <row r="71398" spans="1:10" x14ac:dyDescent="0.35">
      <c r="A71398" s="1" t="s">
        <v>9987</v>
      </c>
      <c r="B71398" s="1" t="s">
        <v>222693</v>
      </c>
      <c r="C71398" s="1" t="s">
        <v>95</v>
      </c>
      <c r="D71398" s="1" t="s">
        <v>238655</v>
      </c>
      <c r="E71398" s="1" t="s">
        <v>238656</v>
      </c>
      <c r="F71398" s="1" t="s">
        <v>238657</v>
      </c>
      <c r="G71398" s="1" t="s">
        <v>238594</v>
      </c>
      <c r="H71398" s="1" t="s">
        <v>238595</v>
      </c>
      <c r="I71398" s="1" t="s">
        <v>222698</v>
      </c>
      <c r="J71398" s="1" t="s">
        <v>238658</v>
      </c>
    </row>
    <row r="71399" spans="1:10" x14ac:dyDescent="0.35">
      <c r="A71399" s="1" t="s">
        <v>9987</v>
      </c>
      <c r="B71399" s="1" t="s">
        <v>222693</v>
      </c>
      <c r="C71399" s="1" t="s">
        <v>100</v>
      </c>
      <c r="D71399" s="1" t="s">
        <v>238659</v>
      </c>
      <c r="E71399" s="1" t="s">
        <v>238660</v>
      </c>
      <c r="F71399" s="1" t="s">
        <v>238661</v>
      </c>
      <c r="G71399" s="1" t="s">
        <v>238594</v>
      </c>
      <c r="H71399" s="1" t="s">
        <v>238595</v>
      </c>
      <c r="I71399" s="1" t="s">
        <v>222698</v>
      </c>
      <c r="J71399" s="1" t="s">
        <v>238662</v>
      </c>
    </row>
    <row r="71400" spans="1:10" x14ac:dyDescent="0.35">
      <c r="A71400" s="1" t="s">
        <v>9987</v>
      </c>
      <c r="B71400" s="1" t="s">
        <v>222693</v>
      </c>
      <c r="C71400" s="1" t="s">
        <v>105</v>
      </c>
      <c r="D71400" s="1" t="s">
        <v>238663</v>
      </c>
      <c r="E71400" s="1" t="s">
        <v>238664</v>
      </c>
      <c r="F71400" s="1" t="s">
        <v>238665</v>
      </c>
      <c r="G71400" s="1" t="s">
        <v>238594</v>
      </c>
      <c r="H71400" s="1" t="s">
        <v>238595</v>
      </c>
      <c r="I71400" s="1" t="s">
        <v>222698</v>
      </c>
      <c r="J71400" s="1" t="s">
        <v>238666</v>
      </c>
    </row>
    <row r="71401" spans="1:10" x14ac:dyDescent="0.35">
      <c r="A71401" s="1" t="s">
        <v>9987</v>
      </c>
      <c r="B71401" s="1" t="s">
        <v>222693</v>
      </c>
      <c r="C71401" s="1" t="s">
        <v>110</v>
      </c>
      <c r="D71401" s="1" t="s">
        <v>238667</v>
      </c>
      <c r="E71401" s="1" t="s">
        <v>238668</v>
      </c>
      <c r="F71401" s="1" t="s">
        <v>238669</v>
      </c>
      <c r="G71401" s="1" t="s">
        <v>238594</v>
      </c>
      <c r="H71401" s="1" t="s">
        <v>238595</v>
      </c>
      <c r="I71401" s="1" t="s">
        <v>222698</v>
      </c>
      <c r="J71401" s="1" t="s">
        <v>238670</v>
      </c>
    </row>
    <row r="71402" spans="1:10" x14ac:dyDescent="0.35">
      <c r="A71402" s="1" t="s">
        <v>9987</v>
      </c>
      <c r="B71402" s="1" t="s">
        <v>222693</v>
      </c>
      <c r="C71402" s="1" t="s">
        <v>115</v>
      </c>
      <c r="D71402" s="1" t="s">
        <v>238671</v>
      </c>
      <c r="E71402" s="1" t="s">
        <v>238672</v>
      </c>
      <c r="F71402" s="1" t="s">
        <v>238673</v>
      </c>
      <c r="G71402" s="1" t="s">
        <v>238594</v>
      </c>
      <c r="H71402" s="1" t="s">
        <v>238595</v>
      </c>
      <c r="I71402" s="1" t="s">
        <v>222698</v>
      </c>
      <c r="J71402" s="1" t="s">
        <v>238674</v>
      </c>
    </row>
    <row r="71403" spans="1:10" x14ac:dyDescent="0.35">
      <c r="A71403" s="1" t="s">
        <v>9987</v>
      </c>
      <c r="B71403" s="1" t="s">
        <v>222693</v>
      </c>
      <c r="C71403" s="1" t="s">
        <v>120</v>
      </c>
      <c r="D71403" s="1" t="s">
        <v>238675</v>
      </c>
      <c r="E71403" s="1" t="s">
        <v>238676</v>
      </c>
      <c r="F71403" s="1" t="s">
        <v>238677</v>
      </c>
      <c r="G71403" s="1" t="s">
        <v>238594</v>
      </c>
      <c r="H71403" s="1" t="s">
        <v>238595</v>
      </c>
      <c r="I71403" s="1" t="s">
        <v>222698</v>
      </c>
      <c r="J71403" s="1" t="s">
        <v>238678</v>
      </c>
    </row>
    <row r="71404" spans="1:10" x14ac:dyDescent="0.35">
      <c r="A71404" s="1" t="s">
        <v>9987</v>
      </c>
      <c r="B71404" s="1" t="s">
        <v>222693</v>
      </c>
      <c r="C71404" s="1" t="s">
        <v>125</v>
      </c>
      <c r="D71404" s="1" t="s">
        <v>224149</v>
      </c>
      <c r="E71404" s="1" t="s">
        <v>238679</v>
      </c>
      <c r="F71404" s="1" t="s">
        <v>238680</v>
      </c>
      <c r="G71404" s="1" t="s">
        <v>238594</v>
      </c>
      <c r="H71404" s="1" t="s">
        <v>238595</v>
      </c>
      <c r="I71404" s="1" t="s">
        <v>222698</v>
      </c>
      <c r="J71404" s="1" t="s">
        <v>238681</v>
      </c>
    </row>
    <row r="71405" spans="1:10" x14ac:dyDescent="0.35">
      <c r="A71405" s="1" t="s">
        <v>9987</v>
      </c>
      <c r="B71405" s="1" t="s">
        <v>222693</v>
      </c>
      <c r="C71405" s="1" t="s">
        <v>130</v>
      </c>
      <c r="D71405" s="1" t="s">
        <v>238682</v>
      </c>
      <c r="E71405" s="1" t="s">
        <v>238683</v>
      </c>
      <c r="F71405" s="1" t="s">
        <v>238684</v>
      </c>
      <c r="G71405" s="1" t="s">
        <v>238594</v>
      </c>
      <c r="H71405" s="1" t="s">
        <v>238595</v>
      </c>
      <c r="I71405" s="1" t="s">
        <v>222698</v>
      </c>
      <c r="J71405" s="1" t="s">
        <v>238685</v>
      </c>
    </row>
    <row r="71406" spans="1:10" x14ac:dyDescent="0.35">
      <c r="A71406" s="1" t="s">
        <v>9987</v>
      </c>
      <c r="B71406" s="1" t="s">
        <v>222693</v>
      </c>
      <c r="C71406" s="1" t="s">
        <v>135</v>
      </c>
      <c r="D71406" s="1" t="s">
        <v>75921</v>
      </c>
      <c r="E71406" s="1" t="s">
        <v>238686</v>
      </c>
      <c r="F71406" s="1" t="s">
        <v>238687</v>
      </c>
      <c r="G71406" s="1" t="s">
        <v>238594</v>
      </c>
      <c r="H71406" s="1" t="s">
        <v>238595</v>
      </c>
      <c r="I71406" s="1" t="s">
        <v>222698</v>
      </c>
      <c r="J71406" s="1" t="s">
        <v>238688</v>
      </c>
    </row>
    <row r="71407" spans="1:10" x14ac:dyDescent="0.35">
      <c r="A71407" s="1" t="s">
        <v>9987</v>
      </c>
      <c r="B71407" s="1" t="s">
        <v>222693</v>
      </c>
      <c r="C71407" s="1" t="s">
        <v>140</v>
      </c>
      <c r="D71407" s="1" t="s">
        <v>238689</v>
      </c>
      <c r="E71407" s="1" t="s">
        <v>238690</v>
      </c>
      <c r="F71407" s="1" t="s">
        <v>238691</v>
      </c>
      <c r="G71407" s="1" t="s">
        <v>238594</v>
      </c>
      <c r="H71407" s="1" t="s">
        <v>238595</v>
      </c>
      <c r="I71407" s="1" t="s">
        <v>222698</v>
      </c>
      <c r="J71407" s="1" t="s">
        <v>238692</v>
      </c>
    </row>
    <row r="71408" spans="1:10" x14ac:dyDescent="0.35">
      <c r="A71408" s="1" t="s">
        <v>9987</v>
      </c>
      <c r="B71408" s="1" t="s">
        <v>222693</v>
      </c>
      <c r="C71408" s="1" t="s">
        <v>145</v>
      </c>
      <c r="D71408" s="1" t="s">
        <v>238693</v>
      </c>
      <c r="E71408" s="1" t="s">
        <v>238694</v>
      </c>
      <c r="F71408" s="1" t="s">
        <v>238695</v>
      </c>
      <c r="G71408" s="1" t="s">
        <v>238594</v>
      </c>
      <c r="H71408" s="1" t="s">
        <v>238595</v>
      </c>
      <c r="I71408" s="1" t="s">
        <v>222698</v>
      </c>
      <c r="J71408" s="1" t="s">
        <v>238696</v>
      </c>
    </row>
    <row r="71409" spans="1:10" x14ac:dyDescent="0.35">
      <c r="A71409" s="1" t="s">
        <v>9987</v>
      </c>
      <c r="B71409" s="1" t="s">
        <v>222693</v>
      </c>
      <c r="C71409" s="1" t="s">
        <v>150</v>
      </c>
      <c r="D71409" s="1" t="s">
        <v>238697</v>
      </c>
      <c r="E71409" s="1" t="s">
        <v>238698</v>
      </c>
      <c r="F71409" s="1" t="s">
        <v>238699</v>
      </c>
      <c r="G71409" s="1" t="s">
        <v>238594</v>
      </c>
      <c r="H71409" s="1" t="s">
        <v>238595</v>
      </c>
      <c r="I71409" s="1" t="s">
        <v>222698</v>
      </c>
      <c r="J71409" s="1" t="s">
        <v>238700</v>
      </c>
    </row>
    <row r="71410" spans="1:10" x14ac:dyDescent="0.35">
      <c r="A71410" s="1" t="s">
        <v>9987</v>
      </c>
      <c r="B71410" s="1" t="s">
        <v>222693</v>
      </c>
      <c r="C71410" s="1" t="s">
        <v>155</v>
      </c>
      <c r="D71410" s="1" t="s">
        <v>238701</v>
      </c>
      <c r="E71410" s="1" t="s">
        <v>238702</v>
      </c>
      <c r="F71410" s="1" t="s">
        <v>238703</v>
      </c>
      <c r="G71410" s="1" t="s">
        <v>238594</v>
      </c>
      <c r="H71410" s="1" t="s">
        <v>238595</v>
      </c>
      <c r="I71410" s="1" t="s">
        <v>222698</v>
      </c>
      <c r="J71410" s="1" t="s">
        <v>238704</v>
      </c>
    </row>
    <row r="71411" spans="1:10" x14ac:dyDescent="0.35">
      <c r="A71411" s="1" t="s">
        <v>9987</v>
      </c>
      <c r="B71411" s="1" t="s">
        <v>222693</v>
      </c>
      <c r="C71411" s="1" t="s">
        <v>160</v>
      </c>
      <c r="D71411" s="1" t="s">
        <v>238705</v>
      </c>
      <c r="E71411" s="1" t="s">
        <v>238706</v>
      </c>
      <c r="F71411" s="1" t="s">
        <v>238707</v>
      </c>
      <c r="G71411" s="1" t="s">
        <v>238594</v>
      </c>
      <c r="H71411" s="1" t="s">
        <v>238595</v>
      </c>
      <c r="I71411" s="1" t="s">
        <v>222698</v>
      </c>
      <c r="J71411" s="1" t="s">
        <v>238708</v>
      </c>
    </row>
    <row r="71412" spans="1:10" x14ac:dyDescent="0.35">
      <c r="A71412" s="1" t="s">
        <v>9987</v>
      </c>
      <c r="B71412" s="1" t="s">
        <v>222693</v>
      </c>
      <c r="C71412" s="1" t="s">
        <v>165</v>
      </c>
      <c r="D71412" s="1" t="s">
        <v>238709</v>
      </c>
      <c r="E71412" s="1" t="s">
        <v>238710</v>
      </c>
      <c r="F71412" s="1" t="s">
        <v>238711</v>
      </c>
      <c r="G71412" s="1" t="s">
        <v>238594</v>
      </c>
      <c r="H71412" s="1" t="s">
        <v>238595</v>
      </c>
      <c r="I71412" s="1" t="s">
        <v>222698</v>
      </c>
      <c r="J71412" s="1" t="s">
        <v>238712</v>
      </c>
    </row>
    <row r="71413" spans="1:10" x14ac:dyDescent="0.35">
      <c r="A71413" s="1" t="s">
        <v>9987</v>
      </c>
      <c r="B71413" s="1" t="s">
        <v>222693</v>
      </c>
      <c r="C71413" s="1" t="s">
        <v>170</v>
      </c>
      <c r="D71413" s="1" t="s">
        <v>238713</v>
      </c>
      <c r="E71413" s="1" t="s">
        <v>238714</v>
      </c>
      <c r="F71413" s="1" t="s">
        <v>238715</v>
      </c>
      <c r="G71413" s="1" t="s">
        <v>238594</v>
      </c>
      <c r="H71413" s="1" t="s">
        <v>238595</v>
      </c>
      <c r="I71413" s="1" t="s">
        <v>222698</v>
      </c>
      <c r="J71413" s="1" t="s">
        <v>238716</v>
      </c>
    </row>
    <row r="71414" spans="1:10" x14ac:dyDescent="0.35">
      <c r="A71414" s="1" t="s">
        <v>203887</v>
      </c>
      <c r="B71414" s="1" t="s">
        <v>222693</v>
      </c>
      <c r="C71414" s="1" t="s">
        <v>8</v>
      </c>
      <c r="D71414" s="1" t="s">
        <v>238717</v>
      </c>
      <c r="E71414" s="1" t="s">
        <v>238718</v>
      </c>
      <c r="F71414" s="1" t="s">
        <v>238719</v>
      </c>
      <c r="G71414" s="1" t="s">
        <v>238720</v>
      </c>
      <c r="H71414" s="1" t="s">
        <v>238721</v>
      </c>
      <c r="I71414" s="1" t="s">
        <v>222698</v>
      </c>
      <c r="J71414" s="1" t="s">
        <v>13</v>
      </c>
    </row>
    <row r="71415" spans="1:10" x14ac:dyDescent="0.35">
      <c r="A71415" s="1" t="s">
        <v>203887</v>
      </c>
      <c r="B71415" s="1" t="s">
        <v>222693</v>
      </c>
      <c r="C71415" s="1" t="s">
        <v>15</v>
      </c>
      <c r="D71415" s="1" t="s">
        <v>238722</v>
      </c>
      <c r="E71415" s="1" t="s">
        <v>238723</v>
      </c>
      <c r="F71415" s="1" t="s">
        <v>238724</v>
      </c>
      <c r="G71415" s="1" t="s">
        <v>238720</v>
      </c>
      <c r="H71415" s="1" t="s">
        <v>238721</v>
      </c>
      <c r="I71415" s="1" t="s">
        <v>222698</v>
      </c>
      <c r="J71415" s="1" t="s">
        <v>238725</v>
      </c>
    </row>
    <row r="71416" spans="1:10" x14ac:dyDescent="0.35">
      <c r="A71416" s="1" t="s">
        <v>203887</v>
      </c>
      <c r="B71416" s="1" t="s">
        <v>222693</v>
      </c>
      <c r="C71416" s="1" t="s">
        <v>20</v>
      </c>
      <c r="D71416" s="1" t="s">
        <v>238726</v>
      </c>
      <c r="E71416" s="1" t="s">
        <v>238727</v>
      </c>
      <c r="F71416" s="1" t="s">
        <v>238728</v>
      </c>
      <c r="G71416" s="1" t="s">
        <v>238720</v>
      </c>
      <c r="H71416" s="1" t="s">
        <v>238721</v>
      </c>
      <c r="I71416" s="1" t="s">
        <v>222698</v>
      </c>
      <c r="J71416" s="1" t="s">
        <v>238729</v>
      </c>
    </row>
    <row r="71417" spans="1:10" x14ac:dyDescent="0.35">
      <c r="A71417" s="1" t="s">
        <v>203887</v>
      </c>
      <c r="B71417" s="1" t="s">
        <v>222693</v>
      </c>
      <c r="C71417" s="1" t="s">
        <v>25</v>
      </c>
      <c r="D71417" s="1" t="s">
        <v>238730</v>
      </c>
      <c r="E71417" s="1" t="s">
        <v>238731</v>
      </c>
      <c r="F71417" s="1" t="s">
        <v>238732</v>
      </c>
      <c r="G71417" s="1" t="s">
        <v>238720</v>
      </c>
      <c r="H71417" s="1" t="s">
        <v>238721</v>
      </c>
      <c r="I71417" s="1" t="s">
        <v>222698</v>
      </c>
      <c r="J71417" s="1" t="s">
        <v>238733</v>
      </c>
    </row>
    <row r="71418" spans="1:10" x14ac:dyDescent="0.35">
      <c r="A71418" s="1" t="s">
        <v>203887</v>
      </c>
      <c r="B71418" s="1" t="s">
        <v>222693</v>
      </c>
      <c r="C71418" s="1" t="s">
        <v>30</v>
      </c>
      <c r="D71418" s="1" t="s">
        <v>238734</v>
      </c>
      <c r="E71418" s="1" t="s">
        <v>238735</v>
      </c>
      <c r="F71418" s="1" t="s">
        <v>238736</v>
      </c>
      <c r="G71418" s="1" t="s">
        <v>238720</v>
      </c>
      <c r="H71418" s="1" t="s">
        <v>238721</v>
      </c>
      <c r="I71418" s="1" t="s">
        <v>222698</v>
      </c>
      <c r="J71418" s="1" t="s">
        <v>238737</v>
      </c>
    </row>
    <row r="71419" spans="1:10" x14ac:dyDescent="0.35">
      <c r="A71419" s="1" t="s">
        <v>203887</v>
      </c>
      <c r="B71419" s="1" t="s">
        <v>222693</v>
      </c>
      <c r="C71419" s="1" t="s">
        <v>35</v>
      </c>
      <c r="D71419" s="1" t="s">
        <v>238738</v>
      </c>
      <c r="E71419" s="1" t="s">
        <v>238739</v>
      </c>
      <c r="F71419" s="1" t="s">
        <v>238740</v>
      </c>
      <c r="G71419" s="1" t="s">
        <v>238720</v>
      </c>
      <c r="H71419" s="1" t="s">
        <v>238721</v>
      </c>
      <c r="I71419" s="1" t="s">
        <v>222698</v>
      </c>
      <c r="J71419" s="1" t="s">
        <v>238741</v>
      </c>
    </row>
    <row r="71420" spans="1:10" x14ac:dyDescent="0.35">
      <c r="A71420" s="1" t="s">
        <v>203887</v>
      </c>
      <c r="B71420" s="1" t="s">
        <v>222693</v>
      </c>
      <c r="C71420" s="1" t="s">
        <v>40</v>
      </c>
      <c r="D71420" s="1" t="s">
        <v>60162</v>
      </c>
      <c r="E71420" s="1" t="s">
        <v>238742</v>
      </c>
      <c r="F71420" s="1" t="s">
        <v>238743</v>
      </c>
      <c r="G71420" s="1" t="s">
        <v>238720</v>
      </c>
      <c r="H71420" s="1" t="s">
        <v>238721</v>
      </c>
      <c r="I71420" s="1" t="s">
        <v>222698</v>
      </c>
      <c r="J71420" s="1" t="s">
        <v>238744</v>
      </c>
    </row>
    <row r="71421" spans="1:10" x14ac:dyDescent="0.35">
      <c r="A71421" s="1" t="s">
        <v>203887</v>
      </c>
      <c r="B71421" s="1" t="s">
        <v>222693</v>
      </c>
      <c r="C71421" s="1" t="s">
        <v>45</v>
      </c>
      <c r="D71421" s="1" t="s">
        <v>238745</v>
      </c>
      <c r="E71421" s="1" t="s">
        <v>238746</v>
      </c>
      <c r="F71421" s="1" t="s">
        <v>238747</v>
      </c>
      <c r="G71421" s="1" t="s">
        <v>238720</v>
      </c>
      <c r="H71421" s="1" t="s">
        <v>238721</v>
      </c>
      <c r="I71421" s="1" t="s">
        <v>222698</v>
      </c>
      <c r="J71421" s="1" t="s">
        <v>238748</v>
      </c>
    </row>
    <row r="71422" spans="1:10" x14ac:dyDescent="0.35">
      <c r="A71422" s="1" t="s">
        <v>203887</v>
      </c>
      <c r="B71422" s="1" t="s">
        <v>222693</v>
      </c>
      <c r="C71422" s="1" t="s">
        <v>50</v>
      </c>
      <c r="D71422" s="1" t="s">
        <v>238749</v>
      </c>
      <c r="E71422" s="1" t="s">
        <v>238750</v>
      </c>
      <c r="F71422" s="1" t="s">
        <v>238751</v>
      </c>
      <c r="G71422" s="1" t="s">
        <v>238720</v>
      </c>
      <c r="H71422" s="1" t="s">
        <v>238721</v>
      </c>
      <c r="I71422" s="1" t="s">
        <v>222698</v>
      </c>
      <c r="J71422" s="1" t="s">
        <v>238752</v>
      </c>
    </row>
    <row r="71423" spans="1:10" x14ac:dyDescent="0.35">
      <c r="A71423" s="1" t="s">
        <v>203887</v>
      </c>
      <c r="B71423" s="1" t="s">
        <v>222693</v>
      </c>
      <c r="C71423" s="1" t="s">
        <v>55</v>
      </c>
      <c r="D71423" s="1" t="s">
        <v>238753</v>
      </c>
      <c r="E71423" s="1" t="s">
        <v>238754</v>
      </c>
      <c r="F71423" s="1" t="s">
        <v>238755</v>
      </c>
      <c r="G71423" s="1" t="s">
        <v>238720</v>
      </c>
      <c r="H71423" s="1" t="s">
        <v>238721</v>
      </c>
      <c r="I71423" s="1" t="s">
        <v>222698</v>
      </c>
      <c r="J71423" s="1" t="s">
        <v>238756</v>
      </c>
    </row>
    <row r="71424" spans="1:10" x14ac:dyDescent="0.35">
      <c r="A71424" s="1" t="s">
        <v>203887</v>
      </c>
      <c r="B71424" s="1" t="s">
        <v>222693</v>
      </c>
      <c r="C71424" s="1" t="s">
        <v>60</v>
      </c>
      <c r="D71424" s="1" t="s">
        <v>238757</v>
      </c>
      <c r="E71424" s="1" t="s">
        <v>238758</v>
      </c>
      <c r="F71424" s="1" t="s">
        <v>238759</v>
      </c>
      <c r="G71424" s="1" t="s">
        <v>238720</v>
      </c>
      <c r="H71424" s="1" t="s">
        <v>238721</v>
      </c>
      <c r="I71424" s="1" t="s">
        <v>222698</v>
      </c>
      <c r="J71424" s="1" t="s">
        <v>238760</v>
      </c>
    </row>
    <row r="71425" spans="1:10" x14ac:dyDescent="0.35">
      <c r="A71425" s="1" t="s">
        <v>203887</v>
      </c>
      <c r="B71425" s="1" t="s">
        <v>222693</v>
      </c>
      <c r="C71425" s="1" t="s">
        <v>65</v>
      </c>
      <c r="D71425" s="1" t="s">
        <v>238761</v>
      </c>
      <c r="E71425" s="1" t="s">
        <v>238762</v>
      </c>
      <c r="F71425" s="1" t="s">
        <v>238763</v>
      </c>
      <c r="G71425" s="1" t="s">
        <v>238720</v>
      </c>
      <c r="H71425" s="1" t="s">
        <v>238721</v>
      </c>
      <c r="I71425" s="1" t="s">
        <v>222698</v>
      </c>
      <c r="J71425" s="1" t="s">
        <v>238764</v>
      </c>
    </row>
    <row r="71426" spans="1:10" x14ac:dyDescent="0.35">
      <c r="A71426" s="1" t="s">
        <v>203887</v>
      </c>
      <c r="B71426" s="1" t="s">
        <v>222693</v>
      </c>
      <c r="C71426" s="1" t="s">
        <v>70</v>
      </c>
      <c r="D71426" s="1" t="s">
        <v>238765</v>
      </c>
      <c r="E71426" s="1" t="s">
        <v>238766</v>
      </c>
      <c r="F71426" s="1" t="s">
        <v>238767</v>
      </c>
      <c r="G71426" s="1" t="s">
        <v>238720</v>
      </c>
      <c r="H71426" s="1" t="s">
        <v>238721</v>
      </c>
      <c r="I71426" s="1" t="s">
        <v>222698</v>
      </c>
      <c r="J71426" s="1" t="s">
        <v>238768</v>
      </c>
    </row>
    <row r="71427" spans="1:10" x14ac:dyDescent="0.35">
      <c r="A71427" s="1" t="s">
        <v>203887</v>
      </c>
      <c r="B71427" s="1" t="s">
        <v>222693</v>
      </c>
      <c r="C71427" s="1" t="s">
        <v>75</v>
      </c>
      <c r="D71427" s="1" t="s">
        <v>238769</v>
      </c>
      <c r="E71427" s="1" t="s">
        <v>238770</v>
      </c>
      <c r="F71427" s="1" t="s">
        <v>238771</v>
      </c>
      <c r="G71427" s="1" t="s">
        <v>238720</v>
      </c>
      <c r="H71427" s="1" t="s">
        <v>238721</v>
      </c>
      <c r="I71427" s="1" t="s">
        <v>222698</v>
      </c>
      <c r="J71427" s="1" t="s">
        <v>238772</v>
      </c>
    </row>
    <row r="71428" spans="1:10" x14ac:dyDescent="0.35">
      <c r="A71428" s="1" t="s">
        <v>203887</v>
      </c>
      <c r="B71428" s="1" t="s">
        <v>222693</v>
      </c>
      <c r="C71428" s="1" t="s">
        <v>80</v>
      </c>
      <c r="D71428" s="1" t="s">
        <v>238773</v>
      </c>
      <c r="E71428" s="1" t="s">
        <v>238774</v>
      </c>
      <c r="F71428" s="1" t="s">
        <v>238775</v>
      </c>
      <c r="G71428" s="1" t="s">
        <v>238720</v>
      </c>
      <c r="H71428" s="1" t="s">
        <v>238721</v>
      </c>
      <c r="I71428" s="1" t="s">
        <v>222698</v>
      </c>
      <c r="J71428" s="1" t="s">
        <v>238776</v>
      </c>
    </row>
    <row r="71429" spans="1:10" x14ac:dyDescent="0.35">
      <c r="A71429" s="1" t="s">
        <v>203887</v>
      </c>
      <c r="B71429" s="1" t="s">
        <v>222693</v>
      </c>
      <c r="C71429" s="1" t="s">
        <v>85</v>
      </c>
      <c r="D71429" s="1" t="s">
        <v>238777</v>
      </c>
      <c r="E71429" s="1" t="s">
        <v>238778</v>
      </c>
      <c r="F71429" s="1" t="s">
        <v>238779</v>
      </c>
      <c r="G71429" s="1" t="s">
        <v>238720</v>
      </c>
      <c r="H71429" s="1" t="s">
        <v>238721</v>
      </c>
      <c r="I71429" s="1" t="s">
        <v>222698</v>
      </c>
      <c r="J71429" s="1" t="s">
        <v>238780</v>
      </c>
    </row>
    <row r="71430" spans="1:10" x14ac:dyDescent="0.35">
      <c r="A71430" s="1" t="s">
        <v>203887</v>
      </c>
      <c r="B71430" s="1" t="s">
        <v>222693</v>
      </c>
      <c r="C71430" s="1" t="s">
        <v>90</v>
      </c>
      <c r="D71430" s="1" t="s">
        <v>238781</v>
      </c>
      <c r="E71430" s="1" t="s">
        <v>238782</v>
      </c>
      <c r="F71430" s="1" t="s">
        <v>238783</v>
      </c>
      <c r="G71430" s="1" t="s">
        <v>238720</v>
      </c>
      <c r="H71430" s="1" t="s">
        <v>238721</v>
      </c>
      <c r="I71430" s="1" t="s">
        <v>222698</v>
      </c>
      <c r="J71430" s="1" t="s">
        <v>238784</v>
      </c>
    </row>
    <row r="71431" spans="1:10" x14ac:dyDescent="0.35">
      <c r="A71431" s="1" t="s">
        <v>203887</v>
      </c>
      <c r="B71431" s="1" t="s">
        <v>222693</v>
      </c>
      <c r="C71431" s="1" t="s">
        <v>95</v>
      </c>
      <c r="D71431" s="1" t="s">
        <v>238785</v>
      </c>
      <c r="E71431" s="1" t="s">
        <v>238786</v>
      </c>
      <c r="F71431" s="1" t="s">
        <v>238787</v>
      </c>
      <c r="G71431" s="1" t="s">
        <v>238720</v>
      </c>
      <c r="H71431" s="1" t="s">
        <v>238721</v>
      </c>
      <c r="I71431" s="1" t="s">
        <v>222698</v>
      </c>
      <c r="J71431" s="1" t="s">
        <v>238788</v>
      </c>
    </row>
    <row r="71432" spans="1:10" x14ac:dyDescent="0.35">
      <c r="A71432" s="1" t="s">
        <v>203887</v>
      </c>
      <c r="B71432" s="1" t="s">
        <v>222693</v>
      </c>
      <c r="C71432" s="1" t="s">
        <v>100</v>
      </c>
      <c r="D71432" s="1" t="s">
        <v>238789</v>
      </c>
      <c r="E71432" s="1" t="s">
        <v>238790</v>
      </c>
      <c r="F71432" s="1" t="s">
        <v>238791</v>
      </c>
      <c r="G71432" s="1" t="s">
        <v>238720</v>
      </c>
      <c r="H71432" s="1" t="s">
        <v>238721</v>
      </c>
      <c r="I71432" s="1" t="s">
        <v>222698</v>
      </c>
      <c r="J71432" s="1" t="s">
        <v>238792</v>
      </c>
    </row>
    <row r="71433" spans="1:10" x14ac:dyDescent="0.35">
      <c r="A71433" s="1" t="s">
        <v>203887</v>
      </c>
      <c r="B71433" s="1" t="s">
        <v>222693</v>
      </c>
      <c r="C71433" s="1" t="s">
        <v>105</v>
      </c>
      <c r="D71433" s="1" t="s">
        <v>238793</v>
      </c>
      <c r="E71433" s="1" t="s">
        <v>238794</v>
      </c>
      <c r="F71433" s="1" t="s">
        <v>238795</v>
      </c>
      <c r="G71433" s="1" t="s">
        <v>238720</v>
      </c>
      <c r="H71433" s="1" t="s">
        <v>238721</v>
      </c>
      <c r="I71433" s="1" t="s">
        <v>222698</v>
      </c>
      <c r="J71433" s="1" t="s">
        <v>238796</v>
      </c>
    </row>
    <row r="71434" spans="1:10" x14ac:dyDescent="0.35">
      <c r="A71434" s="1" t="s">
        <v>203887</v>
      </c>
      <c r="B71434" s="1" t="s">
        <v>222693</v>
      </c>
      <c r="C71434" s="1" t="s">
        <v>110</v>
      </c>
      <c r="D71434" s="1" t="s">
        <v>238797</v>
      </c>
      <c r="E71434" s="1" t="s">
        <v>238798</v>
      </c>
      <c r="F71434" s="1" t="s">
        <v>238799</v>
      </c>
      <c r="G71434" s="1" t="s">
        <v>238720</v>
      </c>
      <c r="H71434" s="1" t="s">
        <v>238721</v>
      </c>
      <c r="I71434" s="1" t="s">
        <v>222698</v>
      </c>
      <c r="J71434" s="1" t="s">
        <v>238800</v>
      </c>
    </row>
    <row r="71435" spans="1:10" x14ac:dyDescent="0.35">
      <c r="A71435" s="1" t="s">
        <v>203887</v>
      </c>
      <c r="B71435" s="1" t="s">
        <v>222693</v>
      </c>
      <c r="C71435" s="1" t="s">
        <v>115</v>
      </c>
      <c r="D71435" s="1" t="s">
        <v>238801</v>
      </c>
      <c r="E71435" s="1" t="s">
        <v>238802</v>
      </c>
      <c r="F71435" s="1" t="s">
        <v>238803</v>
      </c>
      <c r="G71435" s="1" t="s">
        <v>238720</v>
      </c>
      <c r="H71435" s="1" t="s">
        <v>238721</v>
      </c>
      <c r="I71435" s="1" t="s">
        <v>222698</v>
      </c>
      <c r="J71435" s="1" t="s">
        <v>238804</v>
      </c>
    </row>
    <row r="71436" spans="1:10" x14ac:dyDescent="0.35">
      <c r="A71436" s="1" t="s">
        <v>203887</v>
      </c>
      <c r="B71436" s="1" t="s">
        <v>222693</v>
      </c>
      <c r="C71436" s="1" t="s">
        <v>120</v>
      </c>
      <c r="D71436" s="1" t="s">
        <v>238805</v>
      </c>
      <c r="E71436" s="1" t="s">
        <v>238806</v>
      </c>
      <c r="F71436" s="1" t="s">
        <v>238807</v>
      </c>
      <c r="G71436" s="1" t="s">
        <v>238720</v>
      </c>
      <c r="H71436" s="1" t="s">
        <v>238721</v>
      </c>
      <c r="I71436" s="1" t="s">
        <v>222698</v>
      </c>
      <c r="J71436" s="1" t="s">
        <v>238808</v>
      </c>
    </row>
    <row r="71437" spans="1:10" x14ac:dyDescent="0.35">
      <c r="A71437" s="1" t="s">
        <v>203887</v>
      </c>
      <c r="B71437" s="1" t="s">
        <v>222693</v>
      </c>
      <c r="C71437" s="1" t="s">
        <v>125</v>
      </c>
      <c r="D71437" s="1" t="s">
        <v>162567</v>
      </c>
      <c r="E71437" s="1" t="s">
        <v>238809</v>
      </c>
      <c r="F71437" s="1" t="s">
        <v>238810</v>
      </c>
      <c r="G71437" s="1" t="s">
        <v>238720</v>
      </c>
      <c r="H71437" s="1" t="s">
        <v>238721</v>
      </c>
      <c r="I71437" s="1" t="s">
        <v>222698</v>
      </c>
      <c r="J71437" s="1" t="s">
        <v>238811</v>
      </c>
    </row>
    <row r="71438" spans="1:10" x14ac:dyDescent="0.35">
      <c r="A71438" s="1" t="s">
        <v>203887</v>
      </c>
      <c r="B71438" s="1" t="s">
        <v>222693</v>
      </c>
      <c r="C71438" s="1" t="s">
        <v>130</v>
      </c>
      <c r="D71438" s="1" t="s">
        <v>238812</v>
      </c>
      <c r="E71438" s="1" t="s">
        <v>238813</v>
      </c>
      <c r="F71438" s="1" t="s">
        <v>238814</v>
      </c>
      <c r="G71438" s="1" t="s">
        <v>238720</v>
      </c>
      <c r="H71438" s="1" t="s">
        <v>238721</v>
      </c>
      <c r="I71438" s="1" t="s">
        <v>222698</v>
      </c>
      <c r="J71438" s="1" t="s">
        <v>238815</v>
      </c>
    </row>
    <row r="71439" spans="1:10" x14ac:dyDescent="0.35">
      <c r="A71439" s="1" t="s">
        <v>203887</v>
      </c>
      <c r="B71439" s="1" t="s">
        <v>222693</v>
      </c>
      <c r="C71439" s="1" t="s">
        <v>135</v>
      </c>
      <c r="D71439" s="1" t="s">
        <v>238816</v>
      </c>
      <c r="E71439" s="1" t="s">
        <v>238817</v>
      </c>
      <c r="F71439" s="1" t="s">
        <v>238818</v>
      </c>
      <c r="G71439" s="1" t="s">
        <v>238720</v>
      </c>
      <c r="H71439" s="1" t="s">
        <v>238721</v>
      </c>
      <c r="I71439" s="1" t="s">
        <v>222698</v>
      </c>
      <c r="J71439" s="1" t="s">
        <v>238819</v>
      </c>
    </row>
    <row r="71440" spans="1:10" x14ac:dyDescent="0.35">
      <c r="A71440" s="1" t="s">
        <v>203887</v>
      </c>
      <c r="B71440" s="1" t="s">
        <v>222693</v>
      </c>
      <c r="C71440" s="1" t="s">
        <v>140</v>
      </c>
      <c r="D71440" s="1" t="s">
        <v>238820</v>
      </c>
      <c r="E71440" s="1" t="s">
        <v>238821</v>
      </c>
      <c r="F71440" s="1" t="s">
        <v>238822</v>
      </c>
      <c r="G71440" s="1" t="s">
        <v>238720</v>
      </c>
      <c r="H71440" s="1" t="s">
        <v>238721</v>
      </c>
      <c r="I71440" s="1" t="s">
        <v>222698</v>
      </c>
      <c r="J71440" s="1" t="s">
        <v>238823</v>
      </c>
    </row>
    <row r="71441" spans="1:10" x14ac:dyDescent="0.35">
      <c r="A71441" s="1" t="s">
        <v>203887</v>
      </c>
      <c r="B71441" s="1" t="s">
        <v>222693</v>
      </c>
      <c r="C71441" s="1" t="s">
        <v>145</v>
      </c>
      <c r="D71441" s="1" t="s">
        <v>238824</v>
      </c>
      <c r="E71441" s="1" t="s">
        <v>238825</v>
      </c>
      <c r="F71441" s="1" t="s">
        <v>238826</v>
      </c>
      <c r="G71441" s="1" t="s">
        <v>238720</v>
      </c>
      <c r="H71441" s="1" t="s">
        <v>238721</v>
      </c>
      <c r="I71441" s="1" t="s">
        <v>222698</v>
      </c>
      <c r="J71441" s="1" t="s">
        <v>238827</v>
      </c>
    </row>
    <row r="71442" spans="1:10" x14ac:dyDescent="0.35">
      <c r="A71442" s="1" t="s">
        <v>203887</v>
      </c>
      <c r="B71442" s="1" t="s">
        <v>222693</v>
      </c>
      <c r="C71442" s="1" t="s">
        <v>150</v>
      </c>
      <c r="D71442" s="1" t="s">
        <v>238828</v>
      </c>
      <c r="E71442" s="1" t="s">
        <v>238829</v>
      </c>
      <c r="F71442" s="1" t="s">
        <v>238830</v>
      </c>
      <c r="G71442" s="1" t="s">
        <v>238720</v>
      </c>
      <c r="H71442" s="1" t="s">
        <v>238721</v>
      </c>
      <c r="I71442" s="1" t="s">
        <v>222698</v>
      </c>
      <c r="J71442" s="1" t="s">
        <v>238831</v>
      </c>
    </row>
    <row r="71443" spans="1:10" x14ac:dyDescent="0.35">
      <c r="A71443" s="1" t="s">
        <v>203887</v>
      </c>
      <c r="B71443" s="1" t="s">
        <v>222693</v>
      </c>
      <c r="C71443" s="1" t="s">
        <v>155</v>
      </c>
      <c r="D71443" s="1" t="s">
        <v>238832</v>
      </c>
      <c r="E71443" s="1" t="s">
        <v>238833</v>
      </c>
      <c r="F71443" s="1" t="s">
        <v>238834</v>
      </c>
      <c r="G71443" s="1" t="s">
        <v>238720</v>
      </c>
      <c r="H71443" s="1" t="s">
        <v>238721</v>
      </c>
      <c r="I71443" s="1" t="s">
        <v>222698</v>
      </c>
      <c r="J71443" s="1" t="s">
        <v>238835</v>
      </c>
    </row>
    <row r="71444" spans="1:10" x14ac:dyDescent="0.35">
      <c r="A71444" s="1" t="s">
        <v>203887</v>
      </c>
      <c r="B71444" s="1" t="s">
        <v>222693</v>
      </c>
      <c r="C71444" s="1" t="s">
        <v>160</v>
      </c>
      <c r="D71444" s="1" t="s">
        <v>238836</v>
      </c>
      <c r="E71444" s="1" t="s">
        <v>238837</v>
      </c>
      <c r="F71444" s="1" t="s">
        <v>238838</v>
      </c>
      <c r="G71444" s="1" t="s">
        <v>238720</v>
      </c>
      <c r="H71444" s="1" t="s">
        <v>238721</v>
      </c>
      <c r="I71444" s="1" t="s">
        <v>222698</v>
      </c>
      <c r="J71444" s="1" t="s">
        <v>238839</v>
      </c>
    </row>
    <row r="71445" spans="1:10" x14ac:dyDescent="0.35">
      <c r="A71445" s="1" t="s">
        <v>203887</v>
      </c>
      <c r="B71445" s="1" t="s">
        <v>222693</v>
      </c>
      <c r="C71445" s="1" t="s">
        <v>165</v>
      </c>
      <c r="D71445" s="1" t="s">
        <v>238840</v>
      </c>
      <c r="E71445" s="1" t="s">
        <v>238841</v>
      </c>
      <c r="F71445" s="1" t="s">
        <v>238842</v>
      </c>
      <c r="G71445" s="1" t="s">
        <v>238720</v>
      </c>
      <c r="H71445" s="1" t="s">
        <v>238721</v>
      </c>
      <c r="I71445" s="1" t="s">
        <v>222698</v>
      </c>
      <c r="J71445" s="1" t="s">
        <v>238843</v>
      </c>
    </row>
    <row r="71446" spans="1:10" x14ac:dyDescent="0.35">
      <c r="A71446" s="1" t="s">
        <v>203887</v>
      </c>
      <c r="B71446" s="1" t="s">
        <v>222693</v>
      </c>
      <c r="C71446" s="1" t="s">
        <v>170</v>
      </c>
      <c r="D71446" s="1" t="s">
        <v>238844</v>
      </c>
      <c r="E71446" s="1" t="s">
        <v>238845</v>
      </c>
      <c r="F71446" s="1" t="s">
        <v>238846</v>
      </c>
      <c r="G71446" s="1" t="s">
        <v>238720</v>
      </c>
      <c r="H71446" s="1" t="s">
        <v>238721</v>
      </c>
      <c r="I71446" s="1" t="s">
        <v>222698</v>
      </c>
      <c r="J71446" s="1" t="s">
        <v>238847</v>
      </c>
    </row>
    <row r="71447" spans="1:10" x14ac:dyDescent="0.35">
      <c r="A71447" s="1" t="s">
        <v>8020</v>
      </c>
      <c r="B71447" s="1" t="s">
        <v>222693</v>
      </c>
      <c r="C71447" s="1" t="s">
        <v>8</v>
      </c>
      <c r="D71447" s="1" t="s">
        <v>58095</v>
      </c>
      <c r="E71447" s="1" t="s">
        <v>238848</v>
      </c>
      <c r="F71447" s="1" t="s">
        <v>238849</v>
      </c>
      <c r="G71447" s="1" t="s">
        <v>238850</v>
      </c>
      <c r="H71447" s="1" t="s">
        <v>238851</v>
      </c>
      <c r="I71447" s="1" t="s">
        <v>222698</v>
      </c>
      <c r="J71447" s="1" t="s">
        <v>13</v>
      </c>
    </row>
    <row r="71448" spans="1:10" x14ac:dyDescent="0.35">
      <c r="A71448" s="1" t="s">
        <v>8020</v>
      </c>
      <c r="B71448" s="1" t="s">
        <v>222693</v>
      </c>
      <c r="C71448" s="1" t="s">
        <v>15</v>
      </c>
      <c r="D71448" s="1" t="s">
        <v>20448</v>
      </c>
      <c r="E71448" s="1" t="s">
        <v>238852</v>
      </c>
      <c r="F71448" s="1" t="s">
        <v>238853</v>
      </c>
      <c r="G71448" s="1" t="s">
        <v>238850</v>
      </c>
      <c r="H71448" s="1" t="s">
        <v>238851</v>
      </c>
      <c r="I71448" s="1" t="s">
        <v>222698</v>
      </c>
      <c r="J71448" s="1" t="s">
        <v>238854</v>
      </c>
    </row>
    <row r="71449" spans="1:10" x14ac:dyDescent="0.35">
      <c r="A71449" s="1" t="s">
        <v>8020</v>
      </c>
      <c r="B71449" s="1" t="s">
        <v>222693</v>
      </c>
      <c r="C71449" s="1" t="s">
        <v>20</v>
      </c>
      <c r="D71449" s="1" t="s">
        <v>68870</v>
      </c>
      <c r="E71449" s="1" t="s">
        <v>238855</v>
      </c>
      <c r="F71449" s="1" t="s">
        <v>238856</v>
      </c>
      <c r="G71449" s="1" t="s">
        <v>238850</v>
      </c>
      <c r="H71449" s="1" t="s">
        <v>238851</v>
      </c>
      <c r="I71449" s="1" t="s">
        <v>222698</v>
      </c>
      <c r="J71449" s="1" t="s">
        <v>238857</v>
      </c>
    </row>
    <row r="71450" spans="1:10" x14ac:dyDescent="0.35">
      <c r="A71450" s="1" t="s">
        <v>8020</v>
      </c>
      <c r="B71450" s="1" t="s">
        <v>222693</v>
      </c>
      <c r="C71450" s="1" t="s">
        <v>25</v>
      </c>
      <c r="D71450" s="1" t="s">
        <v>97425</v>
      </c>
      <c r="E71450" s="1" t="s">
        <v>238858</v>
      </c>
      <c r="F71450" s="1" t="s">
        <v>238859</v>
      </c>
      <c r="G71450" s="1" t="s">
        <v>238850</v>
      </c>
      <c r="H71450" s="1" t="s">
        <v>238851</v>
      </c>
      <c r="I71450" s="1" t="s">
        <v>222698</v>
      </c>
      <c r="J71450" s="1" t="s">
        <v>238860</v>
      </c>
    </row>
    <row r="71451" spans="1:10" x14ac:dyDescent="0.35">
      <c r="A71451" s="1" t="s">
        <v>8020</v>
      </c>
      <c r="B71451" s="1" t="s">
        <v>222693</v>
      </c>
      <c r="C71451" s="1" t="s">
        <v>30</v>
      </c>
      <c r="D71451" s="1" t="s">
        <v>27178</v>
      </c>
      <c r="E71451" s="1" t="s">
        <v>238861</v>
      </c>
      <c r="F71451" s="1" t="s">
        <v>238862</v>
      </c>
      <c r="G71451" s="1" t="s">
        <v>238850</v>
      </c>
      <c r="H71451" s="1" t="s">
        <v>238851</v>
      </c>
      <c r="I71451" s="1" t="s">
        <v>222698</v>
      </c>
      <c r="J71451" s="1" t="s">
        <v>238863</v>
      </c>
    </row>
    <row r="71452" spans="1:10" x14ac:dyDescent="0.35">
      <c r="A71452" s="1" t="s">
        <v>8020</v>
      </c>
      <c r="B71452" s="1" t="s">
        <v>222693</v>
      </c>
      <c r="C71452" s="1" t="s">
        <v>35</v>
      </c>
      <c r="D71452" s="1" t="s">
        <v>84666</v>
      </c>
      <c r="E71452" s="1" t="s">
        <v>238864</v>
      </c>
      <c r="F71452" s="1" t="s">
        <v>238865</v>
      </c>
      <c r="G71452" s="1" t="s">
        <v>238850</v>
      </c>
      <c r="H71452" s="1" t="s">
        <v>238851</v>
      </c>
      <c r="I71452" s="1" t="s">
        <v>222698</v>
      </c>
      <c r="J71452" s="1" t="s">
        <v>238866</v>
      </c>
    </row>
    <row r="71453" spans="1:10" x14ac:dyDescent="0.35">
      <c r="A71453" s="1" t="s">
        <v>8020</v>
      </c>
      <c r="B71453" s="1" t="s">
        <v>222693</v>
      </c>
      <c r="C71453" s="1" t="s">
        <v>40</v>
      </c>
      <c r="D71453" s="1" t="s">
        <v>69599</v>
      </c>
      <c r="E71453" s="1" t="s">
        <v>238867</v>
      </c>
      <c r="F71453" s="1" t="s">
        <v>238868</v>
      </c>
      <c r="G71453" s="1" t="s">
        <v>238850</v>
      </c>
      <c r="H71453" s="1" t="s">
        <v>238851</v>
      </c>
      <c r="I71453" s="1" t="s">
        <v>222698</v>
      </c>
      <c r="J71453" s="1" t="s">
        <v>238869</v>
      </c>
    </row>
    <row r="71454" spans="1:10" x14ac:dyDescent="0.35">
      <c r="A71454" s="1" t="s">
        <v>8020</v>
      </c>
      <c r="B71454" s="1" t="s">
        <v>222693</v>
      </c>
      <c r="C71454" s="1" t="s">
        <v>45</v>
      </c>
      <c r="D71454" s="1" t="s">
        <v>199643</v>
      </c>
      <c r="E71454" s="1" t="s">
        <v>238870</v>
      </c>
      <c r="F71454" s="1" t="s">
        <v>238871</v>
      </c>
      <c r="G71454" s="1" t="s">
        <v>238850</v>
      </c>
      <c r="H71454" s="1" t="s">
        <v>238851</v>
      </c>
      <c r="I71454" s="1" t="s">
        <v>222698</v>
      </c>
      <c r="J71454" s="1" t="s">
        <v>238872</v>
      </c>
    </row>
    <row r="71455" spans="1:10" x14ac:dyDescent="0.35">
      <c r="A71455" s="1" t="s">
        <v>8020</v>
      </c>
      <c r="B71455" s="1" t="s">
        <v>222693</v>
      </c>
      <c r="C71455" s="1" t="s">
        <v>50</v>
      </c>
      <c r="D71455" s="1" t="s">
        <v>131290</v>
      </c>
      <c r="E71455" s="1" t="s">
        <v>238873</v>
      </c>
      <c r="F71455" s="1" t="s">
        <v>238874</v>
      </c>
      <c r="G71455" s="1" t="s">
        <v>238850</v>
      </c>
      <c r="H71455" s="1" t="s">
        <v>238851</v>
      </c>
      <c r="I71455" s="1" t="s">
        <v>222698</v>
      </c>
      <c r="J71455" s="1" t="s">
        <v>238875</v>
      </c>
    </row>
    <row r="71456" spans="1:10" x14ac:dyDescent="0.35">
      <c r="A71456" s="1" t="s">
        <v>8020</v>
      </c>
      <c r="B71456" s="1" t="s">
        <v>222693</v>
      </c>
      <c r="C71456" s="1" t="s">
        <v>55</v>
      </c>
      <c r="D71456" s="1" t="s">
        <v>58552</v>
      </c>
      <c r="E71456" s="1" t="s">
        <v>238876</v>
      </c>
      <c r="F71456" s="1" t="s">
        <v>238877</v>
      </c>
      <c r="G71456" s="1" t="s">
        <v>238850</v>
      </c>
      <c r="H71456" s="1" t="s">
        <v>238851</v>
      </c>
      <c r="I71456" s="1" t="s">
        <v>222698</v>
      </c>
      <c r="J71456" s="1" t="s">
        <v>238878</v>
      </c>
    </row>
    <row r="71457" spans="1:10" x14ac:dyDescent="0.35">
      <c r="A71457" s="1" t="s">
        <v>8020</v>
      </c>
      <c r="B71457" s="1" t="s">
        <v>222693</v>
      </c>
      <c r="C71457" s="1" t="s">
        <v>60</v>
      </c>
      <c r="D71457" s="1" t="s">
        <v>26519</v>
      </c>
      <c r="E71457" s="1" t="s">
        <v>238879</v>
      </c>
      <c r="F71457" s="1" t="s">
        <v>238880</v>
      </c>
      <c r="G71457" s="1" t="s">
        <v>238850</v>
      </c>
      <c r="H71457" s="1" t="s">
        <v>238851</v>
      </c>
      <c r="I71457" s="1" t="s">
        <v>222698</v>
      </c>
      <c r="J71457" s="1" t="s">
        <v>238881</v>
      </c>
    </row>
    <row r="71458" spans="1:10" x14ac:dyDescent="0.35">
      <c r="A71458" s="1" t="s">
        <v>8020</v>
      </c>
      <c r="B71458" s="1" t="s">
        <v>222693</v>
      </c>
      <c r="C71458" s="1" t="s">
        <v>65</v>
      </c>
      <c r="D71458" s="1" t="s">
        <v>101981</v>
      </c>
      <c r="E71458" s="1" t="s">
        <v>238882</v>
      </c>
      <c r="F71458" s="1" t="s">
        <v>238883</v>
      </c>
      <c r="G71458" s="1" t="s">
        <v>238850</v>
      </c>
      <c r="H71458" s="1" t="s">
        <v>238851</v>
      </c>
      <c r="I71458" s="1" t="s">
        <v>222698</v>
      </c>
      <c r="J71458" s="1" t="s">
        <v>238884</v>
      </c>
    </row>
    <row r="71459" spans="1:10" x14ac:dyDescent="0.35">
      <c r="A71459" s="1" t="s">
        <v>8020</v>
      </c>
      <c r="B71459" s="1" t="s">
        <v>222693</v>
      </c>
      <c r="C71459" s="1" t="s">
        <v>70</v>
      </c>
      <c r="D71459" s="1" t="s">
        <v>22362</v>
      </c>
      <c r="E71459" s="1" t="s">
        <v>238885</v>
      </c>
      <c r="F71459" s="1" t="s">
        <v>238886</v>
      </c>
      <c r="G71459" s="1" t="s">
        <v>238850</v>
      </c>
      <c r="H71459" s="1" t="s">
        <v>238851</v>
      </c>
      <c r="I71459" s="1" t="s">
        <v>222698</v>
      </c>
      <c r="J71459" s="1" t="s">
        <v>238887</v>
      </c>
    </row>
    <row r="71460" spans="1:10" x14ac:dyDescent="0.35">
      <c r="A71460" s="1" t="s">
        <v>8020</v>
      </c>
      <c r="B71460" s="1" t="s">
        <v>222693</v>
      </c>
      <c r="C71460" s="1" t="s">
        <v>75</v>
      </c>
      <c r="D71460" s="1" t="s">
        <v>238888</v>
      </c>
      <c r="E71460" s="1" t="s">
        <v>238889</v>
      </c>
      <c r="F71460" s="1" t="s">
        <v>238890</v>
      </c>
      <c r="G71460" s="1" t="s">
        <v>238850</v>
      </c>
      <c r="H71460" s="1" t="s">
        <v>238851</v>
      </c>
      <c r="I71460" s="1" t="s">
        <v>222698</v>
      </c>
      <c r="J71460" s="1" t="s">
        <v>238891</v>
      </c>
    </row>
    <row r="71461" spans="1:10" x14ac:dyDescent="0.35">
      <c r="A71461" s="1" t="s">
        <v>8020</v>
      </c>
      <c r="B71461" s="1" t="s">
        <v>222693</v>
      </c>
      <c r="C71461" s="1" t="s">
        <v>80</v>
      </c>
      <c r="D71461" s="1" t="s">
        <v>41779</v>
      </c>
      <c r="E71461" s="1" t="s">
        <v>238892</v>
      </c>
      <c r="F71461" s="1" t="s">
        <v>238893</v>
      </c>
      <c r="G71461" s="1" t="s">
        <v>238850</v>
      </c>
      <c r="H71461" s="1" t="s">
        <v>238851</v>
      </c>
      <c r="I71461" s="1" t="s">
        <v>222698</v>
      </c>
      <c r="J71461" s="1" t="s">
        <v>238894</v>
      </c>
    </row>
    <row r="71462" spans="1:10" x14ac:dyDescent="0.35">
      <c r="A71462" s="1" t="s">
        <v>8020</v>
      </c>
      <c r="B71462" s="1" t="s">
        <v>222693</v>
      </c>
      <c r="C71462" s="1" t="s">
        <v>85</v>
      </c>
      <c r="D71462" s="1" t="s">
        <v>62726</v>
      </c>
      <c r="E71462" s="1" t="s">
        <v>238895</v>
      </c>
      <c r="F71462" s="1" t="s">
        <v>238896</v>
      </c>
      <c r="G71462" s="1" t="s">
        <v>238850</v>
      </c>
      <c r="H71462" s="1" t="s">
        <v>238851</v>
      </c>
      <c r="I71462" s="1" t="s">
        <v>222698</v>
      </c>
      <c r="J71462" s="1" t="s">
        <v>238897</v>
      </c>
    </row>
    <row r="71463" spans="1:10" x14ac:dyDescent="0.35">
      <c r="A71463" s="1" t="s">
        <v>8020</v>
      </c>
      <c r="B71463" s="1" t="s">
        <v>222693</v>
      </c>
      <c r="C71463" s="1" t="s">
        <v>90</v>
      </c>
      <c r="D71463" s="1" t="s">
        <v>81034</v>
      </c>
      <c r="E71463" s="1" t="s">
        <v>238898</v>
      </c>
      <c r="F71463" s="1" t="s">
        <v>238899</v>
      </c>
      <c r="G71463" s="1" t="s">
        <v>238850</v>
      </c>
      <c r="H71463" s="1" t="s">
        <v>238851</v>
      </c>
      <c r="I71463" s="1" t="s">
        <v>222698</v>
      </c>
      <c r="J71463" s="1" t="s">
        <v>238900</v>
      </c>
    </row>
    <row r="71464" spans="1:10" x14ac:dyDescent="0.35">
      <c r="A71464" s="1" t="s">
        <v>8020</v>
      </c>
      <c r="B71464" s="1" t="s">
        <v>222693</v>
      </c>
      <c r="C71464" s="1" t="s">
        <v>95</v>
      </c>
      <c r="D71464" s="1" t="s">
        <v>97186</v>
      </c>
      <c r="E71464" s="1" t="s">
        <v>238901</v>
      </c>
      <c r="F71464" s="1" t="s">
        <v>238902</v>
      </c>
      <c r="G71464" s="1" t="s">
        <v>238850</v>
      </c>
      <c r="H71464" s="1" t="s">
        <v>238851</v>
      </c>
      <c r="I71464" s="1" t="s">
        <v>222698</v>
      </c>
      <c r="J71464" s="1" t="s">
        <v>238903</v>
      </c>
    </row>
    <row r="71465" spans="1:10" x14ac:dyDescent="0.35">
      <c r="A71465" s="1" t="s">
        <v>8020</v>
      </c>
      <c r="B71465" s="1" t="s">
        <v>222693</v>
      </c>
      <c r="C71465" s="1" t="s">
        <v>100</v>
      </c>
      <c r="D71465" s="1" t="s">
        <v>238904</v>
      </c>
      <c r="E71465" s="1" t="s">
        <v>238905</v>
      </c>
      <c r="F71465" s="1" t="s">
        <v>238906</v>
      </c>
      <c r="G71465" s="1" t="s">
        <v>238850</v>
      </c>
      <c r="H71465" s="1" t="s">
        <v>238851</v>
      </c>
      <c r="I71465" s="1" t="s">
        <v>222698</v>
      </c>
      <c r="J71465" s="1" t="s">
        <v>238907</v>
      </c>
    </row>
    <row r="71466" spans="1:10" x14ac:dyDescent="0.35">
      <c r="A71466" s="1" t="s">
        <v>8020</v>
      </c>
      <c r="B71466" s="1" t="s">
        <v>222693</v>
      </c>
      <c r="C71466" s="1" t="s">
        <v>105</v>
      </c>
      <c r="D71466" s="1" t="s">
        <v>238908</v>
      </c>
      <c r="E71466" s="1" t="s">
        <v>238909</v>
      </c>
      <c r="F71466" s="1" t="s">
        <v>238910</v>
      </c>
      <c r="G71466" s="1" t="s">
        <v>238850</v>
      </c>
      <c r="H71466" s="1" t="s">
        <v>238851</v>
      </c>
      <c r="I71466" s="1" t="s">
        <v>222698</v>
      </c>
      <c r="J71466" s="1" t="s">
        <v>238911</v>
      </c>
    </row>
    <row r="71467" spans="1:10" x14ac:dyDescent="0.35">
      <c r="A71467" s="1" t="s">
        <v>8020</v>
      </c>
      <c r="B71467" s="1" t="s">
        <v>222693</v>
      </c>
      <c r="C71467" s="1" t="s">
        <v>110</v>
      </c>
      <c r="D71467" s="1" t="s">
        <v>27013</v>
      </c>
      <c r="E71467" s="1" t="s">
        <v>238912</v>
      </c>
      <c r="F71467" s="1" t="s">
        <v>238913</v>
      </c>
      <c r="G71467" s="1" t="s">
        <v>238850</v>
      </c>
      <c r="H71467" s="1" t="s">
        <v>238851</v>
      </c>
      <c r="I71467" s="1" t="s">
        <v>222698</v>
      </c>
      <c r="J71467" s="1" t="s">
        <v>238914</v>
      </c>
    </row>
    <row r="71468" spans="1:10" x14ac:dyDescent="0.35">
      <c r="A71468" s="1" t="s">
        <v>8020</v>
      </c>
      <c r="B71468" s="1" t="s">
        <v>222693</v>
      </c>
      <c r="C71468" s="1" t="s">
        <v>115</v>
      </c>
      <c r="D71468" s="1" t="s">
        <v>238915</v>
      </c>
      <c r="E71468" s="1" t="s">
        <v>238916</v>
      </c>
      <c r="F71468" s="1" t="s">
        <v>238917</v>
      </c>
      <c r="G71468" s="1" t="s">
        <v>238850</v>
      </c>
      <c r="H71468" s="1" t="s">
        <v>238851</v>
      </c>
      <c r="I71468" s="1" t="s">
        <v>222698</v>
      </c>
      <c r="J71468" s="1" t="s">
        <v>238918</v>
      </c>
    </row>
    <row r="71469" spans="1:10" x14ac:dyDescent="0.35">
      <c r="A71469" s="1" t="s">
        <v>8020</v>
      </c>
      <c r="B71469" s="1" t="s">
        <v>222693</v>
      </c>
      <c r="C71469" s="1" t="s">
        <v>120</v>
      </c>
      <c r="D71469" s="1" t="s">
        <v>238919</v>
      </c>
      <c r="E71469" s="1" t="s">
        <v>238920</v>
      </c>
      <c r="F71469" s="1" t="s">
        <v>238921</v>
      </c>
      <c r="G71469" s="1" t="s">
        <v>238850</v>
      </c>
      <c r="H71469" s="1" t="s">
        <v>238851</v>
      </c>
      <c r="I71469" s="1" t="s">
        <v>222698</v>
      </c>
      <c r="J71469" s="1" t="s">
        <v>238922</v>
      </c>
    </row>
    <row r="71470" spans="1:10" x14ac:dyDescent="0.35">
      <c r="A71470" s="1" t="s">
        <v>8020</v>
      </c>
      <c r="B71470" s="1" t="s">
        <v>222693</v>
      </c>
      <c r="C71470" s="1" t="s">
        <v>125</v>
      </c>
      <c r="D71470" s="1" t="s">
        <v>8157</v>
      </c>
      <c r="E71470" s="1" t="s">
        <v>238923</v>
      </c>
      <c r="F71470" s="1" t="s">
        <v>238924</v>
      </c>
      <c r="G71470" s="1" t="s">
        <v>238850</v>
      </c>
      <c r="H71470" s="1" t="s">
        <v>238851</v>
      </c>
      <c r="I71470" s="1" t="s">
        <v>222698</v>
      </c>
      <c r="J71470" s="1" t="s">
        <v>238925</v>
      </c>
    </row>
    <row r="71471" spans="1:10" x14ac:dyDescent="0.35">
      <c r="A71471" s="1" t="s">
        <v>8020</v>
      </c>
      <c r="B71471" s="1" t="s">
        <v>222693</v>
      </c>
      <c r="C71471" s="1" t="s">
        <v>130</v>
      </c>
      <c r="D71471" s="1" t="s">
        <v>70075</v>
      </c>
      <c r="E71471" s="1" t="s">
        <v>238926</v>
      </c>
      <c r="F71471" s="1" t="s">
        <v>238927</v>
      </c>
      <c r="G71471" s="1" t="s">
        <v>238850</v>
      </c>
      <c r="H71471" s="1" t="s">
        <v>238851</v>
      </c>
      <c r="I71471" s="1" t="s">
        <v>222698</v>
      </c>
      <c r="J71471" s="1" t="s">
        <v>238928</v>
      </c>
    </row>
    <row r="71472" spans="1:10" x14ac:dyDescent="0.35">
      <c r="A71472" s="1" t="s">
        <v>8020</v>
      </c>
      <c r="B71472" s="1" t="s">
        <v>222693</v>
      </c>
      <c r="C71472" s="1" t="s">
        <v>135</v>
      </c>
      <c r="D71472" s="1" t="s">
        <v>231033</v>
      </c>
      <c r="E71472" s="1" t="s">
        <v>238929</v>
      </c>
      <c r="F71472" s="1" t="s">
        <v>238930</v>
      </c>
      <c r="G71472" s="1" t="s">
        <v>238850</v>
      </c>
      <c r="H71472" s="1" t="s">
        <v>238851</v>
      </c>
      <c r="I71472" s="1" t="s">
        <v>222698</v>
      </c>
      <c r="J71472" s="1" t="s">
        <v>238931</v>
      </c>
    </row>
    <row r="71473" spans="1:10" x14ac:dyDescent="0.35">
      <c r="A71473" s="1" t="s">
        <v>8020</v>
      </c>
      <c r="B71473" s="1" t="s">
        <v>222693</v>
      </c>
      <c r="C71473" s="1" t="s">
        <v>140</v>
      </c>
      <c r="D71473" s="1" t="s">
        <v>127206</v>
      </c>
      <c r="E71473" s="1" t="s">
        <v>238932</v>
      </c>
      <c r="F71473" s="1" t="s">
        <v>238933</v>
      </c>
      <c r="G71473" s="1" t="s">
        <v>238850</v>
      </c>
      <c r="H71473" s="1" t="s">
        <v>238851</v>
      </c>
      <c r="I71473" s="1" t="s">
        <v>222698</v>
      </c>
      <c r="J71473" s="1" t="s">
        <v>238934</v>
      </c>
    </row>
    <row r="71474" spans="1:10" x14ac:dyDescent="0.35">
      <c r="A71474" s="1" t="s">
        <v>8020</v>
      </c>
      <c r="B71474" s="1" t="s">
        <v>222693</v>
      </c>
      <c r="C71474" s="1" t="s">
        <v>145</v>
      </c>
      <c r="D71474" s="1" t="s">
        <v>238935</v>
      </c>
      <c r="E71474" s="1" t="s">
        <v>238936</v>
      </c>
      <c r="F71474" s="1" t="s">
        <v>238937</v>
      </c>
      <c r="G71474" s="1" t="s">
        <v>238850</v>
      </c>
      <c r="H71474" s="1" t="s">
        <v>238851</v>
      </c>
      <c r="I71474" s="1" t="s">
        <v>222698</v>
      </c>
      <c r="J71474" s="1" t="s">
        <v>238938</v>
      </c>
    </row>
    <row r="71475" spans="1:10" x14ac:dyDescent="0.35">
      <c r="A71475" s="1" t="s">
        <v>8020</v>
      </c>
      <c r="B71475" s="1" t="s">
        <v>222693</v>
      </c>
      <c r="C71475" s="1" t="s">
        <v>150</v>
      </c>
      <c r="D71475" s="1" t="s">
        <v>238939</v>
      </c>
      <c r="E71475" s="1" t="s">
        <v>238940</v>
      </c>
      <c r="F71475" s="1" t="s">
        <v>238941</v>
      </c>
      <c r="G71475" s="1" t="s">
        <v>238850</v>
      </c>
      <c r="H71475" s="1" t="s">
        <v>238851</v>
      </c>
      <c r="I71475" s="1" t="s">
        <v>222698</v>
      </c>
      <c r="J71475" s="1" t="s">
        <v>238942</v>
      </c>
    </row>
    <row r="71476" spans="1:10" x14ac:dyDescent="0.35">
      <c r="A71476" s="1" t="s">
        <v>8020</v>
      </c>
      <c r="B71476" s="1" t="s">
        <v>222693</v>
      </c>
      <c r="C71476" s="1" t="s">
        <v>155</v>
      </c>
      <c r="D71476" s="1" t="s">
        <v>235055</v>
      </c>
      <c r="E71476" s="1" t="s">
        <v>238943</v>
      </c>
      <c r="F71476" s="1" t="s">
        <v>238944</v>
      </c>
      <c r="G71476" s="1" t="s">
        <v>238850</v>
      </c>
      <c r="H71476" s="1" t="s">
        <v>238851</v>
      </c>
      <c r="I71476" s="1" t="s">
        <v>222698</v>
      </c>
      <c r="J71476" s="1" t="s">
        <v>238945</v>
      </c>
    </row>
    <row r="71477" spans="1:10" x14ac:dyDescent="0.35">
      <c r="A71477" s="1" t="s">
        <v>8020</v>
      </c>
      <c r="B71477" s="1" t="s">
        <v>222693</v>
      </c>
      <c r="C71477" s="1" t="s">
        <v>160</v>
      </c>
      <c r="D71477" s="1" t="s">
        <v>96665</v>
      </c>
      <c r="E71477" s="1" t="s">
        <v>238946</v>
      </c>
      <c r="F71477" s="1" t="s">
        <v>238947</v>
      </c>
      <c r="G71477" s="1" t="s">
        <v>238850</v>
      </c>
      <c r="H71477" s="1" t="s">
        <v>238851</v>
      </c>
      <c r="I71477" s="1" t="s">
        <v>222698</v>
      </c>
      <c r="J71477" s="1" t="s">
        <v>238948</v>
      </c>
    </row>
    <row r="71478" spans="1:10" x14ac:dyDescent="0.35">
      <c r="A71478" s="1" t="s">
        <v>8020</v>
      </c>
      <c r="B71478" s="1" t="s">
        <v>222693</v>
      </c>
      <c r="C71478" s="1" t="s">
        <v>165</v>
      </c>
      <c r="D71478" s="1" t="s">
        <v>238949</v>
      </c>
      <c r="E71478" s="1" t="s">
        <v>238950</v>
      </c>
      <c r="F71478" s="1" t="s">
        <v>238951</v>
      </c>
      <c r="G71478" s="1" t="s">
        <v>238850</v>
      </c>
      <c r="H71478" s="1" t="s">
        <v>238851</v>
      </c>
      <c r="I71478" s="1" t="s">
        <v>222698</v>
      </c>
      <c r="J71478" s="1" t="s">
        <v>238952</v>
      </c>
    </row>
    <row r="71479" spans="1:10" x14ac:dyDescent="0.35">
      <c r="A71479" s="1" t="s">
        <v>8020</v>
      </c>
      <c r="B71479" s="1" t="s">
        <v>222693</v>
      </c>
      <c r="C71479" s="1" t="s">
        <v>170</v>
      </c>
      <c r="D71479" s="1" t="s">
        <v>238953</v>
      </c>
      <c r="E71479" s="1" t="s">
        <v>238954</v>
      </c>
      <c r="F71479" s="1" t="s">
        <v>238955</v>
      </c>
      <c r="G71479" s="1" t="s">
        <v>238850</v>
      </c>
      <c r="H71479" s="1" t="s">
        <v>238851</v>
      </c>
      <c r="I71479" s="1" t="s">
        <v>222698</v>
      </c>
      <c r="J71479" s="1" t="s">
        <v>238956</v>
      </c>
    </row>
    <row r="71480" spans="1:10" x14ac:dyDescent="0.35">
      <c r="A71480" s="1" t="s">
        <v>110571</v>
      </c>
      <c r="B71480" s="1" t="s">
        <v>222693</v>
      </c>
      <c r="C71480" s="1" t="s">
        <v>8</v>
      </c>
      <c r="D71480" s="1" t="s">
        <v>238957</v>
      </c>
      <c r="E71480" s="1" t="s">
        <v>238958</v>
      </c>
      <c r="F71480" s="1" t="s">
        <v>238959</v>
      </c>
      <c r="G71480" s="1" t="s">
        <v>238960</v>
      </c>
      <c r="H71480" s="1" t="s">
        <v>238961</v>
      </c>
      <c r="I71480" s="1" t="s">
        <v>222698</v>
      </c>
      <c r="J71480" s="1" t="s">
        <v>13</v>
      </c>
    </row>
    <row r="71481" spans="1:10" x14ac:dyDescent="0.35">
      <c r="A71481" s="1" t="s">
        <v>110571</v>
      </c>
      <c r="B71481" s="1" t="s">
        <v>222693</v>
      </c>
      <c r="C71481" s="1" t="s">
        <v>15</v>
      </c>
      <c r="D71481" s="1" t="s">
        <v>96121</v>
      </c>
      <c r="E71481" s="1" t="s">
        <v>238962</v>
      </c>
      <c r="F71481" s="1" t="s">
        <v>238963</v>
      </c>
      <c r="G71481" s="1" t="s">
        <v>238960</v>
      </c>
      <c r="H71481" s="1" t="s">
        <v>238961</v>
      </c>
      <c r="I71481" s="1" t="s">
        <v>222698</v>
      </c>
      <c r="J71481" s="1" t="s">
        <v>238964</v>
      </c>
    </row>
    <row r="71482" spans="1:10" x14ac:dyDescent="0.35">
      <c r="A71482" s="1" t="s">
        <v>110571</v>
      </c>
      <c r="B71482" s="1" t="s">
        <v>222693</v>
      </c>
      <c r="C71482" s="1" t="s">
        <v>20</v>
      </c>
      <c r="D71482" s="1" t="s">
        <v>238965</v>
      </c>
      <c r="E71482" s="1" t="s">
        <v>238966</v>
      </c>
      <c r="F71482" s="1" t="s">
        <v>238967</v>
      </c>
      <c r="G71482" s="1" t="s">
        <v>238960</v>
      </c>
      <c r="H71482" s="1" t="s">
        <v>238961</v>
      </c>
      <c r="I71482" s="1" t="s">
        <v>222698</v>
      </c>
      <c r="J71482" s="1" t="s">
        <v>238968</v>
      </c>
    </row>
    <row r="71483" spans="1:10" x14ac:dyDescent="0.35">
      <c r="A71483" s="1" t="s">
        <v>110571</v>
      </c>
      <c r="B71483" s="1" t="s">
        <v>222693</v>
      </c>
      <c r="C71483" s="1" t="s">
        <v>25</v>
      </c>
      <c r="D71483" s="1" t="s">
        <v>238969</v>
      </c>
      <c r="E71483" s="1" t="s">
        <v>238970</v>
      </c>
      <c r="F71483" s="1" t="s">
        <v>238971</v>
      </c>
      <c r="G71483" s="1" t="s">
        <v>238960</v>
      </c>
      <c r="H71483" s="1" t="s">
        <v>238961</v>
      </c>
      <c r="I71483" s="1" t="s">
        <v>222698</v>
      </c>
      <c r="J71483" s="1" t="s">
        <v>238972</v>
      </c>
    </row>
    <row r="71484" spans="1:10" x14ac:dyDescent="0.35">
      <c r="A71484" s="1" t="s">
        <v>110571</v>
      </c>
      <c r="B71484" s="1" t="s">
        <v>222693</v>
      </c>
      <c r="C71484" s="1" t="s">
        <v>30</v>
      </c>
      <c r="D71484" s="1" t="s">
        <v>237665</v>
      </c>
      <c r="E71484" s="1" t="s">
        <v>238973</v>
      </c>
      <c r="F71484" s="1" t="s">
        <v>238974</v>
      </c>
      <c r="G71484" s="1" t="s">
        <v>238960</v>
      </c>
      <c r="H71484" s="1" t="s">
        <v>238961</v>
      </c>
      <c r="I71484" s="1" t="s">
        <v>222698</v>
      </c>
      <c r="J71484" s="1" t="s">
        <v>238975</v>
      </c>
    </row>
    <row r="71485" spans="1:10" x14ac:dyDescent="0.35">
      <c r="A71485" s="1" t="s">
        <v>110571</v>
      </c>
      <c r="B71485" s="1" t="s">
        <v>222693</v>
      </c>
      <c r="C71485" s="1" t="s">
        <v>35</v>
      </c>
      <c r="D71485" s="1" t="s">
        <v>232513</v>
      </c>
      <c r="E71485" s="1" t="s">
        <v>238976</v>
      </c>
      <c r="F71485" s="1" t="s">
        <v>238977</v>
      </c>
      <c r="G71485" s="1" t="s">
        <v>238960</v>
      </c>
      <c r="H71485" s="1" t="s">
        <v>238961</v>
      </c>
      <c r="I71485" s="1" t="s">
        <v>222698</v>
      </c>
      <c r="J71485" s="1" t="s">
        <v>238978</v>
      </c>
    </row>
    <row r="71486" spans="1:10" x14ac:dyDescent="0.35">
      <c r="A71486" s="1" t="s">
        <v>110571</v>
      </c>
      <c r="B71486" s="1" t="s">
        <v>222693</v>
      </c>
      <c r="C71486" s="1" t="s">
        <v>40</v>
      </c>
      <c r="D71486" s="1" t="s">
        <v>238979</v>
      </c>
      <c r="E71486" s="1" t="s">
        <v>238980</v>
      </c>
      <c r="F71486" s="1" t="s">
        <v>238981</v>
      </c>
      <c r="G71486" s="1" t="s">
        <v>238960</v>
      </c>
      <c r="H71486" s="1" t="s">
        <v>238961</v>
      </c>
      <c r="I71486" s="1" t="s">
        <v>222698</v>
      </c>
      <c r="J71486" s="1" t="s">
        <v>238982</v>
      </c>
    </row>
    <row r="71487" spans="1:10" x14ac:dyDescent="0.35">
      <c r="A71487" s="1" t="s">
        <v>110571</v>
      </c>
      <c r="B71487" s="1" t="s">
        <v>222693</v>
      </c>
      <c r="C71487" s="1" t="s">
        <v>45</v>
      </c>
      <c r="D71487" s="1" t="s">
        <v>131578</v>
      </c>
      <c r="E71487" s="1" t="s">
        <v>238983</v>
      </c>
      <c r="F71487" s="1" t="s">
        <v>238984</v>
      </c>
      <c r="G71487" s="1" t="s">
        <v>238960</v>
      </c>
      <c r="H71487" s="1" t="s">
        <v>238961</v>
      </c>
      <c r="I71487" s="1" t="s">
        <v>222698</v>
      </c>
      <c r="J71487" s="1" t="s">
        <v>238985</v>
      </c>
    </row>
    <row r="71488" spans="1:10" x14ac:dyDescent="0.35">
      <c r="A71488" s="1" t="s">
        <v>110571</v>
      </c>
      <c r="B71488" s="1" t="s">
        <v>222693</v>
      </c>
      <c r="C71488" s="1" t="s">
        <v>50</v>
      </c>
      <c r="D71488" s="1" t="s">
        <v>232558</v>
      </c>
      <c r="E71488" s="1" t="s">
        <v>238986</v>
      </c>
      <c r="F71488" s="1" t="s">
        <v>238987</v>
      </c>
      <c r="G71488" s="1" t="s">
        <v>238960</v>
      </c>
      <c r="H71488" s="1" t="s">
        <v>238961</v>
      </c>
      <c r="I71488" s="1" t="s">
        <v>222698</v>
      </c>
      <c r="J71488" s="1" t="s">
        <v>238988</v>
      </c>
    </row>
    <row r="71489" spans="1:10" x14ac:dyDescent="0.35">
      <c r="A71489" s="1" t="s">
        <v>110571</v>
      </c>
      <c r="B71489" s="1" t="s">
        <v>222693</v>
      </c>
      <c r="C71489" s="1" t="s">
        <v>55</v>
      </c>
      <c r="D71489" s="1" t="s">
        <v>70107</v>
      </c>
      <c r="E71489" s="1" t="s">
        <v>238989</v>
      </c>
      <c r="F71489" s="1" t="s">
        <v>238990</v>
      </c>
      <c r="G71489" s="1" t="s">
        <v>238960</v>
      </c>
      <c r="H71489" s="1" t="s">
        <v>238961</v>
      </c>
      <c r="I71489" s="1" t="s">
        <v>222698</v>
      </c>
      <c r="J71489" s="1" t="s">
        <v>238991</v>
      </c>
    </row>
    <row r="71490" spans="1:10" x14ac:dyDescent="0.35">
      <c r="A71490" s="1" t="s">
        <v>110571</v>
      </c>
      <c r="B71490" s="1" t="s">
        <v>222693</v>
      </c>
      <c r="C71490" s="1" t="s">
        <v>60</v>
      </c>
      <c r="D71490" s="1" t="s">
        <v>238992</v>
      </c>
      <c r="E71490" s="1" t="s">
        <v>238993</v>
      </c>
      <c r="F71490" s="1" t="s">
        <v>238994</v>
      </c>
      <c r="G71490" s="1" t="s">
        <v>238960</v>
      </c>
      <c r="H71490" s="1" t="s">
        <v>238961</v>
      </c>
      <c r="I71490" s="1" t="s">
        <v>222698</v>
      </c>
      <c r="J71490" s="1" t="s">
        <v>238995</v>
      </c>
    </row>
    <row r="71491" spans="1:10" x14ac:dyDescent="0.35">
      <c r="A71491" s="1" t="s">
        <v>110571</v>
      </c>
      <c r="B71491" s="1" t="s">
        <v>222693</v>
      </c>
      <c r="C71491" s="1" t="s">
        <v>65</v>
      </c>
      <c r="D71491" s="1" t="s">
        <v>40913</v>
      </c>
      <c r="E71491" s="1" t="s">
        <v>238996</v>
      </c>
      <c r="F71491" s="1" t="s">
        <v>238997</v>
      </c>
      <c r="G71491" s="1" t="s">
        <v>238960</v>
      </c>
      <c r="H71491" s="1" t="s">
        <v>238961</v>
      </c>
      <c r="I71491" s="1" t="s">
        <v>222698</v>
      </c>
      <c r="J71491" s="1" t="s">
        <v>238998</v>
      </c>
    </row>
    <row r="71492" spans="1:10" x14ac:dyDescent="0.35">
      <c r="A71492" s="1" t="s">
        <v>110571</v>
      </c>
      <c r="B71492" s="1" t="s">
        <v>222693</v>
      </c>
      <c r="C71492" s="1" t="s">
        <v>70</v>
      </c>
      <c r="D71492" s="1" t="s">
        <v>238999</v>
      </c>
      <c r="E71492" s="1" t="s">
        <v>239000</v>
      </c>
      <c r="F71492" s="1" t="s">
        <v>239001</v>
      </c>
      <c r="G71492" s="1" t="s">
        <v>238960</v>
      </c>
      <c r="H71492" s="1" t="s">
        <v>238961</v>
      </c>
      <c r="I71492" s="1" t="s">
        <v>222698</v>
      </c>
      <c r="J71492" s="1" t="s">
        <v>239002</v>
      </c>
    </row>
    <row r="71493" spans="1:10" x14ac:dyDescent="0.35">
      <c r="A71493" s="1" t="s">
        <v>110571</v>
      </c>
      <c r="B71493" s="1" t="s">
        <v>222693</v>
      </c>
      <c r="C71493" s="1" t="s">
        <v>75</v>
      </c>
      <c r="D71493" s="1" t="s">
        <v>239003</v>
      </c>
      <c r="E71493" s="1" t="s">
        <v>239004</v>
      </c>
      <c r="F71493" s="1" t="s">
        <v>239005</v>
      </c>
      <c r="G71493" s="1" t="s">
        <v>238960</v>
      </c>
      <c r="H71493" s="1" t="s">
        <v>238961</v>
      </c>
      <c r="I71493" s="1" t="s">
        <v>222698</v>
      </c>
      <c r="J71493" s="1" t="s">
        <v>239006</v>
      </c>
    </row>
    <row r="71494" spans="1:10" x14ac:dyDescent="0.35">
      <c r="A71494" s="1" t="s">
        <v>110571</v>
      </c>
      <c r="B71494" s="1" t="s">
        <v>222693</v>
      </c>
      <c r="C71494" s="1" t="s">
        <v>80</v>
      </c>
      <c r="D71494" s="1" t="s">
        <v>239007</v>
      </c>
      <c r="E71494" s="1" t="s">
        <v>239008</v>
      </c>
      <c r="F71494" s="1" t="s">
        <v>239009</v>
      </c>
      <c r="G71494" s="1" t="s">
        <v>238960</v>
      </c>
      <c r="H71494" s="1" t="s">
        <v>238961</v>
      </c>
      <c r="I71494" s="1" t="s">
        <v>222698</v>
      </c>
      <c r="J71494" s="1" t="s">
        <v>239010</v>
      </c>
    </row>
    <row r="71495" spans="1:10" x14ac:dyDescent="0.35">
      <c r="A71495" s="1" t="s">
        <v>110571</v>
      </c>
      <c r="B71495" s="1" t="s">
        <v>222693</v>
      </c>
      <c r="C71495" s="1" t="s">
        <v>85</v>
      </c>
      <c r="D71495" s="1" t="s">
        <v>62181</v>
      </c>
      <c r="E71495" s="1" t="s">
        <v>239011</v>
      </c>
      <c r="F71495" s="1" t="s">
        <v>239012</v>
      </c>
      <c r="G71495" s="1" t="s">
        <v>238960</v>
      </c>
      <c r="H71495" s="1" t="s">
        <v>238961</v>
      </c>
      <c r="I71495" s="1" t="s">
        <v>222698</v>
      </c>
      <c r="J71495" s="1" t="s">
        <v>239013</v>
      </c>
    </row>
    <row r="71496" spans="1:10" x14ac:dyDescent="0.35">
      <c r="A71496" s="1" t="s">
        <v>110571</v>
      </c>
      <c r="B71496" s="1" t="s">
        <v>222693</v>
      </c>
      <c r="C71496" s="1" t="s">
        <v>90</v>
      </c>
      <c r="D71496" s="1" t="s">
        <v>239014</v>
      </c>
      <c r="E71496" s="1" t="s">
        <v>239015</v>
      </c>
      <c r="F71496" s="1" t="s">
        <v>239016</v>
      </c>
      <c r="G71496" s="1" t="s">
        <v>238960</v>
      </c>
      <c r="H71496" s="1" t="s">
        <v>238961</v>
      </c>
      <c r="I71496" s="1" t="s">
        <v>222698</v>
      </c>
      <c r="J71496" s="1" t="s">
        <v>239017</v>
      </c>
    </row>
    <row r="71497" spans="1:10" x14ac:dyDescent="0.35">
      <c r="A71497" s="1" t="s">
        <v>110571</v>
      </c>
      <c r="B71497" s="1" t="s">
        <v>222693</v>
      </c>
      <c r="C71497" s="1" t="s">
        <v>95</v>
      </c>
      <c r="D71497" s="1" t="s">
        <v>239018</v>
      </c>
      <c r="E71497" s="1" t="s">
        <v>239019</v>
      </c>
      <c r="F71497" s="1" t="s">
        <v>239020</v>
      </c>
      <c r="G71497" s="1" t="s">
        <v>238960</v>
      </c>
      <c r="H71497" s="1" t="s">
        <v>238961</v>
      </c>
      <c r="I71497" s="1" t="s">
        <v>222698</v>
      </c>
      <c r="J71497" s="1" t="s">
        <v>239021</v>
      </c>
    </row>
    <row r="71498" spans="1:10" x14ac:dyDescent="0.35">
      <c r="A71498" s="1" t="s">
        <v>110571</v>
      </c>
      <c r="B71498" s="1" t="s">
        <v>222693</v>
      </c>
      <c r="C71498" s="1" t="s">
        <v>100</v>
      </c>
      <c r="D71498" s="1" t="s">
        <v>239022</v>
      </c>
      <c r="E71498" s="1" t="s">
        <v>239023</v>
      </c>
      <c r="F71498" s="1" t="s">
        <v>239024</v>
      </c>
      <c r="G71498" s="1" t="s">
        <v>238960</v>
      </c>
      <c r="H71498" s="1" t="s">
        <v>238961</v>
      </c>
      <c r="I71498" s="1" t="s">
        <v>222698</v>
      </c>
      <c r="J71498" s="1" t="s">
        <v>239025</v>
      </c>
    </row>
    <row r="71499" spans="1:10" x14ac:dyDescent="0.35">
      <c r="A71499" s="1" t="s">
        <v>110571</v>
      </c>
      <c r="B71499" s="1" t="s">
        <v>222693</v>
      </c>
      <c r="C71499" s="1" t="s">
        <v>105</v>
      </c>
      <c r="D71499" s="1" t="s">
        <v>239026</v>
      </c>
      <c r="E71499" s="1" t="s">
        <v>239027</v>
      </c>
      <c r="F71499" s="1" t="s">
        <v>239028</v>
      </c>
      <c r="G71499" s="1" t="s">
        <v>238960</v>
      </c>
      <c r="H71499" s="1" t="s">
        <v>238961</v>
      </c>
      <c r="I71499" s="1" t="s">
        <v>222698</v>
      </c>
      <c r="J71499" s="1" t="s">
        <v>239029</v>
      </c>
    </row>
    <row r="71500" spans="1:10" x14ac:dyDescent="0.35">
      <c r="A71500" s="1" t="s">
        <v>110571</v>
      </c>
      <c r="B71500" s="1" t="s">
        <v>222693</v>
      </c>
      <c r="C71500" s="1" t="s">
        <v>110</v>
      </c>
      <c r="D71500" s="1" t="s">
        <v>239030</v>
      </c>
      <c r="E71500" s="1" t="s">
        <v>239031</v>
      </c>
      <c r="F71500" s="1" t="s">
        <v>239032</v>
      </c>
      <c r="G71500" s="1" t="s">
        <v>238960</v>
      </c>
      <c r="H71500" s="1" t="s">
        <v>238961</v>
      </c>
      <c r="I71500" s="1" t="s">
        <v>222698</v>
      </c>
      <c r="J71500" s="1" t="s">
        <v>239033</v>
      </c>
    </row>
    <row r="71501" spans="1:10" x14ac:dyDescent="0.35">
      <c r="A71501" s="1" t="s">
        <v>110571</v>
      </c>
      <c r="B71501" s="1" t="s">
        <v>222693</v>
      </c>
      <c r="C71501" s="1" t="s">
        <v>115</v>
      </c>
      <c r="D71501" s="1" t="s">
        <v>239034</v>
      </c>
      <c r="E71501" s="1" t="s">
        <v>239035</v>
      </c>
      <c r="F71501" s="1" t="s">
        <v>239036</v>
      </c>
      <c r="G71501" s="1" t="s">
        <v>238960</v>
      </c>
      <c r="H71501" s="1" t="s">
        <v>238961</v>
      </c>
      <c r="I71501" s="1" t="s">
        <v>222698</v>
      </c>
      <c r="J71501" s="1" t="s">
        <v>239037</v>
      </c>
    </row>
    <row r="71502" spans="1:10" x14ac:dyDescent="0.35">
      <c r="A71502" s="1" t="s">
        <v>110571</v>
      </c>
      <c r="B71502" s="1" t="s">
        <v>222693</v>
      </c>
      <c r="C71502" s="1" t="s">
        <v>120</v>
      </c>
      <c r="D71502" s="1" t="s">
        <v>239038</v>
      </c>
      <c r="E71502" s="1" t="s">
        <v>239039</v>
      </c>
      <c r="F71502" s="1" t="s">
        <v>239040</v>
      </c>
      <c r="G71502" s="1" t="s">
        <v>238960</v>
      </c>
      <c r="H71502" s="1" t="s">
        <v>238961</v>
      </c>
      <c r="I71502" s="1" t="s">
        <v>222698</v>
      </c>
      <c r="J71502" s="1" t="s">
        <v>239041</v>
      </c>
    </row>
    <row r="71503" spans="1:10" x14ac:dyDescent="0.35">
      <c r="A71503" s="1" t="s">
        <v>110571</v>
      </c>
      <c r="B71503" s="1" t="s">
        <v>222693</v>
      </c>
      <c r="C71503" s="1" t="s">
        <v>125</v>
      </c>
      <c r="D71503" s="1" t="s">
        <v>239042</v>
      </c>
      <c r="E71503" s="1" t="s">
        <v>239043</v>
      </c>
      <c r="F71503" s="1" t="s">
        <v>239044</v>
      </c>
      <c r="G71503" s="1" t="s">
        <v>238960</v>
      </c>
      <c r="H71503" s="1" t="s">
        <v>238961</v>
      </c>
      <c r="I71503" s="1" t="s">
        <v>222698</v>
      </c>
      <c r="J71503" s="1" t="s">
        <v>239045</v>
      </c>
    </row>
    <row r="71504" spans="1:10" x14ac:dyDescent="0.35">
      <c r="A71504" s="1" t="s">
        <v>110571</v>
      </c>
      <c r="B71504" s="1" t="s">
        <v>222693</v>
      </c>
      <c r="C71504" s="1" t="s">
        <v>130</v>
      </c>
      <c r="D71504" s="1" t="s">
        <v>239046</v>
      </c>
      <c r="E71504" s="1" t="s">
        <v>239047</v>
      </c>
      <c r="F71504" s="1" t="s">
        <v>239048</v>
      </c>
      <c r="G71504" s="1" t="s">
        <v>238960</v>
      </c>
      <c r="H71504" s="1" t="s">
        <v>238961</v>
      </c>
      <c r="I71504" s="1" t="s">
        <v>222698</v>
      </c>
      <c r="J71504" s="1" t="s">
        <v>239049</v>
      </c>
    </row>
    <row r="71505" spans="1:10" x14ac:dyDescent="0.35">
      <c r="A71505" s="1" t="s">
        <v>110571</v>
      </c>
      <c r="B71505" s="1" t="s">
        <v>222693</v>
      </c>
      <c r="C71505" s="1" t="s">
        <v>135</v>
      </c>
      <c r="D71505" s="1" t="s">
        <v>239050</v>
      </c>
      <c r="E71505" s="1" t="s">
        <v>239051</v>
      </c>
      <c r="F71505" s="1" t="s">
        <v>239052</v>
      </c>
      <c r="G71505" s="1" t="s">
        <v>238960</v>
      </c>
      <c r="H71505" s="1" t="s">
        <v>238961</v>
      </c>
      <c r="I71505" s="1" t="s">
        <v>222698</v>
      </c>
      <c r="J71505" s="1" t="s">
        <v>239053</v>
      </c>
    </row>
    <row r="71506" spans="1:10" x14ac:dyDescent="0.35">
      <c r="A71506" s="1" t="s">
        <v>110571</v>
      </c>
      <c r="B71506" s="1" t="s">
        <v>222693</v>
      </c>
      <c r="C71506" s="1" t="s">
        <v>140</v>
      </c>
      <c r="D71506" s="1" t="s">
        <v>239054</v>
      </c>
      <c r="E71506" s="1" t="s">
        <v>239055</v>
      </c>
      <c r="F71506" s="1" t="s">
        <v>239056</v>
      </c>
      <c r="G71506" s="1" t="s">
        <v>238960</v>
      </c>
      <c r="H71506" s="1" t="s">
        <v>238961</v>
      </c>
      <c r="I71506" s="1" t="s">
        <v>222698</v>
      </c>
      <c r="J71506" s="1" t="s">
        <v>239057</v>
      </c>
    </row>
    <row r="71507" spans="1:10" x14ac:dyDescent="0.35">
      <c r="A71507" s="1" t="s">
        <v>110571</v>
      </c>
      <c r="B71507" s="1" t="s">
        <v>222693</v>
      </c>
      <c r="C71507" s="1" t="s">
        <v>145</v>
      </c>
      <c r="D71507" s="1" t="s">
        <v>239058</v>
      </c>
      <c r="E71507" s="1" t="s">
        <v>239059</v>
      </c>
      <c r="F71507" s="1" t="s">
        <v>239060</v>
      </c>
      <c r="G71507" s="1" t="s">
        <v>238960</v>
      </c>
      <c r="H71507" s="1" t="s">
        <v>238961</v>
      </c>
      <c r="I71507" s="1" t="s">
        <v>222698</v>
      </c>
      <c r="J71507" s="1" t="s">
        <v>239061</v>
      </c>
    </row>
    <row r="71508" spans="1:10" x14ac:dyDescent="0.35">
      <c r="A71508" s="1" t="s">
        <v>110571</v>
      </c>
      <c r="B71508" s="1" t="s">
        <v>222693</v>
      </c>
      <c r="C71508" s="1" t="s">
        <v>150</v>
      </c>
      <c r="D71508" s="1" t="s">
        <v>59095</v>
      </c>
      <c r="E71508" s="1" t="s">
        <v>239062</v>
      </c>
      <c r="F71508" s="1" t="s">
        <v>239063</v>
      </c>
      <c r="G71508" s="1" t="s">
        <v>238960</v>
      </c>
      <c r="H71508" s="1" t="s">
        <v>238961</v>
      </c>
      <c r="I71508" s="1" t="s">
        <v>222698</v>
      </c>
      <c r="J71508" s="1" t="s">
        <v>239064</v>
      </c>
    </row>
    <row r="71509" spans="1:10" x14ac:dyDescent="0.35">
      <c r="A71509" s="1" t="s">
        <v>110571</v>
      </c>
      <c r="B71509" s="1" t="s">
        <v>222693</v>
      </c>
      <c r="C71509" s="1" t="s">
        <v>155</v>
      </c>
      <c r="D71509" s="1" t="s">
        <v>239065</v>
      </c>
      <c r="E71509" s="1" t="s">
        <v>239066</v>
      </c>
      <c r="F71509" s="1" t="s">
        <v>239067</v>
      </c>
      <c r="G71509" s="1" t="s">
        <v>238960</v>
      </c>
      <c r="H71509" s="1" t="s">
        <v>238961</v>
      </c>
      <c r="I71509" s="1" t="s">
        <v>222698</v>
      </c>
      <c r="J71509" s="1" t="s">
        <v>239068</v>
      </c>
    </row>
    <row r="71510" spans="1:10" x14ac:dyDescent="0.35">
      <c r="A71510" s="1" t="s">
        <v>110571</v>
      </c>
      <c r="B71510" s="1" t="s">
        <v>222693</v>
      </c>
      <c r="C71510" s="1" t="s">
        <v>160</v>
      </c>
      <c r="D71510" s="1" t="s">
        <v>235183</v>
      </c>
      <c r="E71510" s="1" t="s">
        <v>239069</v>
      </c>
      <c r="F71510" s="1" t="s">
        <v>239070</v>
      </c>
      <c r="G71510" s="1" t="s">
        <v>238960</v>
      </c>
      <c r="H71510" s="1" t="s">
        <v>238961</v>
      </c>
      <c r="I71510" s="1" t="s">
        <v>222698</v>
      </c>
      <c r="J71510" s="1" t="s">
        <v>239071</v>
      </c>
    </row>
    <row r="71511" spans="1:10" x14ac:dyDescent="0.35">
      <c r="A71511" s="1" t="s">
        <v>110571</v>
      </c>
      <c r="B71511" s="1" t="s">
        <v>222693</v>
      </c>
      <c r="C71511" s="1" t="s">
        <v>165</v>
      </c>
      <c r="D71511" s="1" t="s">
        <v>239072</v>
      </c>
      <c r="E71511" s="1" t="s">
        <v>239073</v>
      </c>
      <c r="F71511" s="1" t="s">
        <v>239074</v>
      </c>
      <c r="G71511" s="1" t="s">
        <v>238960</v>
      </c>
      <c r="H71511" s="1" t="s">
        <v>238961</v>
      </c>
      <c r="I71511" s="1" t="s">
        <v>222698</v>
      </c>
      <c r="J71511" s="1" t="s">
        <v>239075</v>
      </c>
    </row>
    <row r="71512" spans="1:10" x14ac:dyDescent="0.35">
      <c r="A71512" s="1" t="s">
        <v>110571</v>
      </c>
      <c r="B71512" s="1" t="s">
        <v>222693</v>
      </c>
      <c r="C71512" s="1" t="s">
        <v>170</v>
      </c>
      <c r="D71512" s="1" t="s">
        <v>239076</v>
      </c>
      <c r="E71512" s="1" t="s">
        <v>239077</v>
      </c>
      <c r="F71512" s="1" t="s">
        <v>239078</v>
      </c>
      <c r="G71512" s="1" t="s">
        <v>238960</v>
      </c>
      <c r="H71512" s="1" t="s">
        <v>238961</v>
      </c>
      <c r="I71512" s="1" t="s">
        <v>222698</v>
      </c>
      <c r="J71512" s="1" t="s">
        <v>239079</v>
      </c>
    </row>
    <row r="71513" spans="1:10" x14ac:dyDescent="0.35">
      <c r="A71513" s="1" t="s">
        <v>110576</v>
      </c>
      <c r="B71513" s="1" t="s">
        <v>222693</v>
      </c>
      <c r="C71513" s="1" t="s">
        <v>8</v>
      </c>
      <c r="D71513" s="1" t="s">
        <v>39818</v>
      </c>
      <c r="E71513" s="1" t="s">
        <v>239080</v>
      </c>
      <c r="F71513" s="1" t="s">
        <v>239081</v>
      </c>
      <c r="G71513" s="1" t="s">
        <v>239082</v>
      </c>
      <c r="H71513" s="1" t="s">
        <v>239083</v>
      </c>
      <c r="I71513" s="1" t="s">
        <v>222698</v>
      </c>
      <c r="J71513" s="1" t="s">
        <v>13</v>
      </c>
    </row>
    <row r="71514" spans="1:10" x14ac:dyDescent="0.35">
      <c r="A71514" s="1" t="s">
        <v>110576</v>
      </c>
      <c r="B71514" s="1" t="s">
        <v>222693</v>
      </c>
      <c r="C71514" s="1" t="s">
        <v>15</v>
      </c>
      <c r="D71514" s="1" t="s">
        <v>5310</v>
      </c>
      <c r="E71514" s="1" t="s">
        <v>239084</v>
      </c>
      <c r="F71514" s="1" t="s">
        <v>239085</v>
      </c>
      <c r="G71514" s="1" t="s">
        <v>239082</v>
      </c>
      <c r="H71514" s="1" t="s">
        <v>239083</v>
      </c>
      <c r="I71514" s="1" t="s">
        <v>222698</v>
      </c>
      <c r="J71514" s="1" t="s">
        <v>239086</v>
      </c>
    </row>
    <row r="71515" spans="1:10" x14ac:dyDescent="0.35">
      <c r="A71515" s="1" t="s">
        <v>110576</v>
      </c>
      <c r="B71515" s="1" t="s">
        <v>222693</v>
      </c>
      <c r="C71515" s="1" t="s">
        <v>20</v>
      </c>
      <c r="D71515" s="1" t="s">
        <v>239087</v>
      </c>
      <c r="E71515" s="1" t="s">
        <v>239088</v>
      </c>
      <c r="F71515" s="1" t="s">
        <v>239089</v>
      </c>
      <c r="G71515" s="1" t="s">
        <v>239082</v>
      </c>
      <c r="H71515" s="1" t="s">
        <v>239083</v>
      </c>
      <c r="I71515" s="1" t="s">
        <v>222698</v>
      </c>
      <c r="J71515" s="1" t="s">
        <v>239090</v>
      </c>
    </row>
    <row r="71516" spans="1:10" x14ac:dyDescent="0.35">
      <c r="A71516" s="1" t="s">
        <v>110576</v>
      </c>
      <c r="B71516" s="1" t="s">
        <v>222693</v>
      </c>
      <c r="C71516" s="1" t="s">
        <v>25</v>
      </c>
      <c r="D71516" s="1" t="s">
        <v>239091</v>
      </c>
      <c r="E71516" s="1" t="s">
        <v>239092</v>
      </c>
      <c r="F71516" s="1" t="s">
        <v>239093</v>
      </c>
      <c r="G71516" s="1" t="s">
        <v>239082</v>
      </c>
      <c r="H71516" s="1" t="s">
        <v>239083</v>
      </c>
      <c r="I71516" s="1" t="s">
        <v>222698</v>
      </c>
      <c r="J71516" s="1" t="s">
        <v>239094</v>
      </c>
    </row>
    <row r="71517" spans="1:10" x14ac:dyDescent="0.35">
      <c r="A71517" s="1" t="s">
        <v>110576</v>
      </c>
      <c r="B71517" s="1" t="s">
        <v>222693</v>
      </c>
      <c r="C71517" s="1" t="s">
        <v>30</v>
      </c>
      <c r="D71517" s="1" t="s">
        <v>239095</v>
      </c>
      <c r="E71517" s="1" t="s">
        <v>239096</v>
      </c>
      <c r="F71517" s="1" t="s">
        <v>239097</v>
      </c>
      <c r="G71517" s="1" t="s">
        <v>239082</v>
      </c>
      <c r="H71517" s="1" t="s">
        <v>239083</v>
      </c>
      <c r="I71517" s="1" t="s">
        <v>222698</v>
      </c>
      <c r="J71517" s="1" t="s">
        <v>239098</v>
      </c>
    </row>
    <row r="71518" spans="1:10" x14ac:dyDescent="0.35">
      <c r="A71518" s="1" t="s">
        <v>110576</v>
      </c>
      <c r="B71518" s="1" t="s">
        <v>222693</v>
      </c>
      <c r="C71518" s="1" t="s">
        <v>35</v>
      </c>
      <c r="D71518" s="1" t="s">
        <v>20339</v>
      </c>
      <c r="E71518" s="1" t="s">
        <v>239099</v>
      </c>
      <c r="F71518" s="1" t="s">
        <v>239100</v>
      </c>
      <c r="G71518" s="1" t="s">
        <v>239082</v>
      </c>
      <c r="H71518" s="1" t="s">
        <v>239083</v>
      </c>
      <c r="I71518" s="1" t="s">
        <v>222698</v>
      </c>
      <c r="J71518" s="1" t="s">
        <v>239101</v>
      </c>
    </row>
    <row r="71519" spans="1:10" x14ac:dyDescent="0.35">
      <c r="A71519" s="1" t="s">
        <v>110576</v>
      </c>
      <c r="B71519" s="1" t="s">
        <v>222693</v>
      </c>
      <c r="C71519" s="1" t="s">
        <v>40</v>
      </c>
      <c r="D71519" s="1" t="s">
        <v>239102</v>
      </c>
      <c r="E71519" s="1" t="s">
        <v>239103</v>
      </c>
      <c r="F71519" s="1" t="s">
        <v>239104</v>
      </c>
      <c r="G71519" s="1" t="s">
        <v>239082</v>
      </c>
      <c r="H71519" s="1" t="s">
        <v>239083</v>
      </c>
      <c r="I71519" s="1" t="s">
        <v>222698</v>
      </c>
      <c r="J71519" s="1" t="s">
        <v>239105</v>
      </c>
    </row>
    <row r="71520" spans="1:10" x14ac:dyDescent="0.35">
      <c r="A71520" s="1" t="s">
        <v>110576</v>
      </c>
      <c r="B71520" s="1" t="s">
        <v>222693</v>
      </c>
      <c r="C71520" s="1" t="s">
        <v>45</v>
      </c>
      <c r="D71520" s="1" t="s">
        <v>229510</v>
      </c>
      <c r="E71520" s="1" t="s">
        <v>239106</v>
      </c>
      <c r="F71520" s="1" t="s">
        <v>239107</v>
      </c>
      <c r="G71520" s="1" t="s">
        <v>239082</v>
      </c>
      <c r="H71520" s="1" t="s">
        <v>239083</v>
      </c>
      <c r="I71520" s="1" t="s">
        <v>222698</v>
      </c>
      <c r="J71520" s="1" t="s">
        <v>239108</v>
      </c>
    </row>
    <row r="71521" spans="1:10" x14ac:dyDescent="0.35">
      <c r="A71521" s="1" t="s">
        <v>110576</v>
      </c>
      <c r="B71521" s="1" t="s">
        <v>222693</v>
      </c>
      <c r="C71521" s="1" t="s">
        <v>50</v>
      </c>
      <c r="D71521" s="1" t="s">
        <v>239109</v>
      </c>
      <c r="E71521" s="1" t="s">
        <v>239110</v>
      </c>
      <c r="F71521" s="1" t="s">
        <v>239111</v>
      </c>
      <c r="G71521" s="1" t="s">
        <v>239082</v>
      </c>
      <c r="H71521" s="1" t="s">
        <v>239083</v>
      </c>
      <c r="I71521" s="1" t="s">
        <v>222698</v>
      </c>
      <c r="J71521" s="1" t="s">
        <v>239112</v>
      </c>
    </row>
    <row r="71522" spans="1:10" x14ac:dyDescent="0.35">
      <c r="A71522" s="1" t="s">
        <v>110576</v>
      </c>
      <c r="B71522" s="1" t="s">
        <v>222693</v>
      </c>
      <c r="C71522" s="1" t="s">
        <v>55</v>
      </c>
      <c r="D71522" s="1" t="s">
        <v>226819</v>
      </c>
      <c r="E71522" s="1" t="s">
        <v>239113</v>
      </c>
      <c r="F71522" s="1" t="s">
        <v>239114</v>
      </c>
      <c r="G71522" s="1" t="s">
        <v>239082</v>
      </c>
      <c r="H71522" s="1" t="s">
        <v>239083</v>
      </c>
      <c r="I71522" s="1" t="s">
        <v>222698</v>
      </c>
      <c r="J71522" s="1" t="s">
        <v>239115</v>
      </c>
    </row>
    <row r="71523" spans="1:10" x14ac:dyDescent="0.35">
      <c r="A71523" s="1" t="s">
        <v>110576</v>
      </c>
      <c r="B71523" s="1" t="s">
        <v>222693</v>
      </c>
      <c r="C71523" s="1" t="s">
        <v>60</v>
      </c>
      <c r="D71523" s="1" t="s">
        <v>77737</v>
      </c>
      <c r="E71523" s="1" t="s">
        <v>239116</v>
      </c>
      <c r="F71523" s="1" t="s">
        <v>239117</v>
      </c>
      <c r="G71523" s="1" t="s">
        <v>239082</v>
      </c>
      <c r="H71523" s="1" t="s">
        <v>239083</v>
      </c>
      <c r="I71523" s="1" t="s">
        <v>222698</v>
      </c>
      <c r="J71523" s="1" t="s">
        <v>239118</v>
      </c>
    </row>
    <row r="71524" spans="1:10" x14ac:dyDescent="0.35">
      <c r="A71524" s="1" t="s">
        <v>110576</v>
      </c>
      <c r="B71524" s="1" t="s">
        <v>222693</v>
      </c>
      <c r="C71524" s="1" t="s">
        <v>65</v>
      </c>
      <c r="D71524" s="1" t="s">
        <v>239119</v>
      </c>
      <c r="E71524" s="1" t="s">
        <v>239120</v>
      </c>
      <c r="F71524" s="1" t="s">
        <v>239121</v>
      </c>
      <c r="G71524" s="1" t="s">
        <v>239082</v>
      </c>
      <c r="H71524" s="1" t="s">
        <v>239083</v>
      </c>
      <c r="I71524" s="1" t="s">
        <v>222698</v>
      </c>
      <c r="J71524" s="1" t="s">
        <v>239122</v>
      </c>
    </row>
    <row r="71525" spans="1:10" x14ac:dyDescent="0.35">
      <c r="A71525" s="1" t="s">
        <v>110576</v>
      </c>
      <c r="B71525" s="1" t="s">
        <v>222693</v>
      </c>
      <c r="C71525" s="1" t="s">
        <v>70</v>
      </c>
      <c r="D71525" s="1" t="s">
        <v>239123</v>
      </c>
      <c r="E71525" s="1" t="s">
        <v>239124</v>
      </c>
      <c r="F71525" s="1" t="s">
        <v>239125</v>
      </c>
      <c r="G71525" s="1" t="s">
        <v>239082</v>
      </c>
      <c r="H71525" s="1" t="s">
        <v>239083</v>
      </c>
      <c r="I71525" s="1" t="s">
        <v>222698</v>
      </c>
      <c r="J71525" s="1" t="s">
        <v>239126</v>
      </c>
    </row>
    <row r="71526" spans="1:10" x14ac:dyDescent="0.35">
      <c r="A71526" s="1" t="s">
        <v>110576</v>
      </c>
      <c r="B71526" s="1" t="s">
        <v>222693</v>
      </c>
      <c r="C71526" s="1" t="s">
        <v>75</v>
      </c>
      <c r="D71526" s="1" t="s">
        <v>239127</v>
      </c>
      <c r="E71526" s="1" t="s">
        <v>239128</v>
      </c>
      <c r="F71526" s="1" t="s">
        <v>239129</v>
      </c>
      <c r="G71526" s="1" t="s">
        <v>239082</v>
      </c>
      <c r="H71526" s="1" t="s">
        <v>239083</v>
      </c>
      <c r="I71526" s="1" t="s">
        <v>222698</v>
      </c>
      <c r="J71526" s="1" t="s">
        <v>239130</v>
      </c>
    </row>
    <row r="71527" spans="1:10" x14ac:dyDescent="0.35">
      <c r="A71527" s="1" t="s">
        <v>110576</v>
      </c>
      <c r="B71527" s="1" t="s">
        <v>222693</v>
      </c>
      <c r="C71527" s="1" t="s">
        <v>80</v>
      </c>
      <c r="D71527" s="1" t="s">
        <v>239131</v>
      </c>
      <c r="E71527" s="1" t="s">
        <v>239132</v>
      </c>
      <c r="F71527" s="1" t="s">
        <v>239133</v>
      </c>
      <c r="G71527" s="1" t="s">
        <v>239082</v>
      </c>
      <c r="H71527" s="1" t="s">
        <v>239083</v>
      </c>
      <c r="I71527" s="1" t="s">
        <v>222698</v>
      </c>
      <c r="J71527" s="1" t="s">
        <v>239134</v>
      </c>
    </row>
    <row r="71528" spans="1:10" x14ac:dyDescent="0.35">
      <c r="A71528" s="1" t="s">
        <v>110576</v>
      </c>
      <c r="B71528" s="1" t="s">
        <v>222693</v>
      </c>
      <c r="C71528" s="1" t="s">
        <v>85</v>
      </c>
      <c r="D71528" s="1" t="s">
        <v>239135</v>
      </c>
      <c r="E71528" s="1" t="s">
        <v>239136</v>
      </c>
      <c r="F71528" s="1" t="s">
        <v>239137</v>
      </c>
      <c r="G71528" s="1" t="s">
        <v>239082</v>
      </c>
      <c r="H71528" s="1" t="s">
        <v>239083</v>
      </c>
      <c r="I71528" s="1" t="s">
        <v>222698</v>
      </c>
      <c r="J71528" s="1" t="s">
        <v>239138</v>
      </c>
    </row>
    <row r="71529" spans="1:10" x14ac:dyDescent="0.35">
      <c r="A71529" s="1" t="s">
        <v>110576</v>
      </c>
      <c r="B71529" s="1" t="s">
        <v>222693</v>
      </c>
      <c r="C71529" s="1" t="s">
        <v>90</v>
      </c>
      <c r="D71529" s="1" t="s">
        <v>239139</v>
      </c>
      <c r="E71529" s="1" t="s">
        <v>239140</v>
      </c>
      <c r="F71529" s="1" t="s">
        <v>239141</v>
      </c>
      <c r="G71529" s="1" t="s">
        <v>239082</v>
      </c>
      <c r="H71529" s="1" t="s">
        <v>239083</v>
      </c>
      <c r="I71529" s="1" t="s">
        <v>222698</v>
      </c>
      <c r="J71529" s="1" t="s">
        <v>239142</v>
      </c>
    </row>
    <row r="71530" spans="1:10" x14ac:dyDescent="0.35">
      <c r="A71530" s="1" t="s">
        <v>110576</v>
      </c>
      <c r="B71530" s="1" t="s">
        <v>222693</v>
      </c>
      <c r="C71530" s="1" t="s">
        <v>95</v>
      </c>
      <c r="D71530" s="1" t="s">
        <v>239143</v>
      </c>
      <c r="E71530" s="1" t="s">
        <v>239144</v>
      </c>
      <c r="F71530" s="1" t="s">
        <v>239145</v>
      </c>
      <c r="G71530" s="1" t="s">
        <v>239082</v>
      </c>
      <c r="H71530" s="1" t="s">
        <v>239083</v>
      </c>
      <c r="I71530" s="1" t="s">
        <v>222698</v>
      </c>
      <c r="J71530" s="1" t="s">
        <v>239146</v>
      </c>
    </row>
    <row r="71531" spans="1:10" x14ac:dyDescent="0.35">
      <c r="A71531" s="1" t="s">
        <v>110576</v>
      </c>
      <c r="B71531" s="1" t="s">
        <v>222693</v>
      </c>
      <c r="C71531" s="1" t="s">
        <v>100</v>
      </c>
      <c r="D71531" s="1" t="s">
        <v>239147</v>
      </c>
      <c r="E71531" s="1" t="s">
        <v>239148</v>
      </c>
      <c r="F71531" s="1" t="s">
        <v>239149</v>
      </c>
      <c r="G71531" s="1" t="s">
        <v>239082</v>
      </c>
      <c r="H71531" s="1" t="s">
        <v>239083</v>
      </c>
      <c r="I71531" s="1" t="s">
        <v>222698</v>
      </c>
      <c r="J71531" s="1" t="s">
        <v>239150</v>
      </c>
    </row>
    <row r="71532" spans="1:10" x14ac:dyDescent="0.35">
      <c r="A71532" s="1" t="s">
        <v>110576</v>
      </c>
      <c r="B71532" s="1" t="s">
        <v>222693</v>
      </c>
      <c r="C71532" s="1" t="s">
        <v>105</v>
      </c>
      <c r="D71532" s="1" t="s">
        <v>239151</v>
      </c>
      <c r="E71532" s="1" t="s">
        <v>239152</v>
      </c>
      <c r="F71532" s="1" t="s">
        <v>239153</v>
      </c>
      <c r="G71532" s="1" t="s">
        <v>239082</v>
      </c>
      <c r="H71532" s="1" t="s">
        <v>239083</v>
      </c>
      <c r="I71532" s="1" t="s">
        <v>222698</v>
      </c>
      <c r="J71532" s="1" t="s">
        <v>239154</v>
      </c>
    </row>
    <row r="71533" spans="1:10" x14ac:dyDescent="0.35">
      <c r="A71533" s="1" t="s">
        <v>110576</v>
      </c>
      <c r="B71533" s="1" t="s">
        <v>222693</v>
      </c>
      <c r="C71533" s="1" t="s">
        <v>110</v>
      </c>
      <c r="D71533" s="1" t="s">
        <v>239155</v>
      </c>
      <c r="E71533" s="1" t="s">
        <v>239156</v>
      </c>
      <c r="F71533" s="1" t="s">
        <v>239157</v>
      </c>
      <c r="G71533" s="1" t="s">
        <v>239082</v>
      </c>
      <c r="H71533" s="1" t="s">
        <v>239083</v>
      </c>
      <c r="I71533" s="1" t="s">
        <v>222698</v>
      </c>
      <c r="J71533" s="1" t="s">
        <v>239158</v>
      </c>
    </row>
    <row r="71534" spans="1:10" x14ac:dyDescent="0.35">
      <c r="A71534" s="1" t="s">
        <v>110576</v>
      </c>
      <c r="B71534" s="1" t="s">
        <v>222693</v>
      </c>
      <c r="C71534" s="1" t="s">
        <v>115</v>
      </c>
      <c r="D71534" s="1" t="s">
        <v>239159</v>
      </c>
      <c r="E71534" s="1" t="s">
        <v>239160</v>
      </c>
      <c r="F71534" s="1" t="s">
        <v>239161</v>
      </c>
      <c r="G71534" s="1" t="s">
        <v>239082</v>
      </c>
      <c r="H71534" s="1" t="s">
        <v>239083</v>
      </c>
      <c r="I71534" s="1" t="s">
        <v>222698</v>
      </c>
      <c r="J71534" s="1" t="s">
        <v>239162</v>
      </c>
    </row>
    <row r="71535" spans="1:10" x14ac:dyDescent="0.35">
      <c r="A71535" s="1" t="s">
        <v>110576</v>
      </c>
      <c r="B71535" s="1" t="s">
        <v>222693</v>
      </c>
      <c r="C71535" s="1" t="s">
        <v>120</v>
      </c>
      <c r="D71535" s="1" t="s">
        <v>239163</v>
      </c>
      <c r="E71535" s="1" t="s">
        <v>239164</v>
      </c>
      <c r="F71535" s="1" t="s">
        <v>239165</v>
      </c>
      <c r="G71535" s="1" t="s">
        <v>239082</v>
      </c>
      <c r="H71535" s="1" t="s">
        <v>239083</v>
      </c>
      <c r="I71535" s="1" t="s">
        <v>222698</v>
      </c>
      <c r="J71535" s="1" t="s">
        <v>239166</v>
      </c>
    </row>
    <row r="71536" spans="1:10" x14ac:dyDescent="0.35">
      <c r="A71536" s="1" t="s">
        <v>110576</v>
      </c>
      <c r="B71536" s="1" t="s">
        <v>222693</v>
      </c>
      <c r="C71536" s="1" t="s">
        <v>125</v>
      </c>
      <c r="D71536" s="1" t="s">
        <v>239167</v>
      </c>
      <c r="E71536" s="1" t="s">
        <v>239168</v>
      </c>
      <c r="F71536" s="1" t="s">
        <v>239169</v>
      </c>
      <c r="G71536" s="1" t="s">
        <v>239082</v>
      </c>
      <c r="H71536" s="1" t="s">
        <v>239083</v>
      </c>
      <c r="I71536" s="1" t="s">
        <v>222698</v>
      </c>
      <c r="J71536" s="1" t="s">
        <v>239170</v>
      </c>
    </row>
    <row r="71537" spans="1:10" x14ac:dyDescent="0.35">
      <c r="A71537" s="1" t="s">
        <v>110576</v>
      </c>
      <c r="B71537" s="1" t="s">
        <v>222693</v>
      </c>
      <c r="C71537" s="1" t="s">
        <v>130</v>
      </c>
      <c r="D71537" s="1" t="s">
        <v>66482</v>
      </c>
      <c r="E71537" s="1" t="s">
        <v>239171</v>
      </c>
      <c r="F71537" s="1" t="s">
        <v>239172</v>
      </c>
      <c r="G71537" s="1" t="s">
        <v>239082</v>
      </c>
      <c r="H71537" s="1" t="s">
        <v>239083</v>
      </c>
      <c r="I71537" s="1" t="s">
        <v>222698</v>
      </c>
      <c r="J71537" s="1" t="s">
        <v>239173</v>
      </c>
    </row>
    <row r="71538" spans="1:10" x14ac:dyDescent="0.35">
      <c r="A71538" s="1" t="s">
        <v>110576</v>
      </c>
      <c r="B71538" s="1" t="s">
        <v>222693</v>
      </c>
      <c r="C71538" s="1" t="s">
        <v>135</v>
      </c>
      <c r="D71538" s="1" t="s">
        <v>239174</v>
      </c>
      <c r="E71538" s="1" t="s">
        <v>239175</v>
      </c>
      <c r="F71538" s="1" t="s">
        <v>239176</v>
      </c>
      <c r="G71538" s="1" t="s">
        <v>239082</v>
      </c>
      <c r="H71538" s="1" t="s">
        <v>239083</v>
      </c>
      <c r="I71538" s="1" t="s">
        <v>222698</v>
      </c>
      <c r="J71538" s="1" t="s">
        <v>239177</v>
      </c>
    </row>
    <row r="71539" spans="1:10" x14ac:dyDescent="0.35">
      <c r="A71539" s="1" t="s">
        <v>110576</v>
      </c>
      <c r="B71539" s="1" t="s">
        <v>222693</v>
      </c>
      <c r="C71539" s="1" t="s">
        <v>140</v>
      </c>
      <c r="D71539" s="1" t="s">
        <v>233880</v>
      </c>
      <c r="E71539" s="1" t="s">
        <v>239178</v>
      </c>
      <c r="F71539" s="1" t="s">
        <v>239179</v>
      </c>
      <c r="G71539" s="1" t="s">
        <v>239082</v>
      </c>
      <c r="H71539" s="1" t="s">
        <v>239083</v>
      </c>
      <c r="I71539" s="1" t="s">
        <v>222698</v>
      </c>
      <c r="J71539" s="1" t="s">
        <v>239180</v>
      </c>
    </row>
    <row r="71540" spans="1:10" x14ac:dyDescent="0.35">
      <c r="A71540" s="1" t="s">
        <v>110576</v>
      </c>
      <c r="B71540" s="1" t="s">
        <v>222693</v>
      </c>
      <c r="C71540" s="1" t="s">
        <v>145</v>
      </c>
      <c r="D71540" s="1" t="s">
        <v>239181</v>
      </c>
      <c r="E71540" s="1" t="s">
        <v>239182</v>
      </c>
      <c r="F71540" s="1" t="s">
        <v>239183</v>
      </c>
      <c r="G71540" s="1" t="s">
        <v>239082</v>
      </c>
      <c r="H71540" s="1" t="s">
        <v>239083</v>
      </c>
      <c r="I71540" s="1" t="s">
        <v>222698</v>
      </c>
      <c r="J71540" s="1" t="s">
        <v>239184</v>
      </c>
    </row>
    <row r="71541" spans="1:10" x14ac:dyDescent="0.35">
      <c r="A71541" s="1" t="s">
        <v>110576</v>
      </c>
      <c r="B71541" s="1" t="s">
        <v>222693</v>
      </c>
      <c r="C71541" s="1" t="s">
        <v>150</v>
      </c>
      <c r="D71541" s="1" t="s">
        <v>239185</v>
      </c>
      <c r="E71541" s="1" t="s">
        <v>239186</v>
      </c>
      <c r="F71541" s="1" t="s">
        <v>239187</v>
      </c>
      <c r="G71541" s="1" t="s">
        <v>239082</v>
      </c>
      <c r="H71541" s="1" t="s">
        <v>239083</v>
      </c>
      <c r="I71541" s="1" t="s">
        <v>222698</v>
      </c>
      <c r="J71541" s="1" t="s">
        <v>239188</v>
      </c>
    </row>
    <row r="71542" spans="1:10" x14ac:dyDescent="0.35">
      <c r="A71542" s="1" t="s">
        <v>110576</v>
      </c>
      <c r="B71542" s="1" t="s">
        <v>222693</v>
      </c>
      <c r="C71542" s="1" t="s">
        <v>155</v>
      </c>
      <c r="D71542" s="1" t="s">
        <v>239189</v>
      </c>
      <c r="E71542" s="1" t="s">
        <v>239190</v>
      </c>
      <c r="F71542" s="1" t="s">
        <v>239191</v>
      </c>
      <c r="G71542" s="1" t="s">
        <v>239082</v>
      </c>
      <c r="H71542" s="1" t="s">
        <v>239083</v>
      </c>
      <c r="I71542" s="1" t="s">
        <v>222698</v>
      </c>
      <c r="J71542" s="1" t="s">
        <v>239192</v>
      </c>
    </row>
    <row r="71543" spans="1:10" x14ac:dyDescent="0.35">
      <c r="A71543" s="1" t="s">
        <v>110576</v>
      </c>
      <c r="B71543" s="1" t="s">
        <v>222693</v>
      </c>
      <c r="C71543" s="1" t="s">
        <v>160</v>
      </c>
      <c r="D71543" s="1" t="s">
        <v>235393</v>
      </c>
      <c r="E71543" s="1" t="s">
        <v>239193</v>
      </c>
      <c r="F71543" s="1" t="s">
        <v>239194</v>
      </c>
      <c r="G71543" s="1" t="s">
        <v>239082</v>
      </c>
      <c r="H71543" s="1" t="s">
        <v>239083</v>
      </c>
      <c r="I71543" s="1" t="s">
        <v>222698</v>
      </c>
      <c r="J71543" s="1" t="s">
        <v>239195</v>
      </c>
    </row>
    <row r="71544" spans="1:10" x14ac:dyDescent="0.35">
      <c r="A71544" s="1" t="s">
        <v>110576</v>
      </c>
      <c r="B71544" s="1" t="s">
        <v>222693</v>
      </c>
      <c r="C71544" s="1" t="s">
        <v>165</v>
      </c>
      <c r="D71544" s="1" t="s">
        <v>239196</v>
      </c>
      <c r="E71544" s="1" t="s">
        <v>239197</v>
      </c>
      <c r="F71544" s="1" t="s">
        <v>239198</v>
      </c>
      <c r="G71544" s="1" t="s">
        <v>239082</v>
      </c>
      <c r="H71544" s="1" t="s">
        <v>239083</v>
      </c>
      <c r="I71544" s="1" t="s">
        <v>222698</v>
      </c>
      <c r="J71544" s="1" t="s">
        <v>239199</v>
      </c>
    </row>
    <row r="71545" spans="1:10" x14ac:dyDescent="0.35">
      <c r="A71545" s="1" t="s">
        <v>110576</v>
      </c>
      <c r="B71545" s="1" t="s">
        <v>222693</v>
      </c>
      <c r="C71545" s="1" t="s">
        <v>170</v>
      </c>
      <c r="D71545" s="1" t="s">
        <v>239200</v>
      </c>
      <c r="E71545" s="1" t="s">
        <v>239201</v>
      </c>
      <c r="F71545" s="1" t="s">
        <v>239202</v>
      </c>
      <c r="G71545" s="1" t="s">
        <v>239082</v>
      </c>
      <c r="H71545" s="1" t="s">
        <v>239083</v>
      </c>
      <c r="I71545" s="1" t="s">
        <v>222698</v>
      </c>
      <c r="J71545" s="1" t="s">
        <v>239203</v>
      </c>
    </row>
    <row r="71546" spans="1:10" x14ac:dyDescent="0.35">
      <c r="A71546" s="1" t="s">
        <v>142499</v>
      </c>
      <c r="B71546" s="1" t="s">
        <v>222693</v>
      </c>
      <c r="C71546" s="1" t="s">
        <v>8</v>
      </c>
      <c r="D71546" s="1" t="s">
        <v>239204</v>
      </c>
      <c r="E71546" s="1" t="s">
        <v>239205</v>
      </c>
      <c r="F71546" s="1" t="s">
        <v>239206</v>
      </c>
      <c r="G71546" s="1" t="s">
        <v>239207</v>
      </c>
      <c r="H71546" s="1" t="s">
        <v>239208</v>
      </c>
      <c r="I71546" s="1" t="s">
        <v>222698</v>
      </c>
      <c r="J71546" s="1" t="s">
        <v>13</v>
      </c>
    </row>
    <row r="71547" spans="1:10" x14ac:dyDescent="0.35">
      <c r="A71547" s="1" t="s">
        <v>142499</v>
      </c>
      <c r="B71547" s="1" t="s">
        <v>222693</v>
      </c>
      <c r="C71547" s="1" t="s">
        <v>15</v>
      </c>
      <c r="D71547" s="1" t="s">
        <v>100557</v>
      </c>
      <c r="E71547" s="1" t="s">
        <v>239209</v>
      </c>
      <c r="F71547" s="1" t="s">
        <v>239210</v>
      </c>
      <c r="G71547" s="1" t="s">
        <v>239207</v>
      </c>
      <c r="H71547" s="1" t="s">
        <v>239208</v>
      </c>
      <c r="I71547" s="1" t="s">
        <v>222698</v>
      </c>
      <c r="J71547" s="1" t="s">
        <v>239211</v>
      </c>
    </row>
    <row r="71548" spans="1:10" x14ac:dyDescent="0.35">
      <c r="A71548" s="1" t="s">
        <v>142499</v>
      </c>
      <c r="B71548" s="1" t="s">
        <v>222693</v>
      </c>
      <c r="C71548" s="1" t="s">
        <v>20</v>
      </c>
      <c r="D71548" s="1" t="s">
        <v>100639</v>
      </c>
      <c r="E71548" s="1" t="s">
        <v>239212</v>
      </c>
      <c r="F71548" s="1" t="s">
        <v>239213</v>
      </c>
      <c r="G71548" s="1" t="s">
        <v>239207</v>
      </c>
      <c r="H71548" s="1" t="s">
        <v>239208</v>
      </c>
      <c r="I71548" s="1" t="s">
        <v>222698</v>
      </c>
      <c r="J71548" s="1" t="s">
        <v>239214</v>
      </c>
    </row>
    <row r="71549" spans="1:10" x14ac:dyDescent="0.35">
      <c r="A71549" s="1" t="s">
        <v>142499</v>
      </c>
      <c r="B71549" s="1" t="s">
        <v>222693</v>
      </c>
      <c r="C71549" s="1" t="s">
        <v>25</v>
      </c>
      <c r="D71549" s="1" t="s">
        <v>24081</v>
      </c>
      <c r="E71549" s="1" t="s">
        <v>239215</v>
      </c>
      <c r="F71549" s="1" t="s">
        <v>239216</v>
      </c>
      <c r="G71549" s="1" t="s">
        <v>239207</v>
      </c>
      <c r="H71549" s="1" t="s">
        <v>239208</v>
      </c>
      <c r="I71549" s="1" t="s">
        <v>222698</v>
      </c>
      <c r="J71549" s="1" t="s">
        <v>239217</v>
      </c>
    </row>
    <row r="71550" spans="1:10" x14ac:dyDescent="0.35">
      <c r="A71550" s="1" t="s">
        <v>142499</v>
      </c>
      <c r="B71550" s="1" t="s">
        <v>222693</v>
      </c>
      <c r="C71550" s="1" t="s">
        <v>30</v>
      </c>
      <c r="D71550" s="1" t="s">
        <v>101467</v>
      </c>
      <c r="E71550" s="1" t="s">
        <v>239218</v>
      </c>
      <c r="F71550" s="1" t="s">
        <v>239219</v>
      </c>
      <c r="G71550" s="1" t="s">
        <v>239207</v>
      </c>
      <c r="H71550" s="1" t="s">
        <v>239208</v>
      </c>
      <c r="I71550" s="1" t="s">
        <v>222698</v>
      </c>
      <c r="J71550" s="1" t="s">
        <v>239220</v>
      </c>
    </row>
    <row r="71551" spans="1:10" x14ac:dyDescent="0.35">
      <c r="A71551" s="1" t="s">
        <v>142499</v>
      </c>
      <c r="B71551" s="1" t="s">
        <v>222693</v>
      </c>
      <c r="C71551" s="1" t="s">
        <v>35</v>
      </c>
      <c r="D71551" s="1" t="s">
        <v>79098</v>
      </c>
      <c r="E71551" s="1" t="s">
        <v>239221</v>
      </c>
      <c r="F71551" s="1" t="s">
        <v>239222</v>
      </c>
      <c r="G71551" s="1" t="s">
        <v>239207</v>
      </c>
      <c r="H71551" s="1" t="s">
        <v>239208</v>
      </c>
      <c r="I71551" s="1" t="s">
        <v>222698</v>
      </c>
      <c r="J71551" s="1" t="s">
        <v>239223</v>
      </c>
    </row>
    <row r="71552" spans="1:10" x14ac:dyDescent="0.35">
      <c r="A71552" s="1" t="s">
        <v>142499</v>
      </c>
      <c r="B71552" s="1" t="s">
        <v>222693</v>
      </c>
      <c r="C71552" s="1" t="s">
        <v>40</v>
      </c>
      <c r="D71552" s="1" t="s">
        <v>239224</v>
      </c>
      <c r="E71552" s="1" t="s">
        <v>239225</v>
      </c>
      <c r="F71552" s="1" t="s">
        <v>239226</v>
      </c>
      <c r="G71552" s="1" t="s">
        <v>239207</v>
      </c>
      <c r="H71552" s="1" t="s">
        <v>239208</v>
      </c>
      <c r="I71552" s="1" t="s">
        <v>222698</v>
      </c>
      <c r="J71552" s="1" t="s">
        <v>239227</v>
      </c>
    </row>
    <row r="71553" spans="1:10" x14ac:dyDescent="0.35">
      <c r="A71553" s="1" t="s">
        <v>142499</v>
      </c>
      <c r="B71553" s="1" t="s">
        <v>222693</v>
      </c>
      <c r="C71553" s="1" t="s">
        <v>45</v>
      </c>
      <c r="D71553" s="1" t="s">
        <v>136992</v>
      </c>
      <c r="E71553" s="1" t="s">
        <v>239228</v>
      </c>
      <c r="F71553" s="1" t="s">
        <v>239229</v>
      </c>
      <c r="G71553" s="1" t="s">
        <v>239207</v>
      </c>
      <c r="H71553" s="1" t="s">
        <v>239208</v>
      </c>
      <c r="I71553" s="1" t="s">
        <v>222698</v>
      </c>
      <c r="J71553" s="1" t="s">
        <v>239230</v>
      </c>
    </row>
    <row r="71554" spans="1:10" x14ac:dyDescent="0.35">
      <c r="A71554" s="1" t="s">
        <v>142499</v>
      </c>
      <c r="B71554" s="1" t="s">
        <v>222693</v>
      </c>
      <c r="C71554" s="1" t="s">
        <v>50</v>
      </c>
      <c r="D71554" s="1" t="s">
        <v>239231</v>
      </c>
      <c r="E71554" s="1" t="s">
        <v>239232</v>
      </c>
      <c r="F71554" s="1" t="s">
        <v>239233</v>
      </c>
      <c r="G71554" s="1" t="s">
        <v>239207</v>
      </c>
      <c r="H71554" s="1" t="s">
        <v>239208</v>
      </c>
      <c r="I71554" s="1" t="s">
        <v>222698</v>
      </c>
      <c r="J71554" s="1" t="s">
        <v>239234</v>
      </c>
    </row>
    <row r="71555" spans="1:10" x14ac:dyDescent="0.35">
      <c r="A71555" s="1" t="s">
        <v>142499</v>
      </c>
      <c r="B71555" s="1" t="s">
        <v>222693</v>
      </c>
      <c r="C71555" s="1" t="s">
        <v>55</v>
      </c>
      <c r="D71555" s="1" t="s">
        <v>239235</v>
      </c>
      <c r="E71555" s="1" t="s">
        <v>239236</v>
      </c>
      <c r="F71555" s="1" t="s">
        <v>239237</v>
      </c>
      <c r="G71555" s="1" t="s">
        <v>239207</v>
      </c>
      <c r="H71555" s="1" t="s">
        <v>239208</v>
      </c>
      <c r="I71555" s="1" t="s">
        <v>222698</v>
      </c>
      <c r="J71555" s="1" t="s">
        <v>239238</v>
      </c>
    </row>
    <row r="71556" spans="1:10" x14ac:dyDescent="0.35">
      <c r="A71556" s="1" t="s">
        <v>142499</v>
      </c>
      <c r="B71556" s="1" t="s">
        <v>222693</v>
      </c>
      <c r="C71556" s="1" t="s">
        <v>60</v>
      </c>
      <c r="D71556" s="1" t="s">
        <v>239239</v>
      </c>
      <c r="E71556" s="1" t="s">
        <v>239240</v>
      </c>
      <c r="F71556" s="1" t="s">
        <v>239241</v>
      </c>
      <c r="G71556" s="1" t="s">
        <v>239207</v>
      </c>
      <c r="H71556" s="1" t="s">
        <v>239208</v>
      </c>
      <c r="I71556" s="1" t="s">
        <v>222698</v>
      </c>
      <c r="J71556" s="1" t="s">
        <v>239242</v>
      </c>
    </row>
    <row r="71557" spans="1:10" x14ac:dyDescent="0.35">
      <c r="A71557" s="1" t="s">
        <v>142499</v>
      </c>
      <c r="B71557" s="1" t="s">
        <v>222693</v>
      </c>
      <c r="C71557" s="1" t="s">
        <v>65</v>
      </c>
      <c r="D71557" s="1" t="s">
        <v>122321</v>
      </c>
      <c r="E71557" s="1" t="s">
        <v>239243</v>
      </c>
      <c r="F71557" s="1" t="s">
        <v>239244</v>
      </c>
      <c r="G71557" s="1" t="s">
        <v>239207</v>
      </c>
      <c r="H71557" s="1" t="s">
        <v>239208</v>
      </c>
      <c r="I71557" s="1" t="s">
        <v>222698</v>
      </c>
      <c r="J71557" s="1" t="s">
        <v>239245</v>
      </c>
    </row>
    <row r="71558" spans="1:10" x14ac:dyDescent="0.35">
      <c r="A71558" s="1" t="s">
        <v>142499</v>
      </c>
      <c r="B71558" s="1" t="s">
        <v>222693</v>
      </c>
      <c r="C71558" s="1" t="s">
        <v>70</v>
      </c>
      <c r="D71558" s="1" t="s">
        <v>69352</v>
      </c>
      <c r="E71558" s="1" t="s">
        <v>239246</v>
      </c>
      <c r="F71558" s="1" t="s">
        <v>239247</v>
      </c>
      <c r="G71558" s="1" t="s">
        <v>239207</v>
      </c>
      <c r="H71558" s="1" t="s">
        <v>239208</v>
      </c>
      <c r="I71558" s="1" t="s">
        <v>222698</v>
      </c>
      <c r="J71558" s="1" t="s">
        <v>239248</v>
      </c>
    </row>
    <row r="71559" spans="1:10" x14ac:dyDescent="0.35">
      <c r="A71559" s="1" t="s">
        <v>142499</v>
      </c>
      <c r="B71559" s="1" t="s">
        <v>222693</v>
      </c>
      <c r="C71559" s="1" t="s">
        <v>75</v>
      </c>
      <c r="D71559" s="1" t="s">
        <v>225606</v>
      </c>
      <c r="E71559" s="1" t="s">
        <v>239249</v>
      </c>
      <c r="F71559" s="1" t="s">
        <v>239250</v>
      </c>
      <c r="G71559" s="1" t="s">
        <v>239207</v>
      </c>
      <c r="H71559" s="1" t="s">
        <v>239208</v>
      </c>
      <c r="I71559" s="1" t="s">
        <v>222698</v>
      </c>
      <c r="J71559" s="1" t="s">
        <v>239251</v>
      </c>
    </row>
    <row r="71560" spans="1:10" x14ac:dyDescent="0.35">
      <c r="A71560" s="1" t="s">
        <v>142499</v>
      </c>
      <c r="B71560" s="1" t="s">
        <v>222693</v>
      </c>
      <c r="C71560" s="1" t="s">
        <v>80</v>
      </c>
      <c r="D71560" s="1" t="s">
        <v>239252</v>
      </c>
      <c r="E71560" s="1" t="s">
        <v>239253</v>
      </c>
      <c r="F71560" s="1" t="s">
        <v>239254</v>
      </c>
      <c r="G71560" s="1" t="s">
        <v>239207</v>
      </c>
      <c r="H71560" s="1" t="s">
        <v>239208</v>
      </c>
      <c r="I71560" s="1" t="s">
        <v>222698</v>
      </c>
      <c r="J71560" s="1" t="s">
        <v>239255</v>
      </c>
    </row>
    <row r="71561" spans="1:10" x14ac:dyDescent="0.35">
      <c r="A71561" s="1" t="s">
        <v>142499</v>
      </c>
      <c r="B71561" s="1" t="s">
        <v>222693</v>
      </c>
      <c r="C71561" s="1" t="s">
        <v>85</v>
      </c>
      <c r="D71561" s="1" t="s">
        <v>239256</v>
      </c>
      <c r="E71561" s="1" t="s">
        <v>239257</v>
      </c>
      <c r="F71561" s="1" t="s">
        <v>239258</v>
      </c>
      <c r="G71561" s="1" t="s">
        <v>239207</v>
      </c>
      <c r="H71561" s="1" t="s">
        <v>239208</v>
      </c>
      <c r="I71561" s="1" t="s">
        <v>222698</v>
      </c>
      <c r="J71561" s="1" t="s">
        <v>239259</v>
      </c>
    </row>
    <row r="71562" spans="1:10" x14ac:dyDescent="0.35">
      <c r="A71562" s="1" t="s">
        <v>142499</v>
      </c>
      <c r="B71562" s="1" t="s">
        <v>222693</v>
      </c>
      <c r="C71562" s="1" t="s">
        <v>90</v>
      </c>
      <c r="D71562" s="1" t="s">
        <v>231019</v>
      </c>
      <c r="E71562" s="1" t="s">
        <v>239260</v>
      </c>
      <c r="F71562" s="1" t="s">
        <v>239261</v>
      </c>
      <c r="G71562" s="1" t="s">
        <v>239207</v>
      </c>
      <c r="H71562" s="1" t="s">
        <v>239208</v>
      </c>
      <c r="I71562" s="1" t="s">
        <v>222698</v>
      </c>
      <c r="J71562" s="1" t="s">
        <v>239262</v>
      </c>
    </row>
    <row r="71563" spans="1:10" x14ac:dyDescent="0.35">
      <c r="A71563" s="1" t="s">
        <v>142499</v>
      </c>
      <c r="B71563" s="1" t="s">
        <v>222693</v>
      </c>
      <c r="C71563" s="1" t="s">
        <v>95</v>
      </c>
      <c r="D71563" s="1" t="s">
        <v>89322</v>
      </c>
      <c r="E71563" s="1" t="s">
        <v>239263</v>
      </c>
      <c r="F71563" s="1" t="s">
        <v>239264</v>
      </c>
      <c r="G71563" s="1" t="s">
        <v>239207</v>
      </c>
      <c r="H71563" s="1" t="s">
        <v>239208</v>
      </c>
      <c r="I71563" s="1" t="s">
        <v>222698</v>
      </c>
      <c r="J71563" s="1" t="s">
        <v>239265</v>
      </c>
    </row>
    <row r="71564" spans="1:10" x14ac:dyDescent="0.35">
      <c r="A71564" s="1" t="s">
        <v>142499</v>
      </c>
      <c r="B71564" s="1" t="s">
        <v>222693</v>
      </c>
      <c r="C71564" s="1" t="s">
        <v>100</v>
      </c>
      <c r="D71564" s="1" t="s">
        <v>239266</v>
      </c>
      <c r="E71564" s="1" t="s">
        <v>239267</v>
      </c>
      <c r="F71564" s="1" t="s">
        <v>239268</v>
      </c>
      <c r="G71564" s="1" t="s">
        <v>239207</v>
      </c>
      <c r="H71564" s="1" t="s">
        <v>239208</v>
      </c>
      <c r="I71564" s="1" t="s">
        <v>222698</v>
      </c>
      <c r="J71564" s="1" t="s">
        <v>239269</v>
      </c>
    </row>
    <row r="71565" spans="1:10" x14ac:dyDescent="0.35">
      <c r="A71565" s="1" t="s">
        <v>142499</v>
      </c>
      <c r="B71565" s="1" t="s">
        <v>222693</v>
      </c>
      <c r="C71565" s="1" t="s">
        <v>105</v>
      </c>
      <c r="D71565" s="1" t="s">
        <v>19935</v>
      </c>
      <c r="E71565" s="1" t="s">
        <v>239270</v>
      </c>
      <c r="F71565" s="1" t="s">
        <v>239271</v>
      </c>
      <c r="G71565" s="1" t="s">
        <v>239207</v>
      </c>
      <c r="H71565" s="1" t="s">
        <v>239208</v>
      </c>
      <c r="I71565" s="1" t="s">
        <v>222698</v>
      </c>
      <c r="J71565" s="1" t="s">
        <v>239272</v>
      </c>
    </row>
    <row r="71566" spans="1:10" x14ac:dyDescent="0.35">
      <c r="A71566" s="1" t="s">
        <v>142499</v>
      </c>
      <c r="B71566" s="1" t="s">
        <v>222693</v>
      </c>
      <c r="C71566" s="1" t="s">
        <v>110</v>
      </c>
      <c r="D71566" s="1" t="s">
        <v>147032</v>
      </c>
      <c r="E71566" s="1" t="s">
        <v>239273</v>
      </c>
      <c r="F71566" s="1" t="s">
        <v>239274</v>
      </c>
      <c r="G71566" s="1" t="s">
        <v>239207</v>
      </c>
      <c r="H71566" s="1" t="s">
        <v>239208</v>
      </c>
      <c r="I71566" s="1" t="s">
        <v>222698</v>
      </c>
      <c r="J71566" s="1" t="s">
        <v>239275</v>
      </c>
    </row>
    <row r="71567" spans="1:10" x14ac:dyDescent="0.35">
      <c r="A71567" s="1" t="s">
        <v>142499</v>
      </c>
      <c r="B71567" s="1" t="s">
        <v>222693</v>
      </c>
      <c r="C71567" s="1" t="s">
        <v>115</v>
      </c>
      <c r="D71567" s="1" t="s">
        <v>163025</v>
      </c>
      <c r="E71567" s="1" t="s">
        <v>239276</v>
      </c>
      <c r="F71567" s="1" t="s">
        <v>239277</v>
      </c>
      <c r="G71567" s="1" t="s">
        <v>239207</v>
      </c>
      <c r="H71567" s="1" t="s">
        <v>239208</v>
      </c>
      <c r="I71567" s="1" t="s">
        <v>222698</v>
      </c>
      <c r="J71567" s="1" t="s">
        <v>239278</v>
      </c>
    </row>
    <row r="71568" spans="1:10" x14ac:dyDescent="0.35">
      <c r="A71568" s="1" t="s">
        <v>142499</v>
      </c>
      <c r="B71568" s="1" t="s">
        <v>222693</v>
      </c>
      <c r="C71568" s="1" t="s">
        <v>120</v>
      </c>
      <c r="D71568" s="1" t="s">
        <v>239279</v>
      </c>
      <c r="E71568" s="1" t="s">
        <v>239280</v>
      </c>
      <c r="F71568" s="1" t="s">
        <v>239281</v>
      </c>
      <c r="G71568" s="1" t="s">
        <v>239207</v>
      </c>
      <c r="H71568" s="1" t="s">
        <v>239208</v>
      </c>
      <c r="I71568" s="1" t="s">
        <v>222698</v>
      </c>
      <c r="J71568" s="1" t="s">
        <v>239282</v>
      </c>
    </row>
    <row r="71569" spans="1:10" x14ac:dyDescent="0.35">
      <c r="A71569" s="1" t="s">
        <v>142499</v>
      </c>
      <c r="B71569" s="1" t="s">
        <v>222693</v>
      </c>
      <c r="C71569" s="1" t="s">
        <v>125</v>
      </c>
      <c r="D71569" s="1" t="s">
        <v>239283</v>
      </c>
      <c r="E71569" s="1" t="s">
        <v>239284</v>
      </c>
      <c r="F71569" s="1" t="s">
        <v>239285</v>
      </c>
      <c r="G71569" s="1" t="s">
        <v>239207</v>
      </c>
      <c r="H71569" s="1" t="s">
        <v>239208</v>
      </c>
      <c r="I71569" s="1" t="s">
        <v>222698</v>
      </c>
      <c r="J71569" s="1" t="s">
        <v>239286</v>
      </c>
    </row>
    <row r="71570" spans="1:10" x14ac:dyDescent="0.35">
      <c r="A71570" s="1" t="s">
        <v>142499</v>
      </c>
      <c r="B71570" s="1" t="s">
        <v>222693</v>
      </c>
      <c r="C71570" s="1" t="s">
        <v>130</v>
      </c>
      <c r="D71570" s="1" t="s">
        <v>163535</v>
      </c>
      <c r="E71570" s="1" t="s">
        <v>239287</v>
      </c>
      <c r="F71570" s="1" t="s">
        <v>239288</v>
      </c>
      <c r="G71570" s="1" t="s">
        <v>239207</v>
      </c>
      <c r="H71570" s="1" t="s">
        <v>239208</v>
      </c>
      <c r="I71570" s="1" t="s">
        <v>222698</v>
      </c>
      <c r="J71570" s="1" t="s">
        <v>239289</v>
      </c>
    </row>
    <row r="71571" spans="1:10" x14ac:dyDescent="0.35">
      <c r="A71571" s="1" t="s">
        <v>142499</v>
      </c>
      <c r="B71571" s="1" t="s">
        <v>222693</v>
      </c>
      <c r="C71571" s="1" t="s">
        <v>135</v>
      </c>
      <c r="D71571" s="1" t="s">
        <v>239290</v>
      </c>
      <c r="E71571" s="1" t="s">
        <v>239291</v>
      </c>
      <c r="F71571" s="1" t="s">
        <v>239292</v>
      </c>
      <c r="G71571" s="1" t="s">
        <v>239207</v>
      </c>
      <c r="H71571" s="1" t="s">
        <v>239208</v>
      </c>
      <c r="I71571" s="1" t="s">
        <v>222698</v>
      </c>
      <c r="J71571" s="1" t="s">
        <v>239293</v>
      </c>
    </row>
    <row r="71572" spans="1:10" x14ac:dyDescent="0.35">
      <c r="A71572" s="1" t="s">
        <v>142499</v>
      </c>
      <c r="B71572" s="1" t="s">
        <v>222693</v>
      </c>
      <c r="C71572" s="1" t="s">
        <v>140</v>
      </c>
      <c r="D71572" s="1" t="s">
        <v>239294</v>
      </c>
      <c r="E71572" s="1" t="s">
        <v>239295</v>
      </c>
      <c r="F71572" s="1" t="s">
        <v>239296</v>
      </c>
      <c r="G71572" s="1" t="s">
        <v>239207</v>
      </c>
      <c r="H71572" s="1" t="s">
        <v>239208</v>
      </c>
      <c r="I71572" s="1" t="s">
        <v>222698</v>
      </c>
      <c r="J71572" s="1" t="s">
        <v>239297</v>
      </c>
    </row>
    <row r="71573" spans="1:10" x14ac:dyDescent="0.35">
      <c r="A71573" s="1" t="s">
        <v>142499</v>
      </c>
      <c r="B71573" s="1" t="s">
        <v>222693</v>
      </c>
      <c r="C71573" s="1" t="s">
        <v>145</v>
      </c>
      <c r="D71573" s="1" t="s">
        <v>239298</v>
      </c>
      <c r="E71573" s="1" t="s">
        <v>239299</v>
      </c>
      <c r="F71573" s="1" t="s">
        <v>239300</v>
      </c>
      <c r="G71573" s="1" t="s">
        <v>239207</v>
      </c>
      <c r="H71573" s="1" t="s">
        <v>239208</v>
      </c>
      <c r="I71573" s="1" t="s">
        <v>222698</v>
      </c>
      <c r="J71573" s="1" t="s">
        <v>239301</v>
      </c>
    </row>
    <row r="71574" spans="1:10" x14ac:dyDescent="0.35">
      <c r="A71574" s="1" t="s">
        <v>142499</v>
      </c>
      <c r="B71574" s="1" t="s">
        <v>222693</v>
      </c>
      <c r="C71574" s="1" t="s">
        <v>150</v>
      </c>
      <c r="D71574" s="1" t="s">
        <v>127699</v>
      </c>
      <c r="E71574" s="1" t="s">
        <v>239302</v>
      </c>
      <c r="F71574" s="1" t="s">
        <v>239303</v>
      </c>
      <c r="G71574" s="1" t="s">
        <v>239207</v>
      </c>
      <c r="H71574" s="1" t="s">
        <v>239208</v>
      </c>
      <c r="I71574" s="1" t="s">
        <v>222698</v>
      </c>
      <c r="J71574" s="1" t="s">
        <v>239304</v>
      </c>
    </row>
    <row r="71575" spans="1:10" x14ac:dyDescent="0.35">
      <c r="A71575" s="1" t="s">
        <v>142499</v>
      </c>
      <c r="B71575" s="1" t="s">
        <v>222693</v>
      </c>
      <c r="C71575" s="1" t="s">
        <v>155</v>
      </c>
      <c r="D71575" s="1" t="s">
        <v>228123</v>
      </c>
      <c r="E71575" s="1" t="s">
        <v>239305</v>
      </c>
      <c r="F71575" s="1" t="s">
        <v>239306</v>
      </c>
      <c r="G71575" s="1" t="s">
        <v>239207</v>
      </c>
      <c r="H71575" s="1" t="s">
        <v>239208</v>
      </c>
      <c r="I71575" s="1" t="s">
        <v>222698</v>
      </c>
      <c r="J71575" s="1" t="s">
        <v>239307</v>
      </c>
    </row>
    <row r="71576" spans="1:10" x14ac:dyDescent="0.35">
      <c r="A71576" s="1" t="s">
        <v>142499</v>
      </c>
      <c r="B71576" s="1" t="s">
        <v>222693</v>
      </c>
      <c r="C71576" s="1" t="s">
        <v>160</v>
      </c>
      <c r="D71576" s="1" t="s">
        <v>63275</v>
      </c>
      <c r="E71576" s="1" t="s">
        <v>239308</v>
      </c>
      <c r="F71576" s="1" t="s">
        <v>239309</v>
      </c>
      <c r="G71576" s="1" t="s">
        <v>239207</v>
      </c>
      <c r="H71576" s="1" t="s">
        <v>239208</v>
      </c>
      <c r="I71576" s="1" t="s">
        <v>222698</v>
      </c>
      <c r="J71576" s="1" t="s">
        <v>239310</v>
      </c>
    </row>
    <row r="71577" spans="1:10" x14ac:dyDescent="0.35">
      <c r="A71577" s="1" t="s">
        <v>142499</v>
      </c>
      <c r="B71577" s="1" t="s">
        <v>222693</v>
      </c>
      <c r="C71577" s="1" t="s">
        <v>165</v>
      </c>
      <c r="D71577" s="1" t="s">
        <v>239311</v>
      </c>
      <c r="E71577" s="1" t="s">
        <v>239312</v>
      </c>
      <c r="F71577" s="1" t="s">
        <v>239313</v>
      </c>
      <c r="G71577" s="1" t="s">
        <v>239207</v>
      </c>
      <c r="H71577" s="1" t="s">
        <v>239208</v>
      </c>
      <c r="I71577" s="1" t="s">
        <v>222698</v>
      </c>
      <c r="J71577" s="1" t="s">
        <v>239314</v>
      </c>
    </row>
    <row r="71578" spans="1:10" x14ac:dyDescent="0.35">
      <c r="A71578" s="1" t="s">
        <v>142499</v>
      </c>
      <c r="B71578" s="1" t="s">
        <v>222693</v>
      </c>
      <c r="C71578" s="1" t="s">
        <v>170</v>
      </c>
      <c r="D71578" s="1" t="s">
        <v>239315</v>
      </c>
      <c r="E71578" s="1" t="s">
        <v>239316</v>
      </c>
      <c r="F71578" s="1" t="s">
        <v>239317</v>
      </c>
      <c r="G71578" s="1" t="s">
        <v>239207</v>
      </c>
      <c r="H71578" s="1" t="s">
        <v>239208</v>
      </c>
      <c r="I71578" s="1" t="s">
        <v>222698</v>
      </c>
      <c r="J71578" s="1" t="s">
        <v>239318</v>
      </c>
    </row>
    <row r="71579" spans="1:10" x14ac:dyDescent="0.35">
      <c r="A71579" s="1" t="s">
        <v>45139</v>
      </c>
      <c r="B71579" s="1" t="s">
        <v>222693</v>
      </c>
      <c r="C71579" s="1" t="s">
        <v>8</v>
      </c>
      <c r="D71579" s="1" t="s">
        <v>58490</v>
      </c>
      <c r="E71579" s="1" t="s">
        <v>239319</v>
      </c>
      <c r="F71579" s="1" t="s">
        <v>239320</v>
      </c>
      <c r="G71579" s="1" t="s">
        <v>239321</v>
      </c>
      <c r="H71579" s="1" t="s">
        <v>239322</v>
      </c>
      <c r="I71579" s="1" t="s">
        <v>222698</v>
      </c>
      <c r="J71579" s="1" t="s">
        <v>13</v>
      </c>
    </row>
    <row r="71580" spans="1:10" x14ac:dyDescent="0.35">
      <c r="A71580" s="1" t="s">
        <v>45139</v>
      </c>
      <c r="B71580" s="1" t="s">
        <v>222693</v>
      </c>
      <c r="C71580" s="1" t="s">
        <v>15</v>
      </c>
      <c r="D71580" s="1" t="s">
        <v>102808</v>
      </c>
      <c r="E71580" s="1" t="s">
        <v>239323</v>
      </c>
      <c r="F71580" s="1" t="s">
        <v>239324</v>
      </c>
      <c r="G71580" s="1" t="s">
        <v>239321</v>
      </c>
      <c r="H71580" s="1" t="s">
        <v>239322</v>
      </c>
      <c r="I71580" s="1" t="s">
        <v>222698</v>
      </c>
      <c r="J71580" s="1" t="s">
        <v>239325</v>
      </c>
    </row>
    <row r="71581" spans="1:10" x14ac:dyDescent="0.35">
      <c r="A71581" s="1" t="s">
        <v>45139</v>
      </c>
      <c r="B71581" s="1" t="s">
        <v>222693</v>
      </c>
      <c r="C71581" s="1" t="s">
        <v>20</v>
      </c>
      <c r="D71581" s="1" t="s">
        <v>67436</v>
      </c>
      <c r="E71581" s="1" t="s">
        <v>239326</v>
      </c>
      <c r="F71581" s="1" t="s">
        <v>239327</v>
      </c>
      <c r="G71581" s="1" t="s">
        <v>239321</v>
      </c>
      <c r="H71581" s="1" t="s">
        <v>239322</v>
      </c>
      <c r="I71581" s="1" t="s">
        <v>222698</v>
      </c>
      <c r="J71581" s="1" t="s">
        <v>239328</v>
      </c>
    </row>
    <row r="71582" spans="1:10" x14ac:dyDescent="0.35">
      <c r="A71582" s="1" t="s">
        <v>45139</v>
      </c>
      <c r="B71582" s="1" t="s">
        <v>222693</v>
      </c>
      <c r="C71582" s="1" t="s">
        <v>25</v>
      </c>
      <c r="D71582" s="1" t="s">
        <v>87369</v>
      </c>
      <c r="E71582" s="1" t="s">
        <v>239329</v>
      </c>
      <c r="F71582" s="1" t="s">
        <v>239330</v>
      </c>
      <c r="G71582" s="1" t="s">
        <v>239321</v>
      </c>
      <c r="H71582" s="1" t="s">
        <v>239322</v>
      </c>
      <c r="I71582" s="1" t="s">
        <v>222698</v>
      </c>
      <c r="J71582" s="1" t="s">
        <v>239331</v>
      </c>
    </row>
    <row r="71583" spans="1:10" x14ac:dyDescent="0.35">
      <c r="A71583" s="1" t="s">
        <v>45139</v>
      </c>
      <c r="B71583" s="1" t="s">
        <v>222693</v>
      </c>
      <c r="C71583" s="1" t="s">
        <v>30</v>
      </c>
      <c r="D71583" s="1" t="s">
        <v>98193</v>
      </c>
      <c r="E71583" s="1" t="s">
        <v>239332</v>
      </c>
      <c r="F71583" s="1" t="s">
        <v>239333</v>
      </c>
      <c r="G71583" s="1" t="s">
        <v>239321</v>
      </c>
      <c r="H71583" s="1" t="s">
        <v>239322</v>
      </c>
      <c r="I71583" s="1" t="s">
        <v>222698</v>
      </c>
      <c r="J71583" s="1" t="s">
        <v>239334</v>
      </c>
    </row>
    <row r="71584" spans="1:10" x14ac:dyDescent="0.35">
      <c r="A71584" s="1" t="s">
        <v>45139</v>
      </c>
      <c r="B71584" s="1" t="s">
        <v>222693</v>
      </c>
      <c r="C71584" s="1" t="s">
        <v>35</v>
      </c>
      <c r="D71584" s="1" t="s">
        <v>239335</v>
      </c>
      <c r="E71584" s="1" t="s">
        <v>239336</v>
      </c>
      <c r="F71584" s="1" t="s">
        <v>239337</v>
      </c>
      <c r="G71584" s="1" t="s">
        <v>239321</v>
      </c>
      <c r="H71584" s="1" t="s">
        <v>239322</v>
      </c>
      <c r="I71584" s="1" t="s">
        <v>222698</v>
      </c>
      <c r="J71584" s="1" t="s">
        <v>239338</v>
      </c>
    </row>
    <row r="71585" spans="1:10" x14ac:dyDescent="0.35">
      <c r="A71585" s="1" t="s">
        <v>45139</v>
      </c>
      <c r="B71585" s="1" t="s">
        <v>222693</v>
      </c>
      <c r="C71585" s="1" t="s">
        <v>40</v>
      </c>
      <c r="D71585" s="1" t="s">
        <v>105892</v>
      </c>
      <c r="E71585" s="1" t="s">
        <v>239339</v>
      </c>
      <c r="F71585" s="1" t="s">
        <v>239340</v>
      </c>
      <c r="G71585" s="1" t="s">
        <v>239321</v>
      </c>
      <c r="H71585" s="1" t="s">
        <v>239322</v>
      </c>
      <c r="I71585" s="1" t="s">
        <v>222698</v>
      </c>
      <c r="J71585" s="1" t="s">
        <v>239341</v>
      </c>
    </row>
    <row r="71586" spans="1:10" x14ac:dyDescent="0.35">
      <c r="A71586" s="1" t="s">
        <v>45139</v>
      </c>
      <c r="B71586" s="1" t="s">
        <v>222693</v>
      </c>
      <c r="C71586" s="1" t="s">
        <v>45</v>
      </c>
      <c r="D71586" s="1" t="s">
        <v>79575</v>
      </c>
      <c r="E71586" s="1" t="s">
        <v>239342</v>
      </c>
      <c r="F71586" s="1" t="s">
        <v>239343</v>
      </c>
      <c r="G71586" s="1" t="s">
        <v>239321</v>
      </c>
      <c r="H71586" s="1" t="s">
        <v>239322</v>
      </c>
      <c r="I71586" s="1" t="s">
        <v>222698</v>
      </c>
      <c r="J71586" s="1" t="s">
        <v>239344</v>
      </c>
    </row>
    <row r="71587" spans="1:10" x14ac:dyDescent="0.35">
      <c r="A71587" s="1" t="s">
        <v>45139</v>
      </c>
      <c r="B71587" s="1" t="s">
        <v>222693</v>
      </c>
      <c r="C71587" s="1" t="s">
        <v>50</v>
      </c>
      <c r="D71587" s="1" t="s">
        <v>239345</v>
      </c>
      <c r="E71587" s="1" t="s">
        <v>239346</v>
      </c>
      <c r="F71587" s="1" t="s">
        <v>239347</v>
      </c>
      <c r="G71587" s="1" t="s">
        <v>239321</v>
      </c>
      <c r="H71587" s="1" t="s">
        <v>239322</v>
      </c>
      <c r="I71587" s="1" t="s">
        <v>222698</v>
      </c>
      <c r="J71587" s="1" t="s">
        <v>239348</v>
      </c>
    </row>
    <row r="71588" spans="1:10" x14ac:dyDescent="0.35">
      <c r="A71588" s="1" t="s">
        <v>45139</v>
      </c>
      <c r="B71588" s="1" t="s">
        <v>222693</v>
      </c>
      <c r="C71588" s="1" t="s">
        <v>55</v>
      </c>
      <c r="D71588" s="1" t="s">
        <v>88625</v>
      </c>
      <c r="E71588" s="1" t="s">
        <v>239349</v>
      </c>
      <c r="F71588" s="1" t="s">
        <v>239350</v>
      </c>
      <c r="G71588" s="1" t="s">
        <v>239321</v>
      </c>
      <c r="H71588" s="1" t="s">
        <v>239322</v>
      </c>
      <c r="I71588" s="1" t="s">
        <v>222698</v>
      </c>
      <c r="J71588" s="1" t="s">
        <v>239351</v>
      </c>
    </row>
    <row r="71589" spans="1:10" x14ac:dyDescent="0.35">
      <c r="A71589" s="1" t="s">
        <v>45139</v>
      </c>
      <c r="B71589" s="1" t="s">
        <v>222693</v>
      </c>
      <c r="C71589" s="1" t="s">
        <v>60</v>
      </c>
      <c r="D71589" s="1" t="s">
        <v>164148</v>
      </c>
      <c r="E71589" s="1" t="s">
        <v>239352</v>
      </c>
      <c r="F71589" s="1" t="s">
        <v>239353</v>
      </c>
      <c r="G71589" s="1" t="s">
        <v>239321</v>
      </c>
      <c r="H71589" s="1" t="s">
        <v>239322</v>
      </c>
      <c r="I71589" s="1" t="s">
        <v>222698</v>
      </c>
      <c r="J71589" s="1" t="s">
        <v>239354</v>
      </c>
    </row>
    <row r="71590" spans="1:10" x14ac:dyDescent="0.35">
      <c r="A71590" s="1" t="s">
        <v>45139</v>
      </c>
      <c r="B71590" s="1" t="s">
        <v>222693</v>
      </c>
      <c r="C71590" s="1" t="s">
        <v>65</v>
      </c>
      <c r="D71590" s="1" t="s">
        <v>133215</v>
      </c>
      <c r="E71590" s="1" t="s">
        <v>239355</v>
      </c>
      <c r="F71590" s="1" t="s">
        <v>239356</v>
      </c>
      <c r="G71590" s="1" t="s">
        <v>239321</v>
      </c>
      <c r="H71590" s="1" t="s">
        <v>239322</v>
      </c>
      <c r="I71590" s="1" t="s">
        <v>222698</v>
      </c>
      <c r="J71590" s="1" t="s">
        <v>239357</v>
      </c>
    </row>
    <row r="71591" spans="1:10" x14ac:dyDescent="0.35">
      <c r="A71591" s="1" t="s">
        <v>45139</v>
      </c>
      <c r="B71591" s="1" t="s">
        <v>222693</v>
      </c>
      <c r="C71591" s="1" t="s">
        <v>70</v>
      </c>
      <c r="D71591" s="1" t="s">
        <v>127204</v>
      </c>
      <c r="E71591" s="1" t="s">
        <v>239358</v>
      </c>
      <c r="F71591" s="1" t="s">
        <v>239359</v>
      </c>
      <c r="G71591" s="1" t="s">
        <v>239321</v>
      </c>
      <c r="H71591" s="1" t="s">
        <v>239322</v>
      </c>
      <c r="I71591" s="1" t="s">
        <v>222698</v>
      </c>
      <c r="J71591" s="1" t="s">
        <v>239360</v>
      </c>
    </row>
    <row r="71592" spans="1:10" x14ac:dyDescent="0.35">
      <c r="A71592" s="1" t="s">
        <v>45139</v>
      </c>
      <c r="B71592" s="1" t="s">
        <v>222693</v>
      </c>
      <c r="C71592" s="1" t="s">
        <v>75</v>
      </c>
      <c r="D71592" s="1" t="s">
        <v>239361</v>
      </c>
      <c r="E71592" s="1" t="s">
        <v>239362</v>
      </c>
      <c r="F71592" s="1" t="s">
        <v>239363</v>
      </c>
      <c r="G71592" s="1" t="s">
        <v>239321</v>
      </c>
      <c r="H71592" s="1" t="s">
        <v>239322</v>
      </c>
      <c r="I71592" s="1" t="s">
        <v>222698</v>
      </c>
      <c r="J71592" s="1" t="s">
        <v>239364</v>
      </c>
    </row>
    <row r="71593" spans="1:10" x14ac:dyDescent="0.35">
      <c r="A71593" s="1" t="s">
        <v>45139</v>
      </c>
      <c r="B71593" s="1" t="s">
        <v>222693</v>
      </c>
      <c r="C71593" s="1" t="s">
        <v>80</v>
      </c>
      <c r="D71593" s="1" t="s">
        <v>193680</v>
      </c>
      <c r="E71593" s="1" t="s">
        <v>239365</v>
      </c>
      <c r="F71593" s="1" t="s">
        <v>239366</v>
      </c>
      <c r="G71593" s="1" t="s">
        <v>239321</v>
      </c>
      <c r="H71593" s="1" t="s">
        <v>239322</v>
      </c>
      <c r="I71593" s="1" t="s">
        <v>222698</v>
      </c>
      <c r="J71593" s="1" t="s">
        <v>239367</v>
      </c>
    </row>
    <row r="71594" spans="1:10" x14ac:dyDescent="0.35">
      <c r="A71594" s="1" t="s">
        <v>45139</v>
      </c>
      <c r="B71594" s="1" t="s">
        <v>222693</v>
      </c>
      <c r="C71594" s="1" t="s">
        <v>85</v>
      </c>
      <c r="D71594" s="1" t="s">
        <v>239368</v>
      </c>
      <c r="E71594" s="1" t="s">
        <v>239369</v>
      </c>
      <c r="F71594" s="1" t="s">
        <v>239370</v>
      </c>
      <c r="G71594" s="1" t="s">
        <v>239321</v>
      </c>
      <c r="H71594" s="1" t="s">
        <v>239322</v>
      </c>
      <c r="I71594" s="1" t="s">
        <v>222698</v>
      </c>
      <c r="J71594" s="1" t="s">
        <v>239371</v>
      </c>
    </row>
    <row r="71595" spans="1:10" x14ac:dyDescent="0.35">
      <c r="A71595" s="1" t="s">
        <v>45139</v>
      </c>
      <c r="B71595" s="1" t="s">
        <v>222693</v>
      </c>
      <c r="C71595" s="1" t="s">
        <v>90</v>
      </c>
      <c r="D71595" s="1" t="s">
        <v>239372</v>
      </c>
      <c r="E71595" s="1" t="s">
        <v>239373</v>
      </c>
      <c r="F71595" s="1" t="s">
        <v>239374</v>
      </c>
      <c r="G71595" s="1" t="s">
        <v>239321</v>
      </c>
      <c r="H71595" s="1" t="s">
        <v>239322</v>
      </c>
      <c r="I71595" s="1" t="s">
        <v>222698</v>
      </c>
      <c r="J71595" s="1" t="s">
        <v>239375</v>
      </c>
    </row>
    <row r="71596" spans="1:10" x14ac:dyDescent="0.35">
      <c r="A71596" s="1" t="s">
        <v>45139</v>
      </c>
      <c r="B71596" s="1" t="s">
        <v>222693</v>
      </c>
      <c r="C71596" s="1" t="s">
        <v>95</v>
      </c>
      <c r="D71596" s="1" t="s">
        <v>23646</v>
      </c>
      <c r="E71596" s="1" t="s">
        <v>239376</v>
      </c>
      <c r="F71596" s="1" t="s">
        <v>239377</v>
      </c>
      <c r="G71596" s="1" t="s">
        <v>239321</v>
      </c>
      <c r="H71596" s="1" t="s">
        <v>239322</v>
      </c>
      <c r="I71596" s="1" t="s">
        <v>222698</v>
      </c>
      <c r="J71596" s="1" t="s">
        <v>239378</v>
      </c>
    </row>
    <row r="71597" spans="1:10" x14ac:dyDescent="0.35">
      <c r="A71597" s="1" t="s">
        <v>45139</v>
      </c>
      <c r="B71597" s="1" t="s">
        <v>222693</v>
      </c>
      <c r="C71597" s="1" t="s">
        <v>100</v>
      </c>
      <c r="D71597" s="1" t="s">
        <v>239379</v>
      </c>
      <c r="E71597" s="1" t="s">
        <v>239380</v>
      </c>
      <c r="F71597" s="1" t="s">
        <v>239381</v>
      </c>
      <c r="G71597" s="1" t="s">
        <v>239321</v>
      </c>
      <c r="H71597" s="1" t="s">
        <v>239322</v>
      </c>
      <c r="I71597" s="1" t="s">
        <v>222698</v>
      </c>
      <c r="J71597" s="1" t="s">
        <v>239382</v>
      </c>
    </row>
    <row r="71598" spans="1:10" x14ac:dyDescent="0.35">
      <c r="A71598" s="1" t="s">
        <v>45139</v>
      </c>
      <c r="B71598" s="1" t="s">
        <v>222693</v>
      </c>
      <c r="C71598" s="1" t="s">
        <v>105</v>
      </c>
      <c r="D71598" s="1" t="s">
        <v>239383</v>
      </c>
      <c r="E71598" s="1" t="s">
        <v>239384</v>
      </c>
      <c r="F71598" s="1" t="s">
        <v>239385</v>
      </c>
      <c r="G71598" s="1" t="s">
        <v>239321</v>
      </c>
      <c r="H71598" s="1" t="s">
        <v>239322</v>
      </c>
      <c r="I71598" s="1" t="s">
        <v>222698</v>
      </c>
      <c r="J71598" s="1" t="s">
        <v>239386</v>
      </c>
    </row>
    <row r="71599" spans="1:10" x14ac:dyDescent="0.35">
      <c r="A71599" s="1" t="s">
        <v>45139</v>
      </c>
      <c r="B71599" s="1" t="s">
        <v>222693</v>
      </c>
      <c r="C71599" s="1" t="s">
        <v>110</v>
      </c>
      <c r="D71599" s="1" t="s">
        <v>239387</v>
      </c>
      <c r="E71599" s="1" t="s">
        <v>239388</v>
      </c>
      <c r="F71599" s="1" t="s">
        <v>239389</v>
      </c>
      <c r="G71599" s="1" t="s">
        <v>239321</v>
      </c>
      <c r="H71599" s="1" t="s">
        <v>239322</v>
      </c>
      <c r="I71599" s="1" t="s">
        <v>222698</v>
      </c>
      <c r="J71599" s="1" t="s">
        <v>239390</v>
      </c>
    </row>
    <row r="71600" spans="1:10" x14ac:dyDescent="0.35">
      <c r="A71600" s="1" t="s">
        <v>45139</v>
      </c>
      <c r="B71600" s="1" t="s">
        <v>222693</v>
      </c>
      <c r="C71600" s="1" t="s">
        <v>115</v>
      </c>
      <c r="D71600" s="1" t="s">
        <v>239391</v>
      </c>
      <c r="E71600" s="1" t="s">
        <v>239392</v>
      </c>
      <c r="F71600" s="1" t="s">
        <v>239393</v>
      </c>
      <c r="G71600" s="1" t="s">
        <v>239321</v>
      </c>
      <c r="H71600" s="1" t="s">
        <v>239322</v>
      </c>
      <c r="I71600" s="1" t="s">
        <v>222698</v>
      </c>
      <c r="J71600" s="1" t="s">
        <v>239394</v>
      </c>
    </row>
    <row r="71601" spans="1:10" x14ac:dyDescent="0.35">
      <c r="A71601" s="1" t="s">
        <v>45139</v>
      </c>
      <c r="B71601" s="1" t="s">
        <v>222693</v>
      </c>
      <c r="C71601" s="1" t="s">
        <v>120</v>
      </c>
      <c r="D71601" s="1" t="s">
        <v>239395</v>
      </c>
      <c r="E71601" s="1" t="s">
        <v>239396</v>
      </c>
      <c r="F71601" s="1" t="s">
        <v>239397</v>
      </c>
      <c r="G71601" s="1" t="s">
        <v>239321</v>
      </c>
      <c r="H71601" s="1" t="s">
        <v>239322</v>
      </c>
      <c r="I71601" s="1" t="s">
        <v>222698</v>
      </c>
      <c r="J71601" s="1" t="s">
        <v>239398</v>
      </c>
    </row>
    <row r="71602" spans="1:10" x14ac:dyDescent="0.35">
      <c r="A71602" s="1" t="s">
        <v>45139</v>
      </c>
      <c r="B71602" s="1" t="s">
        <v>222693</v>
      </c>
      <c r="C71602" s="1" t="s">
        <v>125</v>
      </c>
      <c r="D71602" s="1" t="s">
        <v>239399</v>
      </c>
      <c r="E71602" s="1" t="s">
        <v>239400</v>
      </c>
      <c r="F71602" s="1" t="s">
        <v>239401</v>
      </c>
      <c r="G71602" s="1" t="s">
        <v>239321</v>
      </c>
      <c r="H71602" s="1" t="s">
        <v>239322</v>
      </c>
      <c r="I71602" s="1" t="s">
        <v>222698</v>
      </c>
      <c r="J71602" s="1" t="s">
        <v>239402</v>
      </c>
    </row>
    <row r="71603" spans="1:10" x14ac:dyDescent="0.35">
      <c r="A71603" s="1" t="s">
        <v>45139</v>
      </c>
      <c r="B71603" s="1" t="s">
        <v>222693</v>
      </c>
      <c r="C71603" s="1" t="s">
        <v>130</v>
      </c>
      <c r="D71603" s="1" t="s">
        <v>239403</v>
      </c>
      <c r="E71603" s="1" t="s">
        <v>239404</v>
      </c>
      <c r="F71603" s="1" t="s">
        <v>239405</v>
      </c>
      <c r="G71603" s="1" t="s">
        <v>239321</v>
      </c>
      <c r="H71603" s="1" t="s">
        <v>239322</v>
      </c>
      <c r="I71603" s="1" t="s">
        <v>222698</v>
      </c>
      <c r="J71603" s="1" t="s">
        <v>239406</v>
      </c>
    </row>
    <row r="71604" spans="1:10" x14ac:dyDescent="0.35">
      <c r="A71604" s="1" t="s">
        <v>45139</v>
      </c>
      <c r="B71604" s="1" t="s">
        <v>222693</v>
      </c>
      <c r="C71604" s="1" t="s">
        <v>135</v>
      </c>
      <c r="D71604" s="1" t="s">
        <v>239407</v>
      </c>
      <c r="E71604" s="1" t="s">
        <v>239408</v>
      </c>
      <c r="F71604" s="1" t="s">
        <v>239409</v>
      </c>
      <c r="G71604" s="1" t="s">
        <v>239321</v>
      </c>
      <c r="H71604" s="1" t="s">
        <v>239322</v>
      </c>
      <c r="I71604" s="1" t="s">
        <v>222698</v>
      </c>
      <c r="J71604" s="1" t="s">
        <v>239410</v>
      </c>
    </row>
    <row r="71605" spans="1:10" x14ac:dyDescent="0.35">
      <c r="A71605" s="1" t="s">
        <v>45139</v>
      </c>
      <c r="B71605" s="1" t="s">
        <v>222693</v>
      </c>
      <c r="C71605" s="1" t="s">
        <v>140</v>
      </c>
      <c r="D71605" s="1" t="s">
        <v>239411</v>
      </c>
      <c r="E71605" s="1" t="s">
        <v>239412</v>
      </c>
      <c r="F71605" s="1" t="s">
        <v>239413</v>
      </c>
      <c r="G71605" s="1" t="s">
        <v>239321</v>
      </c>
      <c r="H71605" s="1" t="s">
        <v>239322</v>
      </c>
      <c r="I71605" s="1" t="s">
        <v>222698</v>
      </c>
      <c r="J71605" s="1" t="s">
        <v>239414</v>
      </c>
    </row>
    <row r="71606" spans="1:10" x14ac:dyDescent="0.35">
      <c r="A71606" s="1" t="s">
        <v>45139</v>
      </c>
      <c r="B71606" s="1" t="s">
        <v>222693</v>
      </c>
      <c r="C71606" s="1" t="s">
        <v>145</v>
      </c>
      <c r="D71606" s="1" t="s">
        <v>239415</v>
      </c>
      <c r="E71606" s="1" t="s">
        <v>239416</v>
      </c>
      <c r="F71606" s="1" t="s">
        <v>239417</v>
      </c>
      <c r="G71606" s="1" t="s">
        <v>239321</v>
      </c>
      <c r="H71606" s="1" t="s">
        <v>239322</v>
      </c>
      <c r="I71606" s="1" t="s">
        <v>222698</v>
      </c>
      <c r="J71606" s="1" t="s">
        <v>239418</v>
      </c>
    </row>
    <row r="71607" spans="1:10" x14ac:dyDescent="0.35">
      <c r="A71607" s="1" t="s">
        <v>45139</v>
      </c>
      <c r="B71607" s="1" t="s">
        <v>222693</v>
      </c>
      <c r="C71607" s="1" t="s">
        <v>150</v>
      </c>
      <c r="D71607" s="1" t="s">
        <v>239419</v>
      </c>
      <c r="E71607" s="1" t="s">
        <v>239420</v>
      </c>
      <c r="F71607" s="1" t="s">
        <v>239421</v>
      </c>
      <c r="G71607" s="1" t="s">
        <v>239321</v>
      </c>
      <c r="H71607" s="1" t="s">
        <v>239322</v>
      </c>
      <c r="I71607" s="1" t="s">
        <v>222698</v>
      </c>
      <c r="J71607" s="1" t="s">
        <v>239422</v>
      </c>
    </row>
    <row r="71608" spans="1:10" x14ac:dyDescent="0.35">
      <c r="A71608" s="1" t="s">
        <v>45139</v>
      </c>
      <c r="B71608" s="1" t="s">
        <v>222693</v>
      </c>
      <c r="C71608" s="1" t="s">
        <v>155</v>
      </c>
      <c r="D71608" s="1" t="s">
        <v>239423</v>
      </c>
      <c r="E71608" s="1" t="s">
        <v>239424</v>
      </c>
      <c r="F71608" s="1" t="s">
        <v>239425</v>
      </c>
      <c r="G71608" s="1" t="s">
        <v>239321</v>
      </c>
      <c r="H71608" s="1" t="s">
        <v>239322</v>
      </c>
      <c r="I71608" s="1" t="s">
        <v>222698</v>
      </c>
      <c r="J71608" s="1" t="s">
        <v>239426</v>
      </c>
    </row>
    <row r="71609" spans="1:10" x14ac:dyDescent="0.35">
      <c r="A71609" s="1" t="s">
        <v>45139</v>
      </c>
      <c r="B71609" s="1" t="s">
        <v>222693</v>
      </c>
      <c r="C71609" s="1" t="s">
        <v>160</v>
      </c>
      <c r="D71609" s="1" t="s">
        <v>239427</v>
      </c>
      <c r="E71609" s="1" t="s">
        <v>239428</v>
      </c>
      <c r="F71609" s="1" t="s">
        <v>239429</v>
      </c>
      <c r="G71609" s="1" t="s">
        <v>239321</v>
      </c>
      <c r="H71609" s="1" t="s">
        <v>239322</v>
      </c>
      <c r="I71609" s="1" t="s">
        <v>222698</v>
      </c>
      <c r="J71609" s="1" t="s">
        <v>239430</v>
      </c>
    </row>
    <row r="71610" spans="1:10" x14ac:dyDescent="0.35">
      <c r="A71610" s="1" t="s">
        <v>45139</v>
      </c>
      <c r="B71610" s="1" t="s">
        <v>222693</v>
      </c>
      <c r="C71610" s="1" t="s">
        <v>165</v>
      </c>
      <c r="D71610" s="1" t="s">
        <v>239431</v>
      </c>
      <c r="E71610" s="1" t="s">
        <v>239432</v>
      </c>
      <c r="F71610" s="1" t="s">
        <v>239433</v>
      </c>
      <c r="G71610" s="1" t="s">
        <v>239321</v>
      </c>
      <c r="H71610" s="1" t="s">
        <v>239322</v>
      </c>
      <c r="I71610" s="1" t="s">
        <v>222698</v>
      </c>
      <c r="J71610" s="1" t="s">
        <v>239434</v>
      </c>
    </row>
    <row r="71611" spans="1:10" x14ac:dyDescent="0.35">
      <c r="A71611" s="1" t="s">
        <v>45139</v>
      </c>
      <c r="B71611" s="1" t="s">
        <v>222693</v>
      </c>
      <c r="C71611" s="1" t="s">
        <v>170</v>
      </c>
      <c r="D71611" s="1" t="s">
        <v>239435</v>
      </c>
      <c r="E71611" s="1" t="s">
        <v>239436</v>
      </c>
      <c r="F71611" s="1" t="s">
        <v>239437</v>
      </c>
      <c r="G71611" s="1" t="s">
        <v>239321</v>
      </c>
      <c r="H71611" s="1" t="s">
        <v>239322</v>
      </c>
      <c r="I71611" s="1" t="s">
        <v>222698</v>
      </c>
      <c r="J71611" s="1" t="s">
        <v>239438</v>
      </c>
    </row>
    <row r="71612" spans="1:10" x14ac:dyDescent="0.35">
      <c r="A71612" s="1" t="s">
        <v>109998</v>
      </c>
      <c r="B71612" s="1" t="s">
        <v>222693</v>
      </c>
      <c r="C71612" s="1" t="s">
        <v>8</v>
      </c>
      <c r="D71612" s="1" t="s">
        <v>62658</v>
      </c>
      <c r="E71612" s="1" t="s">
        <v>239439</v>
      </c>
      <c r="F71612" s="1" t="s">
        <v>239440</v>
      </c>
      <c r="G71612" s="1" t="s">
        <v>239441</v>
      </c>
      <c r="H71612" s="1" t="s">
        <v>239442</v>
      </c>
      <c r="I71612" s="1" t="s">
        <v>222698</v>
      </c>
      <c r="J71612" s="1" t="s">
        <v>13</v>
      </c>
    </row>
    <row r="71613" spans="1:10" x14ac:dyDescent="0.35">
      <c r="A71613" s="1" t="s">
        <v>109998</v>
      </c>
      <c r="B71613" s="1" t="s">
        <v>222693</v>
      </c>
      <c r="C71613" s="1" t="s">
        <v>15</v>
      </c>
      <c r="D71613" s="1" t="s">
        <v>89084</v>
      </c>
      <c r="E71613" s="1" t="s">
        <v>239443</v>
      </c>
      <c r="F71613" s="1" t="s">
        <v>239444</v>
      </c>
      <c r="G71613" s="1" t="s">
        <v>239441</v>
      </c>
      <c r="H71613" s="1" t="s">
        <v>239442</v>
      </c>
      <c r="I71613" s="1" t="s">
        <v>222698</v>
      </c>
      <c r="J71613" s="1" t="s">
        <v>239445</v>
      </c>
    </row>
    <row r="71614" spans="1:10" x14ac:dyDescent="0.35">
      <c r="A71614" s="1" t="s">
        <v>109998</v>
      </c>
      <c r="B71614" s="1" t="s">
        <v>222693</v>
      </c>
      <c r="C71614" s="1" t="s">
        <v>20</v>
      </c>
      <c r="D71614" s="1" t="s">
        <v>64612</v>
      </c>
      <c r="E71614" s="1" t="s">
        <v>239446</v>
      </c>
      <c r="F71614" s="1" t="s">
        <v>239447</v>
      </c>
      <c r="G71614" s="1" t="s">
        <v>239441</v>
      </c>
      <c r="H71614" s="1" t="s">
        <v>239442</v>
      </c>
      <c r="I71614" s="1" t="s">
        <v>222698</v>
      </c>
      <c r="J71614" s="1" t="s">
        <v>239448</v>
      </c>
    </row>
    <row r="71615" spans="1:10" x14ac:dyDescent="0.35">
      <c r="A71615" s="1" t="s">
        <v>109998</v>
      </c>
      <c r="B71615" s="1" t="s">
        <v>222693</v>
      </c>
      <c r="C71615" s="1" t="s">
        <v>25</v>
      </c>
      <c r="D71615" s="1" t="s">
        <v>54574</v>
      </c>
      <c r="E71615" s="1" t="s">
        <v>239449</v>
      </c>
      <c r="F71615" s="1" t="s">
        <v>239450</v>
      </c>
      <c r="G71615" s="1" t="s">
        <v>239441</v>
      </c>
      <c r="H71615" s="1" t="s">
        <v>239442</v>
      </c>
      <c r="I71615" s="1" t="s">
        <v>222698</v>
      </c>
      <c r="J71615" s="1" t="s">
        <v>239451</v>
      </c>
    </row>
    <row r="71616" spans="1:10" x14ac:dyDescent="0.35">
      <c r="A71616" s="1" t="s">
        <v>109998</v>
      </c>
      <c r="B71616" s="1" t="s">
        <v>222693</v>
      </c>
      <c r="C71616" s="1" t="s">
        <v>30</v>
      </c>
      <c r="D71616" s="1" t="s">
        <v>201467</v>
      </c>
      <c r="E71616" s="1" t="s">
        <v>239452</v>
      </c>
      <c r="F71616" s="1" t="s">
        <v>239453</v>
      </c>
      <c r="G71616" s="1" t="s">
        <v>239441</v>
      </c>
      <c r="H71616" s="1" t="s">
        <v>239442</v>
      </c>
      <c r="I71616" s="1" t="s">
        <v>222698</v>
      </c>
      <c r="J71616" s="1" t="s">
        <v>239454</v>
      </c>
    </row>
    <row r="71617" spans="1:10" x14ac:dyDescent="0.35">
      <c r="A71617" s="1" t="s">
        <v>109998</v>
      </c>
      <c r="B71617" s="1" t="s">
        <v>222693</v>
      </c>
      <c r="C71617" s="1" t="s">
        <v>35</v>
      </c>
      <c r="D71617" s="1" t="s">
        <v>83848</v>
      </c>
      <c r="E71617" s="1" t="s">
        <v>239455</v>
      </c>
      <c r="F71617" s="1" t="s">
        <v>239456</v>
      </c>
      <c r="G71617" s="1" t="s">
        <v>239441</v>
      </c>
      <c r="H71617" s="1" t="s">
        <v>239442</v>
      </c>
      <c r="I71617" s="1" t="s">
        <v>222698</v>
      </c>
      <c r="J71617" s="1" t="s">
        <v>239457</v>
      </c>
    </row>
    <row r="71618" spans="1:10" x14ac:dyDescent="0.35">
      <c r="A71618" s="1" t="s">
        <v>109998</v>
      </c>
      <c r="B71618" s="1" t="s">
        <v>222693</v>
      </c>
      <c r="C71618" s="1" t="s">
        <v>40</v>
      </c>
      <c r="D71618" s="1" t="s">
        <v>224332</v>
      </c>
      <c r="E71618" s="1" t="s">
        <v>239458</v>
      </c>
      <c r="F71618" s="1" t="s">
        <v>239459</v>
      </c>
      <c r="G71618" s="1" t="s">
        <v>239441</v>
      </c>
      <c r="H71618" s="1" t="s">
        <v>239442</v>
      </c>
      <c r="I71618" s="1" t="s">
        <v>222698</v>
      </c>
      <c r="J71618" s="1" t="s">
        <v>239460</v>
      </c>
    </row>
    <row r="71619" spans="1:10" x14ac:dyDescent="0.35">
      <c r="A71619" s="1" t="s">
        <v>109998</v>
      </c>
      <c r="B71619" s="1" t="s">
        <v>222693</v>
      </c>
      <c r="C71619" s="1" t="s">
        <v>45</v>
      </c>
      <c r="D71619" s="1" t="s">
        <v>239461</v>
      </c>
      <c r="E71619" s="1" t="s">
        <v>239462</v>
      </c>
      <c r="F71619" s="1" t="s">
        <v>239463</v>
      </c>
      <c r="G71619" s="1" t="s">
        <v>239441</v>
      </c>
      <c r="H71619" s="1" t="s">
        <v>239442</v>
      </c>
      <c r="I71619" s="1" t="s">
        <v>222698</v>
      </c>
      <c r="J71619" s="1" t="s">
        <v>239464</v>
      </c>
    </row>
    <row r="71620" spans="1:10" x14ac:dyDescent="0.35">
      <c r="A71620" s="1" t="s">
        <v>109998</v>
      </c>
      <c r="B71620" s="1" t="s">
        <v>222693</v>
      </c>
      <c r="C71620" s="1" t="s">
        <v>50</v>
      </c>
      <c r="D71620" s="1" t="s">
        <v>239465</v>
      </c>
      <c r="E71620" s="1" t="s">
        <v>239466</v>
      </c>
      <c r="F71620" s="1" t="s">
        <v>239467</v>
      </c>
      <c r="G71620" s="1" t="s">
        <v>239441</v>
      </c>
      <c r="H71620" s="1" t="s">
        <v>239442</v>
      </c>
      <c r="I71620" s="1" t="s">
        <v>222698</v>
      </c>
      <c r="J71620" s="1" t="s">
        <v>239468</v>
      </c>
    </row>
    <row r="71621" spans="1:10" x14ac:dyDescent="0.35">
      <c r="A71621" s="1" t="s">
        <v>109998</v>
      </c>
      <c r="B71621" s="1" t="s">
        <v>222693</v>
      </c>
      <c r="C71621" s="1" t="s">
        <v>55</v>
      </c>
      <c r="D71621" s="1" t="s">
        <v>23581</v>
      </c>
      <c r="E71621" s="1" t="s">
        <v>239469</v>
      </c>
      <c r="F71621" s="1" t="s">
        <v>239470</v>
      </c>
      <c r="G71621" s="1" t="s">
        <v>239441</v>
      </c>
      <c r="H71621" s="1" t="s">
        <v>239442</v>
      </c>
      <c r="I71621" s="1" t="s">
        <v>222698</v>
      </c>
      <c r="J71621" s="1" t="s">
        <v>239471</v>
      </c>
    </row>
    <row r="71622" spans="1:10" x14ac:dyDescent="0.35">
      <c r="A71622" s="1" t="s">
        <v>109998</v>
      </c>
      <c r="B71622" s="1" t="s">
        <v>222693</v>
      </c>
      <c r="C71622" s="1" t="s">
        <v>60</v>
      </c>
      <c r="D71622" s="1" t="s">
        <v>132030</v>
      </c>
      <c r="E71622" s="1" t="s">
        <v>239472</v>
      </c>
      <c r="F71622" s="1" t="s">
        <v>239473</v>
      </c>
      <c r="G71622" s="1" t="s">
        <v>239441</v>
      </c>
      <c r="H71622" s="1" t="s">
        <v>239442</v>
      </c>
      <c r="I71622" s="1" t="s">
        <v>222698</v>
      </c>
      <c r="J71622" s="1" t="s">
        <v>239474</v>
      </c>
    </row>
    <row r="71623" spans="1:10" x14ac:dyDescent="0.35">
      <c r="A71623" s="1" t="s">
        <v>109998</v>
      </c>
      <c r="B71623" s="1" t="s">
        <v>222693</v>
      </c>
      <c r="C71623" s="1" t="s">
        <v>65</v>
      </c>
      <c r="D71623" s="1" t="s">
        <v>239475</v>
      </c>
      <c r="E71623" s="1" t="s">
        <v>239476</v>
      </c>
      <c r="F71623" s="1" t="s">
        <v>239477</v>
      </c>
      <c r="G71623" s="1" t="s">
        <v>239441</v>
      </c>
      <c r="H71623" s="1" t="s">
        <v>239442</v>
      </c>
      <c r="I71623" s="1" t="s">
        <v>222698</v>
      </c>
      <c r="J71623" s="1" t="s">
        <v>239478</v>
      </c>
    </row>
    <row r="71624" spans="1:10" x14ac:dyDescent="0.35">
      <c r="A71624" s="1" t="s">
        <v>109998</v>
      </c>
      <c r="B71624" s="1" t="s">
        <v>222693</v>
      </c>
      <c r="C71624" s="1" t="s">
        <v>70</v>
      </c>
      <c r="D71624" s="1" t="s">
        <v>65444</v>
      </c>
      <c r="E71624" s="1" t="s">
        <v>239479</v>
      </c>
      <c r="F71624" s="1" t="s">
        <v>239480</v>
      </c>
      <c r="G71624" s="1" t="s">
        <v>239441</v>
      </c>
      <c r="H71624" s="1" t="s">
        <v>239442</v>
      </c>
      <c r="I71624" s="1" t="s">
        <v>222698</v>
      </c>
      <c r="J71624" s="1" t="s">
        <v>239481</v>
      </c>
    </row>
    <row r="71625" spans="1:10" x14ac:dyDescent="0.35">
      <c r="A71625" s="1" t="s">
        <v>109998</v>
      </c>
      <c r="B71625" s="1" t="s">
        <v>222693</v>
      </c>
      <c r="C71625" s="1" t="s">
        <v>75</v>
      </c>
      <c r="D71625" s="1" t="s">
        <v>54027</v>
      </c>
      <c r="E71625" s="1" t="s">
        <v>239482</v>
      </c>
      <c r="F71625" s="1" t="s">
        <v>239483</v>
      </c>
      <c r="G71625" s="1" t="s">
        <v>239441</v>
      </c>
      <c r="H71625" s="1" t="s">
        <v>239442</v>
      </c>
      <c r="I71625" s="1" t="s">
        <v>222698</v>
      </c>
      <c r="J71625" s="1" t="s">
        <v>239484</v>
      </c>
    </row>
    <row r="71626" spans="1:10" x14ac:dyDescent="0.35">
      <c r="A71626" s="1" t="s">
        <v>109998</v>
      </c>
      <c r="B71626" s="1" t="s">
        <v>222693</v>
      </c>
      <c r="C71626" s="1" t="s">
        <v>80</v>
      </c>
      <c r="D71626" s="1" t="s">
        <v>239485</v>
      </c>
      <c r="E71626" s="1" t="s">
        <v>239486</v>
      </c>
      <c r="F71626" s="1" t="s">
        <v>239487</v>
      </c>
      <c r="G71626" s="1" t="s">
        <v>239441</v>
      </c>
      <c r="H71626" s="1" t="s">
        <v>239442</v>
      </c>
      <c r="I71626" s="1" t="s">
        <v>222698</v>
      </c>
      <c r="J71626" s="1" t="s">
        <v>239488</v>
      </c>
    </row>
    <row r="71627" spans="1:10" x14ac:dyDescent="0.35">
      <c r="A71627" s="1" t="s">
        <v>109998</v>
      </c>
      <c r="B71627" s="1" t="s">
        <v>222693</v>
      </c>
      <c r="C71627" s="1" t="s">
        <v>85</v>
      </c>
      <c r="D71627" s="1" t="s">
        <v>239489</v>
      </c>
      <c r="E71627" s="1" t="s">
        <v>239490</v>
      </c>
      <c r="F71627" s="1" t="s">
        <v>239491</v>
      </c>
      <c r="G71627" s="1" t="s">
        <v>239441</v>
      </c>
      <c r="H71627" s="1" t="s">
        <v>239442</v>
      </c>
      <c r="I71627" s="1" t="s">
        <v>222698</v>
      </c>
      <c r="J71627" s="1" t="s">
        <v>239492</v>
      </c>
    </row>
    <row r="71628" spans="1:10" x14ac:dyDescent="0.35">
      <c r="A71628" s="1" t="s">
        <v>109998</v>
      </c>
      <c r="B71628" s="1" t="s">
        <v>222693</v>
      </c>
      <c r="C71628" s="1" t="s">
        <v>90</v>
      </c>
      <c r="D71628" s="1" t="s">
        <v>239493</v>
      </c>
      <c r="E71628" s="1" t="s">
        <v>239494</v>
      </c>
      <c r="F71628" s="1" t="s">
        <v>239495</v>
      </c>
      <c r="G71628" s="1" t="s">
        <v>239441</v>
      </c>
      <c r="H71628" s="1" t="s">
        <v>239442</v>
      </c>
      <c r="I71628" s="1" t="s">
        <v>222698</v>
      </c>
      <c r="J71628" s="1" t="s">
        <v>239496</v>
      </c>
    </row>
    <row r="71629" spans="1:10" x14ac:dyDescent="0.35">
      <c r="A71629" s="1" t="s">
        <v>109998</v>
      </c>
      <c r="B71629" s="1" t="s">
        <v>222693</v>
      </c>
      <c r="C71629" s="1" t="s">
        <v>95</v>
      </c>
      <c r="D71629" s="1" t="s">
        <v>239497</v>
      </c>
      <c r="E71629" s="1" t="s">
        <v>239498</v>
      </c>
      <c r="F71629" s="1" t="s">
        <v>239499</v>
      </c>
      <c r="G71629" s="1" t="s">
        <v>239441</v>
      </c>
      <c r="H71629" s="1" t="s">
        <v>239442</v>
      </c>
      <c r="I71629" s="1" t="s">
        <v>222698</v>
      </c>
      <c r="J71629" s="1" t="s">
        <v>239500</v>
      </c>
    </row>
    <row r="71630" spans="1:10" x14ac:dyDescent="0.35">
      <c r="A71630" s="1" t="s">
        <v>109998</v>
      </c>
      <c r="B71630" s="1" t="s">
        <v>222693</v>
      </c>
      <c r="C71630" s="1" t="s">
        <v>100</v>
      </c>
      <c r="D71630" s="1" t="s">
        <v>239501</v>
      </c>
      <c r="E71630" s="1" t="s">
        <v>239502</v>
      </c>
      <c r="F71630" s="1" t="s">
        <v>239503</v>
      </c>
      <c r="G71630" s="1" t="s">
        <v>239441</v>
      </c>
      <c r="H71630" s="1" t="s">
        <v>239442</v>
      </c>
      <c r="I71630" s="1" t="s">
        <v>222698</v>
      </c>
      <c r="J71630" s="1" t="s">
        <v>239504</v>
      </c>
    </row>
    <row r="71631" spans="1:10" x14ac:dyDescent="0.35">
      <c r="A71631" s="1" t="s">
        <v>109998</v>
      </c>
      <c r="B71631" s="1" t="s">
        <v>222693</v>
      </c>
      <c r="C71631" s="1" t="s">
        <v>105</v>
      </c>
      <c r="D71631" s="1" t="s">
        <v>239505</v>
      </c>
      <c r="E71631" s="1" t="s">
        <v>239506</v>
      </c>
      <c r="F71631" s="1" t="s">
        <v>239507</v>
      </c>
      <c r="G71631" s="1" t="s">
        <v>239441</v>
      </c>
      <c r="H71631" s="1" t="s">
        <v>239442</v>
      </c>
      <c r="I71631" s="1" t="s">
        <v>222698</v>
      </c>
      <c r="J71631" s="1" t="s">
        <v>239508</v>
      </c>
    </row>
    <row r="71632" spans="1:10" x14ac:dyDescent="0.35">
      <c r="A71632" s="1" t="s">
        <v>109998</v>
      </c>
      <c r="B71632" s="1" t="s">
        <v>222693</v>
      </c>
      <c r="C71632" s="1" t="s">
        <v>110</v>
      </c>
      <c r="D71632" s="1" t="s">
        <v>239509</v>
      </c>
      <c r="E71632" s="1" t="s">
        <v>239510</v>
      </c>
      <c r="F71632" s="1" t="s">
        <v>239511</v>
      </c>
      <c r="G71632" s="1" t="s">
        <v>239441</v>
      </c>
      <c r="H71632" s="1" t="s">
        <v>239442</v>
      </c>
      <c r="I71632" s="1" t="s">
        <v>222698</v>
      </c>
      <c r="J71632" s="1" t="s">
        <v>239512</v>
      </c>
    </row>
    <row r="71633" spans="1:10" x14ac:dyDescent="0.35">
      <c r="A71633" s="1" t="s">
        <v>109998</v>
      </c>
      <c r="B71633" s="1" t="s">
        <v>222693</v>
      </c>
      <c r="C71633" s="1" t="s">
        <v>115</v>
      </c>
      <c r="D71633" s="1" t="s">
        <v>239513</v>
      </c>
      <c r="E71633" s="1" t="s">
        <v>239514</v>
      </c>
      <c r="F71633" s="1" t="s">
        <v>239515</v>
      </c>
      <c r="G71633" s="1" t="s">
        <v>239441</v>
      </c>
      <c r="H71633" s="1" t="s">
        <v>239442</v>
      </c>
      <c r="I71633" s="1" t="s">
        <v>222698</v>
      </c>
      <c r="J71633" s="1" t="s">
        <v>239516</v>
      </c>
    </row>
    <row r="71634" spans="1:10" x14ac:dyDescent="0.35">
      <c r="A71634" s="1" t="s">
        <v>109998</v>
      </c>
      <c r="B71634" s="1" t="s">
        <v>222693</v>
      </c>
      <c r="C71634" s="1" t="s">
        <v>120</v>
      </c>
      <c r="D71634" s="1" t="s">
        <v>239517</v>
      </c>
      <c r="E71634" s="1" t="s">
        <v>239518</v>
      </c>
      <c r="F71634" s="1" t="s">
        <v>239519</v>
      </c>
      <c r="G71634" s="1" t="s">
        <v>239441</v>
      </c>
      <c r="H71634" s="1" t="s">
        <v>239442</v>
      </c>
      <c r="I71634" s="1" t="s">
        <v>222698</v>
      </c>
      <c r="J71634" s="1" t="s">
        <v>239520</v>
      </c>
    </row>
    <row r="71635" spans="1:10" x14ac:dyDescent="0.35">
      <c r="A71635" s="1" t="s">
        <v>109998</v>
      </c>
      <c r="B71635" s="1" t="s">
        <v>222693</v>
      </c>
      <c r="C71635" s="1" t="s">
        <v>125</v>
      </c>
      <c r="D71635" s="1" t="s">
        <v>239521</v>
      </c>
      <c r="E71635" s="1" t="s">
        <v>239522</v>
      </c>
      <c r="F71635" s="1" t="s">
        <v>239523</v>
      </c>
      <c r="G71635" s="1" t="s">
        <v>239441</v>
      </c>
      <c r="H71635" s="1" t="s">
        <v>239442</v>
      </c>
      <c r="I71635" s="1" t="s">
        <v>222698</v>
      </c>
      <c r="J71635" s="1" t="s">
        <v>239524</v>
      </c>
    </row>
    <row r="71636" spans="1:10" x14ac:dyDescent="0.35">
      <c r="A71636" s="1" t="s">
        <v>109998</v>
      </c>
      <c r="B71636" s="1" t="s">
        <v>222693</v>
      </c>
      <c r="C71636" s="1" t="s">
        <v>130</v>
      </c>
      <c r="D71636" s="1" t="s">
        <v>239525</v>
      </c>
      <c r="E71636" s="1" t="s">
        <v>239526</v>
      </c>
      <c r="F71636" s="1" t="s">
        <v>239527</v>
      </c>
      <c r="G71636" s="1" t="s">
        <v>239441</v>
      </c>
      <c r="H71636" s="1" t="s">
        <v>239442</v>
      </c>
      <c r="I71636" s="1" t="s">
        <v>222698</v>
      </c>
      <c r="J71636" s="1" t="s">
        <v>239528</v>
      </c>
    </row>
    <row r="71637" spans="1:10" x14ac:dyDescent="0.35">
      <c r="A71637" s="1" t="s">
        <v>109998</v>
      </c>
      <c r="B71637" s="1" t="s">
        <v>222693</v>
      </c>
      <c r="C71637" s="1" t="s">
        <v>135</v>
      </c>
      <c r="D71637" s="1" t="s">
        <v>239529</v>
      </c>
      <c r="E71637" s="1" t="s">
        <v>239530</v>
      </c>
      <c r="F71637" s="1" t="s">
        <v>239531</v>
      </c>
      <c r="G71637" s="1" t="s">
        <v>239441</v>
      </c>
      <c r="H71637" s="1" t="s">
        <v>239442</v>
      </c>
      <c r="I71637" s="1" t="s">
        <v>222698</v>
      </c>
      <c r="J71637" s="1" t="s">
        <v>239532</v>
      </c>
    </row>
    <row r="71638" spans="1:10" x14ac:dyDescent="0.35">
      <c r="A71638" s="1" t="s">
        <v>109998</v>
      </c>
      <c r="B71638" s="1" t="s">
        <v>222693</v>
      </c>
      <c r="C71638" s="1" t="s">
        <v>140</v>
      </c>
      <c r="D71638" s="1" t="s">
        <v>239533</v>
      </c>
      <c r="E71638" s="1" t="s">
        <v>239534</v>
      </c>
      <c r="F71638" s="1" t="s">
        <v>239535</v>
      </c>
      <c r="G71638" s="1" t="s">
        <v>239441</v>
      </c>
      <c r="H71638" s="1" t="s">
        <v>239442</v>
      </c>
      <c r="I71638" s="1" t="s">
        <v>222698</v>
      </c>
      <c r="J71638" s="1" t="s">
        <v>239536</v>
      </c>
    </row>
    <row r="71639" spans="1:10" x14ac:dyDescent="0.35">
      <c r="A71639" s="1" t="s">
        <v>109998</v>
      </c>
      <c r="B71639" s="1" t="s">
        <v>222693</v>
      </c>
      <c r="C71639" s="1" t="s">
        <v>145</v>
      </c>
      <c r="D71639" s="1" t="s">
        <v>239537</v>
      </c>
      <c r="E71639" s="1" t="s">
        <v>239538</v>
      </c>
      <c r="F71639" s="1" t="s">
        <v>239539</v>
      </c>
      <c r="G71639" s="1" t="s">
        <v>239441</v>
      </c>
      <c r="H71639" s="1" t="s">
        <v>239442</v>
      </c>
      <c r="I71639" s="1" t="s">
        <v>222698</v>
      </c>
      <c r="J71639" s="1" t="s">
        <v>239540</v>
      </c>
    </row>
    <row r="71640" spans="1:10" x14ac:dyDescent="0.35">
      <c r="A71640" s="1" t="s">
        <v>109998</v>
      </c>
      <c r="B71640" s="1" t="s">
        <v>222693</v>
      </c>
      <c r="C71640" s="1" t="s">
        <v>150</v>
      </c>
      <c r="D71640" s="1" t="s">
        <v>239541</v>
      </c>
      <c r="E71640" s="1" t="s">
        <v>239542</v>
      </c>
      <c r="F71640" s="1" t="s">
        <v>239543</v>
      </c>
      <c r="G71640" s="1" t="s">
        <v>239441</v>
      </c>
      <c r="H71640" s="1" t="s">
        <v>239442</v>
      </c>
      <c r="I71640" s="1" t="s">
        <v>222698</v>
      </c>
      <c r="J71640" s="1" t="s">
        <v>239544</v>
      </c>
    </row>
    <row r="71641" spans="1:10" x14ac:dyDescent="0.35">
      <c r="A71641" s="1" t="s">
        <v>109998</v>
      </c>
      <c r="B71641" s="1" t="s">
        <v>222693</v>
      </c>
      <c r="C71641" s="1" t="s">
        <v>155</v>
      </c>
      <c r="D71641" s="1" t="s">
        <v>239545</v>
      </c>
      <c r="E71641" s="1" t="s">
        <v>239546</v>
      </c>
      <c r="F71641" s="1" t="s">
        <v>239547</v>
      </c>
      <c r="G71641" s="1" t="s">
        <v>239441</v>
      </c>
      <c r="H71641" s="1" t="s">
        <v>239442</v>
      </c>
      <c r="I71641" s="1" t="s">
        <v>222698</v>
      </c>
      <c r="J71641" s="1" t="s">
        <v>239548</v>
      </c>
    </row>
    <row r="71642" spans="1:10" x14ac:dyDescent="0.35">
      <c r="A71642" s="1" t="s">
        <v>109998</v>
      </c>
      <c r="B71642" s="1" t="s">
        <v>222693</v>
      </c>
      <c r="C71642" s="1" t="s">
        <v>160</v>
      </c>
      <c r="D71642" s="1" t="s">
        <v>239549</v>
      </c>
      <c r="E71642" s="1" t="s">
        <v>239550</v>
      </c>
      <c r="F71642" s="1" t="s">
        <v>239551</v>
      </c>
      <c r="G71642" s="1" t="s">
        <v>239441</v>
      </c>
      <c r="H71642" s="1" t="s">
        <v>239442</v>
      </c>
      <c r="I71642" s="1" t="s">
        <v>222698</v>
      </c>
      <c r="J71642" s="1" t="s">
        <v>239552</v>
      </c>
    </row>
    <row r="71643" spans="1:10" x14ac:dyDescent="0.35">
      <c r="A71643" s="1" t="s">
        <v>109998</v>
      </c>
      <c r="B71643" s="1" t="s">
        <v>222693</v>
      </c>
      <c r="C71643" s="1" t="s">
        <v>165</v>
      </c>
      <c r="D71643" s="1" t="s">
        <v>239553</v>
      </c>
      <c r="E71643" s="1" t="s">
        <v>239554</v>
      </c>
      <c r="F71643" s="1" t="s">
        <v>239555</v>
      </c>
      <c r="G71643" s="1" t="s">
        <v>239441</v>
      </c>
      <c r="H71643" s="1" t="s">
        <v>239442</v>
      </c>
      <c r="I71643" s="1" t="s">
        <v>222698</v>
      </c>
      <c r="J71643" s="1" t="s">
        <v>239556</v>
      </c>
    </row>
    <row r="71644" spans="1:10" x14ac:dyDescent="0.35">
      <c r="A71644" s="1" t="s">
        <v>109998</v>
      </c>
      <c r="B71644" s="1" t="s">
        <v>222693</v>
      </c>
      <c r="C71644" s="1" t="s">
        <v>170</v>
      </c>
      <c r="D71644" s="1" t="s">
        <v>41903</v>
      </c>
      <c r="E71644" s="1" t="s">
        <v>239557</v>
      </c>
      <c r="F71644" s="1" t="s">
        <v>239558</v>
      </c>
      <c r="G71644" s="1" t="s">
        <v>239441</v>
      </c>
      <c r="H71644" s="1" t="s">
        <v>239442</v>
      </c>
      <c r="I71644" s="1" t="s">
        <v>222698</v>
      </c>
      <c r="J71644" s="1" t="s">
        <v>239559</v>
      </c>
    </row>
    <row r="71645" spans="1:10" x14ac:dyDescent="0.35">
      <c r="A71645" s="1" t="s">
        <v>121514</v>
      </c>
      <c r="B71645" s="1" t="s">
        <v>222693</v>
      </c>
      <c r="C71645" s="1" t="s">
        <v>8</v>
      </c>
      <c r="D71645" s="1" t="s">
        <v>68507</v>
      </c>
      <c r="E71645" s="1" t="s">
        <v>239560</v>
      </c>
      <c r="F71645" s="1" t="s">
        <v>239561</v>
      </c>
      <c r="G71645" s="1" t="s">
        <v>239562</v>
      </c>
      <c r="H71645" s="1" t="s">
        <v>239563</v>
      </c>
      <c r="I71645" s="1" t="s">
        <v>222698</v>
      </c>
      <c r="J71645" s="1" t="s">
        <v>13</v>
      </c>
    </row>
    <row r="71646" spans="1:10" x14ac:dyDescent="0.35">
      <c r="A71646" s="1" t="s">
        <v>121514</v>
      </c>
      <c r="B71646" s="1" t="s">
        <v>222693</v>
      </c>
      <c r="C71646" s="1" t="s">
        <v>15</v>
      </c>
      <c r="D71646" s="1" t="s">
        <v>239564</v>
      </c>
      <c r="E71646" s="1" t="s">
        <v>239565</v>
      </c>
      <c r="F71646" s="1" t="s">
        <v>239566</v>
      </c>
      <c r="G71646" s="1" t="s">
        <v>239562</v>
      </c>
      <c r="H71646" s="1" t="s">
        <v>239563</v>
      </c>
      <c r="I71646" s="1" t="s">
        <v>222698</v>
      </c>
      <c r="J71646" s="1" t="s">
        <v>239567</v>
      </c>
    </row>
    <row r="71647" spans="1:10" x14ac:dyDescent="0.35">
      <c r="A71647" s="1" t="s">
        <v>121514</v>
      </c>
      <c r="B71647" s="1" t="s">
        <v>222693</v>
      </c>
      <c r="C71647" s="1" t="s">
        <v>20</v>
      </c>
      <c r="D71647" s="1" t="s">
        <v>80841</v>
      </c>
      <c r="E71647" s="1" t="s">
        <v>239568</v>
      </c>
      <c r="F71647" s="1" t="s">
        <v>239569</v>
      </c>
      <c r="G71647" s="1" t="s">
        <v>239562</v>
      </c>
      <c r="H71647" s="1" t="s">
        <v>239563</v>
      </c>
      <c r="I71647" s="1" t="s">
        <v>222698</v>
      </c>
      <c r="J71647" s="1" t="s">
        <v>239570</v>
      </c>
    </row>
    <row r="71648" spans="1:10" x14ac:dyDescent="0.35">
      <c r="A71648" s="1" t="s">
        <v>121514</v>
      </c>
      <c r="B71648" s="1" t="s">
        <v>222693</v>
      </c>
      <c r="C71648" s="1" t="s">
        <v>25</v>
      </c>
      <c r="D71648" s="1" t="s">
        <v>137241</v>
      </c>
      <c r="E71648" s="1" t="s">
        <v>239571</v>
      </c>
      <c r="F71648" s="1" t="s">
        <v>239572</v>
      </c>
      <c r="G71648" s="1" t="s">
        <v>239562</v>
      </c>
      <c r="H71648" s="1" t="s">
        <v>239563</v>
      </c>
      <c r="I71648" s="1" t="s">
        <v>222698</v>
      </c>
      <c r="J71648" s="1" t="s">
        <v>239573</v>
      </c>
    </row>
    <row r="71649" spans="1:10" x14ac:dyDescent="0.35">
      <c r="A71649" s="1" t="s">
        <v>121514</v>
      </c>
      <c r="B71649" s="1" t="s">
        <v>222693</v>
      </c>
      <c r="C71649" s="1" t="s">
        <v>30</v>
      </c>
      <c r="D71649" s="1" t="s">
        <v>69571</v>
      </c>
      <c r="E71649" s="1" t="s">
        <v>239574</v>
      </c>
      <c r="F71649" s="1" t="s">
        <v>239575</v>
      </c>
      <c r="G71649" s="1" t="s">
        <v>239562</v>
      </c>
      <c r="H71649" s="1" t="s">
        <v>239563</v>
      </c>
      <c r="I71649" s="1" t="s">
        <v>222698</v>
      </c>
      <c r="J71649" s="1" t="s">
        <v>239576</v>
      </c>
    </row>
    <row r="71650" spans="1:10" x14ac:dyDescent="0.35">
      <c r="A71650" s="1" t="s">
        <v>121514</v>
      </c>
      <c r="B71650" s="1" t="s">
        <v>222693</v>
      </c>
      <c r="C71650" s="1" t="s">
        <v>35</v>
      </c>
      <c r="D71650" s="1" t="s">
        <v>22686</v>
      </c>
      <c r="E71650" s="1" t="s">
        <v>239577</v>
      </c>
      <c r="F71650" s="1" t="s">
        <v>239578</v>
      </c>
      <c r="G71650" s="1" t="s">
        <v>239562</v>
      </c>
      <c r="H71650" s="1" t="s">
        <v>239563</v>
      </c>
      <c r="I71650" s="1" t="s">
        <v>222698</v>
      </c>
      <c r="J71650" s="1" t="s">
        <v>239579</v>
      </c>
    </row>
    <row r="71651" spans="1:10" x14ac:dyDescent="0.35">
      <c r="A71651" s="1" t="s">
        <v>121514</v>
      </c>
      <c r="B71651" s="1" t="s">
        <v>222693</v>
      </c>
      <c r="C71651" s="1" t="s">
        <v>40</v>
      </c>
      <c r="D71651" s="1" t="s">
        <v>239580</v>
      </c>
      <c r="E71651" s="1" t="s">
        <v>239581</v>
      </c>
      <c r="F71651" s="1" t="s">
        <v>239582</v>
      </c>
      <c r="G71651" s="1" t="s">
        <v>239562</v>
      </c>
      <c r="H71651" s="1" t="s">
        <v>239563</v>
      </c>
      <c r="I71651" s="1" t="s">
        <v>222698</v>
      </c>
      <c r="J71651" s="1" t="s">
        <v>239583</v>
      </c>
    </row>
    <row r="71652" spans="1:10" x14ac:dyDescent="0.35">
      <c r="A71652" s="1" t="s">
        <v>121514</v>
      </c>
      <c r="B71652" s="1" t="s">
        <v>222693</v>
      </c>
      <c r="C71652" s="1" t="s">
        <v>45</v>
      </c>
      <c r="D71652" s="1" t="s">
        <v>239584</v>
      </c>
      <c r="E71652" s="1" t="s">
        <v>239585</v>
      </c>
      <c r="F71652" s="1" t="s">
        <v>239586</v>
      </c>
      <c r="G71652" s="1" t="s">
        <v>239562</v>
      </c>
      <c r="H71652" s="1" t="s">
        <v>239563</v>
      </c>
      <c r="I71652" s="1" t="s">
        <v>222698</v>
      </c>
      <c r="J71652" s="1" t="s">
        <v>239587</v>
      </c>
    </row>
    <row r="71653" spans="1:10" x14ac:dyDescent="0.35">
      <c r="A71653" s="1" t="s">
        <v>121514</v>
      </c>
      <c r="B71653" s="1" t="s">
        <v>222693</v>
      </c>
      <c r="C71653" s="1" t="s">
        <v>50</v>
      </c>
      <c r="D71653" s="1" t="s">
        <v>98178</v>
      </c>
      <c r="E71653" s="1" t="s">
        <v>239588</v>
      </c>
      <c r="F71653" s="1" t="s">
        <v>239589</v>
      </c>
      <c r="G71653" s="1" t="s">
        <v>239562</v>
      </c>
      <c r="H71653" s="1" t="s">
        <v>239563</v>
      </c>
      <c r="I71653" s="1" t="s">
        <v>222698</v>
      </c>
      <c r="J71653" s="1" t="s">
        <v>239590</v>
      </c>
    </row>
    <row r="71654" spans="1:10" x14ac:dyDescent="0.35">
      <c r="A71654" s="1" t="s">
        <v>121514</v>
      </c>
      <c r="B71654" s="1" t="s">
        <v>222693</v>
      </c>
      <c r="C71654" s="1" t="s">
        <v>55</v>
      </c>
      <c r="D71654" s="1" t="s">
        <v>128900</v>
      </c>
      <c r="E71654" s="1" t="s">
        <v>239591</v>
      </c>
      <c r="F71654" s="1" t="s">
        <v>239592</v>
      </c>
      <c r="G71654" s="1" t="s">
        <v>239562</v>
      </c>
      <c r="H71654" s="1" t="s">
        <v>239563</v>
      </c>
      <c r="I71654" s="1" t="s">
        <v>222698</v>
      </c>
      <c r="J71654" s="1" t="s">
        <v>239593</v>
      </c>
    </row>
    <row r="71655" spans="1:10" x14ac:dyDescent="0.35">
      <c r="A71655" s="1" t="s">
        <v>121514</v>
      </c>
      <c r="B71655" s="1" t="s">
        <v>222693</v>
      </c>
      <c r="C71655" s="1" t="s">
        <v>60</v>
      </c>
      <c r="D71655" s="1" t="s">
        <v>132891</v>
      </c>
      <c r="E71655" s="1" t="s">
        <v>239594</v>
      </c>
      <c r="F71655" s="1" t="s">
        <v>239595</v>
      </c>
      <c r="G71655" s="1" t="s">
        <v>239562</v>
      </c>
      <c r="H71655" s="1" t="s">
        <v>239563</v>
      </c>
      <c r="I71655" s="1" t="s">
        <v>222698</v>
      </c>
      <c r="J71655" s="1" t="s">
        <v>239596</v>
      </c>
    </row>
    <row r="71656" spans="1:10" x14ac:dyDescent="0.35">
      <c r="A71656" s="1" t="s">
        <v>121514</v>
      </c>
      <c r="B71656" s="1" t="s">
        <v>222693</v>
      </c>
      <c r="C71656" s="1" t="s">
        <v>65</v>
      </c>
      <c r="D71656" s="1" t="s">
        <v>239597</v>
      </c>
      <c r="E71656" s="1" t="s">
        <v>239598</v>
      </c>
      <c r="F71656" s="1" t="s">
        <v>239599</v>
      </c>
      <c r="G71656" s="1" t="s">
        <v>239562</v>
      </c>
      <c r="H71656" s="1" t="s">
        <v>239563</v>
      </c>
      <c r="I71656" s="1" t="s">
        <v>222698</v>
      </c>
      <c r="J71656" s="1" t="s">
        <v>239600</v>
      </c>
    </row>
    <row r="71657" spans="1:10" x14ac:dyDescent="0.35">
      <c r="A71657" s="1" t="s">
        <v>121514</v>
      </c>
      <c r="B71657" s="1" t="s">
        <v>222693</v>
      </c>
      <c r="C71657" s="1" t="s">
        <v>70</v>
      </c>
      <c r="D71657" s="1" t="s">
        <v>54716</v>
      </c>
      <c r="E71657" s="1" t="s">
        <v>239601</v>
      </c>
      <c r="F71657" s="1" t="s">
        <v>239602</v>
      </c>
      <c r="G71657" s="1" t="s">
        <v>239562</v>
      </c>
      <c r="H71657" s="1" t="s">
        <v>239563</v>
      </c>
      <c r="I71657" s="1" t="s">
        <v>222698</v>
      </c>
      <c r="J71657" s="1" t="s">
        <v>239603</v>
      </c>
    </row>
    <row r="71658" spans="1:10" x14ac:dyDescent="0.35">
      <c r="A71658" s="1" t="s">
        <v>121514</v>
      </c>
      <c r="B71658" s="1" t="s">
        <v>222693</v>
      </c>
      <c r="C71658" s="1" t="s">
        <v>75</v>
      </c>
      <c r="D71658" s="1" t="s">
        <v>239604</v>
      </c>
      <c r="E71658" s="1" t="s">
        <v>239605</v>
      </c>
      <c r="F71658" s="1" t="s">
        <v>239606</v>
      </c>
      <c r="G71658" s="1" t="s">
        <v>239562</v>
      </c>
      <c r="H71658" s="1" t="s">
        <v>239563</v>
      </c>
      <c r="I71658" s="1" t="s">
        <v>222698</v>
      </c>
      <c r="J71658" s="1" t="s">
        <v>239607</v>
      </c>
    </row>
    <row r="71659" spans="1:10" x14ac:dyDescent="0.35">
      <c r="A71659" s="1" t="s">
        <v>121514</v>
      </c>
      <c r="B71659" s="1" t="s">
        <v>222693</v>
      </c>
      <c r="C71659" s="1" t="s">
        <v>80</v>
      </c>
      <c r="D71659" s="1" t="s">
        <v>239608</v>
      </c>
      <c r="E71659" s="1" t="s">
        <v>239609</v>
      </c>
      <c r="F71659" s="1" t="s">
        <v>239610</v>
      </c>
      <c r="G71659" s="1" t="s">
        <v>239562</v>
      </c>
      <c r="H71659" s="1" t="s">
        <v>239563</v>
      </c>
      <c r="I71659" s="1" t="s">
        <v>222698</v>
      </c>
      <c r="J71659" s="1" t="s">
        <v>239611</v>
      </c>
    </row>
    <row r="71660" spans="1:10" x14ac:dyDescent="0.35">
      <c r="A71660" s="1" t="s">
        <v>121514</v>
      </c>
      <c r="B71660" s="1" t="s">
        <v>222693</v>
      </c>
      <c r="C71660" s="1" t="s">
        <v>85</v>
      </c>
      <c r="D71660" s="1" t="s">
        <v>239612</v>
      </c>
      <c r="E71660" s="1" t="s">
        <v>239613</v>
      </c>
      <c r="F71660" s="1" t="s">
        <v>239614</v>
      </c>
      <c r="G71660" s="1" t="s">
        <v>239562</v>
      </c>
      <c r="H71660" s="1" t="s">
        <v>239563</v>
      </c>
      <c r="I71660" s="1" t="s">
        <v>222698</v>
      </c>
      <c r="J71660" s="1" t="s">
        <v>239615</v>
      </c>
    </row>
    <row r="71661" spans="1:10" x14ac:dyDescent="0.35">
      <c r="A71661" s="1" t="s">
        <v>121514</v>
      </c>
      <c r="B71661" s="1" t="s">
        <v>222693</v>
      </c>
      <c r="C71661" s="1" t="s">
        <v>90</v>
      </c>
      <c r="D71661" s="1" t="s">
        <v>239616</v>
      </c>
      <c r="E71661" s="1" t="s">
        <v>239617</v>
      </c>
      <c r="F71661" s="1" t="s">
        <v>239618</v>
      </c>
      <c r="G71661" s="1" t="s">
        <v>239562</v>
      </c>
      <c r="H71661" s="1" t="s">
        <v>239563</v>
      </c>
      <c r="I71661" s="1" t="s">
        <v>222698</v>
      </c>
      <c r="J71661" s="1" t="s">
        <v>239619</v>
      </c>
    </row>
    <row r="71662" spans="1:10" x14ac:dyDescent="0.35">
      <c r="A71662" s="1" t="s">
        <v>121514</v>
      </c>
      <c r="B71662" s="1" t="s">
        <v>222693</v>
      </c>
      <c r="C71662" s="1" t="s">
        <v>95</v>
      </c>
      <c r="D71662" s="1" t="s">
        <v>239620</v>
      </c>
      <c r="E71662" s="1" t="s">
        <v>239621</v>
      </c>
      <c r="F71662" s="1" t="s">
        <v>239622</v>
      </c>
      <c r="G71662" s="1" t="s">
        <v>239562</v>
      </c>
      <c r="H71662" s="1" t="s">
        <v>239563</v>
      </c>
      <c r="I71662" s="1" t="s">
        <v>222698</v>
      </c>
      <c r="J71662" s="1" t="s">
        <v>239623</v>
      </c>
    </row>
    <row r="71663" spans="1:10" x14ac:dyDescent="0.35">
      <c r="A71663" s="1" t="s">
        <v>121514</v>
      </c>
      <c r="B71663" s="1" t="s">
        <v>222693</v>
      </c>
      <c r="C71663" s="1" t="s">
        <v>100</v>
      </c>
      <c r="D71663" s="1" t="s">
        <v>99750</v>
      </c>
      <c r="E71663" s="1" t="s">
        <v>239624</v>
      </c>
      <c r="F71663" s="1" t="s">
        <v>239625</v>
      </c>
      <c r="G71663" s="1" t="s">
        <v>239562</v>
      </c>
      <c r="H71663" s="1" t="s">
        <v>239563</v>
      </c>
      <c r="I71663" s="1" t="s">
        <v>222698</v>
      </c>
      <c r="J71663" s="1" t="s">
        <v>239626</v>
      </c>
    </row>
    <row r="71664" spans="1:10" x14ac:dyDescent="0.35">
      <c r="A71664" s="1" t="s">
        <v>121514</v>
      </c>
      <c r="B71664" s="1" t="s">
        <v>222693</v>
      </c>
      <c r="C71664" s="1" t="s">
        <v>105</v>
      </c>
      <c r="D71664" s="1" t="s">
        <v>239627</v>
      </c>
      <c r="E71664" s="1" t="s">
        <v>239628</v>
      </c>
      <c r="F71664" s="1" t="s">
        <v>239629</v>
      </c>
      <c r="G71664" s="1" t="s">
        <v>239562</v>
      </c>
      <c r="H71664" s="1" t="s">
        <v>239563</v>
      </c>
      <c r="I71664" s="1" t="s">
        <v>222698</v>
      </c>
      <c r="J71664" s="1" t="s">
        <v>239630</v>
      </c>
    </row>
    <row r="71665" spans="1:10" x14ac:dyDescent="0.35">
      <c r="A71665" s="1" t="s">
        <v>121514</v>
      </c>
      <c r="B71665" s="1" t="s">
        <v>222693</v>
      </c>
      <c r="C71665" s="1" t="s">
        <v>110</v>
      </c>
      <c r="D71665" s="1" t="s">
        <v>239631</v>
      </c>
      <c r="E71665" s="1" t="s">
        <v>239632</v>
      </c>
      <c r="F71665" s="1" t="s">
        <v>239633</v>
      </c>
      <c r="G71665" s="1" t="s">
        <v>239562</v>
      </c>
      <c r="H71665" s="1" t="s">
        <v>239563</v>
      </c>
      <c r="I71665" s="1" t="s">
        <v>222698</v>
      </c>
      <c r="J71665" s="1" t="s">
        <v>239634</v>
      </c>
    </row>
    <row r="71666" spans="1:10" x14ac:dyDescent="0.35">
      <c r="A71666" s="1" t="s">
        <v>121514</v>
      </c>
      <c r="B71666" s="1" t="s">
        <v>222693</v>
      </c>
      <c r="C71666" s="1" t="s">
        <v>115</v>
      </c>
      <c r="D71666" s="1" t="s">
        <v>239635</v>
      </c>
      <c r="E71666" s="1" t="s">
        <v>239636</v>
      </c>
      <c r="F71666" s="1" t="s">
        <v>239637</v>
      </c>
      <c r="G71666" s="1" t="s">
        <v>239562</v>
      </c>
      <c r="H71666" s="1" t="s">
        <v>239563</v>
      </c>
      <c r="I71666" s="1" t="s">
        <v>222698</v>
      </c>
      <c r="J71666" s="1" t="s">
        <v>239638</v>
      </c>
    </row>
    <row r="71667" spans="1:10" x14ac:dyDescent="0.35">
      <c r="A71667" s="1" t="s">
        <v>121514</v>
      </c>
      <c r="B71667" s="1" t="s">
        <v>222693</v>
      </c>
      <c r="C71667" s="1" t="s">
        <v>120</v>
      </c>
      <c r="D71667" s="1" t="s">
        <v>239639</v>
      </c>
      <c r="E71667" s="1" t="s">
        <v>239640</v>
      </c>
      <c r="F71667" s="1" t="s">
        <v>239641</v>
      </c>
      <c r="G71667" s="1" t="s">
        <v>239562</v>
      </c>
      <c r="H71667" s="1" t="s">
        <v>239563</v>
      </c>
      <c r="I71667" s="1" t="s">
        <v>222698</v>
      </c>
      <c r="J71667" s="1" t="s">
        <v>239642</v>
      </c>
    </row>
    <row r="71668" spans="1:10" x14ac:dyDescent="0.35">
      <c r="A71668" s="1" t="s">
        <v>121514</v>
      </c>
      <c r="B71668" s="1" t="s">
        <v>222693</v>
      </c>
      <c r="C71668" s="1" t="s">
        <v>125</v>
      </c>
      <c r="D71668" s="1" t="s">
        <v>239643</v>
      </c>
      <c r="E71668" s="1" t="s">
        <v>239644</v>
      </c>
      <c r="F71668" s="1" t="s">
        <v>239645</v>
      </c>
      <c r="G71668" s="1" t="s">
        <v>239562</v>
      </c>
      <c r="H71668" s="1" t="s">
        <v>239563</v>
      </c>
      <c r="I71668" s="1" t="s">
        <v>222698</v>
      </c>
      <c r="J71668" s="1" t="s">
        <v>239646</v>
      </c>
    </row>
    <row r="71669" spans="1:10" x14ac:dyDescent="0.35">
      <c r="A71669" s="1" t="s">
        <v>121514</v>
      </c>
      <c r="B71669" s="1" t="s">
        <v>222693</v>
      </c>
      <c r="C71669" s="1" t="s">
        <v>130</v>
      </c>
      <c r="D71669" s="1" t="s">
        <v>239647</v>
      </c>
      <c r="E71669" s="1" t="s">
        <v>239648</v>
      </c>
      <c r="F71669" s="1" t="s">
        <v>239649</v>
      </c>
      <c r="G71669" s="1" t="s">
        <v>239562</v>
      </c>
      <c r="H71669" s="1" t="s">
        <v>239563</v>
      </c>
      <c r="I71669" s="1" t="s">
        <v>222698</v>
      </c>
      <c r="J71669" s="1" t="s">
        <v>239650</v>
      </c>
    </row>
    <row r="71670" spans="1:10" x14ac:dyDescent="0.35">
      <c r="A71670" s="1" t="s">
        <v>121514</v>
      </c>
      <c r="B71670" s="1" t="s">
        <v>222693</v>
      </c>
      <c r="C71670" s="1" t="s">
        <v>135</v>
      </c>
      <c r="D71670" s="1" t="s">
        <v>96581</v>
      </c>
      <c r="E71670" s="1" t="s">
        <v>239651</v>
      </c>
      <c r="F71670" s="1" t="s">
        <v>239652</v>
      </c>
      <c r="G71670" s="1" t="s">
        <v>239562</v>
      </c>
      <c r="H71670" s="1" t="s">
        <v>239563</v>
      </c>
      <c r="I71670" s="1" t="s">
        <v>222698</v>
      </c>
      <c r="J71670" s="1" t="s">
        <v>239653</v>
      </c>
    </row>
    <row r="71671" spans="1:10" x14ac:dyDescent="0.35">
      <c r="A71671" s="1" t="s">
        <v>121514</v>
      </c>
      <c r="B71671" s="1" t="s">
        <v>222693</v>
      </c>
      <c r="C71671" s="1" t="s">
        <v>140</v>
      </c>
      <c r="D71671" s="1" t="s">
        <v>79443</v>
      </c>
      <c r="E71671" s="1" t="s">
        <v>239654</v>
      </c>
      <c r="F71671" s="1" t="s">
        <v>239655</v>
      </c>
      <c r="G71671" s="1" t="s">
        <v>239562</v>
      </c>
      <c r="H71671" s="1" t="s">
        <v>239563</v>
      </c>
      <c r="I71671" s="1" t="s">
        <v>222698</v>
      </c>
      <c r="J71671" s="1" t="s">
        <v>239656</v>
      </c>
    </row>
    <row r="71672" spans="1:10" x14ac:dyDescent="0.35">
      <c r="A71672" s="1" t="s">
        <v>121514</v>
      </c>
      <c r="B71672" s="1" t="s">
        <v>222693</v>
      </c>
      <c r="C71672" s="1" t="s">
        <v>145</v>
      </c>
      <c r="D71672" s="1" t="s">
        <v>239657</v>
      </c>
      <c r="E71672" s="1" t="s">
        <v>239658</v>
      </c>
      <c r="F71672" s="1" t="s">
        <v>239659</v>
      </c>
      <c r="G71672" s="1" t="s">
        <v>239562</v>
      </c>
      <c r="H71672" s="1" t="s">
        <v>239563</v>
      </c>
      <c r="I71672" s="1" t="s">
        <v>222698</v>
      </c>
      <c r="J71672" s="1" t="s">
        <v>239660</v>
      </c>
    </row>
    <row r="71673" spans="1:10" x14ac:dyDescent="0.35">
      <c r="A71673" s="1" t="s">
        <v>121514</v>
      </c>
      <c r="B71673" s="1" t="s">
        <v>222693</v>
      </c>
      <c r="C71673" s="1" t="s">
        <v>150</v>
      </c>
      <c r="D71673" s="1" t="s">
        <v>239661</v>
      </c>
      <c r="E71673" s="1" t="s">
        <v>239662</v>
      </c>
      <c r="F71673" s="1" t="s">
        <v>239663</v>
      </c>
      <c r="G71673" s="1" t="s">
        <v>239562</v>
      </c>
      <c r="H71673" s="1" t="s">
        <v>239563</v>
      </c>
      <c r="I71673" s="1" t="s">
        <v>222698</v>
      </c>
      <c r="J71673" s="1" t="s">
        <v>239664</v>
      </c>
    </row>
    <row r="71674" spans="1:10" x14ac:dyDescent="0.35">
      <c r="A71674" s="1" t="s">
        <v>121514</v>
      </c>
      <c r="B71674" s="1" t="s">
        <v>222693</v>
      </c>
      <c r="C71674" s="1" t="s">
        <v>155</v>
      </c>
      <c r="D71674" s="1" t="s">
        <v>239665</v>
      </c>
      <c r="E71674" s="1" t="s">
        <v>239666</v>
      </c>
      <c r="F71674" s="1" t="s">
        <v>239667</v>
      </c>
      <c r="G71674" s="1" t="s">
        <v>239562</v>
      </c>
      <c r="H71674" s="1" t="s">
        <v>239563</v>
      </c>
      <c r="I71674" s="1" t="s">
        <v>222698</v>
      </c>
      <c r="J71674" s="1" t="s">
        <v>239668</v>
      </c>
    </row>
    <row r="71675" spans="1:10" x14ac:dyDescent="0.35">
      <c r="A71675" s="1" t="s">
        <v>121514</v>
      </c>
      <c r="B71675" s="1" t="s">
        <v>222693</v>
      </c>
      <c r="C71675" s="1" t="s">
        <v>160</v>
      </c>
      <c r="D71675" s="1" t="s">
        <v>164910</v>
      </c>
      <c r="E71675" s="1" t="s">
        <v>239669</v>
      </c>
      <c r="F71675" s="1" t="s">
        <v>239670</v>
      </c>
      <c r="G71675" s="1" t="s">
        <v>239562</v>
      </c>
      <c r="H71675" s="1" t="s">
        <v>239563</v>
      </c>
      <c r="I71675" s="1" t="s">
        <v>222698</v>
      </c>
      <c r="J71675" s="1" t="s">
        <v>239671</v>
      </c>
    </row>
    <row r="71676" spans="1:10" x14ac:dyDescent="0.35">
      <c r="A71676" s="1" t="s">
        <v>121514</v>
      </c>
      <c r="B71676" s="1" t="s">
        <v>222693</v>
      </c>
      <c r="C71676" s="1" t="s">
        <v>165</v>
      </c>
      <c r="D71676" s="1" t="s">
        <v>239672</v>
      </c>
      <c r="E71676" s="1" t="s">
        <v>239673</v>
      </c>
      <c r="F71676" s="1" t="s">
        <v>239674</v>
      </c>
      <c r="G71676" s="1" t="s">
        <v>239562</v>
      </c>
      <c r="H71676" s="1" t="s">
        <v>239563</v>
      </c>
      <c r="I71676" s="1" t="s">
        <v>222698</v>
      </c>
      <c r="J71676" s="1" t="s">
        <v>239675</v>
      </c>
    </row>
    <row r="71677" spans="1:10" x14ac:dyDescent="0.35">
      <c r="A71677" s="1" t="s">
        <v>121514</v>
      </c>
      <c r="B71677" s="1" t="s">
        <v>222693</v>
      </c>
      <c r="C71677" s="1" t="s">
        <v>170</v>
      </c>
      <c r="D71677" s="1" t="s">
        <v>239676</v>
      </c>
      <c r="E71677" s="1" t="s">
        <v>239677</v>
      </c>
      <c r="F71677" s="1" t="s">
        <v>239678</v>
      </c>
      <c r="G71677" s="1" t="s">
        <v>239562</v>
      </c>
      <c r="H71677" s="1" t="s">
        <v>239563</v>
      </c>
      <c r="I71677" s="1" t="s">
        <v>222698</v>
      </c>
      <c r="J71677" s="1" t="s">
        <v>239679</v>
      </c>
    </row>
    <row r="71678" spans="1:10" x14ac:dyDescent="0.35">
      <c r="A71678" s="1" t="s">
        <v>1639</v>
      </c>
      <c r="B71678" s="1" t="s">
        <v>222693</v>
      </c>
      <c r="C71678" s="1" t="s">
        <v>8</v>
      </c>
      <c r="D71678" s="1" t="s">
        <v>239680</v>
      </c>
      <c r="E71678" s="1" t="s">
        <v>239681</v>
      </c>
      <c r="F71678" s="1" t="s">
        <v>239682</v>
      </c>
      <c r="G71678" s="1" t="s">
        <v>239683</v>
      </c>
      <c r="H71678" s="1" t="s">
        <v>239684</v>
      </c>
      <c r="I71678" s="1" t="s">
        <v>222698</v>
      </c>
      <c r="J71678" s="1" t="s">
        <v>13</v>
      </c>
    </row>
    <row r="71679" spans="1:10" x14ac:dyDescent="0.35">
      <c r="A71679" s="1" t="s">
        <v>1639</v>
      </c>
      <c r="B71679" s="1" t="s">
        <v>222693</v>
      </c>
      <c r="C71679" s="1" t="s">
        <v>15</v>
      </c>
      <c r="D71679" s="1" t="s">
        <v>41783</v>
      </c>
      <c r="E71679" s="1" t="s">
        <v>239685</v>
      </c>
      <c r="F71679" s="1" t="s">
        <v>239686</v>
      </c>
      <c r="G71679" s="1" t="s">
        <v>239683</v>
      </c>
      <c r="H71679" s="1" t="s">
        <v>239684</v>
      </c>
      <c r="I71679" s="1" t="s">
        <v>222698</v>
      </c>
      <c r="J71679" s="1" t="s">
        <v>239687</v>
      </c>
    </row>
    <row r="71680" spans="1:10" x14ac:dyDescent="0.35">
      <c r="A71680" s="1" t="s">
        <v>1639</v>
      </c>
      <c r="B71680" s="1" t="s">
        <v>222693</v>
      </c>
      <c r="C71680" s="1" t="s">
        <v>20</v>
      </c>
      <c r="D71680" s="1" t="s">
        <v>239688</v>
      </c>
      <c r="E71680" s="1" t="s">
        <v>239689</v>
      </c>
      <c r="F71680" s="1" t="s">
        <v>239690</v>
      </c>
      <c r="G71680" s="1" t="s">
        <v>239683</v>
      </c>
      <c r="H71680" s="1" t="s">
        <v>239684</v>
      </c>
      <c r="I71680" s="1" t="s">
        <v>222698</v>
      </c>
      <c r="J71680" s="1" t="s">
        <v>239691</v>
      </c>
    </row>
    <row r="71681" spans="1:10" x14ac:dyDescent="0.35">
      <c r="A71681" s="1" t="s">
        <v>1639</v>
      </c>
      <c r="B71681" s="1" t="s">
        <v>222693</v>
      </c>
      <c r="C71681" s="1" t="s">
        <v>25</v>
      </c>
      <c r="D71681" s="1" t="s">
        <v>239692</v>
      </c>
      <c r="E71681" s="1" t="s">
        <v>239693</v>
      </c>
      <c r="F71681" s="1" t="s">
        <v>239694</v>
      </c>
      <c r="G71681" s="1" t="s">
        <v>239683</v>
      </c>
      <c r="H71681" s="1" t="s">
        <v>239684</v>
      </c>
      <c r="I71681" s="1" t="s">
        <v>222698</v>
      </c>
      <c r="J71681" s="1" t="s">
        <v>239695</v>
      </c>
    </row>
    <row r="71682" spans="1:10" x14ac:dyDescent="0.35">
      <c r="A71682" s="1" t="s">
        <v>1639</v>
      </c>
      <c r="B71682" s="1" t="s">
        <v>222693</v>
      </c>
      <c r="C71682" s="1" t="s">
        <v>30</v>
      </c>
      <c r="D71682" s="1" t="s">
        <v>239696</v>
      </c>
      <c r="E71682" s="1" t="s">
        <v>239697</v>
      </c>
      <c r="F71682" s="1" t="s">
        <v>239698</v>
      </c>
      <c r="G71682" s="1" t="s">
        <v>239683</v>
      </c>
      <c r="H71682" s="1" t="s">
        <v>239684</v>
      </c>
      <c r="I71682" s="1" t="s">
        <v>222698</v>
      </c>
      <c r="J71682" s="1" t="s">
        <v>239699</v>
      </c>
    </row>
    <row r="71683" spans="1:10" x14ac:dyDescent="0.35">
      <c r="A71683" s="1" t="s">
        <v>1639</v>
      </c>
      <c r="B71683" s="1" t="s">
        <v>222693</v>
      </c>
      <c r="C71683" s="1" t="s">
        <v>35</v>
      </c>
      <c r="D71683" s="1" t="s">
        <v>26201</v>
      </c>
      <c r="E71683" s="1" t="s">
        <v>239700</v>
      </c>
      <c r="F71683" s="1" t="s">
        <v>239701</v>
      </c>
      <c r="G71683" s="1" t="s">
        <v>239683</v>
      </c>
      <c r="H71683" s="1" t="s">
        <v>239684</v>
      </c>
      <c r="I71683" s="1" t="s">
        <v>222698</v>
      </c>
      <c r="J71683" s="1" t="s">
        <v>239702</v>
      </c>
    </row>
    <row r="71684" spans="1:10" x14ac:dyDescent="0.35">
      <c r="A71684" s="1" t="s">
        <v>1639</v>
      </c>
      <c r="B71684" s="1" t="s">
        <v>222693</v>
      </c>
      <c r="C71684" s="1" t="s">
        <v>40</v>
      </c>
      <c r="D71684" s="1" t="s">
        <v>227394</v>
      </c>
      <c r="E71684" s="1" t="s">
        <v>239703</v>
      </c>
      <c r="F71684" s="1" t="s">
        <v>239704</v>
      </c>
      <c r="G71684" s="1" t="s">
        <v>239683</v>
      </c>
      <c r="H71684" s="1" t="s">
        <v>239684</v>
      </c>
      <c r="I71684" s="1" t="s">
        <v>222698</v>
      </c>
      <c r="J71684" s="1" t="s">
        <v>239705</v>
      </c>
    </row>
    <row r="71685" spans="1:10" x14ac:dyDescent="0.35">
      <c r="A71685" s="1" t="s">
        <v>1639</v>
      </c>
      <c r="B71685" s="1" t="s">
        <v>222693</v>
      </c>
      <c r="C71685" s="1" t="s">
        <v>45</v>
      </c>
      <c r="D71685" s="1" t="s">
        <v>20206</v>
      </c>
      <c r="E71685" s="1" t="s">
        <v>239706</v>
      </c>
      <c r="F71685" s="1" t="s">
        <v>239707</v>
      </c>
      <c r="G71685" s="1" t="s">
        <v>239683</v>
      </c>
      <c r="H71685" s="1" t="s">
        <v>239684</v>
      </c>
      <c r="I71685" s="1" t="s">
        <v>222698</v>
      </c>
      <c r="J71685" s="1" t="s">
        <v>239708</v>
      </c>
    </row>
    <row r="71686" spans="1:10" x14ac:dyDescent="0.35">
      <c r="A71686" s="1" t="s">
        <v>1639</v>
      </c>
      <c r="B71686" s="1" t="s">
        <v>222693</v>
      </c>
      <c r="C71686" s="1" t="s">
        <v>50</v>
      </c>
      <c r="D71686" s="1" t="s">
        <v>239709</v>
      </c>
      <c r="E71686" s="1" t="s">
        <v>239710</v>
      </c>
      <c r="F71686" s="1" t="s">
        <v>239711</v>
      </c>
      <c r="G71686" s="1" t="s">
        <v>239683</v>
      </c>
      <c r="H71686" s="1" t="s">
        <v>239684</v>
      </c>
      <c r="I71686" s="1" t="s">
        <v>222698</v>
      </c>
      <c r="J71686" s="1" t="s">
        <v>239712</v>
      </c>
    </row>
    <row r="71687" spans="1:10" x14ac:dyDescent="0.35">
      <c r="A71687" s="1" t="s">
        <v>1639</v>
      </c>
      <c r="B71687" s="1" t="s">
        <v>222693</v>
      </c>
      <c r="C71687" s="1" t="s">
        <v>55</v>
      </c>
      <c r="D71687" s="1" t="s">
        <v>132047</v>
      </c>
      <c r="E71687" s="1" t="s">
        <v>239713</v>
      </c>
      <c r="F71687" s="1" t="s">
        <v>239714</v>
      </c>
      <c r="G71687" s="1" t="s">
        <v>239683</v>
      </c>
      <c r="H71687" s="1" t="s">
        <v>239684</v>
      </c>
      <c r="I71687" s="1" t="s">
        <v>222698</v>
      </c>
      <c r="J71687" s="1" t="s">
        <v>239715</v>
      </c>
    </row>
    <row r="71688" spans="1:10" x14ac:dyDescent="0.35">
      <c r="A71688" s="1" t="s">
        <v>1639</v>
      </c>
      <c r="B71688" s="1" t="s">
        <v>222693</v>
      </c>
      <c r="C71688" s="1" t="s">
        <v>60</v>
      </c>
      <c r="D71688" s="1" t="s">
        <v>239716</v>
      </c>
      <c r="E71688" s="1" t="s">
        <v>239717</v>
      </c>
      <c r="F71688" s="1" t="s">
        <v>239718</v>
      </c>
      <c r="G71688" s="1" t="s">
        <v>239683</v>
      </c>
      <c r="H71688" s="1" t="s">
        <v>239684</v>
      </c>
      <c r="I71688" s="1" t="s">
        <v>222698</v>
      </c>
      <c r="J71688" s="1" t="s">
        <v>239719</v>
      </c>
    </row>
    <row r="71689" spans="1:10" x14ac:dyDescent="0.35">
      <c r="A71689" s="1" t="s">
        <v>1639</v>
      </c>
      <c r="B71689" s="1" t="s">
        <v>222693</v>
      </c>
      <c r="C71689" s="1" t="s">
        <v>65</v>
      </c>
      <c r="D71689" s="1" t="s">
        <v>239720</v>
      </c>
      <c r="E71689" s="1" t="s">
        <v>239721</v>
      </c>
      <c r="F71689" s="1" t="s">
        <v>239722</v>
      </c>
      <c r="G71689" s="1" t="s">
        <v>239683</v>
      </c>
      <c r="H71689" s="1" t="s">
        <v>239684</v>
      </c>
      <c r="I71689" s="1" t="s">
        <v>222698</v>
      </c>
      <c r="J71689" s="1" t="s">
        <v>239723</v>
      </c>
    </row>
    <row r="71690" spans="1:10" x14ac:dyDescent="0.35">
      <c r="A71690" s="1" t="s">
        <v>1639</v>
      </c>
      <c r="B71690" s="1" t="s">
        <v>222693</v>
      </c>
      <c r="C71690" s="1" t="s">
        <v>70</v>
      </c>
      <c r="D71690" s="1" t="s">
        <v>239724</v>
      </c>
      <c r="E71690" s="1" t="s">
        <v>239725</v>
      </c>
      <c r="F71690" s="1" t="s">
        <v>239726</v>
      </c>
      <c r="G71690" s="1" t="s">
        <v>239683</v>
      </c>
      <c r="H71690" s="1" t="s">
        <v>239684</v>
      </c>
      <c r="I71690" s="1" t="s">
        <v>222698</v>
      </c>
      <c r="J71690" s="1" t="s">
        <v>239727</v>
      </c>
    </row>
    <row r="71691" spans="1:10" x14ac:dyDescent="0.35">
      <c r="A71691" s="1" t="s">
        <v>1639</v>
      </c>
      <c r="B71691" s="1" t="s">
        <v>222693</v>
      </c>
      <c r="C71691" s="1" t="s">
        <v>75</v>
      </c>
      <c r="D71691" s="1" t="s">
        <v>239728</v>
      </c>
      <c r="E71691" s="1" t="s">
        <v>239729</v>
      </c>
      <c r="F71691" s="1" t="s">
        <v>239730</v>
      </c>
      <c r="G71691" s="1" t="s">
        <v>239683</v>
      </c>
      <c r="H71691" s="1" t="s">
        <v>239684</v>
      </c>
      <c r="I71691" s="1" t="s">
        <v>222698</v>
      </c>
      <c r="J71691" s="1" t="s">
        <v>239731</v>
      </c>
    </row>
    <row r="71692" spans="1:10" x14ac:dyDescent="0.35">
      <c r="A71692" s="1" t="s">
        <v>1639</v>
      </c>
      <c r="B71692" s="1" t="s">
        <v>222693</v>
      </c>
      <c r="C71692" s="1" t="s">
        <v>80</v>
      </c>
      <c r="D71692" s="1" t="s">
        <v>239732</v>
      </c>
      <c r="E71692" s="1" t="s">
        <v>239733</v>
      </c>
      <c r="F71692" s="1" t="s">
        <v>239734</v>
      </c>
      <c r="G71692" s="1" t="s">
        <v>239683</v>
      </c>
      <c r="H71692" s="1" t="s">
        <v>239684</v>
      </c>
      <c r="I71692" s="1" t="s">
        <v>222698</v>
      </c>
      <c r="J71692" s="1" t="s">
        <v>239735</v>
      </c>
    </row>
    <row r="71693" spans="1:10" x14ac:dyDescent="0.35">
      <c r="A71693" s="1" t="s">
        <v>1639</v>
      </c>
      <c r="B71693" s="1" t="s">
        <v>222693</v>
      </c>
      <c r="C71693" s="1" t="s">
        <v>85</v>
      </c>
      <c r="D71693" s="1" t="s">
        <v>239736</v>
      </c>
      <c r="E71693" s="1" t="s">
        <v>239737</v>
      </c>
      <c r="F71693" s="1" t="s">
        <v>239738</v>
      </c>
      <c r="G71693" s="1" t="s">
        <v>239683</v>
      </c>
      <c r="H71693" s="1" t="s">
        <v>239684</v>
      </c>
      <c r="I71693" s="1" t="s">
        <v>222698</v>
      </c>
      <c r="J71693" s="1" t="s">
        <v>239739</v>
      </c>
    </row>
    <row r="71694" spans="1:10" x14ac:dyDescent="0.35">
      <c r="A71694" s="1" t="s">
        <v>1639</v>
      </c>
      <c r="B71694" s="1" t="s">
        <v>222693</v>
      </c>
      <c r="C71694" s="1" t="s">
        <v>90</v>
      </c>
      <c r="D71694" s="1" t="s">
        <v>239740</v>
      </c>
      <c r="E71694" s="1" t="s">
        <v>239741</v>
      </c>
      <c r="F71694" s="1" t="s">
        <v>239742</v>
      </c>
      <c r="G71694" s="1" t="s">
        <v>239683</v>
      </c>
      <c r="H71694" s="1" t="s">
        <v>239684</v>
      </c>
      <c r="I71694" s="1" t="s">
        <v>222698</v>
      </c>
      <c r="J71694" s="1" t="s">
        <v>239743</v>
      </c>
    </row>
    <row r="71695" spans="1:10" x14ac:dyDescent="0.35">
      <c r="A71695" s="1" t="s">
        <v>1639</v>
      </c>
      <c r="B71695" s="1" t="s">
        <v>222693</v>
      </c>
      <c r="C71695" s="1" t="s">
        <v>95</v>
      </c>
      <c r="D71695" s="1" t="s">
        <v>239744</v>
      </c>
      <c r="E71695" s="1" t="s">
        <v>239745</v>
      </c>
      <c r="F71695" s="1" t="s">
        <v>239746</v>
      </c>
      <c r="G71695" s="1" t="s">
        <v>239683</v>
      </c>
      <c r="H71695" s="1" t="s">
        <v>239684</v>
      </c>
      <c r="I71695" s="1" t="s">
        <v>222698</v>
      </c>
      <c r="J71695" s="1" t="s">
        <v>239747</v>
      </c>
    </row>
    <row r="71696" spans="1:10" x14ac:dyDescent="0.35">
      <c r="A71696" s="1" t="s">
        <v>1639</v>
      </c>
      <c r="B71696" s="1" t="s">
        <v>222693</v>
      </c>
      <c r="C71696" s="1" t="s">
        <v>100</v>
      </c>
      <c r="D71696" s="1" t="s">
        <v>239748</v>
      </c>
      <c r="E71696" s="1" t="s">
        <v>239749</v>
      </c>
      <c r="F71696" s="1" t="s">
        <v>239750</v>
      </c>
      <c r="G71696" s="1" t="s">
        <v>239683</v>
      </c>
      <c r="H71696" s="1" t="s">
        <v>239684</v>
      </c>
      <c r="I71696" s="1" t="s">
        <v>222698</v>
      </c>
      <c r="J71696" s="1" t="s">
        <v>239751</v>
      </c>
    </row>
    <row r="71697" spans="1:10" x14ac:dyDescent="0.35">
      <c r="A71697" s="1" t="s">
        <v>1639</v>
      </c>
      <c r="B71697" s="1" t="s">
        <v>222693</v>
      </c>
      <c r="C71697" s="1" t="s">
        <v>105</v>
      </c>
      <c r="D71697" s="1" t="s">
        <v>239752</v>
      </c>
      <c r="E71697" s="1" t="s">
        <v>239753</v>
      </c>
      <c r="F71697" s="1" t="s">
        <v>239754</v>
      </c>
      <c r="G71697" s="1" t="s">
        <v>239683</v>
      </c>
      <c r="H71697" s="1" t="s">
        <v>239684</v>
      </c>
      <c r="I71697" s="1" t="s">
        <v>222698</v>
      </c>
      <c r="J71697" s="1" t="s">
        <v>239755</v>
      </c>
    </row>
    <row r="71698" spans="1:10" x14ac:dyDescent="0.35">
      <c r="A71698" s="1" t="s">
        <v>1639</v>
      </c>
      <c r="B71698" s="1" t="s">
        <v>222693</v>
      </c>
      <c r="C71698" s="1" t="s">
        <v>110</v>
      </c>
      <c r="D71698" s="1" t="s">
        <v>239756</v>
      </c>
      <c r="E71698" s="1" t="s">
        <v>239757</v>
      </c>
      <c r="F71698" s="1" t="s">
        <v>239758</v>
      </c>
      <c r="G71698" s="1" t="s">
        <v>239683</v>
      </c>
      <c r="H71698" s="1" t="s">
        <v>239684</v>
      </c>
      <c r="I71698" s="1" t="s">
        <v>222698</v>
      </c>
      <c r="J71698" s="1" t="s">
        <v>239759</v>
      </c>
    </row>
    <row r="71699" spans="1:10" x14ac:dyDescent="0.35">
      <c r="A71699" s="1" t="s">
        <v>1639</v>
      </c>
      <c r="B71699" s="1" t="s">
        <v>222693</v>
      </c>
      <c r="C71699" s="1" t="s">
        <v>115</v>
      </c>
      <c r="D71699" s="1" t="s">
        <v>239760</v>
      </c>
      <c r="E71699" s="1" t="s">
        <v>239761</v>
      </c>
      <c r="F71699" s="1" t="s">
        <v>239762</v>
      </c>
      <c r="G71699" s="1" t="s">
        <v>239683</v>
      </c>
      <c r="H71699" s="1" t="s">
        <v>239684</v>
      </c>
      <c r="I71699" s="1" t="s">
        <v>222698</v>
      </c>
      <c r="J71699" s="1" t="s">
        <v>239763</v>
      </c>
    </row>
    <row r="71700" spans="1:10" x14ac:dyDescent="0.35">
      <c r="A71700" s="1" t="s">
        <v>1639</v>
      </c>
      <c r="B71700" s="1" t="s">
        <v>222693</v>
      </c>
      <c r="C71700" s="1" t="s">
        <v>120</v>
      </c>
      <c r="D71700" s="1" t="s">
        <v>239764</v>
      </c>
      <c r="E71700" s="1" t="s">
        <v>239765</v>
      </c>
      <c r="F71700" s="1" t="s">
        <v>239766</v>
      </c>
      <c r="G71700" s="1" t="s">
        <v>239683</v>
      </c>
      <c r="H71700" s="1" t="s">
        <v>239684</v>
      </c>
      <c r="I71700" s="1" t="s">
        <v>222698</v>
      </c>
      <c r="J71700" s="1" t="s">
        <v>239767</v>
      </c>
    </row>
    <row r="71701" spans="1:10" x14ac:dyDescent="0.35">
      <c r="A71701" s="1" t="s">
        <v>1639</v>
      </c>
      <c r="B71701" s="1" t="s">
        <v>222693</v>
      </c>
      <c r="C71701" s="1" t="s">
        <v>125</v>
      </c>
      <c r="D71701" s="1" t="s">
        <v>239768</v>
      </c>
      <c r="E71701" s="1" t="s">
        <v>239769</v>
      </c>
      <c r="F71701" s="1" t="s">
        <v>239770</v>
      </c>
      <c r="G71701" s="1" t="s">
        <v>239683</v>
      </c>
      <c r="H71701" s="1" t="s">
        <v>239684</v>
      </c>
      <c r="I71701" s="1" t="s">
        <v>222698</v>
      </c>
      <c r="J71701" s="1" t="s">
        <v>239771</v>
      </c>
    </row>
    <row r="71702" spans="1:10" x14ac:dyDescent="0.35">
      <c r="A71702" s="1" t="s">
        <v>1639</v>
      </c>
      <c r="B71702" s="1" t="s">
        <v>222693</v>
      </c>
      <c r="C71702" s="1" t="s">
        <v>130</v>
      </c>
      <c r="D71702" s="1" t="s">
        <v>239772</v>
      </c>
      <c r="E71702" s="1" t="s">
        <v>239773</v>
      </c>
      <c r="F71702" s="1" t="s">
        <v>239774</v>
      </c>
      <c r="G71702" s="1" t="s">
        <v>239683</v>
      </c>
      <c r="H71702" s="1" t="s">
        <v>239684</v>
      </c>
      <c r="I71702" s="1" t="s">
        <v>222698</v>
      </c>
      <c r="J71702" s="1" t="s">
        <v>239775</v>
      </c>
    </row>
    <row r="71703" spans="1:10" x14ac:dyDescent="0.35">
      <c r="A71703" s="1" t="s">
        <v>1639</v>
      </c>
      <c r="B71703" s="1" t="s">
        <v>222693</v>
      </c>
      <c r="C71703" s="1" t="s">
        <v>135</v>
      </c>
      <c r="D71703" s="1" t="s">
        <v>239776</v>
      </c>
      <c r="E71703" s="1" t="s">
        <v>239777</v>
      </c>
      <c r="F71703" s="1" t="s">
        <v>239778</v>
      </c>
      <c r="G71703" s="1" t="s">
        <v>239683</v>
      </c>
      <c r="H71703" s="1" t="s">
        <v>239684</v>
      </c>
      <c r="I71703" s="1" t="s">
        <v>222698</v>
      </c>
      <c r="J71703" s="1" t="s">
        <v>239779</v>
      </c>
    </row>
    <row r="71704" spans="1:10" x14ac:dyDescent="0.35">
      <c r="A71704" s="1" t="s">
        <v>1639</v>
      </c>
      <c r="B71704" s="1" t="s">
        <v>222693</v>
      </c>
      <c r="C71704" s="1" t="s">
        <v>140</v>
      </c>
      <c r="D71704" s="1" t="s">
        <v>239780</v>
      </c>
      <c r="E71704" s="1" t="s">
        <v>239781</v>
      </c>
      <c r="F71704" s="1" t="s">
        <v>239782</v>
      </c>
      <c r="G71704" s="1" t="s">
        <v>239683</v>
      </c>
      <c r="H71704" s="1" t="s">
        <v>239684</v>
      </c>
      <c r="I71704" s="1" t="s">
        <v>222698</v>
      </c>
      <c r="J71704" s="1" t="s">
        <v>239783</v>
      </c>
    </row>
    <row r="71705" spans="1:10" x14ac:dyDescent="0.35">
      <c r="A71705" s="1" t="s">
        <v>1639</v>
      </c>
      <c r="B71705" s="1" t="s">
        <v>222693</v>
      </c>
      <c r="C71705" s="1" t="s">
        <v>145</v>
      </c>
      <c r="D71705" s="1" t="s">
        <v>239784</v>
      </c>
      <c r="E71705" s="1" t="s">
        <v>239785</v>
      </c>
      <c r="F71705" s="1" t="s">
        <v>239786</v>
      </c>
      <c r="G71705" s="1" t="s">
        <v>239683</v>
      </c>
      <c r="H71705" s="1" t="s">
        <v>239684</v>
      </c>
      <c r="I71705" s="1" t="s">
        <v>222698</v>
      </c>
      <c r="J71705" s="1" t="s">
        <v>239787</v>
      </c>
    </row>
    <row r="71706" spans="1:10" x14ac:dyDescent="0.35">
      <c r="A71706" s="1" t="s">
        <v>1639</v>
      </c>
      <c r="B71706" s="1" t="s">
        <v>222693</v>
      </c>
      <c r="C71706" s="1" t="s">
        <v>150</v>
      </c>
      <c r="D71706" s="1" t="s">
        <v>239788</v>
      </c>
      <c r="E71706" s="1" t="s">
        <v>239789</v>
      </c>
      <c r="F71706" s="1" t="s">
        <v>239790</v>
      </c>
      <c r="G71706" s="1" t="s">
        <v>239683</v>
      </c>
      <c r="H71706" s="1" t="s">
        <v>239684</v>
      </c>
      <c r="I71706" s="1" t="s">
        <v>222698</v>
      </c>
      <c r="J71706" s="1" t="s">
        <v>239791</v>
      </c>
    </row>
    <row r="71707" spans="1:10" x14ac:dyDescent="0.35">
      <c r="A71707" s="1" t="s">
        <v>1639</v>
      </c>
      <c r="B71707" s="1" t="s">
        <v>222693</v>
      </c>
      <c r="C71707" s="1" t="s">
        <v>155</v>
      </c>
      <c r="D71707" s="1" t="s">
        <v>239792</v>
      </c>
      <c r="E71707" s="1" t="s">
        <v>239793</v>
      </c>
      <c r="F71707" s="1" t="s">
        <v>239794</v>
      </c>
      <c r="G71707" s="1" t="s">
        <v>239683</v>
      </c>
      <c r="H71707" s="1" t="s">
        <v>239684</v>
      </c>
      <c r="I71707" s="1" t="s">
        <v>222698</v>
      </c>
      <c r="J71707" s="1" t="s">
        <v>239795</v>
      </c>
    </row>
    <row r="71708" spans="1:10" x14ac:dyDescent="0.35">
      <c r="A71708" s="1" t="s">
        <v>1639</v>
      </c>
      <c r="B71708" s="1" t="s">
        <v>222693</v>
      </c>
      <c r="C71708" s="1" t="s">
        <v>160</v>
      </c>
      <c r="D71708" s="1" t="s">
        <v>239796</v>
      </c>
      <c r="E71708" s="1" t="s">
        <v>239797</v>
      </c>
      <c r="F71708" s="1" t="s">
        <v>239798</v>
      </c>
      <c r="G71708" s="1" t="s">
        <v>239683</v>
      </c>
      <c r="H71708" s="1" t="s">
        <v>239684</v>
      </c>
      <c r="I71708" s="1" t="s">
        <v>222698</v>
      </c>
      <c r="J71708" s="1" t="s">
        <v>239799</v>
      </c>
    </row>
    <row r="71709" spans="1:10" x14ac:dyDescent="0.35">
      <c r="A71709" s="1" t="s">
        <v>1639</v>
      </c>
      <c r="B71709" s="1" t="s">
        <v>222693</v>
      </c>
      <c r="C71709" s="1" t="s">
        <v>165</v>
      </c>
      <c r="D71709" s="1" t="s">
        <v>239800</v>
      </c>
      <c r="E71709" s="1" t="s">
        <v>239801</v>
      </c>
      <c r="F71709" s="1" t="s">
        <v>239802</v>
      </c>
      <c r="G71709" s="1" t="s">
        <v>239683</v>
      </c>
      <c r="H71709" s="1" t="s">
        <v>239684</v>
      </c>
      <c r="I71709" s="1" t="s">
        <v>222698</v>
      </c>
      <c r="J71709" s="1" t="s">
        <v>239803</v>
      </c>
    </row>
    <row r="71710" spans="1:10" x14ac:dyDescent="0.35">
      <c r="A71710" s="1" t="s">
        <v>1639</v>
      </c>
      <c r="B71710" s="1" t="s">
        <v>222693</v>
      </c>
      <c r="C71710" s="1" t="s">
        <v>170</v>
      </c>
      <c r="D71710" s="1" t="s">
        <v>239804</v>
      </c>
      <c r="E71710" s="1" t="s">
        <v>239805</v>
      </c>
      <c r="F71710" s="1" t="s">
        <v>239806</v>
      </c>
      <c r="G71710" s="1" t="s">
        <v>239683</v>
      </c>
      <c r="H71710" s="1" t="s">
        <v>239684</v>
      </c>
      <c r="I71710" s="1" t="s">
        <v>222698</v>
      </c>
      <c r="J71710" s="1" t="s">
        <v>239807</v>
      </c>
    </row>
    <row r="71711" spans="1:10" x14ac:dyDescent="0.35">
      <c r="A71711" s="1" t="s">
        <v>35167</v>
      </c>
      <c r="B71711" s="1" t="s">
        <v>222693</v>
      </c>
      <c r="C71711" s="1" t="s">
        <v>8</v>
      </c>
      <c r="D71711" s="1" t="s">
        <v>229573</v>
      </c>
      <c r="E71711" s="1" t="s">
        <v>239808</v>
      </c>
      <c r="F71711" s="1" t="s">
        <v>239809</v>
      </c>
      <c r="G71711" s="1" t="s">
        <v>239810</v>
      </c>
      <c r="H71711" s="1" t="s">
        <v>239811</v>
      </c>
      <c r="I71711" s="1" t="s">
        <v>222698</v>
      </c>
      <c r="J71711" s="1" t="s">
        <v>13</v>
      </c>
    </row>
    <row r="71712" spans="1:10" x14ac:dyDescent="0.35">
      <c r="A71712" s="1" t="s">
        <v>35167</v>
      </c>
      <c r="B71712" s="1" t="s">
        <v>222693</v>
      </c>
      <c r="C71712" s="1" t="s">
        <v>15</v>
      </c>
      <c r="D71712" s="1" t="s">
        <v>239812</v>
      </c>
      <c r="E71712" s="1" t="s">
        <v>239813</v>
      </c>
      <c r="F71712" s="1" t="s">
        <v>239814</v>
      </c>
      <c r="G71712" s="1" t="s">
        <v>239810</v>
      </c>
      <c r="H71712" s="1" t="s">
        <v>239811</v>
      </c>
      <c r="I71712" s="1" t="s">
        <v>222698</v>
      </c>
      <c r="J71712" s="1" t="s">
        <v>239815</v>
      </c>
    </row>
    <row r="71713" spans="1:10" x14ac:dyDescent="0.35">
      <c r="A71713" s="1" t="s">
        <v>35167</v>
      </c>
      <c r="B71713" s="1" t="s">
        <v>222693</v>
      </c>
      <c r="C71713" s="1" t="s">
        <v>20</v>
      </c>
      <c r="D71713" s="1" t="s">
        <v>239816</v>
      </c>
      <c r="E71713" s="1" t="s">
        <v>239817</v>
      </c>
      <c r="F71713" s="1" t="s">
        <v>239818</v>
      </c>
      <c r="G71713" s="1" t="s">
        <v>239810</v>
      </c>
      <c r="H71713" s="1" t="s">
        <v>239811</v>
      </c>
      <c r="I71713" s="1" t="s">
        <v>222698</v>
      </c>
      <c r="J71713" s="1" t="s">
        <v>239819</v>
      </c>
    </row>
    <row r="71714" spans="1:10" x14ac:dyDescent="0.35">
      <c r="A71714" s="1" t="s">
        <v>35167</v>
      </c>
      <c r="B71714" s="1" t="s">
        <v>222693</v>
      </c>
      <c r="C71714" s="1" t="s">
        <v>25</v>
      </c>
      <c r="D71714" s="1" t="s">
        <v>103735</v>
      </c>
      <c r="E71714" s="1" t="s">
        <v>239820</v>
      </c>
      <c r="F71714" s="1" t="s">
        <v>239821</v>
      </c>
      <c r="G71714" s="1" t="s">
        <v>239810</v>
      </c>
      <c r="H71714" s="1" t="s">
        <v>239811</v>
      </c>
      <c r="I71714" s="1" t="s">
        <v>222698</v>
      </c>
      <c r="J71714" s="1" t="s">
        <v>239822</v>
      </c>
    </row>
    <row r="71715" spans="1:10" x14ac:dyDescent="0.35">
      <c r="A71715" s="1" t="s">
        <v>35167</v>
      </c>
      <c r="B71715" s="1" t="s">
        <v>222693</v>
      </c>
      <c r="C71715" s="1" t="s">
        <v>30</v>
      </c>
      <c r="D71715" s="1" t="s">
        <v>239823</v>
      </c>
      <c r="E71715" s="1" t="s">
        <v>239824</v>
      </c>
      <c r="F71715" s="1" t="s">
        <v>239825</v>
      </c>
      <c r="G71715" s="1" t="s">
        <v>239810</v>
      </c>
      <c r="H71715" s="1" t="s">
        <v>239811</v>
      </c>
      <c r="I71715" s="1" t="s">
        <v>222698</v>
      </c>
      <c r="J71715" s="1" t="s">
        <v>239826</v>
      </c>
    </row>
    <row r="71716" spans="1:10" x14ac:dyDescent="0.35">
      <c r="A71716" s="1" t="s">
        <v>35167</v>
      </c>
      <c r="B71716" s="1" t="s">
        <v>222693</v>
      </c>
      <c r="C71716" s="1" t="s">
        <v>35</v>
      </c>
      <c r="D71716" s="1" t="s">
        <v>127544</v>
      </c>
      <c r="E71716" s="1" t="s">
        <v>239827</v>
      </c>
      <c r="F71716" s="1" t="s">
        <v>239828</v>
      </c>
      <c r="G71716" s="1" t="s">
        <v>239810</v>
      </c>
      <c r="H71716" s="1" t="s">
        <v>239811</v>
      </c>
      <c r="I71716" s="1" t="s">
        <v>222698</v>
      </c>
      <c r="J71716" s="1" t="s">
        <v>239829</v>
      </c>
    </row>
    <row r="71717" spans="1:10" x14ac:dyDescent="0.35">
      <c r="A71717" s="1" t="s">
        <v>35167</v>
      </c>
      <c r="B71717" s="1" t="s">
        <v>222693</v>
      </c>
      <c r="C71717" s="1" t="s">
        <v>40</v>
      </c>
      <c r="D71717" s="1" t="s">
        <v>239830</v>
      </c>
      <c r="E71717" s="1" t="s">
        <v>239831</v>
      </c>
      <c r="F71717" s="1" t="s">
        <v>239832</v>
      </c>
      <c r="G71717" s="1" t="s">
        <v>239810</v>
      </c>
      <c r="H71717" s="1" t="s">
        <v>239811</v>
      </c>
      <c r="I71717" s="1" t="s">
        <v>222698</v>
      </c>
      <c r="J71717" s="1" t="s">
        <v>239833</v>
      </c>
    </row>
    <row r="71718" spans="1:10" x14ac:dyDescent="0.35">
      <c r="A71718" s="1" t="s">
        <v>35167</v>
      </c>
      <c r="B71718" s="1" t="s">
        <v>222693</v>
      </c>
      <c r="C71718" s="1" t="s">
        <v>45</v>
      </c>
      <c r="D71718" s="1" t="s">
        <v>239834</v>
      </c>
      <c r="E71718" s="1" t="s">
        <v>239835</v>
      </c>
      <c r="F71718" s="1" t="s">
        <v>239836</v>
      </c>
      <c r="G71718" s="1" t="s">
        <v>239810</v>
      </c>
      <c r="H71718" s="1" t="s">
        <v>239811</v>
      </c>
      <c r="I71718" s="1" t="s">
        <v>222698</v>
      </c>
      <c r="J71718" s="1" t="s">
        <v>239837</v>
      </c>
    </row>
    <row r="71719" spans="1:10" x14ac:dyDescent="0.35">
      <c r="A71719" s="1" t="s">
        <v>35167</v>
      </c>
      <c r="B71719" s="1" t="s">
        <v>222693</v>
      </c>
      <c r="C71719" s="1" t="s">
        <v>50</v>
      </c>
      <c r="D71719" s="1" t="s">
        <v>239838</v>
      </c>
      <c r="E71719" s="1" t="s">
        <v>239839</v>
      </c>
      <c r="F71719" s="1" t="s">
        <v>239840</v>
      </c>
      <c r="G71719" s="1" t="s">
        <v>239810</v>
      </c>
      <c r="H71719" s="1" t="s">
        <v>239811</v>
      </c>
      <c r="I71719" s="1" t="s">
        <v>222698</v>
      </c>
      <c r="J71719" s="1" t="s">
        <v>239841</v>
      </c>
    </row>
    <row r="71720" spans="1:10" x14ac:dyDescent="0.35">
      <c r="A71720" s="1" t="s">
        <v>35167</v>
      </c>
      <c r="B71720" s="1" t="s">
        <v>222693</v>
      </c>
      <c r="C71720" s="1" t="s">
        <v>55</v>
      </c>
      <c r="D71720" s="1" t="s">
        <v>225245</v>
      </c>
      <c r="E71720" s="1" t="s">
        <v>239842</v>
      </c>
      <c r="F71720" s="1" t="s">
        <v>239843</v>
      </c>
      <c r="G71720" s="1" t="s">
        <v>239810</v>
      </c>
      <c r="H71720" s="1" t="s">
        <v>239811</v>
      </c>
      <c r="I71720" s="1" t="s">
        <v>222698</v>
      </c>
      <c r="J71720" s="1" t="s">
        <v>239844</v>
      </c>
    </row>
    <row r="71721" spans="1:10" x14ac:dyDescent="0.35">
      <c r="A71721" s="1" t="s">
        <v>35167</v>
      </c>
      <c r="B71721" s="1" t="s">
        <v>222693</v>
      </c>
      <c r="C71721" s="1" t="s">
        <v>60</v>
      </c>
      <c r="D71721" s="1" t="s">
        <v>239845</v>
      </c>
      <c r="E71721" s="1" t="s">
        <v>239846</v>
      </c>
      <c r="F71721" s="1" t="s">
        <v>239847</v>
      </c>
      <c r="G71721" s="1" t="s">
        <v>239810</v>
      </c>
      <c r="H71721" s="1" t="s">
        <v>239811</v>
      </c>
      <c r="I71721" s="1" t="s">
        <v>222698</v>
      </c>
      <c r="J71721" s="1" t="s">
        <v>239848</v>
      </c>
    </row>
    <row r="71722" spans="1:10" x14ac:dyDescent="0.35">
      <c r="A71722" s="1" t="s">
        <v>35167</v>
      </c>
      <c r="B71722" s="1" t="s">
        <v>222693</v>
      </c>
      <c r="C71722" s="1" t="s">
        <v>65</v>
      </c>
      <c r="D71722" s="1" t="s">
        <v>239849</v>
      </c>
      <c r="E71722" s="1" t="s">
        <v>239850</v>
      </c>
      <c r="F71722" s="1" t="s">
        <v>239851</v>
      </c>
      <c r="G71722" s="1" t="s">
        <v>239810</v>
      </c>
      <c r="H71722" s="1" t="s">
        <v>239811</v>
      </c>
      <c r="I71722" s="1" t="s">
        <v>222698</v>
      </c>
      <c r="J71722" s="1" t="s">
        <v>239852</v>
      </c>
    </row>
    <row r="71723" spans="1:10" x14ac:dyDescent="0.35">
      <c r="A71723" s="1" t="s">
        <v>35167</v>
      </c>
      <c r="B71723" s="1" t="s">
        <v>222693</v>
      </c>
      <c r="C71723" s="1" t="s">
        <v>70</v>
      </c>
      <c r="D71723" s="1" t="s">
        <v>239853</v>
      </c>
      <c r="E71723" s="1" t="s">
        <v>239854</v>
      </c>
      <c r="F71723" s="1" t="s">
        <v>239855</v>
      </c>
      <c r="G71723" s="1" t="s">
        <v>239810</v>
      </c>
      <c r="H71723" s="1" t="s">
        <v>239811</v>
      </c>
      <c r="I71723" s="1" t="s">
        <v>222698</v>
      </c>
      <c r="J71723" s="1" t="s">
        <v>239856</v>
      </c>
    </row>
    <row r="71724" spans="1:10" x14ac:dyDescent="0.35">
      <c r="A71724" s="1" t="s">
        <v>35167</v>
      </c>
      <c r="B71724" s="1" t="s">
        <v>222693</v>
      </c>
      <c r="C71724" s="1" t="s">
        <v>75</v>
      </c>
      <c r="D71724" s="1" t="s">
        <v>239857</v>
      </c>
      <c r="E71724" s="1" t="s">
        <v>239858</v>
      </c>
      <c r="F71724" s="1" t="s">
        <v>239859</v>
      </c>
      <c r="G71724" s="1" t="s">
        <v>239810</v>
      </c>
      <c r="H71724" s="1" t="s">
        <v>239811</v>
      </c>
      <c r="I71724" s="1" t="s">
        <v>222698</v>
      </c>
      <c r="J71724" s="1" t="s">
        <v>239860</v>
      </c>
    </row>
    <row r="71725" spans="1:10" x14ac:dyDescent="0.35">
      <c r="A71725" s="1" t="s">
        <v>35167</v>
      </c>
      <c r="B71725" s="1" t="s">
        <v>222693</v>
      </c>
      <c r="C71725" s="1" t="s">
        <v>80</v>
      </c>
      <c r="D71725" s="1" t="s">
        <v>239861</v>
      </c>
      <c r="E71725" s="1" t="s">
        <v>239862</v>
      </c>
      <c r="F71725" s="1" t="s">
        <v>239863</v>
      </c>
      <c r="G71725" s="1" t="s">
        <v>239810</v>
      </c>
      <c r="H71725" s="1" t="s">
        <v>239811</v>
      </c>
      <c r="I71725" s="1" t="s">
        <v>222698</v>
      </c>
      <c r="J71725" s="1" t="s">
        <v>239864</v>
      </c>
    </row>
    <row r="71726" spans="1:10" x14ac:dyDescent="0.35">
      <c r="A71726" s="1" t="s">
        <v>35167</v>
      </c>
      <c r="B71726" s="1" t="s">
        <v>222693</v>
      </c>
      <c r="C71726" s="1" t="s">
        <v>85</v>
      </c>
      <c r="D71726" s="1" t="s">
        <v>239865</v>
      </c>
      <c r="E71726" s="1" t="s">
        <v>239866</v>
      </c>
      <c r="F71726" s="1" t="s">
        <v>239867</v>
      </c>
      <c r="G71726" s="1" t="s">
        <v>239810</v>
      </c>
      <c r="H71726" s="1" t="s">
        <v>239811</v>
      </c>
      <c r="I71726" s="1" t="s">
        <v>222698</v>
      </c>
      <c r="J71726" s="1" t="s">
        <v>239868</v>
      </c>
    </row>
    <row r="71727" spans="1:10" x14ac:dyDescent="0.35">
      <c r="A71727" s="1" t="s">
        <v>35167</v>
      </c>
      <c r="B71727" s="1" t="s">
        <v>222693</v>
      </c>
      <c r="C71727" s="1" t="s">
        <v>90</v>
      </c>
      <c r="D71727" s="1" t="s">
        <v>239869</v>
      </c>
      <c r="E71727" s="1" t="s">
        <v>239870</v>
      </c>
      <c r="F71727" s="1" t="s">
        <v>239871</v>
      </c>
      <c r="G71727" s="1" t="s">
        <v>239810</v>
      </c>
      <c r="H71727" s="1" t="s">
        <v>239811</v>
      </c>
      <c r="I71727" s="1" t="s">
        <v>222698</v>
      </c>
      <c r="J71727" s="1" t="s">
        <v>239872</v>
      </c>
    </row>
    <row r="71728" spans="1:10" x14ac:dyDescent="0.35">
      <c r="A71728" s="1" t="s">
        <v>35167</v>
      </c>
      <c r="B71728" s="1" t="s">
        <v>222693</v>
      </c>
      <c r="C71728" s="1" t="s">
        <v>95</v>
      </c>
      <c r="D71728" s="1" t="s">
        <v>239873</v>
      </c>
      <c r="E71728" s="1" t="s">
        <v>239874</v>
      </c>
      <c r="F71728" s="1" t="s">
        <v>239875</v>
      </c>
      <c r="G71728" s="1" t="s">
        <v>239810</v>
      </c>
      <c r="H71728" s="1" t="s">
        <v>239811</v>
      </c>
      <c r="I71728" s="1" t="s">
        <v>222698</v>
      </c>
      <c r="J71728" s="1" t="s">
        <v>239876</v>
      </c>
    </row>
    <row r="71729" spans="1:10" x14ac:dyDescent="0.35">
      <c r="A71729" s="1" t="s">
        <v>35167</v>
      </c>
      <c r="B71729" s="1" t="s">
        <v>222693</v>
      </c>
      <c r="C71729" s="1" t="s">
        <v>100</v>
      </c>
      <c r="D71729" s="1" t="s">
        <v>239877</v>
      </c>
      <c r="E71729" s="1" t="s">
        <v>239878</v>
      </c>
      <c r="F71729" s="1" t="s">
        <v>239879</v>
      </c>
      <c r="G71729" s="1" t="s">
        <v>239810</v>
      </c>
      <c r="H71729" s="1" t="s">
        <v>239811</v>
      </c>
      <c r="I71729" s="1" t="s">
        <v>222698</v>
      </c>
      <c r="J71729" s="1" t="s">
        <v>239880</v>
      </c>
    </row>
    <row r="71730" spans="1:10" x14ac:dyDescent="0.35">
      <c r="A71730" s="1" t="s">
        <v>35167</v>
      </c>
      <c r="B71730" s="1" t="s">
        <v>222693</v>
      </c>
      <c r="C71730" s="1" t="s">
        <v>105</v>
      </c>
      <c r="D71730" s="1" t="s">
        <v>239881</v>
      </c>
      <c r="E71730" s="1" t="s">
        <v>239882</v>
      </c>
      <c r="F71730" s="1" t="s">
        <v>239883</v>
      </c>
      <c r="G71730" s="1" t="s">
        <v>239810</v>
      </c>
      <c r="H71730" s="1" t="s">
        <v>239811</v>
      </c>
      <c r="I71730" s="1" t="s">
        <v>222698</v>
      </c>
      <c r="J71730" s="1" t="s">
        <v>239884</v>
      </c>
    </row>
    <row r="71731" spans="1:10" x14ac:dyDescent="0.35">
      <c r="A71731" s="1" t="s">
        <v>35167</v>
      </c>
      <c r="B71731" s="1" t="s">
        <v>222693</v>
      </c>
      <c r="C71731" s="1" t="s">
        <v>110</v>
      </c>
      <c r="D71731" s="1" t="s">
        <v>239885</v>
      </c>
      <c r="E71731" s="1" t="s">
        <v>239886</v>
      </c>
      <c r="F71731" s="1" t="s">
        <v>239887</v>
      </c>
      <c r="G71731" s="1" t="s">
        <v>239810</v>
      </c>
      <c r="H71731" s="1" t="s">
        <v>239811</v>
      </c>
      <c r="I71731" s="1" t="s">
        <v>222698</v>
      </c>
      <c r="J71731" s="1" t="s">
        <v>239888</v>
      </c>
    </row>
    <row r="71732" spans="1:10" x14ac:dyDescent="0.35">
      <c r="A71732" s="1" t="s">
        <v>35167</v>
      </c>
      <c r="B71732" s="1" t="s">
        <v>222693</v>
      </c>
      <c r="C71732" s="1" t="s">
        <v>115</v>
      </c>
      <c r="D71732" s="1" t="s">
        <v>239889</v>
      </c>
      <c r="E71732" s="1" t="s">
        <v>239890</v>
      </c>
      <c r="F71732" s="1" t="s">
        <v>239891</v>
      </c>
      <c r="G71732" s="1" t="s">
        <v>239810</v>
      </c>
      <c r="H71732" s="1" t="s">
        <v>239811</v>
      </c>
      <c r="I71732" s="1" t="s">
        <v>222698</v>
      </c>
      <c r="J71732" s="1" t="s">
        <v>239892</v>
      </c>
    </row>
    <row r="71733" spans="1:10" x14ac:dyDescent="0.35">
      <c r="A71733" s="1" t="s">
        <v>35167</v>
      </c>
      <c r="B71733" s="1" t="s">
        <v>222693</v>
      </c>
      <c r="C71733" s="1" t="s">
        <v>120</v>
      </c>
      <c r="D71733" s="1" t="s">
        <v>239893</v>
      </c>
      <c r="E71733" s="1" t="s">
        <v>239894</v>
      </c>
      <c r="F71733" s="1" t="s">
        <v>239895</v>
      </c>
      <c r="G71733" s="1" t="s">
        <v>239810</v>
      </c>
      <c r="H71733" s="1" t="s">
        <v>239811</v>
      </c>
      <c r="I71733" s="1" t="s">
        <v>222698</v>
      </c>
      <c r="J71733" s="1" t="s">
        <v>239896</v>
      </c>
    </row>
    <row r="71734" spans="1:10" x14ac:dyDescent="0.35">
      <c r="A71734" s="1" t="s">
        <v>35167</v>
      </c>
      <c r="B71734" s="1" t="s">
        <v>222693</v>
      </c>
      <c r="C71734" s="1" t="s">
        <v>125</v>
      </c>
      <c r="D71734" s="1" t="s">
        <v>239897</v>
      </c>
      <c r="E71734" s="1" t="s">
        <v>239898</v>
      </c>
      <c r="F71734" s="1" t="s">
        <v>239899</v>
      </c>
      <c r="G71734" s="1" t="s">
        <v>239810</v>
      </c>
      <c r="H71734" s="1" t="s">
        <v>239811</v>
      </c>
      <c r="I71734" s="1" t="s">
        <v>222698</v>
      </c>
      <c r="J71734" s="1" t="s">
        <v>239900</v>
      </c>
    </row>
    <row r="71735" spans="1:10" x14ac:dyDescent="0.35">
      <c r="A71735" s="1" t="s">
        <v>35167</v>
      </c>
      <c r="B71735" s="1" t="s">
        <v>222693</v>
      </c>
      <c r="C71735" s="1" t="s">
        <v>130</v>
      </c>
      <c r="D71735" s="1" t="s">
        <v>239901</v>
      </c>
      <c r="E71735" s="1" t="s">
        <v>239902</v>
      </c>
      <c r="F71735" s="1" t="s">
        <v>239903</v>
      </c>
      <c r="G71735" s="1" t="s">
        <v>239810</v>
      </c>
      <c r="H71735" s="1" t="s">
        <v>239811</v>
      </c>
      <c r="I71735" s="1" t="s">
        <v>222698</v>
      </c>
      <c r="J71735" s="1" t="s">
        <v>239904</v>
      </c>
    </row>
    <row r="71736" spans="1:10" x14ac:dyDescent="0.35">
      <c r="A71736" s="1" t="s">
        <v>35167</v>
      </c>
      <c r="B71736" s="1" t="s">
        <v>222693</v>
      </c>
      <c r="C71736" s="1" t="s">
        <v>135</v>
      </c>
      <c r="D71736" s="1" t="s">
        <v>239905</v>
      </c>
      <c r="E71736" s="1" t="s">
        <v>239906</v>
      </c>
      <c r="F71736" s="1" t="s">
        <v>239907</v>
      </c>
      <c r="G71736" s="1" t="s">
        <v>239810</v>
      </c>
      <c r="H71736" s="1" t="s">
        <v>239811</v>
      </c>
      <c r="I71736" s="1" t="s">
        <v>222698</v>
      </c>
      <c r="J71736" s="1" t="s">
        <v>239908</v>
      </c>
    </row>
    <row r="71737" spans="1:10" x14ac:dyDescent="0.35">
      <c r="A71737" s="1" t="s">
        <v>35167</v>
      </c>
      <c r="B71737" s="1" t="s">
        <v>222693</v>
      </c>
      <c r="C71737" s="1" t="s">
        <v>140</v>
      </c>
      <c r="D71737" s="1" t="s">
        <v>239909</v>
      </c>
      <c r="E71737" s="1" t="s">
        <v>239910</v>
      </c>
      <c r="F71737" s="1" t="s">
        <v>239911</v>
      </c>
      <c r="G71737" s="1" t="s">
        <v>239810</v>
      </c>
      <c r="H71737" s="1" t="s">
        <v>239811</v>
      </c>
      <c r="I71737" s="1" t="s">
        <v>222698</v>
      </c>
      <c r="J71737" s="1" t="s">
        <v>239912</v>
      </c>
    </row>
    <row r="71738" spans="1:10" x14ac:dyDescent="0.35">
      <c r="A71738" s="1" t="s">
        <v>35167</v>
      </c>
      <c r="B71738" s="1" t="s">
        <v>222693</v>
      </c>
      <c r="C71738" s="1" t="s">
        <v>145</v>
      </c>
      <c r="D71738" s="1" t="s">
        <v>239913</v>
      </c>
      <c r="E71738" s="1" t="s">
        <v>239914</v>
      </c>
      <c r="F71738" s="1" t="s">
        <v>239915</v>
      </c>
      <c r="G71738" s="1" t="s">
        <v>239810</v>
      </c>
      <c r="H71738" s="1" t="s">
        <v>239811</v>
      </c>
      <c r="I71738" s="1" t="s">
        <v>222698</v>
      </c>
      <c r="J71738" s="1" t="s">
        <v>239916</v>
      </c>
    </row>
    <row r="71739" spans="1:10" x14ac:dyDescent="0.35">
      <c r="A71739" s="1" t="s">
        <v>35167</v>
      </c>
      <c r="B71739" s="1" t="s">
        <v>222693</v>
      </c>
      <c r="C71739" s="1" t="s">
        <v>150</v>
      </c>
      <c r="D71739" s="1" t="s">
        <v>239917</v>
      </c>
      <c r="E71739" s="1" t="s">
        <v>239918</v>
      </c>
      <c r="F71739" s="1" t="s">
        <v>239919</v>
      </c>
      <c r="G71739" s="1" t="s">
        <v>239810</v>
      </c>
      <c r="H71739" s="1" t="s">
        <v>239811</v>
      </c>
      <c r="I71739" s="1" t="s">
        <v>222698</v>
      </c>
      <c r="J71739" s="1" t="s">
        <v>239920</v>
      </c>
    </row>
    <row r="71740" spans="1:10" x14ac:dyDescent="0.35">
      <c r="A71740" s="1" t="s">
        <v>35167</v>
      </c>
      <c r="B71740" s="1" t="s">
        <v>222693</v>
      </c>
      <c r="C71740" s="1" t="s">
        <v>155</v>
      </c>
      <c r="D71740" s="1" t="s">
        <v>239921</v>
      </c>
      <c r="E71740" s="1" t="s">
        <v>239922</v>
      </c>
      <c r="F71740" s="1" t="s">
        <v>239923</v>
      </c>
      <c r="G71740" s="1" t="s">
        <v>239810</v>
      </c>
      <c r="H71740" s="1" t="s">
        <v>239811</v>
      </c>
      <c r="I71740" s="1" t="s">
        <v>222698</v>
      </c>
      <c r="J71740" s="1" t="s">
        <v>239924</v>
      </c>
    </row>
    <row r="71741" spans="1:10" x14ac:dyDescent="0.35">
      <c r="A71741" s="1" t="s">
        <v>35167</v>
      </c>
      <c r="B71741" s="1" t="s">
        <v>222693</v>
      </c>
      <c r="C71741" s="1" t="s">
        <v>160</v>
      </c>
      <c r="D71741" s="1" t="s">
        <v>239925</v>
      </c>
      <c r="E71741" s="1" t="s">
        <v>239926</v>
      </c>
      <c r="F71741" s="1" t="s">
        <v>239927</v>
      </c>
      <c r="G71741" s="1" t="s">
        <v>239810</v>
      </c>
      <c r="H71741" s="1" t="s">
        <v>239811</v>
      </c>
      <c r="I71741" s="1" t="s">
        <v>222698</v>
      </c>
      <c r="J71741" s="1" t="s">
        <v>239928</v>
      </c>
    </row>
    <row r="71742" spans="1:10" x14ac:dyDescent="0.35">
      <c r="A71742" s="1" t="s">
        <v>35167</v>
      </c>
      <c r="B71742" s="1" t="s">
        <v>222693</v>
      </c>
      <c r="C71742" s="1" t="s">
        <v>165</v>
      </c>
      <c r="D71742" s="1" t="s">
        <v>239929</v>
      </c>
      <c r="E71742" s="1" t="s">
        <v>239930</v>
      </c>
      <c r="F71742" s="1" t="s">
        <v>239931</v>
      </c>
      <c r="G71742" s="1" t="s">
        <v>239810</v>
      </c>
      <c r="H71742" s="1" t="s">
        <v>239811</v>
      </c>
      <c r="I71742" s="1" t="s">
        <v>222698</v>
      </c>
      <c r="J71742" s="1" t="s">
        <v>239932</v>
      </c>
    </row>
    <row r="71743" spans="1:10" x14ac:dyDescent="0.35">
      <c r="A71743" s="1" t="s">
        <v>35167</v>
      </c>
      <c r="B71743" s="1" t="s">
        <v>222693</v>
      </c>
      <c r="C71743" s="1" t="s">
        <v>170</v>
      </c>
      <c r="D71743" s="1" t="s">
        <v>239933</v>
      </c>
      <c r="E71743" s="1" t="s">
        <v>239934</v>
      </c>
      <c r="F71743" s="1" t="s">
        <v>239935</v>
      </c>
      <c r="G71743" s="1" t="s">
        <v>239810</v>
      </c>
      <c r="H71743" s="1" t="s">
        <v>239811</v>
      </c>
      <c r="I71743" s="1" t="s">
        <v>222698</v>
      </c>
      <c r="J71743" s="1" t="s">
        <v>239936</v>
      </c>
    </row>
    <row r="71744" spans="1:10" x14ac:dyDescent="0.35">
      <c r="A71744" s="1" t="s">
        <v>145045</v>
      </c>
      <c r="B71744" s="1" t="s">
        <v>222693</v>
      </c>
      <c r="C71744" s="1" t="s">
        <v>8</v>
      </c>
      <c r="D71744" s="1" t="s">
        <v>89679</v>
      </c>
      <c r="E71744" s="1" t="s">
        <v>239937</v>
      </c>
      <c r="F71744" s="1" t="s">
        <v>239938</v>
      </c>
      <c r="G71744" s="1" t="s">
        <v>239939</v>
      </c>
      <c r="H71744" s="1" t="s">
        <v>239940</v>
      </c>
      <c r="I71744" s="1" t="s">
        <v>222698</v>
      </c>
      <c r="J71744" s="1" t="s">
        <v>13</v>
      </c>
    </row>
    <row r="71745" spans="1:10" x14ac:dyDescent="0.35">
      <c r="A71745" s="1" t="s">
        <v>145045</v>
      </c>
      <c r="B71745" s="1" t="s">
        <v>222693</v>
      </c>
      <c r="C71745" s="1" t="s">
        <v>15</v>
      </c>
      <c r="D71745" s="1" t="s">
        <v>239941</v>
      </c>
      <c r="E71745" s="1" t="s">
        <v>239942</v>
      </c>
      <c r="F71745" s="1" t="s">
        <v>239943</v>
      </c>
      <c r="G71745" s="1" t="s">
        <v>239939</v>
      </c>
      <c r="H71745" s="1" t="s">
        <v>239940</v>
      </c>
      <c r="I71745" s="1" t="s">
        <v>222698</v>
      </c>
      <c r="J71745" s="1" t="s">
        <v>239944</v>
      </c>
    </row>
    <row r="71746" spans="1:10" x14ac:dyDescent="0.35">
      <c r="A71746" s="1" t="s">
        <v>145045</v>
      </c>
      <c r="B71746" s="1" t="s">
        <v>222693</v>
      </c>
      <c r="C71746" s="1" t="s">
        <v>20</v>
      </c>
      <c r="D71746" s="1" t="s">
        <v>87030</v>
      </c>
      <c r="E71746" s="1" t="s">
        <v>239945</v>
      </c>
      <c r="F71746" s="1" t="s">
        <v>239946</v>
      </c>
      <c r="G71746" s="1" t="s">
        <v>239939</v>
      </c>
      <c r="H71746" s="1" t="s">
        <v>239940</v>
      </c>
      <c r="I71746" s="1" t="s">
        <v>222698</v>
      </c>
      <c r="J71746" s="1" t="s">
        <v>239947</v>
      </c>
    </row>
    <row r="71747" spans="1:10" x14ac:dyDescent="0.35">
      <c r="A71747" s="1" t="s">
        <v>145045</v>
      </c>
      <c r="B71747" s="1" t="s">
        <v>222693</v>
      </c>
      <c r="C71747" s="1" t="s">
        <v>25</v>
      </c>
      <c r="D71747" s="1" t="s">
        <v>226153</v>
      </c>
      <c r="E71747" s="1" t="s">
        <v>239948</v>
      </c>
      <c r="F71747" s="1" t="s">
        <v>239949</v>
      </c>
      <c r="G71747" s="1" t="s">
        <v>239939</v>
      </c>
      <c r="H71747" s="1" t="s">
        <v>239940</v>
      </c>
      <c r="I71747" s="1" t="s">
        <v>222698</v>
      </c>
      <c r="J71747" s="1" t="s">
        <v>239950</v>
      </c>
    </row>
    <row r="71748" spans="1:10" x14ac:dyDescent="0.35">
      <c r="A71748" s="1" t="s">
        <v>145045</v>
      </c>
      <c r="B71748" s="1" t="s">
        <v>222693</v>
      </c>
      <c r="C71748" s="1" t="s">
        <v>30</v>
      </c>
      <c r="D71748" s="1" t="s">
        <v>239951</v>
      </c>
      <c r="E71748" s="1" t="s">
        <v>239952</v>
      </c>
      <c r="F71748" s="1" t="s">
        <v>239953</v>
      </c>
      <c r="G71748" s="1" t="s">
        <v>239939</v>
      </c>
      <c r="H71748" s="1" t="s">
        <v>239940</v>
      </c>
      <c r="I71748" s="1" t="s">
        <v>222698</v>
      </c>
      <c r="J71748" s="1" t="s">
        <v>239954</v>
      </c>
    </row>
    <row r="71749" spans="1:10" x14ac:dyDescent="0.35">
      <c r="A71749" s="1" t="s">
        <v>145045</v>
      </c>
      <c r="B71749" s="1" t="s">
        <v>222693</v>
      </c>
      <c r="C71749" s="1" t="s">
        <v>35</v>
      </c>
      <c r="D71749" s="1" t="s">
        <v>199056</v>
      </c>
      <c r="E71749" s="1" t="s">
        <v>239955</v>
      </c>
      <c r="F71749" s="1" t="s">
        <v>239956</v>
      </c>
      <c r="G71749" s="1" t="s">
        <v>239939</v>
      </c>
      <c r="H71749" s="1" t="s">
        <v>239940</v>
      </c>
      <c r="I71749" s="1" t="s">
        <v>222698</v>
      </c>
      <c r="J71749" s="1" t="s">
        <v>239957</v>
      </c>
    </row>
    <row r="71750" spans="1:10" x14ac:dyDescent="0.35">
      <c r="A71750" s="1" t="s">
        <v>145045</v>
      </c>
      <c r="B71750" s="1" t="s">
        <v>222693</v>
      </c>
      <c r="C71750" s="1" t="s">
        <v>40</v>
      </c>
      <c r="D71750" s="1" t="s">
        <v>101356</v>
      </c>
      <c r="E71750" s="1" t="s">
        <v>239958</v>
      </c>
      <c r="F71750" s="1" t="s">
        <v>239959</v>
      </c>
      <c r="G71750" s="1" t="s">
        <v>239939</v>
      </c>
      <c r="H71750" s="1" t="s">
        <v>239940</v>
      </c>
      <c r="I71750" s="1" t="s">
        <v>222698</v>
      </c>
      <c r="J71750" s="1" t="s">
        <v>239960</v>
      </c>
    </row>
    <row r="71751" spans="1:10" x14ac:dyDescent="0.35">
      <c r="A71751" s="1" t="s">
        <v>145045</v>
      </c>
      <c r="B71751" s="1" t="s">
        <v>222693</v>
      </c>
      <c r="C71751" s="1" t="s">
        <v>45</v>
      </c>
      <c r="D71751" s="1" t="s">
        <v>162203</v>
      </c>
      <c r="E71751" s="1" t="s">
        <v>239961</v>
      </c>
      <c r="F71751" s="1" t="s">
        <v>239962</v>
      </c>
      <c r="G71751" s="1" t="s">
        <v>239939</v>
      </c>
      <c r="H71751" s="1" t="s">
        <v>239940</v>
      </c>
      <c r="I71751" s="1" t="s">
        <v>222698</v>
      </c>
      <c r="J71751" s="1" t="s">
        <v>239963</v>
      </c>
    </row>
    <row r="71752" spans="1:10" x14ac:dyDescent="0.35">
      <c r="A71752" s="1" t="s">
        <v>145045</v>
      </c>
      <c r="B71752" s="1" t="s">
        <v>222693</v>
      </c>
      <c r="C71752" s="1" t="s">
        <v>50</v>
      </c>
      <c r="D71752" s="1" t="s">
        <v>2806</v>
      </c>
      <c r="E71752" s="1" t="s">
        <v>239964</v>
      </c>
      <c r="F71752" s="1" t="s">
        <v>239965</v>
      </c>
      <c r="G71752" s="1" t="s">
        <v>239939</v>
      </c>
      <c r="H71752" s="1" t="s">
        <v>239940</v>
      </c>
      <c r="I71752" s="1" t="s">
        <v>222698</v>
      </c>
      <c r="J71752" s="1" t="s">
        <v>239966</v>
      </c>
    </row>
    <row r="71753" spans="1:10" x14ac:dyDescent="0.35">
      <c r="A71753" s="1" t="s">
        <v>145045</v>
      </c>
      <c r="B71753" s="1" t="s">
        <v>222693</v>
      </c>
      <c r="C71753" s="1" t="s">
        <v>55</v>
      </c>
      <c r="D71753" s="1" t="s">
        <v>239967</v>
      </c>
      <c r="E71753" s="1" t="s">
        <v>239968</v>
      </c>
      <c r="F71753" s="1" t="s">
        <v>239969</v>
      </c>
      <c r="G71753" s="1" t="s">
        <v>239939</v>
      </c>
      <c r="H71753" s="1" t="s">
        <v>239940</v>
      </c>
      <c r="I71753" s="1" t="s">
        <v>222698</v>
      </c>
      <c r="J71753" s="1" t="s">
        <v>239970</v>
      </c>
    </row>
    <row r="71754" spans="1:10" x14ac:dyDescent="0.35">
      <c r="A71754" s="1" t="s">
        <v>145045</v>
      </c>
      <c r="B71754" s="1" t="s">
        <v>222693</v>
      </c>
      <c r="C71754" s="1" t="s">
        <v>60</v>
      </c>
      <c r="D71754" s="1" t="s">
        <v>200428</v>
      </c>
      <c r="E71754" s="1" t="s">
        <v>239971</v>
      </c>
      <c r="F71754" s="1" t="s">
        <v>239972</v>
      </c>
      <c r="G71754" s="1" t="s">
        <v>239939</v>
      </c>
      <c r="H71754" s="1" t="s">
        <v>239940</v>
      </c>
      <c r="I71754" s="1" t="s">
        <v>222698</v>
      </c>
      <c r="J71754" s="1" t="s">
        <v>239973</v>
      </c>
    </row>
    <row r="71755" spans="1:10" x14ac:dyDescent="0.35">
      <c r="A71755" s="1" t="s">
        <v>145045</v>
      </c>
      <c r="B71755" s="1" t="s">
        <v>222693</v>
      </c>
      <c r="C71755" s="1" t="s">
        <v>65</v>
      </c>
      <c r="D71755" s="1" t="s">
        <v>4988</v>
      </c>
      <c r="E71755" s="1" t="s">
        <v>239974</v>
      </c>
      <c r="F71755" s="1" t="s">
        <v>239975</v>
      </c>
      <c r="G71755" s="1" t="s">
        <v>239939</v>
      </c>
      <c r="H71755" s="1" t="s">
        <v>239940</v>
      </c>
      <c r="I71755" s="1" t="s">
        <v>222698</v>
      </c>
      <c r="J71755" s="1" t="s">
        <v>239976</v>
      </c>
    </row>
    <row r="71756" spans="1:10" x14ac:dyDescent="0.35">
      <c r="A71756" s="1" t="s">
        <v>145045</v>
      </c>
      <c r="B71756" s="1" t="s">
        <v>222693</v>
      </c>
      <c r="C71756" s="1" t="s">
        <v>70</v>
      </c>
      <c r="D71756" s="1" t="s">
        <v>239977</v>
      </c>
      <c r="E71756" s="1" t="s">
        <v>239978</v>
      </c>
      <c r="F71756" s="1" t="s">
        <v>239979</v>
      </c>
      <c r="G71756" s="1" t="s">
        <v>239939</v>
      </c>
      <c r="H71756" s="1" t="s">
        <v>239940</v>
      </c>
      <c r="I71756" s="1" t="s">
        <v>222698</v>
      </c>
      <c r="J71756" s="1" t="s">
        <v>239980</v>
      </c>
    </row>
    <row r="71757" spans="1:10" x14ac:dyDescent="0.35">
      <c r="A71757" s="1" t="s">
        <v>145045</v>
      </c>
      <c r="B71757" s="1" t="s">
        <v>222693</v>
      </c>
      <c r="C71757" s="1" t="s">
        <v>75</v>
      </c>
      <c r="D71757" s="1" t="s">
        <v>239981</v>
      </c>
      <c r="E71757" s="1" t="s">
        <v>239982</v>
      </c>
      <c r="F71757" s="1" t="s">
        <v>239983</v>
      </c>
      <c r="G71757" s="1" t="s">
        <v>239939</v>
      </c>
      <c r="H71757" s="1" t="s">
        <v>239940</v>
      </c>
      <c r="I71757" s="1" t="s">
        <v>222698</v>
      </c>
      <c r="J71757" s="1" t="s">
        <v>239984</v>
      </c>
    </row>
    <row r="71758" spans="1:10" x14ac:dyDescent="0.35">
      <c r="A71758" s="1" t="s">
        <v>145045</v>
      </c>
      <c r="B71758" s="1" t="s">
        <v>222693</v>
      </c>
      <c r="C71758" s="1" t="s">
        <v>80</v>
      </c>
      <c r="D71758" s="1" t="s">
        <v>133020</v>
      </c>
      <c r="E71758" s="1" t="s">
        <v>239985</v>
      </c>
      <c r="F71758" s="1" t="s">
        <v>239986</v>
      </c>
      <c r="G71758" s="1" t="s">
        <v>239939</v>
      </c>
      <c r="H71758" s="1" t="s">
        <v>239940</v>
      </c>
      <c r="I71758" s="1" t="s">
        <v>222698</v>
      </c>
      <c r="J71758" s="1" t="s">
        <v>239987</v>
      </c>
    </row>
    <row r="71759" spans="1:10" x14ac:dyDescent="0.35">
      <c r="A71759" s="1" t="s">
        <v>145045</v>
      </c>
      <c r="B71759" s="1" t="s">
        <v>222693</v>
      </c>
      <c r="C71759" s="1" t="s">
        <v>85</v>
      </c>
      <c r="D71759" s="1" t="s">
        <v>239988</v>
      </c>
      <c r="E71759" s="1" t="s">
        <v>239989</v>
      </c>
      <c r="F71759" s="1" t="s">
        <v>239990</v>
      </c>
      <c r="G71759" s="1" t="s">
        <v>239939</v>
      </c>
      <c r="H71759" s="1" t="s">
        <v>239940</v>
      </c>
      <c r="I71759" s="1" t="s">
        <v>222698</v>
      </c>
      <c r="J71759" s="1" t="s">
        <v>239991</v>
      </c>
    </row>
    <row r="71760" spans="1:10" x14ac:dyDescent="0.35">
      <c r="A71760" s="1" t="s">
        <v>145045</v>
      </c>
      <c r="B71760" s="1" t="s">
        <v>222693</v>
      </c>
      <c r="C71760" s="1" t="s">
        <v>90</v>
      </c>
      <c r="D71760" s="1" t="s">
        <v>103697</v>
      </c>
      <c r="E71760" s="1" t="s">
        <v>239992</v>
      </c>
      <c r="F71760" s="1" t="s">
        <v>239993</v>
      </c>
      <c r="G71760" s="1" t="s">
        <v>239939</v>
      </c>
      <c r="H71760" s="1" t="s">
        <v>239940</v>
      </c>
      <c r="I71760" s="1" t="s">
        <v>222698</v>
      </c>
      <c r="J71760" s="1" t="s">
        <v>239994</v>
      </c>
    </row>
    <row r="71761" spans="1:10" x14ac:dyDescent="0.35">
      <c r="A71761" s="1" t="s">
        <v>145045</v>
      </c>
      <c r="B71761" s="1" t="s">
        <v>222693</v>
      </c>
      <c r="C71761" s="1" t="s">
        <v>95</v>
      </c>
      <c r="D71761" s="1" t="s">
        <v>27294</v>
      </c>
      <c r="E71761" s="1" t="s">
        <v>239995</v>
      </c>
      <c r="F71761" s="1" t="s">
        <v>239996</v>
      </c>
      <c r="G71761" s="1" t="s">
        <v>239939</v>
      </c>
      <c r="H71761" s="1" t="s">
        <v>239940</v>
      </c>
      <c r="I71761" s="1" t="s">
        <v>222698</v>
      </c>
      <c r="J71761" s="1" t="s">
        <v>239997</v>
      </c>
    </row>
    <row r="71762" spans="1:10" x14ac:dyDescent="0.35">
      <c r="A71762" s="1" t="s">
        <v>145045</v>
      </c>
      <c r="B71762" s="1" t="s">
        <v>222693</v>
      </c>
      <c r="C71762" s="1" t="s">
        <v>100</v>
      </c>
      <c r="D71762" s="1" t="s">
        <v>239998</v>
      </c>
      <c r="E71762" s="1" t="s">
        <v>239999</v>
      </c>
      <c r="F71762" s="1" t="s">
        <v>240000</v>
      </c>
      <c r="G71762" s="1" t="s">
        <v>239939</v>
      </c>
      <c r="H71762" s="1" t="s">
        <v>239940</v>
      </c>
      <c r="I71762" s="1" t="s">
        <v>222698</v>
      </c>
      <c r="J71762" s="1" t="s">
        <v>240001</v>
      </c>
    </row>
    <row r="71763" spans="1:10" x14ac:dyDescent="0.35">
      <c r="A71763" s="1" t="s">
        <v>145045</v>
      </c>
      <c r="B71763" s="1" t="s">
        <v>222693</v>
      </c>
      <c r="C71763" s="1" t="s">
        <v>105</v>
      </c>
      <c r="D71763" s="1" t="s">
        <v>240002</v>
      </c>
      <c r="E71763" s="1" t="s">
        <v>240003</v>
      </c>
      <c r="F71763" s="1" t="s">
        <v>240004</v>
      </c>
      <c r="G71763" s="1" t="s">
        <v>239939</v>
      </c>
      <c r="H71763" s="1" t="s">
        <v>239940</v>
      </c>
      <c r="I71763" s="1" t="s">
        <v>222698</v>
      </c>
      <c r="J71763" s="1" t="s">
        <v>240005</v>
      </c>
    </row>
    <row r="71764" spans="1:10" x14ac:dyDescent="0.35">
      <c r="A71764" s="1" t="s">
        <v>145045</v>
      </c>
      <c r="B71764" s="1" t="s">
        <v>222693</v>
      </c>
      <c r="C71764" s="1" t="s">
        <v>110</v>
      </c>
      <c r="D71764" s="1" t="s">
        <v>240006</v>
      </c>
      <c r="E71764" s="1" t="s">
        <v>240007</v>
      </c>
      <c r="F71764" s="1" t="s">
        <v>240008</v>
      </c>
      <c r="G71764" s="1" t="s">
        <v>239939</v>
      </c>
      <c r="H71764" s="1" t="s">
        <v>239940</v>
      </c>
      <c r="I71764" s="1" t="s">
        <v>222698</v>
      </c>
      <c r="J71764" s="1" t="s">
        <v>240009</v>
      </c>
    </row>
    <row r="71765" spans="1:10" x14ac:dyDescent="0.35">
      <c r="A71765" s="1" t="s">
        <v>145045</v>
      </c>
      <c r="B71765" s="1" t="s">
        <v>222693</v>
      </c>
      <c r="C71765" s="1" t="s">
        <v>115</v>
      </c>
      <c r="D71765" s="1" t="s">
        <v>240010</v>
      </c>
      <c r="E71765" s="1" t="s">
        <v>240011</v>
      </c>
      <c r="F71765" s="1" t="s">
        <v>240012</v>
      </c>
      <c r="G71765" s="1" t="s">
        <v>239939</v>
      </c>
      <c r="H71765" s="1" t="s">
        <v>239940</v>
      </c>
      <c r="I71765" s="1" t="s">
        <v>222698</v>
      </c>
      <c r="J71765" s="1" t="s">
        <v>240013</v>
      </c>
    </row>
    <row r="71766" spans="1:10" x14ac:dyDescent="0.35">
      <c r="A71766" s="1" t="s">
        <v>145045</v>
      </c>
      <c r="B71766" s="1" t="s">
        <v>222693</v>
      </c>
      <c r="C71766" s="1" t="s">
        <v>120</v>
      </c>
      <c r="D71766" s="1" t="s">
        <v>240014</v>
      </c>
      <c r="E71766" s="1" t="s">
        <v>240015</v>
      </c>
      <c r="F71766" s="1" t="s">
        <v>240016</v>
      </c>
      <c r="G71766" s="1" t="s">
        <v>239939</v>
      </c>
      <c r="H71766" s="1" t="s">
        <v>239940</v>
      </c>
      <c r="I71766" s="1" t="s">
        <v>222698</v>
      </c>
      <c r="J71766" s="1" t="s">
        <v>240017</v>
      </c>
    </row>
    <row r="71767" spans="1:10" x14ac:dyDescent="0.35">
      <c r="A71767" s="1" t="s">
        <v>145045</v>
      </c>
      <c r="B71767" s="1" t="s">
        <v>222693</v>
      </c>
      <c r="C71767" s="1" t="s">
        <v>125</v>
      </c>
      <c r="D71767" s="1" t="s">
        <v>22913</v>
      </c>
      <c r="E71767" s="1" t="s">
        <v>240018</v>
      </c>
      <c r="F71767" s="1" t="s">
        <v>240019</v>
      </c>
      <c r="G71767" s="1" t="s">
        <v>239939</v>
      </c>
      <c r="H71767" s="1" t="s">
        <v>239940</v>
      </c>
      <c r="I71767" s="1" t="s">
        <v>222698</v>
      </c>
      <c r="J71767" s="1" t="s">
        <v>240020</v>
      </c>
    </row>
    <row r="71768" spans="1:10" x14ac:dyDescent="0.35">
      <c r="A71768" s="1" t="s">
        <v>145045</v>
      </c>
      <c r="B71768" s="1" t="s">
        <v>222693</v>
      </c>
      <c r="C71768" s="1" t="s">
        <v>130</v>
      </c>
      <c r="D71768" s="1" t="s">
        <v>240021</v>
      </c>
      <c r="E71768" s="1" t="s">
        <v>240022</v>
      </c>
      <c r="F71768" s="1" t="s">
        <v>240023</v>
      </c>
      <c r="G71768" s="1" t="s">
        <v>239939</v>
      </c>
      <c r="H71768" s="1" t="s">
        <v>239940</v>
      </c>
      <c r="I71768" s="1" t="s">
        <v>222698</v>
      </c>
      <c r="J71768" s="1" t="s">
        <v>240024</v>
      </c>
    </row>
    <row r="71769" spans="1:10" x14ac:dyDescent="0.35">
      <c r="A71769" s="1" t="s">
        <v>145045</v>
      </c>
      <c r="B71769" s="1" t="s">
        <v>222693</v>
      </c>
      <c r="C71769" s="1" t="s">
        <v>135</v>
      </c>
      <c r="D71769" s="1" t="s">
        <v>140093</v>
      </c>
      <c r="E71769" s="1" t="s">
        <v>240025</v>
      </c>
      <c r="F71769" s="1" t="s">
        <v>240026</v>
      </c>
      <c r="G71769" s="1" t="s">
        <v>239939</v>
      </c>
      <c r="H71769" s="1" t="s">
        <v>239940</v>
      </c>
      <c r="I71769" s="1" t="s">
        <v>222698</v>
      </c>
      <c r="J71769" s="1" t="s">
        <v>240027</v>
      </c>
    </row>
    <row r="71770" spans="1:10" x14ac:dyDescent="0.35">
      <c r="A71770" s="1" t="s">
        <v>145045</v>
      </c>
      <c r="B71770" s="1" t="s">
        <v>222693</v>
      </c>
      <c r="C71770" s="1" t="s">
        <v>140</v>
      </c>
      <c r="D71770" s="1" t="s">
        <v>239620</v>
      </c>
      <c r="E71770" s="1" t="s">
        <v>240028</v>
      </c>
      <c r="F71770" s="1" t="s">
        <v>240029</v>
      </c>
      <c r="G71770" s="1" t="s">
        <v>239939</v>
      </c>
      <c r="H71770" s="1" t="s">
        <v>239940</v>
      </c>
      <c r="I71770" s="1" t="s">
        <v>222698</v>
      </c>
      <c r="J71770" s="1" t="s">
        <v>240030</v>
      </c>
    </row>
    <row r="71771" spans="1:10" x14ac:dyDescent="0.35">
      <c r="A71771" s="1" t="s">
        <v>145045</v>
      </c>
      <c r="B71771" s="1" t="s">
        <v>222693</v>
      </c>
      <c r="C71771" s="1" t="s">
        <v>145</v>
      </c>
      <c r="D71771" s="1" t="s">
        <v>137027</v>
      </c>
      <c r="E71771" s="1" t="s">
        <v>240031</v>
      </c>
      <c r="F71771" s="1" t="s">
        <v>240032</v>
      </c>
      <c r="G71771" s="1" t="s">
        <v>239939</v>
      </c>
      <c r="H71771" s="1" t="s">
        <v>239940</v>
      </c>
      <c r="I71771" s="1" t="s">
        <v>222698</v>
      </c>
      <c r="J71771" s="1" t="s">
        <v>240033</v>
      </c>
    </row>
    <row r="71772" spans="1:10" x14ac:dyDescent="0.35">
      <c r="A71772" s="1" t="s">
        <v>145045</v>
      </c>
      <c r="B71772" s="1" t="s">
        <v>222693</v>
      </c>
      <c r="C71772" s="1" t="s">
        <v>150</v>
      </c>
      <c r="D71772" s="1" t="s">
        <v>91476</v>
      </c>
      <c r="E71772" s="1" t="s">
        <v>240034</v>
      </c>
      <c r="F71772" s="1" t="s">
        <v>240035</v>
      </c>
      <c r="G71772" s="1" t="s">
        <v>239939</v>
      </c>
      <c r="H71772" s="1" t="s">
        <v>239940</v>
      </c>
      <c r="I71772" s="1" t="s">
        <v>222698</v>
      </c>
      <c r="J71772" s="1" t="s">
        <v>240036</v>
      </c>
    </row>
    <row r="71773" spans="1:10" x14ac:dyDescent="0.35">
      <c r="A71773" s="1" t="s">
        <v>145045</v>
      </c>
      <c r="B71773" s="1" t="s">
        <v>222693</v>
      </c>
      <c r="C71773" s="1" t="s">
        <v>155</v>
      </c>
      <c r="D71773" s="1" t="s">
        <v>38936</v>
      </c>
      <c r="E71773" s="1" t="s">
        <v>240037</v>
      </c>
      <c r="F71773" s="1" t="s">
        <v>240038</v>
      </c>
      <c r="G71773" s="1" t="s">
        <v>239939</v>
      </c>
      <c r="H71773" s="1" t="s">
        <v>239940</v>
      </c>
      <c r="I71773" s="1" t="s">
        <v>222698</v>
      </c>
      <c r="J71773" s="1" t="s">
        <v>240039</v>
      </c>
    </row>
    <row r="71774" spans="1:10" x14ac:dyDescent="0.35">
      <c r="A71774" s="1" t="s">
        <v>145045</v>
      </c>
      <c r="B71774" s="1" t="s">
        <v>222693</v>
      </c>
      <c r="C71774" s="1" t="s">
        <v>160</v>
      </c>
      <c r="D71774" s="1" t="s">
        <v>41343</v>
      </c>
      <c r="E71774" s="1" t="s">
        <v>240040</v>
      </c>
      <c r="F71774" s="1" t="s">
        <v>240041</v>
      </c>
      <c r="G71774" s="1" t="s">
        <v>239939</v>
      </c>
      <c r="H71774" s="1" t="s">
        <v>239940</v>
      </c>
      <c r="I71774" s="1" t="s">
        <v>222698</v>
      </c>
      <c r="J71774" s="1" t="s">
        <v>240042</v>
      </c>
    </row>
    <row r="71775" spans="1:10" x14ac:dyDescent="0.35">
      <c r="A71775" s="1" t="s">
        <v>145045</v>
      </c>
      <c r="B71775" s="1" t="s">
        <v>222693</v>
      </c>
      <c r="C71775" s="1" t="s">
        <v>165</v>
      </c>
      <c r="D71775" s="1" t="s">
        <v>58242</v>
      </c>
      <c r="E71775" s="1" t="s">
        <v>240043</v>
      </c>
      <c r="F71775" s="1" t="s">
        <v>240044</v>
      </c>
      <c r="G71775" s="1" t="s">
        <v>239939</v>
      </c>
      <c r="H71775" s="1" t="s">
        <v>239940</v>
      </c>
      <c r="I71775" s="1" t="s">
        <v>222698</v>
      </c>
      <c r="J71775" s="1" t="s">
        <v>240045</v>
      </c>
    </row>
    <row r="71776" spans="1:10" x14ac:dyDescent="0.35">
      <c r="A71776" s="1" t="s">
        <v>145045</v>
      </c>
      <c r="B71776" s="1" t="s">
        <v>222693</v>
      </c>
      <c r="C71776" s="1" t="s">
        <v>170</v>
      </c>
      <c r="D71776" s="1" t="s">
        <v>200481</v>
      </c>
      <c r="E71776" s="1" t="s">
        <v>240046</v>
      </c>
      <c r="F71776" s="1" t="s">
        <v>240047</v>
      </c>
      <c r="G71776" s="1" t="s">
        <v>239939</v>
      </c>
      <c r="H71776" s="1" t="s">
        <v>239940</v>
      </c>
      <c r="I71776" s="1" t="s">
        <v>222698</v>
      </c>
      <c r="J71776" s="1" t="s">
        <v>240048</v>
      </c>
    </row>
    <row r="71777" spans="1:10" x14ac:dyDescent="0.35">
      <c r="A71777" s="1" t="s">
        <v>110002</v>
      </c>
      <c r="B71777" s="1" t="s">
        <v>222693</v>
      </c>
      <c r="C71777" s="1" t="s">
        <v>8</v>
      </c>
      <c r="D71777" s="1" t="s">
        <v>240049</v>
      </c>
      <c r="E71777" s="1" t="s">
        <v>240050</v>
      </c>
      <c r="F71777" s="1" t="s">
        <v>240051</v>
      </c>
      <c r="G71777" s="1" t="s">
        <v>240052</v>
      </c>
      <c r="H71777" s="1" t="s">
        <v>240053</v>
      </c>
      <c r="I71777" s="1" t="s">
        <v>222698</v>
      </c>
      <c r="J71777" s="1" t="s">
        <v>13</v>
      </c>
    </row>
    <row r="71778" spans="1:10" x14ac:dyDescent="0.35">
      <c r="A71778" s="1" t="s">
        <v>110002</v>
      </c>
      <c r="B71778" s="1" t="s">
        <v>222693</v>
      </c>
      <c r="C71778" s="1" t="s">
        <v>15</v>
      </c>
      <c r="D71778" s="1" t="s">
        <v>99800</v>
      </c>
      <c r="E71778" s="1" t="s">
        <v>240054</v>
      </c>
      <c r="F71778" s="1" t="s">
        <v>240055</v>
      </c>
      <c r="G71778" s="1" t="s">
        <v>240052</v>
      </c>
      <c r="H71778" s="1" t="s">
        <v>240053</v>
      </c>
      <c r="I71778" s="1" t="s">
        <v>222698</v>
      </c>
      <c r="J71778" s="1" t="s">
        <v>240056</v>
      </c>
    </row>
    <row r="71779" spans="1:10" x14ac:dyDescent="0.35">
      <c r="A71779" s="1" t="s">
        <v>110002</v>
      </c>
      <c r="B71779" s="1" t="s">
        <v>222693</v>
      </c>
      <c r="C71779" s="1" t="s">
        <v>20</v>
      </c>
      <c r="D71779" s="1" t="s">
        <v>59821</v>
      </c>
      <c r="E71779" s="1" t="s">
        <v>240057</v>
      </c>
      <c r="F71779" s="1" t="s">
        <v>240058</v>
      </c>
      <c r="G71779" s="1" t="s">
        <v>240052</v>
      </c>
      <c r="H71779" s="1" t="s">
        <v>240053</v>
      </c>
      <c r="I71779" s="1" t="s">
        <v>222698</v>
      </c>
      <c r="J71779" s="1" t="s">
        <v>240059</v>
      </c>
    </row>
    <row r="71780" spans="1:10" x14ac:dyDescent="0.35">
      <c r="A71780" s="1" t="s">
        <v>110002</v>
      </c>
      <c r="B71780" s="1" t="s">
        <v>222693</v>
      </c>
      <c r="C71780" s="1" t="s">
        <v>25</v>
      </c>
      <c r="D71780" s="1" t="s">
        <v>240060</v>
      </c>
      <c r="E71780" s="1" t="s">
        <v>240061</v>
      </c>
      <c r="F71780" s="1" t="s">
        <v>240062</v>
      </c>
      <c r="G71780" s="1" t="s">
        <v>240052</v>
      </c>
      <c r="H71780" s="1" t="s">
        <v>240053</v>
      </c>
      <c r="I71780" s="1" t="s">
        <v>222698</v>
      </c>
      <c r="J71780" s="1" t="s">
        <v>240063</v>
      </c>
    </row>
    <row r="71781" spans="1:10" x14ac:dyDescent="0.35">
      <c r="A71781" s="1" t="s">
        <v>110002</v>
      </c>
      <c r="B71781" s="1" t="s">
        <v>222693</v>
      </c>
      <c r="C71781" s="1" t="s">
        <v>30</v>
      </c>
      <c r="D71781" s="1" t="s">
        <v>79078</v>
      </c>
      <c r="E71781" s="1" t="s">
        <v>240064</v>
      </c>
      <c r="F71781" s="1" t="s">
        <v>240065</v>
      </c>
      <c r="G71781" s="1" t="s">
        <v>240052</v>
      </c>
      <c r="H71781" s="1" t="s">
        <v>240053</v>
      </c>
      <c r="I71781" s="1" t="s">
        <v>222698</v>
      </c>
      <c r="J71781" s="1" t="s">
        <v>240066</v>
      </c>
    </row>
    <row r="71782" spans="1:10" x14ac:dyDescent="0.35">
      <c r="A71782" s="1" t="s">
        <v>110002</v>
      </c>
      <c r="B71782" s="1" t="s">
        <v>222693</v>
      </c>
      <c r="C71782" s="1" t="s">
        <v>35</v>
      </c>
      <c r="D71782" s="1" t="s">
        <v>240067</v>
      </c>
      <c r="E71782" s="1" t="s">
        <v>240068</v>
      </c>
      <c r="F71782" s="1" t="s">
        <v>240069</v>
      </c>
      <c r="G71782" s="1" t="s">
        <v>240052</v>
      </c>
      <c r="H71782" s="1" t="s">
        <v>240053</v>
      </c>
      <c r="I71782" s="1" t="s">
        <v>222698</v>
      </c>
      <c r="J71782" s="1" t="s">
        <v>240070</v>
      </c>
    </row>
    <row r="71783" spans="1:10" x14ac:dyDescent="0.35">
      <c r="A71783" s="1" t="s">
        <v>110002</v>
      </c>
      <c r="B71783" s="1" t="s">
        <v>222693</v>
      </c>
      <c r="C71783" s="1" t="s">
        <v>40</v>
      </c>
      <c r="D71783" s="1" t="s">
        <v>91100</v>
      </c>
      <c r="E71783" s="1" t="s">
        <v>240071</v>
      </c>
      <c r="F71783" s="1" t="s">
        <v>240072</v>
      </c>
      <c r="G71783" s="1" t="s">
        <v>240052</v>
      </c>
      <c r="H71783" s="1" t="s">
        <v>240053</v>
      </c>
      <c r="I71783" s="1" t="s">
        <v>222698</v>
      </c>
      <c r="J71783" s="1" t="s">
        <v>240073</v>
      </c>
    </row>
    <row r="71784" spans="1:10" x14ac:dyDescent="0.35">
      <c r="A71784" s="1" t="s">
        <v>110002</v>
      </c>
      <c r="B71784" s="1" t="s">
        <v>222693</v>
      </c>
      <c r="C71784" s="1" t="s">
        <v>45</v>
      </c>
      <c r="D71784" s="1" t="s">
        <v>7385</v>
      </c>
      <c r="E71784" s="1" t="s">
        <v>240074</v>
      </c>
      <c r="F71784" s="1" t="s">
        <v>240075</v>
      </c>
      <c r="G71784" s="1" t="s">
        <v>240052</v>
      </c>
      <c r="H71784" s="1" t="s">
        <v>240053</v>
      </c>
      <c r="I71784" s="1" t="s">
        <v>222698</v>
      </c>
      <c r="J71784" s="1" t="s">
        <v>240076</v>
      </c>
    </row>
    <row r="71785" spans="1:10" x14ac:dyDescent="0.35">
      <c r="A71785" s="1" t="s">
        <v>110002</v>
      </c>
      <c r="B71785" s="1" t="s">
        <v>222693</v>
      </c>
      <c r="C71785" s="1" t="s">
        <v>50</v>
      </c>
      <c r="D71785" s="1" t="s">
        <v>240077</v>
      </c>
      <c r="E71785" s="1" t="s">
        <v>240078</v>
      </c>
      <c r="F71785" s="1" t="s">
        <v>240079</v>
      </c>
      <c r="G71785" s="1" t="s">
        <v>240052</v>
      </c>
      <c r="H71785" s="1" t="s">
        <v>240053</v>
      </c>
      <c r="I71785" s="1" t="s">
        <v>222698</v>
      </c>
      <c r="J71785" s="1" t="s">
        <v>240080</v>
      </c>
    </row>
    <row r="71786" spans="1:10" x14ac:dyDescent="0.35">
      <c r="A71786" s="1" t="s">
        <v>110002</v>
      </c>
      <c r="B71786" s="1" t="s">
        <v>222693</v>
      </c>
      <c r="C71786" s="1" t="s">
        <v>55</v>
      </c>
      <c r="D71786" s="1" t="s">
        <v>230894</v>
      </c>
      <c r="E71786" s="1" t="s">
        <v>240081</v>
      </c>
      <c r="F71786" s="1" t="s">
        <v>240082</v>
      </c>
      <c r="G71786" s="1" t="s">
        <v>240052</v>
      </c>
      <c r="H71786" s="1" t="s">
        <v>240053</v>
      </c>
      <c r="I71786" s="1" t="s">
        <v>222698</v>
      </c>
      <c r="J71786" s="1" t="s">
        <v>240083</v>
      </c>
    </row>
    <row r="71787" spans="1:10" x14ac:dyDescent="0.35">
      <c r="A71787" s="1" t="s">
        <v>110002</v>
      </c>
      <c r="B71787" s="1" t="s">
        <v>222693</v>
      </c>
      <c r="C71787" s="1" t="s">
        <v>60</v>
      </c>
      <c r="D71787" s="1" t="s">
        <v>130351</v>
      </c>
      <c r="E71787" s="1" t="s">
        <v>240084</v>
      </c>
      <c r="F71787" s="1" t="s">
        <v>240085</v>
      </c>
      <c r="G71787" s="1" t="s">
        <v>240052</v>
      </c>
      <c r="H71787" s="1" t="s">
        <v>240053</v>
      </c>
      <c r="I71787" s="1" t="s">
        <v>222698</v>
      </c>
      <c r="J71787" s="1" t="s">
        <v>240086</v>
      </c>
    </row>
    <row r="71788" spans="1:10" x14ac:dyDescent="0.35">
      <c r="A71788" s="1" t="s">
        <v>110002</v>
      </c>
      <c r="B71788" s="1" t="s">
        <v>222693</v>
      </c>
      <c r="C71788" s="1" t="s">
        <v>65</v>
      </c>
      <c r="D71788" s="1" t="s">
        <v>240087</v>
      </c>
      <c r="E71788" s="1" t="s">
        <v>240088</v>
      </c>
      <c r="F71788" s="1" t="s">
        <v>240089</v>
      </c>
      <c r="G71788" s="1" t="s">
        <v>240052</v>
      </c>
      <c r="H71788" s="1" t="s">
        <v>240053</v>
      </c>
      <c r="I71788" s="1" t="s">
        <v>222698</v>
      </c>
      <c r="J71788" s="1" t="s">
        <v>240090</v>
      </c>
    </row>
    <row r="71789" spans="1:10" x14ac:dyDescent="0.35">
      <c r="A71789" s="1" t="s">
        <v>110002</v>
      </c>
      <c r="B71789" s="1" t="s">
        <v>222693</v>
      </c>
      <c r="C71789" s="1" t="s">
        <v>70</v>
      </c>
      <c r="D71789" s="1" t="s">
        <v>240091</v>
      </c>
      <c r="E71789" s="1" t="s">
        <v>240092</v>
      </c>
      <c r="F71789" s="1" t="s">
        <v>240093</v>
      </c>
      <c r="G71789" s="1" t="s">
        <v>240052</v>
      </c>
      <c r="H71789" s="1" t="s">
        <v>240053</v>
      </c>
      <c r="I71789" s="1" t="s">
        <v>222698</v>
      </c>
      <c r="J71789" s="1" t="s">
        <v>240094</v>
      </c>
    </row>
    <row r="71790" spans="1:10" x14ac:dyDescent="0.35">
      <c r="A71790" s="1" t="s">
        <v>110002</v>
      </c>
      <c r="B71790" s="1" t="s">
        <v>222693</v>
      </c>
      <c r="C71790" s="1" t="s">
        <v>75</v>
      </c>
      <c r="D71790" s="1" t="s">
        <v>103763</v>
      </c>
      <c r="E71790" s="1" t="s">
        <v>240095</v>
      </c>
      <c r="F71790" s="1" t="s">
        <v>240096</v>
      </c>
      <c r="G71790" s="1" t="s">
        <v>240052</v>
      </c>
      <c r="H71790" s="1" t="s">
        <v>240053</v>
      </c>
      <c r="I71790" s="1" t="s">
        <v>222698</v>
      </c>
      <c r="J71790" s="1" t="s">
        <v>240097</v>
      </c>
    </row>
    <row r="71791" spans="1:10" x14ac:dyDescent="0.35">
      <c r="A71791" s="1" t="s">
        <v>110002</v>
      </c>
      <c r="B71791" s="1" t="s">
        <v>222693</v>
      </c>
      <c r="C71791" s="1" t="s">
        <v>80</v>
      </c>
      <c r="D71791" s="1" t="s">
        <v>14717</v>
      </c>
      <c r="E71791" s="1" t="s">
        <v>240098</v>
      </c>
      <c r="F71791" s="1" t="s">
        <v>240099</v>
      </c>
      <c r="G71791" s="1" t="s">
        <v>240052</v>
      </c>
      <c r="H71791" s="1" t="s">
        <v>240053</v>
      </c>
      <c r="I71791" s="1" t="s">
        <v>222698</v>
      </c>
      <c r="J71791" s="1" t="s">
        <v>240100</v>
      </c>
    </row>
    <row r="71792" spans="1:10" x14ac:dyDescent="0.35">
      <c r="A71792" s="1" t="s">
        <v>110002</v>
      </c>
      <c r="B71792" s="1" t="s">
        <v>222693</v>
      </c>
      <c r="C71792" s="1" t="s">
        <v>85</v>
      </c>
      <c r="D71792" s="1" t="s">
        <v>62735</v>
      </c>
      <c r="E71792" s="1" t="s">
        <v>240101</v>
      </c>
      <c r="F71792" s="1" t="s">
        <v>240102</v>
      </c>
      <c r="G71792" s="1" t="s">
        <v>240052</v>
      </c>
      <c r="H71792" s="1" t="s">
        <v>240053</v>
      </c>
      <c r="I71792" s="1" t="s">
        <v>222698</v>
      </c>
      <c r="J71792" s="1" t="s">
        <v>240103</v>
      </c>
    </row>
    <row r="71793" spans="1:10" x14ac:dyDescent="0.35">
      <c r="A71793" s="1" t="s">
        <v>110002</v>
      </c>
      <c r="B71793" s="1" t="s">
        <v>222693</v>
      </c>
      <c r="C71793" s="1" t="s">
        <v>90</v>
      </c>
      <c r="D71793" s="1" t="s">
        <v>240104</v>
      </c>
      <c r="E71793" s="1" t="s">
        <v>240105</v>
      </c>
      <c r="F71793" s="1" t="s">
        <v>240106</v>
      </c>
      <c r="G71793" s="1" t="s">
        <v>240052</v>
      </c>
      <c r="H71793" s="1" t="s">
        <v>240053</v>
      </c>
      <c r="I71793" s="1" t="s">
        <v>222698</v>
      </c>
      <c r="J71793" s="1" t="s">
        <v>240107</v>
      </c>
    </row>
    <row r="71794" spans="1:10" x14ac:dyDescent="0.35">
      <c r="A71794" s="1" t="s">
        <v>110002</v>
      </c>
      <c r="B71794" s="1" t="s">
        <v>222693</v>
      </c>
      <c r="C71794" s="1" t="s">
        <v>95</v>
      </c>
      <c r="D71794" s="1" t="s">
        <v>240108</v>
      </c>
      <c r="E71794" s="1" t="s">
        <v>240109</v>
      </c>
      <c r="F71794" s="1" t="s">
        <v>240110</v>
      </c>
      <c r="G71794" s="1" t="s">
        <v>240052</v>
      </c>
      <c r="H71794" s="1" t="s">
        <v>240053</v>
      </c>
      <c r="I71794" s="1" t="s">
        <v>222698</v>
      </c>
      <c r="J71794" s="1" t="s">
        <v>240111</v>
      </c>
    </row>
    <row r="71795" spans="1:10" x14ac:dyDescent="0.35">
      <c r="A71795" s="1" t="s">
        <v>110002</v>
      </c>
      <c r="B71795" s="1" t="s">
        <v>222693</v>
      </c>
      <c r="C71795" s="1" t="s">
        <v>100</v>
      </c>
      <c r="D71795" s="1" t="s">
        <v>240112</v>
      </c>
      <c r="E71795" s="1" t="s">
        <v>240113</v>
      </c>
      <c r="F71795" s="1" t="s">
        <v>240114</v>
      </c>
      <c r="G71795" s="1" t="s">
        <v>240052</v>
      </c>
      <c r="H71795" s="1" t="s">
        <v>240053</v>
      </c>
      <c r="I71795" s="1" t="s">
        <v>222698</v>
      </c>
      <c r="J71795" s="1" t="s">
        <v>240115</v>
      </c>
    </row>
    <row r="71796" spans="1:10" x14ac:dyDescent="0.35">
      <c r="A71796" s="1" t="s">
        <v>110002</v>
      </c>
      <c r="B71796" s="1" t="s">
        <v>222693</v>
      </c>
      <c r="C71796" s="1" t="s">
        <v>105</v>
      </c>
      <c r="D71796" s="1" t="s">
        <v>91354</v>
      </c>
      <c r="E71796" s="1" t="s">
        <v>240116</v>
      </c>
      <c r="F71796" s="1" t="s">
        <v>240117</v>
      </c>
      <c r="G71796" s="1" t="s">
        <v>240052</v>
      </c>
      <c r="H71796" s="1" t="s">
        <v>240053</v>
      </c>
      <c r="I71796" s="1" t="s">
        <v>222698</v>
      </c>
      <c r="J71796" s="1" t="s">
        <v>240118</v>
      </c>
    </row>
    <row r="71797" spans="1:10" x14ac:dyDescent="0.35">
      <c r="A71797" s="1" t="s">
        <v>110002</v>
      </c>
      <c r="B71797" s="1" t="s">
        <v>222693</v>
      </c>
      <c r="C71797" s="1" t="s">
        <v>110</v>
      </c>
      <c r="D71797" s="1" t="s">
        <v>91309</v>
      </c>
      <c r="E71797" s="1" t="s">
        <v>240119</v>
      </c>
      <c r="F71797" s="1" t="s">
        <v>240120</v>
      </c>
      <c r="G71797" s="1" t="s">
        <v>240052</v>
      </c>
      <c r="H71797" s="1" t="s">
        <v>240053</v>
      </c>
      <c r="I71797" s="1" t="s">
        <v>222698</v>
      </c>
      <c r="J71797" s="1" t="s">
        <v>240121</v>
      </c>
    </row>
    <row r="71798" spans="1:10" x14ac:dyDescent="0.35">
      <c r="A71798" s="1" t="s">
        <v>110002</v>
      </c>
      <c r="B71798" s="1" t="s">
        <v>222693</v>
      </c>
      <c r="C71798" s="1" t="s">
        <v>115</v>
      </c>
      <c r="D71798" s="1" t="s">
        <v>240122</v>
      </c>
      <c r="E71798" s="1" t="s">
        <v>240123</v>
      </c>
      <c r="F71798" s="1" t="s">
        <v>240124</v>
      </c>
      <c r="G71798" s="1" t="s">
        <v>240052</v>
      </c>
      <c r="H71798" s="1" t="s">
        <v>240053</v>
      </c>
      <c r="I71798" s="1" t="s">
        <v>222698</v>
      </c>
      <c r="J71798" s="1" t="s">
        <v>240125</v>
      </c>
    </row>
    <row r="71799" spans="1:10" x14ac:dyDescent="0.35">
      <c r="A71799" s="1" t="s">
        <v>110002</v>
      </c>
      <c r="B71799" s="1" t="s">
        <v>222693</v>
      </c>
      <c r="C71799" s="1" t="s">
        <v>120</v>
      </c>
      <c r="D71799" s="1" t="s">
        <v>107600</v>
      </c>
      <c r="E71799" s="1" t="s">
        <v>240126</v>
      </c>
      <c r="F71799" s="1" t="s">
        <v>240127</v>
      </c>
      <c r="G71799" s="1" t="s">
        <v>240052</v>
      </c>
      <c r="H71799" s="1" t="s">
        <v>240053</v>
      </c>
      <c r="I71799" s="1" t="s">
        <v>222698</v>
      </c>
      <c r="J71799" s="1" t="s">
        <v>240128</v>
      </c>
    </row>
    <row r="71800" spans="1:10" x14ac:dyDescent="0.35">
      <c r="A71800" s="1" t="s">
        <v>110002</v>
      </c>
      <c r="B71800" s="1" t="s">
        <v>222693</v>
      </c>
      <c r="C71800" s="1" t="s">
        <v>125</v>
      </c>
      <c r="D71800" s="1" t="s">
        <v>240129</v>
      </c>
      <c r="E71800" s="1" t="s">
        <v>240130</v>
      </c>
      <c r="F71800" s="1" t="s">
        <v>240131</v>
      </c>
      <c r="G71800" s="1" t="s">
        <v>240052</v>
      </c>
      <c r="H71800" s="1" t="s">
        <v>240053</v>
      </c>
      <c r="I71800" s="1" t="s">
        <v>222698</v>
      </c>
      <c r="J71800" s="1" t="s">
        <v>240132</v>
      </c>
    </row>
    <row r="71801" spans="1:10" x14ac:dyDescent="0.35">
      <c r="A71801" s="1" t="s">
        <v>110002</v>
      </c>
      <c r="B71801" s="1" t="s">
        <v>222693</v>
      </c>
      <c r="C71801" s="1" t="s">
        <v>130</v>
      </c>
      <c r="D71801" s="1" t="s">
        <v>240133</v>
      </c>
      <c r="E71801" s="1" t="s">
        <v>240134</v>
      </c>
      <c r="F71801" s="1" t="s">
        <v>240135</v>
      </c>
      <c r="G71801" s="1" t="s">
        <v>240052</v>
      </c>
      <c r="H71801" s="1" t="s">
        <v>240053</v>
      </c>
      <c r="I71801" s="1" t="s">
        <v>222698</v>
      </c>
      <c r="J71801" s="1" t="s">
        <v>240136</v>
      </c>
    </row>
    <row r="71802" spans="1:10" x14ac:dyDescent="0.35">
      <c r="A71802" s="1" t="s">
        <v>110002</v>
      </c>
      <c r="B71802" s="1" t="s">
        <v>222693</v>
      </c>
      <c r="C71802" s="1" t="s">
        <v>135</v>
      </c>
      <c r="D71802" s="1" t="s">
        <v>85368</v>
      </c>
      <c r="E71802" s="1" t="s">
        <v>240137</v>
      </c>
      <c r="F71802" s="1" t="s">
        <v>240138</v>
      </c>
      <c r="G71802" s="1" t="s">
        <v>240052</v>
      </c>
      <c r="H71802" s="1" t="s">
        <v>240053</v>
      </c>
      <c r="I71802" s="1" t="s">
        <v>222698</v>
      </c>
      <c r="J71802" s="1" t="s">
        <v>240139</v>
      </c>
    </row>
    <row r="71803" spans="1:10" x14ac:dyDescent="0.35">
      <c r="A71803" s="1" t="s">
        <v>110002</v>
      </c>
      <c r="B71803" s="1" t="s">
        <v>222693</v>
      </c>
      <c r="C71803" s="1" t="s">
        <v>140</v>
      </c>
      <c r="D71803" s="1" t="s">
        <v>57271</v>
      </c>
      <c r="E71803" s="1" t="s">
        <v>240140</v>
      </c>
      <c r="F71803" s="1" t="s">
        <v>240141</v>
      </c>
      <c r="G71803" s="1" t="s">
        <v>240052</v>
      </c>
      <c r="H71803" s="1" t="s">
        <v>240053</v>
      </c>
      <c r="I71803" s="1" t="s">
        <v>222698</v>
      </c>
      <c r="J71803" s="1" t="s">
        <v>240142</v>
      </c>
    </row>
    <row r="71804" spans="1:10" x14ac:dyDescent="0.35">
      <c r="A71804" s="1" t="s">
        <v>110002</v>
      </c>
      <c r="B71804" s="1" t="s">
        <v>222693</v>
      </c>
      <c r="C71804" s="1" t="s">
        <v>145</v>
      </c>
      <c r="D71804" s="1" t="s">
        <v>240143</v>
      </c>
      <c r="E71804" s="1" t="s">
        <v>240144</v>
      </c>
      <c r="F71804" s="1" t="s">
        <v>240145</v>
      </c>
      <c r="G71804" s="1" t="s">
        <v>240052</v>
      </c>
      <c r="H71804" s="1" t="s">
        <v>240053</v>
      </c>
      <c r="I71804" s="1" t="s">
        <v>222698</v>
      </c>
      <c r="J71804" s="1" t="s">
        <v>240146</v>
      </c>
    </row>
    <row r="71805" spans="1:10" x14ac:dyDescent="0.35">
      <c r="A71805" s="1" t="s">
        <v>110002</v>
      </c>
      <c r="B71805" s="1" t="s">
        <v>222693</v>
      </c>
      <c r="C71805" s="1" t="s">
        <v>150</v>
      </c>
      <c r="D71805" s="1" t="s">
        <v>69769</v>
      </c>
      <c r="E71805" s="1" t="s">
        <v>240147</v>
      </c>
      <c r="F71805" s="1" t="s">
        <v>240148</v>
      </c>
      <c r="G71805" s="1" t="s">
        <v>240052</v>
      </c>
      <c r="H71805" s="1" t="s">
        <v>240053</v>
      </c>
      <c r="I71805" s="1" t="s">
        <v>222698</v>
      </c>
      <c r="J71805" s="1" t="s">
        <v>240149</v>
      </c>
    </row>
    <row r="71806" spans="1:10" x14ac:dyDescent="0.35">
      <c r="A71806" s="1" t="s">
        <v>110002</v>
      </c>
      <c r="B71806" s="1" t="s">
        <v>222693</v>
      </c>
      <c r="C71806" s="1" t="s">
        <v>155</v>
      </c>
      <c r="D71806" s="1" t="s">
        <v>240150</v>
      </c>
      <c r="E71806" s="1" t="s">
        <v>240151</v>
      </c>
      <c r="F71806" s="1" t="s">
        <v>240152</v>
      </c>
      <c r="G71806" s="1" t="s">
        <v>240052</v>
      </c>
      <c r="H71806" s="1" t="s">
        <v>240053</v>
      </c>
      <c r="I71806" s="1" t="s">
        <v>222698</v>
      </c>
      <c r="J71806" s="1" t="s">
        <v>240153</v>
      </c>
    </row>
    <row r="71807" spans="1:10" x14ac:dyDescent="0.35">
      <c r="A71807" s="1" t="s">
        <v>110002</v>
      </c>
      <c r="B71807" s="1" t="s">
        <v>222693</v>
      </c>
      <c r="C71807" s="1" t="s">
        <v>160</v>
      </c>
      <c r="D71807" s="1" t="s">
        <v>82011</v>
      </c>
      <c r="E71807" s="1" t="s">
        <v>240154</v>
      </c>
      <c r="F71807" s="1" t="s">
        <v>240155</v>
      </c>
      <c r="G71807" s="1" t="s">
        <v>240052</v>
      </c>
      <c r="H71807" s="1" t="s">
        <v>240053</v>
      </c>
      <c r="I71807" s="1" t="s">
        <v>222698</v>
      </c>
      <c r="J71807" s="1" t="s">
        <v>240156</v>
      </c>
    </row>
    <row r="71808" spans="1:10" x14ac:dyDescent="0.35">
      <c r="A71808" s="1" t="s">
        <v>110002</v>
      </c>
      <c r="B71808" s="1" t="s">
        <v>222693</v>
      </c>
      <c r="C71808" s="1" t="s">
        <v>165</v>
      </c>
      <c r="D71808" s="1" t="s">
        <v>240157</v>
      </c>
      <c r="E71808" s="1" t="s">
        <v>240158</v>
      </c>
      <c r="F71808" s="1" t="s">
        <v>240159</v>
      </c>
      <c r="G71808" s="1" t="s">
        <v>240052</v>
      </c>
      <c r="H71808" s="1" t="s">
        <v>240053</v>
      </c>
      <c r="I71808" s="1" t="s">
        <v>222698</v>
      </c>
      <c r="J71808" s="1" t="s">
        <v>240160</v>
      </c>
    </row>
    <row r="71809" spans="1:10" x14ac:dyDescent="0.35">
      <c r="A71809" s="1" t="s">
        <v>110002</v>
      </c>
      <c r="B71809" s="1" t="s">
        <v>222693</v>
      </c>
      <c r="C71809" s="1" t="s">
        <v>170</v>
      </c>
      <c r="D71809" s="1" t="s">
        <v>240161</v>
      </c>
      <c r="E71809" s="1" t="s">
        <v>240162</v>
      </c>
      <c r="F71809" s="1" t="s">
        <v>240163</v>
      </c>
      <c r="G71809" s="1" t="s">
        <v>240052</v>
      </c>
      <c r="H71809" s="1" t="s">
        <v>240053</v>
      </c>
      <c r="I71809" s="1" t="s">
        <v>222698</v>
      </c>
      <c r="J71809" s="1" t="s">
        <v>240164</v>
      </c>
    </row>
    <row r="71810" spans="1:10" x14ac:dyDescent="0.35">
      <c r="A71810" s="1" t="s">
        <v>143516</v>
      </c>
      <c r="B71810" s="1" t="s">
        <v>222693</v>
      </c>
      <c r="C71810" s="1" t="s">
        <v>8</v>
      </c>
      <c r="D71810" s="1" t="s">
        <v>78298</v>
      </c>
      <c r="E71810" s="1" t="s">
        <v>240165</v>
      </c>
      <c r="F71810" s="1" t="s">
        <v>240166</v>
      </c>
      <c r="G71810" s="1" t="s">
        <v>240167</v>
      </c>
      <c r="H71810" s="1" t="s">
        <v>240168</v>
      </c>
      <c r="I71810" s="1" t="s">
        <v>222698</v>
      </c>
      <c r="J71810" s="1" t="s">
        <v>13</v>
      </c>
    </row>
    <row r="71811" spans="1:10" x14ac:dyDescent="0.35">
      <c r="A71811" s="1" t="s">
        <v>143516</v>
      </c>
      <c r="B71811" s="1" t="s">
        <v>222693</v>
      </c>
      <c r="C71811" s="1" t="s">
        <v>15</v>
      </c>
      <c r="D71811" s="1" t="s">
        <v>61316</v>
      </c>
      <c r="E71811" s="1" t="s">
        <v>240169</v>
      </c>
      <c r="F71811" s="1" t="s">
        <v>240170</v>
      </c>
      <c r="G71811" s="1" t="s">
        <v>240167</v>
      </c>
      <c r="H71811" s="1" t="s">
        <v>240168</v>
      </c>
      <c r="I71811" s="1" t="s">
        <v>222698</v>
      </c>
      <c r="J71811" s="1" t="s">
        <v>240171</v>
      </c>
    </row>
    <row r="71812" spans="1:10" x14ac:dyDescent="0.35">
      <c r="A71812" s="1" t="s">
        <v>143516</v>
      </c>
      <c r="B71812" s="1" t="s">
        <v>222693</v>
      </c>
      <c r="C71812" s="1" t="s">
        <v>20</v>
      </c>
      <c r="D71812" s="1" t="s">
        <v>96443</v>
      </c>
      <c r="E71812" s="1" t="s">
        <v>240172</v>
      </c>
      <c r="F71812" s="1" t="s">
        <v>240173</v>
      </c>
      <c r="G71812" s="1" t="s">
        <v>240167</v>
      </c>
      <c r="H71812" s="1" t="s">
        <v>240168</v>
      </c>
      <c r="I71812" s="1" t="s">
        <v>222698</v>
      </c>
      <c r="J71812" s="1" t="s">
        <v>240174</v>
      </c>
    </row>
    <row r="71813" spans="1:10" x14ac:dyDescent="0.35">
      <c r="A71813" s="1" t="s">
        <v>143516</v>
      </c>
      <c r="B71813" s="1" t="s">
        <v>222693</v>
      </c>
      <c r="C71813" s="1" t="s">
        <v>25</v>
      </c>
      <c r="D71813" s="1" t="s">
        <v>56259</v>
      </c>
      <c r="E71813" s="1" t="s">
        <v>240175</v>
      </c>
      <c r="F71813" s="1" t="s">
        <v>240176</v>
      </c>
      <c r="G71813" s="1" t="s">
        <v>240167</v>
      </c>
      <c r="H71813" s="1" t="s">
        <v>240168</v>
      </c>
      <c r="I71813" s="1" t="s">
        <v>222698</v>
      </c>
      <c r="J71813" s="1" t="s">
        <v>240177</v>
      </c>
    </row>
    <row r="71814" spans="1:10" x14ac:dyDescent="0.35">
      <c r="A71814" s="1" t="s">
        <v>143516</v>
      </c>
      <c r="B71814" s="1" t="s">
        <v>222693</v>
      </c>
      <c r="C71814" s="1" t="s">
        <v>30</v>
      </c>
      <c r="D71814" s="1" t="s">
        <v>60210</v>
      </c>
      <c r="E71814" s="1" t="s">
        <v>240178</v>
      </c>
      <c r="F71814" s="1" t="s">
        <v>240179</v>
      </c>
      <c r="G71814" s="1" t="s">
        <v>240167</v>
      </c>
      <c r="H71814" s="1" t="s">
        <v>240168</v>
      </c>
      <c r="I71814" s="1" t="s">
        <v>222698</v>
      </c>
      <c r="J71814" s="1" t="s">
        <v>240180</v>
      </c>
    </row>
    <row r="71815" spans="1:10" x14ac:dyDescent="0.35">
      <c r="A71815" s="1" t="s">
        <v>143516</v>
      </c>
      <c r="B71815" s="1" t="s">
        <v>222693</v>
      </c>
      <c r="C71815" s="1" t="s">
        <v>35</v>
      </c>
      <c r="D71815" s="1" t="s">
        <v>240181</v>
      </c>
      <c r="E71815" s="1" t="s">
        <v>240182</v>
      </c>
      <c r="F71815" s="1" t="s">
        <v>240183</v>
      </c>
      <c r="G71815" s="1" t="s">
        <v>240167</v>
      </c>
      <c r="H71815" s="1" t="s">
        <v>240168</v>
      </c>
      <c r="I71815" s="1" t="s">
        <v>222698</v>
      </c>
      <c r="J71815" s="1" t="s">
        <v>240184</v>
      </c>
    </row>
    <row r="71816" spans="1:10" x14ac:dyDescent="0.35">
      <c r="A71816" s="1" t="s">
        <v>143516</v>
      </c>
      <c r="B71816" s="1" t="s">
        <v>222693</v>
      </c>
      <c r="C71816" s="1" t="s">
        <v>40</v>
      </c>
      <c r="D71816" s="1" t="s">
        <v>67421</v>
      </c>
      <c r="E71816" s="1" t="s">
        <v>240185</v>
      </c>
      <c r="F71816" s="1" t="s">
        <v>240186</v>
      </c>
      <c r="G71816" s="1" t="s">
        <v>240167</v>
      </c>
      <c r="H71816" s="1" t="s">
        <v>240168</v>
      </c>
      <c r="I71816" s="1" t="s">
        <v>222698</v>
      </c>
      <c r="J71816" s="1" t="s">
        <v>240187</v>
      </c>
    </row>
    <row r="71817" spans="1:10" x14ac:dyDescent="0.35">
      <c r="A71817" s="1" t="s">
        <v>143516</v>
      </c>
      <c r="B71817" s="1" t="s">
        <v>222693</v>
      </c>
      <c r="C71817" s="1" t="s">
        <v>45</v>
      </c>
      <c r="D71817" s="1" t="s">
        <v>137770</v>
      </c>
      <c r="E71817" s="1" t="s">
        <v>240188</v>
      </c>
      <c r="F71817" s="1" t="s">
        <v>240189</v>
      </c>
      <c r="G71817" s="1" t="s">
        <v>240167</v>
      </c>
      <c r="H71817" s="1" t="s">
        <v>240168</v>
      </c>
      <c r="I71817" s="1" t="s">
        <v>222698</v>
      </c>
      <c r="J71817" s="1" t="s">
        <v>240190</v>
      </c>
    </row>
    <row r="71818" spans="1:10" x14ac:dyDescent="0.35">
      <c r="A71818" s="1" t="s">
        <v>143516</v>
      </c>
      <c r="B71818" s="1" t="s">
        <v>222693</v>
      </c>
      <c r="C71818" s="1" t="s">
        <v>50</v>
      </c>
      <c r="D71818" s="1" t="s">
        <v>55799</v>
      </c>
      <c r="E71818" s="1" t="s">
        <v>240191</v>
      </c>
      <c r="F71818" s="1" t="s">
        <v>240192</v>
      </c>
      <c r="G71818" s="1" t="s">
        <v>240167</v>
      </c>
      <c r="H71818" s="1" t="s">
        <v>240168</v>
      </c>
      <c r="I71818" s="1" t="s">
        <v>222698</v>
      </c>
      <c r="J71818" s="1" t="s">
        <v>240193</v>
      </c>
    </row>
    <row r="71819" spans="1:10" x14ac:dyDescent="0.35">
      <c r="A71819" s="1" t="s">
        <v>143516</v>
      </c>
      <c r="B71819" s="1" t="s">
        <v>222693</v>
      </c>
      <c r="C71819" s="1" t="s">
        <v>55</v>
      </c>
      <c r="D71819" s="1" t="s">
        <v>240194</v>
      </c>
      <c r="E71819" s="1" t="s">
        <v>240195</v>
      </c>
      <c r="F71819" s="1" t="s">
        <v>240196</v>
      </c>
      <c r="G71819" s="1" t="s">
        <v>240167</v>
      </c>
      <c r="H71819" s="1" t="s">
        <v>240168</v>
      </c>
      <c r="I71819" s="1" t="s">
        <v>222698</v>
      </c>
      <c r="J71819" s="1" t="s">
        <v>240197</v>
      </c>
    </row>
    <row r="71820" spans="1:10" x14ac:dyDescent="0.35">
      <c r="A71820" s="1" t="s">
        <v>143516</v>
      </c>
      <c r="B71820" s="1" t="s">
        <v>222693</v>
      </c>
      <c r="C71820" s="1" t="s">
        <v>60</v>
      </c>
      <c r="D71820" s="1" t="s">
        <v>85859</v>
      </c>
      <c r="E71820" s="1" t="s">
        <v>240198</v>
      </c>
      <c r="F71820" s="1" t="s">
        <v>240199</v>
      </c>
      <c r="G71820" s="1" t="s">
        <v>240167</v>
      </c>
      <c r="H71820" s="1" t="s">
        <v>240168</v>
      </c>
      <c r="I71820" s="1" t="s">
        <v>222698</v>
      </c>
      <c r="J71820" s="1" t="s">
        <v>240200</v>
      </c>
    </row>
    <row r="71821" spans="1:10" x14ac:dyDescent="0.35">
      <c r="A71821" s="1" t="s">
        <v>143516</v>
      </c>
      <c r="B71821" s="1" t="s">
        <v>222693</v>
      </c>
      <c r="C71821" s="1" t="s">
        <v>65</v>
      </c>
      <c r="D71821" s="1" t="s">
        <v>66869</v>
      </c>
      <c r="E71821" s="1" t="s">
        <v>240201</v>
      </c>
      <c r="F71821" s="1" t="s">
        <v>240202</v>
      </c>
      <c r="G71821" s="1" t="s">
        <v>240167</v>
      </c>
      <c r="H71821" s="1" t="s">
        <v>240168</v>
      </c>
      <c r="I71821" s="1" t="s">
        <v>222698</v>
      </c>
      <c r="J71821" s="1" t="s">
        <v>240203</v>
      </c>
    </row>
    <row r="71822" spans="1:10" x14ac:dyDescent="0.35">
      <c r="A71822" s="1" t="s">
        <v>143516</v>
      </c>
      <c r="B71822" s="1" t="s">
        <v>222693</v>
      </c>
      <c r="C71822" s="1" t="s">
        <v>70</v>
      </c>
      <c r="D71822" s="1" t="s">
        <v>61408</v>
      </c>
      <c r="E71822" s="1" t="s">
        <v>240204</v>
      </c>
      <c r="F71822" s="1" t="s">
        <v>240205</v>
      </c>
      <c r="G71822" s="1" t="s">
        <v>240167</v>
      </c>
      <c r="H71822" s="1" t="s">
        <v>240168</v>
      </c>
      <c r="I71822" s="1" t="s">
        <v>222698</v>
      </c>
      <c r="J71822" s="1" t="s">
        <v>240206</v>
      </c>
    </row>
    <row r="71823" spans="1:10" x14ac:dyDescent="0.35">
      <c r="A71823" s="1" t="s">
        <v>143516</v>
      </c>
      <c r="B71823" s="1" t="s">
        <v>222693</v>
      </c>
      <c r="C71823" s="1" t="s">
        <v>75</v>
      </c>
      <c r="D71823" s="1" t="s">
        <v>85368</v>
      </c>
      <c r="E71823" s="1" t="s">
        <v>240207</v>
      </c>
      <c r="F71823" s="1" t="s">
        <v>240208</v>
      </c>
      <c r="G71823" s="1" t="s">
        <v>240167</v>
      </c>
      <c r="H71823" s="1" t="s">
        <v>240168</v>
      </c>
      <c r="I71823" s="1" t="s">
        <v>222698</v>
      </c>
      <c r="J71823" s="1" t="s">
        <v>240209</v>
      </c>
    </row>
    <row r="71824" spans="1:10" x14ac:dyDescent="0.35">
      <c r="A71824" s="1" t="s">
        <v>143516</v>
      </c>
      <c r="B71824" s="1" t="s">
        <v>222693</v>
      </c>
      <c r="C71824" s="1" t="s">
        <v>80</v>
      </c>
      <c r="D71824" s="1" t="s">
        <v>240210</v>
      </c>
      <c r="E71824" s="1" t="s">
        <v>240211</v>
      </c>
      <c r="F71824" s="1" t="s">
        <v>240212</v>
      </c>
      <c r="G71824" s="1" t="s">
        <v>240167</v>
      </c>
      <c r="H71824" s="1" t="s">
        <v>240168</v>
      </c>
      <c r="I71824" s="1" t="s">
        <v>222698</v>
      </c>
      <c r="J71824" s="1" t="s">
        <v>240213</v>
      </c>
    </row>
    <row r="71825" spans="1:10" x14ac:dyDescent="0.35">
      <c r="A71825" s="1" t="s">
        <v>143516</v>
      </c>
      <c r="B71825" s="1" t="s">
        <v>222693</v>
      </c>
      <c r="C71825" s="1" t="s">
        <v>85</v>
      </c>
      <c r="D71825" s="1" t="s">
        <v>240214</v>
      </c>
      <c r="E71825" s="1" t="s">
        <v>240215</v>
      </c>
      <c r="F71825" s="1" t="s">
        <v>240216</v>
      </c>
      <c r="G71825" s="1" t="s">
        <v>240167</v>
      </c>
      <c r="H71825" s="1" t="s">
        <v>240168</v>
      </c>
      <c r="I71825" s="1" t="s">
        <v>222698</v>
      </c>
      <c r="J71825" s="1" t="s">
        <v>240217</v>
      </c>
    </row>
    <row r="71826" spans="1:10" x14ac:dyDescent="0.35">
      <c r="A71826" s="1" t="s">
        <v>143516</v>
      </c>
      <c r="B71826" s="1" t="s">
        <v>222693</v>
      </c>
      <c r="C71826" s="1" t="s">
        <v>90</v>
      </c>
      <c r="D71826" s="1" t="s">
        <v>67491</v>
      </c>
      <c r="E71826" s="1" t="s">
        <v>240218</v>
      </c>
      <c r="F71826" s="1" t="s">
        <v>240219</v>
      </c>
      <c r="G71826" s="1" t="s">
        <v>240167</v>
      </c>
      <c r="H71826" s="1" t="s">
        <v>240168</v>
      </c>
      <c r="I71826" s="1" t="s">
        <v>222698</v>
      </c>
      <c r="J71826" s="1" t="s">
        <v>240220</v>
      </c>
    </row>
    <row r="71827" spans="1:10" x14ac:dyDescent="0.35">
      <c r="A71827" s="1" t="s">
        <v>143516</v>
      </c>
      <c r="B71827" s="1" t="s">
        <v>222693</v>
      </c>
      <c r="C71827" s="1" t="s">
        <v>95</v>
      </c>
      <c r="D71827" s="1" t="s">
        <v>240221</v>
      </c>
      <c r="E71827" s="1" t="s">
        <v>240222</v>
      </c>
      <c r="F71827" s="1" t="s">
        <v>240223</v>
      </c>
      <c r="G71827" s="1" t="s">
        <v>240167</v>
      </c>
      <c r="H71827" s="1" t="s">
        <v>240168</v>
      </c>
      <c r="I71827" s="1" t="s">
        <v>222698</v>
      </c>
      <c r="J71827" s="1" t="s">
        <v>240224</v>
      </c>
    </row>
    <row r="71828" spans="1:10" x14ac:dyDescent="0.35">
      <c r="A71828" s="1" t="s">
        <v>143516</v>
      </c>
      <c r="B71828" s="1" t="s">
        <v>222693</v>
      </c>
      <c r="C71828" s="1" t="s">
        <v>100</v>
      </c>
      <c r="D71828" s="1" t="s">
        <v>200915</v>
      </c>
      <c r="E71828" s="1" t="s">
        <v>240225</v>
      </c>
      <c r="F71828" s="1" t="s">
        <v>240226</v>
      </c>
      <c r="G71828" s="1" t="s">
        <v>240167</v>
      </c>
      <c r="H71828" s="1" t="s">
        <v>240168</v>
      </c>
      <c r="I71828" s="1" t="s">
        <v>222698</v>
      </c>
      <c r="J71828" s="1" t="s">
        <v>240227</v>
      </c>
    </row>
    <row r="71829" spans="1:10" x14ac:dyDescent="0.35">
      <c r="A71829" s="1" t="s">
        <v>143516</v>
      </c>
      <c r="B71829" s="1" t="s">
        <v>222693</v>
      </c>
      <c r="C71829" s="1" t="s">
        <v>105</v>
      </c>
      <c r="D71829" s="1" t="s">
        <v>240228</v>
      </c>
      <c r="E71829" s="1" t="s">
        <v>240229</v>
      </c>
      <c r="F71829" s="1" t="s">
        <v>240230</v>
      </c>
      <c r="G71829" s="1" t="s">
        <v>240167</v>
      </c>
      <c r="H71829" s="1" t="s">
        <v>240168</v>
      </c>
      <c r="I71829" s="1" t="s">
        <v>222698</v>
      </c>
      <c r="J71829" s="1" t="s">
        <v>240231</v>
      </c>
    </row>
    <row r="71830" spans="1:10" x14ac:dyDescent="0.35">
      <c r="A71830" s="1" t="s">
        <v>143516</v>
      </c>
      <c r="B71830" s="1" t="s">
        <v>222693</v>
      </c>
      <c r="C71830" s="1" t="s">
        <v>110</v>
      </c>
      <c r="D71830" s="1" t="s">
        <v>122828</v>
      </c>
      <c r="E71830" s="1" t="s">
        <v>240232</v>
      </c>
      <c r="F71830" s="1" t="s">
        <v>240233</v>
      </c>
      <c r="G71830" s="1" t="s">
        <v>240167</v>
      </c>
      <c r="H71830" s="1" t="s">
        <v>240168</v>
      </c>
      <c r="I71830" s="1" t="s">
        <v>222698</v>
      </c>
      <c r="J71830" s="1" t="s">
        <v>240234</v>
      </c>
    </row>
    <row r="71831" spans="1:10" x14ac:dyDescent="0.35">
      <c r="A71831" s="1" t="s">
        <v>143516</v>
      </c>
      <c r="B71831" s="1" t="s">
        <v>222693</v>
      </c>
      <c r="C71831" s="1" t="s">
        <v>115</v>
      </c>
      <c r="D71831" s="1" t="s">
        <v>233470</v>
      </c>
      <c r="E71831" s="1" t="s">
        <v>240235</v>
      </c>
      <c r="F71831" s="1" t="s">
        <v>240236</v>
      </c>
      <c r="G71831" s="1" t="s">
        <v>240167</v>
      </c>
      <c r="H71831" s="1" t="s">
        <v>240168</v>
      </c>
      <c r="I71831" s="1" t="s">
        <v>222698</v>
      </c>
      <c r="J71831" s="1" t="s">
        <v>240237</v>
      </c>
    </row>
    <row r="71832" spans="1:10" x14ac:dyDescent="0.35">
      <c r="A71832" s="1" t="s">
        <v>143516</v>
      </c>
      <c r="B71832" s="1" t="s">
        <v>222693</v>
      </c>
      <c r="C71832" s="1" t="s">
        <v>120</v>
      </c>
      <c r="D71832" s="1" t="s">
        <v>40714</v>
      </c>
      <c r="E71832" s="1" t="s">
        <v>240238</v>
      </c>
      <c r="F71832" s="1" t="s">
        <v>240239</v>
      </c>
      <c r="G71832" s="1" t="s">
        <v>240167</v>
      </c>
      <c r="H71832" s="1" t="s">
        <v>240168</v>
      </c>
      <c r="I71832" s="1" t="s">
        <v>222698</v>
      </c>
      <c r="J71832" s="1" t="s">
        <v>240240</v>
      </c>
    </row>
    <row r="71833" spans="1:10" x14ac:dyDescent="0.35">
      <c r="A71833" s="1" t="s">
        <v>143516</v>
      </c>
      <c r="B71833" s="1" t="s">
        <v>222693</v>
      </c>
      <c r="C71833" s="1" t="s">
        <v>125</v>
      </c>
      <c r="D71833" s="1" t="s">
        <v>230854</v>
      </c>
      <c r="E71833" s="1" t="s">
        <v>240241</v>
      </c>
      <c r="F71833" s="1" t="s">
        <v>240242</v>
      </c>
      <c r="G71833" s="1" t="s">
        <v>240167</v>
      </c>
      <c r="H71833" s="1" t="s">
        <v>240168</v>
      </c>
      <c r="I71833" s="1" t="s">
        <v>222698</v>
      </c>
      <c r="J71833" s="1" t="s">
        <v>240243</v>
      </c>
    </row>
    <row r="71834" spans="1:10" x14ac:dyDescent="0.35">
      <c r="A71834" s="1" t="s">
        <v>143516</v>
      </c>
      <c r="B71834" s="1" t="s">
        <v>222693</v>
      </c>
      <c r="C71834" s="1" t="s">
        <v>130</v>
      </c>
      <c r="D71834" s="1" t="s">
        <v>240244</v>
      </c>
      <c r="E71834" s="1" t="s">
        <v>240245</v>
      </c>
      <c r="F71834" s="1" t="s">
        <v>240246</v>
      </c>
      <c r="G71834" s="1" t="s">
        <v>240167</v>
      </c>
      <c r="H71834" s="1" t="s">
        <v>240168</v>
      </c>
      <c r="I71834" s="1" t="s">
        <v>222698</v>
      </c>
      <c r="J71834" s="1" t="s">
        <v>240247</v>
      </c>
    </row>
    <row r="71835" spans="1:10" x14ac:dyDescent="0.35">
      <c r="A71835" s="1" t="s">
        <v>143516</v>
      </c>
      <c r="B71835" s="1" t="s">
        <v>222693</v>
      </c>
      <c r="C71835" s="1" t="s">
        <v>135</v>
      </c>
      <c r="D71835" s="1" t="s">
        <v>40643</v>
      </c>
      <c r="E71835" s="1" t="s">
        <v>240248</v>
      </c>
      <c r="F71835" s="1" t="s">
        <v>240249</v>
      </c>
      <c r="G71835" s="1" t="s">
        <v>240167</v>
      </c>
      <c r="H71835" s="1" t="s">
        <v>240168</v>
      </c>
      <c r="I71835" s="1" t="s">
        <v>222698</v>
      </c>
      <c r="J71835" s="1" t="s">
        <v>240250</v>
      </c>
    </row>
    <row r="71836" spans="1:10" x14ac:dyDescent="0.35">
      <c r="A71836" s="1" t="s">
        <v>143516</v>
      </c>
      <c r="B71836" s="1" t="s">
        <v>222693</v>
      </c>
      <c r="C71836" s="1" t="s">
        <v>140</v>
      </c>
      <c r="D71836" s="1" t="s">
        <v>225802</v>
      </c>
      <c r="E71836" s="1" t="s">
        <v>240251</v>
      </c>
      <c r="F71836" s="1" t="s">
        <v>240252</v>
      </c>
      <c r="G71836" s="1" t="s">
        <v>240167</v>
      </c>
      <c r="H71836" s="1" t="s">
        <v>240168</v>
      </c>
      <c r="I71836" s="1" t="s">
        <v>222698</v>
      </c>
      <c r="J71836" s="1" t="s">
        <v>240253</v>
      </c>
    </row>
    <row r="71837" spans="1:10" x14ac:dyDescent="0.35">
      <c r="A71837" s="1" t="s">
        <v>143516</v>
      </c>
      <c r="B71837" s="1" t="s">
        <v>222693</v>
      </c>
      <c r="C71837" s="1" t="s">
        <v>145</v>
      </c>
      <c r="D71837" s="1" t="s">
        <v>240254</v>
      </c>
      <c r="E71837" s="1" t="s">
        <v>240255</v>
      </c>
      <c r="F71837" s="1" t="s">
        <v>240256</v>
      </c>
      <c r="G71837" s="1" t="s">
        <v>240167</v>
      </c>
      <c r="H71837" s="1" t="s">
        <v>240168</v>
      </c>
      <c r="I71837" s="1" t="s">
        <v>222698</v>
      </c>
      <c r="J71837" s="1" t="s">
        <v>240257</v>
      </c>
    </row>
    <row r="71838" spans="1:10" x14ac:dyDescent="0.35">
      <c r="A71838" s="1" t="s">
        <v>143516</v>
      </c>
      <c r="B71838" s="1" t="s">
        <v>222693</v>
      </c>
      <c r="C71838" s="1" t="s">
        <v>150</v>
      </c>
      <c r="D71838" s="1" t="s">
        <v>70123</v>
      </c>
      <c r="E71838" s="1" t="s">
        <v>240258</v>
      </c>
      <c r="F71838" s="1" t="s">
        <v>240259</v>
      </c>
      <c r="G71838" s="1" t="s">
        <v>240167</v>
      </c>
      <c r="H71838" s="1" t="s">
        <v>240168</v>
      </c>
      <c r="I71838" s="1" t="s">
        <v>222698</v>
      </c>
      <c r="J71838" s="1" t="s">
        <v>240260</v>
      </c>
    </row>
    <row r="71839" spans="1:10" x14ac:dyDescent="0.35">
      <c r="A71839" s="1" t="s">
        <v>143516</v>
      </c>
      <c r="B71839" s="1" t="s">
        <v>222693</v>
      </c>
      <c r="C71839" s="1" t="s">
        <v>155</v>
      </c>
      <c r="D71839" s="1" t="s">
        <v>240261</v>
      </c>
      <c r="E71839" s="1" t="s">
        <v>240262</v>
      </c>
      <c r="F71839" s="1" t="s">
        <v>240263</v>
      </c>
      <c r="G71839" s="1" t="s">
        <v>240167</v>
      </c>
      <c r="H71839" s="1" t="s">
        <v>240168</v>
      </c>
      <c r="I71839" s="1" t="s">
        <v>222698</v>
      </c>
      <c r="J71839" s="1" t="s">
        <v>240264</v>
      </c>
    </row>
    <row r="71840" spans="1:10" x14ac:dyDescent="0.35">
      <c r="A71840" s="1" t="s">
        <v>143516</v>
      </c>
      <c r="B71840" s="1" t="s">
        <v>222693</v>
      </c>
      <c r="C71840" s="1" t="s">
        <v>160</v>
      </c>
      <c r="D71840" s="1" t="s">
        <v>95096</v>
      </c>
      <c r="E71840" s="1" t="s">
        <v>240265</v>
      </c>
      <c r="F71840" s="1" t="s">
        <v>240266</v>
      </c>
      <c r="G71840" s="1" t="s">
        <v>240167</v>
      </c>
      <c r="H71840" s="1" t="s">
        <v>240168</v>
      </c>
      <c r="I71840" s="1" t="s">
        <v>222698</v>
      </c>
      <c r="J71840" s="1" t="s">
        <v>240267</v>
      </c>
    </row>
    <row r="71841" spans="1:10" x14ac:dyDescent="0.35">
      <c r="A71841" s="1" t="s">
        <v>143516</v>
      </c>
      <c r="B71841" s="1" t="s">
        <v>222693</v>
      </c>
      <c r="C71841" s="1" t="s">
        <v>165</v>
      </c>
      <c r="D71841" s="1" t="s">
        <v>77756</v>
      </c>
      <c r="E71841" s="1" t="s">
        <v>240268</v>
      </c>
      <c r="F71841" s="1" t="s">
        <v>240269</v>
      </c>
      <c r="G71841" s="1" t="s">
        <v>240167</v>
      </c>
      <c r="H71841" s="1" t="s">
        <v>240168</v>
      </c>
      <c r="I71841" s="1" t="s">
        <v>222698</v>
      </c>
      <c r="J71841" s="1" t="s">
        <v>240270</v>
      </c>
    </row>
    <row r="71842" spans="1:10" x14ac:dyDescent="0.35">
      <c r="A71842" s="1" t="s">
        <v>143516</v>
      </c>
      <c r="B71842" s="1" t="s">
        <v>222693</v>
      </c>
      <c r="C71842" s="1" t="s">
        <v>170</v>
      </c>
      <c r="D71842" s="1" t="s">
        <v>240271</v>
      </c>
      <c r="E71842" s="1" t="s">
        <v>240272</v>
      </c>
      <c r="F71842" s="1" t="s">
        <v>240273</v>
      </c>
      <c r="G71842" s="1" t="s">
        <v>240167</v>
      </c>
      <c r="H71842" s="1" t="s">
        <v>240168</v>
      </c>
      <c r="I71842" s="1" t="s">
        <v>222698</v>
      </c>
      <c r="J71842" s="1" t="s">
        <v>240274</v>
      </c>
    </row>
    <row r="71843" spans="1:10" x14ac:dyDescent="0.35">
      <c r="A71843" s="1" t="s">
        <v>8333</v>
      </c>
      <c r="B71843" s="1" t="s">
        <v>222693</v>
      </c>
      <c r="C71843" s="1" t="s">
        <v>8</v>
      </c>
      <c r="D71843" s="1" t="s">
        <v>137887</v>
      </c>
      <c r="E71843" s="1" t="s">
        <v>240275</v>
      </c>
      <c r="F71843" s="1" t="s">
        <v>240276</v>
      </c>
      <c r="G71843" s="1" t="s">
        <v>240277</v>
      </c>
      <c r="H71843" s="1" t="s">
        <v>240278</v>
      </c>
      <c r="I71843" s="1" t="s">
        <v>222698</v>
      </c>
      <c r="J71843" s="1" t="s">
        <v>13</v>
      </c>
    </row>
    <row r="71844" spans="1:10" x14ac:dyDescent="0.35">
      <c r="A71844" s="1" t="s">
        <v>8333</v>
      </c>
      <c r="B71844" s="1" t="s">
        <v>222693</v>
      </c>
      <c r="C71844" s="1" t="s">
        <v>15</v>
      </c>
      <c r="D71844" s="1" t="s">
        <v>98846</v>
      </c>
      <c r="E71844" s="1" t="s">
        <v>240279</v>
      </c>
      <c r="F71844" s="1" t="s">
        <v>240280</v>
      </c>
      <c r="G71844" s="1" t="s">
        <v>240277</v>
      </c>
      <c r="H71844" s="1" t="s">
        <v>240278</v>
      </c>
      <c r="I71844" s="1" t="s">
        <v>222698</v>
      </c>
      <c r="J71844" s="1" t="s">
        <v>240281</v>
      </c>
    </row>
    <row r="71845" spans="1:10" x14ac:dyDescent="0.35">
      <c r="A71845" s="1" t="s">
        <v>8333</v>
      </c>
      <c r="B71845" s="1" t="s">
        <v>222693</v>
      </c>
      <c r="C71845" s="1" t="s">
        <v>20</v>
      </c>
      <c r="D71845" s="1" t="s">
        <v>79843</v>
      </c>
      <c r="E71845" s="1" t="s">
        <v>240282</v>
      </c>
      <c r="F71845" s="1" t="s">
        <v>240283</v>
      </c>
      <c r="G71845" s="1" t="s">
        <v>240277</v>
      </c>
      <c r="H71845" s="1" t="s">
        <v>240278</v>
      </c>
      <c r="I71845" s="1" t="s">
        <v>222698</v>
      </c>
      <c r="J71845" s="1" t="s">
        <v>240284</v>
      </c>
    </row>
    <row r="71846" spans="1:10" x14ac:dyDescent="0.35">
      <c r="A71846" s="1" t="s">
        <v>8333</v>
      </c>
      <c r="B71846" s="1" t="s">
        <v>222693</v>
      </c>
      <c r="C71846" s="1" t="s">
        <v>25</v>
      </c>
      <c r="D71846" s="1" t="s">
        <v>139499</v>
      </c>
      <c r="E71846" s="1" t="s">
        <v>240285</v>
      </c>
      <c r="F71846" s="1" t="s">
        <v>240286</v>
      </c>
      <c r="G71846" s="1" t="s">
        <v>240277</v>
      </c>
      <c r="H71846" s="1" t="s">
        <v>240278</v>
      </c>
      <c r="I71846" s="1" t="s">
        <v>222698</v>
      </c>
      <c r="J71846" s="1" t="s">
        <v>240287</v>
      </c>
    </row>
    <row r="71847" spans="1:10" x14ac:dyDescent="0.35">
      <c r="A71847" s="1" t="s">
        <v>8333</v>
      </c>
      <c r="B71847" s="1" t="s">
        <v>222693</v>
      </c>
      <c r="C71847" s="1" t="s">
        <v>30</v>
      </c>
      <c r="D71847" s="1" t="s">
        <v>60788</v>
      </c>
      <c r="E71847" s="1" t="s">
        <v>240288</v>
      </c>
      <c r="F71847" s="1" t="s">
        <v>240289</v>
      </c>
      <c r="G71847" s="1" t="s">
        <v>240277</v>
      </c>
      <c r="H71847" s="1" t="s">
        <v>240278</v>
      </c>
      <c r="I71847" s="1" t="s">
        <v>222698</v>
      </c>
      <c r="J71847" s="1" t="s">
        <v>240290</v>
      </c>
    </row>
    <row r="71848" spans="1:10" x14ac:dyDescent="0.35">
      <c r="A71848" s="1" t="s">
        <v>8333</v>
      </c>
      <c r="B71848" s="1" t="s">
        <v>222693</v>
      </c>
      <c r="C71848" s="1" t="s">
        <v>35</v>
      </c>
      <c r="D71848" s="1" t="s">
        <v>94423</v>
      </c>
      <c r="E71848" s="1" t="s">
        <v>240291</v>
      </c>
      <c r="F71848" s="1" t="s">
        <v>240292</v>
      </c>
      <c r="G71848" s="1" t="s">
        <v>240277</v>
      </c>
      <c r="H71848" s="1" t="s">
        <v>240278</v>
      </c>
      <c r="I71848" s="1" t="s">
        <v>222698</v>
      </c>
      <c r="J71848" s="1" t="s">
        <v>240293</v>
      </c>
    </row>
    <row r="71849" spans="1:10" x14ac:dyDescent="0.35">
      <c r="A71849" s="1" t="s">
        <v>8333</v>
      </c>
      <c r="B71849" s="1" t="s">
        <v>222693</v>
      </c>
      <c r="C71849" s="1" t="s">
        <v>40</v>
      </c>
      <c r="D71849" s="1" t="s">
        <v>236146</v>
      </c>
      <c r="E71849" s="1" t="s">
        <v>240294</v>
      </c>
      <c r="F71849" s="1" t="s">
        <v>240295</v>
      </c>
      <c r="G71849" s="1" t="s">
        <v>240277</v>
      </c>
      <c r="H71849" s="1" t="s">
        <v>240278</v>
      </c>
      <c r="I71849" s="1" t="s">
        <v>222698</v>
      </c>
      <c r="J71849" s="1" t="s">
        <v>240296</v>
      </c>
    </row>
    <row r="71850" spans="1:10" x14ac:dyDescent="0.35">
      <c r="A71850" s="1" t="s">
        <v>8333</v>
      </c>
      <c r="B71850" s="1" t="s">
        <v>222693</v>
      </c>
      <c r="C71850" s="1" t="s">
        <v>45</v>
      </c>
      <c r="D71850" s="1" t="s">
        <v>76044</v>
      </c>
      <c r="E71850" s="1" t="s">
        <v>240297</v>
      </c>
      <c r="F71850" s="1" t="s">
        <v>240298</v>
      </c>
      <c r="G71850" s="1" t="s">
        <v>240277</v>
      </c>
      <c r="H71850" s="1" t="s">
        <v>240278</v>
      </c>
      <c r="I71850" s="1" t="s">
        <v>222698</v>
      </c>
      <c r="J71850" s="1" t="s">
        <v>240299</v>
      </c>
    </row>
    <row r="71851" spans="1:10" x14ac:dyDescent="0.35">
      <c r="A71851" s="1" t="s">
        <v>8333</v>
      </c>
      <c r="B71851" s="1" t="s">
        <v>222693</v>
      </c>
      <c r="C71851" s="1" t="s">
        <v>50</v>
      </c>
      <c r="D71851" s="1" t="s">
        <v>90558</v>
      </c>
      <c r="E71851" s="1" t="s">
        <v>240300</v>
      </c>
      <c r="F71851" s="1" t="s">
        <v>240301</v>
      </c>
      <c r="G71851" s="1" t="s">
        <v>240277</v>
      </c>
      <c r="H71851" s="1" t="s">
        <v>240278</v>
      </c>
      <c r="I71851" s="1" t="s">
        <v>222698</v>
      </c>
      <c r="J71851" s="1" t="s">
        <v>240302</v>
      </c>
    </row>
    <row r="71852" spans="1:10" x14ac:dyDescent="0.35">
      <c r="A71852" s="1" t="s">
        <v>8333</v>
      </c>
      <c r="B71852" s="1" t="s">
        <v>222693</v>
      </c>
      <c r="C71852" s="1" t="s">
        <v>55</v>
      </c>
      <c r="D71852" s="1" t="s">
        <v>136483</v>
      </c>
      <c r="E71852" s="1" t="s">
        <v>240303</v>
      </c>
      <c r="F71852" s="1" t="s">
        <v>240304</v>
      </c>
      <c r="G71852" s="1" t="s">
        <v>240277</v>
      </c>
      <c r="H71852" s="1" t="s">
        <v>240278</v>
      </c>
      <c r="I71852" s="1" t="s">
        <v>222698</v>
      </c>
      <c r="J71852" s="1" t="s">
        <v>240305</v>
      </c>
    </row>
    <row r="71853" spans="1:10" x14ac:dyDescent="0.35">
      <c r="A71853" s="1" t="s">
        <v>8333</v>
      </c>
      <c r="B71853" s="1" t="s">
        <v>222693</v>
      </c>
      <c r="C71853" s="1" t="s">
        <v>60</v>
      </c>
      <c r="D71853" s="1" t="s">
        <v>240306</v>
      </c>
      <c r="E71853" s="1" t="s">
        <v>240307</v>
      </c>
      <c r="F71853" s="1" t="s">
        <v>240308</v>
      </c>
      <c r="G71853" s="1" t="s">
        <v>240277</v>
      </c>
      <c r="H71853" s="1" t="s">
        <v>240278</v>
      </c>
      <c r="I71853" s="1" t="s">
        <v>222698</v>
      </c>
      <c r="J71853" s="1" t="s">
        <v>240309</v>
      </c>
    </row>
    <row r="71854" spans="1:10" x14ac:dyDescent="0.35">
      <c r="A71854" s="1" t="s">
        <v>8333</v>
      </c>
      <c r="B71854" s="1" t="s">
        <v>222693</v>
      </c>
      <c r="C71854" s="1" t="s">
        <v>65</v>
      </c>
      <c r="D71854" s="1" t="s">
        <v>69090</v>
      </c>
      <c r="E71854" s="1" t="s">
        <v>240310</v>
      </c>
      <c r="F71854" s="1" t="s">
        <v>240311</v>
      </c>
      <c r="G71854" s="1" t="s">
        <v>240277</v>
      </c>
      <c r="H71854" s="1" t="s">
        <v>240278</v>
      </c>
      <c r="I71854" s="1" t="s">
        <v>222698</v>
      </c>
      <c r="J71854" s="1" t="s">
        <v>14505</v>
      </c>
    </row>
    <row r="71855" spans="1:10" x14ac:dyDescent="0.35">
      <c r="A71855" s="1" t="s">
        <v>8333</v>
      </c>
      <c r="B71855" s="1" t="s">
        <v>222693</v>
      </c>
      <c r="C71855" s="1" t="s">
        <v>70</v>
      </c>
      <c r="D71855" s="1" t="s">
        <v>96868</v>
      </c>
      <c r="E71855" s="1" t="s">
        <v>240312</v>
      </c>
      <c r="F71855" s="1" t="s">
        <v>240313</v>
      </c>
      <c r="G71855" s="1" t="s">
        <v>240277</v>
      </c>
      <c r="H71855" s="1" t="s">
        <v>240278</v>
      </c>
      <c r="I71855" s="1" t="s">
        <v>222698</v>
      </c>
      <c r="J71855" s="1" t="s">
        <v>240314</v>
      </c>
    </row>
    <row r="71856" spans="1:10" x14ac:dyDescent="0.35">
      <c r="A71856" s="1" t="s">
        <v>8333</v>
      </c>
      <c r="B71856" s="1" t="s">
        <v>222693</v>
      </c>
      <c r="C71856" s="1" t="s">
        <v>75</v>
      </c>
      <c r="D71856" s="1" t="s">
        <v>64831</v>
      </c>
      <c r="E71856" s="1" t="s">
        <v>240315</v>
      </c>
      <c r="F71856" s="1" t="s">
        <v>240316</v>
      </c>
      <c r="G71856" s="1" t="s">
        <v>240277</v>
      </c>
      <c r="H71856" s="1" t="s">
        <v>240278</v>
      </c>
      <c r="I71856" s="1" t="s">
        <v>222698</v>
      </c>
      <c r="J71856" s="1" t="s">
        <v>240317</v>
      </c>
    </row>
    <row r="71857" spans="1:10" x14ac:dyDescent="0.35">
      <c r="A71857" s="1" t="s">
        <v>8333</v>
      </c>
      <c r="B71857" s="1" t="s">
        <v>222693</v>
      </c>
      <c r="C71857" s="1" t="s">
        <v>80</v>
      </c>
      <c r="D71857" s="1" t="s">
        <v>240318</v>
      </c>
      <c r="E71857" s="1" t="s">
        <v>240319</v>
      </c>
      <c r="F71857" s="1" t="s">
        <v>240320</v>
      </c>
      <c r="G71857" s="1" t="s">
        <v>240277</v>
      </c>
      <c r="H71857" s="1" t="s">
        <v>240278</v>
      </c>
      <c r="I71857" s="1" t="s">
        <v>222698</v>
      </c>
      <c r="J71857" s="1" t="s">
        <v>240321</v>
      </c>
    </row>
    <row r="71858" spans="1:10" x14ac:dyDescent="0.35">
      <c r="A71858" s="1" t="s">
        <v>8333</v>
      </c>
      <c r="B71858" s="1" t="s">
        <v>222693</v>
      </c>
      <c r="C71858" s="1" t="s">
        <v>85</v>
      </c>
      <c r="D71858" s="1" t="s">
        <v>137107</v>
      </c>
      <c r="E71858" s="1" t="s">
        <v>240322</v>
      </c>
      <c r="F71858" s="1" t="s">
        <v>240323</v>
      </c>
      <c r="G71858" s="1" t="s">
        <v>240277</v>
      </c>
      <c r="H71858" s="1" t="s">
        <v>240278</v>
      </c>
      <c r="I71858" s="1" t="s">
        <v>222698</v>
      </c>
      <c r="J71858" s="1" t="s">
        <v>240324</v>
      </c>
    </row>
    <row r="71859" spans="1:10" x14ac:dyDescent="0.35">
      <c r="A71859" s="1" t="s">
        <v>8333</v>
      </c>
      <c r="B71859" s="1" t="s">
        <v>222693</v>
      </c>
      <c r="C71859" s="1" t="s">
        <v>90</v>
      </c>
      <c r="D71859" s="1" t="s">
        <v>240325</v>
      </c>
      <c r="E71859" s="1" t="s">
        <v>240326</v>
      </c>
      <c r="F71859" s="1" t="s">
        <v>240327</v>
      </c>
      <c r="G71859" s="1" t="s">
        <v>240277</v>
      </c>
      <c r="H71859" s="1" t="s">
        <v>240278</v>
      </c>
      <c r="I71859" s="1" t="s">
        <v>222698</v>
      </c>
      <c r="J71859" s="1" t="s">
        <v>240328</v>
      </c>
    </row>
    <row r="71860" spans="1:10" x14ac:dyDescent="0.35">
      <c r="A71860" s="1" t="s">
        <v>8333</v>
      </c>
      <c r="B71860" s="1" t="s">
        <v>222693</v>
      </c>
      <c r="C71860" s="1" t="s">
        <v>95</v>
      </c>
      <c r="D71860" s="1" t="s">
        <v>240329</v>
      </c>
      <c r="E71860" s="1" t="s">
        <v>240330</v>
      </c>
      <c r="F71860" s="1" t="s">
        <v>240331</v>
      </c>
      <c r="G71860" s="1" t="s">
        <v>240277</v>
      </c>
      <c r="H71860" s="1" t="s">
        <v>240278</v>
      </c>
      <c r="I71860" s="1" t="s">
        <v>222698</v>
      </c>
      <c r="J71860" s="1" t="s">
        <v>240332</v>
      </c>
    </row>
    <row r="71861" spans="1:10" x14ac:dyDescent="0.35">
      <c r="A71861" s="1" t="s">
        <v>8333</v>
      </c>
      <c r="B71861" s="1" t="s">
        <v>222693</v>
      </c>
      <c r="C71861" s="1" t="s">
        <v>100</v>
      </c>
      <c r="D71861" s="1" t="s">
        <v>128523</v>
      </c>
      <c r="E71861" s="1" t="s">
        <v>240333</v>
      </c>
      <c r="F71861" s="1" t="s">
        <v>240334</v>
      </c>
      <c r="G71861" s="1" t="s">
        <v>240277</v>
      </c>
      <c r="H71861" s="1" t="s">
        <v>240278</v>
      </c>
      <c r="I71861" s="1" t="s">
        <v>222698</v>
      </c>
      <c r="J71861" s="1" t="s">
        <v>240335</v>
      </c>
    </row>
    <row r="71862" spans="1:10" x14ac:dyDescent="0.35">
      <c r="A71862" s="1" t="s">
        <v>8333</v>
      </c>
      <c r="B71862" s="1" t="s">
        <v>222693</v>
      </c>
      <c r="C71862" s="1" t="s">
        <v>105</v>
      </c>
      <c r="D71862" s="1" t="s">
        <v>76515</v>
      </c>
      <c r="E71862" s="1" t="s">
        <v>240336</v>
      </c>
      <c r="F71862" s="1" t="s">
        <v>240337</v>
      </c>
      <c r="G71862" s="1" t="s">
        <v>240277</v>
      </c>
      <c r="H71862" s="1" t="s">
        <v>240278</v>
      </c>
      <c r="I71862" s="1" t="s">
        <v>222698</v>
      </c>
      <c r="J71862" s="1" t="s">
        <v>240338</v>
      </c>
    </row>
    <row r="71863" spans="1:10" x14ac:dyDescent="0.35">
      <c r="A71863" s="1" t="s">
        <v>8333</v>
      </c>
      <c r="B71863" s="1" t="s">
        <v>222693</v>
      </c>
      <c r="C71863" s="1" t="s">
        <v>110</v>
      </c>
      <c r="D71863" s="1" t="s">
        <v>227081</v>
      </c>
      <c r="E71863" s="1" t="s">
        <v>240339</v>
      </c>
      <c r="F71863" s="1" t="s">
        <v>240340</v>
      </c>
      <c r="G71863" s="1" t="s">
        <v>240277</v>
      </c>
      <c r="H71863" s="1" t="s">
        <v>240278</v>
      </c>
      <c r="I71863" s="1" t="s">
        <v>222698</v>
      </c>
      <c r="J71863" s="1" t="s">
        <v>240341</v>
      </c>
    </row>
    <row r="71864" spans="1:10" x14ac:dyDescent="0.35">
      <c r="A71864" s="1" t="s">
        <v>8333</v>
      </c>
      <c r="B71864" s="1" t="s">
        <v>222693</v>
      </c>
      <c r="C71864" s="1" t="s">
        <v>115</v>
      </c>
      <c r="D71864" s="1" t="s">
        <v>240342</v>
      </c>
      <c r="E71864" s="1" t="s">
        <v>240343</v>
      </c>
      <c r="F71864" s="1" t="s">
        <v>240344</v>
      </c>
      <c r="G71864" s="1" t="s">
        <v>240277</v>
      </c>
      <c r="H71864" s="1" t="s">
        <v>240278</v>
      </c>
      <c r="I71864" s="1" t="s">
        <v>222698</v>
      </c>
      <c r="J71864" s="1" t="s">
        <v>240345</v>
      </c>
    </row>
    <row r="71865" spans="1:10" x14ac:dyDescent="0.35">
      <c r="A71865" s="1" t="s">
        <v>8333</v>
      </c>
      <c r="B71865" s="1" t="s">
        <v>222693</v>
      </c>
      <c r="C71865" s="1" t="s">
        <v>120</v>
      </c>
      <c r="D71865" s="1" t="s">
        <v>240346</v>
      </c>
      <c r="E71865" s="1" t="s">
        <v>240347</v>
      </c>
      <c r="F71865" s="1" t="s">
        <v>240348</v>
      </c>
      <c r="G71865" s="1" t="s">
        <v>240277</v>
      </c>
      <c r="H71865" s="1" t="s">
        <v>240278</v>
      </c>
      <c r="I71865" s="1" t="s">
        <v>222698</v>
      </c>
      <c r="J71865" s="1" t="s">
        <v>240349</v>
      </c>
    </row>
    <row r="71866" spans="1:10" x14ac:dyDescent="0.35">
      <c r="A71866" s="1" t="s">
        <v>8333</v>
      </c>
      <c r="B71866" s="1" t="s">
        <v>222693</v>
      </c>
      <c r="C71866" s="1" t="s">
        <v>125</v>
      </c>
      <c r="D71866" s="1" t="s">
        <v>240350</v>
      </c>
      <c r="E71866" s="1" t="s">
        <v>240351</v>
      </c>
      <c r="F71866" s="1" t="s">
        <v>240352</v>
      </c>
      <c r="G71866" s="1" t="s">
        <v>240277</v>
      </c>
      <c r="H71866" s="1" t="s">
        <v>240278</v>
      </c>
      <c r="I71866" s="1" t="s">
        <v>222698</v>
      </c>
      <c r="J71866" s="1" t="s">
        <v>240353</v>
      </c>
    </row>
    <row r="71867" spans="1:10" x14ac:dyDescent="0.35">
      <c r="A71867" s="1" t="s">
        <v>8333</v>
      </c>
      <c r="B71867" s="1" t="s">
        <v>222693</v>
      </c>
      <c r="C71867" s="1" t="s">
        <v>130</v>
      </c>
      <c r="D71867" s="1" t="s">
        <v>240354</v>
      </c>
      <c r="E71867" s="1" t="s">
        <v>240355</v>
      </c>
      <c r="F71867" s="1" t="s">
        <v>240356</v>
      </c>
      <c r="G71867" s="1" t="s">
        <v>240277</v>
      </c>
      <c r="H71867" s="1" t="s">
        <v>240278</v>
      </c>
      <c r="I71867" s="1" t="s">
        <v>222698</v>
      </c>
      <c r="J71867" s="1" t="s">
        <v>240357</v>
      </c>
    </row>
    <row r="71868" spans="1:10" x14ac:dyDescent="0.35">
      <c r="A71868" s="1" t="s">
        <v>8333</v>
      </c>
      <c r="B71868" s="1" t="s">
        <v>222693</v>
      </c>
      <c r="C71868" s="1" t="s">
        <v>135</v>
      </c>
      <c r="D71868" s="1" t="s">
        <v>240358</v>
      </c>
      <c r="E71868" s="1" t="s">
        <v>240359</v>
      </c>
      <c r="F71868" s="1" t="s">
        <v>240360</v>
      </c>
      <c r="G71868" s="1" t="s">
        <v>240277</v>
      </c>
      <c r="H71868" s="1" t="s">
        <v>240278</v>
      </c>
      <c r="I71868" s="1" t="s">
        <v>222698</v>
      </c>
      <c r="J71868" s="1" t="s">
        <v>240361</v>
      </c>
    </row>
    <row r="71869" spans="1:10" x14ac:dyDescent="0.35">
      <c r="A71869" s="1" t="s">
        <v>8333</v>
      </c>
      <c r="B71869" s="1" t="s">
        <v>222693</v>
      </c>
      <c r="C71869" s="1" t="s">
        <v>140</v>
      </c>
      <c r="D71869" s="1" t="s">
        <v>240362</v>
      </c>
      <c r="E71869" s="1" t="s">
        <v>240363</v>
      </c>
      <c r="F71869" s="1" t="s">
        <v>240364</v>
      </c>
      <c r="G71869" s="1" t="s">
        <v>240277</v>
      </c>
      <c r="H71869" s="1" t="s">
        <v>240278</v>
      </c>
      <c r="I71869" s="1" t="s">
        <v>222698</v>
      </c>
      <c r="J71869" s="1" t="s">
        <v>240365</v>
      </c>
    </row>
    <row r="71870" spans="1:10" x14ac:dyDescent="0.35">
      <c r="A71870" s="1" t="s">
        <v>8333</v>
      </c>
      <c r="B71870" s="1" t="s">
        <v>222693</v>
      </c>
      <c r="C71870" s="1" t="s">
        <v>145</v>
      </c>
      <c r="D71870" s="1" t="s">
        <v>240366</v>
      </c>
      <c r="E71870" s="1" t="s">
        <v>240367</v>
      </c>
      <c r="F71870" s="1" t="s">
        <v>240368</v>
      </c>
      <c r="G71870" s="1" t="s">
        <v>240277</v>
      </c>
      <c r="H71870" s="1" t="s">
        <v>240278</v>
      </c>
      <c r="I71870" s="1" t="s">
        <v>222698</v>
      </c>
      <c r="J71870" s="1" t="s">
        <v>240369</v>
      </c>
    </row>
    <row r="71871" spans="1:10" x14ac:dyDescent="0.35">
      <c r="A71871" s="1" t="s">
        <v>8333</v>
      </c>
      <c r="B71871" s="1" t="s">
        <v>222693</v>
      </c>
      <c r="C71871" s="1" t="s">
        <v>150</v>
      </c>
      <c r="D71871" s="1" t="s">
        <v>21008</v>
      </c>
      <c r="E71871" s="1" t="s">
        <v>240370</v>
      </c>
      <c r="F71871" s="1" t="s">
        <v>240371</v>
      </c>
      <c r="G71871" s="1" t="s">
        <v>240277</v>
      </c>
      <c r="H71871" s="1" t="s">
        <v>240278</v>
      </c>
      <c r="I71871" s="1" t="s">
        <v>222698</v>
      </c>
      <c r="J71871" s="1" t="s">
        <v>240372</v>
      </c>
    </row>
    <row r="71872" spans="1:10" x14ac:dyDescent="0.35">
      <c r="A71872" s="1" t="s">
        <v>8333</v>
      </c>
      <c r="B71872" s="1" t="s">
        <v>222693</v>
      </c>
      <c r="C71872" s="1" t="s">
        <v>155</v>
      </c>
      <c r="D71872" s="1" t="s">
        <v>240373</v>
      </c>
      <c r="E71872" s="1" t="s">
        <v>240374</v>
      </c>
      <c r="F71872" s="1" t="s">
        <v>240375</v>
      </c>
      <c r="G71872" s="1" t="s">
        <v>240277</v>
      </c>
      <c r="H71872" s="1" t="s">
        <v>240278</v>
      </c>
      <c r="I71872" s="1" t="s">
        <v>222698</v>
      </c>
      <c r="J71872" s="1" t="s">
        <v>240376</v>
      </c>
    </row>
    <row r="71873" spans="1:10" x14ac:dyDescent="0.35">
      <c r="A71873" s="1" t="s">
        <v>8333</v>
      </c>
      <c r="B71873" s="1" t="s">
        <v>222693</v>
      </c>
      <c r="C71873" s="1" t="s">
        <v>160</v>
      </c>
      <c r="D71873" s="1" t="s">
        <v>79443</v>
      </c>
      <c r="E71873" s="1" t="s">
        <v>240377</v>
      </c>
      <c r="F71873" s="1" t="s">
        <v>240378</v>
      </c>
      <c r="G71873" s="1" t="s">
        <v>240277</v>
      </c>
      <c r="H71873" s="1" t="s">
        <v>240278</v>
      </c>
      <c r="I71873" s="1" t="s">
        <v>222698</v>
      </c>
      <c r="J71873" s="1" t="s">
        <v>240379</v>
      </c>
    </row>
    <row r="71874" spans="1:10" x14ac:dyDescent="0.35">
      <c r="A71874" s="1" t="s">
        <v>8333</v>
      </c>
      <c r="B71874" s="1" t="s">
        <v>222693</v>
      </c>
      <c r="C71874" s="1" t="s">
        <v>165</v>
      </c>
      <c r="D71874" s="1" t="s">
        <v>240380</v>
      </c>
      <c r="E71874" s="1" t="s">
        <v>240381</v>
      </c>
      <c r="F71874" s="1" t="s">
        <v>240382</v>
      </c>
      <c r="G71874" s="1" t="s">
        <v>240277</v>
      </c>
      <c r="H71874" s="1" t="s">
        <v>240278</v>
      </c>
      <c r="I71874" s="1" t="s">
        <v>222698</v>
      </c>
      <c r="J71874" s="1" t="s">
        <v>240383</v>
      </c>
    </row>
    <row r="71875" spans="1:10" x14ac:dyDescent="0.35">
      <c r="A71875" s="1" t="s">
        <v>8333</v>
      </c>
      <c r="B71875" s="1" t="s">
        <v>222693</v>
      </c>
      <c r="C71875" s="1" t="s">
        <v>170</v>
      </c>
      <c r="D71875" s="1" t="s">
        <v>66480</v>
      </c>
      <c r="E71875" s="1" t="s">
        <v>240384</v>
      </c>
      <c r="F71875" s="1" t="s">
        <v>240385</v>
      </c>
      <c r="G71875" s="1" t="s">
        <v>240277</v>
      </c>
      <c r="H71875" s="1" t="s">
        <v>240278</v>
      </c>
      <c r="I71875" s="1" t="s">
        <v>222698</v>
      </c>
      <c r="J71875" s="1" t="s">
        <v>240386</v>
      </c>
    </row>
    <row r="71876" spans="1:10" x14ac:dyDescent="0.35">
      <c r="A71876" s="1" t="s">
        <v>35157</v>
      </c>
      <c r="B71876" s="1" t="s">
        <v>222693</v>
      </c>
      <c r="C71876" s="1" t="s">
        <v>8</v>
      </c>
      <c r="D71876" s="1" t="s">
        <v>240387</v>
      </c>
      <c r="E71876" s="1" t="s">
        <v>240388</v>
      </c>
      <c r="F71876" s="1" t="s">
        <v>240389</v>
      </c>
      <c r="G71876" s="1" t="s">
        <v>240390</v>
      </c>
      <c r="H71876" s="1" t="s">
        <v>240391</v>
      </c>
      <c r="I71876" s="1" t="s">
        <v>222698</v>
      </c>
      <c r="J71876" s="1" t="s">
        <v>13</v>
      </c>
    </row>
    <row r="71877" spans="1:10" x14ac:dyDescent="0.35">
      <c r="A71877" s="1" t="s">
        <v>35157</v>
      </c>
      <c r="B71877" s="1" t="s">
        <v>222693</v>
      </c>
      <c r="C71877" s="1" t="s">
        <v>15</v>
      </c>
      <c r="D71877" s="1" t="s">
        <v>52620</v>
      </c>
      <c r="E71877" s="1" t="s">
        <v>240392</v>
      </c>
      <c r="F71877" s="1" t="s">
        <v>240393</v>
      </c>
      <c r="G71877" s="1" t="s">
        <v>240390</v>
      </c>
      <c r="H71877" s="1" t="s">
        <v>240391</v>
      </c>
      <c r="I71877" s="1" t="s">
        <v>222698</v>
      </c>
      <c r="J71877" s="1" t="s">
        <v>240394</v>
      </c>
    </row>
    <row r="71878" spans="1:10" x14ac:dyDescent="0.35">
      <c r="A71878" s="1" t="s">
        <v>35157</v>
      </c>
      <c r="B71878" s="1" t="s">
        <v>222693</v>
      </c>
      <c r="C71878" s="1" t="s">
        <v>20</v>
      </c>
      <c r="D71878" s="1" t="s">
        <v>236045</v>
      </c>
      <c r="E71878" s="1" t="s">
        <v>240395</v>
      </c>
      <c r="F71878" s="1" t="s">
        <v>240396</v>
      </c>
      <c r="G71878" s="1" t="s">
        <v>240390</v>
      </c>
      <c r="H71878" s="1" t="s">
        <v>240391</v>
      </c>
      <c r="I71878" s="1" t="s">
        <v>222698</v>
      </c>
      <c r="J71878" s="1" t="s">
        <v>240397</v>
      </c>
    </row>
    <row r="71879" spans="1:10" x14ac:dyDescent="0.35">
      <c r="A71879" s="1" t="s">
        <v>35157</v>
      </c>
      <c r="B71879" s="1" t="s">
        <v>222693</v>
      </c>
      <c r="C71879" s="1" t="s">
        <v>25</v>
      </c>
      <c r="D71879" s="1" t="s">
        <v>108895</v>
      </c>
      <c r="E71879" s="1" t="s">
        <v>240398</v>
      </c>
      <c r="F71879" s="1" t="s">
        <v>240399</v>
      </c>
      <c r="G71879" s="1" t="s">
        <v>240390</v>
      </c>
      <c r="H71879" s="1" t="s">
        <v>240391</v>
      </c>
      <c r="I71879" s="1" t="s">
        <v>222698</v>
      </c>
      <c r="J71879" s="1" t="s">
        <v>240400</v>
      </c>
    </row>
    <row r="71880" spans="1:10" x14ac:dyDescent="0.35">
      <c r="A71880" s="1" t="s">
        <v>35157</v>
      </c>
      <c r="B71880" s="1" t="s">
        <v>222693</v>
      </c>
      <c r="C71880" s="1" t="s">
        <v>30</v>
      </c>
      <c r="D71880" s="1" t="s">
        <v>52277</v>
      </c>
      <c r="E71880" s="1" t="s">
        <v>240401</v>
      </c>
      <c r="F71880" s="1" t="s">
        <v>240402</v>
      </c>
      <c r="G71880" s="1" t="s">
        <v>240390</v>
      </c>
      <c r="H71880" s="1" t="s">
        <v>240391</v>
      </c>
      <c r="I71880" s="1" t="s">
        <v>222698</v>
      </c>
      <c r="J71880" s="1" t="s">
        <v>240403</v>
      </c>
    </row>
    <row r="71881" spans="1:10" x14ac:dyDescent="0.35">
      <c r="A71881" s="1" t="s">
        <v>35157</v>
      </c>
      <c r="B71881" s="1" t="s">
        <v>222693</v>
      </c>
      <c r="C71881" s="1" t="s">
        <v>35</v>
      </c>
      <c r="D71881" s="1" t="s">
        <v>36283</v>
      </c>
      <c r="E71881" s="1" t="s">
        <v>240404</v>
      </c>
      <c r="F71881" s="1" t="s">
        <v>240405</v>
      </c>
      <c r="G71881" s="1" t="s">
        <v>240390</v>
      </c>
      <c r="H71881" s="1" t="s">
        <v>240391</v>
      </c>
      <c r="I71881" s="1" t="s">
        <v>222698</v>
      </c>
      <c r="J71881" s="1" t="s">
        <v>240406</v>
      </c>
    </row>
    <row r="71882" spans="1:10" x14ac:dyDescent="0.35">
      <c r="A71882" s="1" t="s">
        <v>35157</v>
      </c>
      <c r="B71882" s="1" t="s">
        <v>222693</v>
      </c>
      <c r="C71882" s="1" t="s">
        <v>40</v>
      </c>
      <c r="D71882" s="1" t="s">
        <v>129473</v>
      </c>
      <c r="E71882" s="1" t="s">
        <v>240407</v>
      </c>
      <c r="F71882" s="1" t="s">
        <v>240408</v>
      </c>
      <c r="G71882" s="1" t="s">
        <v>240390</v>
      </c>
      <c r="H71882" s="1" t="s">
        <v>240391</v>
      </c>
      <c r="I71882" s="1" t="s">
        <v>222698</v>
      </c>
      <c r="J71882" s="1" t="s">
        <v>240409</v>
      </c>
    </row>
    <row r="71883" spans="1:10" x14ac:dyDescent="0.35">
      <c r="A71883" s="1" t="s">
        <v>35157</v>
      </c>
      <c r="B71883" s="1" t="s">
        <v>222693</v>
      </c>
      <c r="C71883" s="1" t="s">
        <v>45</v>
      </c>
      <c r="D71883" s="1" t="s">
        <v>24603</v>
      </c>
      <c r="E71883" s="1" t="s">
        <v>240410</v>
      </c>
      <c r="F71883" s="1" t="s">
        <v>240411</v>
      </c>
      <c r="G71883" s="1" t="s">
        <v>240390</v>
      </c>
      <c r="H71883" s="1" t="s">
        <v>240391</v>
      </c>
      <c r="I71883" s="1" t="s">
        <v>222698</v>
      </c>
      <c r="J71883" s="1" t="s">
        <v>240412</v>
      </c>
    </row>
    <row r="71884" spans="1:10" x14ac:dyDescent="0.35">
      <c r="A71884" s="1" t="s">
        <v>35157</v>
      </c>
      <c r="B71884" s="1" t="s">
        <v>222693</v>
      </c>
      <c r="C71884" s="1" t="s">
        <v>50</v>
      </c>
      <c r="D71884" s="1" t="s">
        <v>94155</v>
      </c>
      <c r="E71884" s="1" t="s">
        <v>240413</v>
      </c>
      <c r="F71884" s="1" t="s">
        <v>240414</v>
      </c>
      <c r="G71884" s="1" t="s">
        <v>240390</v>
      </c>
      <c r="H71884" s="1" t="s">
        <v>240391</v>
      </c>
      <c r="I71884" s="1" t="s">
        <v>222698</v>
      </c>
      <c r="J71884" s="1" t="s">
        <v>240415</v>
      </c>
    </row>
    <row r="71885" spans="1:10" x14ac:dyDescent="0.35">
      <c r="A71885" s="1" t="s">
        <v>35157</v>
      </c>
      <c r="B71885" s="1" t="s">
        <v>222693</v>
      </c>
      <c r="C71885" s="1" t="s">
        <v>55</v>
      </c>
      <c r="D71885" s="1" t="s">
        <v>55407</v>
      </c>
      <c r="E71885" s="1" t="s">
        <v>240416</v>
      </c>
      <c r="F71885" s="1" t="s">
        <v>240417</v>
      </c>
      <c r="G71885" s="1" t="s">
        <v>240390</v>
      </c>
      <c r="H71885" s="1" t="s">
        <v>240391</v>
      </c>
      <c r="I71885" s="1" t="s">
        <v>222698</v>
      </c>
      <c r="J71885" s="1" t="s">
        <v>240418</v>
      </c>
    </row>
    <row r="71886" spans="1:10" x14ac:dyDescent="0.35">
      <c r="A71886" s="1" t="s">
        <v>35157</v>
      </c>
      <c r="B71886" s="1" t="s">
        <v>222693</v>
      </c>
      <c r="C71886" s="1" t="s">
        <v>60</v>
      </c>
      <c r="D71886" s="1" t="s">
        <v>140472</v>
      </c>
      <c r="E71886" s="1" t="s">
        <v>240419</v>
      </c>
      <c r="F71886" s="1" t="s">
        <v>240420</v>
      </c>
      <c r="G71886" s="1" t="s">
        <v>240390</v>
      </c>
      <c r="H71886" s="1" t="s">
        <v>240391</v>
      </c>
      <c r="I71886" s="1" t="s">
        <v>222698</v>
      </c>
      <c r="J71886" s="1" t="s">
        <v>240421</v>
      </c>
    </row>
    <row r="71887" spans="1:10" x14ac:dyDescent="0.35">
      <c r="A71887" s="1" t="s">
        <v>35157</v>
      </c>
      <c r="B71887" s="1" t="s">
        <v>222693</v>
      </c>
      <c r="C71887" s="1" t="s">
        <v>65</v>
      </c>
      <c r="D71887" s="1" t="s">
        <v>60487</v>
      </c>
      <c r="E71887" s="1" t="s">
        <v>240422</v>
      </c>
      <c r="F71887" s="1" t="s">
        <v>240423</v>
      </c>
      <c r="G71887" s="1" t="s">
        <v>240390</v>
      </c>
      <c r="H71887" s="1" t="s">
        <v>240391</v>
      </c>
      <c r="I71887" s="1" t="s">
        <v>222698</v>
      </c>
      <c r="J71887" s="1" t="s">
        <v>240424</v>
      </c>
    </row>
    <row r="71888" spans="1:10" x14ac:dyDescent="0.35">
      <c r="A71888" s="1" t="s">
        <v>35157</v>
      </c>
      <c r="B71888" s="1" t="s">
        <v>222693</v>
      </c>
      <c r="C71888" s="1" t="s">
        <v>70</v>
      </c>
      <c r="D71888" s="1" t="s">
        <v>44002</v>
      </c>
      <c r="E71888" s="1" t="s">
        <v>240425</v>
      </c>
      <c r="F71888" s="1" t="s">
        <v>240426</v>
      </c>
      <c r="G71888" s="1" t="s">
        <v>240390</v>
      </c>
      <c r="H71888" s="1" t="s">
        <v>240391</v>
      </c>
      <c r="I71888" s="1" t="s">
        <v>222698</v>
      </c>
      <c r="J71888" s="1" t="s">
        <v>240427</v>
      </c>
    </row>
    <row r="71889" spans="1:10" x14ac:dyDescent="0.35">
      <c r="A71889" s="1" t="s">
        <v>35157</v>
      </c>
      <c r="B71889" s="1" t="s">
        <v>222693</v>
      </c>
      <c r="C71889" s="1" t="s">
        <v>75</v>
      </c>
      <c r="D71889" s="1" t="s">
        <v>114006</v>
      </c>
      <c r="E71889" s="1" t="s">
        <v>240428</v>
      </c>
      <c r="F71889" s="1" t="s">
        <v>240429</v>
      </c>
      <c r="G71889" s="1" t="s">
        <v>240390</v>
      </c>
      <c r="H71889" s="1" t="s">
        <v>240391</v>
      </c>
      <c r="I71889" s="1" t="s">
        <v>222698</v>
      </c>
      <c r="J71889" s="1" t="s">
        <v>240430</v>
      </c>
    </row>
    <row r="71890" spans="1:10" x14ac:dyDescent="0.35">
      <c r="A71890" s="1" t="s">
        <v>35157</v>
      </c>
      <c r="B71890" s="1" t="s">
        <v>222693</v>
      </c>
      <c r="C71890" s="1" t="s">
        <v>80</v>
      </c>
      <c r="D71890" s="1" t="s">
        <v>234177</v>
      </c>
      <c r="E71890" s="1" t="s">
        <v>240431</v>
      </c>
      <c r="F71890" s="1" t="s">
        <v>240432</v>
      </c>
      <c r="G71890" s="1" t="s">
        <v>240390</v>
      </c>
      <c r="H71890" s="1" t="s">
        <v>240391</v>
      </c>
      <c r="I71890" s="1" t="s">
        <v>222698</v>
      </c>
      <c r="J71890" s="1" t="s">
        <v>240433</v>
      </c>
    </row>
    <row r="71891" spans="1:10" x14ac:dyDescent="0.35">
      <c r="A71891" s="1" t="s">
        <v>35157</v>
      </c>
      <c r="B71891" s="1" t="s">
        <v>222693</v>
      </c>
      <c r="C71891" s="1" t="s">
        <v>85</v>
      </c>
      <c r="D71891" s="1" t="s">
        <v>240434</v>
      </c>
      <c r="E71891" s="1" t="s">
        <v>240435</v>
      </c>
      <c r="F71891" s="1" t="s">
        <v>240436</v>
      </c>
      <c r="G71891" s="1" t="s">
        <v>240390</v>
      </c>
      <c r="H71891" s="1" t="s">
        <v>240391</v>
      </c>
      <c r="I71891" s="1" t="s">
        <v>222698</v>
      </c>
      <c r="J71891" s="1" t="s">
        <v>240437</v>
      </c>
    </row>
    <row r="71892" spans="1:10" x14ac:dyDescent="0.35">
      <c r="A71892" s="1" t="s">
        <v>35157</v>
      </c>
      <c r="B71892" s="1" t="s">
        <v>222693</v>
      </c>
      <c r="C71892" s="1" t="s">
        <v>90</v>
      </c>
      <c r="D71892" s="1" t="s">
        <v>39904</v>
      </c>
      <c r="E71892" s="1" t="s">
        <v>240438</v>
      </c>
      <c r="F71892" s="1" t="s">
        <v>240439</v>
      </c>
      <c r="G71892" s="1" t="s">
        <v>240390</v>
      </c>
      <c r="H71892" s="1" t="s">
        <v>240391</v>
      </c>
      <c r="I71892" s="1" t="s">
        <v>222698</v>
      </c>
      <c r="J71892" s="1" t="s">
        <v>240440</v>
      </c>
    </row>
    <row r="71893" spans="1:10" x14ac:dyDescent="0.35">
      <c r="A71893" s="1" t="s">
        <v>35157</v>
      </c>
      <c r="B71893" s="1" t="s">
        <v>222693</v>
      </c>
      <c r="C71893" s="1" t="s">
        <v>95</v>
      </c>
      <c r="D71893" s="1" t="s">
        <v>77487</v>
      </c>
      <c r="E71893" s="1" t="s">
        <v>240441</v>
      </c>
      <c r="F71893" s="1" t="s">
        <v>240442</v>
      </c>
      <c r="G71893" s="1" t="s">
        <v>240390</v>
      </c>
      <c r="H71893" s="1" t="s">
        <v>240391</v>
      </c>
      <c r="I71893" s="1" t="s">
        <v>222698</v>
      </c>
      <c r="J71893" s="1" t="s">
        <v>240443</v>
      </c>
    </row>
    <row r="71894" spans="1:10" x14ac:dyDescent="0.35">
      <c r="A71894" s="1" t="s">
        <v>35157</v>
      </c>
      <c r="B71894" s="1" t="s">
        <v>222693</v>
      </c>
      <c r="C71894" s="1" t="s">
        <v>100</v>
      </c>
      <c r="D71894" s="1" t="s">
        <v>240444</v>
      </c>
      <c r="E71894" s="1" t="s">
        <v>240445</v>
      </c>
      <c r="F71894" s="1" t="s">
        <v>240446</v>
      </c>
      <c r="G71894" s="1" t="s">
        <v>240390</v>
      </c>
      <c r="H71894" s="1" t="s">
        <v>240391</v>
      </c>
      <c r="I71894" s="1" t="s">
        <v>222698</v>
      </c>
      <c r="J71894" s="1" t="s">
        <v>240447</v>
      </c>
    </row>
    <row r="71895" spans="1:10" x14ac:dyDescent="0.35">
      <c r="A71895" s="1" t="s">
        <v>35157</v>
      </c>
      <c r="B71895" s="1" t="s">
        <v>222693</v>
      </c>
      <c r="C71895" s="1" t="s">
        <v>105</v>
      </c>
      <c r="D71895" s="1" t="s">
        <v>240448</v>
      </c>
      <c r="E71895" s="1" t="s">
        <v>240449</v>
      </c>
      <c r="F71895" s="1" t="s">
        <v>240450</v>
      </c>
      <c r="G71895" s="1" t="s">
        <v>240390</v>
      </c>
      <c r="H71895" s="1" t="s">
        <v>240391</v>
      </c>
      <c r="I71895" s="1" t="s">
        <v>222698</v>
      </c>
      <c r="J71895" s="1" t="s">
        <v>240451</v>
      </c>
    </row>
    <row r="71896" spans="1:10" x14ac:dyDescent="0.35">
      <c r="A71896" s="1" t="s">
        <v>35157</v>
      </c>
      <c r="B71896" s="1" t="s">
        <v>222693</v>
      </c>
      <c r="C71896" s="1" t="s">
        <v>110</v>
      </c>
      <c r="D71896" s="1" t="s">
        <v>128625</v>
      </c>
      <c r="E71896" s="1" t="s">
        <v>240452</v>
      </c>
      <c r="F71896" s="1" t="s">
        <v>240453</v>
      </c>
      <c r="G71896" s="1" t="s">
        <v>240390</v>
      </c>
      <c r="H71896" s="1" t="s">
        <v>240391</v>
      </c>
      <c r="I71896" s="1" t="s">
        <v>222698</v>
      </c>
      <c r="J71896" s="1" t="s">
        <v>240454</v>
      </c>
    </row>
    <row r="71897" spans="1:10" x14ac:dyDescent="0.35">
      <c r="A71897" s="1" t="s">
        <v>35157</v>
      </c>
      <c r="B71897" s="1" t="s">
        <v>222693</v>
      </c>
      <c r="C71897" s="1" t="s">
        <v>115</v>
      </c>
      <c r="D71897" s="1" t="s">
        <v>162195</v>
      </c>
      <c r="E71897" s="1" t="s">
        <v>240455</v>
      </c>
      <c r="F71897" s="1" t="s">
        <v>240456</v>
      </c>
      <c r="G71897" s="1" t="s">
        <v>240390</v>
      </c>
      <c r="H71897" s="1" t="s">
        <v>240391</v>
      </c>
      <c r="I71897" s="1" t="s">
        <v>222698</v>
      </c>
      <c r="J71897" s="1" t="s">
        <v>240457</v>
      </c>
    </row>
    <row r="71898" spans="1:10" x14ac:dyDescent="0.35">
      <c r="A71898" s="1" t="s">
        <v>35157</v>
      </c>
      <c r="B71898" s="1" t="s">
        <v>222693</v>
      </c>
      <c r="C71898" s="1" t="s">
        <v>120</v>
      </c>
      <c r="D71898" s="1" t="s">
        <v>240458</v>
      </c>
      <c r="E71898" s="1" t="s">
        <v>240459</v>
      </c>
      <c r="F71898" s="1" t="s">
        <v>240460</v>
      </c>
      <c r="G71898" s="1" t="s">
        <v>240390</v>
      </c>
      <c r="H71898" s="1" t="s">
        <v>240391</v>
      </c>
      <c r="I71898" s="1" t="s">
        <v>222698</v>
      </c>
      <c r="J71898" s="1" t="s">
        <v>240461</v>
      </c>
    </row>
    <row r="71899" spans="1:10" x14ac:dyDescent="0.35">
      <c r="A71899" s="1" t="s">
        <v>35157</v>
      </c>
      <c r="B71899" s="1" t="s">
        <v>222693</v>
      </c>
      <c r="C71899" s="1" t="s">
        <v>125</v>
      </c>
      <c r="D71899" s="1" t="s">
        <v>240462</v>
      </c>
      <c r="E71899" s="1" t="s">
        <v>240463</v>
      </c>
      <c r="F71899" s="1" t="s">
        <v>240464</v>
      </c>
      <c r="G71899" s="1" t="s">
        <v>240390</v>
      </c>
      <c r="H71899" s="1" t="s">
        <v>240391</v>
      </c>
      <c r="I71899" s="1" t="s">
        <v>222698</v>
      </c>
      <c r="J71899" s="1" t="s">
        <v>240465</v>
      </c>
    </row>
    <row r="71900" spans="1:10" x14ac:dyDescent="0.35">
      <c r="A71900" s="1" t="s">
        <v>35157</v>
      </c>
      <c r="B71900" s="1" t="s">
        <v>222693</v>
      </c>
      <c r="C71900" s="1" t="s">
        <v>130</v>
      </c>
      <c r="D71900" s="1" t="s">
        <v>240466</v>
      </c>
      <c r="E71900" s="1" t="s">
        <v>240467</v>
      </c>
      <c r="F71900" s="1" t="s">
        <v>240468</v>
      </c>
      <c r="G71900" s="1" t="s">
        <v>240390</v>
      </c>
      <c r="H71900" s="1" t="s">
        <v>240391</v>
      </c>
      <c r="I71900" s="1" t="s">
        <v>222698</v>
      </c>
      <c r="J71900" s="1" t="s">
        <v>240469</v>
      </c>
    </row>
    <row r="71901" spans="1:10" x14ac:dyDescent="0.35">
      <c r="A71901" s="1" t="s">
        <v>35157</v>
      </c>
      <c r="B71901" s="1" t="s">
        <v>222693</v>
      </c>
      <c r="C71901" s="1" t="s">
        <v>135</v>
      </c>
      <c r="D71901" s="1" t="s">
        <v>240470</v>
      </c>
      <c r="E71901" s="1" t="s">
        <v>240471</v>
      </c>
      <c r="F71901" s="1" t="s">
        <v>240472</v>
      </c>
      <c r="G71901" s="1" t="s">
        <v>240390</v>
      </c>
      <c r="H71901" s="1" t="s">
        <v>240391</v>
      </c>
      <c r="I71901" s="1" t="s">
        <v>222698</v>
      </c>
      <c r="J71901" s="1" t="s">
        <v>240473</v>
      </c>
    </row>
    <row r="71902" spans="1:10" x14ac:dyDescent="0.35">
      <c r="A71902" s="1" t="s">
        <v>35157</v>
      </c>
      <c r="B71902" s="1" t="s">
        <v>222693</v>
      </c>
      <c r="C71902" s="1" t="s">
        <v>140</v>
      </c>
      <c r="D71902" s="1" t="s">
        <v>240474</v>
      </c>
      <c r="E71902" s="1" t="s">
        <v>240475</v>
      </c>
      <c r="F71902" s="1" t="s">
        <v>240476</v>
      </c>
      <c r="G71902" s="1" t="s">
        <v>240390</v>
      </c>
      <c r="H71902" s="1" t="s">
        <v>240391</v>
      </c>
      <c r="I71902" s="1" t="s">
        <v>222698</v>
      </c>
      <c r="J71902" s="1" t="s">
        <v>240477</v>
      </c>
    </row>
    <row r="71903" spans="1:10" x14ac:dyDescent="0.35">
      <c r="A71903" s="1" t="s">
        <v>35157</v>
      </c>
      <c r="B71903" s="1" t="s">
        <v>222693</v>
      </c>
      <c r="C71903" s="1" t="s">
        <v>145</v>
      </c>
      <c r="D71903" s="1" t="s">
        <v>69507</v>
      </c>
      <c r="E71903" s="1" t="s">
        <v>240478</v>
      </c>
      <c r="F71903" s="1" t="s">
        <v>240479</v>
      </c>
      <c r="G71903" s="1" t="s">
        <v>240390</v>
      </c>
      <c r="H71903" s="1" t="s">
        <v>240391</v>
      </c>
      <c r="I71903" s="1" t="s">
        <v>222698</v>
      </c>
      <c r="J71903" s="1" t="s">
        <v>240480</v>
      </c>
    </row>
    <row r="71904" spans="1:10" x14ac:dyDescent="0.35">
      <c r="A71904" s="1" t="s">
        <v>35157</v>
      </c>
      <c r="B71904" s="1" t="s">
        <v>222693</v>
      </c>
      <c r="C71904" s="1" t="s">
        <v>150</v>
      </c>
      <c r="D71904" s="1" t="s">
        <v>240481</v>
      </c>
      <c r="E71904" s="1" t="s">
        <v>240482</v>
      </c>
      <c r="F71904" s="1" t="s">
        <v>240483</v>
      </c>
      <c r="G71904" s="1" t="s">
        <v>240390</v>
      </c>
      <c r="H71904" s="1" t="s">
        <v>240391</v>
      </c>
      <c r="I71904" s="1" t="s">
        <v>222698</v>
      </c>
      <c r="J71904" s="1" t="s">
        <v>240484</v>
      </c>
    </row>
    <row r="71905" spans="1:10" x14ac:dyDescent="0.35">
      <c r="A71905" s="1" t="s">
        <v>35157</v>
      </c>
      <c r="B71905" s="1" t="s">
        <v>222693</v>
      </c>
      <c r="C71905" s="1" t="s">
        <v>155</v>
      </c>
      <c r="D71905" s="1" t="s">
        <v>240485</v>
      </c>
      <c r="E71905" s="1" t="s">
        <v>240486</v>
      </c>
      <c r="F71905" s="1" t="s">
        <v>240487</v>
      </c>
      <c r="G71905" s="1" t="s">
        <v>240390</v>
      </c>
      <c r="H71905" s="1" t="s">
        <v>240391</v>
      </c>
      <c r="I71905" s="1" t="s">
        <v>222698</v>
      </c>
      <c r="J71905" s="1" t="s">
        <v>240488</v>
      </c>
    </row>
    <row r="71906" spans="1:10" x14ac:dyDescent="0.35">
      <c r="A71906" s="1" t="s">
        <v>35157</v>
      </c>
      <c r="B71906" s="1" t="s">
        <v>222693</v>
      </c>
      <c r="C71906" s="1" t="s">
        <v>160</v>
      </c>
      <c r="D71906" s="1" t="s">
        <v>240489</v>
      </c>
      <c r="E71906" s="1" t="s">
        <v>240490</v>
      </c>
      <c r="F71906" s="1" t="s">
        <v>240491</v>
      </c>
      <c r="G71906" s="1" t="s">
        <v>240390</v>
      </c>
      <c r="H71906" s="1" t="s">
        <v>240391</v>
      </c>
      <c r="I71906" s="1" t="s">
        <v>222698</v>
      </c>
      <c r="J71906" s="1" t="s">
        <v>240492</v>
      </c>
    </row>
    <row r="71907" spans="1:10" x14ac:dyDescent="0.35">
      <c r="A71907" s="1" t="s">
        <v>35157</v>
      </c>
      <c r="B71907" s="1" t="s">
        <v>222693</v>
      </c>
      <c r="C71907" s="1" t="s">
        <v>165</v>
      </c>
      <c r="D71907" s="1" t="s">
        <v>20113</v>
      </c>
      <c r="E71907" s="1" t="s">
        <v>240493</v>
      </c>
      <c r="F71907" s="1" t="s">
        <v>240494</v>
      </c>
      <c r="G71907" s="1" t="s">
        <v>240390</v>
      </c>
      <c r="H71907" s="1" t="s">
        <v>240391</v>
      </c>
      <c r="I71907" s="1" t="s">
        <v>222698</v>
      </c>
      <c r="J71907" s="1" t="s">
        <v>240495</v>
      </c>
    </row>
    <row r="71908" spans="1:10" x14ac:dyDescent="0.35">
      <c r="A71908" s="1" t="s">
        <v>35157</v>
      </c>
      <c r="B71908" s="1" t="s">
        <v>222693</v>
      </c>
      <c r="C71908" s="1" t="s">
        <v>170</v>
      </c>
      <c r="D71908" s="1" t="s">
        <v>240496</v>
      </c>
      <c r="E71908" s="1" t="s">
        <v>240497</v>
      </c>
      <c r="F71908" s="1" t="s">
        <v>240498</v>
      </c>
      <c r="G71908" s="1" t="s">
        <v>240390</v>
      </c>
      <c r="H71908" s="1" t="s">
        <v>240391</v>
      </c>
      <c r="I71908" s="1" t="s">
        <v>222698</v>
      </c>
      <c r="J71908" s="1" t="s">
        <v>240499</v>
      </c>
    </row>
    <row r="71909" spans="1:10" x14ac:dyDescent="0.35">
      <c r="A71909" s="1" t="s">
        <v>144051</v>
      </c>
      <c r="B71909" s="1" t="s">
        <v>222693</v>
      </c>
      <c r="C71909" s="1" t="s">
        <v>8</v>
      </c>
      <c r="D71909" s="1" t="s">
        <v>240500</v>
      </c>
      <c r="E71909" s="1" t="s">
        <v>240501</v>
      </c>
      <c r="F71909" s="1" t="s">
        <v>240502</v>
      </c>
      <c r="G71909" s="1" t="s">
        <v>240503</v>
      </c>
      <c r="H71909" s="1" t="s">
        <v>240504</v>
      </c>
      <c r="I71909" s="1" t="s">
        <v>222698</v>
      </c>
      <c r="J71909" s="1" t="s">
        <v>13</v>
      </c>
    </row>
    <row r="71910" spans="1:10" x14ac:dyDescent="0.35">
      <c r="A71910" s="1" t="s">
        <v>144051</v>
      </c>
      <c r="B71910" s="1" t="s">
        <v>222693</v>
      </c>
      <c r="C71910" s="1" t="s">
        <v>15</v>
      </c>
      <c r="D71910" s="1" t="s">
        <v>131883</v>
      </c>
      <c r="E71910" s="1" t="s">
        <v>240505</v>
      </c>
      <c r="F71910" s="1" t="s">
        <v>240506</v>
      </c>
      <c r="G71910" s="1" t="s">
        <v>240503</v>
      </c>
      <c r="H71910" s="1" t="s">
        <v>240504</v>
      </c>
      <c r="I71910" s="1" t="s">
        <v>222698</v>
      </c>
      <c r="J71910" s="1" t="s">
        <v>240507</v>
      </c>
    </row>
    <row r="71911" spans="1:10" x14ac:dyDescent="0.35">
      <c r="A71911" s="1" t="s">
        <v>144051</v>
      </c>
      <c r="B71911" s="1" t="s">
        <v>222693</v>
      </c>
      <c r="C71911" s="1" t="s">
        <v>20</v>
      </c>
      <c r="D71911" s="1" t="s">
        <v>39540</v>
      </c>
      <c r="E71911" s="1" t="s">
        <v>240508</v>
      </c>
      <c r="F71911" s="1" t="s">
        <v>240509</v>
      </c>
      <c r="G71911" s="1" t="s">
        <v>240503</v>
      </c>
      <c r="H71911" s="1" t="s">
        <v>240504</v>
      </c>
      <c r="I71911" s="1" t="s">
        <v>222698</v>
      </c>
      <c r="J71911" s="1" t="s">
        <v>240510</v>
      </c>
    </row>
    <row r="71912" spans="1:10" x14ac:dyDescent="0.35">
      <c r="A71912" s="1" t="s">
        <v>144051</v>
      </c>
      <c r="B71912" s="1" t="s">
        <v>222693</v>
      </c>
      <c r="C71912" s="1" t="s">
        <v>25</v>
      </c>
      <c r="D71912" s="1" t="s">
        <v>239290</v>
      </c>
      <c r="E71912" s="1" t="s">
        <v>240511</v>
      </c>
      <c r="F71912" s="1" t="s">
        <v>240512</v>
      </c>
      <c r="G71912" s="1" t="s">
        <v>240503</v>
      </c>
      <c r="H71912" s="1" t="s">
        <v>240504</v>
      </c>
      <c r="I71912" s="1" t="s">
        <v>222698</v>
      </c>
      <c r="J71912" s="1" t="s">
        <v>240513</v>
      </c>
    </row>
    <row r="71913" spans="1:10" x14ac:dyDescent="0.35">
      <c r="A71913" s="1" t="s">
        <v>144051</v>
      </c>
      <c r="B71913" s="1" t="s">
        <v>222693</v>
      </c>
      <c r="C71913" s="1" t="s">
        <v>30</v>
      </c>
      <c r="D71913" s="1" t="s">
        <v>240514</v>
      </c>
      <c r="E71913" s="1" t="s">
        <v>240515</v>
      </c>
      <c r="F71913" s="1" t="s">
        <v>240516</v>
      </c>
      <c r="G71913" s="1" t="s">
        <v>240503</v>
      </c>
      <c r="H71913" s="1" t="s">
        <v>240504</v>
      </c>
      <c r="I71913" s="1" t="s">
        <v>222698</v>
      </c>
      <c r="J71913" s="1" t="s">
        <v>240517</v>
      </c>
    </row>
    <row r="71914" spans="1:10" x14ac:dyDescent="0.35">
      <c r="A71914" s="1" t="s">
        <v>144051</v>
      </c>
      <c r="B71914" s="1" t="s">
        <v>222693</v>
      </c>
      <c r="C71914" s="1" t="s">
        <v>35</v>
      </c>
      <c r="D71914" s="1" t="s">
        <v>133706</v>
      </c>
      <c r="E71914" s="1" t="s">
        <v>240518</v>
      </c>
      <c r="F71914" s="1" t="s">
        <v>240519</v>
      </c>
      <c r="G71914" s="1" t="s">
        <v>240503</v>
      </c>
      <c r="H71914" s="1" t="s">
        <v>240504</v>
      </c>
      <c r="I71914" s="1" t="s">
        <v>222698</v>
      </c>
      <c r="J71914" s="1" t="s">
        <v>240520</v>
      </c>
    </row>
    <row r="71915" spans="1:10" x14ac:dyDescent="0.35">
      <c r="A71915" s="1" t="s">
        <v>144051</v>
      </c>
      <c r="B71915" s="1" t="s">
        <v>222693</v>
      </c>
      <c r="C71915" s="1" t="s">
        <v>40</v>
      </c>
      <c r="D71915" s="1" t="s">
        <v>240521</v>
      </c>
      <c r="E71915" s="1" t="s">
        <v>240522</v>
      </c>
      <c r="F71915" s="1" t="s">
        <v>240523</v>
      </c>
      <c r="G71915" s="1" t="s">
        <v>240503</v>
      </c>
      <c r="H71915" s="1" t="s">
        <v>240504</v>
      </c>
      <c r="I71915" s="1" t="s">
        <v>222698</v>
      </c>
      <c r="J71915" s="1" t="s">
        <v>240524</v>
      </c>
    </row>
    <row r="71916" spans="1:10" x14ac:dyDescent="0.35">
      <c r="A71916" s="1" t="s">
        <v>144051</v>
      </c>
      <c r="B71916" s="1" t="s">
        <v>222693</v>
      </c>
      <c r="C71916" s="1" t="s">
        <v>45</v>
      </c>
      <c r="D71916" s="1" t="s">
        <v>223129</v>
      </c>
      <c r="E71916" s="1" t="s">
        <v>240525</v>
      </c>
      <c r="F71916" s="1" t="s">
        <v>240526</v>
      </c>
      <c r="G71916" s="1" t="s">
        <v>240503</v>
      </c>
      <c r="H71916" s="1" t="s">
        <v>240504</v>
      </c>
      <c r="I71916" s="1" t="s">
        <v>222698</v>
      </c>
      <c r="J71916" s="1" t="s">
        <v>240527</v>
      </c>
    </row>
    <row r="71917" spans="1:10" x14ac:dyDescent="0.35">
      <c r="A71917" s="1" t="s">
        <v>144051</v>
      </c>
      <c r="B71917" s="1" t="s">
        <v>222693</v>
      </c>
      <c r="C71917" s="1" t="s">
        <v>50</v>
      </c>
      <c r="D71917" s="1" t="s">
        <v>237578</v>
      </c>
      <c r="E71917" s="1" t="s">
        <v>240528</v>
      </c>
      <c r="F71917" s="1" t="s">
        <v>240529</v>
      </c>
      <c r="G71917" s="1" t="s">
        <v>240503</v>
      </c>
      <c r="H71917" s="1" t="s">
        <v>240504</v>
      </c>
      <c r="I71917" s="1" t="s">
        <v>222698</v>
      </c>
      <c r="J71917" s="1" t="s">
        <v>240530</v>
      </c>
    </row>
    <row r="71918" spans="1:10" x14ac:dyDescent="0.35">
      <c r="A71918" s="1" t="s">
        <v>144051</v>
      </c>
      <c r="B71918" s="1" t="s">
        <v>222693</v>
      </c>
      <c r="C71918" s="1" t="s">
        <v>55</v>
      </c>
      <c r="D71918" s="1" t="s">
        <v>240531</v>
      </c>
      <c r="E71918" s="1" t="s">
        <v>240532</v>
      </c>
      <c r="F71918" s="1" t="s">
        <v>240533</v>
      </c>
      <c r="G71918" s="1" t="s">
        <v>240503</v>
      </c>
      <c r="H71918" s="1" t="s">
        <v>240504</v>
      </c>
      <c r="I71918" s="1" t="s">
        <v>222698</v>
      </c>
      <c r="J71918" s="1" t="s">
        <v>240534</v>
      </c>
    </row>
    <row r="71919" spans="1:10" x14ac:dyDescent="0.35">
      <c r="A71919" s="1" t="s">
        <v>144051</v>
      </c>
      <c r="B71919" s="1" t="s">
        <v>222693</v>
      </c>
      <c r="C71919" s="1" t="s">
        <v>60</v>
      </c>
      <c r="D71919" s="1" t="s">
        <v>67058</v>
      </c>
      <c r="E71919" s="1" t="s">
        <v>240535</v>
      </c>
      <c r="F71919" s="1" t="s">
        <v>240536</v>
      </c>
      <c r="G71919" s="1" t="s">
        <v>240503</v>
      </c>
      <c r="H71919" s="1" t="s">
        <v>240504</v>
      </c>
      <c r="I71919" s="1" t="s">
        <v>222698</v>
      </c>
      <c r="J71919" s="1" t="s">
        <v>240537</v>
      </c>
    </row>
    <row r="71920" spans="1:10" x14ac:dyDescent="0.35">
      <c r="A71920" s="1" t="s">
        <v>144051</v>
      </c>
      <c r="B71920" s="1" t="s">
        <v>222693</v>
      </c>
      <c r="C71920" s="1" t="s">
        <v>65</v>
      </c>
      <c r="D71920" s="1" t="s">
        <v>240538</v>
      </c>
      <c r="E71920" s="1" t="s">
        <v>240539</v>
      </c>
      <c r="F71920" s="1" t="s">
        <v>240540</v>
      </c>
      <c r="G71920" s="1" t="s">
        <v>240503</v>
      </c>
      <c r="H71920" s="1" t="s">
        <v>240504</v>
      </c>
      <c r="I71920" s="1" t="s">
        <v>222698</v>
      </c>
      <c r="J71920" s="1" t="s">
        <v>240541</v>
      </c>
    </row>
    <row r="71921" spans="1:10" x14ac:dyDescent="0.35">
      <c r="A71921" s="1" t="s">
        <v>144051</v>
      </c>
      <c r="B71921" s="1" t="s">
        <v>222693</v>
      </c>
      <c r="C71921" s="1" t="s">
        <v>70</v>
      </c>
      <c r="D71921" s="1" t="s">
        <v>240542</v>
      </c>
      <c r="E71921" s="1" t="s">
        <v>240543</v>
      </c>
      <c r="F71921" s="1" t="s">
        <v>240544</v>
      </c>
      <c r="G71921" s="1" t="s">
        <v>240503</v>
      </c>
      <c r="H71921" s="1" t="s">
        <v>240504</v>
      </c>
      <c r="I71921" s="1" t="s">
        <v>222698</v>
      </c>
      <c r="J71921" s="1" t="s">
        <v>240545</v>
      </c>
    </row>
    <row r="71922" spans="1:10" x14ac:dyDescent="0.35">
      <c r="A71922" s="1" t="s">
        <v>144051</v>
      </c>
      <c r="B71922" s="1" t="s">
        <v>222693</v>
      </c>
      <c r="C71922" s="1" t="s">
        <v>75</v>
      </c>
      <c r="D71922" s="1" t="s">
        <v>240546</v>
      </c>
      <c r="E71922" s="1" t="s">
        <v>240547</v>
      </c>
      <c r="F71922" s="1" t="s">
        <v>240548</v>
      </c>
      <c r="G71922" s="1" t="s">
        <v>240503</v>
      </c>
      <c r="H71922" s="1" t="s">
        <v>240504</v>
      </c>
      <c r="I71922" s="1" t="s">
        <v>222698</v>
      </c>
      <c r="J71922" s="1" t="s">
        <v>240549</v>
      </c>
    </row>
    <row r="71923" spans="1:10" x14ac:dyDescent="0.35">
      <c r="A71923" s="1" t="s">
        <v>144051</v>
      </c>
      <c r="B71923" s="1" t="s">
        <v>222693</v>
      </c>
      <c r="C71923" s="1" t="s">
        <v>80</v>
      </c>
      <c r="D71923" s="1" t="s">
        <v>240550</v>
      </c>
      <c r="E71923" s="1" t="s">
        <v>240551</v>
      </c>
      <c r="F71923" s="1" t="s">
        <v>240552</v>
      </c>
      <c r="G71923" s="1" t="s">
        <v>240503</v>
      </c>
      <c r="H71923" s="1" t="s">
        <v>240504</v>
      </c>
      <c r="I71923" s="1" t="s">
        <v>222698</v>
      </c>
      <c r="J71923" s="1" t="s">
        <v>240553</v>
      </c>
    </row>
    <row r="71924" spans="1:10" x14ac:dyDescent="0.35">
      <c r="A71924" s="1" t="s">
        <v>144051</v>
      </c>
      <c r="B71924" s="1" t="s">
        <v>222693</v>
      </c>
      <c r="C71924" s="1" t="s">
        <v>85</v>
      </c>
      <c r="D71924" s="1" t="s">
        <v>240554</v>
      </c>
      <c r="E71924" s="1" t="s">
        <v>240555</v>
      </c>
      <c r="F71924" s="1" t="s">
        <v>240556</v>
      </c>
      <c r="G71924" s="1" t="s">
        <v>240503</v>
      </c>
      <c r="H71924" s="1" t="s">
        <v>240504</v>
      </c>
      <c r="I71924" s="1" t="s">
        <v>222698</v>
      </c>
      <c r="J71924" s="1" t="s">
        <v>240557</v>
      </c>
    </row>
    <row r="71925" spans="1:10" x14ac:dyDescent="0.35">
      <c r="A71925" s="1" t="s">
        <v>144051</v>
      </c>
      <c r="B71925" s="1" t="s">
        <v>222693</v>
      </c>
      <c r="C71925" s="1" t="s">
        <v>90</v>
      </c>
      <c r="D71925" s="1" t="s">
        <v>240558</v>
      </c>
      <c r="E71925" s="1" t="s">
        <v>240559</v>
      </c>
      <c r="F71925" s="1" t="s">
        <v>240560</v>
      </c>
      <c r="G71925" s="1" t="s">
        <v>240503</v>
      </c>
      <c r="H71925" s="1" t="s">
        <v>240504</v>
      </c>
      <c r="I71925" s="1" t="s">
        <v>222698</v>
      </c>
      <c r="J71925" s="1" t="s">
        <v>240561</v>
      </c>
    </row>
    <row r="71926" spans="1:10" x14ac:dyDescent="0.35">
      <c r="A71926" s="1" t="s">
        <v>144051</v>
      </c>
      <c r="B71926" s="1" t="s">
        <v>222693</v>
      </c>
      <c r="C71926" s="1" t="s">
        <v>95</v>
      </c>
      <c r="D71926" s="1" t="s">
        <v>240562</v>
      </c>
      <c r="E71926" s="1" t="s">
        <v>240563</v>
      </c>
      <c r="F71926" s="1" t="s">
        <v>240564</v>
      </c>
      <c r="G71926" s="1" t="s">
        <v>240503</v>
      </c>
      <c r="H71926" s="1" t="s">
        <v>240504</v>
      </c>
      <c r="I71926" s="1" t="s">
        <v>222698</v>
      </c>
      <c r="J71926" s="1" t="s">
        <v>240565</v>
      </c>
    </row>
    <row r="71927" spans="1:10" x14ac:dyDescent="0.35">
      <c r="A71927" s="1" t="s">
        <v>144051</v>
      </c>
      <c r="B71927" s="1" t="s">
        <v>222693</v>
      </c>
      <c r="C71927" s="1" t="s">
        <v>100</v>
      </c>
      <c r="D71927" s="1" t="s">
        <v>240566</v>
      </c>
      <c r="E71927" s="1" t="s">
        <v>240567</v>
      </c>
      <c r="F71927" s="1" t="s">
        <v>240568</v>
      </c>
      <c r="G71927" s="1" t="s">
        <v>240503</v>
      </c>
      <c r="H71927" s="1" t="s">
        <v>240504</v>
      </c>
      <c r="I71927" s="1" t="s">
        <v>222698</v>
      </c>
      <c r="J71927" s="1" t="s">
        <v>240569</v>
      </c>
    </row>
    <row r="71928" spans="1:10" x14ac:dyDescent="0.35">
      <c r="A71928" s="1" t="s">
        <v>144051</v>
      </c>
      <c r="B71928" s="1" t="s">
        <v>222693</v>
      </c>
      <c r="C71928" s="1" t="s">
        <v>105</v>
      </c>
      <c r="D71928" s="1" t="s">
        <v>1003</v>
      </c>
      <c r="E71928" s="1" t="s">
        <v>240570</v>
      </c>
      <c r="F71928" s="1" t="s">
        <v>240571</v>
      </c>
      <c r="G71928" s="1" t="s">
        <v>240503</v>
      </c>
      <c r="H71928" s="1" t="s">
        <v>240504</v>
      </c>
      <c r="I71928" s="1" t="s">
        <v>222698</v>
      </c>
      <c r="J71928" s="1" t="s">
        <v>240572</v>
      </c>
    </row>
    <row r="71929" spans="1:10" x14ac:dyDescent="0.35">
      <c r="A71929" s="1" t="s">
        <v>144051</v>
      </c>
      <c r="B71929" s="1" t="s">
        <v>222693</v>
      </c>
      <c r="C71929" s="1" t="s">
        <v>110</v>
      </c>
      <c r="D71929" s="1" t="s">
        <v>240573</v>
      </c>
      <c r="E71929" s="1" t="s">
        <v>240574</v>
      </c>
      <c r="F71929" s="1" t="s">
        <v>240575</v>
      </c>
      <c r="G71929" s="1" t="s">
        <v>240503</v>
      </c>
      <c r="H71929" s="1" t="s">
        <v>240504</v>
      </c>
      <c r="I71929" s="1" t="s">
        <v>222698</v>
      </c>
      <c r="J71929" s="1" t="s">
        <v>240576</v>
      </c>
    </row>
    <row r="71930" spans="1:10" x14ac:dyDescent="0.35">
      <c r="A71930" s="1" t="s">
        <v>144051</v>
      </c>
      <c r="B71930" s="1" t="s">
        <v>222693</v>
      </c>
      <c r="C71930" s="1" t="s">
        <v>115</v>
      </c>
      <c r="D71930" s="1" t="s">
        <v>240577</v>
      </c>
      <c r="E71930" s="1" t="s">
        <v>240578</v>
      </c>
      <c r="F71930" s="1" t="s">
        <v>240579</v>
      </c>
      <c r="G71930" s="1" t="s">
        <v>240503</v>
      </c>
      <c r="H71930" s="1" t="s">
        <v>240504</v>
      </c>
      <c r="I71930" s="1" t="s">
        <v>222698</v>
      </c>
      <c r="J71930" s="1" t="s">
        <v>240580</v>
      </c>
    </row>
    <row r="71931" spans="1:10" x14ac:dyDescent="0.35">
      <c r="A71931" s="1" t="s">
        <v>144051</v>
      </c>
      <c r="B71931" s="1" t="s">
        <v>222693</v>
      </c>
      <c r="C71931" s="1" t="s">
        <v>120</v>
      </c>
      <c r="D71931" s="1" t="s">
        <v>240581</v>
      </c>
      <c r="E71931" s="1" t="s">
        <v>240582</v>
      </c>
      <c r="F71931" s="1" t="s">
        <v>240583</v>
      </c>
      <c r="G71931" s="1" t="s">
        <v>240503</v>
      </c>
      <c r="H71931" s="1" t="s">
        <v>240504</v>
      </c>
      <c r="I71931" s="1" t="s">
        <v>222698</v>
      </c>
      <c r="J71931" s="1" t="s">
        <v>240584</v>
      </c>
    </row>
    <row r="71932" spans="1:10" x14ac:dyDescent="0.35">
      <c r="A71932" s="1" t="s">
        <v>144051</v>
      </c>
      <c r="B71932" s="1" t="s">
        <v>222693</v>
      </c>
      <c r="C71932" s="1" t="s">
        <v>125</v>
      </c>
      <c r="D71932" s="1" t="s">
        <v>240585</v>
      </c>
      <c r="E71932" s="1" t="s">
        <v>240586</v>
      </c>
      <c r="F71932" s="1" t="s">
        <v>240587</v>
      </c>
      <c r="G71932" s="1" t="s">
        <v>240503</v>
      </c>
      <c r="H71932" s="1" t="s">
        <v>240504</v>
      </c>
      <c r="I71932" s="1" t="s">
        <v>222698</v>
      </c>
      <c r="J71932" s="1" t="s">
        <v>240588</v>
      </c>
    </row>
    <row r="71933" spans="1:10" x14ac:dyDescent="0.35">
      <c r="A71933" s="1" t="s">
        <v>144051</v>
      </c>
      <c r="B71933" s="1" t="s">
        <v>222693</v>
      </c>
      <c r="C71933" s="1" t="s">
        <v>130</v>
      </c>
      <c r="D71933" s="1" t="s">
        <v>240589</v>
      </c>
      <c r="E71933" s="1" t="s">
        <v>240590</v>
      </c>
      <c r="F71933" s="1" t="s">
        <v>240591</v>
      </c>
      <c r="G71933" s="1" t="s">
        <v>240503</v>
      </c>
      <c r="H71933" s="1" t="s">
        <v>240504</v>
      </c>
      <c r="I71933" s="1" t="s">
        <v>222698</v>
      </c>
      <c r="J71933" s="1" t="s">
        <v>240592</v>
      </c>
    </row>
    <row r="71934" spans="1:10" x14ac:dyDescent="0.35">
      <c r="A71934" s="1" t="s">
        <v>144051</v>
      </c>
      <c r="B71934" s="1" t="s">
        <v>222693</v>
      </c>
      <c r="C71934" s="1" t="s">
        <v>135</v>
      </c>
      <c r="D71934" s="1" t="s">
        <v>240593</v>
      </c>
      <c r="E71934" s="1" t="s">
        <v>240594</v>
      </c>
      <c r="F71934" s="1" t="s">
        <v>240595</v>
      </c>
      <c r="G71934" s="1" t="s">
        <v>240503</v>
      </c>
      <c r="H71934" s="1" t="s">
        <v>240504</v>
      </c>
      <c r="I71934" s="1" t="s">
        <v>222698</v>
      </c>
      <c r="J71934" s="1" t="s">
        <v>240596</v>
      </c>
    </row>
    <row r="71935" spans="1:10" x14ac:dyDescent="0.35">
      <c r="A71935" s="1" t="s">
        <v>144051</v>
      </c>
      <c r="B71935" s="1" t="s">
        <v>222693</v>
      </c>
      <c r="C71935" s="1" t="s">
        <v>140</v>
      </c>
      <c r="D71935" s="1" t="s">
        <v>240597</v>
      </c>
      <c r="E71935" s="1" t="s">
        <v>240598</v>
      </c>
      <c r="F71935" s="1" t="s">
        <v>240599</v>
      </c>
      <c r="G71935" s="1" t="s">
        <v>240503</v>
      </c>
      <c r="H71935" s="1" t="s">
        <v>240504</v>
      </c>
      <c r="I71935" s="1" t="s">
        <v>222698</v>
      </c>
      <c r="J71935" s="1" t="s">
        <v>240600</v>
      </c>
    </row>
    <row r="71936" spans="1:10" x14ac:dyDescent="0.35">
      <c r="A71936" s="1" t="s">
        <v>144051</v>
      </c>
      <c r="B71936" s="1" t="s">
        <v>222693</v>
      </c>
      <c r="C71936" s="1" t="s">
        <v>145</v>
      </c>
      <c r="D71936" s="1" t="s">
        <v>240601</v>
      </c>
      <c r="E71936" s="1" t="s">
        <v>240602</v>
      </c>
      <c r="F71936" s="1" t="s">
        <v>240603</v>
      </c>
      <c r="G71936" s="1" t="s">
        <v>240503</v>
      </c>
      <c r="H71936" s="1" t="s">
        <v>240504</v>
      </c>
      <c r="I71936" s="1" t="s">
        <v>222698</v>
      </c>
      <c r="J71936" s="1" t="s">
        <v>240604</v>
      </c>
    </row>
    <row r="71937" spans="1:10" x14ac:dyDescent="0.35">
      <c r="A71937" s="1" t="s">
        <v>144051</v>
      </c>
      <c r="B71937" s="1" t="s">
        <v>222693</v>
      </c>
      <c r="C71937" s="1" t="s">
        <v>150</v>
      </c>
      <c r="D71937" s="1" t="s">
        <v>240605</v>
      </c>
      <c r="E71937" s="1" t="s">
        <v>240606</v>
      </c>
      <c r="F71937" s="1" t="s">
        <v>240607</v>
      </c>
      <c r="G71937" s="1" t="s">
        <v>240503</v>
      </c>
      <c r="H71937" s="1" t="s">
        <v>240504</v>
      </c>
      <c r="I71937" s="1" t="s">
        <v>222698</v>
      </c>
      <c r="J71937" s="1" t="s">
        <v>240608</v>
      </c>
    </row>
    <row r="71938" spans="1:10" x14ac:dyDescent="0.35">
      <c r="A71938" s="1" t="s">
        <v>144051</v>
      </c>
      <c r="B71938" s="1" t="s">
        <v>222693</v>
      </c>
      <c r="C71938" s="1" t="s">
        <v>155</v>
      </c>
      <c r="D71938" s="1" t="s">
        <v>240609</v>
      </c>
      <c r="E71938" s="1" t="s">
        <v>240610</v>
      </c>
      <c r="F71938" s="1" t="s">
        <v>240611</v>
      </c>
      <c r="G71938" s="1" t="s">
        <v>240503</v>
      </c>
      <c r="H71938" s="1" t="s">
        <v>240504</v>
      </c>
      <c r="I71938" s="1" t="s">
        <v>222698</v>
      </c>
      <c r="J71938" s="1" t="s">
        <v>240612</v>
      </c>
    </row>
    <row r="71939" spans="1:10" x14ac:dyDescent="0.35">
      <c r="A71939" s="1" t="s">
        <v>144051</v>
      </c>
      <c r="B71939" s="1" t="s">
        <v>222693</v>
      </c>
      <c r="C71939" s="1" t="s">
        <v>160</v>
      </c>
      <c r="D71939" s="1" t="s">
        <v>240613</v>
      </c>
      <c r="E71939" s="1" t="s">
        <v>240614</v>
      </c>
      <c r="F71939" s="1" t="s">
        <v>240615</v>
      </c>
      <c r="G71939" s="1" t="s">
        <v>240503</v>
      </c>
      <c r="H71939" s="1" t="s">
        <v>240504</v>
      </c>
      <c r="I71939" s="1" t="s">
        <v>222698</v>
      </c>
      <c r="J71939" s="1" t="s">
        <v>240616</v>
      </c>
    </row>
    <row r="71940" spans="1:10" x14ac:dyDescent="0.35">
      <c r="A71940" s="1" t="s">
        <v>144051</v>
      </c>
      <c r="B71940" s="1" t="s">
        <v>222693</v>
      </c>
      <c r="C71940" s="1" t="s">
        <v>165</v>
      </c>
      <c r="D71940" s="1" t="s">
        <v>240617</v>
      </c>
      <c r="E71940" s="1" t="s">
        <v>240618</v>
      </c>
      <c r="F71940" s="1" t="s">
        <v>240619</v>
      </c>
      <c r="G71940" s="1" t="s">
        <v>240503</v>
      </c>
      <c r="H71940" s="1" t="s">
        <v>240504</v>
      </c>
      <c r="I71940" s="1" t="s">
        <v>222698</v>
      </c>
      <c r="J71940" s="1" t="s">
        <v>240620</v>
      </c>
    </row>
    <row r="71941" spans="1:10" x14ac:dyDescent="0.35">
      <c r="A71941" s="1" t="s">
        <v>144051</v>
      </c>
      <c r="B71941" s="1" t="s">
        <v>222693</v>
      </c>
      <c r="C71941" s="1" t="s">
        <v>170</v>
      </c>
      <c r="D71941" s="1" t="s">
        <v>240621</v>
      </c>
      <c r="E71941" s="1" t="s">
        <v>240622</v>
      </c>
      <c r="F71941" s="1" t="s">
        <v>240623</v>
      </c>
      <c r="G71941" s="1" t="s">
        <v>240503</v>
      </c>
      <c r="H71941" s="1" t="s">
        <v>240504</v>
      </c>
      <c r="I71941" s="1" t="s">
        <v>222698</v>
      </c>
      <c r="J71941" s="1" t="s">
        <v>240624</v>
      </c>
    </row>
    <row r="71942" spans="1:10" x14ac:dyDescent="0.35">
      <c r="A71942" s="1" t="s">
        <v>112271</v>
      </c>
      <c r="B71942" s="1" t="s">
        <v>222693</v>
      </c>
      <c r="C71942" s="1" t="s">
        <v>8</v>
      </c>
      <c r="D71942" s="1" t="s">
        <v>54494</v>
      </c>
      <c r="E71942" s="1" t="s">
        <v>240625</v>
      </c>
      <c r="F71942" s="1" t="s">
        <v>240626</v>
      </c>
      <c r="G71942" s="1" t="s">
        <v>240627</v>
      </c>
      <c r="H71942" s="1" t="s">
        <v>240628</v>
      </c>
      <c r="I71942" s="1" t="s">
        <v>222698</v>
      </c>
      <c r="J71942" s="1" t="s">
        <v>13</v>
      </c>
    </row>
    <row r="71943" spans="1:10" x14ac:dyDescent="0.35">
      <c r="A71943" s="1" t="s">
        <v>112271</v>
      </c>
      <c r="B71943" s="1" t="s">
        <v>222693</v>
      </c>
      <c r="C71943" s="1" t="s">
        <v>15</v>
      </c>
      <c r="D71943" s="1" t="s">
        <v>81891</v>
      </c>
      <c r="E71943" s="1" t="s">
        <v>240629</v>
      </c>
      <c r="F71943" s="1" t="s">
        <v>240630</v>
      </c>
      <c r="G71943" s="1" t="s">
        <v>240627</v>
      </c>
      <c r="H71943" s="1" t="s">
        <v>240628</v>
      </c>
      <c r="I71943" s="1" t="s">
        <v>222698</v>
      </c>
      <c r="J71943" s="1" t="s">
        <v>240631</v>
      </c>
    </row>
    <row r="71944" spans="1:10" x14ac:dyDescent="0.35">
      <c r="A71944" s="1" t="s">
        <v>112271</v>
      </c>
      <c r="B71944" s="1" t="s">
        <v>222693</v>
      </c>
      <c r="C71944" s="1" t="s">
        <v>20</v>
      </c>
      <c r="D71944" s="1" t="s">
        <v>63362</v>
      </c>
      <c r="E71944" s="1" t="s">
        <v>240632</v>
      </c>
      <c r="F71944" s="1" t="s">
        <v>240633</v>
      </c>
      <c r="G71944" s="1" t="s">
        <v>240627</v>
      </c>
      <c r="H71944" s="1" t="s">
        <v>240628</v>
      </c>
      <c r="I71944" s="1" t="s">
        <v>222698</v>
      </c>
      <c r="J71944" s="1" t="s">
        <v>240634</v>
      </c>
    </row>
    <row r="71945" spans="1:10" x14ac:dyDescent="0.35">
      <c r="A71945" s="1" t="s">
        <v>112271</v>
      </c>
      <c r="B71945" s="1" t="s">
        <v>222693</v>
      </c>
      <c r="C71945" s="1" t="s">
        <v>25</v>
      </c>
      <c r="D71945" s="1" t="s">
        <v>76453</v>
      </c>
      <c r="E71945" s="1" t="s">
        <v>240635</v>
      </c>
      <c r="F71945" s="1" t="s">
        <v>240636</v>
      </c>
      <c r="G71945" s="1" t="s">
        <v>240627</v>
      </c>
      <c r="H71945" s="1" t="s">
        <v>240628</v>
      </c>
      <c r="I71945" s="1" t="s">
        <v>222698</v>
      </c>
      <c r="J71945" s="1" t="s">
        <v>240637</v>
      </c>
    </row>
    <row r="71946" spans="1:10" x14ac:dyDescent="0.35">
      <c r="A71946" s="1" t="s">
        <v>112271</v>
      </c>
      <c r="B71946" s="1" t="s">
        <v>222693</v>
      </c>
      <c r="C71946" s="1" t="s">
        <v>30</v>
      </c>
      <c r="D71946" s="1" t="s">
        <v>167404</v>
      </c>
      <c r="E71946" s="1" t="s">
        <v>240638</v>
      </c>
      <c r="F71946" s="1" t="s">
        <v>240639</v>
      </c>
      <c r="G71946" s="1" t="s">
        <v>240627</v>
      </c>
      <c r="H71946" s="1" t="s">
        <v>240628</v>
      </c>
      <c r="I71946" s="1" t="s">
        <v>222698</v>
      </c>
      <c r="J71946" s="1" t="s">
        <v>240640</v>
      </c>
    </row>
    <row r="71947" spans="1:10" x14ac:dyDescent="0.35">
      <c r="A71947" s="1" t="s">
        <v>112271</v>
      </c>
      <c r="B71947" s="1" t="s">
        <v>222693</v>
      </c>
      <c r="C71947" s="1" t="s">
        <v>35</v>
      </c>
      <c r="D71947" s="1" t="s">
        <v>240641</v>
      </c>
      <c r="E71947" s="1" t="s">
        <v>240642</v>
      </c>
      <c r="F71947" s="1" t="s">
        <v>240643</v>
      </c>
      <c r="G71947" s="1" t="s">
        <v>240627</v>
      </c>
      <c r="H71947" s="1" t="s">
        <v>240628</v>
      </c>
      <c r="I71947" s="1" t="s">
        <v>222698</v>
      </c>
      <c r="J71947" s="1" t="s">
        <v>240644</v>
      </c>
    </row>
    <row r="71948" spans="1:10" x14ac:dyDescent="0.35">
      <c r="A71948" s="1" t="s">
        <v>112271</v>
      </c>
      <c r="B71948" s="1" t="s">
        <v>222693</v>
      </c>
      <c r="C71948" s="1" t="s">
        <v>40</v>
      </c>
      <c r="D71948" s="1" t="s">
        <v>240645</v>
      </c>
      <c r="E71948" s="1" t="s">
        <v>240646</v>
      </c>
      <c r="F71948" s="1" t="s">
        <v>240647</v>
      </c>
      <c r="G71948" s="1" t="s">
        <v>240627</v>
      </c>
      <c r="H71948" s="1" t="s">
        <v>240628</v>
      </c>
      <c r="I71948" s="1" t="s">
        <v>222698</v>
      </c>
      <c r="J71948" s="1" t="s">
        <v>240648</v>
      </c>
    </row>
    <row r="71949" spans="1:10" x14ac:dyDescent="0.35">
      <c r="A71949" s="1" t="s">
        <v>112271</v>
      </c>
      <c r="B71949" s="1" t="s">
        <v>222693</v>
      </c>
      <c r="C71949" s="1" t="s">
        <v>45</v>
      </c>
      <c r="D71949" s="1" t="s">
        <v>210036</v>
      </c>
      <c r="E71949" s="1" t="s">
        <v>240649</v>
      </c>
      <c r="F71949" s="1" t="s">
        <v>240650</v>
      </c>
      <c r="G71949" s="1" t="s">
        <v>240627</v>
      </c>
      <c r="H71949" s="1" t="s">
        <v>240628</v>
      </c>
      <c r="I71949" s="1" t="s">
        <v>222698</v>
      </c>
      <c r="J71949" s="1" t="s">
        <v>110543</v>
      </c>
    </row>
    <row r="71950" spans="1:10" x14ac:dyDescent="0.35">
      <c r="A71950" s="1" t="s">
        <v>112271</v>
      </c>
      <c r="B71950" s="1" t="s">
        <v>222693</v>
      </c>
      <c r="C71950" s="1" t="s">
        <v>50</v>
      </c>
      <c r="D71950" s="1" t="s">
        <v>240651</v>
      </c>
      <c r="E71950" s="1" t="s">
        <v>240652</v>
      </c>
      <c r="F71950" s="1" t="s">
        <v>240653</v>
      </c>
      <c r="G71950" s="1" t="s">
        <v>240627</v>
      </c>
      <c r="H71950" s="1" t="s">
        <v>240628</v>
      </c>
      <c r="I71950" s="1" t="s">
        <v>222698</v>
      </c>
      <c r="J71950" s="1" t="s">
        <v>240654</v>
      </c>
    </row>
    <row r="71951" spans="1:10" x14ac:dyDescent="0.35">
      <c r="A71951" s="1" t="s">
        <v>112271</v>
      </c>
      <c r="B71951" s="1" t="s">
        <v>222693</v>
      </c>
      <c r="C71951" s="1" t="s">
        <v>55</v>
      </c>
      <c r="D71951" s="1" t="s">
        <v>107698</v>
      </c>
      <c r="E71951" s="1" t="s">
        <v>240655</v>
      </c>
      <c r="F71951" s="1" t="s">
        <v>240656</v>
      </c>
      <c r="G71951" s="1" t="s">
        <v>240627</v>
      </c>
      <c r="H71951" s="1" t="s">
        <v>240628</v>
      </c>
      <c r="I71951" s="1" t="s">
        <v>222698</v>
      </c>
      <c r="J71951" s="1" t="s">
        <v>240657</v>
      </c>
    </row>
    <row r="71952" spans="1:10" x14ac:dyDescent="0.35">
      <c r="A71952" s="1" t="s">
        <v>112271</v>
      </c>
      <c r="B71952" s="1" t="s">
        <v>222693</v>
      </c>
      <c r="C71952" s="1" t="s">
        <v>60</v>
      </c>
      <c r="D71952" s="1" t="s">
        <v>223037</v>
      </c>
      <c r="E71952" s="1" t="s">
        <v>77033</v>
      </c>
      <c r="F71952" s="1" t="s">
        <v>240658</v>
      </c>
      <c r="G71952" s="1" t="s">
        <v>240627</v>
      </c>
      <c r="H71952" s="1" t="s">
        <v>240628</v>
      </c>
      <c r="I71952" s="1" t="s">
        <v>222698</v>
      </c>
      <c r="J71952" s="1" t="s">
        <v>240659</v>
      </c>
    </row>
    <row r="71953" spans="1:10" x14ac:dyDescent="0.35">
      <c r="A71953" s="1" t="s">
        <v>112271</v>
      </c>
      <c r="B71953" s="1" t="s">
        <v>222693</v>
      </c>
      <c r="C71953" s="1" t="s">
        <v>65</v>
      </c>
      <c r="D71953" s="1" t="s">
        <v>240660</v>
      </c>
      <c r="E71953" s="1" t="s">
        <v>240661</v>
      </c>
      <c r="F71953" s="1" t="s">
        <v>240662</v>
      </c>
      <c r="G71953" s="1" t="s">
        <v>240627</v>
      </c>
      <c r="H71953" s="1" t="s">
        <v>240628</v>
      </c>
      <c r="I71953" s="1" t="s">
        <v>222698</v>
      </c>
      <c r="J71953" s="1" t="s">
        <v>240663</v>
      </c>
    </row>
    <row r="71954" spans="1:10" x14ac:dyDescent="0.35">
      <c r="A71954" s="1" t="s">
        <v>112271</v>
      </c>
      <c r="B71954" s="1" t="s">
        <v>222693</v>
      </c>
      <c r="C71954" s="1" t="s">
        <v>70</v>
      </c>
      <c r="D71954" s="1" t="s">
        <v>139166</v>
      </c>
      <c r="E71954" s="1" t="s">
        <v>240664</v>
      </c>
      <c r="F71954" s="1" t="s">
        <v>240665</v>
      </c>
      <c r="G71954" s="1" t="s">
        <v>240627</v>
      </c>
      <c r="H71954" s="1" t="s">
        <v>240628</v>
      </c>
      <c r="I71954" s="1" t="s">
        <v>222698</v>
      </c>
      <c r="J71954" s="1" t="s">
        <v>240666</v>
      </c>
    </row>
    <row r="71955" spans="1:10" x14ac:dyDescent="0.35">
      <c r="A71955" s="1" t="s">
        <v>112271</v>
      </c>
      <c r="B71955" s="1" t="s">
        <v>222693</v>
      </c>
      <c r="C71955" s="1" t="s">
        <v>75</v>
      </c>
      <c r="D71955" s="1" t="s">
        <v>127172</v>
      </c>
      <c r="E71955" s="1" t="s">
        <v>240667</v>
      </c>
      <c r="F71955" s="1" t="s">
        <v>240668</v>
      </c>
      <c r="G71955" s="1" t="s">
        <v>240627</v>
      </c>
      <c r="H71955" s="1" t="s">
        <v>240628</v>
      </c>
      <c r="I71955" s="1" t="s">
        <v>222698</v>
      </c>
      <c r="J71955" s="1" t="s">
        <v>240669</v>
      </c>
    </row>
    <row r="71956" spans="1:10" x14ac:dyDescent="0.35">
      <c r="A71956" s="1" t="s">
        <v>112271</v>
      </c>
      <c r="B71956" s="1" t="s">
        <v>222693</v>
      </c>
      <c r="C71956" s="1" t="s">
        <v>80</v>
      </c>
      <c r="D71956" s="1" t="s">
        <v>163660</v>
      </c>
      <c r="E71956" s="1" t="s">
        <v>240670</v>
      </c>
      <c r="F71956" s="1" t="s">
        <v>240671</v>
      </c>
      <c r="G71956" s="1" t="s">
        <v>240627</v>
      </c>
      <c r="H71956" s="1" t="s">
        <v>240628</v>
      </c>
      <c r="I71956" s="1" t="s">
        <v>222698</v>
      </c>
      <c r="J71956" s="1" t="s">
        <v>240672</v>
      </c>
    </row>
    <row r="71957" spans="1:10" x14ac:dyDescent="0.35">
      <c r="A71957" s="1" t="s">
        <v>112271</v>
      </c>
      <c r="B71957" s="1" t="s">
        <v>222693</v>
      </c>
      <c r="C71957" s="1" t="s">
        <v>85</v>
      </c>
      <c r="D71957" s="1" t="s">
        <v>240673</v>
      </c>
      <c r="E71957" s="1" t="s">
        <v>240674</v>
      </c>
      <c r="F71957" s="1" t="s">
        <v>240675</v>
      </c>
      <c r="G71957" s="1" t="s">
        <v>240627</v>
      </c>
      <c r="H71957" s="1" t="s">
        <v>240628</v>
      </c>
      <c r="I71957" s="1" t="s">
        <v>222698</v>
      </c>
      <c r="J71957" s="1" t="s">
        <v>240676</v>
      </c>
    </row>
    <row r="71958" spans="1:10" x14ac:dyDescent="0.35">
      <c r="A71958" s="1" t="s">
        <v>112271</v>
      </c>
      <c r="B71958" s="1" t="s">
        <v>222693</v>
      </c>
      <c r="C71958" s="1" t="s">
        <v>90</v>
      </c>
      <c r="D71958" s="1" t="s">
        <v>240677</v>
      </c>
      <c r="E71958" s="1" t="s">
        <v>240678</v>
      </c>
      <c r="F71958" s="1" t="s">
        <v>240679</v>
      </c>
      <c r="G71958" s="1" t="s">
        <v>240627</v>
      </c>
      <c r="H71958" s="1" t="s">
        <v>240628</v>
      </c>
      <c r="I71958" s="1" t="s">
        <v>222698</v>
      </c>
      <c r="J71958" s="1" t="s">
        <v>240680</v>
      </c>
    </row>
    <row r="71959" spans="1:10" x14ac:dyDescent="0.35">
      <c r="A71959" s="1" t="s">
        <v>112271</v>
      </c>
      <c r="B71959" s="1" t="s">
        <v>222693</v>
      </c>
      <c r="C71959" s="1" t="s">
        <v>95</v>
      </c>
      <c r="D71959" s="1" t="s">
        <v>240681</v>
      </c>
      <c r="E71959" s="1" t="s">
        <v>240682</v>
      </c>
      <c r="F71959" s="1" t="s">
        <v>240683</v>
      </c>
      <c r="G71959" s="1" t="s">
        <v>240627</v>
      </c>
      <c r="H71959" s="1" t="s">
        <v>240628</v>
      </c>
      <c r="I71959" s="1" t="s">
        <v>222698</v>
      </c>
      <c r="J71959" s="1" t="s">
        <v>240684</v>
      </c>
    </row>
    <row r="71960" spans="1:10" x14ac:dyDescent="0.35">
      <c r="A71960" s="1" t="s">
        <v>112271</v>
      </c>
      <c r="B71960" s="1" t="s">
        <v>222693</v>
      </c>
      <c r="C71960" s="1" t="s">
        <v>100</v>
      </c>
      <c r="D71960" s="1" t="s">
        <v>240685</v>
      </c>
      <c r="E71960" s="1" t="s">
        <v>240686</v>
      </c>
      <c r="F71960" s="1" t="s">
        <v>240687</v>
      </c>
      <c r="G71960" s="1" t="s">
        <v>240627</v>
      </c>
      <c r="H71960" s="1" t="s">
        <v>240628</v>
      </c>
      <c r="I71960" s="1" t="s">
        <v>222698</v>
      </c>
      <c r="J71960" s="1" t="s">
        <v>240688</v>
      </c>
    </row>
    <row r="71961" spans="1:10" x14ac:dyDescent="0.35">
      <c r="A71961" s="1" t="s">
        <v>112271</v>
      </c>
      <c r="B71961" s="1" t="s">
        <v>222693</v>
      </c>
      <c r="C71961" s="1" t="s">
        <v>105</v>
      </c>
      <c r="D71961" s="1" t="s">
        <v>240689</v>
      </c>
      <c r="E71961" s="1" t="s">
        <v>240690</v>
      </c>
      <c r="F71961" s="1" t="s">
        <v>240691</v>
      </c>
      <c r="G71961" s="1" t="s">
        <v>240627</v>
      </c>
      <c r="H71961" s="1" t="s">
        <v>240628</v>
      </c>
      <c r="I71961" s="1" t="s">
        <v>222698</v>
      </c>
      <c r="J71961" s="1" t="s">
        <v>240692</v>
      </c>
    </row>
    <row r="71962" spans="1:10" x14ac:dyDescent="0.35">
      <c r="A71962" s="1" t="s">
        <v>112271</v>
      </c>
      <c r="B71962" s="1" t="s">
        <v>222693</v>
      </c>
      <c r="C71962" s="1" t="s">
        <v>110</v>
      </c>
      <c r="D71962" s="1" t="s">
        <v>240693</v>
      </c>
      <c r="E71962" s="1" t="s">
        <v>240694</v>
      </c>
      <c r="F71962" s="1" t="s">
        <v>240695</v>
      </c>
      <c r="G71962" s="1" t="s">
        <v>240627</v>
      </c>
      <c r="H71962" s="1" t="s">
        <v>240628</v>
      </c>
      <c r="I71962" s="1" t="s">
        <v>222698</v>
      </c>
      <c r="J71962" s="1" t="s">
        <v>240696</v>
      </c>
    </row>
    <row r="71963" spans="1:10" x14ac:dyDescent="0.35">
      <c r="A71963" s="1" t="s">
        <v>112271</v>
      </c>
      <c r="B71963" s="1" t="s">
        <v>222693</v>
      </c>
      <c r="C71963" s="1" t="s">
        <v>115</v>
      </c>
      <c r="D71963" s="1" t="s">
        <v>240697</v>
      </c>
      <c r="E71963" s="1" t="s">
        <v>240698</v>
      </c>
      <c r="F71963" s="1" t="s">
        <v>240699</v>
      </c>
      <c r="G71963" s="1" t="s">
        <v>240627</v>
      </c>
      <c r="H71963" s="1" t="s">
        <v>240628</v>
      </c>
      <c r="I71963" s="1" t="s">
        <v>222698</v>
      </c>
      <c r="J71963" s="1" t="s">
        <v>240700</v>
      </c>
    </row>
    <row r="71964" spans="1:10" x14ac:dyDescent="0.35">
      <c r="A71964" s="1" t="s">
        <v>112271</v>
      </c>
      <c r="B71964" s="1" t="s">
        <v>222693</v>
      </c>
      <c r="C71964" s="1" t="s">
        <v>120</v>
      </c>
      <c r="D71964" s="1" t="s">
        <v>240701</v>
      </c>
      <c r="E71964" s="1" t="s">
        <v>240702</v>
      </c>
      <c r="F71964" s="1" t="s">
        <v>240703</v>
      </c>
      <c r="G71964" s="1" t="s">
        <v>240627</v>
      </c>
      <c r="H71964" s="1" t="s">
        <v>240628</v>
      </c>
      <c r="I71964" s="1" t="s">
        <v>222698</v>
      </c>
      <c r="J71964" s="1" t="s">
        <v>240704</v>
      </c>
    </row>
    <row r="71965" spans="1:10" x14ac:dyDescent="0.35">
      <c r="A71965" s="1" t="s">
        <v>112271</v>
      </c>
      <c r="B71965" s="1" t="s">
        <v>222693</v>
      </c>
      <c r="C71965" s="1" t="s">
        <v>125</v>
      </c>
      <c r="D71965" s="1" t="s">
        <v>240705</v>
      </c>
      <c r="E71965" s="1" t="s">
        <v>240706</v>
      </c>
      <c r="F71965" s="1" t="s">
        <v>240707</v>
      </c>
      <c r="G71965" s="1" t="s">
        <v>240627</v>
      </c>
      <c r="H71965" s="1" t="s">
        <v>240628</v>
      </c>
      <c r="I71965" s="1" t="s">
        <v>222698</v>
      </c>
      <c r="J71965" s="1" t="s">
        <v>240708</v>
      </c>
    </row>
    <row r="71966" spans="1:10" x14ac:dyDescent="0.35">
      <c r="A71966" s="1" t="s">
        <v>112271</v>
      </c>
      <c r="B71966" s="1" t="s">
        <v>222693</v>
      </c>
      <c r="C71966" s="1" t="s">
        <v>130</v>
      </c>
      <c r="D71966" s="1" t="s">
        <v>240709</v>
      </c>
      <c r="E71966" s="1" t="s">
        <v>240710</v>
      </c>
      <c r="F71966" s="1" t="s">
        <v>240711</v>
      </c>
      <c r="G71966" s="1" t="s">
        <v>240627</v>
      </c>
      <c r="H71966" s="1" t="s">
        <v>240628</v>
      </c>
      <c r="I71966" s="1" t="s">
        <v>222698</v>
      </c>
      <c r="J71966" s="1" t="s">
        <v>240712</v>
      </c>
    </row>
    <row r="71967" spans="1:10" x14ac:dyDescent="0.35">
      <c r="A71967" s="1" t="s">
        <v>112271</v>
      </c>
      <c r="B71967" s="1" t="s">
        <v>222693</v>
      </c>
      <c r="C71967" s="1" t="s">
        <v>135</v>
      </c>
      <c r="D71967" s="1" t="s">
        <v>240713</v>
      </c>
      <c r="E71967" s="1" t="s">
        <v>240714</v>
      </c>
      <c r="F71967" s="1" t="s">
        <v>240715</v>
      </c>
      <c r="G71967" s="1" t="s">
        <v>240627</v>
      </c>
      <c r="H71967" s="1" t="s">
        <v>240628</v>
      </c>
      <c r="I71967" s="1" t="s">
        <v>222698</v>
      </c>
      <c r="J71967" s="1" t="s">
        <v>240716</v>
      </c>
    </row>
    <row r="71968" spans="1:10" x14ac:dyDescent="0.35">
      <c r="A71968" s="1" t="s">
        <v>112271</v>
      </c>
      <c r="B71968" s="1" t="s">
        <v>222693</v>
      </c>
      <c r="C71968" s="1" t="s">
        <v>140</v>
      </c>
      <c r="D71968" s="1" t="s">
        <v>230862</v>
      </c>
      <c r="E71968" s="1" t="s">
        <v>240717</v>
      </c>
      <c r="F71968" s="1" t="s">
        <v>240718</v>
      </c>
      <c r="G71968" s="1" t="s">
        <v>240627</v>
      </c>
      <c r="H71968" s="1" t="s">
        <v>240628</v>
      </c>
      <c r="I71968" s="1" t="s">
        <v>222698</v>
      </c>
      <c r="J71968" s="1" t="s">
        <v>240719</v>
      </c>
    </row>
    <row r="71969" spans="1:10" x14ac:dyDescent="0.35">
      <c r="A71969" s="1" t="s">
        <v>112271</v>
      </c>
      <c r="B71969" s="1" t="s">
        <v>222693</v>
      </c>
      <c r="C71969" s="1" t="s">
        <v>145</v>
      </c>
      <c r="D71969" s="1" t="s">
        <v>38940</v>
      </c>
      <c r="E71969" s="1" t="s">
        <v>240720</v>
      </c>
      <c r="F71969" s="1" t="s">
        <v>240721</v>
      </c>
      <c r="G71969" s="1" t="s">
        <v>240627</v>
      </c>
      <c r="H71969" s="1" t="s">
        <v>240628</v>
      </c>
      <c r="I71969" s="1" t="s">
        <v>222698</v>
      </c>
      <c r="J71969" s="1" t="s">
        <v>240722</v>
      </c>
    </row>
    <row r="71970" spans="1:10" x14ac:dyDescent="0.35">
      <c r="A71970" s="1" t="s">
        <v>112271</v>
      </c>
      <c r="B71970" s="1" t="s">
        <v>222693</v>
      </c>
      <c r="C71970" s="1" t="s">
        <v>150</v>
      </c>
      <c r="D71970" s="1" t="s">
        <v>240723</v>
      </c>
      <c r="E71970" s="1" t="s">
        <v>240724</v>
      </c>
      <c r="F71970" s="1" t="s">
        <v>240725</v>
      </c>
      <c r="G71970" s="1" t="s">
        <v>240627</v>
      </c>
      <c r="H71970" s="1" t="s">
        <v>240628</v>
      </c>
      <c r="I71970" s="1" t="s">
        <v>222698</v>
      </c>
      <c r="J71970" s="1" t="s">
        <v>240726</v>
      </c>
    </row>
    <row r="71971" spans="1:10" x14ac:dyDescent="0.35">
      <c r="A71971" s="1" t="s">
        <v>112271</v>
      </c>
      <c r="B71971" s="1" t="s">
        <v>222693</v>
      </c>
      <c r="C71971" s="1" t="s">
        <v>155</v>
      </c>
      <c r="D71971" s="1" t="s">
        <v>240727</v>
      </c>
      <c r="E71971" s="1" t="s">
        <v>240728</v>
      </c>
      <c r="F71971" s="1" t="s">
        <v>240729</v>
      </c>
      <c r="G71971" s="1" t="s">
        <v>240627</v>
      </c>
      <c r="H71971" s="1" t="s">
        <v>240628</v>
      </c>
      <c r="I71971" s="1" t="s">
        <v>222698</v>
      </c>
      <c r="J71971" s="1" t="s">
        <v>240730</v>
      </c>
    </row>
    <row r="71972" spans="1:10" x14ac:dyDescent="0.35">
      <c r="A71972" s="1" t="s">
        <v>112271</v>
      </c>
      <c r="B71972" s="1" t="s">
        <v>222693</v>
      </c>
      <c r="C71972" s="1" t="s">
        <v>160</v>
      </c>
      <c r="D71972" s="1" t="s">
        <v>85387</v>
      </c>
      <c r="E71972" s="1" t="s">
        <v>240731</v>
      </c>
      <c r="F71972" s="1" t="s">
        <v>240732</v>
      </c>
      <c r="G71972" s="1" t="s">
        <v>240627</v>
      </c>
      <c r="H71972" s="1" t="s">
        <v>240628</v>
      </c>
      <c r="I71972" s="1" t="s">
        <v>222698</v>
      </c>
      <c r="J71972" s="1" t="s">
        <v>240733</v>
      </c>
    </row>
    <row r="71973" spans="1:10" x14ac:dyDescent="0.35">
      <c r="A71973" s="1" t="s">
        <v>112271</v>
      </c>
      <c r="B71973" s="1" t="s">
        <v>222693</v>
      </c>
      <c r="C71973" s="1" t="s">
        <v>165</v>
      </c>
      <c r="D71973" s="1" t="s">
        <v>62738</v>
      </c>
      <c r="E71973" s="1" t="s">
        <v>240734</v>
      </c>
      <c r="F71973" s="1" t="s">
        <v>240735</v>
      </c>
      <c r="G71973" s="1" t="s">
        <v>240627</v>
      </c>
      <c r="H71973" s="1" t="s">
        <v>240628</v>
      </c>
      <c r="I71973" s="1" t="s">
        <v>222698</v>
      </c>
      <c r="J71973" s="1" t="s">
        <v>240736</v>
      </c>
    </row>
    <row r="71974" spans="1:10" x14ac:dyDescent="0.35">
      <c r="A71974" s="1" t="s">
        <v>112271</v>
      </c>
      <c r="B71974" s="1" t="s">
        <v>222693</v>
      </c>
      <c r="C71974" s="1" t="s">
        <v>170</v>
      </c>
      <c r="D71974" s="1" t="s">
        <v>40898</v>
      </c>
      <c r="E71974" s="1" t="s">
        <v>240737</v>
      </c>
      <c r="F71974" s="1" t="s">
        <v>240738</v>
      </c>
      <c r="G71974" s="1" t="s">
        <v>240627</v>
      </c>
      <c r="H71974" s="1" t="s">
        <v>240628</v>
      </c>
      <c r="I71974" s="1" t="s">
        <v>222698</v>
      </c>
      <c r="J71974" s="1" t="s">
        <v>240739</v>
      </c>
    </row>
    <row r="71975" spans="1:10" x14ac:dyDescent="0.35">
      <c r="A71975" s="1" t="s">
        <v>9942</v>
      </c>
      <c r="B71975" s="1" t="s">
        <v>222693</v>
      </c>
      <c r="C71975" s="1" t="s">
        <v>8</v>
      </c>
      <c r="D71975" s="1" t="s">
        <v>102754</v>
      </c>
      <c r="E71975" s="1" t="s">
        <v>240740</v>
      </c>
      <c r="F71975" s="1" t="s">
        <v>240741</v>
      </c>
      <c r="G71975" s="1" t="s">
        <v>240742</v>
      </c>
      <c r="H71975" s="1" t="s">
        <v>240743</v>
      </c>
      <c r="I71975" s="1" t="s">
        <v>222698</v>
      </c>
      <c r="J71975" s="1" t="s">
        <v>13</v>
      </c>
    </row>
    <row r="71976" spans="1:10" x14ac:dyDescent="0.35">
      <c r="A71976" s="1" t="s">
        <v>9942</v>
      </c>
      <c r="B71976" s="1" t="s">
        <v>222693</v>
      </c>
      <c r="C71976" s="1" t="s">
        <v>15</v>
      </c>
      <c r="D71976" s="1" t="s">
        <v>84524</v>
      </c>
      <c r="E71976" s="1" t="s">
        <v>240744</v>
      </c>
      <c r="F71976" s="1" t="s">
        <v>240745</v>
      </c>
      <c r="G71976" s="1" t="s">
        <v>240742</v>
      </c>
      <c r="H71976" s="1" t="s">
        <v>240743</v>
      </c>
      <c r="I71976" s="1" t="s">
        <v>222698</v>
      </c>
      <c r="J71976" s="1" t="s">
        <v>240746</v>
      </c>
    </row>
    <row r="71977" spans="1:10" x14ac:dyDescent="0.35">
      <c r="A71977" s="1" t="s">
        <v>9942</v>
      </c>
      <c r="B71977" s="1" t="s">
        <v>222693</v>
      </c>
      <c r="C71977" s="1" t="s">
        <v>20</v>
      </c>
      <c r="D71977" s="1" t="s">
        <v>240747</v>
      </c>
      <c r="E71977" s="1" t="s">
        <v>240748</v>
      </c>
      <c r="F71977" s="1" t="s">
        <v>240749</v>
      </c>
      <c r="G71977" s="1" t="s">
        <v>240742</v>
      </c>
      <c r="H71977" s="1" t="s">
        <v>240743</v>
      </c>
      <c r="I71977" s="1" t="s">
        <v>222698</v>
      </c>
      <c r="J71977" s="1" t="s">
        <v>240750</v>
      </c>
    </row>
    <row r="71978" spans="1:10" x14ac:dyDescent="0.35">
      <c r="A71978" s="1" t="s">
        <v>9942</v>
      </c>
      <c r="B71978" s="1" t="s">
        <v>222693</v>
      </c>
      <c r="C71978" s="1" t="s">
        <v>25</v>
      </c>
      <c r="D71978" s="1" t="s">
        <v>92413</v>
      </c>
      <c r="E71978" s="1" t="s">
        <v>240751</v>
      </c>
      <c r="F71978" s="1" t="s">
        <v>240752</v>
      </c>
      <c r="G71978" s="1" t="s">
        <v>240742</v>
      </c>
      <c r="H71978" s="1" t="s">
        <v>240743</v>
      </c>
      <c r="I71978" s="1" t="s">
        <v>222698</v>
      </c>
      <c r="J71978" s="1" t="s">
        <v>240753</v>
      </c>
    </row>
    <row r="71979" spans="1:10" x14ac:dyDescent="0.35">
      <c r="A71979" s="1" t="s">
        <v>9942</v>
      </c>
      <c r="B71979" s="1" t="s">
        <v>222693</v>
      </c>
      <c r="C71979" s="1" t="s">
        <v>30</v>
      </c>
      <c r="D71979" s="1" t="s">
        <v>240754</v>
      </c>
      <c r="E71979" s="1" t="s">
        <v>240755</v>
      </c>
      <c r="F71979" s="1" t="s">
        <v>240756</v>
      </c>
      <c r="G71979" s="1" t="s">
        <v>240742</v>
      </c>
      <c r="H71979" s="1" t="s">
        <v>240743</v>
      </c>
      <c r="I71979" s="1" t="s">
        <v>222698</v>
      </c>
      <c r="J71979" s="1" t="s">
        <v>240757</v>
      </c>
    </row>
    <row r="71980" spans="1:10" x14ac:dyDescent="0.35">
      <c r="A71980" s="1" t="s">
        <v>9942</v>
      </c>
      <c r="B71980" s="1" t="s">
        <v>222693</v>
      </c>
      <c r="C71980" s="1" t="s">
        <v>35</v>
      </c>
      <c r="D71980" s="1" t="s">
        <v>136512</v>
      </c>
      <c r="E71980" s="1" t="s">
        <v>240758</v>
      </c>
      <c r="F71980" s="1" t="s">
        <v>240759</v>
      </c>
      <c r="G71980" s="1" t="s">
        <v>240742</v>
      </c>
      <c r="H71980" s="1" t="s">
        <v>240743</v>
      </c>
      <c r="I71980" s="1" t="s">
        <v>222698</v>
      </c>
      <c r="J71980" s="1" t="s">
        <v>240760</v>
      </c>
    </row>
    <row r="71981" spans="1:10" x14ac:dyDescent="0.35">
      <c r="A71981" s="1" t="s">
        <v>9942</v>
      </c>
      <c r="B71981" s="1" t="s">
        <v>222693</v>
      </c>
      <c r="C71981" s="1" t="s">
        <v>40</v>
      </c>
      <c r="D71981" s="1" t="s">
        <v>59041</v>
      </c>
      <c r="E71981" s="1" t="s">
        <v>240761</v>
      </c>
      <c r="F71981" s="1" t="s">
        <v>240762</v>
      </c>
      <c r="G71981" s="1" t="s">
        <v>240742</v>
      </c>
      <c r="H71981" s="1" t="s">
        <v>240743</v>
      </c>
      <c r="I71981" s="1" t="s">
        <v>222698</v>
      </c>
      <c r="J71981" s="1" t="s">
        <v>240763</v>
      </c>
    </row>
    <row r="71982" spans="1:10" x14ac:dyDescent="0.35">
      <c r="A71982" s="1" t="s">
        <v>9942</v>
      </c>
      <c r="B71982" s="1" t="s">
        <v>222693</v>
      </c>
      <c r="C71982" s="1" t="s">
        <v>45</v>
      </c>
      <c r="D71982" s="1" t="s">
        <v>68055</v>
      </c>
      <c r="E71982" s="1" t="s">
        <v>240764</v>
      </c>
      <c r="F71982" s="1" t="s">
        <v>240765</v>
      </c>
      <c r="G71982" s="1" t="s">
        <v>240742</v>
      </c>
      <c r="H71982" s="1" t="s">
        <v>240743</v>
      </c>
      <c r="I71982" s="1" t="s">
        <v>222698</v>
      </c>
      <c r="J71982" s="1" t="s">
        <v>240766</v>
      </c>
    </row>
    <row r="71983" spans="1:10" x14ac:dyDescent="0.35">
      <c r="A71983" s="1" t="s">
        <v>9942</v>
      </c>
      <c r="B71983" s="1" t="s">
        <v>222693</v>
      </c>
      <c r="C71983" s="1" t="s">
        <v>50</v>
      </c>
      <c r="D71983" s="1" t="s">
        <v>237334</v>
      </c>
      <c r="E71983" s="1" t="s">
        <v>240767</v>
      </c>
      <c r="F71983" s="1" t="s">
        <v>240768</v>
      </c>
      <c r="G71983" s="1" t="s">
        <v>240742</v>
      </c>
      <c r="H71983" s="1" t="s">
        <v>240743</v>
      </c>
      <c r="I71983" s="1" t="s">
        <v>222698</v>
      </c>
      <c r="J71983" s="1" t="s">
        <v>240769</v>
      </c>
    </row>
    <row r="71984" spans="1:10" x14ac:dyDescent="0.35">
      <c r="A71984" s="1" t="s">
        <v>9942</v>
      </c>
      <c r="B71984" s="1" t="s">
        <v>222693</v>
      </c>
      <c r="C71984" s="1" t="s">
        <v>55</v>
      </c>
      <c r="D71984" s="1" t="s">
        <v>78341</v>
      </c>
      <c r="E71984" s="1" t="s">
        <v>240770</v>
      </c>
      <c r="F71984" s="1" t="s">
        <v>240771</v>
      </c>
      <c r="G71984" s="1" t="s">
        <v>240742</v>
      </c>
      <c r="H71984" s="1" t="s">
        <v>240743</v>
      </c>
      <c r="I71984" s="1" t="s">
        <v>222698</v>
      </c>
      <c r="J71984" s="1" t="s">
        <v>240772</v>
      </c>
    </row>
    <row r="71985" spans="1:10" x14ac:dyDescent="0.35">
      <c r="A71985" s="1" t="s">
        <v>9942</v>
      </c>
      <c r="B71985" s="1" t="s">
        <v>222693</v>
      </c>
      <c r="C71985" s="1" t="s">
        <v>60</v>
      </c>
      <c r="D71985" s="1" t="s">
        <v>240773</v>
      </c>
      <c r="E71985" s="1" t="s">
        <v>240774</v>
      </c>
      <c r="F71985" s="1" t="s">
        <v>240775</v>
      </c>
      <c r="G71985" s="1" t="s">
        <v>240742</v>
      </c>
      <c r="H71985" s="1" t="s">
        <v>240743</v>
      </c>
      <c r="I71985" s="1" t="s">
        <v>222698</v>
      </c>
      <c r="J71985" s="1" t="s">
        <v>240776</v>
      </c>
    </row>
    <row r="71986" spans="1:10" x14ac:dyDescent="0.35">
      <c r="A71986" s="1" t="s">
        <v>9942</v>
      </c>
      <c r="B71986" s="1" t="s">
        <v>222693</v>
      </c>
      <c r="C71986" s="1" t="s">
        <v>65</v>
      </c>
      <c r="D71986" s="1" t="s">
        <v>240777</v>
      </c>
      <c r="E71986" s="1" t="s">
        <v>240778</v>
      </c>
      <c r="F71986" s="1" t="s">
        <v>240779</v>
      </c>
      <c r="G71986" s="1" t="s">
        <v>240742</v>
      </c>
      <c r="H71986" s="1" t="s">
        <v>240743</v>
      </c>
      <c r="I71986" s="1" t="s">
        <v>222698</v>
      </c>
      <c r="J71986" s="1" t="s">
        <v>240780</v>
      </c>
    </row>
    <row r="71987" spans="1:10" x14ac:dyDescent="0.35">
      <c r="A71987" s="1" t="s">
        <v>9942</v>
      </c>
      <c r="B71987" s="1" t="s">
        <v>222693</v>
      </c>
      <c r="C71987" s="1" t="s">
        <v>70</v>
      </c>
      <c r="D71987" s="1" t="s">
        <v>85437</v>
      </c>
      <c r="E71987" s="1" t="s">
        <v>240781</v>
      </c>
      <c r="F71987" s="1" t="s">
        <v>240782</v>
      </c>
      <c r="G71987" s="1" t="s">
        <v>240742</v>
      </c>
      <c r="H71987" s="1" t="s">
        <v>240743</v>
      </c>
      <c r="I71987" s="1" t="s">
        <v>222698</v>
      </c>
      <c r="J71987" s="1" t="s">
        <v>240783</v>
      </c>
    </row>
    <row r="71988" spans="1:10" x14ac:dyDescent="0.35">
      <c r="A71988" s="1" t="s">
        <v>9942</v>
      </c>
      <c r="B71988" s="1" t="s">
        <v>222693</v>
      </c>
      <c r="C71988" s="1" t="s">
        <v>75</v>
      </c>
      <c r="D71988" s="1" t="s">
        <v>231052</v>
      </c>
      <c r="E71988" s="1" t="s">
        <v>240784</v>
      </c>
      <c r="F71988" s="1" t="s">
        <v>240785</v>
      </c>
      <c r="G71988" s="1" t="s">
        <v>240742</v>
      </c>
      <c r="H71988" s="1" t="s">
        <v>240743</v>
      </c>
      <c r="I71988" s="1" t="s">
        <v>222698</v>
      </c>
      <c r="J71988" s="1" t="s">
        <v>240786</v>
      </c>
    </row>
    <row r="71989" spans="1:10" x14ac:dyDescent="0.35">
      <c r="A71989" s="1" t="s">
        <v>9942</v>
      </c>
      <c r="B71989" s="1" t="s">
        <v>222693</v>
      </c>
      <c r="C71989" s="1" t="s">
        <v>80</v>
      </c>
      <c r="D71989" s="1" t="s">
        <v>130398</v>
      </c>
      <c r="E71989" s="1" t="s">
        <v>240787</v>
      </c>
      <c r="F71989" s="1" t="s">
        <v>240788</v>
      </c>
      <c r="G71989" s="1" t="s">
        <v>240742</v>
      </c>
      <c r="H71989" s="1" t="s">
        <v>240743</v>
      </c>
      <c r="I71989" s="1" t="s">
        <v>222698</v>
      </c>
      <c r="J71989" s="1" t="s">
        <v>240789</v>
      </c>
    </row>
    <row r="71990" spans="1:10" x14ac:dyDescent="0.35">
      <c r="A71990" s="1" t="s">
        <v>9942</v>
      </c>
      <c r="B71990" s="1" t="s">
        <v>222693</v>
      </c>
      <c r="C71990" s="1" t="s">
        <v>85</v>
      </c>
      <c r="D71990" s="1" t="s">
        <v>240790</v>
      </c>
      <c r="E71990" s="1" t="s">
        <v>240791</v>
      </c>
      <c r="F71990" s="1" t="s">
        <v>240792</v>
      </c>
      <c r="G71990" s="1" t="s">
        <v>240742</v>
      </c>
      <c r="H71990" s="1" t="s">
        <v>240743</v>
      </c>
      <c r="I71990" s="1" t="s">
        <v>222698</v>
      </c>
      <c r="J71990" s="1" t="s">
        <v>240793</v>
      </c>
    </row>
    <row r="71991" spans="1:10" x14ac:dyDescent="0.35">
      <c r="A71991" s="1" t="s">
        <v>9942</v>
      </c>
      <c r="B71991" s="1" t="s">
        <v>222693</v>
      </c>
      <c r="C71991" s="1" t="s">
        <v>90</v>
      </c>
      <c r="D71991" s="1" t="s">
        <v>240794</v>
      </c>
      <c r="E71991" s="1" t="s">
        <v>240795</v>
      </c>
      <c r="F71991" s="1" t="s">
        <v>240796</v>
      </c>
      <c r="G71991" s="1" t="s">
        <v>240742</v>
      </c>
      <c r="H71991" s="1" t="s">
        <v>240743</v>
      </c>
      <c r="I71991" s="1" t="s">
        <v>222698</v>
      </c>
      <c r="J71991" s="1" t="s">
        <v>240797</v>
      </c>
    </row>
    <row r="71992" spans="1:10" x14ac:dyDescent="0.35">
      <c r="A71992" s="1" t="s">
        <v>9942</v>
      </c>
      <c r="B71992" s="1" t="s">
        <v>222693</v>
      </c>
      <c r="C71992" s="1" t="s">
        <v>95</v>
      </c>
      <c r="D71992" s="1" t="s">
        <v>240798</v>
      </c>
      <c r="E71992" s="1" t="s">
        <v>240799</v>
      </c>
      <c r="F71992" s="1" t="s">
        <v>240800</v>
      </c>
      <c r="G71992" s="1" t="s">
        <v>240742</v>
      </c>
      <c r="H71992" s="1" t="s">
        <v>240743</v>
      </c>
      <c r="I71992" s="1" t="s">
        <v>222698</v>
      </c>
      <c r="J71992" s="1" t="s">
        <v>240801</v>
      </c>
    </row>
    <row r="71993" spans="1:10" x14ac:dyDescent="0.35">
      <c r="A71993" s="1" t="s">
        <v>9942</v>
      </c>
      <c r="B71993" s="1" t="s">
        <v>222693</v>
      </c>
      <c r="C71993" s="1" t="s">
        <v>100</v>
      </c>
      <c r="D71993" s="1" t="s">
        <v>240701</v>
      </c>
      <c r="E71993" s="1" t="s">
        <v>240802</v>
      </c>
      <c r="F71993" s="1" t="s">
        <v>240803</v>
      </c>
      <c r="G71993" s="1" t="s">
        <v>240742</v>
      </c>
      <c r="H71993" s="1" t="s">
        <v>240743</v>
      </c>
      <c r="I71993" s="1" t="s">
        <v>222698</v>
      </c>
      <c r="J71993" s="1" t="s">
        <v>240804</v>
      </c>
    </row>
    <row r="71994" spans="1:10" x14ac:dyDescent="0.35">
      <c r="A71994" s="1" t="s">
        <v>9942</v>
      </c>
      <c r="B71994" s="1" t="s">
        <v>222693</v>
      </c>
      <c r="C71994" s="1" t="s">
        <v>105</v>
      </c>
      <c r="D71994" s="1" t="s">
        <v>20206</v>
      </c>
      <c r="E71994" s="1" t="s">
        <v>149728</v>
      </c>
      <c r="F71994" s="1" t="s">
        <v>240805</v>
      </c>
      <c r="G71994" s="1" t="s">
        <v>240742</v>
      </c>
      <c r="H71994" s="1" t="s">
        <v>240743</v>
      </c>
      <c r="I71994" s="1" t="s">
        <v>222698</v>
      </c>
      <c r="J71994" s="1" t="s">
        <v>240806</v>
      </c>
    </row>
    <row r="71995" spans="1:10" x14ac:dyDescent="0.35">
      <c r="A71995" s="1" t="s">
        <v>9942</v>
      </c>
      <c r="B71995" s="1" t="s">
        <v>222693</v>
      </c>
      <c r="C71995" s="1" t="s">
        <v>110</v>
      </c>
      <c r="D71995" s="1" t="s">
        <v>240807</v>
      </c>
      <c r="E71995" s="1" t="s">
        <v>240808</v>
      </c>
      <c r="F71995" s="1" t="s">
        <v>91406</v>
      </c>
      <c r="G71995" s="1" t="s">
        <v>240742</v>
      </c>
      <c r="H71995" s="1" t="s">
        <v>240743</v>
      </c>
      <c r="I71995" s="1" t="s">
        <v>222698</v>
      </c>
      <c r="J71995" s="1" t="s">
        <v>240809</v>
      </c>
    </row>
    <row r="71996" spans="1:10" x14ac:dyDescent="0.35">
      <c r="A71996" s="1" t="s">
        <v>9942</v>
      </c>
      <c r="B71996" s="1" t="s">
        <v>222693</v>
      </c>
      <c r="C71996" s="1" t="s">
        <v>115</v>
      </c>
      <c r="D71996" s="1" t="s">
        <v>240810</v>
      </c>
      <c r="E71996" s="1" t="s">
        <v>240811</v>
      </c>
      <c r="F71996" s="1" t="s">
        <v>240812</v>
      </c>
      <c r="G71996" s="1" t="s">
        <v>240742</v>
      </c>
      <c r="H71996" s="1" t="s">
        <v>240743</v>
      </c>
      <c r="I71996" s="1" t="s">
        <v>222698</v>
      </c>
      <c r="J71996" s="1" t="s">
        <v>240813</v>
      </c>
    </row>
    <row r="71997" spans="1:10" x14ac:dyDescent="0.35">
      <c r="A71997" s="1" t="s">
        <v>9942</v>
      </c>
      <c r="B71997" s="1" t="s">
        <v>222693</v>
      </c>
      <c r="C71997" s="1" t="s">
        <v>120</v>
      </c>
      <c r="D71997" s="1" t="s">
        <v>240814</v>
      </c>
      <c r="E71997" s="1" t="s">
        <v>240815</v>
      </c>
      <c r="F71997" s="1" t="s">
        <v>240816</v>
      </c>
      <c r="G71997" s="1" t="s">
        <v>240742</v>
      </c>
      <c r="H71997" s="1" t="s">
        <v>240743</v>
      </c>
      <c r="I71997" s="1" t="s">
        <v>222698</v>
      </c>
      <c r="J71997" s="1" t="s">
        <v>240817</v>
      </c>
    </row>
    <row r="71998" spans="1:10" x14ac:dyDescent="0.35">
      <c r="A71998" s="1" t="s">
        <v>9942</v>
      </c>
      <c r="B71998" s="1" t="s">
        <v>222693</v>
      </c>
      <c r="C71998" s="1" t="s">
        <v>125</v>
      </c>
      <c r="D71998" s="1" t="s">
        <v>240818</v>
      </c>
      <c r="E71998" s="1" t="s">
        <v>240819</v>
      </c>
      <c r="F71998" s="1" t="s">
        <v>240820</v>
      </c>
      <c r="G71998" s="1" t="s">
        <v>240742</v>
      </c>
      <c r="H71998" s="1" t="s">
        <v>240743</v>
      </c>
      <c r="I71998" s="1" t="s">
        <v>222698</v>
      </c>
      <c r="J71998" s="1" t="s">
        <v>240821</v>
      </c>
    </row>
    <row r="71999" spans="1:10" x14ac:dyDescent="0.35">
      <c r="A71999" s="1" t="s">
        <v>9942</v>
      </c>
      <c r="B71999" s="1" t="s">
        <v>222693</v>
      </c>
      <c r="C71999" s="1" t="s">
        <v>130</v>
      </c>
      <c r="D71999" s="1" t="s">
        <v>240822</v>
      </c>
      <c r="E71999" s="1" t="s">
        <v>240823</v>
      </c>
      <c r="F71999" s="1" t="s">
        <v>240824</v>
      </c>
      <c r="G71999" s="1" t="s">
        <v>240742</v>
      </c>
      <c r="H71999" s="1" t="s">
        <v>240743</v>
      </c>
      <c r="I71999" s="1" t="s">
        <v>222698</v>
      </c>
      <c r="J71999" s="1" t="s">
        <v>240825</v>
      </c>
    </row>
    <row r="72000" spans="1:10" x14ac:dyDescent="0.35">
      <c r="A72000" s="1" t="s">
        <v>9942</v>
      </c>
      <c r="B72000" s="1" t="s">
        <v>222693</v>
      </c>
      <c r="C72000" s="1" t="s">
        <v>135</v>
      </c>
      <c r="D72000" s="1" t="s">
        <v>240826</v>
      </c>
      <c r="E72000" s="1" t="s">
        <v>240827</v>
      </c>
      <c r="F72000" s="1" t="s">
        <v>240828</v>
      </c>
      <c r="G72000" s="1" t="s">
        <v>240742</v>
      </c>
      <c r="H72000" s="1" t="s">
        <v>240743</v>
      </c>
      <c r="I72000" s="1" t="s">
        <v>222698</v>
      </c>
      <c r="J72000" s="1" t="s">
        <v>240829</v>
      </c>
    </row>
    <row r="72001" spans="1:10" x14ac:dyDescent="0.35">
      <c r="A72001" s="1" t="s">
        <v>9942</v>
      </c>
      <c r="B72001" s="1" t="s">
        <v>222693</v>
      </c>
      <c r="C72001" s="1" t="s">
        <v>140</v>
      </c>
      <c r="D72001" s="1" t="s">
        <v>240830</v>
      </c>
      <c r="E72001" s="1" t="s">
        <v>240831</v>
      </c>
      <c r="F72001" s="1" t="s">
        <v>240832</v>
      </c>
      <c r="G72001" s="1" t="s">
        <v>240742</v>
      </c>
      <c r="H72001" s="1" t="s">
        <v>240743</v>
      </c>
      <c r="I72001" s="1" t="s">
        <v>222698</v>
      </c>
      <c r="J72001" s="1" t="s">
        <v>240833</v>
      </c>
    </row>
    <row r="72002" spans="1:10" x14ac:dyDescent="0.35">
      <c r="A72002" s="1" t="s">
        <v>9942</v>
      </c>
      <c r="B72002" s="1" t="s">
        <v>222693</v>
      </c>
      <c r="C72002" s="1" t="s">
        <v>145</v>
      </c>
      <c r="D72002" s="1" t="s">
        <v>101005</v>
      </c>
      <c r="E72002" s="1" t="s">
        <v>240834</v>
      </c>
      <c r="F72002" s="1" t="s">
        <v>240835</v>
      </c>
      <c r="G72002" s="1" t="s">
        <v>240742</v>
      </c>
      <c r="H72002" s="1" t="s">
        <v>240743</v>
      </c>
      <c r="I72002" s="1" t="s">
        <v>222698</v>
      </c>
      <c r="J72002" s="1" t="s">
        <v>240836</v>
      </c>
    </row>
    <row r="72003" spans="1:10" x14ac:dyDescent="0.35">
      <c r="A72003" s="1" t="s">
        <v>9942</v>
      </c>
      <c r="B72003" s="1" t="s">
        <v>222693</v>
      </c>
      <c r="C72003" s="1" t="s">
        <v>150</v>
      </c>
      <c r="D72003" s="1" t="s">
        <v>240837</v>
      </c>
      <c r="E72003" s="1" t="s">
        <v>240838</v>
      </c>
      <c r="F72003" s="1" t="s">
        <v>240839</v>
      </c>
      <c r="G72003" s="1" t="s">
        <v>240742</v>
      </c>
      <c r="H72003" s="1" t="s">
        <v>240743</v>
      </c>
      <c r="I72003" s="1" t="s">
        <v>222698</v>
      </c>
      <c r="J72003" s="1" t="s">
        <v>240840</v>
      </c>
    </row>
    <row r="72004" spans="1:10" x14ac:dyDescent="0.35">
      <c r="A72004" s="1" t="s">
        <v>9942</v>
      </c>
      <c r="B72004" s="1" t="s">
        <v>222693</v>
      </c>
      <c r="C72004" s="1" t="s">
        <v>155</v>
      </c>
      <c r="D72004" s="1" t="s">
        <v>240841</v>
      </c>
      <c r="E72004" s="1" t="s">
        <v>240842</v>
      </c>
      <c r="F72004" s="1" t="s">
        <v>240843</v>
      </c>
      <c r="G72004" s="1" t="s">
        <v>240742</v>
      </c>
      <c r="H72004" s="1" t="s">
        <v>240743</v>
      </c>
      <c r="I72004" s="1" t="s">
        <v>222698</v>
      </c>
      <c r="J72004" s="1" t="s">
        <v>240844</v>
      </c>
    </row>
    <row r="72005" spans="1:10" x14ac:dyDescent="0.35">
      <c r="A72005" s="1" t="s">
        <v>9942</v>
      </c>
      <c r="B72005" s="1" t="s">
        <v>222693</v>
      </c>
      <c r="C72005" s="1" t="s">
        <v>160</v>
      </c>
      <c r="D72005" s="1" t="s">
        <v>240845</v>
      </c>
      <c r="E72005" s="1" t="s">
        <v>240846</v>
      </c>
      <c r="F72005" s="1" t="s">
        <v>240847</v>
      </c>
      <c r="G72005" s="1" t="s">
        <v>240742</v>
      </c>
      <c r="H72005" s="1" t="s">
        <v>240743</v>
      </c>
      <c r="I72005" s="1" t="s">
        <v>222698</v>
      </c>
      <c r="J72005" s="1" t="s">
        <v>240848</v>
      </c>
    </row>
    <row r="72006" spans="1:10" x14ac:dyDescent="0.35">
      <c r="A72006" s="1" t="s">
        <v>9942</v>
      </c>
      <c r="B72006" s="1" t="s">
        <v>222693</v>
      </c>
      <c r="C72006" s="1" t="s">
        <v>165</v>
      </c>
      <c r="D72006" s="1" t="s">
        <v>240849</v>
      </c>
      <c r="E72006" s="1" t="s">
        <v>240850</v>
      </c>
      <c r="F72006" s="1" t="s">
        <v>240851</v>
      </c>
      <c r="G72006" s="1" t="s">
        <v>240742</v>
      </c>
      <c r="H72006" s="1" t="s">
        <v>240743</v>
      </c>
      <c r="I72006" s="1" t="s">
        <v>222698</v>
      </c>
      <c r="J72006" s="1" t="s">
        <v>240852</v>
      </c>
    </row>
    <row r="72007" spans="1:10" x14ac:dyDescent="0.35">
      <c r="A72007" s="1" t="s">
        <v>9942</v>
      </c>
      <c r="B72007" s="1" t="s">
        <v>222693</v>
      </c>
      <c r="C72007" s="1" t="s">
        <v>170</v>
      </c>
      <c r="D72007" s="1" t="s">
        <v>240853</v>
      </c>
      <c r="E72007" s="1" t="s">
        <v>240854</v>
      </c>
      <c r="F72007" s="1" t="s">
        <v>240855</v>
      </c>
      <c r="G72007" s="1" t="s">
        <v>240742</v>
      </c>
      <c r="H72007" s="1" t="s">
        <v>240743</v>
      </c>
      <c r="I72007" s="1" t="s">
        <v>222698</v>
      </c>
      <c r="J72007" s="1" t="s">
        <v>240856</v>
      </c>
    </row>
    <row r="72008" spans="1:10" x14ac:dyDescent="0.35">
      <c r="A72008" s="1" t="s">
        <v>10114</v>
      </c>
      <c r="B72008" s="1" t="s">
        <v>222693</v>
      </c>
      <c r="C72008" s="1" t="s">
        <v>8</v>
      </c>
      <c r="D72008" s="1" t="s">
        <v>22474</v>
      </c>
      <c r="E72008" s="1" t="s">
        <v>240857</v>
      </c>
      <c r="F72008" s="1" t="s">
        <v>240858</v>
      </c>
      <c r="G72008" s="1" t="s">
        <v>240859</v>
      </c>
      <c r="H72008" s="1" t="s">
        <v>240860</v>
      </c>
      <c r="I72008" s="1" t="s">
        <v>222698</v>
      </c>
      <c r="J72008" s="1" t="s">
        <v>13</v>
      </c>
    </row>
    <row r="72009" spans="1:10" x14ac:dyDescent="0.35">
      <c r="A72009" s="1" t="s">
        <v>10114</v>
      </c>
      <c r="B72009" s="1" t="s">
        <v>222693</v>
      </c>
      <c r="C72009" s="1" t="s">
        <v>15</v>
      </c>
      <c r="D72009" s="1" t="s">
        <v>232929</v>
      </c>
      <c r="E72009" s="1" t="s">
        <v>240861</v>
      </c>
      <c r="F72009" s="1" t="s">
        <v>240862</v>
      </c>
      <c r="G72009" s="1" t="s">
        <v>240859</v>
      </c>
      <c r="H72009" s="1" t="s">
        <v>240860</v>
      </c>
      <c r="I72009" s="1" t="s">
        <v>222698</v>
      </c>
      <c r="J72009" s="1" t="s">
        <v>240863</v>
      </c>
    </row>
    <row r="72010" spans="1:10" x14ac:dyDescent="0.35">
      <c r="A72010" s="1" t="s">
        <v>10114</v>
      </c>
      <c r="B72010" s="1" t="s">
        <v>222693</v>
      </c>
      <c r="C72010" s="1" t="s">
        <v>20</v>
      </c>
      <c r="D72010" s="1" t="s">
        <v>22437</v>
      </c>
      <c r="E72010" s="1" t="s">
        <v>240864</v>
      </c>
      <c r="F72010" s="1" t="s">
        <v>240865</v>
      </c>
      <c r="G72010" s="1" t="s">
        <v>240859</v>
      </c>
      <c r="H72010" s="1" t="s">
        <v>240860</v>
      </c>
      <c r="I72010" s="1" t="s">
        <v>222698</v>
      </c>
      <c r="J72010" s="1" t="s">
        <v>235467</v>
      </c>
    </row>
    <row r="72011" spans="1:10" x14ac:dyDescent="0.35">
      <c r="A72011" s="1" t="s">
        <v>10114</v>
      </c>
      <c r="B72011" s="1" t="s">
        <v>222693</v>
      </c>
      <c r="C72011" s="1" t="s">
        <v>25</v>
      </c>
      <c r="D72011" s="1" t="s">
        <v>240866</v>
      </c>
      <c r="E72011" s="1" t="s">
        <v>240867</v>
      </c>
      <c r="F72011" s="1" t="s">
        <v>240868</v>
      </c>
      <c r="G72011" s="1" t="s">
        <v>240859</v>
      </c>
      <c r="H72011" s="1" t="s">
        <v>240860</v>
      </c>
      <c r="I72011" s="1" t="s">
        <v>222698</v>
      </c>
      <c r="J72011" s="1" t="s">
        <v>240869</v>
      </c>
    </row>
    <row r="72012" spans="1:10" x14ac:dyDescent="0.35">
      <c r="A72012" s="1" t="s">
        <v>10114</v>
      </c>
      <c r="B72012" s="1" t="s">
        <v>222693</v>
      </c>
      <c r="C72012" s="1" t="s">
        <v>30</v>
      </c>
      <c r="D72012" s="1" t="s">
        <v>240870</v>
      </c>
      <c r="E72012" s="1" t="s">
        <v>240871</v>
      </c>
      <c r="F72012" s="1" t="s">
        <v>240872</v>
      </c>
      <c r="G72012" s="1" t="s">
        <v>240859</v>
      </c>
      <c r="H72012" s="1" t="s">
        <v>240860</v>
      </c>
      <c r="I72012" s="1" t="s">
        <v>222698</v>
      </c>
      <c r="J72012" s="1" t="s">
        <v>240873</v>
      </c>
    </row>
    <row r="72013" spans="1:10" x14ac:dyDescent="0.35">
      <c r="A72013" s="1" t="s">
        <v>10114</v>
      </c>
      <c r="B72013" s="1" t="s">
        <v>222693</v>
      </c>
      <c r="C72013" s="1" t="s">
        <v>35</v>
      </c>
      <c r="D72013" s="1" t="s">
        <v>240874</v>
      </c>
      <c r="E72013" s="1" t="s">
        <v>240875</v>
      </c>
      <c r="F72013" s="1" t="s">
        <v>240876</v>
      </c>
      <c r="G72013" s="1" t="s">
        <v>240859</v>
      </c>
      <c r="H72013" s="1" t="s">
        <v>240860</v>
      </c>
      <c r="I72013" s="1" t="s">
        <v>222698</v>
      </c>
      <c r="J72013" s="1" t="s">
        <v>240877</v>
      </c>
    </row>
    <row r="72014" spans="1:10" x14ac:dyDescent="0.35">
      <c r="A72014" s="1" t="s">
        <v>10114</v>
      </c>
      <c r="B72014" s="1" t="s">
        <v>222693</v>
      </c>
      <c r="C72014" s="1" t="s">
        <v>40</v>
      </c>
      <c r="D72014" s="1" t="s">
        <v>240878</v>
      </c>
      <c r="E72014" s="1" t="s">
        <v>240879</v>
      </c>
      <c r="F72014" s="1" t="s">
        <v>240880</v>
      </c>
      <c r="G72014" s="1" t="s">
        <v>240859</v>
      </c>
      <c r="H72014" s="1" t="s">
        <v>240860</v>
      </c>
      <c r="I72014" s="1" t="s">
        <v>222698</v>
      </c>
      <c r="J72014" s="1" t="s">
        <v>240881</v>
      </c>
    </row>
    <row r="72015" spans="1:10" x14ac:dyDescent="0.35">
      <c r="A72015" s="1" t="s">
        <v>10114</v>
      </c>
      <c r="B72015" s="1" t="s">
        <v>222693</v>
      </c>
      <c r="C72015" s="1" t="s">
        <v>45</v>
      </c>
      <c r="D72015" s="1" t="s">
        <v>240882</v>
      </c>
      <c r="E72015" s="1" t="s">
        <v>240883</v>
      </c>
      <c r="F72015" s="1" t="s">
        <v>240884</v>
      </c>
      <c r="G72015" s="1" t="s">
        <v>240859</v>
      </c>
      <c r="H72015" s="1" t="s">
        <v>240860</v>
      </c>
      <c r="I72015" s="1" t="s">
        <v>222698</v>
      </c>
      <c r="J72015" s="1" t="s">
        <v>240885</v>
      </c>
    </row>
    <row r="72016" spans="1:10" x14ac:dyDescent="0.35">
      <c r="A72016" s="1" t="s">
        <v>10114</v>
      </c>
      <c r="B72016" s="1" t="s">
        <v>222693</v>
      </c>
      <c r="C72016" s="1" t="s">
        <v>50</v>
      </c>
      <c r="D72016" s="1" t="s">
        <v>129575</v>
      </c>
      <c r="E72016" s="1" t="s">
        <v>240886</v>
      </c>
      <c r="F72016" s="1" t="s">
        <v>240887</v>
      </c>
      <c r="G72016" s="1" t="s">
        <v>240859</v>
      </c>
      <c r="H72016" s="1" t="s">
        <v>240860</v>
      </c>
      <c r="I72016" s="1" t="s">
        <v>222698</v>
      </c>
      <c r="J72016" s="1" t="s">
        <v>240888</v>
      </c>
    </row>
    <row r="72017" spans="1:10" x14ac:dyDescent="0.35">
      <c r="A72017" s="1" t="s">
        <v>10114</v>
      </c>
      <c r="B72017" s="1" t="s">
        <v>222693</v>
      </c>
      <c r="C72017" s="1" t="s">
        <v>55</v>
      </c>
      <c r="D72017" s="1" t="s">
        <v>19927</v>
      </c>
      <c r="E72017" s="1" t="s">
        <v>240889</v>
      </c>
      <c r="F72017" s="1" t="s">
        <v>240890</v>
      </c>
      <c r="G72017" s="1" t="s">
        <v>240859</v>
      </c>
      <c r="H72017" s="1" t="s">
        <v>240860</v>
      </c>
      <c r="I72017" s="1" t="s">
        <v>222698</v>
      </c>
      <c r="J72017" s="1" t="s">
        <v>240891</v>
      </c>
    </row>
    <row r="72018" spans="1:10" x14ac:dyDescent="0.35">
      <c r="A72018" s="1" t="s">
        <v>10114</v>
      </c>
      <c r="B72018" s="1" t="s">
        <v>222693</v>
      </c>
      <c r="C72018" s="1" t="s">
        <v>60</v>
      </c>
      <c r="D72018" s="1" t="s">
        <v>131915</v>
      </c>
      <c r="E72018" s="1" t="s">
        <v>240892</v>
      </c>
      <c r="F72018" s="1" t="s">
        <v>240893</v>
      </c>
      <c r="G72018" s="1" t="s">
        <v>240859</v>
      </c>
      <c r="H72018" s="1" t="s">
        <v>240860</v>
      </c>
      <c r="I72018" s="1" t="s">
        <v>222698</v>
      </c>
      <c r="J72018" s="1" t="s">
        <v>240894</v>
      </c>
    </row>
    <row r="72019" spans="1:10" x14ac:dyDescent="0.35">
      <c r="A72019" s="1" t="s">
        <v>10114</v>
      </c>
      <c r="B72019" s="1" t="s">
        <v>222693</v>
      </c>
      <c r="C72019" s="1" t="s">
        <v>65</v>
      </c>
      <c r="D72019" s="1" t="s">
        <v>240895</v>
      </c>
      <c r="E72019" s="1" t="s">
        <v>240896</v>
      </c>
      <c r="F72019" s="1" t="s">
        <v>240897</v>
      </c>
      <c r="G72019" s="1" t="s">
        <v>240859</v>
      </c>
      <c r="H72019" s="1" t="s">
        <v>240860</v>
      </c>
      <c r="I72019" s="1" t="s">
        <v>222698</v>
      </c>
      <c r="J72019" s="1" t="s">
        <v>240898</v>
      </c>
    </row>
    <row r="72020" spans="1:10" x14ac:dyDescent="0.35">
      <c r="A72020" s="1" t="s">
        <v>10114</v>
      </c>
      <c r="B72020" s="1" t="s">
        <v>222693</v>
      </c>
      <c r="C72020" s="1" t="s">
        <v>70</v>
      </c>
      <c r="D72020" s="1" t="s">
        <v>5675</v>
      </c>
      <c r="E72020" s="1" t="s">
        <v>240899</v>
      </c>
      <c r="F72020" s="1" t="s">
        <v>240900</v>
      </c>
      <c r="G72020" s="1" t="s">
        <v>240859</v>
      </c>
      <c r="H72020" s="1" t="s">
        <v>240860</v>
      </c>
      <c r="I72020" s="1" t="s">
        <v>222698</v>
      </c>
      <c r="J72020" s="1" t="s">
        <v>240901</v>
      </c>
    </row>
    <row r="72021" spans="1:10" x14ac:dyDescent="0.35">
      <c r="A72021" s="1" t="s">
        <v>10114</v>
      </c>
      <c r="B72021" s="1" t="s">
        <v>222693</v>
      </c>
      <c r="C72021" s="1" t="s">
        <v>75</v>
      </c>
      <c r="D72021" s="1" t="s">
        <v>240902</v>
      </c>
      <c r="E72021" s="1" t="s">
        <v>240903</v>
      </c>
      <c r="F72021" s="1" t="s">
        <v>240904</v>
      </c>
      <c r="G72021" s="1" t="s">
        <v>240859</v>
      </c>
      <c r="H72021" s="1" t="s">
        <v>240860</v>
      </c>
      <c r="I72021" s="1" t="s">
        <v>222698</v>
      </c>
      <c r="J72021" s="1" t="s">
        <v>240905</v>
      </c>
    </row>
    <row r="72022" spans="1:10" x14ac:dyDescent="0.35">
      <c r="A72022" s="1" t="s">
        <v>10114</v>
      </c>
      <c r="B72022" s="1" t="s">
        <v>222693</v>
      </c>
      <c r="C72022" s="1" t="s">
        <v>80</v>
      </c>
      <c r="D72022" s="1" t="s">
        <v>238793</v>
      </c>
      <c r="E72022" s="1" t="s">
        <v>240906</v>
      </c>
      <c r="F72022" s="1" t="s">
        <v>240907</v>
      </c>
      <c r="G72022" s="1" t="s">
        <v>240859</v>
      </c>
      <c r="H72022" s="1" t="s">
        <v>240860</v>
      </c>
      <c r="I72022" s="1" t="s">
        <v>222698</v>
      </c>
      <c r="J72022" s="1" t="s">
        <v>240908</v>
      </c>
    </row>
    <row r="72023" spans="1:10" x14ac:dyDescent="0.35">
      <c r="A72023" s="1" t="s">
        <v>10114</v>
      </c>
      <c r="B72023" s="1" t="s">
        <v>222693</v>
      </c>
      <c r="C72023" s="1" t="s">
        <v>85</v>
      </c>
      <c r="D72023" s="1" t="s">
        <v>240909</v>
      </c>
      <c r="E72023" s="1" t="s">
        <v>240910</v>
      </c>
      <c r="F72023" s="1" t="s">
        <v>240911</v>
      </c>
      <c r="G72023" s="1" t="s">
        <v>240859</v>
      </c>
      <c r="H72023" s="1" t="s">
        <v>240860</v>
      </c>
      <c r="I72023" s="1" t="s">
        <v>222698</v>
      </c>
      <c r="J72023" s="1" t="s">
        <v>240912</v>
      </c>
    </row>
    <row r="72024" spans="1:10" x14ac:dyDescent="0.35">
      <c r="A72024" s="1" t="s">
        <v>10114</v>
      </c>
      <c r="B72024" s="1" t="s">
        <v>222693</v>
      </c>
      <c r="C72024" s="1" t="s">
        <v>90</v>
      </c>
      <c r="D72024" s="1" t="s">
        <v>240913</v>
      </c>
      <c r="E72024" s="1" t="s">
        <v>240914</v>
      </c>
      <c r="F72024" s="1" t="s">
        <v>240915</v>
      </c>
      <c r="G72024" s="1" t="s">
        <v>240859</v>
      </c>
      <c r="H72024" s="1" t="s">
        <v>240860</v>
      </c>
      <c r="I72024" s="1" t="s">
        <v>222698</v>
      </c>
      <c r="J72024" s="1" t="s">
        <v>240916</v>
      </c>
    </row>
    <row r="72025" spans="1:10" x14ac:dyDescent="0.35">
      <c r="A72025" s="1" t="s">
        <v>10114</v>
      </c>
      <c r="B72025" s="1" t="s">
        <v>222693</v>
      </c>
      <c r="C72025" s="1" t="s">
        <v>95</v>
      </c>
      <c r="D72025" s="1" t="s">
        <v>225207</v>
      </c>
      <c r="E72025" s="1" t="s">
        <v>240917</v>
      </c>
      <c r="F72025" s="1" t="s">
        <v>240918</v>
      </c>
      <c r="G72025" s="1" t="s">
        <v>240859</v>
      </c>
      <c r="H72025" s="1" t="s">
        <v>240860</v>
      </c>
      <c r="I72025" s="1" t="s">
        <v>222698</v>
      </c>
      <c r="J72025" s="1" t="s">
        <v>240919</v>
      </c>
    </row>
    <row r="72026" spans="1:10" x14ac:dyDescent="0.35">
      <c r="A72026" s="1" t="s">
        <v>10114</v>
      </c>
      <c r="B72026" s="1" t="s">
        <v>222693</v>
      </c>
      <c r="C72026" s="1" t="s">
        <v>100</v>
      </c>
      <c r="D72026" s="1" t="s">
        <v>240920</v>
      </c>
      <c r="E72026" s="1" t="s">
        <v>240921</v>
      </c>
      <c r="F72026" s="1" t="s">
        <v>240922</v>
      </c>
      <c r="G72026" s="1" t="s">
        <v>240859</v>
      </c>
      <c r="H72026" s="1" t="s">
        <v>240860</v>
      </c>
      <c r="I72026" s="1" t="s">
        <v>222698</v>
      </c>
      <c r="J72026" s="1" t="s">
        <v>240923</v>
      </c>
    </row>
    <row r="72027" spans="1:10" x14ac:dyDescent="0.35">
      <c r="A72027" s="1" t="s">
        <v>10114</v>
      </c>
      <c r="B72027" s="1" t="s">
        <v>222693</v>
      </c>
      <c r="C72027" s="1" t="s">
        <v>105</v>
      </c>
      <c r="D72027" s="1" t="s">
        <v>240924</v>
      </c>
      <c r="E72027" s="1" t="s">
        <v>240925</v>
      </c>
      <c r="F72027" s="1" t="s">
        <v>240926</v>
      </c>
      <c r="G72027" s="1" t="s">
        <v>240859</v>
      </c>
      <c r="H72027" s="1" t="s">
        <v>240860</v>
      </c>
      <c r="I72027" s="1" t="s">
        <v>222698</v>
      </c>
      <c r="J72027" s="1" t="s">
        <v>240927</v>
      </c>
    </row>
    <row r="72028" spans="1:10" x14ac:dyDescent="0.35">
      <c r="A72028" s="1" t="s">
        <v>10114</v>
      </c>
      <c r="B72028" s="1" t="s">
        <v>222693</v>
      </c>
      <c r="C72028" s="1" t="s">
        <v>110</v>
      </c>
      <c r="D72028" s="1" t="s">
        <v>240928</v>
      </c>
      <c r="E72028" s="1" t="s">
        <v>240929</v>
      </c>
      <c r="F72028" s="1" t="s">
        <v>240930</v>
      </c>
      <c r="G72028" s="1" t="s">
        <v>240859</v>
      </c>
      <c r="H72028" s="1" t="s">
        <v>240860</v>
      </c>
      <c r="I72028" s="1" t="s">
        <v>222698</v>
      </c>
      <c r="J72028" s="1" t="s">
        <v>240931</v>
      </c>
    </row>
    <row r="72029" spans="1:10" x14ac:dyDescent="0.35">
      <c r="A72029" s="1" t="s">
        <v>10114</v>
      </c>
      <c r="B72029" s="1" t="s">
        <v>222693</v>
      </c>
      <c r="C72029" s="1" t="s">
        <v>115</v>
      </c>
      <c r="D72029" s="1" t="s">
        <v>240932</v>
      </c>
      <c r="E72029" s="1" t="s">
        <v>240933</v>
      </c>
      <c r="F72029" s="1" t="s">
        <v>240934</v>
      </c>
      <c r="G72029" s="1" t="s">
        <v>240859</v>
      </c>
      <c r="H72029" s="1" t="s">
        <v>240860</v>
      </c>
      <c r="I72029" s="1" t="s">
        <v>222698</v>
      </c>
      <c r="J72029" s="1" t="s">
        <v>240935</v>
      </c>
    </row>
    <row r="72030" spans="1:10" x14ac:dyDescent="0.35">
      <c r="A72030" s="1" t="s">
        <v>10114</v>
      </c>
      <c r="B72030" s="1" t="s">
        <v>222693</v>
      </c>
      <c r="C72030" s="1" t="s">
        <v>120</v>
      </c>
      <c r="D72030" s="1" t="s">
        <v>240936</v>
      </c>
      <c r="E72030" s="1" t="s">
        <v>240937</v>
      </c>
      <c r="F72030" s="1" t="s">
        <v>240938</v>
      </c>
      <c r="G72030" s="1" t="s">
        <v>240859</v>
      </c>
      <c r="H72030" s="1" t="s">
        <v>240860</v>
      </c>
      <c r="I72030" s="1" t="s">
        <v>222698</v>
      </c>
      <c r="J72030" s="1" t="s">
        <v>240939</v>
      </c>
    </row>
    <row r="72031" spans="1:10" x14ac:dyDescent="0.35">
      <c r="A72031" s="1" t="s">
        <v>10114</v>
      </c>
      <c r="B72031" s="1" t="s">
        <v>222693</v>
      </c>
      <c r="C72031" s="1" t="s">
        <v>125</v>
      </c>
      <c r="D72031" s="1" t="s">
        <v>240940</v>
      </c>
      <c r="E72031" s="1" t="s">
        <v>240941</v>
      </c>
      <c r="F72031" s="1" t="s">
        <v>240942</v>
      </c>
      <c r="G72031" s="1" t="s">
        <v>240859</v>
      </c>
      <c r="H72031" s="1" t="s">
        <v>240860</v>
      </c>
      <c r="I72031" s="1" t="s">
        <v>222698</v>
      </c>
      <c r="J72031" s="1" t="s">
        <v>240943</v>
      </c>
    </row>
    <row r="72032" spans="1:10" x14ac:dyDescent="0.35">
      <c r="A72032" s="1" t="s">
        <v>10114</v>
      </c>
      <c r="B72032" s="1" t="s">
        <v>222693</v>
      </c>
      <c r="C72032" s="1" t="s">
        <v>130</v>
      </c>
      <c r="D72032" s="1" t="s">
        <v>231609</v>
      </c>
      <c r="E72032" s="1" t="s">
        <v>240944</v>
      </c>
      <c r="F72032" s="1" t="s">
        <v>240945</v>
      </c>
      <c r="G72032" s="1" t="s">
        <v>240859</v>
      </c>
      <c r="H72032" s="1" t="s">
        <v>240860</v>
      </c>
      <c r="I72032" s="1" t="s">
        <v>222698</v>
      </c>
      <c r="J72032" s="1" t="s">
        <v>240946</v>
      </c>
    </row>
    <row r="72033" spans="1:10" x14ac:dyDescent="0.35">
      <c r="A72033" s="1" t="s">
        <v>10114</v>
      </c>
      <c r="B72033" s="1" t="s">
        <v>222693</v>
      </c>
      <c r="C72033" s="1" t="s">
        <v>135</v>
      </c>
      <c r="D72033" s="1" t="s">
        <v>240947</v>
      </c>
      <c r="E72033" s="1" t="s">
        <v>240948</v>
      </c>
      <c r="F72033" s="1" t="s">
        <v>240949</v>
      </c>
      <c r="G72033" s="1" t="s">
        <v>240859</v>
      </c>
      <c r="H72033" s="1" t="s">
        <v>240860</v>
      </c>
      <c r="I72033" s="1" t="s">
        <v>222698</v>
      </c>
      <c r="J72033" s="1" t="s">
        <v>240950</v>
      </c>
    </row>
    <row r="72034" spans="1:10" x14ac:dyDescent="0.35">
      <c r="A72034" s="1" t="s">
        <v>10114</v>
      </c>
      <c r="B72034" s="1" t="s">
        <v>222693</v>
      </c>
      <c r="C72034" s="1" t="s">
        <v>140</v>
      </c>
      <c r="D72034" s="1" t="s">
        <v>240951</v>
      </c>
      <c r="E72034" s="1" t="s">
        <v>240952</v>
      </c>
      <c r="F72034" s="1" t="s">
        <v>240953</v>
      </c>
      <c r="G72034" s="1" t="s">
        <v>240859</v>
      </c>
      <c r="H72034" s="1" t="s">
        <v>240860</v>
      </c>
      <c r="I72034" s="1" t="s">
        <v>222698</v>
      </c>
      <c r="J72034" s="1" t="s">
        <v>240954</v>
      </c>
    </row>
    <row r="72035" spans="1:10" x14ac:dyDescent="0.35">
      <c r="A72035" s="1" t="s">
        <v>10114</v>
      </c>
      <c r="B72035" s="1" t="s">
        <v>222693</v>
      </c>
      <c r="C72035" s="1" t="s">
        <v>145</v>
      </c>
      <c r="D72035" s="1" t="s">
        <v>240955</v>
      </c>
      <c r="E72035" s="1" t="s">
        <v>240956</v>
      </c>
      <c r="F72035" s="1" t="s">
        <v>240957</v>
      </c>
      <c r="G72035" s="1" t="s">
        <v>240859</v>
      </c>
      <c r="H72035" s="1" t="s">
        <v>240860</v>
      </c>
      <c r="I72035" s="1" t="s">
        <v>222698</v>
      </c>
      <c r="J72035" s="1" t="s">
        <v>240958</v>
      </c>
    </row>
    <row r="72036" spans="1:10" x14ac:dyDescent="0.35">
      <c r="A72036" s="1" t="s">
        <v>10114</v>
      </c>
      <c r="B72036" s="1" t="s">
        <v>222693</v>
      </c>
      <c r="C72036" s="1" t="s">
        <v>150</v>
      </c>
      <c r="D72036" s="1" t="s">
        <v>240959</v>
      </c>
      <c r="E72036" s="1" t="s">
        <v>240960</v>
      </c>
      <c r="F72036" s="1" t="s">
        <v>240961</v>
      </c>
      <c r="G72036" s="1" t="s">
        <v>240859</v>
      </c>
      <c r="H72036" s="1" t="s">
        <v>240860</v>
      </c>
      <c r="I72036" s="1" t="s">
        <v>222698</v>
      </c>
      <c r="J72036" s="1" t="s">
        <v>240962</v>
      </c>
    </row>
    <row r="72037" spans="1:10" x14ac:dyDescent="0.35">
      <c r="A72037" s="1" t="s">
        <v>10114</v>
      </c>
      <c r="B72037" s="1" t="s">
        <v>222693</v>
      </c>
      <c r="C72037" s="1" t="s">
        <v>155</v>
      </c>
      <c r="D72037" s="1" t="s">
        <v>240963</v>
      </c>
      <c r="E72037" s="1" t="s">
        <v>240964</v>
      </c>
      <c r="F72037" s="1" t="s">
        <v>240965</v>
      </c>
      <c r="G72037" s="1" t="s">
        <v>240859</v>
      </c>
      <c r="H72037" s="1" t="s">
        <v>240860</v>
      </c>
      <c r="I72037" s="1" t="s">
        <v>222698</v>
      </c>
      <c r="J72037" s="1" t="s">
        <v>240966</v>
      </c>
    </row>
    <row r="72038" spans="1:10" x14ac:dyDescent="0.35">
      <c r="A72038" s="1" t="s">
        <v>10114</v>
      </c>
      <c r="B72038" s="1" t="s">
        <v>222693</v>
      </c>
      <c r="C72038" s="1" t="s">
        <v>160</v>
      </c>
      <c r="D72038" s="1" t="s">
        <v>240967</v>
      </c>
      <c r="E72038" s="1" t="s">
        <v>240968</v>
      </c>
      <c r="F72038" s="1" t="s">
        <v>240969</v>
      </c>
      <c r="G72038" s="1" t="s">
        <v>240859</v>
      </c>
      <c r="H72038" s="1" t="s">
        <v>240860</v>
      </c>
      <c r="I72038" s="1" t="s">
        <v>222698</v>
      </c>
      <c r="J72038" s="1" t="s">
        <v>240970</v>
      </c>
    </row>
    <row r="72039" spans="1:10" x14ac:dyDescent="0.35">
      <c r="A72039" s="1" t="s">
        <v>10114</v>
      </c>
      <c r="B72039" s="1" t="s">
        <v>222693</v>
      </c>
      <c r="C72039" s="1" t="s">
        <v>165</v>
      </c>
      <c r="D72039" s="1" t="s">
        <v>240971</v>
      </c>
      <c r="E72039" s="1" t="s">
        <v>240972</v>
      </c>
      <c r="F72039" s="1" t="s">
        <v>240973</v>
      </c>
      <c r="G72039" s="1" t="s">
        <v>240859</v>
      </c>
      <c r="H72039" s="1" t="s">
        <v>240860</v>
      </c>
      <c r="I72039" s="1" t="s">
        <v>222698</v>
      </c>
      <c r="J72039" s="1" t="s">
        <v>240974</v>
      </c>
    </row>
    <row r="72040" spans="1:10" x14ac:dyDescent="0.35">
      <c r="A72040" s="1" t="s">
        <v>10114</v>
      </c>
      <c r="B72040" s="1" t="s">
        <v>222693</v>
      </c>
      <c r="C72040" s="1" t="s">
        <v>170</v>
      </c>
      <c r="D72040" s="1" t="s">
        <v>240975</v>
      </c>
      <c r="E72040" s="1" t="s">
        <v>240976</v>
      </c>
      <c r="F72040" s="1" t="s">
        <v>240977</v>
      </c>
      <c r="G72040" s="1" t="s">
        <v>240859</v>
      </c>
      <c r="H72040" s="1" t="s">
        <v>240860</v>
      </c>
      <c r="I72040" s="1" t="s">
        <v>222698</v>
      </c>
      <c r="J72040" s="1" t="s">
        <v>240978</v>
      </c>
    </row>
    <row r="72041" spans="1:10" x14ac:dyDescent="0.35">
      <c r="A72041" s="1" t="s">
        <v>146269</v>
      </c>
      <c r="B72041" s="1" t="s">
        <v>222693</v>
      </c>
      <c r="C72041" s="1" t="s">
        <v>8</v>
      </c>
      <c r="D72041" s="1" t="s">
        <v>65429</v>
      </c>
      <c r="E72041" s="1" t="s">
        <v>240979</v>
      </c>
      <c r="F72041" s="1" t="s">
        <v>240980</v>
      </c>
      <c r="G72041" s="1" t="s">
        <v>240981</v>
      </c>
      <c r="H72041" s="1" t="s">
        <v>240982</v>
      </c>
      <c r="I72041" s="1" t="s">
        <v>222698</v>
      </c>
      <c r="J72041" s="1" t="s">
        <v>13</v>
      </c>
    </row>
    <row r="72042" spans="1:10" x14ac:dyDescent="0.35">
      <c r="A72042" s="1" t="s">
        <v>146269</v>
      </c>
      <c r="B72042" s="1" t="s">
        <v>222693</v>
      </c>
      <c r="C72042" s="1" t="s">
        <v>15</v>
      </c>
      <c r="D72042" s="1" t="s">
        <v>133432</v>
      </c>
      <c r="E72042" s="1" t="s">
        <v>240983</v>
      </c>
      <c r="F72042" s="1" t="s">
        <v>240984</v>
      </c>
      <c r="G72042" s="1" t="s">
        <v>240981</v>
      </c>
      <c r="H72042" s="1" t="s">
        <v>240982</v>
      </c>
      <c r="I72042" s="1" t="s">
        <v>222698</v>
      </c>
      <c r="J72042" s="1" t="s">
        <v>240985</v>
      </c>
    </row>
    <row r="72043" spans="1:10" x14ac:dyDescent="0.35">
      <c r="A72043" s="1" t="s">
        <v>146269</v>
      </c>
      <c r="B72043" s="1" t="s">
        <v>222693</v>
      </c>
      <c r="C72043" s="1" t="s">
        <v>20</v>
      </c>
      <c r="D72043" s="1" t="s">
        <v>83910</v>
      </c>
      <c r="E72043" s="1" t="s">
        <v>240986</v>
      </c>
      <c r="F72043" s="1" t="s">
        <v>240987</v>
      </c>
      <c r="G72043" s="1" t="s">
        <v>240981</v>
      </c>
      <c r="H72043" s="1" t="s">
        <v>240982</v>
      </c>
      <c r="I72043" s="1" t="s">
        <v>222698</v>
      </c>
      <c r="J72043" s="1" t="s">
        <v>240988</v>
      </c>
    </row>
    <row r="72044" spans="1:10" x14ac:dyDescent="0.35">
      <c r="A72044" s="1" t="s">
        <v>146269</v>
      </c>
      <c r="B72044" s="1" t="s">
        <v>222693</v>
      </c>
      <c r="C72044" s="1" t="s">
        <v>25</v>
      </c>
      <c r="D72044" s="1" t="s">
        <v>137078</v>
      </c>
      <c r="E72044" s="1" t="s">
        <v>240989</v>
      </c>
      <c r="F72044" s="1" t="s">
        <v>240990</v>
      </c>
      <c r="G72044" s="1" t="s">
        <v>240981</v>
      </c>
      <c r="H72044" s="1" t="s">
        <v>240982</v>
      </c>
      <c r="I72044" s="1" t="s">
        <v>222698</v>
      </c>
      <c r="J72044" s="1" t="s">
        <v>240991</v>
      </c>
    </row>
    <row r="72045" spans="1:10" x14ac:dyDescent="0.35">
      <c r="A72045" s="1" t="s">
        <v>146269</v>
      </c>
      <c r="B72045" s="1" t="s">
        <v>222693</v>
      </c>
      <c r="C72045" s="1" t="s">
        <v>30</v>
      </c>
      <c r="D72045" s="1" t="s">
        <v>79875</v>
      </c>
      <c r="E72045" s="1" t="s">
        <v>240992</v>
      </c>
      <c r="F72045" s="1" t="s">
        <v>240993</v>
      </c>
      <c r="G72045" s="1" t="s">
        <v>240981</v>
      </c>
      <c r="H72045" s="1" t="s">
        <v>240982</v>
      </c>
      <c r="I72045" s="1" t="s">
        <v>222698</v>
      </c>
      <c r="J72045" s="1" t="s">
        <v>240994</v>
      </c>
    </row>
    <row r="72046" spans="1:10" x14ac:dyDescent="0.35">
      <c r="A72046" s="1" t="s">
        <v>146269</v>
      </c>
      <c r="B72046" s="1" t="s">
        <v>222693</v>
      </c>
      <c r="C72046" s="1" t="s">
        <v>35</v>
      </c>
      <c r="D72046" s="1" t="s">
        <v>21916</v>
      </c>
      <c r="E72046" s="1" t="s">
        <v>240995</v>
      </c>
      <c r="F72046" s="1" t="s">
        <v>240996</v>
      </c>
      <c r="G72046" s="1" t="s">
        <v>240981</v>
      </c>
      <c r="H72046" s="1" t="s">
        <v>240982</v>
      </c>
      <c r="I72046" s="1" t="s">
        <v>222698</v>
      </c>
      <c r="J72046" s="1" t="s">
        <v>240997</v>
      </c>
    </row>
    <row r="72047" spans="1:10" x14ac:dyDescent="0.35">
      <c r="A72047" s="1" t="s">
        <v>146269</v>
      </c>
      <c r="B72047" s="1" t="s">
        <v>222693</v>
      </c>
      <c r="C72047" s="1" t="s">
        <v>40</v>
      </c>
      <c r="D72047" s="1" t="s">
        <v>229704</v>
      </c>
      <c r="E72047" s="1" t="s">
        <v>240998</v>
      </c>
      <c r="F72047" s="1" t="s">
        <v>240999</v>
      </c>
      <c r="G72047" s="1" t="s">
        <v>240981</v>
      </c>
      <c r="H72047" s="1" t="s">
        <v>240982</v>
      </c>
      <c r="I72047" s="1" t="s">
        <v>222698</v>
      </c>
      <c r="J72047" s="1" t="s">
        <v>241000</v>
      </c>
    </row>
    <row r="72048" spans="1:10" x14ac:dyDescent="0.35">
      <c r="A72048" s="1" t="s">
        <v>146269</v>
      </c>
      <c r="B72048" s="1" t="s">
        <v>222693</v>
      </c>
      <c r="C72048" s="1" t="s">
        <v>45</v>
      </c>
      <c r="D72048" s="1" t="s">
        <v>56569</v>
      </c>
      <c r="E72048" s="1" t="s">
        <v>241001</v>
      </c>
      <c r="F72048" s="1" t="s">
        <v>241002</v>
      </c>
      <c r="G72048" s="1" t="s">
        <v>240981</v>
      </c>
      <c r="H72048" s="1" t="s">
        <v>240982</v>
      </c>
      <c r="I72048" s="1" t="s">
        <v>222698</v>
      </c>
      <c r="J72048" s="1" t="s">
        <v>241003</v>
      </c>
    </row>
    <row r="72049" spans="1:10" x14ac:dyDescent="0.35">
      <c r="A72049" s="1" t="s">
        <v>146269</v>
      </c>
      <c r="B72049" s="1" t="s">
        <v>222693</v>
      </c>
      <c r="C72049" s="1" t="s">
        <v>50</v>
      </c>
      <c r="D72049" s="1" t="s">
        <v>241004</v>
      </c>
      <c r="E72049" s="1" t="s">
        <v>241005</v>
      </c>
      <c r="F72049" s="1" t="s">
        <v>241006</v>
      </c>
      <c r="G72049" s="1" t="s">
        <v>240981</v>
      </c>
      <c r="H72049" s="1" t="s">
        <v>240982</v>
      </c>
      <c r="I72049" s="1" t="s">
        <v>222698</v>
      </c>
      <c r="J72049" s="1" t="s">
        <v>241007</v>
      </c>
    </row>
    <row r="72050" spans="1:10" x14ac:dyDescent="0.35">
      <c r="A72050" s="1" t="s">
        <v>146269</v>
      </c>
      <c r="B72050" s="1" t="s">
        <v>222693</v>
      </c>
      <c r="C72050" s="1" t="s">
        <v>55</v>
      </c>
      <c r="D72050" s="1" t="s">
        <v>227152</v>
      </c>
      <c r="E72050" s="1" t="s">
        <v>241008</v>
      </c>
      <c r="F72050" s="1" t="s">
        <v>241009</v>
      </c>
      <c r="G72050" s="1" t="s">
        <v>240981</v>
      </c>
      <c r="H72050" s="1" t="s">
        <v>240982</v>
      </c>
      <c r="I72050" s="1" t="s">
        <v>222698</v>
      </c>
      <c r="J72050" s="1" t="s">
        <v>241010</v>
      </c>
    </row>
    <row r="72051" spans="1:10" x14ac:dyDescent="0.35">
      <c r="A72051" s="1" t="s">
        <v>146269</v>
      </c>
      <c r="B72051" s="1" t="s">
        <v>222693</v>
      </c>
      <c r="C72051" s="1" t="s">
        <v>60</v>
      </c>
      <c r="D72051" s="1" t="s">
        <v>64096</v>
      </c>
      <c r="E72051" s="1" t="s">
        <v>241011</v>
      </c>
      <c r="F72051" s="1" t="s">
        <v>241012</v>
      </c>
      <c r="G72051" s="1" t="s">
        <v>240981</v>
      </c>
      <c r="H72051" s="1" t="s">
        <v>240982</v>
      </c>
      <c r="I72051" s="1" t="s">
        <v>222698</v>
      </c>
      <c r="J72051" s="1" t="s">
        <v>241013</v>
      </c>
    </row>
    <row r="72052" spans="1:10" x14ac:dyDescent="0.35">
      <c r="A72052" s="1" t="s">
        <v>146269</v>
      </c>
      <c r="B72052" s="1" t="s">
        <v>222693</v>
      </c>
      <c r="C72052" s="1" t="s">
        <v>65</v>
      </c>
      <c r="D72052" s="1" t="s">
        <v>241014</v>
      </c>
      <c r="E72052" s="1" t="s">
        <v>241015</v>
      </c>
      <c r="F72052" s="1" t="s">
        <v>241016</v>
      </c>
      <c r="G72052" s="1" t="s">
        <v>240981</v>
      </c>
      <c r="H72052" s="1" t="s">
        <v>240982</v>
      </c>
      <c r="I72052" s="1" t="s">
        <v>222698</v>
      </c>
      <c r="J72052" s="1" t="s">
        <v>241017</v>
      </c>
    </row>
    <row r="72053" spans="1:10" x14ac:dyDescent="0.35">
      <c r="A72053" s="1" t="s">
        <v>146269</v>
      </c>
      <c r="B72053" s="1" t="s">
        <v>222693</v>
      </c>
      <c r="C72053" s="1" t="s">
        <v>70</v>
      </c>
      <c r="D72053" s="1" t="s">
        <v>241018</v>
      </c>
      <c r="E72053" s="1" t="s">
        <v>241019</v>
      </c>
      <c r="F72053" s="1" t="s">
        <v>241020</v>
      </c>
      <c r="G72053" s="1" t="s">
        <v>240981</v>
      </c>
      <c r="H72053" s="1" t="s">
        <v>240982</v>
      </c>
      <c r="I72053" s="1" t="s">
        <v>222698</v>
      </c>
      <c r="J72053" s="1" t="s">
        <v>241021</v>
      </c>
    </row>
    <row r="72054" spans="1:10" x14ac:dyDescent="0.35">
      <c r="A72054" s="1" t="s">
        <v>146269</v>
      </c>
      <c r="B72054" s="1" t="s">
        <v>222693</v>
      </c>
      <c r="C72054" s="1" t="s">
        <v>75</v>
      </c>
      <c r="D72054" s="1" t="s">
        <v>228218</v>
      </c>
      <c r="E72054" s="1" t="s">
        <v>241022</v>
      </c>
      <c r="F72054" s="1" t="s">
        <v>241023</v>
      </c>
      <c r="G72054" s="1" t="s">
        <v>240981</v>
      </c>
      <c r="H72054" s="1" t="s">
        <v>240982</v>
      </c>
      <c r="I72054" s="1" t="s">
        <v>222698</v>
      </c>
      <c r="J72054" s="1" t="s">
        <v>241024</v>
      </c>
    </row>
    <row r="72055" spans="1:10" x14ac:dyDescent="0.35">
      <c r="A72055" s="1" t="s">
        <v>146269</v>
      </c>
      <c r="B72055" s="1" t="s">
        <v>222693</v>
      </c>
      <c r="C72055" s="1" t="s">
        <v>80</v>
      </c>
      <c r="D72055" s="1" t="s">
        <v>70141</v>
      </c>
      <c r="E72055" s="1" t="s">
        <v>241025</v>
      </c>
      <c r="F72055" s="1" t="s">
        <v>15677</v>
      </c>
      <c r="G72055" s="1" t="s">
        <v>240981</v>
      </c>
      <c r="H72055" s="1" t="s">
        <v>240982</v>
      </c>
      <c r="I72055" s="1" t="s">
        <v>222698</v>
      </c>
      <c r="J72055" s="1" t="s">
        <v>241026</v>
      </c>
    </row>
    <row r="72056" spans="1:10" x14ac:dyDescent="0.35">
      <c r="A72056" s="1" t="s">
        <v>146269</v>
      </c>
      <c r="B72056" s="1" t="s">
        <v>222693</v>
      </c>
      <c r="C72056" s="1" t="s">
        <v>85</v>
      </c>
      <c r="D72056" s="1" t="s">
        <v>60561</v>
      </c>
      <c r="E72056" s="1" t="s">
        <v>241027</v>
      </c>
      <c r="F72056" s="1" t="s">
        <v>241028</v>
      </c>
      <c r="G72056" s="1" t="s">
        <v>240981</v>
      </c>
      <c r="H72056" s="1" t="s">
        <v>240982</v>
      </c>
      <c r="I72056" s="1" t="s">
        <v>222698</v>
      </c>
      <c r="J72056" s="1" t="s">
        <v>241029</v>
      </c>
    </row>
    <row r="72057" spans="1:10" x14ac:dyDescent="0.35">
      <c r="A72057" s="1" t="s">
        <v>146269</v>
      </c>
      <c r="B72057" s="1" t="s">
        <v>222693</v>
      </c>
      <c r="C72057" s="1" t="s">
        <v>90</v>
      </c>
      <c r="D72057" s="1" t="s">
        <v>39560</v>
      </c>
      <c r="E72057" s="1" t="s">
        <v>241030</v>
      </c>
      <c r="F72057" s="1" t="s">
        <v>241031</v>
      </c>
      <c r="G72057" s="1" t="s">
        <v>240981</v>
      </c>
      <c r="H72057" s="1" t="s">
        <v>240982</v>
      </c>
      <c r="I72057" s="1" t="s">
        <v>222698</v>
      </c>
      <c r="J72057" s="1" t="s">
        <v>241032</v>
      </c>
    </row>
    <row r="72058" spans="1:10" x14ac:dyDescent="0.35">
      <c r="A72058" s="1" t="s">
        <v>146269</v>
      </c>
      <c r="B72058" s="1" t="s">
        <v>222693</v>
      </c>
      <c r="C72058" s="1" t="s">
        <v>95</v>
      </c>
      <c r="D72058" s="1" t="s">
        <v>241033</v>
      </c>
      <c r="E72058" s="1" t="s">
        <v>241034</v>
      </c>
      <c r="F72058" s="1" t="s">
        <v>241035</v>
      </c>
      <c r="G72058" s="1" t="s">
        <v>240981</v>
      </c>
      <c r="H72058" s="1" t="s">
        <v>240982</v>
      </c>
      <c r="I72058" s="1" t="s">
        <v>222698</v>
      </c>
      <c r="J72058" s="1" t="s">
        <v>241036</v>
      </c>
    </row>
    <row r="72059" spans="1:10" x14ac:dyDescent="0.35">
      <c r="A72059" s="1" t="s">
        <v>146269</v>
      </c>
      <c r="B72059" s="1" t="s">
        <v>222693</v>
      </c>
      <c r="C72059" s="1" t="s">
        <v>100</v>
      </c>
      <c r="D72059" s="1" t="s">
        <v>241037</v>
      </c>
      <c r="E72059" s="1" t="s">
        <v>241038</v>
      </c>
      <c r="F72059" s="1" t="s">
        <v>241039</v>
      </c>
      <c r="G72059" s="1" t="s">
        <v>240981</v>
      </c>
      <c r="H72059" s="1" t="s">
        <v>240982</v>
      </c>
      <c r="I72059" s="1" t="s">
        <v>222698</v>
      </c>
      <c r="J72059" s="1" t="s">
        <v>241040</v>
      </c>
    </row>
    <row r="72060" spans="1:10" x14ac:dyDescent="0.35">
      <c r="A72060" s="1" t="s">
        <v>146269</v>
      </c>
      <c r="B72060" s="1" t="s">
        <v>222693</v>
      </c>
      <c r="C72060" s="1" t="s">
        <v>105</v>
      </c>
      <c r="D72060" s="1" t="s">
        <v>21663</v>
      </c>
      <c r="E72060" s="1" t="s">
        <v>241041</v>
      </c>
      <c r="F72060" s="1" t="s">
        <v>241042</v>
      </c>
      <c r="G72060" s="1" t="s">
        <v>240981</v>
      </c>
      <c r="H72060" s="1" t="s">
        <v>240982</v>
      </c>
      <c r="I72060" s="1" t="s">
        <v>222698</v>
      </c>
      <c r="J72060" s="1" t="s">
        <v>241043</v>
      </c>
    </row>
    <row r="72061" spans="1:10" x14ac:dyDescent="0.35">
      <c r="A72061" s="1" t="s">
        <v>146269</v>
      </c>
      <c r="B72061" s="1" t="s">
        <v>222693</v>
      </c>
      <c r="C72061" s="1" t="s">
        <v>110</v>
      </c>
      <c r="D72061" s="1" t="s">
        <v>241044</v>
      </c>
      <c r="E72061" s="1" t="s">
        <v>241045</v>
      </c>
      <c r="F72061" s="1" t="s">
        <v>241046</v>
      </c>
      <c r="G72061" s="1" t="s">
        <v>240981</v>
      </c>
      <c r="H72061" s="1" t="s">
        <v>240982</v>
      </c>
      <c r="I72061" s="1" t="s">
        <v>222698</v>
      </c>
      <c r="J72061" s="1" t="s">
        <v>241047</v>
      </c>
    </row>
    <row r="72062" spans="1:10" x14ac:dyDescent="0.35">
      <c r="A72062" s="1" t="s">
        <v>146269</v>
      </c>
      <c r="B72062" s="1" t="s">
        <v>222693</v>
      </c>
      <c r="C72062" s="1" t="s">
        <v>115</v>
      </c>
      <c r="D72062" s="1" t="s">
        <v>241048</v>
      </c>
      <c r="E72062" s="1" t="s">
        <v>241049</v>
      </c>
      <c r="F72062" s="1" t="s">
        <v>241050</v>
      </c>
      <c r="G72062" s="1" t="s">
        <v>240981</v>
      </c>
      <c r="H72062" s="1" t="s">
        <v>240982</v>
      </c>
      <c r="I72062" s="1" t="s">
        <v>222698</v>
      </c>
      <c r="J72062" s="1" t="s">
        <v>241051</v>
      </c>
    </row>
    <row r="72063" spans="1:10" x14ac:dyDescent="0.35">
      <c r="A72063" s="1" t="s">
        <v>146269</v>
      </c>
      <c r="B72063" s="1" t="s">
        <v>222693</v>
      </c>
      <c r="C72063" s="1" t="s">
        <v>120</v>
      </c>
      <c r="D72063" s="1" t="s">
        <v>241052</v>
      </c>
      <c r="E72063" s="1" t="s">
        <v>241053</v>
      </c>
      <c r="F72063" s="1" t="s">
        <v>241054</v>
      </c>
      <c r="G72063" s="1" t="s">
        <v>240981</v>
      </c>
      <c r="H72063" s="1" t="s">
        <v>240982</v>
      </c>
      <c r="I72063" s="1" t="s">
        <v>222698</v>
      </c>
      <c r="J72063" s="1" t="s">
        <v>241055</v>
      </c>
    </row>
    <row r="72064" spans="1:10" x14ac:dyDescent="0.35">
      <c r="A72064" s="1" t="s">
        <v>146269</v>
      </c>
      <c r="B72064" s="1" t="s">
        <v>222693</v>
      </c>
      <c r="C72064" s="1" t="s">
        <v>125</v>
      </c>
      <c r="D72064" s="1" t="s">
        <v>127151</v>
      </c>
      <c r="E72064" s="1" t="s">
        <v>241056</v>
      </c>
      <c r="F72064" s="1" t="s">
        <v>241057</v>
      </c>
      <c r="G72064" s="1" t="s">
        <v>240981</v>
      </c>
      <c r="H72064" s="1" t="s">
        <v>240982</v>
      </c>
      <c r="I72064" s="1" t="s">
        <v>222698</v>
      </c>
      <c r="J72064" s="1" t="s">
        <v>241058</v>
      </c>
    </row>
    <row r="72065" spans="1:10" x14ac:dyDescent="0.35">
      <c r="A72065" s="1" t="s">
        <v>146269</v>
      </c>
      <c r="B72065" s="1" t="s">
        <v>222693</v>
      </c>
      <c r="C72065" s="1" t="s">
        <v>130</v>
      </c>
      <c r="D72065" s="1" t="s">
        <v>69500</v>
      </c>
      <c r="E72065" s="1" t="s">
        <v>241059</v>
      </c>
      <c r="F72065" s="1" t="s">
        <v>241060</v>
      </c>
      <c r="G72065" s="1" t="s">
        <v>240981</v>
      </c>
      <c r="H72065" s="1" t="s">
        <v>240982</v>
      </c>
      <c r="I72065" s="1" t="s">
        <v>222698</v>
      </c>
      <c r="J72065" s="1" t="s">
        <v>241061</v>
      </c>
    </row>
    <row r="72066" spans="1:10" x14ac:dyDescent="0.35">
      <c r="A72066" s="1" t="s">
        <v>146269</v>
      </c>
      <c r="B72066" s="1" t="s">
        <v>222693</v>
      </c>
      <c r="C72066" s="1" t="s">
        <v>135</v>
      </c>
      <c r="D72066" s="1" t="s">
        <v>241062</v>
      </c>
      <c r="E72066" s="1" t="s">
        <v>241063</v>
      </c>
      <c r="F72066" s="1" t="s">
        <v>241064</v>
      </c>
      <c r="G72066" s="1" t="s">
        <v>240981</v>
      </c>
      <c r="H72066" s="1" t="s">
        <v>240982</v>
      </c>
      <c r="I72066" s="1" t="s">
        <v>222698</v>
      </c>
      <c r="J72066" s="1" t="s">
        <v>241065</v>
      </c>
    </row>
    <row r="72067" spans="1:10" x14ac:dyDescent="0.35">
      <c r="A72067" s="1" t="s">
        <v>146269</v>
      </c>
      <c r="B72067" s="1" t="s">
        <v>222693</v>
      </c>
      <c r="C72067" s="1" t="s">
        <v>140</v>
      </c>
      <c r="D72067" s="1" t="s">
        <v>241066</v>
      </c>
      <c r="E72067" s="1" t="s">
        <v>241067</v>
      </c>
      <c r="F72067" s="1" t="s">
        <v>241068</v>
      </c>
      <c r="G72067" s="1" t="s">
        <v>240981</v>
      </c>
      <c r="H72067" s="1" t="s">
        <v>240982</v>
      </c>
      <c r="I72067" s="1" t="s">
        <v>222698</v>
      </c>
      <c r="J72067" s="1" t="s">
        <v>241069</v>
      </c>
    </row>
    <row r="72068" spans="1:10" x14ac:dyDescent="0.35">
      <c r="A72068" s="1" t="s">
        <v>146269</v>
      </c>
      <c r="B72068" s="1" t="s">
        <v>222693</v>
      </c>
      <c r="C72068" s="1" t="s">
        <v>145</v>
      </c>
      <c r="D72068" s="1" t="s">
        <v>27140</v>
      </c>
      <c r="E72068" s="1" t="s">
        <v>241070</v>
      </c>
      <c r="F72068" s="1" t="s">
        <v>241071</v>
      </c>
      <c r="G72068" s="1" t="s">
        <v>240981</v>
      </c>
      <c r="H72068" s="1" t="s">
        <v>240982</v>
      </c>
      <c r="I72068" s="1" t="s">
        <v>222698</v>
      </c>
      <c r="J72068" s="1" t="s">
        <v>241072</v>
      </c>
    </row>
    <row r="72069" spans="1:10" x14ac:dyDescent="0.35">
      <c r="A72069" s="1" t="s">
        <v>146269</v>
      </c>
      <c r="B72069" s="1" t="s">
        <v>222693</v>
      </c>
      <c r="C72069" s="1" t="s">
        <v>150</v>
      </c>
      <c r="D72069" s="1" t="s">
        <v>241073</v>
      </c>
      <c r="E72069" s="1" t="s">
        <v>241074</v>
      </c>
      <c r="F72069" s="1" t="s">
        <v>241075</v>
      </c>
      <c r="G72069" s="1" t="s">
        <v>240981</v>
      </c>
      <c r="H72069" s="1" t="s">
        <v>240982</v>
      </c>
      <c r="I72069" s="1" t="s">
        <v>222698</v>
      </c>
      <c r="J72069" s="1" t="s">
        <v>241076</v>
      </c>
    </row>
    <row r="72070" spans="1:10" x14ac:dyDescent="0.35">
      <c r="A72070" s="1" t="s">
        <v>146269</v>
      </c>
      <c r="B72070" s="1" t="s">
        <v>222693</v>
      </c>
      <c r="C72070" s="1" t="s">
        <v>155</v>
      </c>
      <c r="D72070" s="1" t="s">
        <v>241077</v>
      </c>
      <c r="E72070" s="1" t="s">
        <v>241078</v>
      </c>
      <c r="F72070" s="1" t="s">
        <v>241079</v>
      </c>
      <c r="G72070" s="1" t="s">
        <v>240981</v>
      </c>
      <c r="H72070" s="1" t="s">
        <v>240982</v>
      </c>
      <c r="I72070" s="1" t="s">
        <v>222698</v>
      </c>
      <c r="J72070" s="1" t="s">
        <v>241080</v>
      </c>
    </row>
    <row r="72071" spans="1:10" x14ac:dyDescent="0.35">
      <c r="A72071" s="1" t="s">
        <v>146269</v>
      </c>
      <c r="B72071" s="1" t="s">
        <v>222693</v>
      </c>
      <c r="C72071" s="1" t="s">
        <v>160</v>
      </c>
      <c r="D72071" s="1" t="s">
        <v>11187</v>
      </c>
      <c r="E72071" s="1" t="s">
        <v>241081</v>
      </c>
      <c r="F72071" s="1" t="s">
        <v>241082</v>
      </c>
      <c r="G72071" s="1" t="s">
        <v>240981</v>
      </c>
      <c r="H72071" s="1" t="s">
        <v>240982</v>
      </c>
      <c r="I72071" s="1" t="s">
        <v>222698</v>
      </c>
      <c r="J72071" s="1" t="s">
        <v>241083</v>
      </c>
    </row>
    <row r="72072" spans="1:10" x14ac:dyDescent="0.35">
      <c r="A72072" s="1" t="s">
        <v>146269</v>
      </c>
      <c r="B72072" s="1" t="s">
        <v>222693</v>
      </c>
      <c r="C72072" s="1" t="s">
        <v>165</v>
      </c>
      <c r="D72072" s="1" t="s">
        <v>241084</v>
      </c>
      <c r="E72072" s="1" t="s">
        <v>241085</v>
      </c>
      <c r="F72072" s="1" t="s">
        <v>241086</v>
      </c>
      <c r="G72072" s="1" t="s">
        <v>240981</v>
      </c>
      <c r="H72072" s="1" t="s">
        <v>240982</v>
      </c>
      <c r="I72072" s="1" t="s">
        <v>222698</v>
      </c>
      <c r="J72072" s="1" t="s">
        <v>241087</v>
      </c>
    </row>
    <row r="72073" spans="1:10" x14ac:dyDescent="0.35">
      <c r="A72073" s="1" t="s">
        <v>146269</v>
      </c>
      <c r="B72073" s="1" t="s">
        <v>222693</v>
      </c>
      <c r="C72073" s="1" t="s">
        <v>170</v>
      </c>
      <c r="D72073" s="1" t="s">
        <v>241088</v>
      </c>
      <c r="E72073" s="1" t="s">
        <v>241089</v>
      </c>
      <c r="F72073" s="1" t="s">
        <v>241090</v>
      </c>
      <c r="G72073" s="1" t="s">
        <v>240981</v>
      </c>
      <c r="H72073" s="1" t="s">
        <v>240982</v>
      </c>
      <c r="I72073" s="1" t="s">
        <v>222698</v>
      </c>
      <c r="J72073" s="1" t="s">
        <v>241091</v>
      </c>
    </row>
    <row r="72074" spans="1:10" x14ac:dyDescent="0.35">
      <c r="A72074" s="1" t="s">
        <v>145684</v>
      </c>
      <c r="B72074" s="1" t="s">
        <v>222693</v>
      </c>
      <c r="C72074" s="1" t="s">
        <v>8</v>
      </c>
      <c r="D72074" s="1" t="s">
        <v>139536</v>
      </c>
      <c r="E72074" s="1" t="s">
        <v>241092</v>
      </c>
      <c r="F72074" s="1" t="s">
        <v>241093</v>
      </c>
      <c r="G72074" s="1" t="s">
        <v>241094</v>
      </c>
      <c r="H72074" s="1" t="s">
        <v>241095</v>
      </c>
      <c r="I72074" s="1" t="s">
        <v>222698</v>
      </c>
      <c r="J72074" s="1" t="s">
        <v>13</v>
      </c>
    </row>
    <row r="72075" spans="1:10" x14ac:dyDescent="0.35">
      <c r="A72075" s="1" t="s">
        <v>145684</v>
      </c>
      <c r="B72075" s="1" t="s">
        <v>222693</v>
      </c>
      <c r="C72075" s="1" t="s">
        <v>15</v>
      </c>
      <c r="D72075" s="1" t="s">
        <v>87779</v>
      </c>
      <c r="E72075" s="1" t="s">
        <v>241096</v>
      </c>
      <c r="F72075" s="1" t="s">
        <v>241097</v>
      </c>
      <c r="G72075" s="1" t="s">
        <v>241094</v>
      </c>
      <c r="H72075" s="1" t="s">
        <v>241095</v>
      </c>
      <c r="I72075" s="1" t="s">
        <v>222698</v>
      </c>
      <c r="J72075" s="1" t="s">
        <v>241098</v>
      </c>
    </row>
    <row r="72076" spans="1:10" x14ac:dyDescent="0.35">
      <c r="A72076" s="1" t="s">
        <v>145684</v>
      </c>
      <c r="B72076" s="1" t="s">
        <v>222693</v>
      </c>
      <c r="C72076" s="1" t="s">
        <v>20</v>
      </c>
      <c r="D72076" s="1" t="s">
        <v>137174</v>
      </c>
      <c r="E72076" s="1" t="s">
        <v>241099</v>
      </c>
      <c r="F72076" s="1" t="s">
        <v>241100</v>
      </c>
      <c r="G72076" s="1" t="s">
        <v>241094</v>
      </c>
      <c r="H72076" s="1" t="s">
        <v>241095</v>
      </c>
      <c r="I72076" s="1" t="s">
        <v>222698</v>
      </c>
      <c r="J72076" s="1" t="s">
        <v>241101</v>
      </c>
    </row>
    <row r="72077" spans="1:10" x14ac:dyDescent="0.35">
      <c r="A72077" s="1" t="s">
        <v>145684</v>
      </c>
      <c r="B72077" s="1" t="s">
        <v>222693</v>
      </c>
      <c r="C72077" s="1" t="s">
        <v>25</v>
      </c>
      <c r="D72077" s="1" t="s">
        <v>166688</v>
      </c>
      <c r="E72077" s="1" t="s">
        <v>241102</v>
      </c>
      <c r="F72077" s="1" t="s">
        <v>241103</v>
      </c>
      <c r="G72077" s="1" t="s">
        <v>241094</v>
      </c>
      <c r="H72077" s="1" t="s">
        <v>241095</v>
      </c>
      <c r="I72077" s="1" t="s">
        <v>222698</v>
      </c>
      <c r="J72077" s="1" t="s">
        <v>241104</v>
      </c>
    </row>
    <row r="72078" spans="1:10" x14ac:dyDescent="0.35">
      <c r="A72078" s="1" t="s">
        <v>145684</v>
      </c>
      <c r="B72078" s="1" t="s">
        <v>222693</v>
      </c>
      <c r="C72078" s="1" t="s">
        <v>30</v>
      </c>
      <c r="D72078" s="1" t="s">
        <v>136188</v>
      </c>
      <c r="E72078" s="1" t="s">
        <v>241105</v>
      </c>
      <c r="F72078" s="1" t="s">
        <v>241106</v>
      </c>
      <c r="G72078" s="1" t="s">
        <v>241094</v>
      </c>
      <c r="H72078" s="1" t="s">
        <v>241095</v>
      </c>
      <c r="I72078" s="1" t="s">
        <v>222698</v>
      </c>
      <c r="J72078" s="1" t="s">
        <v>241107</v>
      </c>
    </row>
    <row r="72079" spans="1:10" x14ac:dyDescent="0.35">
      <c r="A72079" s="1" t="s">
        <v>145684</v>
      </c>
      <c r="B72079" s="1" t="s">
        <v>222693</v>
      </c>
      <c r="C72079" s="1" t="s">
        <v>35</v>
      </c>
      <c r="D72079" s="1" t="s">
        <v>241108</v>
      </c>
      <c r="E72079" s="1" t="s">
        <v>241109</v>
      </c>
      <c r="F72079" s="1" t="s">
        <v>241110</v>
      </c>
      <c r="G72079" s="1" t="s">
        <v>241094</v>
      </c>
      <c r="H72079" s="1" t="s">
        <v>241095</v>
      </c>
      <c r="I72079" s="1" t="s">
        <v>222698</v>
      </c>
      <c r="J72079" s="1" t="s">
        <v>241111</v>
      </c>
    </row>
    <row r="72080" spans="1:10" x14ac:dyDescent="0.35">
      <c r="A72080" s="1" t="s">
        <v>145684</v>
      </c>
      <c r="B72080" s="1" t="s">
        <v>222693</v>
      </c>
      <c r="C72080" s="1" t="s">
        <v>40</v>
      </c>
      <c r="D72080" s="1" t="s">
        <v>56809</v>
      </c>
      <c r="E72080" s="1" t="s">
        <v>241112</v>
      </c>
      <c r="F72080" s="1" t="s">
        <v>241113</v>
      </c>
      <c r="G72080" s="1" t="s">
        <v>241094</v>
      </c>
      <c r="H72080" s="1" t="s">
        <v>241095</v>
      </c>
      <c r="I72080" s="1" t="s">
        <v>222698</v>
      </c>
      <c r="J72080" s="1" t="s">
        <v>241114</v>
      </c>
    </row>
    <row r="72081" spans="1:10" x14ac:dyDescent="0.35">
      <c r="A72081" s="1" t="s">
        <v>145684</v>
      </c>
      <c r="B72081" s="1" t="s">
        <v>222693</v>
      </c>
      <c r="C72081" s="1" t="s">
        <v>45</v>
      </c>
      <c r="D72081" s="1" t="s">
        <v>241115</v>
      </c>
      <c r="E72081" s="1" t="s">
        <v>241116</v>
      </c>
      <c r="F72081" s="1" t="s">
        <v>241117</v>
      </c>
      <c r="G72081" s="1" t="s">
        <v>241094</v>
      </c>
      <c r="H72081" s="1" t="s">
        <v>241095</v>
      </c>
      <c r="I72081" s="1" t="s">
        <v>222698</v>
      </c>
      <c r="J72081" s="1" t="s">
        <v>241118</v>
      </c>
    </row>
    <row r="72082" spans="1:10" x14ac:dyDescent="0.35">
      <c r="A72082" s="1" t="s">
        <v>145684</v>
      </c>
      <c r="B72082" s="1" t="s">
        <v>222693</v>
      </c>
      <c r="C72082" s="1" t="s">
        <v>50</v>
      </c>
      <c r="D72082" s="1" t="s">
        <v>21897</v>
      </c>
      <c r="E72082" s="1" t="s">
        <v>241119</v>
      </c>
      <c r="F72082" s="1" t="s">
        <v>241120</v>
      </c>
      <c r="G72082" s="1" t="s">
        <v>241094</v>
      </c>
      <c r="H72082" s="1" t="s">
        <v>241095</v>
      </c>
      <c r="I72082" s="1" t="s">
        <v>222698</v>
      </c>
      <c r="J72082" s="1" t="s">
        <v>241121</v>
      </c>
    </row>
    <row r="72083" spans="1:10" x14ac:dyDescent="0.35">
      <c r="A72083" s="1" t="s">
        <v>145684</v>
      </c>
      <c r="B72083" s="1" t="s">
        <v>222693</v>
      </c>
      <c r="C72083" s="1" t="s">
        <v>55</v>
      </c>
      <c r="D72083" s="1" t="s">
        <v>241122</v>
      </c>
      <c r="E72083" s="1" t="s">
        <v>241123</v>
      </c>
      <c r="F72083" s="1" t="s">
        <v>241124</v>
      </c>
      <c r="G72083" s="1" t="s">
        <v>241094</v>
      </c>
      <c r="H72083" s="1" t="s">
        <v>241095</v>
      </c>
      <c r="I72083" s="1" t="s">
        <v>222698</v>
      </c>
      <c r="J72083" s="1" t="s">
        <v>241125</v>
      </c>
    </row>
    <row r="72084" spans="1:10" x14ac:dyDescent="0.35">
      <c r="A72084" s="1" t="s">
        <v>145684</v>
      </c>
      <c r="B72084" s="1" t="s">
        <v>222693</v>
      </c>
      <c r="C72084" s="1" t="s">
        <v>60</v>
      </c>
      <c r="D72084" s="1" t="s">
        <v>56350</v>
      </c>
      <c r="E72084" s="1" t="s">
        <v>241126</v>
      </c>
      <c r="F72084" s="1" t="s">
        <v>241127</v>
      </c>
      <c r="G72084" s="1" t="s">
        <v>241094</v>
      </c>
      <c r="H72084" s="1" t="s">
        <v>241095</v>
      </c>
      <c r="I72084" s="1" t="s">
        <v>222698</v>
      </c>
      <c r="J72084" s="1" t="s">
        <v>241128</v>
      </c>
    </row>
    <row r="72085" spans="1:10" x14ac:dyDescent="0.35">
      <c r="A72085" s="1" t="s">
        <v>145684</v>
      </c>
      <c r="B72085" s="1" t="s">
        <v>222693</v>
      </c>
      <c r="C72085" s="1" t="s">
        <v>65</v>
      </c>
      <c r="D72085" s="1" t="s">
        <v>241129</v>
      </c>
      <c r="E72085" s="1" t="s">
        <v>241130</v>
      </c>
      <c r="F72085" s="1" t="s">
        <v>241131</v>
      </c>
      <c r="G72085" s="1" t="s">
        <v>241094</v>
      </c>
      <c r="H72085" s="1" t="s">
        <v>241095</v>
      </c>
      <c r="I72085" s="1" t="s">
        <v>222698</v>
      </c>
      <c r="J72085" s="1" t="s">
        <v>241132</v>
      </c>
    </row>
    <row r="72086" spans="1:10" x14ac:dyDescent="0.35">
      <c r="A72086" s="1" t="s">
        <v>145684</v>
      </c>
      <c r="B72086" s="1" t="s">
        <v>222693</v>
      </c>
      <c r="C72086" s="1" t="s">
        <v>70</v>
      </c>
      <c r="D72086" s="1" t="s">
        <v>138350</v>
      </c>
      <c r="E72086" s="1" t="s">
        <v>241133</v>
      </c>
      <c r="F72086" s="1" t="s">
        <v>241134</v>
      </c>
      <c r="G72086" s="1" t="s">
        <v>241094</v>
      </c>
      <c r="H72086" s="1" t="s">
        <v>241095</v>
      </c>
      <c r="I72086" s="1" t="s">
        <v>222698</v>
      </c>
      <c r="J72086" s="1" t="s">
        <v>241135</v>
      </c>
    </row>
    <row r="72087" spans="1:10" x14ac:dyDescent="0.35">
      <c r="A72087" s="1" t="s">
        <v>145684</v>
      </c>
      <c r="B72087" s="1" t="s">
        <v>222693</v>
      </c>
      <c r="C72087" s="1" t="s">
        <v>75</v>
      </c>
      <c r="D72087" s="1" t="s">
        <v>225428</v>
      </c>
      <c r="E72087" s="1" t="s">
        <v>241136</v>
      </c>
      <c r="F72087" s="1" t="s">
        <v>241137</v>
      </c>
      <c r="G72087" s="1" t="s">
        <v>241094</v>
      </c>
      <c r="H72087" s="1" t="s">
        <v>241095</v>
      </c>
      <c r="I72087" s="1" t="s">
        <v>222698</v>
      </c>
      <c r="J72087" s="1" t="s">
        <v>151886</v>
      </c>
    </row>
    <row r="72088" spans="1:10" x14ac:dyDescent="0.35">
      <c r="A72088" s="1" t="s">
        <v>145684</v>
      </c>
      <c r="B72088" s="1" t="s">
        <v>222693</v>
      </c>
      <c r="C72088" s="1" t="s">
        <v>80</v>
      </c>
      <c r="D72088" s="1" t="s">
        <v>241138</v>
      </c>
      <c r="E72088" s="1" t="s">
        <v>241139</v>
      </c>
      <c r="F72088" s="1" t="s">
        <v>241140</v>
      </c>
      <c r="G72088" s="1" t="s">
        <v>241094</v>
      </c>
      <c r="H72088" s="1" t="s">
        <v>241095</v>
      </c>
      <c r="I72088" s="1" t="s">
        <v>222698</v>
      </c>
      <c r="J72088" s="1" t="s">
        <v>241141</v>
      </c>
    </row>
    <row r="72089" spans="1:10" x14ac:dyDescent="0.35">
      <c r="A72089" s="1" t="s">
        <v>145684</v>
      </c>
      <c r="B72089" s="1" t="s">
        <v>222693</v>
      </c>
      <c r="C72089" s="1" t="s">
        <v>85</v>
      </c>
      <c r="D72089" s="1" t="s">
        <v>241142</v>
      </c>
      <c r="E72089" s="1" t="s">
        <v>241143</v>
      </c>
      <c r="F72089" s="1" t="s">
        <v>241144</v>
      </c>
      <c r="G72089" s="1" t="s">
        <v>241094</v>
      </c>
      <c r="H72089" s="1" t="s">
        <v>241095</v>
      </c>
      <c r="I72089" s="1" t="s">
        <v>222698</v>
      </c>
      <c r="J72089" s="1" t="s">
        <v>241145</v>
      </c>
    </row>
    <row r="72090" spans="1:10" x14ac:dyDescent="0.35">
      <c r="A72090" s="1" t="s">
        <v>145684</v>
      </c>
      <c r="B72090" s="1" t="s">
        <v>222693</v>
      </c>
      <c r="C72090" s="1" t="s">
        <v>90</v>
      </c>
      <c r="D72090" s="1" t="s">
        <v>229783</v>
      </c>
      <c r="E72090" s="1" t="s">
        <v>241146</v>
      </c>
      <c r="F72090" s="1" t="s">
        <v>241147</v>
      </c>
      <c r="G72090" s="1" t="s">
        <v>241094</v>
      </c>
      <c r="H72090" s="1" t="s">
        <v>241095</v>
      </c>
      <c r="I72090" s="1" t="s">
        <v>222698</v>
      </c>
      <c r="J72090" s="1" t="s">
        <v>241148</v>
      </c>
    </row>
    <row r="72091" spans="1:10" x14ac:dyDescent="0.35">
      <c r="A72091" s="1" t="s">
        <v>145684</v>
      </c>
      <c r="B72091" s="1" t="s">
        <v>222693</v>
      </c>
      <c r="C72091" s="1" t="s">
        <v>95</v>
      </c>
      <c r="D72091" s="1" t="s">
        <v>80546</v>
      </c>
      <c r="E72091" s="1" t="s">
        <v>241149</v>
      </c>
      <c r="F72091" s="1" t="s">
        <v>241150</v>
      </c>
      <c r="G72091" s="1" t="s">
        <v>241094</v>
      </c>
      <c r="H72091" s="1" t="s">
        <v>241095</v>
      </c>
      <c r="I72091" s="1" t="s">
        <v>222698</v>
      </c>
      <c r="J72091" s="1" t="s">
        <v>241151</v>
      </c>
    </row>
    <row r="72092" spans="1:10" x14ac:dyDescent="0.35">
      <c r="A72092" s="1" t="s">
        <v>145684</v>
      </c>
      <c r="B72092" s="1" t="s">
        <v>222693</v>
      </c>
      <c r="C72092" s="1" t="s">
        <v>100</v>
      </c>
      <c r="D72092" s="1" t="s">
        <v>241152</v>
      </c>
      <c r="E72092" s="1" t="s">
        <v>241153</v>
      </c>
      <c r="F72092" s="1" t="s">
        <v>241154</v>
      </c>
      <c r="G72092" s="1" t="s">
        <v>241094</v>
      </c>
      <c r="H72092" s="1" t="s">
        <v>241095</v>
      </c>
      <c r="I72092" s="1" t="s">
        <v>222698</v>
      </c>
      <c r="J72092" s="1" t="s">
        <v>241155</v>
      </c>
    </row>
    <row r="72093" spans="1:10" x14ac:dyDescent="0.35">
      <c r="A72093" s="1" t="s">
        <v>145684</v>
      </c>
      <c r="B72093" s="1" t="s">
        <v>222693</v>
      </c>
      <c r="C72093" s="1" t="s">
        <v>105</v>
      </c>
      <c r="D72093" s="1" t="s">
        <v>241156</v>
      </c>
      <c r="E72093" s="1" t="s">
        <v>241157</v>
      </c>
      <c r="F72093" s="1" t="s">
        <v>241158</v>
      </c>
      <c r="G72093" s="1" t="s">
        <v>241094</v>
      </c>
      <c r="H72093" s="1" t="s">
        <v>241095</v>
      </c>
      <c r="I72093" s="1" t="s">
        <v>222698</v>
      </c>
      <c r="J72093" s="1" t="s">
        <v>241159</v>
      </c>
    </row>
    <row r="72094" spans="1:10" x14ac:dyDescent="0.35">
      <c r="A72094" s="1" t="s">
        <v>145684</v>
      </c>
      <c r="B72094" s="1" t="s">
        <v>222693</v>
      </c>
      <c r="C72094" s="1" t="s">
        <v>110</v>
      </c>
      <c r="D72094" s="1" t="s">
        <v>130431</v>
      </c>
      <c r="E72094" s="1" t="s">
        <v>241160</v>
      </c>
      <c r="F72094" s="1" t="s">
        <v>241161</v>
      </c>
      <c r="G72094" s="1" t="s">
        <v>241094</v>
      </c>
      <c r="H72094" s="1" t="s">
        <v>241095</v>
      </c>
      <c r="I72094" s="1" t="s">
        <v>222698</v>
      </c>
      <c r="J72094" s="1" t="s">
        <v>241162</v>
      </c>
    </row>
    <row r="72095" spans="1:10" x14ac:dyDescent="0.35">
      <c r="A72095" s="1" t="s">
        <v>145684</v>
      </c>
      <c r="B72095" s="1" t="s">
        <v>222693</v>
      </c>
      <c r="C72095" s="1" t="s">
        <v>115</v>
      </c>
      <c r="D72095" s="1" t="s">
        <v>56962</v>
      </c>
      <c r="E72095" s="1" t="s">
        <v>241163</v>
      </c>
      <c r="F72095" s="1" t="s">
        <v>241164</v>
      </c>
      <c r="G72095" s="1" t="s">
        <v>241094</v>
      </c>
      <c r="H72095" s="1" t="s">
        <v>241095</v>
      </c>
      <c r="I72095" s="1" t="s">
        <v>222698</v>
      </c>
      <c r="J72095" s="1" t="s">
        <v>241165</v>
      </c>
    </row>
    <row r="72096" spans="1:10" x14ac:dyDescent="0.35">
      <c r="A72096" s="1" t="s">
        <v>145684</v>
      </c>
      <c r="B72096" s="1" t="s">
        <v>222693</v>
      </c>
      <c r="C72096" s="1" t="s">
        <v>120</v>
      </c>
      <c r="D72096" s="1" t="s">
        <v>241166</v>
      </c>
      <c r="E72096" s="1" t="s">
        <v>241167</v>
      </c>
      <c r="F72096" s="1" t="s">
        <v>241168</v>
      </c>
      <c r="G72096" s="1" t="s">
        <v>241094</v>
      </c>
      <c r="H72096" s="1" t="s">
        <v>241095</v>
      </c>
      <c r="I72096" s="1" t="s">
        <v>222698</v>
      </c>
      <c r="J72096" s="1" t="s">
        <v>241169</v>
      </c>
    </row>
    <row r="72097" spans="1:10" x14ac:dyDescent="0.35">
      <c r="A72097" s="1" t="s">
        <v>145684</v>
      </c>
      <c r="B72097" s="1" t="s">
        <v>222693</v>
      </c>
      <c r="C72097" s="1" t="s">
        <v>125</v>
      </c>
      <c r="D72097" s="1" t="s">
        <v>26523</v>
      </c>
      <c r="E72097" s="1" t="s">
        <v>241170</v>
      </c>
      <c r="F72097" s="1" t="s">
        <v>241171</v>
      </c>
      <c r="G72097" s="1" t="s">
        <v>241094</v>
      </c>
      <c r="H72097" s="1" t="s">
        <v>241095</v>
      </c>
      <c r="I72097" s="1" t="s">
        <v>222698</v>
      </c>
      <c r="J72097" s="1" t="s">
        <v>241172</v>
      </c>
    </row>
    <row r="72098" spans="1:10" x14ac:dyDescent="0.35">
      <c r="A72098" s="1" t="s">
        <v>145684</v>
      </c>
      <c r="B72098" s="1" t="s">
        <v>222693</v>
      </c>
      <c r="C72098" s="1" t="s">
        <v>130</v>
      </c>
      <c r="D72098" s="1" t="s">
        <v>241173</v>
      </c>
      <c r="E72098" s="1" t="s">
        <v>241174</v>
      </c>
      <c r="F72098" s="1" t="s">
        <v>241175</v>
      </c>
      <c r="G72098" s="1" t="s">
        <v>241094</v>
      </c>
      <c r="H72098" s="1" t="s">
        <v>241095</v>
      </c>
      <c r="I72098" s="1" t="s">
        <v>222698</v>
      </c>
      <c r="J72098" s="1" t="s">
        <v>241176</v>
      </c>
    </row>
    <row r="72099" spans="1:10" x14ac:dyDescent="0.35">
      <c r="A72099" s="1" t="s">
        <v>145684</v>
      </c>
      <c r="B72099" s="1" t="s">
        <v>222693</v>
      </c>
      <c r="C72099" s="1" t="s">
        <v>135</v>
      </c>
      <c r="D72099" s="1" t="s">
        <v>86478</v>
      </c>
      <c r="E72099" s="1" t="s">
        <v>241177</v>
      </c>
      <c r="F72099" s="1" t="s">
        <v>241178</v>
      </c>
      <c r="G72099" s="1" t="s">
        <v>241094</v>
      </c>
      <c r="H72099" s="1" t="s">
        <v>241095</v>
      </c>
      <c r="I72099" s="1" t="s">
        <v>222698</v>
      </c>
      <c r="J72099" s="1" t="s">
        <v>241179</v>
      </c>
    </row>
    <row r="72100" spans="1:10" x14ac:dyDescent="0.35">
      <c r="A72100" s="1" t="s">
        <v>145684</v>
      </c>
      <c r="B72100" s="1" t="s">
        <v>222693</v>
      </c>
      <c r="C72100" s="1" t="s">
        <v>140</v>
      </c>
      <c r="D72100" s="1" t="s">
        <v>92347</v>
      </c>
      <c r="E72100" s="1" t="s">
        <v>241180</v>
      </c>
      <c r="F72100" s="1" t="s">
        <v>241181</v>
      </c>
      <c r="G72100" s="1" t="s">
        <v>241094</v>
      </c>
      <c r="H72100" s="1" t="s">
        <v>241095</v>
      </c>
      <c r="I72100" s="1" t="s">
        <v>222698</v>
      </c>
      <c r="J72100" s="1" t="s">
        <v>241182</v>
      </c>
    </row>
    <row r="72101" spans="1:10" x14ac:dyDescent="0.35">
      <c r="A72101" s="1" t="s">
        <v>145684</v>
      </c>
      <c r="B72101" s="1" t="s">
        <v>222693</v>
      </c>
      <c r="C72101" s="1" t="s">
        <v>145</v>
      </c>
      <c r="D72101" s="1" t="s">
        <v>92376</v>
      </c>
      <c r="E72101" s="1" t="s">
        <v>241183</v>
      </c>
      <c r="F72101" s="1" t="s">
        <v>241184</v>
      </c>
      <c r="G72101" s="1" t="s">
        <v>241094</v>
      </c>
      <c r="H72101" s="1" t="s">
        <v>241095</v>
      </c>
      <c r="I72101" s="1" t="s">
        <v>222698</v>
      </c>
      <c r="J72101" s="1" t="s">
        <v>241185</v>
      </c>
    </row>
    <row r="72102" spans="1:10" x14ac:dyDescent="0.35">
      <c r="A72102" s="1" t="s">
        <v>145684</v>
      </c>
      <c r="B72102" s="1" t="s">
        <v>222693</v>
      </c>
      <c r="C72102" s="1" t="s">
        <v>150</v>
      </c>
      <c r="D72102" s="1" t="s">
        <v>40997</v>
      </c>
      <c r="E72102" s="1" t="s">
        <v>241186</v>
      </c>
      <c r="F72102" s="1" t="s">
        <v>241187</v>
      </c>
      <c r="G72102" s="1" t="s">
        <v>241094</v>
      </c>
      <c r="H72102" s="1" t="s">
        <v>241095</v>
      </c>
      <c r="I72102" s="1" t="s">
        <v>222698</v>
      </c>
      <c r="J72102" s="1" t="s">
        <v>241188</v>
      </c>
    </row>
    <row r="72103" spans="1:10" x14ac:dyDescent="0.35">
      <c r="A72103" s="1" t="s">
        <v>145684</v>
      </c>
      <c r="B72103" s="1" t="s">
        <v>222693</v>
      </c>
      <c r="C72103" s="1" t="s">
        <v>155</v>
      </c>
      <c r="D72103" s="1" t="s">
        <v>134078</v>
      </c>
      <c r="E72103" s="1" t="s">
        <v>241189</v>
      </c>
      <c r="F72103" s="1" t="s">
        <v>241190</v>
      </c>
      <c r="G72103" s="1" t="s">
        <v>241094</v>
      </c>
      <c r="H72103" s="1" t="s">
        <v>241095</v>
      </c>
      <c r="I72103" s="1" t="s">
        <v>222698</v>
      </c>
      <c r="J72103" s="1" t="s">
        <v>241191</v>
      </c>
    </row>
    <row r="72104" spans="1:10" x14ac:dyDescent="0.35">
      <c r="A72104" s="1" t="s">
        <v>145684</v>
      </c>
      <c r="B72104" s="1" t="s">
        <v>222693</v>
      </c>
      <c r="C72104" s="1" t="s">
        <v>160</v>
      </c>
      <c r="D72104" s="1" t="s">
        <v>56467</v>
      </c>
      <c r="E72104" s="1" t="s">
        <v>241192</v>
      </c>
      <c r="F72104" s="1" t="s">
        <v>241193</v>
      </c>
      <c r="G72104" s="1" t="s">
        <v>241094</v>
      </c>
      <c r="H72104" s="1" t="s">
        <v>241095</v>
      </c>
      <c r="I72104" s="1" t="s">
        <v>222698</v>
      </c>
      <c r="J72104" s="1" t="s">
        <v>241194</v>
      </c>
    </row>
    <row r="72105" spans="1:10" x14ac:dyDescent="0.35">
      <c r="A72105" s="1" t="s">
        <v>145684</v>
      </c>
      <c r="B72105" s="1" t="s">
        <v>222693</v>
      </c>
      <c r="C72105" s="1" t="s">
        <v>165</v>
      </c>
      <c r="D72105" s="1" t="s">
        <v>241195</v>
      </c>
      <c r="E72105" s="1" t="s">
        <v>241196</v>
      </c>
      <c r="F72105" s="1" t="s">
        <v>241197</v>
      </c>
      <c r="G72105" s="1" t="s">
        <v>241094</v>
      </c>
      <c r="H72105" s="1" t="s">
        <v>241095</v>
      </c>
      <c r="I72105" s="1" t="s">
        <v>222698</v>
      </c>
      <c r="J72105" s="1" t="s">
        <v>241198</v>
      </c>
    </row>
    <row r="72106" spans="1:10" x14ac:dyDescent="0.35">
      <c r="A72106" s="1" t="s">
        <v>145684</v>
      </c>
      <c r="B72106" s="1" t="s">
        <v>222693</v>
      </c>
      <c r="C72106" s="1" t="s">
        <v>170</v>
      </c>
      <c r="D72106" s="1" t="s">
        <v>136007</v>
      </c>
      <c r="E72106" s="1" t="s">
        <v>241199</v>
      </c>
      <c r="F72106" s="1" t="s">
        <v>241200</v>
      </c>
      <c r="G72106" s="1" t="s">
        <v>241094</v>
      </c>
      <c r="H72106" s="1" t="s">
        <v>241095</v>
      </c>
      <c r="I72106" s="1" t="s">
        <v>222698</v>
      </c>
      <c r="J72106" s="1" t="s">
        <v>241201</v>
      </c>
    </row>
    <row r="72107" spans="1:10" x14ac:dyDescent="0.35">
      <c r="A72107" s="1" t="s">
        <v>112644</v>
      </c>
      <c r="B72107" s="1" t="s">
        <v>222693</v>
      </c>
      <c r="C72107" s="1" t="s">
        <v>8</v>
      </c>
      <c r="D72107" s="1" t="s">
        <v>241202</v>
      </c>
      <c r="E72107" s="1" t="s">
        <v>241203</v>
      </c>
      <c r="F72107" s="1" t="s">
        <v>241204</v>
      </c>
      <c r="G72107" s="1" t="s">
        <v>241205</v>
      </c>
      <c r="H72107" s="1" t="s">
        <v>241206</v>
      </c>
      <c r="I72107" s="1" t="s">
        <v>222698</v>
      </c>
      <c r="J72107" s="1" t="s">
        <v>13</v>
      </c>
    </row>
    <row r="72108" spans="1:10" x14ac:dyDescent="0.35">
      <c r="A72108" s="1" t="s">
        <v>112644</v>
      </c>
      <c r="B72108" s="1" t="s">
        <v>222693</v>
      </c>
      <c r="C72108" s="1" t="s">
        <v>15</v>
      </c>
      <c r="D72108" s="1" t="s">
        <v>76611</v>
      </c>
      <c r="E72108" s="1" t="s">
        <v>241207</v>
      </c>
      <c r="F72108" s="1" t="s">
        <v>241208</v>
      </c>
      <c r="G72108" s="1" t="s">
        <v>241205</v>
      </c>
      <c r="H72108" s="1" t="s">
        <v>241206</v>
      </c>
      <c r="I72108" s="1" t="s">
        <v>222698</v>
      </c>
      <c r="J72108" s="1" t="s">
        <v>241209</v>
      </c>
    </row>
    <row r="72109" spans="1:10" x14ac:dyDescent="0.35">
      <c r="A72109" s="1" t="s">
        <v>112644</v>
      </c>
      <c r="B72109" s="1" t="s">
        <v>222693</v>
      </c>
      <c r="C72109" s="1" t="s">
        <v>20</v>
      </c>
      <c r="D72109" s="1" t="s">
        <v>241210</v>
      </c>
      <c r="E72109" s="1" t="s">
        <v>241211</v>
      </c>
      <c r="F72109" s="1" t="s">
        <v>241212</v>
      </c>
      <c r="G72109" s="1" t="s">
        <v>241205</v>
      </c>
      <c r="H72109" s="1" t="s">
        <v>241206</v>
      </c>
      <c r="I72109" s="1" t="s">
        <v>222698</v>
      </c>
      <c r="J72109" s="1" t="s">
        <v>241213</v>
      </c>
    </row>
    <row r="72110" spans="1:10" x14ac:dyDescent="0.35">
      <c r="A72110" s="1" t="s">
        <v>112644</v>
      </c>
      <c r="B72110" s="1" t="s">
        <v>222693</v>
      </c>
      <c r="C72110" s="1" t="s">
        <v>25</v>
      </c>
      <c r="D72110" s="1" t="s">
        <v>200343</v>
      </c>
      <c r="E72110" s="1" t="s">
        <v>241214</v>
      </c>
      <c r="F72110" s="1" t="s">
        <v>241215</v>
      </c>
      <c r="G72110" s="1" t="s">
        <v>241205</v>
      </c>
      <c r="H72110" s="1" t="s">
        <v>241206</v>
      </c>
      <c r="I72110" s="1" t="s">
        <v>222698</v>
      </c>
      <c r="J72110" s="1" t="s">
        <v>241216</v>
      </c>
    </row>
    <row r="72111" spans="1:10" x14ac:dyDescent="0.35">
      <c r="A72111" s="1" t="s">
        <v>112644</v>
      </c>
      <c r="B72111" s="1" t="s">
        <v>222693</v>
      </c>
      <c r="C72111" s="1" t="s">
        <v>30</v>
      </c>
      <c r="D72111" s="1" t="s">
        <v>241217</v>
      </c>
      <c r="E72111" s="1" t="s">
        <v>241218</v>
      </c>
      <c r="F72111" s="1" t="s">
        <v>241219</v>
      </c>
      <c r="G72111" s="1" t="s">
        <v>241205</v>
      </c>
      <c r="H72111" s="1" t="s">
        <v>241206</v>
      </c>
      <c r="I72111" s="1" t="s">
        <v>222698</v>
      </c>
      <c r="J72111" s="1" t="s">
        <v>241220</v>
      </c>
    </row>
    <row r="72112" spans="1:10" x14ac:dyDescent="0.35">
      <c r="A72112" s="1" t="s">
        <v>112644</v>
      </c>
      <c r="B72112" s="1" t="s">
        <v>222693</v>
      </c>
      <c r="C72112" s="1" t="s">
        <v>35</v>
      </c>
      <c r="D72112" s="1" t="s">
        <v>241221</v>
      </c>
      <c r="E72112" s="1" t="s">
        <v>241222</v>
      </c>
      <c r="F72112" s="1" t="s">
        <v>241223</v>
      </c>
      <c r="G72112" s="1" t="s">
        <v>241205</v>
      </c>
      <c r="H72112" s="1" t="s">
        <v>241206</v>
      </c>
      <c r="I72112" s="1" t="s">
        <v>222698</v>
      </c>
      <c r="J72112" s="1" t="s">
        <v>241224</v>
      </c>
    </row>
    <row r="72113" spans="1:10" x14ac:dyDescent="0.35">
      <c r="A72113" s="1" t="s">
        <v>112644</v>
      </c>
      <c r="B72113" s="1" t="s">
        <v>222693</v>
      </c>
      <c r="C72113" s="1" t="s">
        <v>40</v>
      </c>
      <c r="D72113" s="1" t="s">
        <v>102085</v>
      </c>
      <c r="E72113" s="1" t="s">
        <v>241225</v>
      </c>
      <c r="F72113" s="1" t="s">
        <v>241226</v>
      </c>
      <c r="G72113" s="1" t="s">
        <v>241205</v>
      </c>
      <c r="H72113" s="1" t="s">
        <v>241206</v>
      </c>
      <c r="I72113" s="1" t="s">
        <v>222698</v>
      </c>
      <c r="J72113" s="1" t="s">
        <v>241227</v>
      </c>
    </row>
    <row r="72114" spans="1:10" x14ac:dyDescent="0.35">
      <c r="A72114" s="1" t="s">
        <v>112644</v>
      </c>
      <c r="B72114" s="1" t="s">
        <v>222693</v>
      </c>
      <c r="C72114" s="1" t="s">
        <v>45</v>
      </c>
      <c r="D72114" s="1" t="s">
        <v>208581</v>
      </c>
      <c r="E72114" s="1" t="s">
        <v>241228</v>
      </c>
      <c r="F72114" s="1" t="s">
        <v>241229</v>
      </c>
      <c r="G72114" s="1" t="s">
        <v>241205</v>
      </c>
      <c r="H72114" s="1" t="s">
        <v>241206</v>
      </c>
      <c r="I72114" s="1" t="s">
        <v>222698</v>
      </c>
      <c r="J72114" s="1" t="s">
        <v>241230</v>
      </c>
    </row>
    <row r="72115" spans="1:10" x14ac:dyDescent="0.35">
      <c r="A72115" s="1" t="s">
        <v>112644</v>
      </c>
      <c r="B72115" s="1" t="s">
        <v>222693</v>
      </c>
      <c r="C72115" s="1" t="s">
        <v>50</v>
      </c>
      <c r="D72115" s="1" t="s">
        <v>55435</v>
      </c>
      <c r="E72115" s="1" t="s">
        <v>241231</v>
      </c>
      <c r="F72115" s="1" t="s">
        <v>241232</v>
      </c>
      <c r="G72115" s="1" t="s">
        <v>241205</v>
      </c>
      <c r="H72115" s="1" t="s">
        <v>241206</v>
      </c>
      <c r="I72115" s="1" t="s">
        <v>222698</v>
      </c>
      <c r="J72115" s="1" t="s">
        <v>241233</v>
      </c>
    </row>
    <row r="72116" spans="1:10" x14ac:dyDescent="0.35">
      <c r="A72116" s="1" t="s">
        <v>112644</v>
      </c>
      <c r="B72116" s="1" t="s">
        <v>222693</v>
      </c>
      <c r="C72116" s="1" t="s">
        <v>55</v>
      </c>
      <c r="D72116" s="1" t="s">
        <v>39296</v>
      </c>
      <c r="E72116" s="1" t="s">
        <v>241234</v>
      </c>
      <c r="F72116" s="1" t="s">
        <v>241235</v>
      </c>
      <c r="G72116" s="1" t="s">
        <v>241205</v>
      </c>
      <c r="H72116" s="1" t="s">
        <v>241206</v>
      </c>
      <c r="I72116" s="1" t="s">
        <v>222698</v>
      </c>
      <c r="J72116" s="1" t="s">
        <v>241236</v>
      </c>
    </row>
    <row r="72117" spans="1:10" x14ac:dyDescent="0.35">
      <c r="A72117" s="1" t="s">
        <v>112644</v>
      </c>
      <c r="B72117" s="1" t="s">
        <v>222693</v>
      </c>
      <c r="C72117" s="1" t="s">
        <v>60</v>
      </c>
      <c r="D72117" s="1" t="s">
        <v>241237</v>
      </c>
      <c r="E72117" s="1" t="s">
        <v>241238</v>
      </c>
      <c r="F72117" s="1" t="s">
        <v>241239</v>
      </c>
      <c r="G72117" s="1" t="s">
        <v>241205</v>
      </c>
      <c r="H72117" s="1" t="s">
        <v>241206</v>
      </c>
      <c r="I72117" s="1" t="s">
        <v>222698</v>
      </c>
      <c r="J72117" s="1" t="s">
        <v>241240</v>
      </c>
    </row>
    <row r="72118" spans="1:10" x14ac:dyDescent="0.35">
      <c r="A72118" s="1" t="s">
        <v>112644</v>
      </c>
      <c r="B72118" s="1" t="s">
        <v>222693</v>
      </c>
      <c r="C72118" s="1" t="s">
        <v>65</v>
      </c>
      <c r="D72118" s="1" t="s">
        <v>163863</v>
      </c>
      <c r="E72118" s="1" t="s">
        <v>241241</v>
      </c>
      <c r="F72118" s="1" t="s">
        <v>241242</v>
      </c>
      <c r="G72118" s="1" t="s">
        <v>241205</v>
      </c>
      <c r="H72118" s="1" t="s">
        <v>241206</v>
      </c>
      <c r="I72118" s="1" t="s">
        <v>222698</v>
      </c>
      <c r="J72118" s="1" t="s">
        <v>241243</v>
      </c>
    </row>
    <row r="72119" spans="1:10" x14ac:dyDescent="0.35">
      <c r="A72119" s="1" t="s">
        <v>112644</v>
      </c>
      <c r="B72119" s="1" t="s">
        <v>222693</v>
      </c>
      <c r="C72119" s="1" t="s">
        <v>70</v>
      </c>
      <c r="D72119" s="1" t="s">
        <v>241244</v>
      </c>
      <c r="E72119" s="1" t="s">
        <v>241245</v>
      </c>
      <c r="F72119" s="1" t="s">
        <v>241246</v>
      </c>
      <c r="G72119" s="1" t="s">
        <v>241205</v>
      </c>
      <c r="H72119" s="1" t="s">
        <v>241206</v>
      </c>
      <c r="I72119" s="1" t="s">
        <v>222698</v>
      </c>
      <c r="J72119" s="1" t="s">
        <v>241247</v>
      </c>
    </row>
    <row r="72120" spans="1:10" x14ac:dyDescent="0.35">
      <c r="A72120" s="1" t="s">
        <v>112644</v>
      </c>
      <c r="B72120" s="1" t="s">
        <v>222693</v>
      </c>
      <c r="C72120" s="1" t="s">
        <v>75</v>
      </c>
      <c r="D72120" s="1" t="s">
        <v>241248</v>
      </c>
      <c r="E72120" s="1" t="s">
        <v>241249</v>
      </c>
      <c r="F72120" s="1" t="s">
        <v>241250</v>
      </c>
      <c r="G72120" s="1" t="s">
        <v>241205</v>
      </c>
      <c r="H72120" s="1" t="s">
        <v>241206</v>
      </c>
      <c r="I72120" s="1" t="s">
        <v>222698</v>
      </c>
      <c r="J72120" s="1" t="s">
        <v>241251</v>
      </c>
    </row>
    <row r="72121" spans="1:10" x14ac:dyDescent="0.35">
      <c r="A72121" s="1" t="s">
        <v>112644</v>
      </c>
      <c r="B72121" s="1" t="s">
        <v>222693</v>
      </c>
      <c r="C72121" s="1" t="s">
        <v>80</v>
      </c>
      <c r="D72121" s="1" t="s">
        <v>20387</v>
      </c>
      <c r="E72121" s="1" t="s">
        <v>241252</v>
      </c>
      <c r="F72121" s="1" t="s">
        <v>241253</v>
      </c>
      <c r="G72121" s="1" t="s">
        <v>241205</v>
      </c>
      <c r="H72121" s="1" t="s">
        <v>241206</v>
      </c>
      <c r="I72121" s="1" t="s">
        <v>222698</v>
      </c>
      <c r="J72121" s="1" t="s">
        <v>241254</v>
      </c>
    </row>
    <row r="72122" spans="1:10" x14ac:dyDescent="0.35">
      <c r="A72122" s="1" t="s">
        <v>112644</v>
      </c>
      <c r="B72122" s="1" t="s">
        <v>222693</v>
      </c>
      <c r="C72122" s="1" t="s">
        <v>85</v>
      </c>
      <c r="D72122" s="1" t="s">
        <v>85048</v>
      </c>
      <c r="E72122" s="1" t="s">
        <v>241255</v>
      </c>
      <c r="F72122" s="1" t="s">
        <v>241256</v>
      </c>
      <c r="G72122" s="1" t="s">
        <v>241205</v>
      </c>
      <c r="H72122" s="1" t="s">
        <v>241206</v>
      </c>
      <c r="I72122" s="1" t="s">
        <v>222698</v>
      </c>
      <c r="J72122" s="1" t="s">
        <v>241257</v>
      </c>
    </row>
    <row r="72123" spans="1:10" x14ac:dyDescent="0.35">
      <c r="A72123" s="1" t="s">
        <v>112644</v>
      </c>
      <c r="B72123" s="1" t="s">
        <v>222693</v>
      </c>
      <c r="C72123" s="1" t="s">
        <v>90</v>
      </c>
      <c r="D72123" s="1" t="s">
        <v>62181</v>
      </c>
      <c r="E72123" s="1" t="s">
        <v>241258</v>
      </c>
      <c r="F72123" s="1" t="s">
        <v>241259</v>
      </c>
      <c r="G72123" s="1" t="s">
        <v>241205</v>
      </c>
      <c r="H72123" s="1" t="s">
        <v>241206</v>
      </c>
      <c r="I72123" s="1" t="s">
        <v>222698</v>
      </c>
      <c r="J72123" s="1" t="s">
        <v>241260</v>
      </c>
    </row>
    <row r="72124" spans="1:10" x14ac:dyDescent="0.35">
      <c r="A72124" s="1" t="s">
        <v>112644</v>
      </c>
      <c r="B72124" s="1" t="s">
        <v>222693</v>
      </c>
      <c r="C72124" s="1" t="s">
        <v>95</v>
      </c>
      <c r="D72124" s="1" t="s">
        <v>99859</v>
      </c>
      <c r="E72124" s="1" t="s">
        <v>241261</v>
      </c>
      <c r="F72124" s="1" t="s">
        <v>241262</v>
      </c>
      <c r="G72124" s="1" t="s">
        <v>241205</v>
      </c>
      <c r="H72124" s="1" t="s">
        <v>241206</v>
      </c>
      <c r="I72124" s="1" t="s">
        <v>222698</v>
      </c>
      <c r="J72124" s="1" t="s">
        <v>241263</v>
      </c>
    </row>
    <row r="72125" spans="1:10" x14ac:dyDescent="0.35">
      <c r="A72125" s="1" t="s">
        <v>112644</v>
      </c>
      <c r="B72125" s="1" t="s">
        <v>222693</v>
      </c>
      <c r="C72125" s="1" t="s">
        <v>100</v>
      </c>
      <c r="D72125" s="1" t="s">
        <v>67689</v>
      </c>
      <c r="E72125" s="1" t="s">
        <v>241264</v>
      </c>
      <c r="F72125" s="1" t="s">
        <v>241265</v>
      </c>
      <c r="G72125" s="1" t="s">
        <v>241205</v>
      </c>
      <c r="H72125" s="1" t="s">
        <v>241206</v>
      </c>
      <c r="I72125" s="1" t="s">
        <v>222698</v>
      </c>
      <c r="J72125" s="1" t="s">
        <v>241266</v>
      </c>
    </row>
    <row r="72126" spans="1:10" x14ac:dyDescent="0.35">
      <c r="A72126" s="1" t="s">
        <v>112644</v>
      </c>
      <c r="B72126" s="1" t="s">
        <v>222693</v>
      </c>
      <c r="C72126" s="1" t="s">
        <v>105</v>
      </c>
      <c r="D72126" s="1" t="s">
        <v>241267</v>
      </c>
      <c r="E72126" s="1" t="s">
        <v>241268</v>
      </c>
      <c r="F72126" s="1" t="s">
        <v>241269</v>
      </c>
      <c r="G72126" s="1" t="s">
        <v>241205</v>
      </c>
      <c r="H72126" s="1" t="s">
        <v>241206</v>
      </c>
      <c r="I72126" s="1" t="s">
        <v>222698</v>
      </c>
      <c r="J72126" s="1" t="s">
        <v>241270</v>
      </c>
    </row>
    <row r="72127" spans="1:10" x14ac:dyDescent="0.35">
      <c r="A72127" s="1" t="s">
        <v>112644</v>
      </c>
      <c r="B72127" s="1" t="s">
        <v>222693</v>
      </c>
      <c r="C72127" s="1" t="s">
        <v>110</v>
      </c>
      <c r="D72127" s="1" t="s">
        <v>241271</v>
      </c>
      <c r="E72127" s="1" t="s">
        <v>241272</v>
      </c>
      <c r="F72127" s="1" t="s">
        <v>241273</v>
      </c>
      <c r="G72127" s="1" t="s">
        <v>241205</v>
      </c>
      <c r="H72127" s="1" t="s">
        <v>241206</v>
      </c>
      <c r="I72127" s="1" t="s">
        <v>222698</v>
      </c>
      <c r="J72127" s="1" t="s">
        <v>241274</v>
      </c>
    </row>
    <row r="72128" spans="1:10" x14ac:dyDescent="0.35">
      <c r="A72128" s="1" t="s">
        <v>112644</v>
      </c>
      <c r="B72128" s="1" t="s">
        <v>222693</v>
      </c>
      <c r="C72128" s="1" t="s">
        <v>115</v>
      </c>
      <c r="D72128" s="1" t="s">
        <v>241275</v>
      </c>
      <c r="E72128" s="1" t="s">
        <v>241276</v>
      </c>
      <c r="F72128" s="1" t="s">
        <v>241277</v>
      </c>
      <c r="G72128" s="1" t="s">
        <v>241205</v>
      </c>
      <c r="H72128" s="1" t="s">
        <v>241206</v>
      </c>
      <c r="I72128" s="1" t="s">
        <v>222698</v>
      </c>
      <c r="J72128" s="1" t="s">
        <v>241278</v>
      </c>
    </row>
    <row r="72129" spans="1:10" x14ac:dyDescent="0.35">
      <c r="A72129" s="1" t="s">
        <v>112644</v>
      </c>
      <c r="B72129" s="1" t="s">
        <v>222693</v>
      </c>
      <c r="C72129" s="1" t="s">
        <v>120</v>
      </c>
      <c r="D72129" s="1" t="s">
        <v>235134</v>
      </c>
      <c r="E72129" s="1" t="s">
        <v>241279</v>
      </c>
      <c r="F72129" s="1" t="s">
        <v>241280</v>
      </c>
      <c r="G72129" s="1" t="s">
        <v>241205</v>
      </c>
      <c r="H72129" s="1" t="s">
        <v>241206</v>
      </c>
      <c r="I72129" s="1" t="s">
        <v>222698</v>
      </c>
      <c r="J72129" s="1" t="s">
        <v>241281</v>
      </c>
    </row>
    <row r="72130" spans="1:10" x14ac:dyDescent="0.35">
      <c r="A72130" s="1" t="s">
        <v>112644</v>
      </c>
      <c r="B72130" s="1" t="s">
        <v>222693</v>
      </c>
      <c r="C72130" s="1" t="s">
        <v>125</v>
      </c>
      <c r="D72130" s="1" t="s">
        <v>241282</v>
      </c>
      <c r="E72130" s="1" t="s">
        <v>241283</v>
      </c>
      <c r="F72130" s="1" t="s">
        <v>241284</v>
      </c>
      <c r="G72130" s="1" t="s">
        <v>241205</v>
      </c>
      <c r="H72130" s="1" t="s">
        <v>241206</v>
      </c>
      <c r="I72130" s="1" t="s">
        <v>222698</v>
      </c>
      <c r="J72130" s="1" t="s">
        <v>241285</v>
      </c>
    </row>
    <row r="72131" spans="1:10" x14ac:dyDescent="0.35">
      <c r="A72131" s="1" t="s">
        <v>112644</v>
      </c>
      <c r="B72131" s="1" t="s">
        <v>222693</v>
      </c>
      <c r="C72131" s="1" t="s">
        <v>130</v>
      </c>
      <c r="D72131" s="1" t="s">
        <v>241286</v>
      </c>
      <c r="E72131" s="1" t="s">
        <v>241287</v>
      </c>
      <c r="F72131" s="1" t="s">
        <v>241288</v>
      </c>
      <c r="G72131" s="1" t="s">
        <v>241205</v>
      </c>
      <c r="H72131" s="1" t="s">
        <v>241206</v>
      </c>
      <c r="I72131" s="1" t="s">
        <v>222698</v>
      </c>
      <c r="J72131" s="1" t="s">
        <v>241289</v>
      </c>
    </row>
    <row r="72132" spans="1:10" x14ac:dyDescent="0.35">
      <c r="A72132" s="1" t="s">
        <v>112644</v>
      </c>
      <c r="B72132" s="1" t="s">
        <v>222693</v>
      </c>
      <c r="C72132" s="1" t="s">
        <v>135</v>
      </c>
      <c r="D72132" s="1" t="s">
        <v>241290</v>
      </c>
      <c r="E72132" s="1" t="s">
        <v>241291</v>
      </c>
      <c r="F72132" s="1" t="s">
        <v>241292</v>
      </c>
      <c r="G72132" s="1" t="s">
        <v>241205</v>
      </c>
      <c r="H72132" s="1" t="s">
        <v>241206</v>
      </c>
      <c r="I72132" s="1" t="s">
        <v>222698</v>
      </c>
      <c r="J72132" s="1" t="s">
        <v>241293</v>
      </c>
    </row>
    <row r="72133" spans="1:10" x14ac:dyDescent="0.35">
      <c r="A72133" s="1" t="s">
        <v>112644</v>
      </c>
      <c r="B72133" s="1" t="s">
        <v>222693</v>
      </c>
      <c r="C72133" s="1" t="s">
        <v>140</v>
      </c>
      <c r="D72133" s="1" t="s">
        <v>239407</v>
      </c>
      <c r="E72133" s="1" t="s">
        <v>241294</v>
      </c>
      <c r="F72133" s="1" t="s">
        <v>241295</v>
      </c>
      <c r="G72133" s="1" t="s">
        <v>241205</v>
      </c>
      <c r="H72133" s="1" t="s">
        <v>241206</v>
      </c>
      <c r="I72133" s="1" t="s">
        <v>222698</v>
      </c>
      <c r="J72133" s="1" t="s">
        <v>241296</v>
      </c>
    </row>
    <row r="72134" spans="1:10" x14ac:dyDescent="0.35">
      <c r="A72134" s="1" t="s">
        <v>112644</v>
      </c>
      <c r="B72134" s="1" t="s">
        <v>222693</v>
      </c>
      <c r="C72134" s="1" t="s">
        <v>145</v>
      </c>
      <c r="D72134" s="1" t="s">
        <v>241297</v>
      </c>
      <c r="E72134" s="1" t="s">
        <v>241298</v>
      </c>
      <c r="F72134" s="1" t="s">
        <v>241299</v>
      </c>
      <c r="G72134" s="1" t="s">
        <v>241205</v>
      </c>
      <c r="H72134" s="1" t="s">
        <v>241206</v>
      </c>
      <c r="I72134" s="1" t="s">
        <v>222698</v>
      </c>
      <c r="J72134" s="1" t="s">
        <v>241300</v>
      </c>
    </row>
    <row r="72135" spans="1:10" x14ac:dyDescent="0.35">
      <c r="A72135" s="1" t="s">
        <v>112644</v>
      </c>
      <c r="B72135" s="1" t="s">
        <v>222693</v>
      </c>
      <c r="C72135" s="1" t="s">
        <v>150</v>
      </c>
      <c r="D72135" s="1" t="s">
        <v>241301</v>
      </c>
      <c r="E72135" s="1" t="s">
        <v>241302</v>
      </c>
      <c r="F72135" s="1" t="s">
        <v>241303</v>
      </c>
      <c r="G72135" s="1" t="s">
        <v>241205</v>
      </c>
      <c r="H72135" s="1" t="s">
        <v>241206</v>
      </c>
      <c r="I72135" s="1" t="s">
        <v>222698</v>
      </c>
      <c r="J72135" s="1" t="s">
        <v>241304</v>
      </c>
    </row>
    <row r="72136" spans="1:10" x14ac:dyDescent="0.35">
      <c r="A72136" s="1" t="s">
        <v>112644</v>
      </c>
      <c r="B72136" s="1" t="s">
        <v>222693</v>
      </c>
      <c r="C72136" s="1" t="s">
        <v>155</v>
      </c>
      <c r="D72136" s="1" t="s">
        <v>241305</v>
      </c>
      <c r="E72136" s="1" t="s">
        <v>241306</v>
      </c>
      <c r="F72136" s="1" t="s">
        <v>241307</v>
      </c>
      <c r="G72136" s="1" t="s">
        <v>241205</v>
      </c>
      <c r="H72136" s="1" t="s">
        <v>241206</v>
      </c>
      <c r="I72136" s="1" t="s">
        <v>222698</v>
      </c>
      <c r="J72136" s="1" t="s">
        <v>241308</v>
      </c>
    </row>
    <row r="72137" spans="1:10" x14ac:dyDescent="0.35">
      <c r="A72137" s="1" t="s">
        <v>112644</v>
      </c>
      <c r="B72137" s="1" t="s">
        <v>222693</v>
      </c>
      <c r="C72137" s="1" t="s">
        <v>160</v>
      </c>
      <c r="D72137" s="1" t="s">
        <v>241309</v>
      </c>
      <c r="E72137" s="1" t="s">
        <v>241310</v>
      </c>
      <c r="F72137" s="1" t="s">
        <v>241311</v>
      </c>
      <c r="G72137" s="1" t="s">
        <v>241205</v>
      </c>
      <c r="H72137" s="1" t="s">
        <v>241206</v>
      </c>
      <c r="I72137" s="1" t="s">
        <v>222698</v>
      </c>
      <c r="J72137" s="1" t="s">
        <v>241312</v>
      </c>
    </row>
    <row r="72138" spans="1:10" x14ac:dyDescent="0.35">
      <c r="A72138" s="1" t="s">
        <v>112644</v>
      </c>
      <c r="B72138" s="1" t="s">
        <v>222693</v>
      </c>
      <c r="C72138" s="1" t="s">
        <v>165</v>
      </c>
      <c r="D72138" s="1" t="s">
        <v>97588</v>
      </c>
      <c r="E72138" s="1" t="s">
        <v>241313</v>
      </c>
      <c r="F72138" s="1" t="s">
        <v>241314</v>
      </c>
      <c r="G72138" s="1" t="s">
        <v>241205</v>
      </c>
      <c r="H72138" s="1" t="s">
        <v>241206</v>
      </c>
      <c r="I72138" s="1" t="s">
        <v>222698</v>
      </c>
      <c r="J72138" s="1" t="s">
        <v>241315</v>
      </c>
    </row>
    <row r="72139" spans="1:10" x14ac:dyDescent="0.35">
      <c r="A72139" s="1" t="s">
        <v>112644</v>
      </c>
      <c r="B72139" s="1" t="s">
        <v>222693</v>
      </c>
      <c r="C72139" s="1" t="s">
        <v>170</v>
      </c>
      <c r="D72139" s="1" t="s">
        <v>241316</v>
      </c>
      <c r="E72139" s="1" t="s">
        <v>241317</v>
      </c>
      <c r="F72139" s="1" t="s">
        <v>241318</v>
      </c>
      <c r="G72139" s="1" t="s">
        <v>241205</v>
      </c>
      <c r="H72139" s="1" t="s">
        <v>241206</v>
      </c>
      <c r="I72139" s="1" t="s">
        <v>222698</v>
      </c>
      <c r="J72139" s="1" t="s">
        <v>241319</v>
      </c>
    </row>
    <row r="72140" spans="1:10" x14ac:dyDescent="0.35">
      <c r="A72140" s="1" t="s">
        <v>1651</v>
      </c>
      <c r="B72140" s="1" t="s">
        <v>222693</v>
      </c>
      <c r="C72140" s="1" t="s">
        <v>8</v>
      </c>
      <c r="D72140" s="1" t="s">
        <v>174589</v>
      </c>
      <c r="E72140" s="1" t="s">
        <v>241320</v>
      </c>
      <c r="F72140" s="1" t="s">
        <v>241321</v>
      </c>
      <c r="G72140" s="1" t="s">
        <v>241322</v>
      </c>
      <c r="H72140" s="1" t="s">
        <v>241323</v>
      </c>
      <c r="I72140" s="1" t="s">
        <v>222698</v>
      </c>
      <c r="J72140" s="1" t="s">
        <v>13</v>
      </c>
    </row>
    <row r="72141" spans="1:10" x14ac:dyDescent="0.35">
      <c r="A72141" s="1" t="s">
        <v>1651</v>
      </c>
      <c r="B72141" s="1" t="s">
        <v>222693</v>
      </c>
      <c r="C72141" s="1" t="s">
        <v>15</v>
      </c>
      <c r="D72141" s="1" t="s">
        <v>241324</v>
      </c>
      <c r="E72141" s="1" t="s">
        <v>241325</v>
      </c>
      <c r="F72141" s="1" t="s">
        <v>241326</v>
      </c>
      <c r="G72141" s="1" t="s">
        <v>241322</v>
      </c>
      <c r="H72141" s="1" t="s">
        <v>241323</v>
      </c>
      <c r="I72141" s="1" t="s">
        <v>222698</v>
      </c>
      <c r="J72141" s="1" t="s">
        <v>241327</v>
      </c>
    </row>
    <row r="72142" spans="1:10" x14ac:dyDescent="0.35">
      <c r="A72142" s="1" t="s">
        <v>1651</v>
      </c>
      <c r="B72142" s="1" t="s">
        <v>222693</v>
      </c>
      <c r="C72142" s="1" t="s">
        <v>20</v>
      </c>
      <c r="D72142" s="1" t="s">
        <v>132493</v>
      </c>
      <c r="E72142" s="1" t="s">
        <v>241328</v>
      </c>
      <c r="F72142" s="1" t="s">
        <v>241329</v>
      </c>
      <c r="G72142" s="1" t="s">
        <v>241322</v>
      </c>
      <c r="H72142" s="1" t="s">
        <v>241323</v>
      </c>
      <c r="I72142" s="1" t="s">
        <v>222698</v>
      </c>
      <c r="J72142" s="1" t="s">
        <v>241330</v>
      </c>
    </row>
    <row r="72143" spans="1:10" x14ac:dyDescent="0.35">
      <c r="A72143" s="1" t="s">
        <v>1651</v>
      </c>
      <c r="B72143" s="1" t="s">
        <v>222693</v>
      </c>
      <c r="C72143" s="1" t="s">
        <v>25</v>
      </c>
      <c r="D72143" s="1" t="s">
        <v>24245</v>
      </c>
      <c r="E72143" s="1" t="s">
        <v>241331</v>
      </c>
      <c r="F72143" s="1" t="s">
        <v>241332</v>
      </c>
      <c r="G72143" s="1" t="s">
        <v>241322</v>
      </c>
      <c r="H72143" s="1" t="s">
        <v>241323</v>
      </c>
      <c r="I72143" s="1" t="s">
        <v>222698</v>
      </c>
      <c r="J72143" s="1" t="s">
        <v>241333</v>
      </c>
    </row>
    <row r="72144" spans="1:10" x14ac:dyDescent="0.35">
      <c r="A72144" s="1" t="s">
        <v>1651</v>
      </c>
      <c r="B72144" s="1" t="s">
        <v>222693</v>
      </c>
      <c r="C72144" s="1" t="s">
        <v>30</v>
      </c>
      <c r="D72144" s="1" t="s">
        <v>64022</v>
      </c>
      <c r="E72144" s="1" t="s">
        <v>241334</v>
      </c>
      <c r="F72144" s="1" t="s">
        <v>241335</v>
      </c>
      <c r="G72144" s="1" t="s">
        <v>241322</v>
      </c>
      <c r="H72144" s="1" t="s">
        <v>241323</v>
      </c>
      <c r="I72144" s="1" t="s">
        <v>222698</v>
      </c>
      <c r="J72144" s="1" t="s">
        <v>241336</v>
      </c>
    </row>
    <row r="72145" spans="1:10" x14ac:dyDescent="0.35">
      <c r="A72145" s="1" t="s">
        <v>1651</v>
      </c>
      <c r="B72145" s="1" t="s">
        <v>222693</v>
      </c>
      <c r="C72145" s="1" t="s">
        <v>35</v>
      </c>
      <c r="D72145" s="1" t="s">
        <v>96189</v>
      </c>
      <c r="E72145" s="1" t="s">
        <v>241337</v>
      </c>
      <c r="F72145" s="1" t="s">
        <v>241338</v>
      </c>
      <c r="G72145" s="1" t="s">
        <v>241322</v>
      </c>
      <c r="H72145" s="1" t="s">
        <v>241323</v>
      </c>
      <c r="I72145" s="1" t="s">
        <v>222698</v>
      </c>
      <c r="J72145" s="1" t="s">
        <v>241339</v>
      </c>
    </row>
    <row r="72146" spans="1:10" x14ac:dyDescent="0.35">
      <c r="A72146" s="1" t="s">
        <v>1651</v>
      </c>
      <c r="B72146" s="1" t="s">
        <v>222693</v>
      </c>
      <c r="C72146" s="1" t="s">
        <v>40</v>
      </c>
      <c r="D72146" s="1" t="s">
        <v>241340</v>
      </c>
      <c r="E72146" s="1" t="s">
        <v>241341</v>
      </c>
      <c r="F72146" s="1" t="s">
        <v>241342</v>
      </c>
      <c r="G72146" s="1" t="s">
        <v>241322</v>
      </c>
      <c r="H72146" s="1" t="s">
        <v>241323</v>
      </c>
      <c r="I72146" s="1" t="s">
        <v>222698</v>
      </c>
      <c r="J72146" s="1" t="s">
        <v>241343</v>
      </c>
    </row>
    <row r="72147" spans="1:10" x14ac:dyDescent="0.35">
      <c r="A72147" s="1" t="s">
        <v>1651</v>
      </c>
      <c r="B72147" s="1" t="s">
        <v>222693</v>
      </c>
      <c r="C72147" s="1" t="s">
        <v>45</v>
      </c>
      <c r="D72147" s="1" t="s">
        <v>68171</v>
      </c>
      <c r="E72147" s="1" t="s">
        <v>241344</v>
      </c>
      <c r="F72147" s="1" t="s">
        <v>241345</v>
      </c>
      <c r="G72147" s="1" t="s">
        <v>241322</v>
      </c>
      <c r="H72147" s="1" t="s">
        <v>241323</v>
      </c>
      <c r="I72147" s="1" t="s">
        <v>222698</v>
      </c>
      <c r="J72147" s="1" t="s">
        <v>241346</v>
      </c>
    </row>
    <row r="72148" spans="1:10" x14ac:dyDescent="0.35">
      <c r="A72148" s="1" t="s">
        <v>1651</v>
      </c>
      <c r="B72148" s="1" t="s">
        <v>222693</v>
      </c>
      <c r="C72148" s="1" t="s">
        <v>50</v>
      </c>
      <c r="D72148" s="1" t="s">
        <v>26356</v>
      </c>
      <c r="E72148" s="1" t="s">
        <v>241347</v>
      </c>
      <c r="F72148" s="1" t="s">
        <v>241348</v>
      </c>
      <c r="G72148" s="1" t="s">
        <v>241322</v>
      </c>
      <c r="H72148" s="1" t="s">
        <v>241323</v>
      </c>
      <c r="I72148" s="1" t="s">
        <v>222698</v>
      </c>
      <c r="J72148" s="1" t="s">
        <v>241349</v>
      </c>
    </row>
    <row r="72149" spans="1:10" x14ac:dyDescent="0.35">
      <c r="A72149" s="1" t="s">
        <v>1651</v>
      </c>
      <c r="B72149" s="1" t="s">
        <v>222693</v>
      </c>
      <c r="C72149" s="1" t="s">
        <v>55</v>
      </c>
      <c r="D72149" s="1" t="s">
        <v>200365</v>
      </c>
      <c r="E72149" s="1" t="s">
        <v>241350</v>
      </c>
      <c r="F72149" s="1" t="s">
        <v>241351</v>
      </c>
      <c r="G72149" s="1" t="s">
        <v>241322</v>
      </c>
      <c r="H72149" s="1" t="s">
        <v>241323</v>
      </c>
      <c r="I72149" s="1" t="s">
        <v>222698</v>
      </c>
      <c r="J72149" s="1" t="s">
        <v>241352</v>
      </c>
    </row>
    <row r="72150" spans="1:10" x14ac:dyDescent="0.35">
      <c r="A72150" s="1" t="s">
        <v>1651</v>
      </c>
      <c r="B72150" s="1" t="s">
        <v>222693</v>
      </c>
      <c r="C72150" s="1" t="s">
        <v>60</v>
      </c>
      <c r="D72150" s="1" t="s">
        <v>188668</v>
      </c>
      <c r="E72150" s="1" t="s">
        <v>241353</v>
      </c>
      <c r="F72150" s="1" t="s">
        <v>241354</v>
      </c>
      <c r="G72150" s="1" t="s">
        <v>241322</v>
      </c>
      <c r="H72150" s="1" t="s">
        <v>241323</v>
      </c>
      <c r="I72150" s="1" t="s">
        <v>222698</v>
      </c>
      <c r="J72150" s="1" t="s">
        <v>241355</v>
      </c>
    </row>
    <row r="72151" spans="1:10" x14ac:dyDescent="0.35">
      <c r="A72151" s="1" t="s">
        <v>1651</v>
      </c>
      <c r="B72151" s="1" t="s">
        <v>222693</v>
      </c>
      <c r="C72151" s="1" t="s">
        <v>65</v>
      </c>
      <c r="D72151" s="1" t="s">
        <v>93055</v>
      </c>
      <c r="E72151" s="1" t="s">
        <v>241356</v>
      </c>
      <c r="F72151" s="1" t="s">
        <v>241357</v>
      </c>
      <c r="G72151" s="1" t="s">
        <v>241322</v>
      </c>
      <c r="H72151" s="1" t="s">
        <v>241323</v>
      </c>
      <c r="I72151" s="1" t="s">
        <v>222698</v>
      </c>
      <c r="J72151" s="1" t="s">
        <v>241358</v>
      </c>
    </row>
    <row r="72152" spans="1:10" x14ac:dyDescent="0.35">
      <c r="A72152" s="1" t="s">
        <v>1651</v>
      </c>
      <c r="B72152" s="1" t="s">
        <v>222693</v>
      </c>
      <c r="C72152" s="1" t="s">
        <v>70</v>
      </c>
      <c r="D72152" s="1" t="s">
        <v>241359</v>
      </c>
      <c r="E72152" s="1" t="s">
        <v>241360</v>
      </c>
      <c r="F72152" s="1" t="s">
        <v>241361</v>
      </c>
      <c r="G72152" s="1" t="s">
        <v>241322</v>
      </c>
      <c r="H72152" s="1" t="s">
        <v>241323</v>
      </c>
      <c r="I72152" s="1" t="s">
        <v>222698</v>
      </c>
      <c r="J72152" s="1" t="s">
        <v>241362</v>
      </c>
    </row>
    <row r="72153" spans="1:10" x14ac:dyDescent="0.35">
      <c r="A72153" s="1" t="s">
        <v>1651</v>
      </c>
      <c r="B72153" s="1" t="s">
        <v>222693</v>
      </c>
      <c r="C72153" s="1" t="s">
        <v>75</v>
      </c>
      <c r="D72153" s="1" t="s">
        <v>54306</v>
      </c>
      <c r="E72153" s="1" t="s">
        <v>241363</v>
      </c>
      <c r="F72153" s="1" t="s">
        <v>241364</v>
      </c>
      <c r="G72153" s="1" t="s">
        <v>241322</v>
      </c>
      <c r="H72153" s="1" t="s">
        <v>241323</v>
      </c>
      <c r="I72153" s="1" t="s">
        <v>222698</v>
      </c>
      <c r="J72153" s="1" t="s">
        <v>241365</v>
      </c>
    </row>
    <row r="72154" spans="1:10" x14ac:dyDescent="0.35">
      <c r="A72154" s="1" t="s">
        <v>1651</v>
      </c>
      <c r="B72154" s="1" t="s">
        <v>222693</v>
      </c>
      <c r="C72154" s="1" t="s">
        <v>80</v>
      </c>
      <c r="D72154" s="1" t="s">
        <v>95988</v>
      </c>
      <c r="E72154" s="1" t="s">
        <v>241366</v>
      </c>
      <c r="F72154" s="1" t="s">
        <v>241367</v>
      </c>
      <c r="G72154" s="1" t="s">
        <v>241322</v>
      </c>
      <c r="H72154" s="1" t="s">
        <v>241323</v>
      </c>
      <c r="I72154" s="1" t="s">
        <v>222698</v>
      </c>
      <c r="J72154" s="1" t="s">
        <v>241368</v>
      </c>
    </row>
    <row r="72155" spans="1:10" x14ac:dyDescent="0.35">
      <c r="A72155" s="1" t="s">
        <v>1651</v>
      </c>
      <c r="B72155" s="1" t="s">
        <v>222693</v>
      </c>
      <c r="C72155" s="1" t="s">
        <v>85</v>
      </c>
      <c r="D72155" s="1" t="s">
        <v>4939</v>
      </c>
      <c r="E72155" s="1" t="s">
        <v>241369</v>
      </c>
      <c r="F72155" s="1" t="s">
        <v>241370</v>
      </c>
      <c r="G72155" s="1" t="s">
        <v>241322</v>
      </c>
      <c r="H72155" s="1" t="s">
        <v>241323</v>
      </c>
      <c r="I72155" s="1" t="s">
        <v>222698</v>
      </c>
      <c r="J72155" s="1" t="s">
        <v>241371</v>
      </c>
    </row>
    <row r="72156" spans="1:10" x14ac:dyDescent="0.35">
      <c r="A72156" s="1" t="s">
        <v>1651</v>
      </c>
      <c r="B72156" s="1" t="s">
        <v>222693</v>
      </c>
      <c r="C72156" s="1" t="s">
        <v>90</v>
      </c>
      <c r="D72156" s="1" t="s">
        <v>26902</v>
      </c>
      <c r="E72156" s="1" t="s">
        <v>241372</v>
      </c>
      <c r="F72156" s="1" t="s">
        <v>241373</v>
      </c>
      <c r="G72156" s="1" t="s">
        <v>241322</v>
      </c>
      <c r="H72156" s="1" t="s">
        <v>241323</v>
      </c>
      <c r="I72156" s="1" t="s">
        <v>222698</v>
      </c>
      <c r="J72156" s="1" t="s">
        <v>241374</v>
      </c>
    </row>
    <row r="72157" spans="1:10" x14ac:dyDescent="0.35">
      <c r="A72157" s="1" t="s">
        <v>1651</v>
      </c>
      <c r="B72157" s="1" t="s">
        <v>222693</v>
      </c>
      <c r="C72157" s="1" t="s">
        <v>95</v>
      </c>
      <c r="D72157" s="1" t="s">
        <v>93442</v>
      </c>
      <c r="E72157" s="1" t="s">
        <v>241375</v>
      </c>
      <c r="F72157" s="1" t="s">
        <v>241376</v>
      </c>
      <c r="G72157" s="1" t="s">
        <v>241322</v>
      </c>
      <c r="H72157" s="1" t="s">
        <v>241323</v>
      </c>
      <c r="I72157" s="1" t="s">
        <v>222698</v>
      </c>
      <c r="J72157" s="1" t="s">
        <v>241377</v>
      </c>
    </row>
    <row r="72158" spans="1:10" x14ac:dyDescent="0.35">
      <c r="A72158" s="1" t="s">
        <v>1651</v>
      </c>
      <c r="B72158" s="1" t="s">
        <v>222693</v>
      </c>
      <c r="C72158" s="1" t="s">
        <v>100</v>
      </c>
      <c r="D72158" s="1" t="s">
        <v>68437</v>
      </c>
      <c r="E72158" s="1" t="s">
        <v>241378</v>
      </c>
      <c r="F72158" s="1" t="s">
        <v>241379</v>
      </c>
      <c r="G72158" s="1" t="s">
        <v>241322</v>
      </c>
      <c r="H72158" s="1" t="s">
        <v>241323</v>
      </c>
      <c r="I72158" s="1" t="s">
        <v>222698</v>
      </c>
      <c r="J72158" s="1" t="s">
        <v>241380</v>
      </c>
    </row>
    <row r="72159" spans="1:10" x14ac:dyDescent="0.35">
      <c r="A72159" s="1" t="s">
        <v>1651</v>
      </c>
      <c r="B72159" s="1" t="s">
        <v>222693</v>
      </c>
      <c r="C72159" s="1" t="s">
        <v>105</v>
      </c>
      <c r="D72159" s="1" t="s">
        <v>241381</v>
      </c>
      <c r="E72159" s="1" t="s">
        <v>241382</v>
      </c>
      <c r="F72159" s="1" t="s">
        <v>241383</v>
      </c>
      <c r="G72159" s="1" t="s">
        <v>241322</v>
      </c>
      <c r="H72159" s="1" t="s">
        <v>241323</v>
      </c>
      <c r="I72159" s="1" t="s">
        <v>222698</v>
      </c>
      <c r="J72159" s="1" t="s">
        <v>241384</v>
      </c>
    </row>
    <row r="72160" spans="1:10" x14ac:dyDescent="0.35">
      <c r="A72160" s="1" t="s">
        <v>1651</v>
      </c>
      <c r="B72160" s="1" t="s">
        <v>222693</v>
      </c>
      <c r="C72160" s="1" t="s">
        <v>110</v>
      </c>
      <c r="D72160" s="1" t="s">
        <v>137438</v>
      </c>
      <c r="E72160" s="1" t="s">
        <v>241385</v>
      </c>
      <c r="F72160" s="1" t="s">
        <v>241386</v>
      </c>
      <c r="G72160" s="1" t="s">
        <v>241322</v>
      </c>
      <c r="H72160" s="1" t="s">
        <v>241323</v>
      </c>
      <c r="I72160" s="1" t="s">
        <v>222698</v>
      </c>
      <c r="J72160" s="1" t="s">
        <v>241387</v>
      </c>
    </row>
    <row r="72161" spans="1:10" x14ac:dyDescent="0.35">
      <c r="A72161" s="1" t="s">
        <v>1651</v>
      </c>
      <c r="B72161" s="1" t="s">
        <v>222693</v>
      </c>
      <c r="C72161" s="1" t="s">
        <v>115</v>
      </c>
      <c r="D72161" s="1" t="s">
        <v>62854</v>
      </c>
      <c r="E72161" s="1" t="s">
        <v>241388</v>
      </c>
      <c r="F72161" s="1" t="s">
        <v>241389</v>
      </c>
      <c r="G72161" s="1" t="s">
        <v>241322</v>
      </c>
      <c r="H72161" s="1" t="s">
        <v>241323</v>
      </c>
      <c r="I72161" s="1" t="s">
        <v>222698</v>
      </c>
      <c r="J72161" s="1" t="s">
        <v>241390</v>
      </c>
    </row>
    <row r="72162" spans="1:10" x14ac:dyDescent="0.35">
      <c r="A72162" s="1" t="s">
        <v>1651</v>
      </c>
      <c r="B72162" s="1" t="s">
        <v>222693</v>
      </c>
      <c r="C72162" s="1" t="s">
        <v>120</v>
      </c>
      <c r="D72162" s="1" t="s">
        <v>56835</v>
      </c>
      <c r="E72162" s="1" t="s">
        <v>241391</v>
      </c>
      <c r="F72162" s="1" t="s">
        <v>241392</v>
      </c>
      <c r="G72162" s="1" t="s">
        <v>241322</v>
      </c>
      <c r="H72162" s="1" t="s">
        <v>241323</v>
      </c>
      <c r="I72162" s="1" t="s">
        <v>222698</v>
      </c>
      <c r="J72162" s="1" t="s">
        <v>241393</v>
      </c>
    </row>
    <row r="72163" spans="1:10" x14ac:dyDescent="0.35">
      <c r="A72163" s="1" t="s">
        <v>1651</v>
      </c>
      <c r="B72163" s="1" t="s">
        <v>222693</v>
      </c>
      <c r="C72163" s="1" t="s">
        <v>125</v>
      </c>
      <c r="D72163" s="1" t="s">
        <v>76607</v>
      </c>
      <c r="E72163" s="1" t="s">
        <v>241394</v>
      </c>
      <c r="F72163" s="1" t="s">
        <v>241395</v>
      </c>
      <c r="G72163" s="1" t="s">
        <v>241322</v>
      </c>
      <c r="H72163" s="1" t="s">
        <v>241323</v>
      </c>
      <c r="I72163" s="1" t="s">
        <v>222698</v>
      </c>
      <c r="J72163" s="1" t="s">
        <v>241396</v>
      </c>
    </row>
    <row r="72164" spans="1:10" x14ac:dyDescent="0.35">
      <c r="A72164" s="1" t="s">
        <v>1651</v>
      </c>
      <c r="B72164" s="1" t="s">
        <v>222693</v>
      </c>
      <c r="C72164" s="1" t="s">
        <v>130</v>
      </c>
      <c r="D72164" s="1" t="s">
        <v>240077</v>
      </c>
      <c r="E72164" s="1" t="s">
        <v>241397</v>
      </c>
      <c r="F72164" s="1" t="s">
        <v>241398</v>
      </c>
      <c r="G72164" s="1" t="s">
        <v>241322</v>
      </c>
      <c r="H72164" s="1" t="s">
        <v>241323</v>
      </c>
      <c r="I72164" s="1" t="s">
        <v>222698</v>
      </c>
      <c r="J72164" s="1" t="s">
        <v>241399</v>
      </c>
    </row>
    <row r="72165" spans="1:10" x14ac:dyDescent="0.35">
      <c r="A72165" s="1" t="s">
        <v>1651</v>
      </c>
      <c r="B72165" s="1" t="s">
        <v>222693</v>
      </c>
      <c r="C72165" s="1" t="s">
        <v>135</v>
      </c>
      <c r="D72165" s="1" t="s">
        <v>241400</v>
      </c>
      <c r="E72165" s="1" t="s">
        <v>241401</v>
      </c>
      <c r="F72165" s="1" t="s">
        <v>241402</v>
      </c>
      <c r="G72165" s="1" t="s">
        <v>241322</v>
      </c>
      <c r="H72165" s="1" t="s">
        <v>241323</v>
      </c>
      <c r="I72165" s="1" t="s">
        <v>222698</v>
      </c>
      <c r="J72165" s="1" t="s">
        <v>241403</v>
      </c>
    </row>
    <row r="72166" spans="1:10" x14ac:dyDescent="0.35">
      <c r="A72166" s="1" t="s">
        <v>1651</v>
      </c>
      <c r="B72166" s="1" t="s">
        <v>222693</v>
      </c>
      <c r="C72166" s="1" t="s">
        <v>140</v>
      </c>
      <c r="D72166" s="1" t="s">
        <v>22771</v>
      </c>
      <c r="E72166" s="1" t="s">
        <v>241404</v>
      </c>
      <c r="F72166" s="1" t="s">
        <v>241405</v>
      </c>
      <c r="G72166" s="1" t="s">
        <v>241322</v>
      </c>
      <c r="H72166" s="1" t="s">
        <v>241323</v>
      </c>
      <c r="I72166" s="1" t="s">
        <v>222698</v>
      </c>
      <c r="J72166" s="1" t="s">
        <v>241406</v>
      </c>
    </row>
    <row r="72167" spans="1:10" x14ac:dyDescent="0.35">
      <c r="A72167" s="1" t="s">
        <v>1651</v>
      </c>
      <c r="B72167" s="1" t="s">
        <v>222693</v>
      </c>
      <c r="C72167" s="1" t="s">
        <v>145</v>
      </c>
      <c r="D72167" s="1" t="s">
        <v>66590</v>
      </c>
      <c r="E72167" s="1" t="s">
        <v>241407</v>
      </c>
      <c r="F72167" s="1" t="s">
        <v>241408</v>
      </c>
      <c r="G72167" s="1" t="s">
        <v>241322</v>
      </c>
      <c r="H72167" s="1" t="s">
        <v>241323</v>
      </c>
      <c r="I72167" s="1" t="s">
        <v>222698</v>
      </c>
      <c r="J72167" s="1" t="s">
        <v>241409</v>
      </c>
    </row>
    <row r="72168" spans="1:10" x14ac:dyDescent="0.35">
      <c r="A72168" s="1" t="s">
        <v>1651</v>
      </c>
      <c r="B72168" s="1" t="s">
        <v>222693</v>
      </c>
      <c r="C72168" s="1" t="s">
        <v>150</v>
      </c>
      <c r="D72168" s="1" t="s">
        <v>76719</v>
      </c>
      <c r="E72168" s="1" t="s">
        <v>241410</v>
      </c>
      <c r="F72168" s="1" t="s">
        <v>241411</v>
      </c>
      <c r="G72168" s="1" t="s">
        <v>241322</v>
      </c>
      <c r="H72168" s="1" t="s">
        <v>241323</v>
      </c>
      <c r="I72168" s="1" t="s">
        <v>222698</v>
      </c>
      <c r="J72168" s="1" t="s">
        <v>241412</v>
      </c>
    </row>
    <row r="72169" spans="1:10" x14ac:dyDescent="0.35">
      <c r="A72169" s="1" t="s">
        <v>1651</v>
      </c>
      <c r="B72169" s="1" t="s">
        <v>222693</v>
      </c>
      <c r="C72169" s="1" t="s">
        <v>155</v>
      </c>
      <c r="D72169" s="1" t="s">
        <v>241413</v>
      </c>
      <c r="E72169" s="1" t="s">
        <v>241414</v>
      </c>
      <c r="F72169" s="1" t="s">
        <v>241415</v>
      </c>
      <c r="G72169" s="1" t="s">
        <v>241322</v>
      </c>
      <c r="H72169" s="1" t="s">
        <v>241323</v>
      </c>
      <c r="I72169" s="1" t="s">
        <v>222698</v>
      </c>
      <c r="J72169" s="1" t="s">
        <v>241416</v>
      </c>
    </row>
    <row r="72170" spans="1:10" x14ac:dyDescent="0.35">
      <c r="A72170" s="1" t="s">
        <v>1651</v>
      </c>
      <c r="B72170" s="1" t="s">
        <v>222693</v>
      </c>
      <c r="C72170" s="1" t="s">
        <v>160</v>
      </c>
      <c r="D72170" s="1" t="s">
        <v>103279</v>
      </c>
      <c r="E72170" s="1" t="s">
        <v>241417</v>
      </c>
      <c r="F72170" s="1" t="s">
        <v>241418</v>
      </c>
      <c r="G72170" s="1" t="s">
        <v>241322</v>
      </c>
      <c r="H72170" s="1" t="s">
        <v>241323</v>
      </c>
      <c r="I72170" s="1" t="s">
        <v>222698</v>
      </c>
      <c r="J72170" s="1" t="s">
        <v>241419</v>
      </c>
    </row>
    <row r="72171" spans="1:10" x14ac:dyDescent="0.35">
      <c r="A72171" s="1" t="s">
        <v>1651</v>
      </c>
      <c r="B72171" s="1" t="s">
        <v>222693</v>
      </c>
      <c r="C72171" s="1" t="s">
        <v>165</v>
      </c>
      <c r="D72171" s="1" t="s">
        <v>63100</v>
      </c>
      <c r="E72171" s="1" t="s">
        <v>241420</v>
      </c>
      <c r="F72171" s="1" t="s">
        <v>241421</v>
      </c>
      <c r="G72171" s="1" t="s">
        <v>241322</v>
      </c>
      <c r="H72171" s="1" t="s">
        <v>241323</v>
      </c>
      <c r="I72171" s="1" t="s">
        <v>222698</v>
      </c>
      <c r="J72171" s="1" t="s">
        <v>241422</v>
      </c>
    </row>
    <row r="72172" spans="1:10" x14ac:dyDescent="0.35">
      <c r="A72172" s="1" t="s">
        <v>1651</v>
      </c>
      <c r="B72172" s="1" t="s">
        <v>222693</v>
      </c>
      <c r="C72172" s="1" t="s">
        <v>170</v>
      </c>
      <c r="D72172" s="1" t="s">
        <v>241423</v>
      </c>
      <c r="E72172" s="1" t="s">
        <v>241424</v>
      </c>
      <c r="F72172" s="1" t="s">
        <v>241425</v>
      </c>
      <c r="G72172" s="1" t="s">
        <v>241322</v>
      </c>
      <c r="H72172" s="1" t="s">
        <v>241323</v>
      </c>
      <c r="I72172" s="1" t="s">
        <v>222698</v>
      </c>
      <c r="J72172" s="1" t="s">
        <v>241426</v>
      </c>
    </row>
    <row r="72173" spans="1:10" x14ac:dyDescent="0.35">
      <c r="A72173" s="1" t="s">
        <v>10209</v>
      </c>
      <c r="B72173" s="1" t="s">
        <v>222693</v>
      </c>
      <c r="C72173" s="1" t="s">
        <v>8</v>
      </c>
      <c r="D72173" s="1" t="s">
        <v>61172</v>
      </c>
      <c r="E72173" s="1" t="s">
        <v>241427</v>
      </c>
      <c r="F72173" s="1" t="s">
        <v>241428</v>
      </c>
      <c r="G72173" s="1" t="s">
        <v>241429</v>
      </c>
      <c r="H72173" s="1" t="s">
        <v>241430</v>
      </c>
      <c r="I72173" s="1" t="s">
        <v>222698</v>
      </c>
      <c r="J72173" s="1" t="s">
        <v>13</v>
      </c>
    </row>
    <row r="72174" spans="1:10" x14ac:dyDescent="0.35">
      <c r="A72174" s="1" t="s">
        <v>10209</v>
      </c>
      <c r="B72174" s="1" t="s">
        <v>222693</v>
      </c>
      <c r="C72174" s="1" t="s">
        <v>15</v>
      </c>
      <c r="D72174" s="1" t="s">
        <v>55559</v>
      </c>
      <c r="E72174" s="1" t="s">
        <v>241431</v>
      </c>
      <c r="F72174" s="1" t="s">
        <v>241432</v>
      </c>
      <c r="G72174" s="1" t="s">
        <v>241429</v>
      </c>
      <c r="H72174" s="1" t="s">
        <v>241430</v>
      </c>
      <c r="I72174" s="1" t="s">
        <v>222698</v>
      </c>
      <c r="J72174" s="1" t="s">
        <v>241433</v>
      </c>
    </row>
    <row r="72175" spans="1:10" x14ac:dyDescent="0.35">
      <c r="A72175" s="1" t="s">
        <v>10209</v>
      </c>
      <c r="B72175" s="1" t="s">
        <v>222693</v>
      </c>
      <c r="C72175" s="1" t="s">
        <v>20</v>
      </c>
      <c r="D72175" s="1" t="s">
        <v>162437</v>
      </c>
      <c r="E72175" s="1" t="s">
        <v>241434</v>
      </c>
      <c r="F72175" s="1" t="s">
        <v>241435</v>
      </c>
      <c r="G72175" s="1" t="s">
        <v>241429</v>
      </c>
      <c r="H72175" s="1" t="s">
        <v>241430</v>
      </c>
      <c r="I72175" s="1" t="s">
        <v>222698</v>
      </c>
      <c r="J72175" s="1" t="s">
        <v>241436</v>
      </c>
    </row>
    <row r="72176" spans="1:10" x14ac:dyDescent="0.35">
      <c r="A72176" s="1" t="s">
        <v>10209</v>
      </c>
      <c r="B72176" s="1" t="s">
        <v>222693</v>
      </c>
      <c r="C72176" s="1" t="s">
        <v>25</v>
      </c>
      <c r="D72176" s="1" t="s">
        <v>241437</v>
      </c>
      <c r="E72176" s="1" t="s">
        <v>241438</v>
      </c>
      <c r="F72176" s="1" t="s">
        <v>241439</v>
      </c>
      <c r="G72176" s="1" t="s">
        <v>241429</v>
      </c>
      <c r="H72176" s="1" t="s">
        <v>241430</v>
      </c>
      <c r="I72176" s="1" t="s">
        <v>222698</v>
      </c>
      <c r="J72176" s="1" t="s">
        <v>241440</v>
      </c>
    </row>
    <row r="72177" spans="1:10" x14ac:dyDescent="0.35">
      <c r="A72177" s="1" t="s">
        <v>10209</v>
      </c>
      <c r="B72177" s="1" t="s">
        <v>222693</v>
      </c>
      <c r="C72177" s="1" t="s">
        <v>30</v>
      </c>
      <c r="D72177" s="1" t="s">
        <v>68322</v>
      </c>
      <c r="E72177" s="1" t="s">
        <v>241441</v>
      </c>
      <c r="F72177" s="1" t="s">
        <v>241442</v>
      </c>
      <c r="G72177" s="1" t="s">
        <v>241429</v>
      </c>
      <c r="H72177" s="1" t="s">
        <v>241430</v>
      </c>
      <c r="I72177" s="1" t="s">
        <v>222698</v>
      </c>
      <c r="J72177" s="1" t="s">
        <v>241443</v>
      </c>
    </row>
    <row r="72178" spans="1:10" x14ac:dyDescent="0.35">
      <c r="A72178" s="1" t="s">
        <v>10209</v>
      </c>
      <c r="B72178" s="1" t="s">
        <v>222693</v>
      </c>
      <c r="C72178" s="1" t="s">
        <v>35</v>
      </c>
      <c r="D72178" s="1" t="s">
        <v>70176</v>
      </c>
      <c r="E72178" s="1" t="s">
        <v>241444</v>
      </c>
      <c r="F72178" s="1" t="s">
        <v>241445</v>
      </c>
      <c r="G72178" s="1" t="s">
        <v>241429</v>
      </c>
      <c r="H72178" s="1" t="s">
        <v>241430</v>
      </c>
      <c r="I72178" s="1" t="s">
        <v>222698</v>
      </c>
      <c r="J72178" s="1" t="s">
        <v>241446</v>
      </c>
    </row>
    <row r="72179" spans="1:10" x14ac:dyDescent="0.35">
      <c r="A72179" s="1" t="s">
        <v>10209</v>
      </c>
      <c r="B72179" s="1" t="s">
        <v>222693</v>
      </c>
      <c r="C72179" s="1" t="s">
        <v>40</v>
      </c>
      <c r="D72179" s="1" t="s">
        <v>241447</v>
      </c>
      <c r="E72179" s="1" t="s">
        <v>241448</v>
      </c>
      <c r="F72179" s="1" t="s">
        <v>241449</v>
      </c>
      <c r="G72179" s="1" t="s">
        <v>241429</v>
      </c>
      <c r="H72179" s="1" t="s">
        <v>241430</v>
      </c>
      <c r="I72179" s="1" t="s">
        <v>222698</v>
      </c>
      <c r="J72179" s="1" t="s">
        <v>241450</v>
      </c>
    </row>
    <row r="72180" spans="1:10" x14ac:dyDescent="0.35">
      <c r="A72180" s="1" t="s">
        <v>10209</v>
      </c>
      <c r="B72180" s="1" t="s">
        <v>222693</v>
      </c>
      <c r="C72180" s="1" t="s">
        <v>45</v>
      </c>
      <c r="D72180" s="1" t="s">
        <v>166369</v>
      </c>
      <c r="E72180" s="1" t="s">
        <v>241451</v>
      </c>
      <c r="F72180" s="1" t="s">
        <v>241452</v>
      </c>
      <c r="G72180" s="1" t="s">
        <v>241429</v>
      </c>
      <c r="H72180" s="1" t="s">
        <v>241430</v>
      </c>
      <c r="I72180" s="1" t="s">
        <v>222698</v>
      </c>
      <c r="J72180" s="1" t="s">
        <v>241453</v>
      </c>
    </row>
    <row r="72181" spans="1:10" x14ac:dyDescent="0.35">
      <c r="A72181" s="1" t="s">
        <v>10209</v>
      </c>
      <c r="B72181" s="1" t="s">
        <v>222693</v>
      </c>
      <c r="C72181" s="1" t="s">
        <v>50</v>
      </c>
      <c r="D72181" s="1" t="s">
        <v>70075</v>
      </c>
      <c r="E72181" s="1" t="s">
        <v>241454</v>
      </c>
      <c r="F72181" s="1" t="s">
        <v>241455</v>
      </c>
      <c r="G72181" s="1" t="s">
        <v>241429</v>
      </c>
      <c r="H72181" s="1" t="s">
        <v>241430</v>
      </c>
      <c r="I72181" s="1" t="s">
        <v>222698</v>
      </c>
      <c r="J72181" s="1" t="s">
        <v>241456</v>
      </c>
    </row>
    <row r="72182" spans="1:10" x14ac:dyDescent="0.35">
      <c r="A72182" s="1" t="s">
        <v>10209</v>
      </c>
      <c r="B72182" s="1" t="s">
        <v>222693</v>
      </c>
      <c r="C72182" s="1" t="s">
        <v>55</v>
      </c>
      <c r="D72182" s="1" t="s">
        <v>237734</v>
      </c>
      <c r="E72182" s="1" t="s">
        <v>241457</v>
      </c>
      <c r="F72182" s="1" t="s">
        <v>241458</v>
      </c>
      <c r="G72182" s="1" t="s">
        <v>241429</v>
      </c>
      <c r="H72182" s="1" t="s">
        <v>241430</v>
      </c>
      <c r="I72182" s="1" t="s">
        <v>222698</v>
      </c>
      <c r="J72182" s="1" t="s">
        <v>241459</v>
      </c>
    </row>
    <row r="72183" spans="1:10" x14ac:dyDescent="0.35">
      <c r="A72183" s="1" t="s">
        <v>10209</v>
      </c>
      <c r="B72183" s="1" t="s">
        <v>222693</v>
      </c>
      <c r="C72183" s="1" t="s">
        <v>60</v>
      </c>
      <c r="D72183" s="1" t="s">
        <v>130067</v>
      </c>
      <c r="E72183" s="1" t="s">
        <v>241460</v>
      </c>
      <c r="F72183" s="1" t="s">
        <v>241461</v>
      </c>
      <c r="G72183" s="1" t="s">
        <v>241429</v>
      </c>
      <c r="H72183" s="1" t="s">
        <v>241430</v>
      </c>
      <c r="I72183" s="1" t="s">
        <v>222698</v>
      </c>
      <c r="J72183" s="1" t="s">
        <v>241462</v>
      </c>
    </row>
    <row r="72184" spans="1:10" x14ac:dyDescent="0.35">
      <c r="A72184" s="1" t="s">
        <v>10209</v>
      </c>
      <c r="B72184" s="1" t="s">
        <v>222693</v>
      </c>
      <c r="C72184" s="1" t="s">
        <v>65</v>
      </c>
      <c r="D72184" s="1" t="s">
        <v>134570</v>
      </c>
      <c r="E72184" s="1" t="s">
        <v>241463</v>
      </c>
      <c r="F72184" s="1" t="s">
        <v>241464</v>
      </c>
      <c r="G72184" s="1" t="s">
        <v>241429</v>
      </c>
      <c r="H72184" s="1" t="s">
        <v>241430</v>
      </c>
      <c r="I72184" s="1" t="s">
        <v>222698</v>
      </c>
      <c r="J72184" s="1" t="s">
        <v>241465</v>
      </c>
    </row>
    <row r="72185" spans="1:10" x14ac:dyDescent="0.35">
      <c r="A72185" s="1" t="s">
        <v>10209</v>
      </c>
      <c r="B72185" s="1" t="s">
        <v>222693</v>
      </c>
      <c r="C72185" s="1" t="s">
        <v>70</v>
      </c>
      <c r="D72185" s="1" t="s">
        <v>241466</v>
      </c>
      <c r="E72185" s="1" t="s">
        <v>241467</v>
      </c>
      <c r="F72185" s="1" t="s">
        <v>241468</v>
      </c>
      <c r="G72185" s="1" t="s">
        <v>241429</v>
      </c>
      <c r="H72185" s="1" t="s">
        <v>241430</v>
      </c>
      <c r="I72185" s="1" t="s">
        <v>222698</v>
      </c>
      <c r="J72185" s="1" t="s">
        <v>241469</v>
      </c>
    </row>
    <row r="72186" spans="1:10" x14ac:dyDescent="0.35">
      <c r="A72186" s="1" t="s">
        <v>10209</v>
      </c>
      <c r="B72186" s="1" t="s">
        <v>222693</v>
      </c>
      <c r="C72186" s="1" t="s">
        <v>75</v>
      </c>
      <c r="D72186" s="1" t="s">
        <v>241470</v>
      </c>
      <c r="E72186" s="1" t="s">
        <v>241471</v>
      </c>
      <c r="F72186" s="1" t="s">
        <v>241472</v>
      </c>
      <c r="G72186" s="1" t="s">
        <v>241429</v>
      </c>
      <c r="H72186" s="1" t="s">
        <v>241430</v>
      </c>
      <c r="I72186" s="1" t="s">
        <v>222698</v>
      </c>
      <c r="J72186" s="1" t="s">
        <v>241473</v>
      </c>
    </row>
    <row r="72187" spans="1:10" x14ac:dyDescent="0.35">
      <c r="A72187" s="1" t="s">
        <v>10209</v>
      </c>
      <c r="B72187" s="1" t="s">
        <v>222693</v>
      </c>
      <c r="C72187" s="1" t="s">
        <v>80</v>
      </c>
      <c r="D72187" s="1" t="s">
        <v>27282</v>
      </c>
      <c r="E72187" s="1" t="s">
        <v>241474</v>
      </c>
      <c r="F72187" s="1" t="s">
        <v>241475</v>
      </c>
      <c r="G72187" s="1" t="s">
        <v>241429</v>
      </c>
      <c r="H72187" s="1" t="s">
        <v>241430</v>
      </c>
      <c r="I72187" s="1" t="s">
        <v>222698</v>
      </c>
      <c r="J72187" s="1" t="s">
        <v>241476</v>
      </c>
    </row>
    <row r="72188" spans="1:10" x14ac:dyDescent="0.35">
      <c r="A72188" s="1" t="s">
        <v>10209</v>
      </c>
      <c r="B72188" s="1" t="s">
        <v>222693</v>
      </c>
      <c r="C72188" s="1" t="s">
        <v>85</v>
      </c>
      <c r="D72188" s="1" t="s">
        <v>241477</v>
      </c>
      <c r="E72188" s="1" t="s">
        <v>241478</v>
      </c>
      <c r="F72188" s="1" t="s">
        <v>241479</v>
      </c>
      <c r="G72188" s="1" t="s">
        <v>241429</v>
      </c>
      <c r="H72188" s="1" t="s">
        <v>241430</v>
      </c>
      <c r="I72188" s="1" t="s">
        <v>222698</v>
      </c>
      <c r="J72188" s="1" t="s">
        <v>241480</v>
      </c>
    </row>
    <row r="72189" spans="1:10" x14ac:dyDescent="0.35">
      <c r="A72189" s="1" t="s">
        <v>10209</v>
      </c>
      <c r="B72189" s="1" t="s">
        <v>222693</v>
      </c>
      <c r="C72189" s="1" t="s">
        <v>90</v>
      </c>
      <c r="D72189" s="1" t="s">
        <v>236671</v>
      </c>
      <c r="E72189" s="1" t="s">
        <v>241481</v>
      </c>
      <c r="F72189" s="1" t="s">
        <v>241482</v>
      </c>
      <c r="G72189" s="1" t="s">
        <v>241429</v>
      </c>
      <c r="H72189" s="1" t="s">
        <v>241430</v>
      </c>
      <c r="I72189" s="1" t="s">
        <v>222698</v>
      </c>
      <c r="J72189" s="1" t="s">
        <v>241483</v>
      </c>
    </row>
    <row r="72190" spans="1:10" x14ac:dyDescent="0.35">
      <c r="A72190" s="1" t="s">
        <v>10209</v>
      </c>
      <c r="B72190" s="1" t="s">
        <v>222693</v>
      </c>
      <c r="C72190" s="1" t="s">
        <v>95</v>
      </c>
      <c r="D72190" s="1" t="s">
        <v>226744</v>
      </c>
      <c r="E72190" s="1" t="s">
        <v>241484</v>
      </c>
      <c r="F72190" s="1" t="s">
        <v>241485</v>
      </c>
      <c r="G72190" s="1" t="s">
        <v>241429</v>
      </c>
      <c r="H72190" s="1" t="s">
        <v>241430</v>
      </c>
      <c r="I72190" s="1" t="s">
        <v>222698</v>
      </c>
      <c r="J72190" s="1" t="s">
        <v>241486</v>
      </c>
    </row>
    <row r="72191" spans="1:10" x14ac:dyDescent="0.35">
      <c r="A72191" s="1" t="s">
        <v>10209</v>
      </c>
      <c r="B72191" s="1" t="s">
        <v>222693</v>
      </c>
      <c r="C72191" s="1" t="s">
        <v>100</v>
      </c>
      <c r="D72191" s="1" t="s">
        <v>241487</v>
      </c>
      <c r="E72191" s="1" t="s">
        <v>241488</v>
      </c>
      <c r="F72191" s="1" t="s">
        <v>241489</v>
      </c>
      <c r="G72191" s="1" t="s">
        <v>241429</v>
      </c>
      <c r="H72191" s="1" t="s">
        <v>241430</v>
      </c>
      <c r="I72191" s="1" t="s">
        <v>222698</v>
      </c>
      <c r="J72191" s="1" t="s">
        <v>241490</v>
      </c>
    </row>
    <row r="72192" spans="1:10" x14ac:dyDescent="0.35">
      <c r="A72192" s="1" t="s">
        <v>10209</v>
      </c>
      <c r="B72192" s="1" t="s">
        <v>222693</v>
      </c>
      <c r="C72192" s="1" t="s">
        <v>105</v>
      </c>
      <c r="D72192" s="1" t="s">
        <v>241491</v>
      </c>
      <c r="E72192" s="1" t="s">
        <v>241492</v>
      </c>
      <c r="F72192" s="1" t="s">
        <v>241493</v>
      </c>
      <c r="G72192" s="1" t="s">
        <v>241429</v>
      </c>
      <c r="H72192" s="1" t="s">
        <v>241430</v>
      </c>
      <c r="I72192" s="1" t="s">
        <v>222698</v>
      </c>
      <c r="J72192" s="1" t="s">
        <v>241494</v>
      </c>
    </row>
    <row r="72193" spans="1:10" x14ac:dyDescent="0.35">
      <c r="A72193" s="1" t="s">
        <v>10209</v>
      </c>
      <c r="B72193" s="1" t="s">
        <v>222693</v>
      </c>
      <c r="C72193" s="1" t="s">
        <v>110</v>
      </c>
      <c r="D72193" s="1" t="s">
        <v>64171</v>
      </c>
      <c r="E72193" s="1" t="s">
        <v>241495</v>
      </c>
      <c r="F72193" s="1" t="s">
        <v>241496</v>
      </c>
      <c r="G72193" s="1" t="s">
        <v>241429</v>
      </c>
      <c r="H72193" s="1" t="s">
        <v>241430</v>
      </c>
      <c r="I72193" s="1" t="s">
        <v>222698</v>
      </c>
      <c r="J72193" s="1" t="s">
        <v>241497</v>
      </c>
    </row>
    <row r="72194" spans="1:10" x14ac:dyDescent="0.35">
      <c r="A72194" s="1" t="s">
        <v>10209</v>
      </c>
      <c r="B72194" s="1" t="s">
        <v>222693</v>
      </c>
      <c r="C72194" s="1" t="s">
        <v>115</v>
      </c>
      <c r="D72194" s="1" t="s">
        <v>241498</v>
      </c>
      <c r="E72194" s="1" t="s">
        <v>241499</v>
      </c>
      <c r="F72194" s="1" t="s">
        <v>241500</v>
      </c>
      <c r="G72194" s="1" t="s">
        <v>241429</v>
      </c>
      <c r="H72194" s="1" t="s">
        <v>241430</v>
      </c>
      <c r="I72194" s="1" t="s">
        <v>222698</v>
      </c>
      <c r="J72194" s="1" t="s">
        <v>241501</v>
      </c>
    </row>
    <row r="72195" spans="1:10" x14ac:dyDescent="0.35">
      <c r="A72195" s="1" t="s">
        <v>10209</v>
      </c>
      <c r="B72195" s="1" t="s">
        <v>222693</v>
      </c>
      <c r="C72195" s="1" t="s">
        <v>120</v>
      </c>
      <c r="D72195" s="1" t="s">
        <v>241502</v>
      </c>
      <c r="E72195" s="1" t="s">
        <v>241503</v>
      </c>
      <c r="F72195" s="1" t="s">
        <v>241504</v>
      </c>
      <c r="G72195" s="1" t="s">
        <v>241429</v>
      </c>
      <c r="H72195" s="1" t="s">
        <v>241430</v>
      </c>
      <c r="I72195" s="1" t="s">
        <v>222698</v>
      </c>
      <c r="J72195" s="1" t="s">
        <v>241505</v>
      </c>
    </row>
    <row r="72196" spans="1:10" x14ac:dyDescent="0.35">
      <c r="A72196" s="1" t="s">
        <v>10209</v>
      </c>
      <c r="B72196" s="1" t="s">
        <v>222693</v>
      </c>
      <c r="C72196" s="1" t="s">
        <v>125</v>
      </c>
      <c r="D72196" s="1" t="s">
        <v>133718</v>
      </c>
      <c r="E72196" s="1" t="s">
        <v>241506</v>
      </c>
      <c r="F72196" s="1" t="s">
        <v>241507</v>
      </c>
      <c r="G72196" s="1" t="s">
        <v>241429</v>
      </c>
      <c r="H72196" s="1" t="s">
        <v>241430</v>
      </c>
      <c r="I72196" s="1" t="s">
        <v>222698</v>
      </c>
      <c r="J72196" s="1" t="s">
        <v>241508</v>
      </c>
    </row>
    <row r="72197" spans="1:10" x14ac:dyDescent="0.35">
      <c r="A72197" s="1" t="s">
        <v>10209</v>
      </c>
      <c r="B72197" s="1" t="s">
        <v>222693</v>
      </c>
      <c r="C72197" s="1" t="s">
        <v>130</v>
      </c>
      <c r="D72197" s="1" t="s">
        <v>241509</v>
      </c>
      <c r="E72197" s="1" t="s">
        <v>241510</v>
      </c>
      <c r="F72197" s="1" t="s">
        <v>241511</v>
      </c>
      <c r="G72197" s="1" t="s">
        <v>241429</v>
      </c>
      <c r="H72197" s="1" t="s">
        <v>241430</v>
      </c>
      <c r="I72197" s="1" t="s">
        <v>222698</v>
      </c>
      <c r="J72197" s="1" t="s">
        <v>241512</v>
      </c>
    </row>
    <row r="72198" spans="1:10" x14ac:dyDescent="0.35">
      <c r="A72198" s="1" t="s">
        <v>10209</v>
      </c>
      <c r="B72198" s="1" t="s">
        <v>222693</v>
      </c>
      <c r="C72198" s="1" t="s">
        <v>135</v>
      </c>
      <c r="D72198" s="1" t="s">
        <v>241513</v>
      </c>
      <c r="E72198" s="1" t="s">
        <v>241514</v>
      </c>
      <c r="F72198" s="1" t="s">
        <v>241515</v>
      </c>
      <c r="G72198" s="1" t="s">
        <v>241429</v>
      </c>
      <c r="H72198" s="1" t="s">
        <v>241430</v>
      </c>
      <c r="I72198" s="1" t="s">
        <v>222698</v>
      </c>
      <c r="J72198" s="1" t="s">
        <v>241516</v>
      </c>
    </row>
    <row r="72199" spans="1:10" x14ac:dyDescent="0.35">
      <c r="A72199" s="1" t="s">
        <v>10209</v>
      </c>
      <c r="B72199" s="1" t="s">
        <v>222693</v>
      </c>
      <c r="C72199" s="1" t="s">
        <v>140</v>
      </c>
      <c r="D72199" s="1" t="s">
        <v>241517</v>
      </c>
      <c r="E72199" s="1" t="s">
        <v>241518</v>
      </c>
      <c r="F72199" s="1" t="s">
        <v>241519</v>
      </c>
      <c r="G72199" s="1" t="s">
        <v>241429</v>
      </c>
      <c r="H72199" s="1" t="s">
        <v>241430</v>
      </c>
      <c r="I72199" s="1" t="s">
        <v>222698</v>
      </c>
      <c r="J72199" s="1" t="s">
        <v>241520</v>
      </c>
    </row>
    <row r="72200" spans="1:10" x14ac:dyDescent="0.35">
      <c r="A72200" s="1" t="s">
        <v>10209</v>
      </c>
      <c r="B72200" s="1" t="s">
        <v>222693</v>
      </c>
      <c r="C72200" s="1" t="s">
        <v>145</v>
      </c>
      <c r="D72200" s="1" t="s">
        <v>22961</v>
      </c>
      <c r="E72200" s="1" t="s">
        <v>241521</v>
      </c>
      <c r="F72200" s="1" t="s">
        <v>241522</v>
      </c>
      <c r="G72200" s="1" t="s">
        <v>241429</v>
      </c>
      <c r="H72200" s="1" t="s">
        <v>241430</v>
      </c>
      <c r="I72200" s="1" t="s">
        <v>222698</v>
      </c>
      <c r="J72200" s="1" t="s">
        <v>241523</v>
      </c>
    </row>
    <row r="72201" spans="1:10" x14ac:dyDescent="0.35">
      <c r="A72201" s="1" t="s">
        <v>10209</v>
      </c>
      <c r="B72201" s="1" t="s">
        <v>222693</v>
      </c>
      <c r="C72201" s="1" t="s">
        <v>150</v>
      </c>
      <c r="D72201" s="1" t="s">
        <v>241524</v>
      </c>
      <c r="E72201" s="1" t="s">
        <v>241525</v>
      </c>
      <c r="F72201" s="1" t="s">
        <v>241526</v>
      </c>
      <c r="G72201" s="1" t="s">
        <v>241429</v>
      </c>
      <c r="H72201" s="1" t="s">
        <v>241430</v>
      </c>
      <c r="I72201" s="1" t="s">
        <v>222698</v>
      </c>
      <c r="J72201" s="1" t="s">
        <v>241527</v>
      </c>
    </row>
    <row r="72202" spans="1:10" x14ac:dyDescent="0.35">
      <c r="A72202" s="1" t="s">
        <v>10209</v>
      </c>
      <c r="B72202" s="1" t="s">
        <v>222693</v>
      </c>
      <c r="C72202" s="1" t="s">
        <v>155</v>
      </c>
      <c r="D72202" s="1" t="s">
        <v>241528</v>
      </c>
      <c r="E72202" s="1" t="s">
        <v>241529</v>
      </c>
      <c r="F72202" s="1" t="s">
        <v>241530</v>
      </c>
      <c r="G72202" s="1" t="s">
        <v>241429</v>
      </c>
      <c r="H72202" s="1" t="s">
        <v>241430</v>
      </c>
      <c r="I72202" s="1" t="s">
        <v>222698</v>
      </c>
      <c r="J72202" s="1" t="s">
        <v>241531</v>
      </c>
    </row>
    <row r="72203" spans="1:10" x14ac:dyDescent="0.35">
      <c r="A72203" s="1" t="s">
        <v>10209</v>
      </c>
      <c r="B72203" s="1" t="s">
        <v>222693</v>
      </c>
      <c r="C72203" s="1" t="s">
        <v>160</v>
      </c>
      <c r="D72203" s="1" t="s">
        <v>241532</v>
      </c>
      <c r="E72203" s="1" t="s">
        <v>241533</v>
      </c>
      <c r="F72203" s="1" t="s">
        <v>241534</v>
      </c>
      <c r="G72203" s="1" t="s">
        <v>241429</v>
      </c>
      <c r="H72203" s="1" t="s">
        <v>241430</v>
      </c>
      <c r="I72203" s="1" t="s">
        <v>222698</v>
      </c>
      <c r="J72203" s="1" t="s">
        <v>241535</v>
      </c>
    </row>
    <row r="72204" spans="1:10" x14ac:dyDescent="0.35">
      <c r="A72204" s="1" t="s">
        <v>10209</v>
      </c>
      <c r="B72204" s="1" t="s">
        <v>222693</v>
      </c>
      <c r="C72204" s="1" t="s">
        <v>165</v>
      </c>
      <c r="D72204" s="1" t="s">
        <v>241536</v>
      </c>
      <c r="E72204" s="1" t="s">
        <v>241537</v>
      </c>
      <c r="F72204" s="1" t="s">
        <v>241538</v>
      </c>
      <c r="G72204" s="1" t="s">
        <v>241429</v>
      </c>
      <c r="H72204" s="1" t="s">
        <v>241430</v>
      </c>
      <c r="I72204" s="1" t="s">
        <v>222698</v>
      </c>
      <c r="J72204" s="1" t="s">
        <v>241539</v>
      </c>
    </row>
    <row r="72205" spans="1:10" x14ac:dyDescent="0.35">
      <c r="A72205" s="1" t="s">
        <v>10209</v>
      </c>
      <c r="B72205" s="1" t="s">
        <v>222693</v>
      </c>
      <c r="C72205" s="1" t="s">
        <v>170</v>
      </c>
      <c r="D72205" s="1" t="s">
        <v>233907</v>
      </c>
      <c r="E72205" s="1" t="s">
        <v>241540</v>
      </c>
      <c r="F72205" s="1" t="s">
        <v>241541</v>
      </c>
      <c r="G72205" s="1" t="s">
        <v>241429</v>
      </c>
      <c r="H72205" s="1" t="s">
        <v>241430</v>
      </c>
      <c r="I72205" s="1" t="s">
        <v>222698</v>
      </c>
      <c r="J72205" s="1" t="s">
        <v>241542</v>
      </c>
    </row>
    <row r="72206" spans="1:10" x14ac:dyDescent="0.35">
      <c r="A72206" s="1" t="s">
        <v>4054</v>
      </c>
      <c r="B72206" s="1" t="s">
        <v>222693</v>
      </c>
      <c r="C72206" s="1" t="s">
        <v>8</v>
      </c>
      <c r="D72206" s="1" t="s">
        <v>130636</v>
      </c>
      <c r="E72206" s="1" t="s">
        <v>241543</v>
      </c>
      <c r="F72206" s="1" t="s">
        <v>241544</v>
      </c>
      <c r="G72206" s="1" t="s">
        <v>241545</v>
      </c>
      <c r="H72206" s="1" t="s">
        <v>241546</v>
      </c>
      <c r="I72206" s="1" t="s">
        <v>222698</v>
      </c>
      <c r="J72206" s="1" t="s">
        <v>13</v>
      </c>
    </row>
    <row r="72207" spans="1:10" x14ac:dyDescent="0.35">
      <c r="A72207" s="1" t="s">
        <v>4054</v>
      </c>
      <c r="B72207" s="1" t="s">
        <v>222693</v>
      </c>
      <c r="C72207" s="1" t="s">
        <v>15</v>
      </c>
      <c r="D72207" s="1" t="s">
        <v>43114</v>
      </c>
      <c r="E72207" s="1" t="s">
        <v>241547</v>
      </c>
      <c r="F72207" s="1" t="s">
        <v>241548</v>
      </c>
      <c r="G72207" s="1" t="s">
        <v>241545</v>
      </c>
      <c r="H72207" s="1" t="s">
        <v>241546</v>
      </c>
      <c r="I72207" s="1" t="s">
        <v>222698</v>
      </c>
      <c r="J72207" s="1" t="s">
        <v>241549</v>
      </c>
    </row>
    <row r="72208" spans="1:10" x14ac:dyDescent="0.35">
      <c r="A72208" s="1" t="s">
        <v>4054</v>
      </c>
      <c r="B72208" s="1" t="s">
        <v>222693</v>
      </c>
      <c r="C72208" s="1" t="s">
        <v>20</v>
      </c>
      <c r="D72208" s="1" t="s">
        <v>241550</v>
      </c>
      <c r="E72208" s="1" t="s">
        <v>241551</v>
      </c>
      <c r="F72208" s="1" t="s">
        <v>241552</v>
      </c>
      <c r="G72208" s="1" t="s">
        <v>241545</v>
      </c>
      <c r="H72208" s="1" t="s">
        <v>241546</v>
      </c>
      <c r="I72208" s="1" t="s">
        <v>222698</v>
      </c>
      <c r="J72208" s="1" t="s">
        <v>241553</v>
      </c>
    </row>
    <row r="72209" spans="1:10" x14ac:dyDescent="0.35">
      <c r="A72209" s="1" t="s">
        <v>4054</v>
      </c>
      <c r="B72209" s="1" t="s">
        <v>222693</v>
      </c>
      <c r="C72209" s="1" t="s">
        <v>25</v>
      </c>
      <c r="D72209" s="1" t="s">
        <v>100247</v>
      </c>
      <c r="E72209" s="1" t="s">
        <v>241554</v>
      </c>
      <c r="F72209" s="1" t="s">
        <v>241555</v>
      </c>
      <c r="G72209" s="1" t="s">
        <v>241545</v>
      </c>
      <c r="H72209" s="1" t="s">
        <v>241546</v>
      </c>
      <c r="I72209" s="1" t="s">
        <v>222698</v>
      </c>
      <c r="J72209" s="1" t="s">
        <v>241556</v>
      </c>
    </row>
    <row r="72210" spans="1:10" x14ac:dyDescent="0.35">
      <c r="A72210" s="1" t="s">
        <v>4054</v>
      </c>
      <c r="B72210" s="1" t="s">
        <v>222693</v>
      </c>
      <c r="C72210" s="1" t="s">
        <v>30</v>
      </c>
      <c r="D72210" s="1" t="s">
        <v>53958</v>
      </c>
      <c r="E72210" s="1" t="s">
        <v>241557</v>
      </c>
      <c r="F72210" s="1" t="s">
        <v>241558</v>
      </c>
      <c r="G72210" s="1" t="s">
        <v>241545</v>
      </c>
      <c r="H72210" s="1" t="s">
        <v>241546</v>
      </c>
      <c r="I72210" s="1" t="s">
        <v>222698</v>
      </c>
      <c r="J72210" s="1" t="s">
        <v>241559</v>
      </c>
    </row>
    <row r="72211" spans="1:10" x14ac:dyDescent="0.35">
      <c r="A72211" s="1" t="s">
        <v>4054</v>
      </c>
      <c r="B72211" s="1" t="s">
        <v>222693</v>
      </c>
      <c r="C72211" s="1" t="s">
        <v>35</v>
      </c>
      <c r="D72211" s="1" t="s">
        <v>241560</v>
      </c>
      <c r="E72211" s="1" t="s">
        <v>241561</v>
      </c>
      <c r="F72211" s="1" t="s">
        <v>241562</v>
      </c>
      <c r="G72211" s="1" t="s">
        <v>241545</v>
      </c>
      <c r="H72211" s="1" t="s">
        <v>241546</v>
      </c>
      <c r="I72211" s="1" t="s">
        <v>222698</v>
      </c>
      <c r="J72211" s="1" t="s">
        <v>241563</v>
      </c>
    </row>
    <row r="72212" spans="1:10" x14ac:dyDescent="0.35">
      <c r="A72212" s="1" t="s">
        <v>4054</v>
      </c>
      <c r="B72212" s="1" t="s">
        <v>222693</v>
      </c>
      <c r="C72212" s="1" t="s">
        <v>40</v>
      </c>
      <c r="D72212" s="1" t="s">
        <v>90811</v>
      </c>
      <c r="E72212" s="1" t="s">
        <v>241564</v>
      </c>
      <c r="F72212" s="1" t="s">
        <v>241565</v>
      </c>
      <c r="G72212" s="1" t="s">
        <v>241545</v>
      </c>
      <c r="H72212" s="1" t="s">
        <v>241546</v>
      </c>
      <c r="I72212" s="1" t="s">
        <v>222698</v>
      </c>
      <c r="J72212" s="1" t="s">
        <v>241566</v>
      </c>
    </row>
    <row r="72213" spans="1:10" x14ac:dyDescent="0.35">
      <c r="A72213" s="1" t="s">
        <v>4054</v>
      </c>
      <c r="B72213" s="1" t="s">
        <v>222693</v>
      </c>
      <c r="C72213" s="1" t="s">
        <v>45</v>
      </c>
      <c r="D72213" s="1" t="s">
        <v>50903</v>
      </c>
      <c r="E72213" s="1" t="s">
        <v>241567</v>
      </c>
      <c r="F72213" s="1" t="s">
        <v>241568</v>
      </c>
      <c r="G72213" s="1" t="s">
        <v>241545</v>
      </c>
      <c r="H72213" s="1" t="s">
        <v>241546</v>
      </c>
      <c r="I72213" s="1" t="s">
        <v>222698</v>
      </c>
      <c r="J72213" s="1" t="s">
        <v>241569</v>
      </c>
    </row>
    <row r="72214" spans="1:10" x14ac:dyDescent="0.35">
      <c r="A72214" s="1" t="s">
        <v>4054</v>
      </c>
      <c r="B72214" s="1" t="s">
        <v>222693</v>
      </c>
      <c r="C72214" s="1" t="s">
        <v>50</v>
      </c>
      <c r="D72214" s="1" t="s">
        <v>63694</v>
      </c>
      <c r="E72214" s="1" t="s">
        <v>241570</v>
      </c>
      <c r="F72214" s="1" t="s">
        <v>241571</v>
      </c>
      <c r="G72214" s="1" t="s">
        <v>241545</v>
      </c>
      <c r="H72214" s="1" t="s">
        <v>241546</v>
      </c>
      <c r="I72214" s="1" t="s">
        <v>222698</v>
      </c>
      <c r="J72214" s="1" t="s">
        <v>241572</v>
      </c>
    </row>
    <row r="72215" spans="1:10" x14ac:dyDescent="0.35">
      <c r="A72215" s="1" t="s">
        <v>4054</v>
      </c>
      <c r="B72215" s="1" t="s">
        <v>222693</v>
      </c>
      <c r="C72215" s="1" t="s">
        <v>55</v>
      </c>
      <c r="D72215" s="1" t="s">
        <v>60628</v>
      </c>
      <c r="E72215" s="1" t="s">
        <v>241573</v>
      </c>
      <c r="F72215" s="1" t="s">
        <v>241574</v>
      </c>
      <c r="G72215" s="1" t="s">
        <v>241545</v>
      </c>
      <c r="H72215" s="1" t="s">
        <v>241546</v>
      </c>
      <c r="I72215" s="1" t="s">
        <v>222698</v>
      </c>
      <c r="J72215" s="1" t="s">
        <v>241575</v>
      </c>
    </row>
    <row r="72216" spans="1:10" x14ac:dyDescent="0.35">
      <c r="A72216" s="1" t="s">
        <v>4054</v>
      </c>
      <c r="B72216" s="1" t="s">
        <v>222693</v>
      </c>
      <c r="C72216" s="1" t="s">
        <v>60</v>
      </c>
      <c r="D72216" s="1" t="s">
        <v>65399</v>
      </c>
      <c r="E72216" s="1" t="s">
        <v>241576</v>
      </c>
      <c r="F72216" s="1" t="s">
        <v>241577</v>
      </c>
      <c r="G72216" s="1" t="s">
        <v>241545</v>
      </c>
      <c r="H72216" s="1" t="s">
        <v>241546</v>
      </c>
      <c r="I72216" s="1" t="s">
        <v>222698</v>
      </c>
      <c r="J72216" s="1" t="s">
        <v>241578</v>
      </c>
    </row>
    <row r="72217" spans="1:10" x14ac:dyDescent="0.35">
      <c r="A72217" s="1" t="s">
        <v>4054</v>
      </c>
      <c r="B72217" s="1" t="s">
        <v>222693</v>
      </c>
      <c r="C72217" s="1" t="s">
        <v>65</v>
      </c>
      <c r="D72217" s="1" t="s">
        <v>32358</v>
      </c>
      <c r="E72217" s="1" t="s">
        <v>241579</v>
      </c>
      <c r="F72217" s="1" t="s">
        <v>241580</v>
      </c>
      <c r="G72217" s="1" t="s">
        <v>241545</v>
      </c>
      <c r="H72217" s="1" t="s">
        <v>241546</v>
      </c>
      <c r="I72217" s="1" t="s">
        <v>222698</v>
      </c>
      <c r="J72217" s="1" t="s">
        <v>241581</v>
      </c>
    </row>
    <row r="72218" spans="1:10" x14ac:dyDescent="0.35">
      <c r="A72218" s="1" t="s">
        <v>4054</v>
      </c>
      <c r="B72218" s="1" t="s">
        <v>222693</v>
      </c>
      <c r="C72218" s="1" t="s">
        <v>70</v>
      </c>
      <c r="D72218" s="1" t="s">
        <v>241582</v>
      </c>
      <c r="E72218" s="1" t="s">
        <v>241583</v>
      </c>
      <c r="F72218" s="1" t="s">
        <v>241584</v>
      </c>
      <c r="G72218" s="1" t="s">
        <v>241545</v>
      </c>
      <c r="H72218" s="1" t="s">
        <v>241546</v>
      </c>
      <c r="I72218" s="1" t="s">
        <v>222698</v>
      </c>
      <c r="J72218" s="1" t="s">
        <v>241585</v>
      </c>
    </row>
    <row r="72219" spans="1:10" x14ac:dyDescent="0.35">
      <c r="A72219" s="1" t="s">
        <v>4054</v>
      </c>
      <c r="B72219" s="1" t="s">
        <v>222693</v>
      </c>
      <c r="C72219" s="1" t="s">
        <v>75</v>
      </c>
      <c r="D72219" s="1" t="s">
        <v>241586</v>
      </c>
      <c r="E72219" s="1" t="s">
        <v>241587</v>
      </c>
      <c r="F72219" s="1" t="s">
        <v>241588</v>
      </c>
      <c r="G72219" s="1" t="s">
        <v>241545</v>
      </c>
      <c r="H72219" s="1" t="s">
        <v>241546</v>
      </c>
      <c r="I72219" s="1" t="s">
        <v>222698</v>
      </c>
      <c r="J72219" s="1" t="s">
        <v>241589</v>
      </c>
    </row>
    <row r="72220" spans="1:10" x14ac:dyDescent="0.35">
      <c r="A72220" s="1" t="s">
        <v>4054</v>
      </c>
      <c r="B72220" s="1" t="s">
        <v>222693</v>
      </c>
      <c r="C72220" s="1" t="s">
        <v>80</v>
      </c>
      <c r="D72220" s="1" t="s">
        <v>229683</v>
      </c>
      <c r="E72220" s="1" t="s">
        <v>241590</v>
      </c>
      <c r="F72220" s="1" t="s">
        <v>241591</v>
      </c>
      <c r="G72220" s="1" t="s">
        <v>241545</v>
      </c>
      <c r="H72220" s="1" t="s">
        <v>241546</v>
      </c>
      <c r="I72220" s="1" t="s">
        <v>222698</v>
      </c>
      <c r="J72220" s="1" t="s">
        <v>241592</v>
      </c>
    </row>
    <row r="72221" spans="1:10" x14ac:dyDescent="0.35">
      <c r="A72221" s="1" t="s">
        <v>4054</v>
      </c>
      <c r="B72221" s="1" t="s">
        <v>222693</v>
      </c>
      <c r="C72221" s="1" t="s">
        <v>85</v>
      </c>
      <c r="D72221" s="1" t="s">
        <v>241593</v>
      </c>
      <c r="E72221" s="1" t="s">
        <v>241594</v>
      </c>
      <c r="F72221" s="1" t="s">
        <v>241595</v>
      </c>
      <c r="G72221" s="1" t="s">
        <v>241545</v>
      </c>
      <c r="H72221" s="1" t="s">
        <v>241546</v>
      </c>
      <c r="I72221" s="1" t="s">
        <v>222698</v>
      </c>
      <c r="J72221" s="1" t="s">
        <v>241596</v>
      </c>
    </row>
    <row r="72222" spans="1:10" x14ac:dyDescent="0.35">
      <c r="A72222" s="1" t="s">
        <v>4054</v>
      </c>
      <c r="B72222" s="1" t="s">
        <v>222693</v>
      </c>
      <c r="C72222" s="1" t="s">
        <v>90</v>
      </c>
      <c r="D72222" s="1" t="s">
        <v>241597</v>
      </c>
      <c r="E72222" s="1" t="s">
        <v>241598</v>
      </c>
      <c r="F72222" s="1" t="s">
        <v>241599</v>
      </c>
      <c r="G72222" s="1" t="s">
        <v>241545</v>
      </c>
      <c r="H72222" s="1" t="s">
        <v>241546</v>
      </c>
      <c r="I72222" s="1" t="s">
        <v>222698</v>
      </c>
      <c r="J72222" s="1" t="s">
        <v>241600</v>
      </c>
    </row>
    <row r="72223" spans="1:10" x14ac:dyDescent="0.35">
      <c r="A72223" s="1" t="s">
        <v>4054</v>
      </c>
      <c r="B72223" s="1" t="s">
        <v>222693</v>
      </c>
      <c r="C72223" s="1" t="s">
        <v>95</v>
      </c>
      <c r="D72223" s="1" t="s">
        <v>7424</v>
      </c>
      <c r="E72223" s="1" t="s">
        <v>241601</v>
      </c>
      <c r="F72223" s="1" t="s">
        <v>241602</v>
      </c>
      <c r="G72223" s="1" t="s">
        <v>241545</v>
      </c>
      <c r="H72223" s="1" t="s">
        <v>241546</v>
      </c>
      <c r="I72223" s="1" t="s">
        <v>222698</v>
      </c>
      <c r="J72223" s="1" t="s">
        <v>241603</v>
      </c>
    </row>
    <row r="72224" spans="1:10" x14ac:dyDescent="0.35">
      <c r="A72224" s="1" t="s">
        <v>4054</v>
      </c>
      <c r="B72224" s="1" t="s">
        <v>222693</v>
      </c>
      <c r="C72224" s="1" t="s">
        <v>100</v>
      </c>
      <c r="D72224" s="1" t="s">
        <v>139740</v>
      </c>
      <c r="E72224" s="1" t="s">
        <v>241604</v>
      </c>
      <c r="F72224" s="1" t="s">
        <v>241605</v>
      </c>
      <c r="G72224" s="1" t="s">
        <v>241545</v>
      </c>
      <c r="H72224" s="1" t="s">
        <v>241546</v>
      </c>
      <c r="I72224" s="1" t="s">
        <v>222698</v>
      </c>
      <c r="J72224" s="1" t="s">
        <v>241606</v>
      </c>
    </row>
    <row r="72225" spans="1:10" x14ac:dyDescent="0.35">
      <c r="A72225" s="1" t="s">
        <v>4054</v>
      </c>
      <c r="B72225" s="1" t="s">
        <v>222693</v>
      </c>
      <c r="C72225" s="1" t="s">
        <v>105</v>
      </c>
      <c r="D72225" s="1" t="s">
        <v>241607</v>
      </c>
      <c r="E72225" s="1" t="s">
        <v>241608</v>
      </c>
      <c r="F72225" s="1" t="s">
        <v>241609</v>
      </c>
      <c r="G72225" s="1" t="s">
        <v>241545</v>
      </c>
      <c r="H72225" s="1" t="s">
        <v>241546</v>
      </c>
      <c r="I72225" s="1" t="s">
        <v>222698</v>
      </c>
      <c r="J72225" s="1" t="s">
        <v>241610</v>
      </c>
    </row>
    <row r="72226" spans="1:10" x14ac:dyDescent="0.35">
      <c r="A72226" s="1" t="s">
        <v>4054</v>
      </c>
      <c r="B72226" s="1" t="s">
        <v>222693</v>
      </c>
      <c r="C72226" s="1" t="s">
        <v>110</v>
      </c>
      <c r="D72226" s="1" t="s">
        <v>241611</v>
      </c>
      <c r="E72226" s="1" t="s">
        <v>241612</v>
      </c>
      <c r="F72226" s="1" t="s">
        <v>241613</v>
      </c>
      <c r="G72226" s="1" t="s">
        <v>241545</v>
      </c>
      <c r="H72226" s="1" t="s">
        <v>241546</v>
      </c>
      <c r="I72226" s="1" t="s">
        <v>222698</v>
      </c>
      <c r="J72226" s="1" t="s">
        <v>241614</v>
      </c>
    </row>
    <row r="72227" spans="1:10" x14ac:dyDescent="0.35">
      <c r="A72227" s="1" t="s">
        <v>4054</v>
      </c>
      <c r="B72227" s="1" t="s">
        <v>222693</v>
      </c>
      <c r="C72227" s="1" t="s">
        <v>115</v>
      </c>
      <c r="D72227" s="1" t="s">
        <v>63105</v>
      </c>
      <c r="E72227" s="1" t="s">
        <v>241615</v>
      </c>
      <c r="F72227" s="1" t="s">
        <v>241616</v>
      </c>
      <c r="G72227" s="1" t="s">
        <v>241545</v>
      </c>
      <c r="H72227" s="1" t="s">
        <v>241546</v>
      </c>
      <c r="I72227" s="1" t="s">
        <v>222698</v>
      </c>
      <c r="J72227" s="1" t="s">
        <v>241617</v>
      </c>
    </row>
    <row r="72228" spans="1:10" x14ac:dyDescent="0.35">
      <c r="A72228" s="1" t="s">
        <v>4054</v>
      </c>
      <c r="B72228" s="1" t="s">
        <v>222693</v>
      </c>
      <c r="C72228" s="1" t="s">
        <v>120</v>
      </c>
      <c r="D72228" s="1" t="s">
        <v>229997</v>
      </c>
      <c r="E72228" s="1" t="s">
        <v>241618</v>
      </c>
      <c r="F72228" s="1" t="s">
        <v>241619</v>
      </c>
      <c r="G72228" s="1" t="s">
        <v>241545</v>
      </c>
      <c r="H72228" s="1" t="s">
        <v>241546</v>
      </c>
      <c r="I72228" s="1" t="s">
        <v>222698</v>
      </c>
      <c r="J72228" s="1" t="s">
        <v>241620</v>
      </c>
    </row>
    <row r="72229" spans="1:10" x14ac:dyDescent="0.35">
      <c r="A72229" s="1" t="s">
        <v>4054</v>
      </c>
      <c r="B72229" s="1" t="s">
        <v>222693</v>
      </c>
      <c r="C72229" s="1" t="s">
        <v>125</v>
      </c>
      <c r="D72229" s="1" t="s">
        <v>41337</v>
      </c>
      <c r="E72229" s="1" t="s">
        <v>241621</v>
      </c>
      <c r="F72229" s="1" t="s">
        <v>241622</v>
      </c>
      <c r="G72229" s="1" t="s">
        <v>241545</v>
      </c>
      <c r="H72229" s="1" t="s">
        <v>241546</v>
      </c>
      <c r="I72229" s="1" t="s">
        <v>222698</v>
      </c>
      <c r="J72229" s="1" t="s">
        <v>241623</v>
      </c>
    </row>
    <row r="72230" spans="1:10" x14ac:dyDescent="0.35">
      <c r="A72230" s="1" t="s">
        <v>4054</v>
      </c>
      <c r="B72230" s="1" t="s">
        <v>222693</v>
      </c>
      <c r="C72230" s="1" t="s">
        <v>130</v>
      </c>
      <c r="D72230" s="1" t="s">
        <v>68985</v>
      </c>
      <c r="E72230" s="1" t="s">
        <v>241624</v>
      </c>
      <c r="F72230" s="1" t="s">
        <v>241625</v>
      </c>
      <c r="G72230" s="1" t="s">
        <v>241545</v>
      </c>
      <c r="H72230" s="1" t="s">
        <v>241546</v>
      </c>
      <c r="I72230" s="1" t="s">
        <v>222698</v>
      </c>
      <c r="J72230" s="1" t="s">
        <v>241626</v>
      </c>
    </row>
    <row r="72231" spans="1:10" x14ac:dyDescent="0.35">
      <c r="A72231" s="1" t="s">
        <v>4054</v>
      </c>
      <c r="B72231" s="1" t="s">
        <v>222693</v>
      </c>
      <c r="C72231" s="1" t="s">
        <v>135</v>
      </c>
      <c r="D72231" s="1" t="s">
        <v>62066</v>
      </c>
      <c r="E72231" s="1" t="s">
        <v>241627</v>
      </c>
      <c r="F72231" s="1" t="s">
        <v>241628</v>
      </c>
      <c r="G72231" s="1" t="s">
        <v>241545</v>
      </c>
      <c r="H72231" s="1" t="s">
        <v>241546</v>
      </c>
      <c r="I72231" s="1" t="s">
        <v>222698</v>
      </c>
      <c r="J72231" s="1" t="s">
        <v>241629</v>
      </c>
    </row>
    <row r="72232" spans="1:10" x14ac:dyDescent="0.35">
      <c r="A72232" s="1" t="s">
        <v>4054</v>
      </c>
      <c r="B72232" s="1" t="s">
        <v>222693</v>
      </c>
      <c r="C72232" s="1" t="s">
        <v>140</v>
      </c>
      <c r="D72232" s="1" t="s">
        <v>103825</v>
      </c>
      <c r="E72232" s="1" t="s">
        <v>241630</v>
      </c>
      <c r="F72232" s="1" t="s">
        <v>241631</v>
      </c>
      <c r="G72232" s="1" t="s">
        <v>241545</v>
      </c>
      <c r="H72232" s="1" t="s">
        <v>241546</v>
      </c>
      <c r="I72232" s="1" t="s">
        <v>222698</v>
      </c>
      <c r="J72232" s="1" t="s">
        <v>241632</v>
      </c>
    </row>
    <row r="72233" spans="1:10" x14ac:dyDescent="0.35">
      <c r="A72233" s="1" t="s">
        <v>4054</v>
      </c>
      <c r="B72233" s="1" t="s">
        <v>222693</v>
      </c>
      <c r="C72233" s="1" t="s">
        <v>145</v>
      </c>
      <c r="D72233" s="1" t="s">
        <v>8213</v>
      </c>
      <c r="E72233" s="1" t="s">
        <v>241633</v>
      </c>
      <c r="F72233" s="1" t="s">
        <v>241634</v>
      </c>
      <c r="G72233" s="1" t="s">
        <v>241545</v>
      </c>
      <c r="H72233" s="1" t="s">
        <v>241546</v>
      </c>
      <c r="I72233" s="1" t="s">
        <v>222698</v>
      </c>
      <c r="J72233" s="1" t="s">
        <v>241635</v>
      </c>
    </row>
    <row r="72234" spans="1:10" x14ac:dyDescent="0.35">
      <c r="A72234" s="1" t="s">
        <v>4054</v>
      </c>
      <c r="B72234" s="1" t="s">
        <v>222693</v>
      </c>
      <c r="C72234" s="1" t="s">
        <v>150</v>
      </c>
      <c r="D72234" s="1" t="s">
        <v>241636</v>
      </c>
      <c r="E72234" s="1" t="s">
        <v>241637</v>
      </c>
      <c r="F72234" s="1" t="s">
        <v>241638</v>
      </c>
      <c r="G72234" s="1" t="s">
        <v>241545</v>
      </c>
      <c r="H72234" s="1" t="s">
        <v>241546</v>
      </c>
      <c r="I72234" s="1" t="s">
        <v>222698</v>
      </c>
      <c r="J72234" s="1" t="s">
        <v>241639</v>
      </c>
    </row>
    <row r="72235" spans="1:10" x14ac:dyDescent="0.35">
      <c r="A72235" s="1" t="s">
        <v>4054</v>
      </c>
      <c r="B72235" s="1" t="s">
        <v>222693</v>
      </c>
      <c r="C72235" s="1" t="s">
        <v>155</v>
      </c>
      <c r="D72235" s="1" t="s">
        <v>139753</v>
      </c>
      <c r="E72235" s="1" t="s">
        <v>241640</v>
      </c>
      <c r="F72235" s="1" t="s">
        <v>241641</v>
      </c>
      <c r="G72235" s="1" t="s">
        <v>241545</v>
      </c>
      <c r="H72235" s="1" t="s">
        <v>241546</v>
      </c>
      <c r="I72235" s="1" t="s">
        <v>222698</v>
      </c>
      <c r="J72235" s="1" t="s">
        <v>241642</v>
      </c>
    </row>
    <row r="72236" spans="1:10" x14ac:dyDescent="0.35">
      <c r="A72236" s="1" t="s">
        <v>4054</v>
      </c>
      <c r="B72236" s="1" t="s">
        <v>222693</v>
      </c>
      <c r="C72236" s="1" t="s">
        <v>160</v>
      </c>
      <c r="D72236" s="1" t="s">
        <v>241643</v>
      </c>
      <c r="E72236" s="1" t="s">
        <v>241644</v>
      </c>
      <c r="F72236" s="1" t="s">
        <v>241645</v>
      </c>
      <c r="G72236" s="1" t="s">
        <v>241545</v>
      </c>
      <c r="H72236" s="1" t="s">
        <v>241546</v>
      </c>
      <c r="I72236" s="1" t="s">
        <v>222698</v>
      </c>
      <c r="J72236" s="1" t="s">
        <v>241646</v>
      </c>
    </row>
    <row r="72237" spans="1:10" x14ac:dyDescent="0.35">
      <c r="A72237" s="1" t="s">
        <v>4054</v>
      </c>
      <c r="B72237" s="1" t="s">
        <v>222693</v>
      </c>
      <c r="C72237" s="1" t="s">
        <v>165</v>
      </c>
      <c r="D72237" s="1" t="s">
        <v>109501</v>
      </c>
      <c r="E72237" s="1" t="s">
        <v>241647</v>
      </c>
      <c r="F72237" s="1" t="s">
        <v>241648</v>
      </c>
      <c r="G72237" s="1" t="s">
        <v>241545</v>
      </c>
      <c r="H72237" s="1" t="s">
        <v>241546</v>
      </c>
      <c r="I72237" s="1" t="s">
        <v>222698</v>
      </c>
      <c r="J72237" s="1" t="s">
        <v>241649</v>
      </c>
    </row>
    <row r="72238" spans="1:10" x14ac:dyDescent="0.35">
      <c r="A72238" s="1" t="s">
        <v>4054</v>
      </c>
      <c r="B72238" s="1" t="s">
        <v>222693</v>
      </c>
      <c r="C72238" s="1" t="s">
        <v>170</v>
      </c>
      <c r="D72238" s="1" t="s">
        <v>241650</v>
      </c>
      <c r="E72238" s="1" t="s">
        <v>241651</v>
      </c>
      <c r="F72238" s="1" t="s">
        <v>241652</v>
      </c>
      <c r="G72238" s="1" t="s">
        <v>241545</v>
      </c>
      <c r="H72238" s="1" t="s">
        <v>241546</v>
      </c>
      <c r="I72238" s="1" t="s">
        <v>222698</v>
      </c>
      <c r="J72238" s="1" t="s">
        <v>241653</v>
      </c>
    </row>
    <row r="72239" spans="1:10" x14ac:dyDescent="0.35">
      <c r="A72239" s="1" t="s">
        <v>27813</v>
      </c>
      <c r="B72239" s="1" t="s">
        <v>222693</v>
      </c>
      <c r="C72239" s="1" t="s">
        <v>8</v>
      </c>
      <c r="D72239" s="1" t="s">
        <v>58775</v>
      </c>
      <c r="E72239" s="1" t="s">
        <v>241654</v>
      </c>
      <c r="F72239" s="1" t="s">
        <v>241655</v>
      </c>
      <c r="G72239" s="1" t="s">
        <v>241656</v>
      </c>
      <c r="H72239" s="1" t="s">
        <v>241657</v>
      </c>
      <c r="I72239" s="1" t="s">
        <v>222698</v>
      </c>
      <c r="J72239" s="1" t="s">
        <v>13</v>
      </c>
    </row>
    <row r="72240" spans="1:10" x14ac:dyDescent="0.35">
      <c r="A72240" s="1" t="s">
        <v>27813</v>
      </c>
      <c r="B72240" s="1" t="s">
        <v>222693</v>
      </c>
      <c r="C72240" s="1" t="s">
        <v>15</v>
      </c>
      <c r="D72240" s="1" t="s">
        <v>167393</v>
      </c>
      <c r="E72240" s="1" t="s">
        <v>241658</v>
      </c>
      <c r="F72240" s="1" t="s">
        <v>241659</v>
      </c>
      <c r="G72240" s="1" t="s">
        <v>241656</v>
      </c>
      <c r="H72240" s="1" t="s">
        <v>241657</v>
      </c>
      <c r="I72240" s="1" t="s">
        <v>222698</v>
      </c>
      <c r="J72240" s="1" t="s">
        <v>241660</v>
      </c>
    </row>
    <row r="72241" spans="1:10" x14ac:dyDescent="0.35">
      <c r="A72241" s="1" t="s">
        <v>27813</v>
      </c>
      <c r="B72241" s="1" t="s">
        <v>222693</v>
      </c>
      <c r="C72241" s="1" t="s">
        <v>20</v>
      </c>
      <c r="D72241" s="1" t="s">
        <v>7377</v>
      </c>
      <c r="E72241" s="1" t="s">
        <v>241661</v>
      </c>
      <c r="F72241" s="1" t="s">
        <v>241662</v>
      </c>
      <c r="G72241" s="1" t="s">
        <v>241656</v>
      </c>
      <c r="H72241" s="1" t="s">
        <v>241657</v>
      </c>
      <c r="I72241" s="1" t="s">
        <v>222698</v>
      </c>
      <c r="J72241" s="1" t="s">
        <v>241663</v>
      </c>
    </row>
    <row r="72242" spans="1:10" x14ac:dyDescent="0.35">
      <c r="A72242" s="1" t="s">
        <v>27813</v>
      </c>
      <c r="B72242" s="1" t="s">
        <v>222693</v>
      </c>
      <c r="C72242" s="1" t="s">
        <v>25</v>
      </c>
      <c r="D72242" s="1" t="s">
        <v>78087</v>
      </c>
      <c r="E72242" s="1" t="s">
        <v>241664</v>
      </c>
      <c r="F72242" s="1" t="s">
        <v>241665</v>
      </c>
      <c r="G72242" s="1" t="s">
        <v>241656</v>
      </c>
      <c r="H72242" s="1" t="s">
        <v>241657</v>
      </c>
      <c r="I72242" s="1" t="s">
        <v>222698</v>
      </c>
      <c r="J72242" s="1" t="s">
        <v>241666</v>
      </c>
    </row>
    <row r="72243" spans="1:10" x14ac:dyDescent="0.35">
      <c r="A72243" s="1" t="s">
        <v>27813</v>
      </c>
      <c r="B72243" s="1" t="s">
        <v>222693</v>
      </c>
      <c r="C72243" s="1" t="s">
        <v>30</v>
      </c>
      <c r="D72243" s="1" t="s">
        <v>99002</v>
      </c>
      <c r="E72243" s="1" t="s">
        <v>241667</v>
      </c>
      <c r="F72243" s="1" t="s">
        <v>241668</v>
      </c>
      <c r="G72243" s="1" t="s">
        <v>241656</v>
      </c>
      <c r="H72243" s="1" t="s">
        <v>241657</v>
      </c>
      <c r="I72243" s="1" t="s">
        <v>222698</v>
      </c>
      <c r="J72243" s="1" t="s">
        <v>241669</v>
      </c>
    </row>
    <row r="72244" spans="1:10" x14ac:dyDescent="0.35">
      <c r="A72244" s="1" t="s">
        <v>27813</v>
      </c>
      <c r="B72244" s="1" t="s">
        <v>222693</v>
      </c>
      <c r="C72244" s="1" t="s">
        <v>35</v>
      </c>
      <c r="D72244" s="1" t="s">
        <v>95224</v>
      </c>
      <c r="E72244" s="1" t="s">
        <v>241670</v>
      </c>
      <c r="F72244" s="1" t="s">
        <v>241671</v>
      </c>
      <c r="G72244" s="1" t="s">
        <v>241656</v>
      </c>
      <c r="H72244" s="1" t="s">
        <v>241657</v>
      </c>
      <c r="I72244" s="1" t="s">
        <v>222698</v>
      </c>
      <c r="J72244" s="1" t="s">
        <v>241672</v>
      </c>
    </row>
    <row r="72245" spans="1:10" x14ac:dyDescent="0.35">
      <c r="A72245" s="1" t="s">
        <v>27813</v>
      </c>
      <c r="B72245" s="1" t="s">
        <v>222693</v>
      </c>
      <c r="C72245" s="1" t="s">
        <v>40</v>
      </c>
      <c r="D72245" s="1" t="s">
        <v>22690</v>
      </c>
      <c r="E72245" s="1" t="s">
        <v>241673</v>
      </c>
      <c r="F72245" s="1" t="s">
        <v>241674</v>
      </c>
      <c r="G72245" s="1" t="s">
        <v>241656</v>
      </c>
      <c r="H72245" s="1" t="s">
        <v>241657</v>
      </c>
      <c r="I72245" s="1" t="s">
        <v>222698</v>
      </c>
      <c r="J72245" s="1" t="s">
        <v>241675</v>
      </c>
    </row>
    <row r="72246" spans="1:10" x14ac:dyDescent="0.35">
      <c r="A72246" s="1" t="s">
        <v>27813</v>
      </c>
      <c r="B72246" s="1" t="s">
        <v>222693</v>
      </c>
      <c r="C72246" s="1" t="s">
        <v>45</v>
      </c>
      <c r="D72246" s="1" t="s">
        <v>241676</v>
      </c>
      <c r="E72246" s="1" t="s">
        <v>241677</v>
      </c>
      <c r="F72246" s="1" t="s">
        <v>241678</v>
      </c>
      <c r="G72246" s="1" t="s">
        <v>241656</v>
      </c>
      <c r="H72246" s="1" t="s">
        <v>241657</v>
      </c>
      <c r="I72246" s="1" t="s">
        <v>222698</v>
      </c>
      <c r="J72246" s="1" t="s">
        <v>241679</v>
      </c>
    </row>
    <row r="72247" spans="1:10" x14ac:dyDescent="0.35">
      <c r="A72247" s="1" t="s">
        <v>27813</v>
      </c>
      <c r="B72247" s="1" t="s">
        <v>222693</v>
      </c>
      <c r="C72247" s="1" t="s">
        <v>50</v>
      </c>
      <c r="D72247" s="1" t="s">
        <v>241680</v>
      </c>
      <c r="E72247" s="1" t="s">
        <v>241681</v>
      </c>
      <c r="F72247" s="1" t="s">
        <v>241682</v>
      </c>
      <c r="G72247" s="1" t="s">
        <v>241656</v>
      </c>
      <c r="H72247" s="1" t="s">
        <v>241657</v>
      </c>
      <c r="I72247" s="1" t="s">
        <v>222698</v>
      </c>
      <c r="J72247" s="1" t="s">
        <v>241683</v>
      </c>
    </row>
    <row r="72248" spans="1:10" x14ac:dyDescent="0.35">
      <c r="A72248" s="1" t="s">
        <v>27813</v>
      </c>
      <c r="B72248" s="1" t="s">
        <v>222693</v>
      </c>
      <c r="C72248" s="1" t="s">
        <v>55</v>
      </c>
      <c r="D72248" s="1" t="s">
        <v>241684</v>
      </c>
      <c r="E72248" s="1" t="s">
        <v>241685</v>
      </c>
      <c r="F72248" s="1" t="s">
        <v>241686</v>
      </c>
      <c r="G72248" s="1" t="s">
        <v>241656</v>
      </c>
      <c r="H72248" s="1" t="s">
        <v>241657</v>
      </c>
      <c r="I72248" s="1" t="s">
        <v>222698</v>
      </c>
      <c r="J72248" s="1" t="s">
        <v>241687</v>
      </c>
    </row>
    <row r="72249" spans="1:10" x14ac:dyDescent="0.35">
      <c r="A72249" s="1" t="s">
        <v>27813</v>
      </c>
      <c r="B72249" s="1" t="s">
        <v>222693</v>
      </c>
      <c r="C72249" s="1" t="s">
        <v>60</v>
      </c>
      <c r="D72249" s="1" t="s">
        <v>241688</v>
      </c>
      <c r="E72249" s="1" t="s">
        <v>241689</v>
      </c>
      <c r="F72249" s="1" t="s">
        <v>241690</v>
      </c>
      <c r="G72249" s="1" t="s">
        <v>241656</v>
      </c>
      <c r="H72249" s="1" t="s">
        <v>241657</v>
      </c>
      <c r="I72249" s="1" t="s">
        <v>222698</v>
      </c>
      <c r="J72249" s="1" t="s">
        <v>241691</v>
      </c>
    </row>
    <row r="72250" spans="1:10" x14ac:dyDescent="0.35">
      <c r="A72250" s="1" t="s">
        <v>27813</v>
      </c>
      <c r="B72250" s="1" t="s">
        <v>222693</v>
      </c>
      <c r="C72250" s="1" t="s">
        <v>65</v>
      </c>
      <c r="D72250" s="1" t="s">
        <v>163185</v>
      </c>
      <c r="E72250" s="1" t="s">
        <v>241692</v>
      </c>
      <c r="F72250" s="1" t="s">
        <v>241693</v>
      </c>
      <c r="G72250" s="1" t="s">
        <v>241656</v>
      </c>
      <c r="H72250" s="1" t="s">
        <v>241657</v>
      </c>
      <c r="I72250" s="1" t="s">
        <v>222698</v>
      </c>
      <c r="J72250" s="1" t="s">
        <v>241694</v>
      </c>
    </row>
    <row r="72251" spans="1:10" x14ac:dyDescent="0.35">
      <c r="A72251" s="1" t="s">
        <v>27813</v>
      </c>
      <c r="B72251" s="1" t="s">
        <v>222693</v>
      </c>
      <c r="C72251" s="1" t="s">
        <v>70</v>
      </c>
      <c r="D72251" s="1" t="s">
        <v>94667</v>
      </c>
      <c r="E72251" s="1" t="s">
        <v>241695</v>
      </c>
      <c r="F72251" s="1" t="s">
        <v>241696</v>
      </c>
      <c r="G72251" s="1" t="s">
        <v>241656</v>
      </c>
      <c r="H72251" s="1" t="s">
        <v>241657</v>
      </c>
      <c r="I72251" s="1" t="s">
        <v>222698</v>
      </c>
      <c r="J72251" s="1" t="s">
        <v>241697</v>
      </c>
    </row>
    <row r="72252" spans="1:10" x14ac:dyDescent="0.35">
      <c r="A72252" s="1" t="s">
        <v>27813</v>
      </c>
      <c r="B72252" s="1" t="s">
        <v>222693</v>
      </c>
      <c r="C72252" s="1" t="s">
        <v>75</v>
      </c>
      <c r="D72252" s="1" t="s">
        <v>54470</v>
      </c>
      <c r="E72252" s="1" t="s">
        <v>241698</v>
      </c>
      <c r="F72252" s="1" t="s">
        <v>241699</v>
      </c>
      <c r="G72252" s="1" t="s">
        <v>241656</v>
      </c>
      <c r="H72252" s="1" t="s">
        <v>241657</v>
      </c>
      <c r="I72252" s="1" t="s">
        <v>222698</v>
      </c>
      <c r="J72252" s="1" t="s">
        <v>241700</v>
      </c>
    </row>
    <row r="72253" spans="1:10" x14ac:dyDescent="0.35">
      <c r="A72253" s="1" t="s">
        <v>27813</v>
      </c>
      <c r="B72253" s="1" t="s">
        <v>222693</v>
      </c>
      <c r="C72253" s="1" t="s">
        <v>80</v>
      </c>
      <c r="D72253" s="1" t="s">
        <v>226099</v>
      </c>
      <c r="E72253" s="1" t="s">
        <v>241701</v>
      </c>
      <c r="F72253" s="1" t="s">
        <v>241702</v>
      </c>
      <c r="G72253" s="1" t="s">
        <v>241656</v>
      </c>
      <c r="H72253" s="1" t="s">
        <v>241657</v>
      </c>
      <c r="I72253" s="1" t="s">
        <v>222698</v>
      </c>
      <c r="J72253" s="1" t="s">
        <v>241703</v>
      </c>
    </row>
    <row r="72254" spans="1:10" x14ac:dyDescent="0.35">
      <c r="A72254" s="1" t="s">
        <v>27813</v>
      </c>
      <c r="B72254" s="1" t="s">
        <v>222693</v>
      </c>
      <c r="C72254" s="1" t="s">
        <v>85</v>
      </c>
      <c r="D72254" s="1" t="s">
        <v>132904</v>
      </c>
      <c r="E72254" s="1" t="s">
        <v>241704</v>
      </c>
      <c r="F72254" s="1" t="s">
        <v>241705</v>
      </c>
      <c r="G72254" s="1" t="s">
        <v>241656</v>
      </c>
      <c r="H72254" s="1" t="s">
        <v>241657</v>
      </c>
      <c r="I72254" s="1" t="s">
        <v>222698</v>
      </c>
      <c r="J72254" s="1" t="s">
        <v>241706</v>
      </c>
    </row>
    <row r="72255" spans="1:10" x14ac:dyDescent="0.35">
      <c r="A72255" s="1" t="s">
        <v>27813</v>
      </c>
      <c r="B72255" s="1" t="s">
        <v>222693</v>
      </c>
      <c r="C72255" s="1" t="s">
        <v>90</v>
      </c>
      <c r="D72255" s="1" t="s">
        <v>241707</v>
      </c>
      <c r="E72255" s="1" t="s">
        <v>241708</v>
      </c>
      <c r="F72255" s="1" t="s">
        <v>241709</v>
      </c>
      <c r="G72255" s="1" t="s">
        <v>241656</v>
      </c>
      <c r="H72255" s="1" t="s">
        <v>241657</v>
      </c>
      <c r="I72255" s="1" t="s">
        <v>222698</v>
      </c>
      <c r="J72255" s="1" t="s">
        <v>241710</v>
      </c>
    </row>
    <row r="72256" spans="1:10" x14ac:dyDescent="0.35">
      <c r="A72256" s="1" t="s">
        <v>27813</v>
      </c>
      <c r="B72256" s="1" t="s">
        <v>222693</v>
      </c>
      <c r="C72256" s="1" t="s">
        <v>95</v>
      </c>
      <c r="D72256" s="1" t="s">
        <v>241711</v>
      </c>
      <c r="E72256" s="1" t="s">
        <v>241712</v>
      </c>
      <c r="F72256" s="1" t="s">
        <v>241713</v>
      </c>
      <c r="G72256" s="1" t="s">
        <v>241656</v>
      </c>
      <c r="H72256" s="1" t="s">
        <v>241657</v>
      </c>
      <c r="I72256" s="1" t="s">
        <v>222698</v>
      </c>
      <c r="J72256" s="1" t="s">
        <v>241714</v>
      </c>
    </row>
    <row r="72257" spans="1:10" x14ac:dyDescent="0.35">
      <c r="A72257" s="1" t="s">
        <v>27813</v>
      </c>
      <c r="B72257" s="1" t="s">
        <v>222693</v>
      </c>
      <c r="C72257" s="1" t="s">
        <v>100</v>
      </c>
      <c r="D72257" s="1" t="s">
        <v>223227</v>
      </c>
      <c r="E72257" s="1" t="s">
        <v>241715</v>
      </c>
      <c r="F72257" s="1" t="s">
        <v>241716</v>
      </c>
      <c r="G72257" s="1" t="s">
        <v>241656</v>
      </c>
      <c r="H72257" s="1" t="s">
        <v>241657</v>
      </c>
      <c r="I72257" s="1" t="s">
        <v>222698</v>
      </c>
      <c r="J72257" s="1" t="s">
        <v>241717</v>
      </c>
    </row>
    <row r="72258" spans="1:10" x14ac:dyDescent="0.35">
      <c r="A72258" s="1" t="s">
        <v>27813</v>
      </c>
      <c r="B72258" s="1" t="s">
        <v>222693</v>
      </c>
      <c r="C72258" s="1" t="s">
        <v>105</v>
      </c>
      <c r="D72258" s="1" t="s">
        <v>241718</v>
      </c>
      <c r="E72258" s="1" t="s">
        <v>241719</v>
      </c>
      <c r="F72258" s="1" t="s">
        <v>241720</v>
      </c>
      <c r="G72258" s="1" t="s">
        <v>241656</v>
      </c>
      <c r="H72258" s="1" t="s">
        <v>241657</v>
      </c>
      <c r="I72258" s="1" t="s">
        <v>222698</v>
      </c>
      <c r="J72258" s="1" t="s">
        <v>241721</v>
      </c>
    </row>
    <row r="72259" spans="1:10" x14ac:dyDescent="0.35">
      <c r="A72259" s="1" t="s">
        <v>27813</v>
      </c>
      <c r="B72259" s="1" t="s">
        <v>222693</v>
      </c>
      <c r="C72259" s="1" t="s">
        <v>110</v>
      </c>
      <c r="D72259" s="1" t="s">
        <v>41209</v>
      </c>
      <c r="E72259" s="1" t="s">
        <v>241722</v>
      </c>
      <c r="F72259" s="1" t="s">
        <v>241723</v>
      </c>
      <c r="G72259" s="1" t="s">
        <v>241656</v>
      </c>
      <c r="H72259" s="1" t="s">
        <v>241657</v>
      </c>
      <c r="I72259" s="1" t="s">
        <v>222698</v>
      </c>
      <c r="J72259" s="1" t="s">
        <v>241724</v>
      </c>
    </row>
    <row r="72260" spans="1:10" x14ac:dyDescent="0.35">
      <c r="A72260" s="1" t="s">
        <v>27813</v>
      </c>
      <c r="B72260" s="1" t="s">
        <v>222693</v>
      </c>
      <c r="C72260" s="1" t="s">
        <v>115</v>
      </c>
      <c r="D72260" s="1" t="s">
        <v>241725</v>
      </c>
      <c r="E72260" s="1" t="s">
        <v>241726</v>
      </c>
      <c r="F72260" s="1" t="s">
        <v>241727</v>
      </c>
      <c r="G72260" s="1" t="s">
        <v>241656</v>
      </c>
      <c r="H72260" s="1" t="s">
        <v>241657</v>
      </c>
      <c r="I72260" s="1" t="s">
        <v>222698</v>
      </c>
      <c r="J72260" s="1" t="s">
        <v>241728</v>
      </c>
    </row>
    <row r="72261" spans="1:10" x14ac:dyDescent="0.35">
      <c r="A72261" s="1" t="s">
        <v>27813</v>
      </c>
      <c r="B72261" s="1" t="s">
        <v>222693</v>
      </c>
      <c r="C72261" s="1" t="s">
        <v>120</v>
      </c>
      <c r="D72261" s="1" t="s">
        <v>241729</v>
      </c>
      <c r="E72261" s="1" t="s">
        <v>241730</v>
      </c>
      <c r="F72261" s="1" t="s">
        <v>241731</v>
      </c>
      <c r="G72261" s="1" t="s">
        <v>241656</v>
      </c>
      <c r="H72261" s="1" t="s">
        <v>241657</v>
      </c>
      <c r="I72261" s="1" t="s">
        <v>222698</v>
      </c>
      <c r="J72261" s="1" t="s">
        <v>241732</v>
      </c>
    </row>
    <row r="72262" spans="1:10" x14ac:dyDescent="0.35">
      <c r="A72262" s="1" t="s">
        <v>27813</v>
      </c>
      <c r="B72262" s="1" t="s">
        <v>222693</v>
      </c>
      <c r="C72262" s="1" t="s">
        <v>125</v>
      </c>
      <c r="D72262" s="1" t="s">
        <v>241733</v>
      </c>
      <c r="E72262" s="1" t="s">
        <v>241734</v>
      </c>
      <c r="F72262" s="1" t="s">
        <v>241735</v>
      </c>
      <c r="G72262" s="1" t="s">
        <v>241656</v>
      </c>
      <c r="H72262" s="1" t="s">
        <v>241657</v>
      </c>
      <c r="I72262" s="1" t="s">
        <v>222698</v>
      </c>
      <c r="J72262" s="1" t="s">
        <v>241736</v>
      </c>
    </row>
    <row r="72263" spans="1:10" x14ac:dyDescent="0.35">
      <c r="A72263" s="1" t="s">
        <v>27813</v>
      </c>
      <c r="B72263" s="1" t="s">
        <v>222693</v>
      </c>
      <c r="C72263" s="1" t="s">
        <v>130</v>
      </c>
      <c r="D72263" s="1" t="s">
        <v>241737</v>
      </c>
      <c r="E72263" s="1" t="s">
        <v>241738</v>
      </c>
      <c r="F72263" s="1" t="s">
        <v>241739</v>
      </c>
      <c r="G72263" s="1" t="s">
        <v>241656</v>
      </c>
      <c r="H72263" s="1" t="s">
        <v>241657</v>
      </c>
      <c r="I72263" s="1" t="s">
        <v>222698</v>
      </c>
      <c r="J72263" s="1" t="s">
        <v>241740</v>
      </c>
    </row>
    <row r="72264" spans="1:10" x14ac:dyDescent="0.35">
      <c r="A72264" s="1" t="s">
        <v>27813</v>
      </c>
      <c r="B72264" s="1" t="s">
        <v>222693</v>
      </c>
      <c r="C72264" s="1" t="s">
        <v>135</v>
      </c>
      <c r="D72264" s="1" t="s">
        <v>241741</v>
      </c>
      <c r="E72264" s="1" t="s">
        <v>241742</v>
      </c>
      <c r="F72264" s="1" t="s">
        <v>241743</v>
      </c>
      <c r="G72264" s="1" t="s">
        <v>241656</v>
      </c>
      <c r="H72264" s="1" t="s">
        <v>241657</v>
      </c>
      <c r="I72264" s="1" t="s">
        <v>222698</v>
      </c>
      <c r="J72264" s="1" t="s">
        <v>241744</v>
      </c>
    </row>
    <row r="72265" spans="1:10" x14ac:dyDescent="0.35">
      <c r="A72265" s="1" t="s">
        <v>27813</v>
      </c>
      <c r="B72265" s="1" t="s">
        <v>222693</v>
      </c>
      <c r="C72265" s="1" t="s">
        <v>140</v>
      </c>
      <c r="D72265" s="1" t="s">
        <v>241745</v>
      </c>
      <c r="E72265" s="1" t="s">
        <v>241746</v>
      </c>
      <c r="F72265" s="1" t="s">
        <v>241747</v>
      </c>
      <c r="G72265" s="1" t="s">
        <v>241656</v>
      </c>
      <c r="H72265" s="1" t="s">
        <v>241657</v>
      </c>
      <c r="I72265" s="1" t="s">
        <v>222698</v>
      </c>
      <c r="J72265" s="1" t="s">
        <v>241748</v>
      </c>
    </row>
    <row r="72266" spans="1:10" x14ac:dyDescent="0.35">
      <c r="A72266" s="1" t="s">
        <v>27813</v>
      </c>
      <c r="B72266" s="1" t="s">
        <v>222693</v>
      </c>
      <c r="C72266" s="1" t="s">
        <v>145</v>
      </c>
      <c r="D72266" s="1" t="s">
        <v>222800</v>
      </c>
      <c r="E72266" s="1" t="s">
        <v>241749</v>
      </c>
      <c r="F72266" s="1" t="s">
        <v>241750</v>
      </c>
      <c r="G72266" s="1" t="s">
        <v>241656</v>
      </c>
      <c r="H72266" s="1" t="s">
        <v>241657</v>
      </c>
      <c r="I72266" s="1" t="s">
        <v>222698</v>
      </c>
      <c r="J72266" s="1" t="s">
        <v>241751</v>
      </c>
    </row>
    <row r="72267" spans="1:10" x14ac:dyDescent="0.35">
      <c r="A72267" s="1" t="s">
        <v>27813</v>
      </c>
      <c r="B72267" s="1" t="s">
        <v>222693</v>
      </c>
      <c r="C72267" s="1" t="s">
        <v>150</v>
      </c>
      <c r="D72267" s="1" t="s">
        <v>241752</v>
      </c>
      <c r="E72267" s="1" t="s">
        <v>241753</v>
      </c>
      <c r="F72267" s="1" t="s">
        <v>241754</v>
      </c>
      <c r="G72267" s="1" t="s">
        <v>241656</v>
      </c>
      <c r="H72267" s="1" t="s">
        <v>241657</v>
      </c>
      <c r="I72267" s="1" t="s">
        <v>222698</v>
      </c>
      <c r="J72267" s="1" t="s">
        <v>241755</v>
      </c>
    </row>
    <row r="72268" spans="1:10" x14ac:dyDescent="0.35">
      <c r="A72268" s="1" t="s">
        <v>27813</v>
      </c>
      <c r="B72268" s="1" t="s">
        <v>222693</v>
      </c>
      <c r="C72268" s="1" t="s">
        <v>155</v>
      </c>
      <c r="D72268" s="1" t="s">
        <v>241756</v>
      </c>
      <c r="E72268" s="1" t="s">
        <v>241757</v>
      </c>
      <c r="F72268" s="1" t="s">
        <v>241758</v>
      </c>
      <c r="G72268" s="1" t="s">
        <v>241656</v>
      </c>
      <c r="H72268" s="1" t="s">
        <v>241657</v>
      </c>
      <c r="I72268" s="1" t="s">
        <v>222698</v>
      </c>
      <c r="J72268" s="1" t="s">
        <v>241759</v>
      </c>
    </row>
    <row r="72269" spans="1:10" x14ac:dyDescent="0.35">
      <c r="A72269" s="1" t="s">
        <v>27813</v>
      </c>
      <c r="B72269" s="1" t="s">
        <v>222693</v>
      </c>
      <c r="C72269" s="1" t="s">
        <v>160</v>
      </c>
      <c r="D72269" s="1" t="s">
        <v>241760</v>
      </c>
      <c r="E72269" s="1" t="s">
        <v>241761</v>
      </c>
      <c r="F72269" s="1" t="s">
        <v>241762</v>
      </c>
      <c r="G72269" s="1" t="s">
        <v>241656</v>
      </c>
      <c r="H72269" s="1" t="s">
        <v>241657</v>
      </c>
      <c r="I72269" s="1" t="s">
        <v>222698</v>
      </c>
      <c r="J72269" s="1" t="s">
        <v>241763</v>
      </c>
    </row>
    <row r="72270" spans="1:10" x14ac:dyDescent="0.35">
      <c r="A72270" s="1" t="s">
        <v>27813</v>
      </c>
      <c r="B72270" s="1" t="s">
        <v>222693</v>
      </c>
      <c r="C72270" s="1" t="s">
        <v>165</v>
      </c>
      <c r="D72270" s="1" t="s">
        <v>8579</v>
      </c>
      <c r="E72270" s="1" t="s">
        <v>241764</v>
      </c>
      <c r="F72270" s="1" t="s">
        <v>241765</v>
      </c>
      <c r="G72270" s="1" t="s">
        <v>241656</v>
      </c>
      <c r="H72270" s="1" t="s">
        <v>241657</v>
      </c>
      <c r="I72270" s="1" t="s">
        <v>222698</v>
      </c>
      <c r="J72270" s="1" t="s">
        <v>241766</v>
      </c>
    </row>
    <row r="72271" spans="1:10" x14ac:dyDescent="0.35">
      <c r="A72271" s="1" t="s">
        <v>27813</v>
      </c>
      <c r="B72271" s="1" t="s">
        <v>222693</v>
      </c>
      <c r="C72271" s="1" t="s">
        <v>170</v>
      </c>
      <c r="D72271" s="1" t="s">
        <v>241767</v>
      </c>
      <c r="E72271" s="1" t="s">
        <v>241768</v>
      </c>
      <c r="F72271" s="1" t="s">
        <v>241769</v>
      </c>
      <c r="G72271" s="1" t="s">
        <v>241656</v>
      </c>
      <c r="H72271" s="1" t="s">
        <v>241657</v>
      </c>
      <c r="I72271" s="1" t="s">
        <v>222698</v>
      </c>
      <c r="J72271" s="1" t="s">
        <v>241770</v>
      </c>
    </row>
    <row r="72272" spans="1:10" x14ac:dyDescent="0.35">
      <c r="A72272" s="1" t="s">
        <v>110670</v>
      </c>
      <c r="B72272" s="1" t="s">
        <v>222693</v>
      </c>
      <c r="C72272" s="1" t="s">
        <v>8</v>
      </c>
      <c r="D72272" s="1" t="s">
        <v>241771</v>
      </c>
      <c r="E72272" s="1" t="s">
        <v>241772</v>
      </c>
      <c r="F72272" s="1" t="s">
        <v>241773</v>
      </c>
      <c r="G72272" s="1" t="s">
        <v>241774</v>
      </c>
      <c r="H72272" s="1" t="s">
        <v>241775</v>
      </c>
      <c r="I72272" s="1" t="s">
        <v>222698</v>
      </c>
      <c r="J72272" s="1" t="s">
        <v>13</v>
      </c>
    </row>
    <row r="72273" spans="1:10" x14ac:dyDescent="0.35">
      <c r="A72273" s="1" t="s">
        <v>110670</v>
      </c>
      <c r="B72273" s="1" t="s">
        <v>222693</v>
      </c>
      <c r="C72273" s="1" t="s">
        <v>15</v>
      </c>
      <c r="D72273" s="1" t="s">
        <v>93656</v>
      </c>
      <c r="E72273" s="1" t="s">
        <v>241776</v>
      </c>
      <c r="F72273" s="1" t="s">
        <v>241777</v>
      </c>
      <c r="G72273" s="1" t="s">
        <v>241774</v>
      </c>
      <c r="H72273" s="1" t="s">
        <v>241775</v>
      </c>
      <c r="I72273" s="1" t="s">
        <v>222698</v>
      </c>
      <c r="J72273" s="1" t="s">
        <v>241778</v>
      </c>
    </row>
    <row r="72274" spans="1:10" x14ac:dyDescent="0.35">
      <c r="A72274" s="1" t="s">
        <v>110670</v>
      </c>
      <c r="B72274" s="1" t="s">
        <v>222693</v>
      </c>
      <c r="C72274" s="1" t="s">
        <v>20</v>
      </c>
      <c r="D72274" s="1" t="s">
        <v>36303</v>
      </c>
      <c r="E72274" s="1" t="s">
        <v>241779</v>
      </c>
      <c r="F72274" s="1" t="s">
        <v>241780</v>
      </c>
      <c r="G72274" s="1" t="s">
        <v>241774</v>
      </c>
      <c r="H72274" s="1" t="s">
        <v>241775</v>
      </c>
      <c r="I72274" s="1" t="s">
        <v>222698</v>
      </c>
      <c r="J72274" s="1" t="s">
        <v>241781</v>
      </c>
    </row>
    <row r="72275" spans="1:10" x14ac:dyDescent="0.35">
      <c r="A72275" s="1" t="s">
        <v>110670</v>
      </c>
      <c r="B72275" s="1" t="s">
        <v>222693</v>
      </c>
      <c r="C72275" s="1" t="s">
        <v>25</v>
      </c>
      <c r="D72275" s="1" t="s">
        <v>90562</v>
      </c>
      <c r="E72275" s="1" t="s">
        <v>241782</v>
      </c>
      <c r="F72275" s="1" t="s">
        <v>241783</v>
      </c>
      <c r="G72275" s="1" t="s">
        <v>241774</v>
      </c>
      <c r="H72275" s="1" t="s">
        <v>241775</v>
      </c>
      <c r="I72275" s="1" t="s">
        <v>222698</v>
      </c>
      <c r="J72275" s="1" t="s">
        <v>241784</v>
      </c>
    </row>
    <row r="72276" spans="1:10" x14ac:dyDescent="0.35">
      <c r="A72276" s="1" t="s">
        <v>110670</v>
      </c>
      <c r="B72276" s="1" t="s">
        <v>222693</v>
      </c>
      <c r="C72276" s="1" t="s">
        <v>30</v>
      </c>
      <c r="D72276" s="1" t="s">
        <v>63074</v>
      </c>
      <c r="E72276" s="1" t="s">
        <v>241785</v>
      </c>
      <c r="F72276" s="1" t="s">
        <v>241786</v>
      </c>
      <c r="G72276" s="1" t="s">
        <v>241774</v>
      </c>
      <c r="H72276" s="1" t="s">
        <v>241775</v>
      </c>
      <c r="I72276" s="1" t="s">
        <v>222698</v>
      </c>
      <c r="J72276" s="1" t="s">
        <v>241787</v>
      </c>
    </row>
    <row r="72277" spans="1:10" x14ac:dyDescent="0.35">
      <c r="A72277" s="1" t="s">
        <v>110670</v>
      </c>
      <c r="B72277" s="1" t="s">
        <v>222693</v>
      </c>
      <c r="C72277" s="1" t="s">
        <v>35</v>
      </c>
      <c r="D72277" s="1" t="s">
        <v>33383</v>
      </c>
      <c r="E72277" s="1" t="s">
        <v>241788</v>
      </c>
      <c r="F72277" s="1" t="s">
        <v>241789</v>
      </c>
      <c r="G72277" s="1" t="s">
        <v>241774</v>
      </c>
      <c r="H72277" s="1" t="s">
        <v>241775</v>
      </c>
      <c r="I72277" s="1" t="s">
        <v>222698</v>
      </c>
      <c r="J72277" s="1" t="s">
        <v>241790</v>
      </c>
    </row>
    <row r="72278" spans="1:10" x14ac:dyDescent="0.35">
      <c r="A72278" s="1" t="s">
        <v>110670</v>
      </c>
      <c r="B72278" s="1" t="s">
        <v>222693</v>
      </c>
      <c r="C72278" s="1" t="s">
        <v>40</v>
      </c>
      <c r="D72278" s="1" t="s">
        <v>129609</v>
      </c>
      <c r="E72278" s="1" t="s">
        <v>241791</v>
      </c>
      <c r="F72278" s="1" t="s">
        <v>241792</v>
      </c>
      <c r="G72278" s="1" t="s">
        <v>241774</v>
      </c>
      <c r="H72278" s="1" t="s">
        <v>241775</v>
      </c>
      <c r="I72278" s="1" t="s">
        <v>222698</v>
      </c>
      <c r="J72278" s="1" t="s">
        <v>241793</v>
      </c>
    </row>
    <row r="72279" spans="1:10" x14ac:dyDescent="0.35">
      <c r="A72279" s="1" t="s">
        <v>110670</v>
      </c>
      <c r="B72279" s="1" t="s">
        <v>222693</v>
      </c>
      <c r="C72279" s="1" t="s">
        <v>45</v>
      </c>
      <c r="D72279" s="1" t="s">
        <v>241794</v>
      </c>
      <c r="E72279" s="1" t="s">
        <v>241795</v>
      </c>
      <c r="F72279" s="1" t="s">
        <v>241796</v>
      </c>
      <c r="G72279" s="1" t="s">
        <v>241774</v>
      </c>
      <c r="H72279" s="1" t="s">
        <v>241775</v>
      </c>
      <c r="I72279" s="1" t="s">
        <v>222698</v>
      </c>
      <c r="J72279" s="1" t="s">
        <v>241797</v>
      </c>
    </row>
    <row r="72280" spans="1:10" x14ac:dyDescent="0.35">
      <c r="A72280" s="1" t="s">
        <v>110670</v>
      </c>
      <c r="B72280" s="1" t="s">
        <v>222693</v>
      </c>
      <c r="C72280" s="1" t="s">
        <v>50</v>
      </c>
      <c r="D72280" s="1" t="s">
        <v>79386</v>
      </c>
      <c r="E72280" s="1" t="s">
        <v>241798</v>
      </c>
      <c r="F72280" s="1" t="s">
        <v>241799</v>
      </c>
      <c r="G72280" s="1" t="s">
        <v>241774</v>
      </c>
      <c r="H72280" s="1" t="s">
        <v>241775</v>
      </c>
      <c r="I72280" s="1" t="s">
        <v>222698</v>
      </c>
      <c r="J72280" s="1" t="s">
        <v>241800</v>
      </c>
    </row>
    <row r="72281" spans="1:10" x14ac:dyDescent="0.35">
      <c r="A72281" s="1" t="s">
        <v>110670</v>
      </c>
      <c r="B72281" s="1" t="s">
        <v>222693</v>
      </c>
      <c r="C72281" s="1" t="s">
        <v>55</v>
      </c>
      <c r="D72281" s="1" t="s">
        <v>241801</v>
      </c>
      <c r="E72281" s="1" t="s">
        <v>241802</v>
      </c>
      <c r="F72281" s="1" t="s">
        <v>241803</v>
      </c>
      <c r="G72281" s="1" t="s">
        <v>241774</v>
      </c>
      <c r="H72281" s="1" t="s">
        <v>241775</v>
      </c>
      <c r="I72281" s="1" t="s">
        <v>222698</v>
      </c>
      <c r="J72281" s="1" t="s">
        <v>241804</v>
      </c>
    </row>
    <row r="72282" spans="1:10" x14ac:dyDescent="0.35">
      <c r="A72282" s="1" t="s">
        <v>110670</v>
      </c>
      <c r="B72282" s="1" t="s">
        <v>222693</v>
      </c>
      <c r="C72282" s="1" t="s">
        <v>60</v>
      </c>
      <c r="D72282" s="1" t="s">
        <v>241805</v>
      </c>
      <c r="E72282" s="1" t="s">
        <v>241806</v>
      </c>
      <c r="F72282" s="1" t="s">
        <v>241807</v>
      </c>
      <c r="G72282" s="1" t="s">
        <v>241774</v>
      </c>
      <c r="H72282" s="1" t="s">
        <v>241775</v>
      </c>
      <c r="I72282" s="1" t="s">
        <v>222698</v>
      </c>
      <c r="J72282" s="1" t="s">
        <v>241808</v>
      </c>
    </row>
    <row r="72283" spans="1:10" x14ac:dyDescent="0.35">
      <c r="A72283" s="1" t="s">
        <v>110670</v>
      </c>
      <c r="B72283" s="1" t="s">
        <v>222693</v>
      </c>
      <c r="C72283" s="1" t="s">
        <v>65</v>
      </c>
      <c r="D72283" s="1" t="s">
        <v>76731</v>
      </c>
      <c r="E72283" s="1" t="s">
        <v>241809</v>
      </c>
      <c r="F72283" s="1" t="s">
        <v>241810</v>
      </c>
      <c r="G72283" s="1" t="s">
        <v>241774</v>
      </c>
      <c r="H72283" s="1" t="s">
        <v>241775</v>
      </c>
      <c r="I72283" s="1" t="s">
        <v>222698</v>
      </c>
      <c r="J72283" s="1" t="s">
        <v>241811</v>
      </c>
    </row>
    <row r="72284" spans="1:10" x14ac:dyDescent="0.35">
      <c r="A72284" s="1" t="s">
        <v>110670</v>
      </c>
      <c r="B72284" s="1" t="s">
        <v>222693</v>
      </c>
      <c r="C72284" s="1" t="s">
        <v>70</v>
      </c>
      <c r="D72284" s="1" t="s">
        <v>163070</v>
      </c>
      <c r="E72284" s="1" t="s">
        <v>241812</v>
      </c>
      <c r="F72284" s="1" t="s">
        <v>241813</v>
      </c>
      <c r="G72284" s="1" t="s">
        <v>241774</v>
      </c>
      <c r="H72284" s="1" t="s">
        <v>241775</v>
      </c>
      <c r="I72284" s="1" t="s">
        <v>222698</v>
      </c>
      <c r="J72284" s="1" t="s">
        <v>241814</v>
      </c>
    </row>
    <row r="72285" spans="1:10" x14ac:dyDescent="0.35">
      <c r="A72285" s="1" t="s">
        <v>110670</v>
      </c>
      <c r="B72285" s="1" t="s">
        <v>222693</v>
      </c>
      <c r="C72285" s="1" t="s">
        <v>75</v>
      </c>
      <c r="D72285" s="1" t="s">
        <v>241815</v>
      </c>
      <c r="E72285" s="1" t="s">
        <v>241816</v>
      </c>
      <c r="F72285" s="1" t="s">
        <v>241817</v>
      </c>
      <c r="G72285" s="1" t="s">
        <v>241774</v>
      </c>
      <c r="H72285" s="1" t="s">
        <v>241775</v>
      </c>
      <c r="I72285" s="1" t="s">
        <v>222698</v>
      </c>
      <c r="J72285" s="1" t="s">
        <v>241818</v>
      </c>
    </row>
    <row r="72286" spans="1:10" x14ac:dyDescent="0.35">
      <c r="A72286" s="1" t="s">
        <v>110670</v>
      </c>
      <c r="B72286" s="1" t="s">
        <v>222693</v>
      </c>
      <c r="C72286" s="1" t="s">
        <v>80</v>
      </c>
      <c r="D72286" s="1" t="s">
        <v>165996</v>
      </c>
      <c r="E72286" s="1" t="s">
        <v>241819</v>
      </c>
      <c r="F72286" s="1" t="s">
        <v>241820</v>
      </c>
      <c r="G72286" s="1" t="s">
        <v>241774</v>
      </c>
      <c r="H72286" s="1" t="s">
        <v>241775</v>
      </c>
      <c r="I72286" s="1" t="s">
        <v>222698</v>
      </c>
      <c r="J72286" s="1" t="s">
        <v>241821</v>
      </c>
    </row>
    <row r="72287" spans="1:10" x14ac:dyDescent="0.35">
      <c r="A72287" s="1" t="s">
        <v>110670</v>
      </c>
      <c r="B72287" s="1" t="s">
        <v>222693</v>
      </c>
      <c r="C72287" s="1" t="s">
        <v>85</v>
      </c>
      <c r="D72287" s="1" t="s">
        <v>58412</v>
      </c>
      <c r="E72287" s="1" t="s">
        <v>241822</v>
      </c>
      <c r="F72287" s="1" t="s">
        <v>241823</v>
      </c>
      <c r="G72287" s="1" t="s">
        <v>241774</v>
      </c>
      <c r="H72287" s="1" t="s">
        <v>241775</v>
      </c>
      <c r="I72287" s="1" t="s">
        <v>222698</v>
      </c>
      <c r="J72287" s="1" t="s">
        <v>241824</v>
      </c>
    </row>
    <row r="72288" spans="1:10" x14ac:dyDescent="0.35">
      <c r="A72288" s="1" t="s">
        <v>110670</v>
      </c>
      <c r="B72288" s="1" t="s">
        <v>222693</v>
      </c>
      <c r="C72288" s="1" t="s">
        <v>90</v>
      </c>
      <c r="D72288" s="1" t="s">
        <v>87416</v>
      </c>
      <c r="E72288" s="1" t="s">
        <v>241825</v>
      </c>
      <c r="F72288" s="1" t="s">
        <v>241826</v>
      </c>
      <c r="G72288" s="1" t="s">
        <v>241774</v>
      </c>
      <c r="H72288" s="1" t="s">
        <v>241775</v>
      </c>
      <c r="I72288" s="1" t="s">
        <v>222698</v>
      </c>
      <c r="J72288" s="1" t="s">
        <v>241827</v>
      </c>
    </row>
    <row r="72289" spans="1:10" x14ac:dyDescent="0.35">
      <c r="A72289" s="1" t="s">
        <v>110670</v>
      </c>
      <c r="B72289" s="1" t="s">
        <v>222693</v>
      </c>
      <c r="C72289" s="1" t="s">
        <v>95</v>
      </c>
      <c r="D72289" s="1" t="s">
        <v>231850</v>
      </c>
      <c r="E72289" s="1" t="s">
        <v>241828</v>
      </c>
      <c r="F72289" s="1" t="s">
        <v>241829</v>
      </c>
      <c r="G72289" s="1" t="s">
        <v>241774</v>
      </c>
      <c r="H72289" s="1" t="s">
        <v>241775</v>
      </c>
      <c r="I72289" s="1" t="s">
        <v>222698</v>
      </c>
      <c r="J72289" s="1" t="s">
        <v>241830</v>
      </c>
    </row>
    <row r="72290" spans="1:10" x14ac:dyDescent="0.35">
      <c r="A72290" s="1" t="s">
        <v>110670</v>
      </c>
      <c r="B72290" s="1" t="s">
        <v>222693</v>
      </c>
      <c r="C72290" s="1" t="s">
        <v>100</v>
      </c>
      <c r="D72290" s="1" t="s">
        <v>241831</v>
      </c>
      <c r="E72290" s="1" t="s">
        <v>241832</v>
      </c>
      <c r="F72290" s="1" t="s">
        <v>241833</v>
      </c>
      <c r="G72290" s="1" t="s">
        <v>241774</v>
      </c>
      <c r="H72290" s="1" t="s">
        <v>241775</v>
      </c>
      <c r="I72290" s="1" t="s">
        <v>222698</v>
      </c>
      <c r="J72290" s="1" t="s">
        <v>241834</v>
      </c>
    </row>
    <row r="72291" spans="1:10" x14ac:dyDescent="0.35">
      <c r="A72291" s="1" t="s">
        <v>110670</v>
      </c>
      <c r="B72291" s="1" t="s">
        <v>222693</v>
      </c>
      <c r="C72291" s="1" t="s">
        <v>105</v>
      </c>
      <c r="D72291" s="1" t="s">
        <v>241835</v>
      </c>
      <c r="E72291" s="1" t="s">
        <v>241836</v>
      </c>
      <c r="F72291" s="1" t="s">
        <v>241837</v>
      </c>
      <c r="G72291" s="1" t="s">
        <v>241774</v>
      </c>
      <c r="H72291" s="1" t="s">
        <v>241775</v>
      </c>
      <c r="I72291" s="1" t="s">
        <v>222698</v>
      </c>
      <c r="J72291" s="1" t="s">
        <v>241838</v>
      </c>
    </row>
    <row r="72292" spans="1:10" x14ac:dyDescent="0.35">
      <c r="A72292" s="1" t="s">
        <v>110670</v>
      </c>
      <c r="B72292" s="1" t="s">
        <v>222693</v>
      </c>
      <c r="C72292" s="1" t="s">
        <v>110</v>
      </c>
      <c r="D72292" s="1" t="s">
        <v>241643</v>
      </c>
      <c r="E72292" s="1" t="s">
        <v>241839</v>
      </c>
      <c r="F72292" s="1" t="s">
        <v>241840</v>
      </c>
      <c r="G72292" s="1" t="s">
        <v>241774</v>
      </c>
      <c r="H72292" s="1" t="s">
        <v>241775</v>
      </c>
      <c r="I72292" s="1" t="s">
        <v>222698</v>
      </c>
      <c r="J72292" s="1" t="s">
        <v>241841</v>
      </c>
    </row>
    <row r="72293" spans="1:10" x14ac:dyDescent="0.35">
      <c r="A72293" s="1" t="s">
        <v>110670</v>
      </c>
      <c r="B72293" s="1" t="s">
        <v>222693</v>
      </c>
      <c r="C72293" s="1" t="s">
        <v>115</v>
      </c>
      <c r="D72293" s="1" t="s">
        <v>229025</v>
      </c>
      <c r="E72293" s="1" t="s">
        <v>241842</v>
      </c>
      <c r="F72293" s="1" t="s">
        <v>241843</v>
      </c>
      <c r="G72293" s="1" t="s">
        <v>241774</v>
      </c>
      <c r="H72293" s="1" t="s">
        <v>241775</v>
      </c>
      <c r="I72293" s="1" t="s">
        <v>222698</v>
      </c>
      <c r="J72293" s="1" t="s">
        <v>241844</v>
      </c>
    </row>
    <row r="72294" spans="1:10" x14ac:dyDescent="0.35">
      <c r="A72294" s="1" t="s">
        <v>110670</v>
      </c>
      <c r="B72294" s="1" t="s">
        <v>222693</v>
      </c>
      <c r="C72294" s="1" t="s">
        <v>120</v>
      </c>
      <c r="D72294" s="1" t="s">
        <v>241845</v>
      </c>
      <c r="E72294" s="1" t="s">
        <v>241846</v>
      </c>
      <c r="F72294" s="1" t="s">
        <v>241847</v>
      </c>
      <c r="G72294" s="1" t="s">
        <v>241774</v>
      </c>
      <c r="H72294" s="1" t="s">
        <v>241775</v>
      </c>
      <c r="I72294" s="1" t="s">
        <v>222698</v>
      </c>
      <c r="J72294" s="1" t="s">
        <v>241848</v>
      </c>
    </row>
    <row r="72295" spans="1:10" x14ac:dyDescent="0.35">
      <c r="A72295" s="1" t="s">
        <v>110670</v>
      </c>
      <c r="B72295" s="1" t="s">
        <v>222693</v>
      </c>
      <c r="C72295" s="1" t="s">
        <v>125</v>
      </c>
      <c r="D72295" s="1" t="s">
        <v>241849</v>
      </c>
      <c r="E72295" s="1" t="s">
        <v>241850</v>
      </c>
      <c r="F72295" s="1" t="s">
        <v>241851</v>
      </c>
      <c r="G72295" s="1" t="s">
        <v>241774</v>
      </c>
      <c r="H72295" s="1" t="s">
        <v>241775</v>
      </c>
      <c r="I72295" s="1" t="s">
        <v>222698</v>
      </c>
      <c r="J72295" s="1" t="s">
        <v>241852</v>
      </c>
    </row>
    <row r="72296" spans="1:10" x14ac:dyDescent="0.35">
      <c r="A72296" s="1" t="s">
        <v>110670</v>
      </c>
      <c r="B72296" s="1" t="s">
        <v>222693</v>
      </c>
      <c r="C72296" s="1" t="s">
        <v>130</v>
      </c>
      <c r="D72296" s="1" t="s">
        <v>41323</v>
      </c>
      <c r="E72296" s="1" t="s">
        <v>241853</v>
      </c>
      <c r="F72296" s="1" t="s">
        <v>241854</v>
      </c>
      <c r="G72296" s="1" t="s">
        <v>241774</v>
      </c>
      <c r="H72296" s="1" t="s">
        <v>241775</v>
      </c>
      <c r="I72296" s="1" t="s">
        <v>222698</v>
      </c>
      <c r="J72296" s="1" t="s">
        <v>241855</v>
      </c>
    </row>
    <row r="72297" spans="1:10" x14ac:dyDescent="0.35">
      <c r="A72297" s="1" t="s">
        <v>110670</v>
      </c>
      <c r="B72297" s="1" t="s">
        <v>222693</v>
      </c>
      <c r="C72297" s="1" t="s">
        <v>135</v>
      </c>
      <c r="D72297" s="1" t="s">
        <v>133839</v>
      </c>
      <c r="E72297" s="1" t="s">
        <v>241856</v>
      </c>
      <c r="F72297" s="1" t="s">
        <v>241857</v>
      </c>
      <c r="G72297" s="1" t="s">
        <v>241774</v>
      </c>
      <c r="H72297" s="1" t="s">
        <v>241775</v>
      </c>
      <c r="I72297" s="1" t="s">
        <v>222698</v>
      </c>
      <c r="J72297" s="1" t="s">
        <v>241858</v>
      </c>
    </row>
    <row r="72298" spans="1:10" x14ac:dyDescent="0.35">
      <c r="A72298" s="1" t="s">
        <v>110670</v>
      </c>
      <c r="B72298" s="1" t="s">
        <v>222693</v>
      </c>
      <c r="C72298" s="1" t="s">
        <v>140</v>
      </c>
      <c r="D72298" s="1" t="s">
        <v>26985</v>
      </c>
      <c r="E72298" s="1" t="s">
        <v>241859</v>
      </c>
      <c r="F72298" s="1" t="s">
        <v>241860</v>
      </c>
      <c r="G72298" s="1" t="s">
        <v>241774</v>
      </c>
      <c r="H72298" s="1" t="s">
        <v>241775</v>
      </c>
      <c r="I72298" s="1" t="s">
        <v>222698</v>
      </c>
      <c r="J72298" s="1" t="s">
        <v>241861</v>
      </c>
    </row>
    <row r="72299" spans="1:10" x14ac:dyDescent="0.35">
      <c r="A72299" s="1" t="s">
        <v>110670</v>
      </c>
      <c r="B72299" s="1" t="s">
        <v>222693</v>
      </c>
      <c r="C72299" s="1" t="s">
        <v>145</v>
      </c>
      <c r="D72299" s="1" t="s">
        <v>241862</v>
      </c>
      <c r="E72299" s="1" t="s">
        <v>241863</v>
      </c>
      <c r="F72299" s="1" t="s">
        <v>241864</v>
      </c>
      <c r="G72299" s="1" t="s">
        <v>241774</v>
      </c>
      <c r="H72299" s="1" t="s">
        <v>241775</v>
      </c>
      <c r="I72299" s="1" t="s">
        <v>222698</v>
      </c>
      <c r="J72299" s="1" t="s">
        <v>241865</v>
      </c>
    </row>
    <row r="72300" spans="1:10" x14ac:dyDescent="0.35">
      <c r="A72300" s="1" t="s">
        <v>110670</v>
      </c>
      <c r="B72300" s="1" t="s">
        <v>222693</v>
      </c>
      <c r="C72300" s="1" t="s">
        <v>150</v>
      </c>
      <c r="D72300" s="1" t="s">
        <v>241866</v>
      </c>
      <c r="E72300" s="1" t="s">
        <v>241867</v>
      </c>
      <c r="F72300" s="1" t="s">
        <v>241868</v>
      </c>
      <c r="G72300" s="1" t="s">
        <v>241774</v>
      </c>
      <c r="H72300" s="1" t="s">
        <v>241775</v>
      </c>
      <c r="I72300" s="1" t="s">
        <v>222698</v>
      </c>
      <c r="J72300" s="1" t="s">
        <v>241869</v>
      </c>
    </row>
    <row r="72301" spans="1:10" x14ac:dyDescent="0.35">
      <c r="A72301" s="1" t="s">
        <v>110670</v>
      </c>
      <c r="B72301" s="1" t="s">
        <v>222693</v>
      </c>
      <c r="C72301" s="1" t="s">
        <v>155</v>
      </c>
      <c r="D72301" s="1" t="s">
        <v>82049</v>
      </c>
      <c r="E72301" s="1" t="s">
        <v>241870</v>
      </c>
      <c r="F72301" s="1" t="s">
        <v>241871</v>
      </c>
      <c r="G72301" s="1" t="s">
        <v>241774</v>
      </c>
      <c r="H72301" s="1" t="s">
        <v>241775</v>
      </c>
      <c r="I72301" s="1" t="s">
        <v>222698</v>
      </c>
      <c r="J72301" s="1" t="s">
        <v>241872</v>
      </c>
    </row>
    <row r="72302" spans="1:10" x14ac:dyDescent="0.35">
      <c r="A72302" s="1" t="s">
        <v>110670</v>
      </c>
      <c r="B72302" s="1" t="s">
        <v>222693</v>
      </c>
      <c r="C72302" s="1" t="s">
        <v>160</v>
      </c>
      <c r="D72302" s="1" t="s">
        <v>152880</v>
      </c>
      <c r="E72302" s="1" t="s">
        <v>241873</v>
      </c>
      <c r="F72302" s="1" t="s">
        <v>241874</v>
      </c>
      <c r="G72302" s="1" t="s">
        <v>241774</v>
      </c>
      <c r="H72302" s="1" t="s">
        <v>241775</v>
      </c>
      <c r="I72302" s="1" t="s">
        <v>222698</v>
      </c>
      <c r="J72302" s="1" t="s">
        <v>241875</v>
      </c>
    </row>
    <row r="72303" spans="1:10" x14ac:dyDescent="0.35">
      <c r="A72303" s="1" t="s">
        <v>110670</v>
      </c>
      <c r="B72303" s="1" t="s">
        <v>222693</v>
      </c>
      <c r="C72303" s="1" t="s">
        <v>165</v>
      </c>
      <c r="D72303" s="1" t="s">
        <v>233284</v>
      </c>
      <c r="E72303" s="1" t="s">
        <v>241876</v>
      </c>
      <c r="F72303" s="1" t="s">
        <v>241877</v>
      </c>
      <c r="G72303" s="1" t="s">
        <v>241774</v>
      </c>
      <c r="H72303" s="1" t="s">
        <v>241775</v>
      </c>
      <c r="I72303" s="1" t="s">
        <v>222698</v>
      </c>
      <c r="J72303" s="1" t="s">
        <v>241878</v>
      </c>
    </row>
    <row r="72304" spans="1:10" x14ac:dyDescent="0.35">
      <c r="A72304" s="1" t="s">
        <v>110670</v>
      </c>
      <c r="B72304" s="1" t="s">
        <v>222693</v>
      </c>
      <c r="C72304" s="1" t="s">
        <v>170</v>
      </c>
      <c r="D72304" s="1" t="s">
        <v>21699</v>
      </c>
      <c r="E72304" s="1" t="s">
        <v>241879</v>
      </c>
      <c r="F72304" s="1" t="s">
        <v>241880</v>
      </c>
      <c r="G72304" s="1" t="s">
        <v>241774</v>
      </c>
      <c r="H72304" s="1" t="s">
        <v>241775</v>
      </c>
      <c r="I72304" s="1" t="s">
        <v>222698</v>
      </c>
      <c r="J72304" s="1" t="s">
        <v>241881</v>
      </c>
    </row>
    <row r="72305" spans="1:10" x14ac:dyDescent="0.35">
      <c r="A72305" s="1" t="s">
        <v>117024</v>
      </c>
      <c r="B72305" s="1" t="s">
        <v>222693</v>
      </c>
      <c r="C72305" s="1" t="s">
        <v>8</v>
      </c>
      <c r="D72305" s="1" t="s">
        <v>100662</v>
      </c>
      <c r="E72305" s="1" t="s">
        <v>241882</v>
      </c>
      <c r="F72305" s="1" t="s">
        <v>241883</v>
      </c>
      <c r="G72305" s="1" t="s">
        <v>241884</v>
      </c>
      <c r="H72305" s="1" t="s">
        <v>241885</v>
      </c>
      <c r="I72305" s="1" t="s">
        <v>222698</v>
      </c>
      <c r="J72305" s="1" t="s">
        <v>13</v>
      </c>
    </row>
    <row r="72306" spans="1:10" x14ac:dyDescent="0.35">
      <c r="A72306" s="1" t="s">
        <v>117024</v>
      </c>
      <c r="B72306" s="1" t="s">
        <v>222693</v>
      </c>
      <c r="C72306" s="1" t="s">
        <v>15</v>
      </c>
      <c r="D72306" s="1" t="s">
        <v>138779</v>
      </c>
      <c r="E72306" s="1" t="s">
        <v>241886</v>
      </c>
      <c r="F72306" s="1" t="s">
        <v>241887</v>
      </c>
      <c r="G72306" s="1" t="s">
        <v>241884</v>
      </c>
      <c r="H72306" s="1" t="s">
        <v>241885</v>
      </c>
      <c r="I72306" s="1" t="s">
        <v>222698</v>
      </c>
      <c r="J72306" s="1" t="s">
        <v>241888</v>
      </c>
    </row>
    <row r="72307" spans="1:10" x14ac:dyDescent="0.35">
      <c r="A72307" s="1" t="s">
        <v>117024</v>
      </c>
      <c r="B72307" s="1" t="s">
        <v>222693</v>
      </c>
      <c r="C72307" s="1" t="s">
        <v>20</v>
      </c>
      <c r="D72307" s="1" t="s">
        <v>76623</v>
      </c>
      <c r="E72307" s="1" t="s">
        <v>241889</v>
      </c>
      <c r="F72307" s="1" t="s">
        <v>241890</v>
      </c>
      <c r="G72307" s="1" t="s">
        <v>241884</v>
      </c>
      <c r="H72307" s="1" t="s">
        <v>241885</v>
      </c>
      <c r="I72307" s="1" t="s">
        <v>222698</v>
      </c>
      <c r="J72307" s="1" t="s">
        <v>241891</v>
      </c>
    </row>
    <row r="72308" spans="1:10" x14ac:dyDescent="0.35">
      <c r="A72308" s="1" t="s">
        <v>117024</v>
      </c>
      <c r="B72308" s="1" t="s">
        <v>222693</v>
      </c>
      <c r="C72308" s="1" t="s">
        <v>25</v>
      </c>
      <c r="D72308" s="1" t="s">
        <v>241892</v>
      </c>
      <c r="E72308" s="1" t="s">
        <v>241893</v>
      </c>
      <c r="F72308" s="1" t="s">
        <v>241894</v>
      </c>
      <c r="G72308" s="1" t="s">
        <v>241884</v>
      </c>
      <c r="H72308" s="1" t="s">
        <v>241885</v>
      </c>
      <c r="I72308" s="1" t="s">
        <v>222698</v>
      </c>
      <c r="J72308" s="1" t="s">
        <v>241895</v>
      </c>
    </row>
    <row r="72309" spans="1:10" x14ac:dyDescent="0.35">
      <c r="A72309" s="1" t="s">
        <v>117024</v>
      </c>
      <c r="B72309" s="1" t="s">
        <v>222693</v>
      </c>
      <c r="C72309" s="1" t="s">
        <v>30</v>
      </c>
      <c r="D72309" s="1" t="s">
        <v>239252</v>
      </c>
      <c r="E72309" s="1" t="s">
        <v>241896</v>
      </c>
      <c r="F72309" s="1" t="s">
        <v>241897</v>
      </c>
      <c r="G72309" s="1" t="s">
        <v>241884</v>
      </c>
      <c r="H72309" s="1" t="s">
        <v>241885</v>
      </c>
      <c r="I72309" s="1" t="s">
        <v>222698</v>
      </c>
      <c r="J72309" s="1" t="s">
        <v>241898</v>
      </c>
    </row>
    <row r="72310" spans="1:10" x14ac:dyDescent="0.35">
      <c r="A72310" s="1" t="s">
        <v>117024</v>
      </c>
      <c r="B72310" s="1" t="s">
        <v>222693</v>
      </c>
      <c r="C72310" s="1" t="s">
        <v>35</v>
      </c>
      <c r="D72310" s="1" t="s">
        <v>134458</v>
      </c>
      <c r="E72310" s="1" t="s">
        <v>241899</v>
      </c>
      <c r="F72310" s="1" t="s">
        <v>241900</v>
      </c>
      <c r="G72310" s="1" t="s">
        <v>241884</v>
      </c>
      <c r="H72310" s="1" t="s">
        <v>241885</v>
      </c>
      <c r="I72310" s="1" t="s">
        <v>222698</v>
      </c>
      <c r="J72310" s="1" t="s">
        <v>241901</v>
      </c>
    </row>
    <row r="72311" spans="1:10" x14ac:dyDescent="0.35">
      <c r="A72311" s="1" t="s">
        <v>117024</v>
      </c>
      <c r="B72311" s="1" t="s">
        <v>222693</v>
      </c>
      <c r="C72311" s="1" t="s">
        <v>40</v>
      </c>
      <c r="D72311" s="1" t="s">
        <v>241902</v>
      </c>
      <c r="E72311" s="1" t="s">
        <v>241903</v>
      </c>
      <c r="F72311" s="1" t="s">
        <v>241904</v>
      </c>
      <c r="G72311" s="1" t="s">
        <v>241884</v>
      </c>
      <c r="H72311" s="1" t="s">
        <v>241885</v>
      </c>
      <c r="I72311" s="1" t="s">
        <v>222698</v>
      </c>
      <c r="J72311" s="1" t="s">
        <v>241905</v>
      </c>
    </row>
    <row r="72312" spans="1:10" x14ac:dyDescent="0.35">
      <c r="A72312" s="1" t="s">
        <v>117024</v>
      </c>
      <c r="B72312" s="1" t="s">
        <v>222693</v>
      </c>
      <c r="C72312" s="1" t="s">
        <v>45</v>
      </c>
      <c r="D72312" s="1" t="s">
        <v>241906</v>
      </c>
      <c r="E72312" s="1" t="s">
        <v>241907</v>
      </c>
      <c r="F72312" s="1" t="s">
        <v>241908</v>
      </c>
      <c r="G72312" s="1" t="s">
        <v>241884</v>
      </c>
      <c r="H72312" s="1" t="s">
        <v>241885</v>
      </c>
      <c r="I72312" s="1" t="s">
        <v>222698</v>
      </c>
      <c r="J72312" s="1" t="s">
        <v>241909</v>
      </c>
    </row>
    <row r="72313" spans="1:10" x14ac:dyDescent="0.35">
      <c r="A72313" s="1" t="s">
        <v>117024</v>
      </c>
      <c r="B72313" s="1" t="s">
        <v>222693</v>
      </c>
      <c r="C72313" s="1" t="s">
        <v>50</v>
      </c>
      <c r="D72313" s="1" t="s">
        <v>241910</v>
      </c>
      <c r="E72313" s="1" t="s">
        <v>241911</v>
      </c>
      <c r="F72313" s="1" t="s">
        <v>241912</v>
      </c>
      <c r="G72313" s="1" t="s">
        <v>241884</v>
      </c>
      <c r="H72313" s="1" t="s">
        <v>241885</v>
      </c>
      <c r="I72313" s="1" t="s">
        <v>222698</v>
      </c>
      <c r="J72313" s="1" t="s">
        <v>241913</v>
      </c>
    </row>
    <row r="72314" spans="1:10" x14ac:dyDescent="0.35">
      <c r="A72314" s="1" t="s">
        <v>117024</v>
      </c>
      <c r="B72314" s="1" t="s">
        <v>222693</v>
      </c>
      <c r="C72314" s="1" t="s">
        <v>55</v>
      </c>
      <c r="D72314" s="1" t="s">
        <v>241914</v>
      </c>
      <c r="E72314" s="1" t="s">
        <v>241915</v>
      </c>
      <c r="F72314" s="1" t="s">
        <v>241916</v>
      </c>
      <c r="G72314" s="1" t="s">
        <v>241884</v>
      </c>
      <c r="H72314" s="1" t="s">
        <v>241885</v>
      </c>
      <c r="I72314" s="1" t="s">
        <v>222698</v>
      </c>
      <c r="J72314" s="1" t="s">
        <v>241917</v>
      </c>
    </row>
    <row r="72315" spans="1:10" x14ac:dyDescent="0.35">
      <c r="A72315" s="1" t="s">
        <v>117024</v>
      </c>
      <c r="B72315" s="1" t="s">
        <v>222693</v>
      </c>
      <c r="C72315" s="1" t="s">
        <v>60</v>
      </c>
      <c r="D72315" s="1" t="s">
        <v>128572</v>
      </c>
      <c r="E72315" s="1" t="s">
        <v>241918</v>
      </c>
      <c r="F72315" s="1" t="s">
        <v>241919</v>
      </c>
      <c r="G72315" s="1" t="s">
        <v>241884</v>
      </c>
      <c r="H72315" s="1" t="s">
        <v>241885</v>
      </c>
      <c r="I72315" s="1" t="s">
        <v>222698</v>
      </c>
      <c r="J72315" s="1" t="s">
        <v>241920</v>
      </c>
    </row>
    <row r="72316" spans="1:10" x14ac:dyDescent="0.35">
      <c r="A72316" s="1" t="s">
        <v>117024</v>
      </c>
      <c r="B72316" s="1" t="s">
        <v>222693</v>
      </c>
      <c r="C72316" s="1" t="s">
        <v>65</v>
      </c>
      <c r="D72316" s="1" t="s">
        <v>241921</v>
      </c>
      <c r="E72316" s="1" t="s">
        <v>241922</v>
      </c>
      <c r="F72316" s="1" t="s">
        <v>241923</v>
      </c>
      <c r="G72316" s="1" t="s">
        <v>241884</v>
      </c>
      <c r="H72316" s="1" t="s">
        <v>241885</v>
      </c>
      <c r="I72316" s="1" t="s">
        <v>222698</v>
      </c>
      <c r="J72316" s="1" t="s">
        <v>241924</v>
      </c>
    </row>
    <row r="72317" spans="1:10" x14ac:dyDescent="0.35">
      <c r="A72317" s="1" t="s">
        <v>117024</v>
      </c>
      <c r="B72317" s="1" t="s">
        <v>222693</v>
      </c>
      <c r="C72317" s="1" t="s">
        <v>70</v>
      </c>
      <c r="D72317" s="1" t="s">
        <v>128576</v>
      </c>
      <c r="E72317" s="1" t="s">
        <v>241925</v>
      </c>
      <c r="F72317" s="1" t="s">
        <v>241926</v>
      </c>
      <c r="G72317" s="1" t="s">
        <v>241884</v>
      </c>
      <c r="H72317" s="1" t="s">
        <v>241885</v>
      </c>
      <c r="I72317" s="1" t="s">
        <v>222698</v>
      </c>
      <c r="J72317" s="1" t="s">
        <v>241927</v>
      </c>
    </row>
    <row r="72318" spans="1:10" x14ac:dyDescent="0.35">
      <c r="A72318" s="1" t="s">
        <v>117024</v>
      </c>
      <c r="B72318" s="1" t="s">
        <v>222693</v>
      </c>
      <c r="C72318" s="1" t="s">
        <v>75</v>
      </c>
      <c r="D72318" s="1" t="s">
        <v>241928</v>
      </c>
      <c r="E72318" s="1" t="s">
        <v>241929</v>
      </c>
      <c r="F72318" s="1" t="s">
        <v>241930</v>
      </c>
      <c r="G72318" s="1" t="s">
        <v>241884</v>
      </c>
      <c r="H72318" s="1" t="s">
        <v>241885</v>
      </c>
      <c r="I72318" s="1" t="s">
        <v>222698</v>
      </c>
      <c r="J72318" s="1" t="s">
        <v>241931</v>
      </c>
    </row>
    <row r="72319" spans="1:10" x14ac:dyDescent="0.35">
      <c r="A72319" s="1" t="s">
        <v>117024</v>
      </c>
      <c r="B72319" s="1" t="s">
        <v>222693</v>
      </c>
      <c r="C72319" s="1" t="s">
        <v>80</v>
      </c>
      <c r="D72319" s="1" t="s">
        <v>241932</v>
      </c>
      <c r="E72319" s="1" t="s">
        <v>241933</v>
      </c>
      <c r="F72319" s="1" t="s">
        <v>241934</v>
      </c>
      <c r="G72319" s="1" t="s">
        <v>241884</v>
      </c>
      <c r="H72319" s="1" t="s">
        <v>241885</v>
      </c>
      <c r="I72319" s="1" t="s">
        <v>222698</v>
      </c>
      <c r="J72319" s="1" t="s">
        <v>241935</v>
      </c>
    </row>
    <row r="72320" spans="1:10" x14ac:dyDescent="0.35">
      <c r="A72320" s="1" t="s">
        <v>117024</v>
      </c>
      <c r="B72320" s="1" t="s">
        <v>222693</v>
      </c>
      <c r="C72320" s="1" t="s">
        <v>85</v>
      </c>
      <c r="D72320" s="1" t="s">
        <v>56650</v>
      </c>
      <c r="E72320" s="1" t="s">
        <v>241936</v>
      </c>
      <c r="F72320" s="1" t="s">
        <v>241937</v>
      </c>
      <c r="G72320" s="1" t="s">
        <v>241884</v>
      </c>
      <c r="H72320" s="1" t="s">
        <v>241885</v>
      </c>
      <c r="I72320" s="1" t="s">
        <v>222698</v>
      </c>
      <c r="J72320" s="1" t="s">
        <v>241938</v>
      </c>
    </row>
    <row r="72321" spans="1:10" x14ac:dyDescent="0.35">
      <c r="A72321" s="1" t="s">
        <v>117024</v>
      </c>
      <c r="B72321" s="1" t="s">
        <v>222693</v>
      </c>
      <c r="C72321" s="1" t="s">
        <v>90</v>
      </c>
      <c r="D72321" s="1" t="s">
        <v>241939</v>
      </c>
      <c r="E72321" s="1" t="s">
        <v>241940</v>
      </c>
      <c r="F72321" s="1" t="s">
        <v>241941</v>
      </c>
      <c r="G72321" s="1" t="s">
        <v>241884</v>
      </c>
      <c r="H72321" s="1" t="s">
        <v>241885</v>
      </c>
      <c r="I72321" s="1" t="s">
        <v>222698</v>
      </c>
      <c r="J72321" s="1" t="s">
        <v>241942</v>
      </c>
    </row>
    <row r="72322" spans="1:10" x14ac:dyDescent="0.35">
      <c r="A72322" s="1" t="s">
        <v>117024</v>
      </c>
      <c r="B72322" s="1" t="s">
        <v>222693</v>
      </c>
      <c r="C72322" s="1" t="s">
        <v>95</v>
      </c>
      <c r="D72322" s="1" t="s">
        <v>70238</v>
      </c>
      <c r="E72322" s="1" t="s">
        <v>241943</v>
      </c>
      <c r="F72322" s="1" t="s">
        <v>241944</v>
      </c>
      <c r="G72322" s="1" t="s">
        <v>241884</v>
      </c>
      <c r="H72322" s="1" t="s">
        <v>241885</v>
      </c>
      <c r="I72322" s="1" t="s">
        <v>222698</v>
      </c>
      <c r="J72322" s="1" t="s">
        <v>241945</v>
      </c>
    </row>
    <row r="72323" spans="1:10" x14ac:dyDescent="0.35">
      <c r="A72323" s="1" t="s">
        <v>117024</v>
      </c>
      <c r="B72323" s="1" t="s">
        <v>222693</v>
      </c>
      <c r="C72323" s="1" t="s">
        <v>100</v>
      </c>
      <c r="D72323" s="1" t="s">
        <v>241946</v>
      </c>
      <c r="E72323" s="1" t="s">
        <v>241947</v>
      </c>
      <c r="F72323" s="1" t="s">
        <v>241948</v>
      </c>
      <c r="G72323" s="1" t="s">
        <v>241884</v>
      </c>
      <c r="H72323" s="1" t="s">
        <v>241885</v>
      </c>
      <c r="I72323" s="1" t="s">
        <v>222698</v>
      </c>
      <c r="J72323" s="1" t="s">
        <v>241949</v>
      </c>
    </row>
    <row r="72324" spans="1:10" x14ac:dyDescent="0.35">
      <c r="A72324" s="1" t="s">
        <v>117024</v>
      </c>
      <c r="B72324" s="1" t="s">
        <v>222693</v>
      </c>
      <c r="C72324" s="1" t="s">
        <v>105</v>
      </c>
      <c r="D72324" s="1" t="s">
        <v>241950</v>
      </c>
      <c r="E72324" s="1" t="s">
        <v>241951</v>
      </c>
      <c r="F72324" s="1" t="s">
        <v>241952</v>
      </c>
      <c r="G72324" s="1" t="s">
        <v>241884</v>
      </c>
      <c r="H72324" s="1" t="s">
        <v>241885</v>
      </c>
      <c r="I72324" s="1" t="s">
        <v>222698</v>
      </c>
      <c r="J72324" s="1" t="s">
        <v>241953</v>
      </c>
    </row>
    <row r="72325" spans="1:10" x14ac:dyDescent="0.35">
      <c r="A72325" s="1" t="s">
        <v>117024</v>
      </c>
      <c r="B72325" s="1" t="s">
        <v>222693</v>
      </c>
      <c r="C72325" s="1" t="s">
        <v>110</v>
      </c>
      <c r="D72325" s="1" t="s">
        <v>241954</v>
      </c>
      <c r="E72325" s="1" t="s">
        <v>241955</v>
      </c>
      <c r="F72325" s="1" t="s">
        <v>241956</v>
      </c>
      <c r="G72325" s="1" t="s">
        <v>241884</v>
      </c>
      <c r="H72325" s="1" t="s">
        <v>241885</v>
      </c>
      <c r="I72325" s="1" t="s">
        <v>222698</v>
      </c>
      <c r="J72325" s="1" t="s">
        <v>241957</v>
      </c>
    </row>
    <row r="72326" spans="1:10" x14ac:dyDescent="0.35">
      <c r="A72326" s="1" t="s">
        <v>117024</v>
      </c>
      <c r="B72326" s="1" t="s">
        <v>222693</v>
      </c>
      <c r="C72326" s="1" t="s">
        <v>115</v>
      </c>
      <c r="D72326" s="1" t="s">
        <v>76378</v>
      </c>
      <c r="E72326" s="1" t="s">
        <v>241958</v>
      </c>
      <c r="F72326" s="1" t="s">
        <v>241959</v>
      </c>
      <c r="G72326" s="1" t="s">
        <v>241884</v>
      </c>
      <c r="H72326" s="1" t="s">
        <v>241885</v>
      </c>
      <c r="I72326" s="1" t="s">
        <v>222698</v>
      </c>
      <c r="J72326" s="1" t="s">
        <v>241960</v>
      </c>
    </row>
    <row r="72327" spans="1:10" x14ac:dyDescent="0.35">
      <c r="A72327" s="1" t="s">
        <v>117024</v>
      </c>
      <c r="B72327" s="1" t="s">
        <v>222693</v>
      </c>
      <c r="C72327" s="1" t="s">
        <v>120</v>
      </c>
      <c r="D72327" s="1" t="s">
        <v>129841</v>
      </c>
      <c r="E72327" s="1" t="s">
        <v>241961</v>
      </c>
      <c r="F72327" s="1" t="s">
        <v>241962</v>
      </c>
      <c r="G72327" s="1" t="s">
        <v>241884</v>
      </c>
      <c r="H72327" s="1" t="s">
        <v>241885</v>
      </c>
      <c r="I72327" s="1" t="s">
        <v>222698</v>
      </c>
      <c r="J72327" s="1" t="s">
        <v>241963</v>
      </c>
    </row>
    <row r="72328" spans="1:10" x14ac:dyDescent="0.35">
      <c r="A72328" s="1" t="s">
        <v>117024</v>
      </c>
      <c r="B72328" s="1" t="s">
        <v>222693</v>
      </c>
      <c r="C72328" s="1" t="s">
        <v>125</v>
      </c>
      <c r="D72328" s="1" t="s">
        <v>241964</v>
      </c>
      <c r="E72328" s="1" t="s">
        <v>241965</v>
      </c>
      <c r="F72328" s="1" t="s">
        <v>241966</v>
      </c>
      <c r="G72328" s="1" t="s">
        <v>241884</v>
      </c>
      <c r="H72328" s="1" t="s">
        <v>241885</v>
      </c>
      <c r="I72328" s="1" t="s">
        <v>222698</v>
      </c>
      <c r="J72328" s="1" t="s">
        <v>241967</v>
      </c>
    </row>
    <row r="72329" spans="1:10" x14ac:dyDescent="0.35">
      <c r="A72329" s="1" t="s">
        <v>117024</v>
      </c>
      <c r="B72329" s="1" t="s">
        <v>222693</v>
      </c>
      <c r="C72329" s="1" t="s">
        <v>130</v>
      </c>
      <c r="D72329" s="1" t="s">
        <v>241968</v>
      </c>
      <c r="E72329" s="1" t="s">
        <v>241969</v>
      </c>
      <c r="F72329" s="1" t="s">
        <v>241970</v>
      </c>
      <c r="G72329" s="1" t="s">
        <v>241884</v>
      </c>
      <c r="H72329" s="1" t="s">
        <v>241885</v>
      </c>
      <c r="I72329" s="1" t="s">
        <v>222698</v>
      </c>
      <c r="J72329" s="1" t="s">
        <v>241971</v>
      </c>
    </row>
    <row r="72330" spans="1:10" x14ac:dyDescent="0.35">
      <c r="A72330" s="1" t="s">
        <v>117024</v>
      </c>
      <c r="B72330" s="1" t="s">
        <v>222693</v>
      </c>
      <c r="C72330" s="1" t="s">
        <v>135</v>
      </c>
      <c r="D72330" s="1" t="s">
        <v>241972</v>
      </c>
      <c r="E72330" s="1" t="s">
        <v>241973</v>
      </c>
      <c r="F72330" s="1" t="s">
        <v>241974</v>
      </c>
      <c r="G72330" s="1" t="s">
        <v>241884</v>
      </c>
      <c r="H72330" s="1" t="s">
        <v>241885</v>
      </c>
      <c r="I72330" s="1" t="s">
        <v>222698</v>
      </c>
      <c r="J72330" s="1" t="s">
        <v>241975</v>
      </c>
    </row>
    <row r="72331" spans="1:10" x14ac:dyDescent="0.35">
      <c r="A72331" s="1" t="s">
        <v>117024</v>
      </c>
      <c r="B72331" s="1" t="s">
        <v>222693</v>
      </c>
      <c r="C72331" s="1" t="s">
        <v>140</v>
      </c>
      <c r="D72331" s="1" t="s">
        <v>241976</v>
      </c>
      <c r="E72331" s="1" t="s">
        <v>241977</v>
      </c>
      <c r="F72331" s="1" t="s">
        <v>241978</v>
      </c>
      <c r="G72331" s="1" t="s">
        <v>241884</v>
      </c>
      <c r="H72331" s="1" t="s">
        <v>241885</v>
      </c>
      <c r="I72331" s="1" t="s">
        <v>222698</v>
      </c>
      <c r="J72331" s="1" t="s">
        <v>241979</v>
      </c>
    </row>
    <row r="72332" spans="1:10" x14ac:dyDescent="0.35">
      <c r="A72332" s="1" t="s">
        <v>117024</v>
      </c>
      <c r="B72332" s="1" t="s">
        <v>222693</v>
      </c>
      <c r="C72332" s="1" t="s">
        <v>145</v>
      </c>
      <c r="D72332" s="1" t="s">
        <v>211696</v>
      </c>
      <c r="E72332" s="1" t="s">
        <v>241980</v>
      </c>
      <c r="F72332" s="1" t="s">
        <v>241981</v>
      </c>
      <c r="G72332" s="1" t="s">
        <v>241884</v>
      </c>
      <c r="H72332" s="1" t="s">
        <v>241885</v>
      </c>
      <c r="I72332" s="1" t="s">
        <v>222698</v>
      </c>
      <c r="J72332" s="1" t="s">
        <v>241982</v>
      </c>
    </row>
    <row r="72333" spans="1:10" x14ac:dyDescent="0.35">
      <c r="A72333" s="1" t="s">
        <v>117024</v>
      </c>
      <c r="B72333" s="1" t="s">
        <v>222693</v>
      </c>
      <c r="C72333" s="1" t="s">
        <v>150</v>
      </c>
      <c r="D72333" s="1" t="s">
        <v>235071</v>
      </c>
      <c r="E72333" s="1" t="s">
        <v>241983</v>
      </c>
      <c r="F72333" s="1" t="s">
        <v>241984</v>
      </c>
      <c r="G72333" s="1" t="s">
        <v>241884</v>
      </c>
      <c r="H72333" s="1" t="s">
        <v>241885</v>
      </c>
      <c r="I72333" s="1" t="s">
        <v>222698</v>
      </c>
      <c r="J72333" s="1" t="s">
        <v>241985</v>
      </c>
    </row>
    <row r="72334" spans="1:10" x14ac:dyDescent="0.35">
      <c r="A72334" s="1" t="s">
        <v>117024</v>
      </c>
      <c r="B72334" s="1" t="s">
        <v>222693</v>
      </c>
      <c r="C72334" s="1" t="s">
        <v>155</v>
      </c>
      <c r="D72334" s="1" t="s">
        <v>128964</v>
      </c>
      <c r="E72334" s="1" t="s">
        <v>241986</v>
      </c>
      <c r="F72334" s="1" t="s">
        <v>241987</v>
      </c>
      <c r="G72334" s="1" t="s">
        <v>241884</v>
      </c>
      <c r="H72334" s="1" t="s">
        <v>241885</v>
      </c>
      <c r="I72334" s="1" t="s">
        <v>222698</v>
      </c>
      <c r="J72334" s="1" t="s">
        <v>241988</v>
      </c>
    </row>
    <row r="72335" spans="1:10" x14ac:dyDescent="0.35">
      <c r="A72335" s="1" t="s">
        <v>117024</v>
      </c>
      <c r="B72335" s="1" t="s">
        <v>222693</v>
      </c>
      <c r="C72335" s="1" t="s">
        <v>160</v>
      </c>
      <c r="D72335" s="1" t="s">
        <v>41059</v>
      </c>
      <c r="E72335" s="1" t="s">
        <v>241989</v>
      </c>
      <c r="F72335" s="1" t="s">
        <v>241990</v>
      </c>
      <c r="G72335" s="1" t="s">
        <v>241884</v>
      </c>
      <c r="H72335" s="1" t="s">
        <v>241885</v>
      </c>
      <c r="I72335" s="1" t="s">
        <v>222698</v>
      </c>
      <c r="J72335" s="1" t="s">
        <v>241991</v>
      </c>
    </row>
    <row r="72336" spans="1:10" x14ac:dyDescent="0.35">
      <c r="A72336" s="1" t="s">
        <v>117024</v>
      </c>
      <c r="B72336" s="1" t="s">
        <v>222693</v>
      </c>
      <c r="C72336" s="1" t="s">
        <v>165</v>
      </c>
      <c r="D72336" s="1" t="s">
        <v>241992</v>
      </c>
      <c r="E72336" s="1" t="s">
        <v>241993</v>
      </c>
      <c r="F72336" s="1" t="s">
        <v>241994</v>
      </c>
      <c r="G72336" s="1" t="s">
        <v>241884</v>
      </c>
      <c r="H72336" s="1" t="s">
        <v>241885</v>
      </c>
      <c r="I72336" s="1" t="s">
        <v>222698</v>
      </c>
      <c r="J72336" s="1" t="s">
        <v>241995</v>
      </c>
    </row>
    <row r="72337" spans="1:10" x14ac:dyDescent="0.35">
      <c r="A72337" s="1" t="s">
        <v>117024</v>
      </c>
      <c r="B72337" s="1" t="s">
        <v>222693</v>
      </c>
      <c r="C72337" s="1" t="s">
        <v>170</v>
      </c>
      <c r="D72337" s="1" t="s">
        <v>241996</v>
      </c>
      <c r="E72337" s="1" t="s">
        <v>241997</v>
      </c>
      <c r="F72337" s="1" t="s">
        <v>241998</v>
      </c>
      <c r="G72337" s="1" t="s">
        <v>241884</v>
      </c>
      <c r="H72337" s="1" t="s">
        <v>241885</v>
      </c>
      <c r="I72337" s="1" t="s">
        <v>222698</v>
      </c>
      <c r="J72337" s="1" t="s">
        <v>241999</v>
      </c>
    </row>
    <row r="72338" spans="1:10" x14ac:dyDescent="0.35">
      <c r="A72338" s="1" t="s">
        <v>242000</v>
      </c>
      <c r="B72338" s="1" t="s">
        <v>222693</v>
      </c>
      <c r="C72338" s="1" t="s">
        <v>8</v>
      </c>
      <c r="D72338" s="1" t="s">
        <v>105587</v>
      </c>
      <c r="E72338" s="1" t="s">
        <v>242001</v>
      </c>
      <c r="F72338" s="1" t="s">
        <v>242002</v>
      </c>
      <c r="G72338" s="1" t="s">
        <v>242003</v>
      </c>
      <c r="H72338" s="1" t="s">
        <v>242004</v>
      </c>
      <c r="I72338" s="1" t="s">
        <v>222698</v>
      </c>
      <c r="J72338" s="1" t="s">
        <v>13</v>
      </c>
    </row>
    <row r="72339" spans="1:10" x14ac:dyDescent="0.35">
      <c r="A72339" s="1" t="s">
        <v>242000</v>
      </c>
      <c r="B72339" s="1" t="s">
        <v>222693</v>
      </c>
      <c r="C72339" s="1" t="s">
        <v>15</v>
      </c>
      <c r="D72339" s="1" t="s">
        <v>64436</v>
      </c>
      <c r="E72339" s="1" t="s">
        <v>242005</v>
      </c>
      <c r="F72339" s="1" t="s">
        <v>242006</v>
      </c>
      <c r="G72339" s="1" t="s">
        <v>242003</v>
      </c>
      <c r="H72339" s="1" t="s">
        <v>242004</v>
      </c>
      <c r="I72339" s="1" t="s">
        <v>222698</v>
      </c>
      <c r="J72339" s="1" t="s">
        <v>242007</v>
      </c>
    </row>
    <row r="72340" spans="1:10" x14ac:dyDescent="0.35">
      <c r="A72340" s="1" t="s">
        <v>242000</v>
      </c>
      <c r="B72340" s="1" t="s">
        <v>222693</v>
      </c>
      <c r="C72340" s="1" t="s">
        <v>20</v>
      </c>
      <c r="D72340" s="1" t="s">
        <v>59278</v>
      </c>
      <c r="E72340" s="1" t="s">
        <v>242008</v>
      </c>
      <c r="F72340" s="1" t="s">
        <v>242009</v>
      </c>
      <c r="G72340" s="1" t="s">
        <v>242003</v>
      </c>
      <c r="H72340" s="1" t="s">
        <v>242004</v>
      </c>
      <c r="I72340" s="1" t="s">
        <v>222698</v>
      </c>
      <c r="J72340" s="1" t="s">
        <v>242010</v>
      </c>
    </row>
    <row r="72341" spans="1:10" x14ac:dyDescent="0.35">
      <c r="A72341" s="1" t="s">
        <v>242000</v>
      </c>
      <c r="B72341" s="1" t="s">
        <v>222693</v>
      </c>
      <c r="C72341" s="1" t="s">
        <v>25</v>
      </c>
      <c r="D72341" s="1" t="s">
        <v>106097</v>
      </c>
      <c r="E72341" s="1" t="s">
        <v>242011</v>
      </c>
      <c r="F72341" s="1" t="s">
        <v>242012</v>
      </c>
      <c r="G72341" s="1" t="s">
        <v>242003</v>
      </c>
      <c r="H72341" s="1" t="s">
        <v>242004</v>
      </c>
      <c r="I72341" s="1" t="s">
        <v>222698</v>
      </c>
      <c r="J72341" s="1" t="s">
        <v>242013</v>
      </c>
    </row>
    <row r="72342" spans="1:10" x14ac:dyDescent="0.35">
      <c r="A72342" s="1" t="s">
        <v>242000</v>
      </c>
      <c r="B72342" s="1" t="s">
        <v>222693</v>
      </c>
      <c r="C72342" s="1" t="s">
        <v>30</v>
      </c>
      <c r="D72342" s="1" t="s">
        <v>107162</v>
      </c>
      <c r="E72342" s="1" t="s">
        <v>242014</v>
      </c>
      <c r="F72342" s="1" t="s">
        <v>242015</v>
      </c>
      <c r="G72342" s="1" t="s">
        <v>242003</v>
      </c>
      <c r="H72342" s="1" t="s">
        <v>242004</v>
      </c>
      <c r="I72342" s="1" t="s">
        <v>222698</v>
      </c>
      <c r="J72342" s="1" t="s">
        <v>242016</v>
      </c>
    </row>
    <row r="72343" spans="1:10" x14ac:dyDescent="0.35">
      <c r="A72343" s="1" t="s">
        <v>242000</v>
      </c>
      <c r="B72343" s="1" t="s">
        <v>222693</v>
      </c>
      <c r="C72343" s="1" t="s">
        <v>35</v>
      </c>
      <c r="D72343" s="1" t="s">
        <v>139474</v>
      </c>
      <c r="E72343" s="1" t="s">
        <v>242017</v>
      </c>
      <c r="F72343" s="1" t="s">
        <v>242018</v>
      </c>
      <c r="G72343" s="1" t="s">
        <v>242003</v>
      </c>
      <c r="H72343" s="1" t="s">
        <v>242004</v>
      </c>
      <c r="I72343" s="1" t="s">
        <v>222698</v>
      </c>
      <c r="J72343" s="1" t="s">
        <v>242019</v>
      </c>
    </row>
    <row r="72344" spans="1:10" x14ac:dyDescent="0.35">
      <c r="A72344" s="1" t="s">
        <v>242000</v>
      </c>
      <c r="B72344" s="1" t="s">
        <v>222693</v>
      </c>
      <c r="C72344" s="1" t="s">
        <v>40</v>
      </c>
      <c r="D72344" s="1" t="s">
        <v>59731</v>
      </c>
      <c r="E72344" s="1" t="s">
        <v>242020</v>
      </c>
      <c r="F72344" s="1" t="s">
        <v>242021</v>
      </c>
      <c r="G72344" s="1" t="s">
        <v>242003</v>
      </c>
      <c r="H72344" s="1" t="s">
        <v>242004</v>
      </c>
      <c r="I72344" s="1" t="s">
        <v>222698</v>
      </c>
      <c r="J72344" s="1" t="s">
        <v>242022</v>
      </c>
    </row>
    <row r="72345" spans="1:10" x14ac:dyDescent="0.35">
      <c r="A72345" s="1" t="s">
        <v>242000</v>
      </c>
      <c r="B72345" s="1" t="s">
        <v>222693</v>
      </c>
      <c r="C72345" s="1" t="s">
        <v>45</v>
      </c>
      <c r="D72345" s="1" t="s">
        <v>96311</v>
      </c>
      <c r="E72345" s="1" t="s">
        <v>242023</v>
      </c>
      <c r="F72345" s="1" t="s">
        <v>242024</v>
      </c>
      <c r="G72345" s="1" t="s">
        <v>242003</v>
      </c>
      <c r="H72345" s="1" t="s">
        <v>242004</v>
      </c>
      <c r="I72345" s="1" t="s">
        <v>222698</v>
      </c>
      <c r="J72345" s="1" t="s">
        <v>242025</v>
      </c>
    </row>
    <row r="72346" spans="1:10" x14ac:dyDescent="0.35">
      <c r="A72346" s="1" t="s">
        <v>242000</v>
      </c>
      <c r="B72346" s="1" t="s">
        <v>222693</v>
      </c>
      <c r="C72346" s="1" t="s">
        <v>50</v>
      </c>
      <c r="D72346" s="1" t="s">
        <v>78291</v>
      </c>
      <c r="E72346" s="1" t="s">
        <v>242026</v>
      </c>
      <c r="F72346" s="1" t="s">
        <v>242027</v>
      </c>
      <c r="G72346" s="1" t="s">
        <v>242003</v>
      </c>
      <c r="H72346" s="1" t="s">
        <v>242004</v>
      </c>
      <c r="I72346" s="1" t="s">
        <v>222698</v>
      </c>
      <c r="J72346" s="1" t="s">
        <v>242028</v>
      </c>
    </row>
    <row r="72347" spans="1:10" x14ac:dyDescent="0.35">
      <c r="A72347" s="1" t="s">
        <v>242000</v>
      </c>
      <c r="B72347" s="1" t="s">
        <v>222693</v>
      </c>
      <c r="C72347" s="1" t="s">
        <v>55</v>
      </c>
      <c r="D72347" s="1" t="s">
        <v>63951</v>
      </c>
      <c r="E72347" s="1" t="s">
        <v>242029</v>
      </c>
      <c r="F72347" s="1" t="s">
        <v>242030</v>
      </c>
      <c r="G72347" s="1" t="s">
        <v>242003</v>
      </c>
      <c r="H72347" s="1" t="s">
        <v>242004</v>
      </c>
      <c r="I72347" s="1" t="s">
        <v>222698</v>
      </c>
      <c r="J72347" s="1" t="s">
        <v>242031</v>
      </c>
    </row>
    <row r="72348" spans="1:10" x14ac:dyDescent="0.35">
      <c r="A72348" s="1" t="s">
        <v>242000</v>
      </c>
      <c r="B72348" s="1" t="s">
        <v>222693</v>
      </c>
      <c r="C72348" s="1" t="s">
        <v>60</v>
      </c>
      <c r="D72348" s="1" t="s">
        <v>87009</v>
      </c>
      <c r="E72348" s="1" t="s">
        <v>242032</v>
      </c>
      <c r="F72348" s="1" t="s">
        <v>242033</v>
      </c>
      <c r="G72348" s="1" t="s">
        <v>242003</v>
      </c>
      <c r="H72348" s="1" t="s">
        <v>242004</v>
      </c>
      <c r="I72348" s="1" t="s">
        <v>222698</v>
      </c>
      <c r="J72348" s="1" t="s">
        <v>242034</v>
      </c>
    </row>
    <row r="72349" spans="1:10" x14ac:dyDescent="0.35">
      <c r="A72349" s="1" t="s">
        <v>242000</v>
      </c>
      <c r="B72349" s="1" t="s">
        <v>222693</v>
      </c>
      <c r="C72349" s="1" t="s">
        <v>65</v>
      </c>
      <c r="D72349" s="1" t="s">
        <v>12319</v>
      </c>
      <c r="E72349" s="1" t="s">
        <v>242035</v>
      </c>
      <c r="F72349" s="1" t="s">
        <v>242036</v>
      </c>
      <c r="G72349" s="1" t="s">
        <v>242003</v>
      </c>
      <c r="H72349" s="1" t="s">
        <v>242004</v>
      </c>
      <c r="I72349" s="1" t="s">
        <v>222698</v>
      </c>
      <c r="J72349" s="1" t="s">
        <v>242037</v>
      </c>
    </row>
    <row r="72350" spans="1:10" x14ac:dyDescent="0.35">
      <c r="A72350" s="1" t="s">
        <v>242000</v>
      </c>
      <c r="B72350" s="1" t="s">
        <v>222693</v>
      </c>
      <c r="C72350" s="1" t="s">
        <v>70</v>
      </c>
      <c r="D72350" s="1" t="s">
        <v>91571</v>
      </c>
      <c r="E72350" s="1" t="s">
        <v>242038</v>
      </c>
      <c r="F72350" s="1" t="s">
        <v>242039</v>
      </c>
      <c r="G72350" s="1" t="s">
        <v>242003</v>
      </c>
      <c r="H72350" s="1" t="s">
        <v>242004</v>
      </c>
      <c r="I72350" s="1" t="s">
        <v>222698</v>
      </c>
      <c r="J72350" s="1" t="s">
        <v>242040</v>
      </c>
    </row>
    <row r="72351" spans="1:10" x14ac:dyDescent="0.35">
      <c r="A72351" s="1" t="s">
        <v>242000</v>
      </c>
      <c r="B72351" s="1" t="s">
        <v>222693</v>
      </c>
      <c r="C72351" s="1" t="s">
        <v>75</v>
      </c>
      <c r="D72351" s="1" t="s">
        <v>93948</v>
      </c>
      <c r="E72351" s="1" t="s">
        <v>242041</v>
      </c>
      <c r="F72351" s="1" t="s">
        <v>242042</v>
      </c>
      <c r="G72351" s="1" t="s">
        <v>242003</v>
      </c>
      <c r="H72351" s="1" t="s">
        <v>242004</v>
      </c>
      <c r="I72351" s="1" t="s">
        <v>222698</v>
      </c>
      <c r="J72351" s="1" t="s">
        <v>119258</v>
      </c>
    </row>
    <row r="72352" spans="1:10" x14ac:dyDescent="0.35">
      <c r="A72352" s="1" t="s">
        <v>242000</v>
      </c>
      <c r="B72352" s="1" t="s">
        <v>222693</v>
      </c>
      <c r="C72352" s="1" t="s">
        <v>80</v>
      </c>
      <c r="D72352" s="1" t="s">
        <v>90571</v>
      </c>
      <c r="E72352" s="1" t="s">
        <v>242043</v>
      </c>
      <c r="F72352" s="1" t="s">
        <v>242044</v>
      </c>
      <c r="G72352" s="1" t="s">
        <v>242003</v>
      </c>
      <c r="H72352" s="1" t="s">
        <v>242004</v>
      </c>
      <c r="I72352" s="1" t="s">
        <v>222698</v>
      </c>
      <c r="J72352" s="1" t="s">
        <v>242045</v>
      </c>
    </row>
    <row r="72353" spans="1:10" x14ac:dyDescent="0.35">
      <c r="A72353" s="1" t="s">
        <v>242000</v>
      </c>
      <c r="B72353" s="1" t="s">
        <v>222693</v>
      </c>
      <c r="C72353" s="1" t="s">
        <v>85</v>
      </c>
      <c r="D72353" s="1" t="s">
        <v>54970</v>
      </c>
      <c r="E72353" s="1" t="s">
        <v>242046</v>
      </c>
      <c r="F72353" s="1" t="s">
        <v>242047</v>
      </c>
      <c r="G72353" s="1" t="s">
        <v>242003</v>
      </c>
      <c r="H72353" s="1" t="s">
        <v>242004</v>
      </c>
      <c r="I72353" s="1" t="s">
        <v>222698</v>
      </c>
      <c r="J72353" s="1" t="s">
        <v>242048</v>
      </c>
    </row>
    <row r="72354" spans="1:10" x14ac:dyDescent="0.35">
      <c r="A72354" s="1" t="s">
        <v>242000</v>
      </c>
      <c r="B72354" s="1" t="s">
        <v>222693</v>
      </c>
      <c r="C72354" s="1" t="s">
        <v>90</v>
      </c>
      <c r="D72354" s="1" t="s">
        <v>200299</v>
      </c>
      <c r="E72354" s="1" t="s">
        <v>242049</v>
      </c>
      <c r="F72354" s="1" t="s">
        <v>242050</v>
      </c>
      <c r="G72354" s="1" t="s">
        <v>242003</v>
      </c>
      <c r="H72354" s="1" t="s">
        <v>242004</v>
      </c>
      <c r="I72354" s="1" t="s">
        <v>222698</v>
      </c>
      <c r="J72354" s="1" t="s">
        <v>242051</v>
      </c>
    </row>
    <row r="72355" spans="1:10" x14ac:dyDescent="0.35">
      <c r="A72355" s="1" t="s">
        <v>242000</v>
      </c>
      <c r="B72355" s="1" t="s">
        <v>222693</v>
      </c>
      <c r="C72355" s="1" t="s">
        <v>95</v>
      </c>
      <c r="D72355" s="1" t="s">
        <v>242052</v>
      </c>
      <c r="E72355" s="1" t="s">
        <v>242053</v>
      </c>
      <c r="F72355" s="1" t="s">
        <v>242054</v>
      </c>
      <c r="G72355" s="1" t="s">
        <v>242003</v>
      </c>
      <c r="H72355" s="1" t="s">
        <v>242004</v>
      </c>
      <c r="I72355" s="1" t="s">
        <v>222698</v>
      </c>
      <c r="J72355" s="1" t="s">
        <v>242055</v>
      </c>
    </row>
    <row r="72356" spans="1:10" x14ac:dyDescent="0.35">
      <c r="A72356" s="1" t="s">
        <v>242000</v>
      </c>
      <c r="B72356" s="1" t="s">
        <v>222693</v>
      </c>
      <c r="C72356" s="1" t="s">
        <v>100</v>
      </c>
      <c r="D72356" s="1" t="s">
        <v>140884</v>
      </c>
      <c r="E72356" s="1" t="s">
        <v>242056</v>
      </c>
      <c r="F72356" s="1" t="s">
        <v>242057</v>
      </c>
      <c r="G72356" s="1" t="s">
        <v>242003</v>
      </c>
      <c r="H72356" s="1" t="s">
        <v>242004</v>
      </c>
      <c r="I72356" s="1" t="s">
        <v>222698</v>
      </c>
      <c r="J72356" s="1" t="s">
        <v>242058</v>
      </c>
    </row>
    <row r="72357" spans="1:10" x14ac:dyDescent="0.35">
      <c r="A72357" s="1" t="s">
        <v>242000</v>
      </c>
      <c r="B72357" s="1" t="s">
        <v>222693</v>
      </c>
      <c r="C72357" s="1" t="s">
        <v>105</v>
      </c>
      <c r="D72357" s="1" t="s">
        <v>58804</v>
      </c>
      <c r="E72357" s="1" t="s">
        <v>242059</v>
      </c>
      <c r="F72357" s="1" t="s">
        <v>242060</v>
      </c>
      <c r="G72357" s="1" t="s">
        <v>242003</v>
      </c>
      <c r="H72357" s="1" t="s">
        <v>242004</v>
      </c>
      <c r="I72357" s="1" t="s">
        <v>222698</v>
      </c>
      <c r="J72357" s="1" t="s">
        <v>242061</v>
      </c>
    </row>
    <row r="72358" spans="1:10" x14ac:dyDescent="0.35">
      <c r="A72358" s="1" t="s">
        <v>242000</v>
      </c>
      <c r="B72358" s="1" t="s">
        <v>222693</v>
      </c>
      <c r="C72358" s="1" t="s">
        <v>110</v>
      </c>
      <c r="D72358" s="1" t="s">
        <v>242062</v>
      </c>
      <c r="E72358" s="1" t="s">
        <v>242063</v>
      </c>
      <c r="F72358" s="1" t="s">
        <v>242064</v>
      </c>
      <c r="G72358" s="1" t="s">
        <v>242003</v>
      </c>
      <c r="H72358" s="1" t="s">
        <v>242004</v>
      </c>
      <c r="I72358" s="1" t="s">
        <v>222698</v>
      </c>
      <c r="J72358" s="1" t="s">
        <v>242065</v>
      </c>
    </row>
    <row r="72359" spans="1:10" x14ac:dyDescent="0.35">
      <c r="A72359" s="1" t="s">
        <v>242000</v>
      </c>
      <c r="B72359" s="1" t="s">
        <v>222693</v>
      </c>
      <c r="C72359" s="1" t="s">
        <v>115</v>
      </c>
      <c r="D72359" s="1" t="s">
        <v>242066</v>
      </c>
      <c r="E72359" s="1" t="s">
        <v>242067</v>
      </c>
      <c r="F72359" s="1" t="s">
        <v>242068</v>
      </c>
      <c r="G72359" s="1" t="s">
        <v>242003</v>
      </c>
      <c r="H72359" s="1" t="s">
        <v>242004</v>
      </c>
      <c r="I72359" s="1" t="s">
        <v>222698</v>
      </c>
      <c r="J72359" s="1" t="s">
        <v>242069</v>
      </c>
    </row>
    <row r="72360" spans="1:10" x14ac:dyDescent="0.35">
      <c r="A72360" s="1" t="s">
        <v>242000</v>
      </c>
      <c r="B72360" s="1" t="s">
        <v>222693</v>
      </c>
      <c r="C72360" s="1" t="s">
        <v>120</v>
      </c>
      <c r="D72360" s="1" t="s">
        <v>23494</v>
      </c>
      <c r="E72360" s="1" t="s">
        <v>242070</v>
      </c>
      <c r="F72360" s="1" t="s">
        <v>242071</v>
      </c>
      <c r="G72360" s="1" t="s">
        <v>242003</v>
      </c>
      <c r="H72360" s="1" t="s">
        <v>242004</v>
      </c>
      <c r="I72360" s="1" t="s">
        <v>222698</v>
      </c>
      <c r="J72360" s="1" t="s">
        <v>242072</v>
      </c>
    </row>
    <row r="72361" spans="1:10" x14ac:dyDescent="0.35">
      <c r="A72361" s="1" t="s">
        <v>242000</v>
      </c>
      <c r="B72361" s="1" t="s">
        <v>222693</v>
      </c>
      <c r="C72361" s="1" t="s">
        <v>125</v>
      </c>
      <c r="D72361" s="1" t="s">
        <v>85245</v>
      </c>
      <c r="E72361" s="1" t="s">
        <v>242073</v>
      </c>
      <c r="F72361" s="1" t="s">
        <v>242074</v>
      </c>
      <c r="G72361" s="1" t="s">
        <v>242003</v>
      </c>
      <c r="H72361" s="1" t="s">
        <v>242004</v>
      </c>
      <c r="I72361" s="1" t="s">
        <v>222698</v>
      </c>
      <c r="J72361" s="1" t="s">
        <v>242075</v>
      </c>
    </row>
    <row r="72362" spans="1:10" x14ac:dyDescent="0.35">
      <c r="A72362" s="1" t="s">
        <v>242000</v>
      </c>
      <c r="B72362" s="1" t="s">
        <v>222693</v>
      </c>
      <c r="C72362" s="1" t="s">
        <v>130</v>
      </c>
      <c r="D72362" s="1" t="s">
        <v>205787</v>
      </c>
      <c r="E72362" s="1" t="s">
        <v>242076</v>
      </c>
      <c r="F72362" s="1" t="s">
        <v>242077</v>
      </c>
      <c r="G72362" s="1" t="s">
        <v>242003</v>
      </c>
      <c r="H72362" s="1" t="s">
        <v>242004</v>
      </c>
      <c r="I72362" s="1" t="s">
        <v>222698</v>
      </c>
      <c r="J72362" s="1" t="s">
        <v>242078</v>
      </c>
    </row>
    <row r="72363" spans="1:10" x14ac:dyDescent="0.35">
      <c r="A72363" s="1" t="s">
        <v>242000</v>
      </c>
      <c r="B72363" s="1" t="s">
        <v>222693</v>
      </c>
      <c r="C72363" s="1" t="s">
        <v>135</v>
      </c>
      <c r="D72363" s="1" t="s">
        <v>61370</v>
      </c>
      <c r="E72363" s="1" t="s">
        <v>242079</v>
      </c>
      <c r="F72363" s="1" t="s">
        <v>242080</v>
      </c>
      <c r="G72363" s="1" t="s">
        <v>242003</v>
      </c>
      <c r="H72363" s="1" t="s">
        <v>242004</v>
      </c>
      <c r="I72363" s="1" t="s">
        <v>222698</v>
      </c>
      <c r="J72363" s="1" t="s">
        <v>242081</v>
      </c>
    </row>
    <row r="72364" spans="1:10" x14ac:dyDescent="0.35">
      <c r="A72364" s="1" t="s">
        <v>242000</v>
      </c>
      <c r="B72364" s="1" t="s">
        <v>222693</v>
      </c>
      <c r="C72364" s="1" t="s">
        <v>140</v>
      </c>
      <c r="D72364" s="1" t="s">
        <v>242082</v>
      </c>
      <c r="E72364" s="1" t="s">
        <v>242083</v>
      </c>
      <c r="F72364" s="1" t="s">
        <v>242084</v>
      </c>
      <c r="G72364" s="1" t="s">
        <v>242003</v>
      </c>
      <c r="H72364" s="1" t="s">
        <v>242004</v>
      </c>
      <c r="I72364" s="1" t="s">
        <v>222698</v>
      </c>
      <c r="J72364" s="1" t="s">
        <v>242085</v>
      </c>
    </row>
    <row r="72365" spans="1:10" x14ac:dyDescent="0.35">
      <c r="A72365" s="1" t="s">
        <v>242000</v>
      </c>
      <c r="B72365" s="1" t="s">
        <v>222693</v>
      </c>
      <c r="C72365" s="1" t="s">
        <v>145</v>
      </c>
      <c r="D72365" s="1" t="s">
        <v>80709</v>
      </c>
      <c r="E72365" s="1" t="s">
        <v>242086</v>
      </c>
      <c r="F72365" s="1" t="s">
        <v>242087</v>
      </c>
      <c r="G72365" s="1" t="s">
        <v>242003</v>
      </c>
      <c r="H72365" s="1" t="s">
        <v>242004</v>
      </c>
      <c r="I72365" s="1" t="s">
        <v>222698</v>
      </c>
      <c r="J72365" s="1" t="s">
        <v>242088</v>
      </c>
    </row>
    <row r="72366" spans="1:10" x14ac:dyDescent="0.35">
      <c r="A72366" s="1" t="s">
        <v>242000</v>
      </c>
      <c r="B72366" s="1" t="s">
        <v>222693</v>
      </c>
      <c r="C72366" s="1" t="s">
        <v>150</v>
      </c>
      <c r="D72366" s="1" t="s">
        <v>96132</v>
      </c>
      <c r="E72366" s="1" t="s">
        <v>242089</v>
      </c>
      <c r="F72366" s="1" t="s">
        <v>242090</v>
      </c>
      <c r="G72366" s="1" t="s">
        <v>242003</v>
      </c>
      <c r="H72366" s="1" t="s">
        <v>242004</v>
      </c>
      <c r="I72366" s="1" t="s">
        <v>222698</v>
      </c>
      <c r="J72366" s="1" t="s">
        <v>242091</v>
      </c>
    </row>
    <row r="72367" spans="1:10" x14ac:dyDescent="0.35">
      <c r="A72367" s="1" t="s">
        <v>242000</v>
      </c>
      <c r="B72367" s="1" t="s">
        <v>222693</v>
      </c>
      <c r="C72367" s="1" t="s">
        <v>155</v>
      </c>
      <c r="D72367" s="1" t="s">
        <v>7740</v>
      </c>
      <c r="E72367" s="1" t="s">
        <v>242092</v>
      </c>
      <c r="F72367" s="1" t="s">
        <v>242093</v>
      </c>
      <c r="G72367" s="1" t="s">
        <v>242003</v>
      </c>
      <c r="H72367" s="1" t="s">
        <v>242004</v>
      </c>
      <c r="I72367" s="1" t="s">
        <v>222698</v>
      </c>
      <c r="J72367" s="1" t="s">
        <v>242094</v>
      </c>
    </row>
    <row r="72368" spans="1:10" x14ac:dyDescent="0.35">
      <c r="A72368" s="1" t="s">
        <v>242000</v>
      </c>
      <c r="B72368" s="1" t="s">
        <v>222693</v>
      </c>
      <c r="C72368" s="1" t="s">
        <v>160</v>
      </c>
      <c r="D72368" s="1" t="s">
        <v>56926</v>
      </c>
      <c r="E72368" s="1" t="s">
        <v>242095</v>
      </c>
      <c r="F72368" s="1" t="s">
        <v>242096</v>
      </c>
      <c r="G72368" s="1" t="s">
        <v>242003</v>
      </c>
      <c r="H72368" s="1" t="s">
        <v>242004</v>
      </c>
      <c r="I72368" s="1" t="s">
        <v>222698</v>
      </c>
      <c r="J72368" s="1" t="s">
        <v>242097</v>
      </c>
    </row>
    <row r="72369" spans="1:10" x14ac:dyDescent="0.35">
      <c r="A72369" s="1" t="s">
        <v>242000</v>
      </c>
      <c r="B72369" s="1" t="s">
        <v>222693</v>
      </c>
      <c r="C72369" s="1" t="s">
        <v>165</v>
      </c>
      <c r="D72369" s="1" t="s">
        <v>242098</v>
      </c>
      <c r="E72369" s="1" t="s">
        <v>242099</v>
      </c>
      <c r="F72369" s="1" t="s">
        <v>242100</v>
      </c>
      <c r="G72369" s="1" t="s">
        <v>242003</v>
      </c>
      <c r="H72369" s="1" t="s">
        <v>242004</v>
      </c>
      <c r="I72369" s="1" t="s">
        <v>222698</v>
      </c>
      <c r="J72369" s="1" t="s">
        <v>242101</v>
      </c>
    </row>
    <row r="72370" spans="1:10" x14ac:dyDescent="0.35">
      <c r="A72370" s="1" t="s">
        <v>242000</v>
      </c>
      <c r="B72370" s="1" t="s">
        <v>222693</v>
      </c>
      <c r="C72370" s="1" t="s">
        <v>170</v>
      </c>
      <c r="D72370" s="1" t="s">
        <v>242102</v>
      </c>
      <c r="E72370" s="1" t="s">
        <v>242103</v>
      </c>
      <c r="F72370" s="1" t="s">
        <v>242104</v>
      </c>
      <c r="G72370" s="1" t="s">
        <v>242003</v>
      </c>
      <c r="H72370" s="1" t="s">
        <v>242004</v>
      </c>
      <c r="I72370" s="1" t="s">
        <v>222698</v>
      </c>
      <c r="J72370" s="1" t="s">
        <v>242105</v>
      </c>
    </row>
    <row r="72371" spans="1:10" x14ac:dyDescent="0.35">
      <c r="A72371" s="1" t="s">
        <v>8901</v>
      </c>
      <c r="B72371" s="1" t="s">
        <v>222693</v>
      </c>
      <c r="C72371" s="1" t="s">
        <v>8</v>
      </c>
      <c r="D72371" s="1" t="s">
        <v>242106</v>
      </c>
      <c r="E72371" s="1" t="s">
        <v>242107</v>
      </c>
      <c r="F72371" s="1" t="s">
        <v>242108</v>
      </c>
      <c r="G72371" s="1" t="s">
        <v>242109</v>
      </c>
      <c r="H72371" s="1" t="s">
        <v>242110</v>
      </c>
      <c r="I72371" s="1" t="s">
        <v>222698</v>
      </c>
      <c r="J72371" s="1" t="s">
        <v>13</v>
      </c>
    </row>
    <row r="72372" spans="1:10" x14ac:dyDescent="0.35">
      <c r="A72372" s="1" t="s">
        <v>8901</v>
      </c>
      <c r="B72372" s="1" t="s">
        <v>222693</v>
      </c>
      <c r="C72372" s="1" t="s">
        <v>15</v>
      </c>
      <c r="D72372" s="1" t="s">
        <v>242111</v>
      </c>
      <c r="E72372" s="1" t="s">
        <v>242112</v>
      </c>
      <c r="F72372" s="1" t="s">
        <v>242113</v>
      </c>
      <c r="G72372" s="1" t="s">
        <v>242109</v>
      </c>
      <c r="H72372" s="1" t="s">
        <v>242110</v>
      </c>
      <c r="I72372" s="1" t="s">
        <v>222698</v>
      </c>
      <c r="J72372" s="1" t="s">
        <v>242114</v>
      </c>
    </row>
    <row r="72373" spans="1:10" x14ac:dyDescent="0.35">
      <c r="A72373" s="1" t="s">
        <v>8901</v>
      </c>
      <c r="B72373" s="1" t="s">
        <v>222693</v>
      </c>
      <c r="C72373" s="1" t="s">
        <v>20</v>
      </c>
      <c r="D72373" s="1" t="s">
        <v>60987</v>
      </c>
      <c r="E72373" s="1" t="s">
        <v>242115</v>
      </c>
      <c r="F72373" s="1" t="s">
        <v>242116</v>
      </c>
      <c r="G72373" s="1" t="s">
        <v>242109</v>
      </c>
      <c r="H72373" s="1" t="s">
        <v>242110</v>
      </c>
      <c r="I72373" s="1" t="s">
        <v>222698</v>
      </c>
      <c r="J72373" s="1" t="s">
        <v>242117</v>
      </c>
    </row>
    <row r="72374" spans="1:10" x14ac:dyDescent="0.35">
      <c r="A72374" s="1" t="s">
        <v>8901</v>
      </c>
      <c r="B72374" s="1" t="s">
        <v>222693</v>
      </c>
      <c r="C72374" s="1" t="s">
        <v>25</v>
      </c>
      <c r="D72374" s="1" t="s">
        <v>242118</v>
      </c>
      <c r="E72374" s="1" t="s">
        <v>242119</v>
      </c>
      <c r="F72374" s="1" t="s">
        <v>242120</v>
      </c>
      <c r="G72374" s="1" t="s">
        <v>242109</v>
      </c>
      <c r="H72374" s="1" t="s">
        <v>242110</v>
      </c>
      <c r="I72374" s="1" t="s">
        <v>222698</v>
      </c>
      <c r="J72374" s="1" t="s">
        <v>242121</v>
      </c>
    </row>
    <row r="72375" spans="1:10" x14ac:dyDescent="0.35">
      <c r="A72375" s="1" t="s">
        <v>8901</v>
      </c>
      <c r="B72375" s="1" t="s">
        <v>222693</v>
      </c>
      <c r="C72375" s="1" t="s">
        <v>30</v>
      </c>
      <c r="D72375" s="1" t="s">
        <v>242122</v>
      </c>
      <c r="E72375" s="1" t="s">
        <v>242123</v>
      </c>
      <c r="F72375" s="1" t="s">
        <v>242124</v>
      </c>
      <c r="G72375" s="1" t="s">
        <v>242109</v>
      </c>
      <c r="H72375" s="1" t="s">
        <v>242110</v>
      </c>
      <c r="I72375" s="1" t="s">
        <v>222698</v>
      </c>
      <c r="J72375" s="1" t="s">
        <v>242125</v>
      </c>
    </row>
    <row r="72376" spans="1:10" x14ac:dyDescent="0.35">
      <c r="A72376" s="1" t="s">
        <v>8901</v>
      </c>
      <c r="B72376" s="1" t="s">
        <v>222693</v>
      </c>
      <c r="C72376" s="1" t="s">
        <v>35</v>
      </c>
      <c r="D72376" s="1" t="s">
        <v>103763</v>
      </c>
      <c r="E72376" s="1" t="s">
        <v>242126</v>
      </c>
      <c r="F72376" s="1" t="s">
        <v>242127</v>
      </c>
      <c r="G72376" s="1" t="s">
        <v>242109</v>
      </c>
      <c r="H72376" s="1" t="s">
        <v>242110</v>
      </c>
      <c r="I72376" s="1" t="s">
        <v>222698</v>
      </c>
      <c r="J72376" s="1" t="s">
        <v>242128</v>
      </c>
    </row>
    <row r="72377" spans="1:10" x14ac:dyDescent="0.35">
      <c r="A72377" s="1" t="s">
        <v>8901</v>
      </c>
      <c r="B72377" s="1" t="s">
        <v>222693</v>
      </c>
      <c r="C72377" s="1" t="s">
        <v>40</v>
      </c>
      <c r="D72377" s="1" t="s">
        <v>242129</v>
      </c>
      <c r="E72377" s="1" t="s">
        <v>242130</v>
      </c>
      <c r="F72377" s="1" t="s">
        <v>242131</v>
      </c>
      <c r="G72377" s="1" t="s">
        <v>242109</v>
      </c>
      <c r="H72377" s="1" t="s">
        <v>242110</v>
      </c>
      <c r="I72377" s="1" t="s">
        <v>222698</v>
      </c>
      <c r="J72377" s="1" t="s">
        <v>242132</v>
      </c>
    </row>
    <row r="72378" spans="1:10" x14ac:dyDescent="0.35">
      <c r="A72378" s="1" t="s">
        <v>8901</v>
      </c>
      <c r="B72378" s="1" t="s">
        <v>222693</v>
      </c>
      <c r="C72378" s="1" t="s">
        <v>45</v>
      </c>
      <c r="D72378" s="1" t="s">
        <v>27222</v>
      </c>
      <c r="E72378" s="1" t="s">
        <v>242133</v>
      </c>
      <c r="F72378" s="1" t="s">
        <v>242134</v>
      </c>
      <c r="G72378" s="1" t="s">
        <v>242109</v>
      </c>
      <c r="H72378" s="1" t="s">
        <v>242110</v>
      </c>
      <c r="I72378" s="1" t="s">
        <v>222698</v>
      </c>
      <c r="J72378" s="1" t="s">
        <v>242135</v>
      </c>
    </row>
    <row r="72379" spans="1:10" x14ac:dyDescent="0.35">
      <c r="A72379" s="1" t="s">
        <v>8901</v>
      </c>
      <c r="B72379" s="1" t="s">
        <v>222693</v>
      </c>
      <c r="C72379" s="1" t="s">
        <v>50</v>
      </c>
      <c r="D72379" s="1" t="s">
        <v>60153</v>
      </c>
      <c r="E72379" s="1" t="s">
        <v>242136</v>
      </c>
      <c r="F72379" s="1" t="s">
        <v>242137</v>
      </c>
      <c r="G72379" s="1" t="s">
        <v>242109</v>
      </c>
      <c r="H72379" s="1" t="s">
        <v>242110</v>
      </c>
      <c r="I72379" s="1" t="s">
        <v>222698</v>
      </c>
      <c r="J72379" s="1" t="s">
        <v>231406</v>
      </c>
    </row>
    <row r="72380" spans="1:10" x14ac:dyDescent="0.35">
      <c r="A72380" s="1" t="s">
        <v>8901</v>
      </c>
      <c r="B72380" s="1" t="s">
        <v>222693</v>
      </c>
      <c r="C72380" s="1" t="s">
        <v>55</v>
      </c>
      <c r="D72380" s="1" t="s">
        <v>163505</v>
      </c>
      <c r="E72380" s="1" t="s">
        <v>242138</v>
      </c>
      <c r="F72380" s="1" t="s">
        <v>242139</v>
      </c>
      <c r="G72380" s="1" t="s">
        <v>242109</v>
      </c>
      <c r="H72380" s="1" t="s">
        <v>242110</v>
      </c>
      <c r="I72380" s="1" t="s">
        <v>222698</v>
      </c>
      <c r="J72380" s="1" t="s">
        <v>242140</v>
      </c>
    </row>
    <row r="72381" spans="1:10" x14ac:dyDescent="0.35">
      <c r="A72381" s="1" t="s">
        <v>8901</v>
      </c>
      <c r="B72381" s="1" t="s">
        <v>222693</v>
      </c>
      <c r="C72381" s="1" t="s">
        <v>60</v>
      </c>
      <c r="D72381" s="1" t="s">
        <v>99887</v>
      </c>
      <c r="E72381" s="1" t="s">
        <v>242141</v>
      </c>
      <c r="F72381" s="1" t="s">
        <v>242142</v>
      </c>
      <c r="G72381" s="1" t="s">
        <v>242109</v>
      </c>
      <c r="H72381" s="1" t="s">
        <v>242110</v>
      </c>
      <c r="I72381" s="1" t="s">
        <v>222698</v>
      </c>
      <c r="J72381" s="1" t="s">
        <v>242143</v>
      </c>
    </row>
    <row r="72382" spans="1:10" x14ac:dyDescent="0.35">
      <c r="A72382" s="1" t="s">
        <v>8901</v>
      </c>
      <c r="B72382" s="1" t="s">
        <v>222693</v>
      </c>
      <c r="C72382" s="1" t="s">
        <v>65</v>
      </c>
      <c r="D72382" s="1" t="s">
        <v>134574</v>
      </c>
      <c r="E72382" s="1" t="s">
        <v>242144</v>
      </c>
      <c r="F72382" s="1" t="s">
        <v>242145</v>
      </c>
      <c r="G72382" s="1" t="s">
        <v>242109</v>
      </c>
      <c r="H72382" s="1" t="s">
        <v>242110</v>
      </c>
      <c r="I72382" s="1" t="s">
        <v>222698</v>
      </c>
      <c r="J72382" s="1" t="s">
        <v>242146</v>
      </c>
    </row>
    <row r="72383" spans="1:10" x14ac:dyDescent="0.35">
      <c r="A72383" s="1" t="s">
        <v>8901</v>
      </c>
      <c r="B72383" s="1" t="s">
        <v>222693</v>
      </c>
      <c r="C72383" s="1" t="s">
        <v>70</v>
      </c>
      <c r="D72383" s="1" t="s">
        <v>233544</v>
      </c>
      <c r="E72383" s="1" t="s">
        <v>242147</v>
      </c>
      <c r="F72383" s="1" t="s">
        <v>242148</v>
      </c>
      <c r="G72383" s="1" t="s">
        <v>242109</v>
      </c>
      <c r="H72383" s="1" t="s">
        <v>242110</v>
      </c>
      <c r="I72383" s="1" t="s">
        <v>222698</v>
      </c>
      <c r="J72383" s="1" t="s">
        <v>242149</v>
      </c>
    </row>
    <row r="72384" spans="1:10" x14ac:dyDescent="0.35">
      <c r="A72384" s="1" t="s">
        <v>8901</v>
      </c>
      <c r="B72384" s="1" t="s">
        <v>222693</v>
      </c>
      <c r="C72384" s="1" t="s">
        <v>75</v>
      </c>
      <c r="D72384" s="1" t="s">
        <v>242150</v>
      </c>
      <c r="E72384" s="1" t="s">
        <v>242151</v>
      </c>
      <c r="F72384" s="1" t="s">
        <v>242152</v>
      </c>
      <c r="G72384" s="1" t="s">
        <v>242109</v>
      </c>
      <c r="H72384" s="1" t="s">
        <v>242110</v>
      </c>
      <c r="I72384" s="1" t="s">
        <v>222698</v>
      </c>
      <c r="J72384" s="1" t="s">
        <v>242153</v>
      </c>
    </row>
    <row r="72385" spans="1:10" x14ac:dyDescent="0.35">
      <c r="A72385" s="1" t="s">
        <v>8901</v>
      </c>
      <c r="B72385" s="1" t="s">
        <v>222693</v>
      </c>
      <c r="C72385" s="1" t="s">
        <v>80</v>
      </c>
      <c r="D72385" s="1" t="s">
        <v>242154</v>
      </c>
      <c r="E72385" s="1" t="s">
        <v>242155</v>
      </c>
      <c r="F72385" s="1" t="s">
        <v>242156</v>
      </c>
      <c r="G72385" s="1" t="s">
        <v>242109</v>
      </c>
      <c r="H72385" s="1" t="s">
        <v>242110</v>
      </c>
      <c r="I72385" s="1" t="s">
        <v>222698</v>
      </c>
      <c r="J72385" s="1" t="s">
        <v>242157</v>
      </c>
    </row>
    <row r="72386" spans="1:10" x14ac:dyDescent="0.35">
      <c r="A72386" s="1" t="s">
        <v>8901</v>
      </c>
      <c r="B72386" s="1" t="s">
        <v>222693</v>
      </c>
      <c r="C72386" s="1" t="s">
        <v>85</v>
      </c>
      <c r="D72386" s="1" t="s">
        <v>126837</v>
      </c>
      <c r="E72386" s="1" t="s">
        <v>242158</v>
      </c>
      <c r="F72386" s="1" t="s">
        <v>242159</v>
      </c>
      <c r="G72386" s="1" t="s">
        <v>242109</v>
      </c>
      <c r="H72386" s="1" t="s">
        <v>242110</v>
      </c>
      <c r="I72386" s="1" t="s">
        <v>222698</v>
      </c>
      <c r="J72386" s="1" t="s">
        <v>242160</v>
      </c>
    </row>
    <row r="72387" spans="1:10" x14ac:dyDescent="0.35">
      <c r="A72387" s="1" t="s">
        <v>8901</v>
      </c>
      <c r="B72387" s="1" t="s">
        <v>222693</v>
      </c>
      <c r="C72387" s="1" t="s">
        <v>90</v>
      </c>
      <c r="D72387" s="1" t="s">
        <v>242161</v>
      </c>
      <c r="E72387" s="1" t="s">
        <v>242162</v>
      </c>
      <c r="F72387" s="1" t="s">
        <v>242163</v>
      </c>
      <c r="G72387" s="1" t="s">
        <v>242109</v>
      </c>
      <c r="H72387" s="1" t="s">
        <v>242110</v>
      </c>
      <c r="I72387" s="1" t="s">
        <v>222698</v>
      </c>
      <c r="J72387" s="1" t="s">
        <v>242164</v>
      </c>
    </row>
    <row r="72388" spans="1:10" x14ac:dyDescent="0.35">
      <c r="A72388" s="1" t="s">
        <v>8901</v>
      </c>
      <c r="B72388" s="1" t="s">
        <v>222693</v>
      </c>
      <c r="C72388" s="1" t="s">
        <v>95</v>
      </c>
      <c r="D72388" s="1" t="s">
        <v>242165</v>
      </c>
      <c r="E72388" s="1" t="s">
        <v>242166</v>
      </c>
      <c r="F72388" s="1" t="s">
        <v>242167</v>
      </c>
      <c r="G72388" s="1" t="s">
        <v>242109</v>
      </c>
      <c r="H72388" s="1" t="s">
        <v>242110</v>
      </c>
      <c r="I72388" s="1" t="s">
        <v>222698</v>
      </c>
      <c r="J72388" s="1" t="s">
        <v>242168</v>
      </c>
    </row>
    <row r="72389" spans="1:10" x14ac:dyDescent="0.35">
      <c r="A72389" s="1" t="s">
        <v>8901</v>
      </c>
      <c r="B72389" s="1" t="s">
        <v>222693</v>
      </c>
      <c r="C72389" s="1" t="s">
        <v>100</v>
      </c>
      <c r="D72389" s="1" t="s">
        <v>134187</v>
      </c>
      <c r="E72389" s="1" t="s">
        <v>242169</v>
      </c>
      <c r="F72389" s="1" t="s">
        <v>242170</v>
      </c>
      <c r="G72389" s="1" t="s">
        <v>242109</v>
      </c>
      <c r="H72389" s="1" t="s">
        <v>242110</v>
      </c>
      <c r="I72389" s="1" t="s">
        <v>222698</v>
      </c>
      <c r="J72389" s="1" t="s">
        <v>242171</v>
      </c>
    </row>
    <row r="72390" spans="1:10" x14ac:dyDescent="0.35">
      <c r="A72390" s="1" t="s">
        <v>8901</v>
      </c>
      <c r="B72390" s="1" t="s">
        <v>222693</v>
      </c>
      <c r="C72390" s="1" t="s">
        <v>105</v>
      </c>
      <c r="D72390" s="1" t="s">
        <v>242172</v>
      </c>
      <c r="E72390" s="1" t="s">
        <v>242173</v>
      </c>
      <c r="F72390" s="1" t="s">
        <v>242174</v>
      </c>
      <c r="G72390" s="1" t="s">
        <v>242109</v>
      </c>
      <c r="H72390" s="1" t="s">
        <v>242110</v>
      </c>
      <c r="I72390" s="1" t="s">
        <v>222698</v>
      </c>
      <c r="J72390" s="1" t="s">
        <v>242175</v>
      </c>
    </row>
    <row r="72391" spans="1:10" x14ac:dyDescent="0.35">
      <c r="A72391" s="1" t="s">
        <v>8901</v>
      </c>
      <c r="B72391" s="1" t="s">
        <v>222693</v>
      </c>
      <c r="C72391" s="1" t="s">
        <v>110</v>
      </c>
      <c r="D72391" s="1" t="s">
        <v>242176</v>
      </c>
      <c r="E72391" s="1" t="s">
        <v>242177</v>
      </c>
      <c r="F72391" s="1" t="s">
        <v>242178</v>
      </c>
      <c r="G72391" s="1" t="s">
        <v>242109</v>
      </c>
      <c r="H72391" s="1" t="s">
        <v>242110</v>
      </c>
      <c r="I72391" s="1" t="s">
        <v>222698</v>
      </c>
      <c r="J72391" s="1" t="s">
        <v>242179</v>
      </c>
    </row>
    <row r="72392" spans="1:10" x14ac:dyDescent="0.35">
      <c r="A72392" s="1" t="s">
        <v>8901</v>
      </c>
      <c r="B72392" s="1" t="s">
        <v>222693</v>
      </c>
      <c r="C72392" s="1" t="s">
        <v>115</v>
      </c>
      <c r="D72392" s="1" t="s">
        <v>237723</v>
      </c>
      <c r="E72392" s="1" t="s">
        <v>242180</v>
      </c>
      <c r="F72392" s="1" t="s">
        <v>242181</v>
      </c>
      <c r="G72392" s="1" t="s">
        <v>242109</v>
      </c>
      <c r="H72392" s="1" t="s">
        <v>242110</v>
      </c>
      <c r="I72392" s="1" t="s">
        <v>222698</v>
      </c>
      <c r="J72392" s="1" t="s">
        <v>242182</v>
      </c>
    </row>
    <row r="72393" spans="1:10" x14ac:dyDescent="0.35">
      <c r="A72393" s="1" t="s">
        <v>8901</v>
      </c>
      <c r="B72393" s="1" t="s">
        <v>222693</v>
      </c>
      <c r="C72393" s="1" t="s">
        <v>120</v>
      </c>
      <c r="D72393" s="1" t="s">
        <v>242183</v>
      </c>
      <c r="E72393" s="1" t="s">
        <v>242184</v>
      </c>
      <c r="F72393" s="1" t="s">
        <v>242185</v>
      </c>
      <c r="G72393" s="1" t="s">
        <v>242109</v>
      </c>
      <c r="H72393" s="1" t="s">
        <v>242110</v>
      </c>
      <c r="I72393" s="1" t="s">
        <v>222698</v>
      </c>
      <c r="J72393" s="1" t="s">
        <v>242186</v>
      </c>
    </row>
    <row r="72394" spans="1:10" x14ac:dyDescent="0.35">
      <c r="A72394" s="1" t="s">
        <v>8901</v>
      </c>
      <c r="B72394" s="1" t="s">
        <v>222693</v>
      </c>
      <c r="C72394" s="1" t="s">
        <v>125</v>
      </c>
      <c r="D72394" s="1" t="s">
        <v>242187</v>
      </c>
      <c r="E72394" s="1" t="s">
        <v>242188</v>
      </c>
      <c r="F72394" s="1" t="s">
        <v>242189</v>
      </c>
      <c r="G72394" s="1" t="s">
        <v>242109</v>
      </c>
      <c r="H72394" s="1" t="s">
        <v>242110</v>
      </c>
      <c r="I72394" s="1" t="s">
        <v>222698</v>
      </c>
      <c r="J72394" s="1" t="s">
        <v>242190</v>
      </c>
    </row>
    <row r="72395" spans="1:10" x14ac:dyDescent="0.35">
      <c r="A72395" s="1" t="s">
        <v>8901</v>
      </c>
      <c r="B72395" s="1" t="s">
        <v>222693</v>
      </c>
      <c r="C72395" s="1" t="s">
        <v>130</v>
      </c>
      <c r="D72395" s="1" t="s">
        <v>55132</v>
      </c>
      <c r="E72395" s="1" t="s">
        <v>242191</v>
      </c>
      <c r="F72395" s="1" t="s">
        <v>242192</v>
      </c>
      <c r="G72395" s="1" t="s">
        <v>242109</v>
      </c>
      <c r="H72395" s="1" t="s">
        <v>242110</v>
      </c>
      <c r="I72395" s="1" t="s">
        <v>222698</v>
      </c>
      <c r="J72395" s="1" t="s">
        <v>242193</v>
      </c>
    </row>
    <row r="72396" spans="1:10" x14ac:dyDescent="0.35">
      <c r="A72396" s="1" t="s">
        <v>8901</v>
      </c>
      <c r="B72396" s="1" t="s">
        <v>222693</v>
      </c>
      <c r="C72396" s="1" t="s">
        <v>135</v>
      </c>
      <c r="D72396" s="1" t="s">
        <v>227804</v>
      </c>
      <c r="E72396" s="1" t="s">
        <v>242194</v>
      </c>
      <c r="F72396" s="1" t="s">
        <v>242195</v>
      </c>
      <c r="G72396" s="1" t="s">
        <v>242109</v>
      </c>
      <c r="H72396" s="1" t="s">
        <v>242110</v>
      </c>
      <c r="I72396" s="1" t="s">
        <v>222698</v>
      </c>
      <c r="J72396" s="1" t="s">
        <v>242196</v>
      </c>
    </row>
    <row r="72397" spans="1:10" x14ac:dyDescent="0.35">
      <c r="A72397" s="1" t="s">
        <v>8901</v>
      </c>
      <c r="B72397" s="1" t="s">
        <v>222693</v>
      </c>
      <c r="C72397" s="1" t="s">
        <v>140</v>
      </c>
      <c r="D72397" s="1" t="s">
        <v>242197</v>
      </c>
      <c r="E72397" s="1" t="s">
        <v>242198</v>
      </c>
      <c r="F72397" s="1" t="s">
        <v>242199</v>
      </c>
      <c r="G72397" s="1" t="s">
        <v>242109</v>
      </c>
      <c r="H72397" s="1" t="s">
        <v>242110</v>
      </c>
      <c r="I72397" s="1" t="s">
        <v>222698</v>
      </c>
      <c r="J72397" s="1" t="s">
        <v>242200</v>
      </c>
    </row>
    <row r="72398" spans="1:10" x14ac:dyDescent="0.35">
      <c r="A72398" s="1" t="s">
        <v>8901</v>
      </c>
      <c r="B72398" s="1" t="s">
        <v>222693</v>
      </c>
      <c r="C72398" s="1" t="s">
        <v>145</v>
      </c>
      <c r="D72398" s="1" t="s">
        <v>11894</v>
      </c>
      <c r="E72398" s="1" t="s">
        <v>242201</v>
      </c>
      <c r="F72398" s="1" t="s">
        <v>242202</v>
      </c>
      <c r="G72398" s="1" t="s">
        <v>242109</v>
      </c>
      <c r="H72398" s="1" t="s">
        <v>242110</v>
      </c>
      <c r="I72398" s="1" t="s">
        <v>222698</v>
      </c>
      <c r="J72398" s="1" t="s">
        <v>242203</v>
      </c>
    </row>
    <row r="72399" spans="1:10" x14ac:dyDescent="0.35">
      <c r="A72399" s="1" t="s">
        <v>8901</v>
      </c>
      <c r="B72399" s="1" t="s">
        <v>222693</v>
      </c>
      <c r="C72399" s="1" t="s">
        <v>150</v>
      </c>
      <c r="D72399" s="1" t="s">
        <v>56673</v>
      </c>
      <c r="E72399" s="1" t="s">
        <v>242204</v>
      </c>
      <c r="F72399" s="1" t="s">
        <v>242205</v>
      </c>
      <c r="G72399" s="1" t="s">
        <v>242109</v>
      </c>
      <c r="H72399" s="1" t="s">
        <v>242110</v>
      </c>
      <c r="I72399" s="1" t="s">
        <v>222698</v>
      </c>
      <c r="J72399" s="1" t="s">
        <v>242206</v>
      </c>
    </row>
    <row r="72400" spans="1:10" x14ac:dyDescent="0.35">
      <c r="A72400" s="1" t="s">
        <v>8901</v>
      </c>
      <c r="B72400" s="1" t="s">
        <v>222693</v>
      </c>
      <c r="C72400" s="1" t="s">
        <v>155</v>
      </c>
      <c r="D72400" s="1" t="s">
        <v>242207</v>
      </c>
      <c r="E72400" s="1" t="s">
        <v>242208</v>
      </c>
      <c r="F72400" s="1" t="s">
        <v>242209</v>
      </c>
      <c r="G72400" s="1" t="s">
        <v>242109</v>
      </c>
      <c r="H72400" s="1" t="s">
        <v>242110</v>
      </c>
      <c r="I72400" s="1" t="s">
        <v>222698</v>
      </c>
      <c r="J72400" s="1" t="s">
        <v>242210</v>
      </c>
    </row>
    <row r="72401" spans="1:10" x14ac:dyDescent="0.35">
      <c r="A72401" s="1" t="s">
        <v>8901</v>
      </c>
      <c r="B72401" s="1" t="s">
        <v>222693</v>
      </c>
      <c r="C72401" s="1" t="s">
        <v>160</v>
      </c>
      <c r="D72401" s="1" t="s">
        <v>226241</v>
      </c>
      <c r="E72401" s="1" t="s">
        <v>242211</v>
      </c>
      <c r="F72401" s="1" t="s">
        <v>242212</v>
      </c>
      <c r="G72401" s="1" t="s">
        <v>242109</v>
      </c>
      <c r="H72401" s="1" t="s">
        <v>242110</v>
      </c>
      <c r="I72401" s="1" t="s">
        <v>222698</v>
      </c>
      <c r="J72401" s="1" t="s">
        <v>242213</v>
      </c>
    </row>
    <row r="72402" spans="1:10" x14ac:dyDescent="0.35">
      <c r="A72402" s="1" t="s">
        <v>8901</v>
      </c>
      <c r="B72402" s="1" t="s">
        <v>222693</v>
      </c>
      <c r="C72402" s="1" t="s">
        <v>165</v>
      </c>
      <c r="D72402" s="1" t="s">
        <v>242214</v>
      </c>
      <c r="E72402" s="1" t="s">
        <v>242215</v>
      </c>
      <c r="F72402" s="1" t="s">
        <v>242216</v>
      </c>
      <c r="G72402" s="1" t="s">
        <v>242109</v>
      </c>
      <c r="H72402" s="1" t="s">
        <v>242110</v>
      </c>
      <c r="I72402" s="1" t="s">
        <v>222698</v>
      </c>
      <c r="J72402" s="1" t="s">
        <v>242217</v>
      </c>
    </row>
    <row r="72403" spans="1:10" x14ac:dyDescent="0.35">
      <c r="A72403" s="1" t="s">
        <v>8901</v>
      </c>
      <c r="B72403" s="1" t="s">
        <v>222693</v>
      </c>
      <c r="C72403" s="1" t="s">
        <v>170</v>
      </c>
      <c r="D72403" s="1" t="s">
        <v>242218</v>
      </c>
      <c r="E72403" s="1" t="s">
        <v>242219</v>
      </c>
      <c r="F72403" s="1" t="s">
        <v>242220</v>
      </c>
      <c r="G72403" s="1" t="s">
        <v>242109</v>
      </c>
      <c r="H72403" s="1" t="s">
        <v>242110</v>
      </c>
      <c r="I72403" s="1" t="s">
        <v>222698</v>
      </c>
      <c r="J72403" s="1" t="s">
        <v>242221</v>
      </c>
    </row>
    <row r="72404" spans="1:10" x14ac:dyDescent="0.35">
      <c r="A72404" s="1" t="s">
        <v>104079</v>
      </c>
      <c r="B72404" s="1" t="s">
        <v>222693</v>
      </c>
      <c r="C72404" s="1" t="s">
        <v>8</v>
      </c>
      <c r="D72404" s="1" t="s">
        <v>188668</v>
      </c>
      <c r="E72404" s="1" t="s">
        <v>242222</v>
      </c>
      <c r="F72404" s="1" t="s">
        <v>242223</v>
      </c>
      <c r="G72404" s="1" t="s">
        <v>242224</v>
      </c>
      <c r="H72404" s="1" t="s">
        <v>242225</v>
      </c>
      <c r="I72404" s="1" t="s">
        <v>222698</v>
      </c>
      <c r="J72404" s="1" t="s">
        <v>13</v>
      </c>
    </row>
    <row r="72405" spans="1:10" x14ac:dyDescent="0.35">
      <c r="A72405" s="1" t="s">
        <v>104079</v>
      </c>
      <c r="B72405" s="1" t="s">
        <v>222693</v>
      </c>
      <c r="C72405" s="1" t="s">
        <v>15</v>
      </c>
      <c r="D72405" s="1" t="s">
        <v>26585</v>
      </c>
      <c r="E72405" s="1" t="s">
        <v>242226</v>
      </c>
      <c r="F72405" s="1" t="s">
        <v>242227</v>
      </c>
      <c r="G72405" s="1" t="s">
        <v>242224</v>
      </c>
      <c r="H72405" s="1" t="s">
        <v>242225</v>
      </c>
      <c r="I72405" s="1" t="s">
        <v>222698</v>
      </c>
      <c r="J72405" s="1" t="s">
        <v>242228</v>
      </c>
    </row>
    <row r="72406" spans="1:10" x14ac:dyDescent="0.35">
      <c r="A72406" s="1" t="s">
        <v>104079</v>
      </c>
      <c r="B72406" s="1" t="s">
        <v>222693</v>
      </c>
      <c r="C72406" s="1" t="s">
        <v>20</v>
      </c>
      <c r="D72406" s="1" t="s">
        <v>99392</v>
      </c>
      <c r="E72406" s="1" t="s">
        <v>242229</v>
      </c>
      <c r="F72406" s="1" t="s">
        <v>242230</v>
      </c>
      <c r="G72406" s="1" t="s">
        <v>242224</v>
      </c>
      <c r="H72406" s="1" t="s">
        <v>242225</v>
      </c>
      <c r="I72406" s="1" t="s">
        <v>222698</v>
      </c>
      <c r="J72406" s="1" t="s">
        <v>242231</v>
      </c>
    </row>
    <row r="72407" spans="1:10" x14ac:dyDescent="0.35">
      <c r="A72407" s="1" t="s">
        <v>104079</v>
      </c>
      <c r="B72407" s="1" t="s">
        <v>222693</v>
      </c>
      <c r="C72407" s="1" t="s">
        <v>25</v>
      </c>
      <c r="D72407" s="1" t="s">
        <v>84677</v>
      </c>
      <c r="E72407" s="1" t="s">
        <v>242232</v>
      </c>
      <c r="F72407" s="1" t="s">
        <v>242233</v>
      </c>
      <c r="G72407" s="1" t="s">
        <v>242224</v>
      </c>
      <c r="H72407" s="1" t="s">
        <v>242225</v>
      </c>
      <c r="I72407" s="1" t="s">
        <v>222698</v>
      </c>
      <c r="J72407" s="1" t="s">
        <v>242234</v>
      </c>
    </row>
    <row r="72408" spans="1:10" x14ac:dyDescent="0.35">
      <c r="A72408" s="1" t="s">
        <v>104079</v>
      </c>
      <c r="B72408" s="1" t="s">
        <v>222693</v>
      </c>
      <c r="C72408" s="1" t="s">
        <v>30</v>
      </c>
      <c r="D72408" s="1" t="s">
        <v>241381</v>
      </c>
      <c r="E72408" s="1" t="s">
        <v>242235</v>
      </c>
      <c r="F72408" s="1" t="s">
        <v>242236</v>
      </c>
      <c r="G72408" s="1" t="s">
        <v>242224</v>
      </c>
      <c r="H72408" s="1" t="s">
        <v>242225</v>
      </c>
      <c r="I72408" s="1" t="s">
        <v>222698</v>
      </c>
      <c r="J72408" s="1" t="s">
        <v>242237</v>
      </c>
    </row>
    <row r="72409" spans="1:10" x14ac:dyDescent="0.35">
      <c r="A72409" s="1" t="s">
        <v>104079</v>
      </c>
      <c r="B72409" s="1" t="s">
        <v>222693</v>
      </c>
      <c r="C72409" s="1" t="s">
        <v>35</v>
      </c>
      <c r="D72409" s="1" t="s">
        <v>92965</v>
      </c>
      <c r="E72409" s="1" t="s">
        <v>242238</v>
      </c>
      <c r="F72409" s="1" t="s">
        <v>242239</v>
      </c>
      <c r="G72409" s="1" t="s">
        <v>242224</v>
      </c>
      <c r="H72409" s="1" t="s">
        <v>242225</v>
      </c>
      <c r="I72409" s="1" t="s">
        <v>222698</v>
      </c>
      <c r="J72409" s="1" t="s">
        <v>242240</v>
      </c>
    </row>
    <row r="72410" spans="1:10" x14ac:dyDescent="0.35">
      <c r="A72410" s="1" t="s">
        <v>104079</v>
      </c>
      <c r="B72410" s="1" t="s">
        <v>222693</v>
      </c>
      <c r="C72410" s="1" t="s">
        <v>40</v>
      </c>
      <c r="D72410" s="1" t="s">
        <v>65128</v>
      </c>
      <c r="E72410" s="1" t="s">
        <v>242241</v>
      </c>
      <c r="F72410" s="1" t="s">
        <v>242242</v>
      </c>
      <c r="G72410" s="1" t="s">
        <v>242224</v>
      </c>
      <c r="H72410" s="1" t="s">
        <v>242225</v>
      </c>
      <c r="I72410" s="1" t="s">
        <v>222698</v>
      </c>
      <c r="J72410" s="1" t="s">
        <v>242243</v>
      </c>
    </row>
    <row r="72411" spans="1:10" x14ac:dyDescent="0.35">
      <c r="A72411" s="1" t="s">
        <v>104079</v>
      </c>
      <c r="B72411" s="1" t="s">
        <v>222693</v>
      </c>
      <c r="C72411" s="1" t="s">
        <v>45</v>
      </c>
      <c r="D72411" s="1" t="s">
        <v>96157</v>
      </c>
      <c r="E72411" s="1" t="s">
        <v>242244</v>
      </c>
      <c r="F72411" s="1" t="s">
        <v>242245</v>
      </c>
      <c r="G72411" s="1" t="s">
        <v>242224</v>
      </c>
      <c r="H72411" s="1" t="s">
        <v>242225</v>
      </c>
      <c r="I72411" s="1" t="s">
        <v>222698</v>
      </c>
      <c r="J72411" s="1" t="s">
        <v>242246</v>
      </c>
    </row>
    <row r="72412" spans="1:10" x14ac:dyDescent="0.35">
      <c r="A72412" s="1" t="s">
        <v>104079</v>
      </c>
      <c r="B72412" s="1" t="s">
        <v>222693</v>
      </c>
      <c r="C72412" s="1" t="s">
        <v>50</v>
      </c>
      <c r="D72412" s="1" t="s">
        <v>242247</v>
      </c>
      <c r="E72412" s="1" t="s">
        <v>242248</v>
      </c>
      <c r="F72412" s="1" t="s">
        <v>242249</v>
      </c>
      <c r="G72412" s="1" t="s">
        <v>242224</v>
      </c>
      <c r="H72412" s="1" t="s">
        <v>242225</v>
      </c>
      <c r="I72412" s="1" t="s">
        <v>222698</v>
      </c>
      <c r="J72412" s="1" t="s">
        <v>242250</v>
      </c>
    </row>
    <row r="72413" spans="1:10" x14ac:dyDescent="0.35">
      <c r="A72413" s="1" t="s">
        <v>104079</v>
      </c>
      <c r="B72413" s="1" t="s">
        <v>222693</v>
      </c>
      <c r="C72413" s="1" t="s">
        <v>55</v>
      </c>
      <c r="D72413" s="1" t="s">
        <v>59983</v>
      </c>
      <c r="E72413" s="1" t="s">
        <v>242251</v>
      </c>
      <c r="F72413" s="1" t="s">
        <v>242252</v>
      </c>
      <c r="G72413" s="1" t="s">
        <v>242224</v>
      </c>
      <c r="H72413" s="1" t="s">
        <v>242225</v>
      </c>
      <c r="I72413" s="1" t="s">
        <v>222698</v>
      </c>
      <c r="J72413" s="1" t="s">
        <v>242253</v>
      </c>
    </row>
    <row r="72414" spans="1:10" x14ac:dyDescent="0.35">
      <c r="A72414" s="1" t="s">
        <v>104079</v>
      </c>
      <c r="B72414" s="1" t="s">
        <v>222693</v>
      </c>
      <c r="C72414" s="1" t="s">
        <v>60</v>
      </c>
      <c r="D72414" s="1" t="s">
        <v>228402</v>
      </c>
      <c r="E72414" s="1" t="s">
        <v>242254</v>
      </c>
      <c r="F72414" s="1" t="s">
        <v>242255</v>
      </c>
      <c r="G72414" s="1" t="s">
        <v>242224</v>
      </c>
      <c r="H72414" s="1" t="s">
        <v>242225</v>
      </c>
      <c r="I72414" s="1" t="s">
        <v>222698</v>
      </c>
      <c r="J72414" s="1" t="s">
        <v>242256</v>
      </c>
    </row>
    <row r="72415" spans="1:10" x14ac:dyDescent="0.35">
      <c r="A72415" s="1" t="s">
        <v>104079</v>
      </c>
      <c r="B72415" s="1" t="s">
        <v>222693</v>
      </c>
      <c r="C72415" s="1" t="s">
        <v>65</v>
      </c>
      <c r="D72415" s="1" t="s">
        <v>63009</v>
      </c>
      <c r="E72415" s="1" t="s">
        <v>242257</v>
      </c>
      <c r="F72415" s="1" t="s">
        <v>242258</v>
      </c>
      <c r="G72415" s="1" t="s">
        <v>242224</v>
      </c>
      <c r="H72415" s="1" t="s">
        <v>242225</v>
      </c>
      <c r="I72415" s="1" t="s">
        <v>222698</v>
      </c>
      <c r="J72415" s="1" t="s">
        <v>242259</v>
      </c>
    </row>
    <row r="72416" spans="1:10" x14ac:dyDescent="0.35">
      <c r="A72416" s="1" t="s">
        <v>104079</v>
      </c>
      <c r="B72416" s="1" t="s">
        <v>222693</v>
      </c>
      <c r="C72416" s="1" t="s">
        <v>70</v>
      </c>
      <c r="D72416" s="1" t="s">
        <v>242260</v>
      </c>
      <c r="E72416" s="1" t="s">
        <v>242261</v>
      </c>
      <c r="F72416" s="1" t="s">
        <v>242262</v>
      </c>
      <c r="G72416" s="1" t="s">
        <v>242224</v>
      </c>
      <c r="H72416" s="1" t="s">
        <v>242225</v>
      </c>
      <c r="I72416" s="1" t="s">
        <v>222698</v>
      </c>
      <c r="J72416" s="1" t="s">
        <v>242263</v>
      </c>
    </row>
    <row r="72417" spans="1:10" x14ac:dyDescent="0.35">
      <c r="A72417" s="1" t="s">
        <v>104079</v>
      </c>
      <c r="B72417" s="1" t="s">
        <v>222693</v>
      </c>
      <c r="C72417" s="1" t="s">
        <v>75</v>
      </c>
      <c r="D72417" s="1" t="s">
        <v>242264</v>
      </c>
      <c r="E72417" s="1" t="s">
        <v>242265</v>
      </c>
      <c r="F72417" s="1" t="s">
        <v>242266</v>
      </c>
      <c r="G72417" s="1" t="s">
        <v>242224</v>
      </c>
      <c r="H72417" s="1" t="s">
        <v>242225</v>
      </c>
      <c r="I72417" s="1" t="s">
        <v>222698</v>
      </c>
      <c r="J72417" s="1" t="s">
        <v>242267</v>
      </c>
    </row>
    <row r="72418" spans="1:10" x14ac:dyDescent="0.35">
      <c r="A72418" s="1" t="s">
        <v>104079</v>
      </c>
      <c r="B72418" s="1" t="s">
        <v>222693</v>
      </c>
      <c r="C72418" s="1" t="s">
        <v>80</v>
      </c>
      <c r="D72418" s="1" t="s">
        <v>242268</v>
      </c>
      <c r="E72418" s="1" t="s">
        <v>242269</v>
      </c>
      <c r="F72418" s="1" t="s">
        <v>242270</v>
      </c>
      <c r="G72418" s="1" t="s">
        <v>242224</v>
      </c>
      <c r="H72418" s="1" t="s">
        <v>242225</v>
      </c>
      <c r="I72418" s="1" t="s">
        <v>222698</v>
      </c>
      <c r="J72418" s="1" t="s">
        <v>242271</v>
      </c>
    </row>
    <row r="72419" spans="1:10" x14ac:dyDescent="0.35">
      <c r="A72419" s="1" t="s">
        <v>104079</v>
      </c>
      <c r="B72419" s="1" t="s">
        <v>222693</v>
      </c>
      <c r="C72419" s="1" t="s">
        <v>85</v>
      </c>
      <c r="D72419" s="1" t="s">
        <v>225446</v>
      </c>
      <c r="E72419" s="1" t="s">
        <v>242272</v>
      </c>
      <c r="F72419" s="1" t="s">
        <v>242273</v>
      </c>
      <c r="G72419" s="1" t="s">
        <v>242224</v>
      </c>
      <c r="H72419" s="1" t="s">
        <v>242225</v>
      </c>
      <c r="I72419" s="1" t="s">
        <v>222698</v>
      </c>
      <c r="J72419" s="1" t="s">
        <v>242274</v>
      </c>
    </row>
    <row r="72420" spans="1:10" x14ac:dyDescent="0.35">
      <c r="A72420" s="1" t="s">
        <v>104079</v>
      </c>
      <c r="B72420" s="1" t="s">
        <v>222693</v>
      </c>
      <c r="C72420" s="1" t="s">
        <v>90</v>
      </c>
      <c r="D72420" s="1" t="s">
        <v>62247</v>
      </c>
      <c r="E72420" s="1" t="s">
        <v>242275</v>
      </c>
      <c r="F72420" s="1" t="s">
        <v>242276</v>
      </c>
      <c r="G72420" s="1" t="s">
        <v>242224</v>
      </c>
      <c r="H72420" s="1" t="s">
        <v>242225</v>
      </c>
      <c r="I72420" s="1" t="s">
        <v>222698</v>
      </c>
      <c r="J72420" s="1" t="s">
        <v>242277</v>
      </c>
    </row>
    <row r="72421" spans="1:10" x14ac:dyDescent="0.35">
      <c r="A72421" s="1" t="s">
        <v>104079</v>
      </c>
      <c r="B72421" s="1" t="s">
        <v>222693</v>
      </c>
      <c r="C72421" s="1" t="s">
        <v>95</v>
      </c>
      <c r="D72421" s="1" t="s">
        <v>242278</v>
      </c>
      <c r="E72421" s="1" t="s">
        <v>242279</v>
      </c>
      <c r="F72421" s="1" t="s">
        <v>242280</v>
      </c>
      <c r="G72421" s="1" t="s">
        <v>242224</v>
      </c>
      <c r="H72421" s="1" t="s">
        <v>242225</v>
      </c>
      <c r="I72421" s="1" t="s">
        <v>222698</v>
      </c>
      <c r="J72421" s="1" t="s">
        <v>242281</v>
      </c>
    </row>
    <row r="72422" spans="1:10" x14ac:dyDescent="0.35">
      <c r="A72422" s="1" t="s">
        <v>104079</v>
      </c>
      <c r="B72422" s="1" t="s">
        <v>222693</v>
      </c>
      <c r="C72422" s="1" t="s">
        <v>100</v>
      </c>
      <c r="D72422" s="1" t="s">
        <v>222867</v>
      </c>
      <c r="E72422" s="1" t="s">
        <v>242282</v>
      </c>
      <c r="F72422" s="1" t="s">
        <v>242283</v>
      </c>
      <c r="G72422" s="1" t="s">
        <v>242224</v>
      </c>
      <c r="H72422" s="1" t="s">
        <v>242225</v>
      </c>
      <c r="I72422" s="1" t="s">
        <v>222698</v>
      </c>
      <c r="J72422" s="1" t="s">
        <v>242284</v>
      </c>
    </row>
    <row r="72423" spans="1:10" x14ac:dyDescent="0.35">
      <c r="A72423" s="1" t="s">
        <v>104079</v>
      </c>
      <c r="B72423" s="1" t="s">
        <v>222693</v>
      </c>
      <c r="C72423" s="1" t="s">
        <v>105</v>
      </c>
      <c r="D72423" s="1" t="s">
        <v>176318</v>
      </c>
      <c r="E72423" s="1" t="s">
        <v>242285</v>
      </c>
      <c r="F72423" s="1" t="s">
        <v>242286</v>
      </c>
      <c r="G72423" s="1" t="s">
        <v>242224</v>
      </c>
      <c r="H72423" s="1" t="s">
        <v>242225</v>
      </c>
      <c r="I72423" s="1" t="s">
        <v>222698</v>
      </c>
      <c r="J72423" s="1" t="s">
        <v>242287</v>
      </c>
    </row>
    <row r="72424" spans="1:10" x14ac:dyDescent="0.35">
      <c r="A72424" s="1" t="s">
        <v>104079</v>
      </c>
      <c r="B72424" s="1" t="s">
        <v>222693</v>
      </c>
      <c r="C72424" s="1" t="s">
        <v>110</v>
      </c>
      <c r="D72424" s="1" t="s">
        <v>81023</v>
      </c>
      <c r="E72424" s="1" t="s">
        <v>242288</v>
      </c>
      <c r="F72424" s="1" t="s">
        <v>242289</v>
      </c>
      <c r="G72424" s="1" t="s">
        <v>242224</v>
      </c>
      <c r="H72424" s="1" t="s">
        <v>242225</v>
      </c>
      <c r="I72424" s="1" t="s">
        <v>222698</v>
      </c>
      <c r="J72424" s="1" t="s">
        <v>242290</v>
      </c>
    </row>
    <row r="72425" spans="1:10" x14ac:dyDescent="0.35">
      <c r="A72425" s="1" t="s">
        <v>104079</v>
      </c>
      <c r="B72425" s="1" t="s">
        <v>222693</v>
      </c>
      <c r="C72425" s="1" t="s">
        <v>115</v>
      </c>
      <c r="D72425" s="1" t="s">
        <v>242291</v>
      </c>
      <c r="E72425" s="1" t="s">
        <v>242292</v>
      </c>
      <c r="F72425" s="1" t="s">
        <v>242293</v>
      </c>
      <c r="G72425" s="1" t="s">
        <v>242224</v>
      </c>
      <c r="H72425" s="1" t="s">
        <v>242225</v>
      </c>
      <c r="I72425" s="1" t="s">
        <v>222698</v>
      </c>
      <c r="J72425" s="1" t="s">
        <v>242294</v>
      </c>
    </row>
    <row r="72426" spans="1:10" x14ac:dyDescent="0.35">
      <c r="A72426" s="1" t="s">
        <v>104079</v>
      </c>
      <c r="B72426" s="1" t="s">
        <v>222693</v>
      </c>
      <c r="C72426" s="1" t="s">
        <v>120</v>
      </c>
      <c r="D72426" s="1" t="s">
        <v>41388</v>
      </c>
      <c r="E72426" s="1" t="s">
        <v>242295</v>
      </c>
      <c r="F72426" s="1" t="s">
        <v>242296</v>
      </c>
      <c r="G72426" s="1" t="s">
        <v>242224</v>
      </c>
      <c r="H72426" s="1" t="s">
        <v>242225</v>
      </c>
      <c r="I72426" s="1" t="s">
        <v>222698</v>
      </c>
      <c r="J72426" s="1" t="s">
        <v>242297</v>
      </c>
    </row>
    <row r="72427" spans="1:10" x14ac:dyDescent="0.35">
      <c r="A72427" s="1" t="s">
        <v>104079</v>
      </c>
      <c r="B72427" s="1" t="s">
        <v>222693</v>
      </c>
      <c r="C72427" s="1" t="s">
        <v>125</v>
      </c>
      <c r="D72427" s="1" t="s">
        <v>242298</v>
      </c>
      <c r="E72427" s="1" t="s">
        <v>242299</v>
      </c>
      <c r="F72427" s="1" t="s">
        <v>242300</v>
      </c>
      <c r="G72427" s="1" t="s">
        <v>242224</v>
      </c>
      <c r="H72427" s="1" t="s">
        <v>242225</v>
      </c>
      <c r="I72427" s="1" t="s">
        <v>222698</v>
      </c>
      <c r="J72427" s="1" t="s">
        <v>242301</v>
      </c>
    </row>
    <row r="72428" spans="1:10" x14ac:dyDescent="0.35">
      <c r="A72428" s="1" t="s">
        <v>104079</v>
      </c>
      <c r="B72428" s="1" t="s">
        <v>222693</v>
      </c>
      <c r="C72428" s="1" t="s">
        <v>130</v>
      </c>
      <c r="D72428" s="1" t="s">
        <v>65282</v>
      </c>
      <c r="E72428" s="1" t="s">
        <v>242302</v>
      </c>
      <c r="F72428" s="1" t="s">
        <v>242303</v>
      </c>
      <c r="G72428" s="1" t="s">
        <v>242224</v>
      </c>
      <c r="H72428" s="1" t="s">
        <v>242225</v>
      </c>
      <c r="I72428" s="1" t="s">
        <v>222698</v>
      </c>
      <c r="J72428" s="1" t="s">
        <v>242304</v>
      </c>
    </row>
    <row r="72429" spans="1:10" x14ac:dyDescent="0.35">
      <c r="A72429" s="1" t="s">
        <v>104079</v>
      </c>
      <c r="B72429" s="1" t="s">
        <v>222693</v>
      </c>
      <c r="C72429" s="1" t="s">
        <v>135</v>
      </c>
      <c r="D72429" s="1" t="s">
        <v>165378</v>
      </c>
      <c r="E72429" s="1" t="s">
        <v>242305</v>
      </c>
      <c r="F72429" s="1" t="s">
        <v>242306</v>
      </c>
      <c r="G72429" s="1" t="s">
        <v>242224</v>
      </c>
      <c r="H72429" s="1" t="s">
        <v>242225</v>
      </c>
      <c r="I72429" s="1" t="s">
        <v>222698</v>
      </c>
      <c r="J72429" s="1" t="s">
        <v>242307</v>
      </c>
    </row>
    <row r="72430" spans="1:10" x14ac:dyDescent="0.35">
      <c r="A72430" s="1" t="s">
        <v>104079</v>
      </c>
      <c r="B72430" s="1" t="s">
        <v>222693</v>
      </c>
      <c r="C72430" s="1" t="s">
        <v>140</v>
      </c>
      <c r="D72430" s="1" t="s">
        <v>242308</v>
      </c>
      <c r="E72430" s="1" t="s">
        <v>242309</v>
      </c>
      <c r="F72430" s="1" t="s">
        <v>242310</v>
      </c>
      <c r="G72430" s="1" t="s">
        <v>242224</v>
      </c>
      <c r="H72430" s="1" t="s">
        <v>242225</v>
      </c>
      <c r="I72430" s="1" t="s">
        <v>222698</v>
      </c>
      <c r="J72430" s="1" t="s">
        <v>83501</v>
      </c>
    </row>
    <row r="72431" spans="1:10" x14ac:dyDescent="0.35">
      <c r="A72431" s="1" t="s">
        <v>104079</v>
      </c>
      <c r="B72431" s="1" t="s">
        <v>222693</v>
      </c>
      <c r="C72431" s="1" t="s">
        <v>145</v>
      </c>
      <c r="D72431" s="1" t="s">
        <v>133774</v>
      </c>
      <c r="E72431" s="1" t="s">
        <v>242311</v>
      </c>
      <c r="F72431" s="1" t="s">
        <v>242312</v>
      </c>
      <c r="G72431" s="1" t="s">
        <v>242224</v>
      </c>
      <c r="H72431" s="1" t="s">
        <v>242225</v>
      </c>
      <c r="I72431" s="1" t="s">
        <v>222698</v>
      </c>
      <c r="J72431" s="1" t="s">
        <v>242313</v>
      </c>
    </row>
    <row r="72432" spans="1:10" x14ac:dyDescent="0.35">
      <c r="A72432" s="1" t="s">
        <v>104079</v>
      </c>
      <c r="B72432" s="1" t="s">
        <v>222693</v>
      </c>
      <c r="C72432" s="1" t="s">
        <v>150</v>
      </c>
      <c r="D72432" s="1" t="s">
        <v>242314</v>
      </c>
      <c r="E72432" s="1" t="s">
        <v>242315</v>
      </c>
      <c r="F72432" s="1" t="s">
        <v>242316</v>
      </c>
      <c r="G72432" s="1" t="s">
        <v>242224</v>
      </c>
      <c r="H72432" s="1" t="s">
        <v>242225</v>
      </c>
      <c r="I72432" s="1" t="s">
        <v>222698</v>
      </c>
      <c r="J72432" s="1" t="s">
        <v>242317</v>
      </c>
    </row>
    <row r="72433" spans="1:10" x14ac:dyDescent="0.35">
      <c r="A72433" s="1" t="s">
        <v>104079</v>
      </c>
      <c r="B72433" s="1" t="s">
        <v>222693</v>
      </c>
      <c r="C72433" s="1" t="s">
        <v>155</v>
      </c>
      <c r="D72433" s="1" t="s">
        <v>242318</v>
      </c>
      <c r="E72433" s="1" t="s">
        <v>242319</v>
      </c>
      <c r="F72433" s="1" t="s">
        <v>242320</v>
      </c>
      <c r="G72433" s="1" t="s">
        <v>242224</v>
      </c>
      <c r="H72433" s="1" t="s">
        <v>242225</v>
      </c>
      <c r="I72433" s="1" t="s">
        <v>222698</v>
      </c>
      <c r="J72433" s="1" t="s">
        <v>242321</v>
      </c>
    </row>
    <row r="72434" spans="1:10" x14ac:dyDescent="0.35">
      <c r="A72434" s="1" t="s">
        <v>104079</v>
      </c>
      <c r="B72434" s="1" t="s">
        <v>222693</v>
      </c>
      <c r="C72434" s="1" t="s">
        <v>160</v>
      </c>
      <c r="D72434" s="1" t="s">
        <v>242322</v>
      </c>
      <c r="E72434" s="1" t="s">
        <v>242323</v>
      </c>
      <c r="F72434" s="1" t="s">
        <v>242324</v>
      </c>
      <c r="G72434" s="1" t="s">
        <v>242224</v>
      </c>
      <c r="H72434" s="1" t="s">
        <v>242225</v>
      </c>
      <c r="I72434" s="1" t="s">
        <v>222698</v>
      </c>
      <c r="J72434" s="1" t="s">
        <v>242325</v>
      </c>
    </row>
    <row r="72435" spans="1:10" x14ac:dyDescent="0.35">
      <c r="A72435" s="1" t="s">
        <v>104079</v>
      </c>
      <c r="B72435" s="1" t="s">
        <v>222693</v>
      </c>
      <c r="C72435" s="1" t="s">
        <v>165</v>
      </c>
      <c r="D72435" s="1" t="s">
        <v>242326</v>
      </c>
      <c r="E72435" s="1" t="s">
        <v>242327</v>
      </c>
      <c r="F72435" s="1" t="s">
        <v>242328</v>
      </c>
      <c r="G72435" s="1" t="s">
        <v>242224</v>
      </c>
      <c r="H72435" s="1" t="s">
        <v>242225</v>
      </c>
      <c r="I72435" s="1" t="s">
        <v>222698</v>
      </c>
      <c r="J72435" s="1" t="s">
        <v>242329</v>
      </c>
    </row>
    <row r="72436" spans="1:10" x14ac:dyDescent="0.35">
      <c r="A72436" s="1" t="s">
        <v>104079</v>
      </c>
      <c r="B72436" s="1" t="s">
        <v>222693</v>
      </c>
      <c r="C72436" s="1" t="s">
        <v>170</v>
      </c>
      <c r="D72436" s="1" t="s">
        <v>242330</v>
      </c>
      <c r="E72436" s="1" t="s">
        <v>242331</v>
      </c>
      <c r="F72436" s="1" t="s">
        <v>242332</v>
      </c>
      <c r="G72436" s="1" t="s">
        <v>242224</v>
      </c>
      <c r="H72436" s="1" t="s">
        <v>242225</v>
      </c>
      <c r="I72436" s="1" t="s">
        <v>222698</v>
      </c>
      <c r="J72436" s="1" t="s">
        <v>242333</v>
      </c>
    </row>
    <row r="72437" spans="1:10" x14ac:dyDescent="0.35">
      <c r="A72437" s="1" t="s">
        <v>29187</v>
      </c>
      <c r="B72437" s="1" t="s">
        <v>222693</v>
      </c>
      <c r="C72437" s="1" t="s">
        <v>8</v>
      </c>
      <c r="D72437" s="1" t="s">
        <v>85607</v>
      </c>
      <c r="E72437" s="1" t="s">
        <v>242334</v>
      </c>
      <c r="F72437" s="1" t="s">
        <v>242335</v>
      </c>
      <c r="G72437" s="1" t="s">
        <v>242336</v>
      </c>
      <c r="H72437" s="1" t="s">
        <v>242337</v>
      </c>
      <c r="I72437" s="1" t="s">
        <v>222698</v>
      </c>
      <c r="J72437" s="1" t="s">
        <v>13</v>
      </c>
    </row>
    <row r="72438" spans="1:10" x14ac:dyDescent="0.35">
      <c r="A72438" s="1" t="s">
        <v>29187</v>
      </c>
      <c r="B72438" s="1" t="s">
        <v>222693</v>
      </c>
      <c r="C72438" s="1" t="s">
        <v>15</v>
      </c>
      <c r="D72438" s="1" t="s">
        <v>59770</v>
      </c>
      <c r="E72438" s="1" t="s">
        <v>242338</v>
      </c>
      <c r="F72438" s="1" t="s">
        <v>242339</v>
      </c>
      <c r="G72438" s="1" t="s">
        <v>242336</v>
      </c>
      <c r="H72438" s="1" t="s">
        <v>242337</v>
      </c>
      <c r="I72438" s="1" t="s">
        <v>222698</v>
      </c>
      <c r="J72438" s="1" t="s">
        <v>242340</v>
      </c>
    </row>
    <row r="72439" spans="1:10" x14ac:dyDescent="0.35">
      <c r="A72439" s="1" t="s">
        <v>29187</v>
      </c>
      <c r="B72439" s="1" t="s">
        <v>222693</v>
      </c>
      <c r="C72439" s="1" t="s">
        <v>20</v>
      </c>
      <c r="D72439" s="1" t="s">
        <v>79812</v>
      </c>
      <c r="E72439" s="1" t="s">
        <v>242341</v>
      </c>
      <c r="F72439" s="1" t="s">
        <v>242342</v>
      </c>
      <c r="G72439" s="1" t="s">
        <v>242336</v>
      </c>
      <c r="H72439" s="1" t="s">
        <v>242337</v>
      </c>
      <c r="I72439" s="1" t="s">
        <v>222698</v>
      </c>
      <c r="J72439" s="1" t="s">
        <v>242343</v>
      </c>
    </row>
    <row r="72440" spans="1:10" x14ac:dyDescent="0.35">
      <c r="A72440" s="1" t="s">
        <v>29187</v>
      </c>
      <c r="B72440" s="1" t="s">
        <v>222693</v>
      </c>
      <c r="C72440" s="1" t="s">
        <v>25</v>
      </c>
      <c r="D72440" s="1" t="s">
        <v>95760</v>
      </c>
      <c r="E72440" s="1" t="s">
        <v>242344</v>
      </c>
      <c r="F72440" s="1" t="s">
        <v>242345</v>
      </c>
      <c r="G72440" s="1" t="s">
        <v>242336</v>
      </c>
      <c r="H72440" s="1" t="s">
        <v>242337</v>
      </c>
      <c r="I72440" s="1" t="s">
        <v>222698</v>
      </c>
      <c r="J72440" s="1" t="s">
        <v>242346</v>
      </c>
    </row>
    <row r="72441" spans="1:10" x14ac:dyDescent="0.35">
      <c r="A72441" s="1" t="s">
        <v>29187</v>
      </c>
      <c r="B72441" s="1" t="s">
        <v>222693</v>
      </c>
      <c r="C72441" s="1" t="s">
        <v>30</v>
      </c>
      <c r="D72441" s="1" t="s">
        <v>140710</v>
      </c>
      <c r="E72441" s="1" t="s">
        <v>242347</v>
      </c>
      <c r="F72441" s="1" t="s">
        <v>242348</v>
      </c>
      <c r="G72441" s="1" t="s">
        <v>242336</v>
      </c>
      <c r="H72441" s="1" t="s">
        <v>242337</v>
      </c>
      <c r="I72441" s="1" t="s">
        <v>222698</v>
      </c>
      <c r="J72441" s="1" t="s">
        <v>242349</v>
      </c>
    </row>
    <row r="72442" spans="1:10" x14ac:dyDescent="0.35">
      <c r="A72442" s="1" t="s">
        <v>29187</v>
      </c>
      <c r="B72442" s="1" t="s">
        <v>222693</v>
      </c>
      <c r="C72442" s="1" t="s">
        <v>35</v>
      </c>
      <c r="D72442" s="1" t="s">
        <v>163111</v>
      </c>
      <c r="E72442" s="1" t="s">
        <v>242350</v>
      </c>
      <c r="F72442" s="1" t="s">
        <v>242351</v>
      </c>
      <c r="G72442" s="1" t="s">
        <v>242336</v>
      </c>
      <c r="H72442" s="1" t="s">
        <v>242337</v>
      </c>
      <c r="I72442" s="1" t="s">
        <v>222698</v>
      </c>
      <c r="J72442" s="1" t="s">
        <v>242352</v>
      </c>
    </row>
    <row r="72443" spans="1:10" x14ac:dyDescent="0.35">
      <c r="A72443" s="1" t="s">
        <v>29187</v>
      </c>
      <c r="B72443" s="1" t="s">
        <v>222693</v>
      </c>
      <c r="C72443" s="1" t="s">
        <v>40</v>
      </c>
      <c r="D72443" s="1" t="s">
        <v>242353</v>
      </c>
      <c r="E72443" s="1" t="s">
        <v>242354</v>
      </c>
      <c r="F72443" s="1" t="s">
        <v>242355</v>
      </c>
      <c r="G72443" s="1" t="s">
        <v>242336</v>
      </c>
      <c r="H72443" s="1" t="s">
        <v>242337</v>
      </c>
      <c r="I72443" s="1" t="s">
        <v>222698</v>
      </c>
      <c r="J72443" s="1" t="s">
        <v>242356</v>
      </c>
    </row>
    <row r="72444" spans="1:10" x14ac:dyDescent="0.35">
      <c r="A72444" s="1" t="s">
        <v>29187</v>
      </c>
      <c r="B72444" s="1" t="s">
        <v>222693</v>
      </c>
      <c r="C72444" s="1" t="s">
        <v>45</v>
      </c>
      <c r="D72444" s="1" t="s">
        <v>242357</v>
      </c>
      <c r="E72444" s="1" t="s">
        <v>242358</v>
      </c>
      <c r="F72444" s="1" t="s">
        <v>242359</v>
      </c>
      <c r="G72444" s="1" t="s">
        <v>242336</v>
      </c>
      <c r="H72444" s="1" t="s">
        <v>242337</v>
      </c>
      <c r="I72444" s="1" t="s">
        <v>222698</v>
      </c>
      <c r="J72444" s="1" t="s">
        <v>242360</v>
      </c>
    </row>
    <row r="72445" spans="1:10" x14ac:dyDescent="0.35">
      <c r="A72445" s="1" t="s">
        <v>29187</v>
      </c>
      <c r="B72445" s="1" t="s">
        <v>222693</v>
      </c>
      <c r="C72445" s="1" t="s">
        <v>50</v>
      </c>
      <c r="D72445" s="1" t="s">
        <v>213486</v>
      </c>
      <c r="E72445" s="1" t="s">
        <v>242361</v>
      </c>
      <c r="F72445" s="1" t="s">
        <v>242362</v>
      </c>
      <c r="G72445" s="1" t="s">
        <v>242336</v>
      </c>
      <c r="H72445" s="1" t="s">
        <v>242337</v>
      </c>
      <c r="I72445" s="1" t="s">
        <v>222698</v>
      </c>
      <c r="J72445" s="1" t="s">
        <v>242363</v>
      </c>
    </row>
    <row r="72446" spans="1:10" x14ac:dyDescent="0.35">
      <c r="A72446" s="1" t="s">
        <v>29187</v>
      </c>
      <c r="B72446" s="1" t="s">
        <v>222693</v>
      </c>
      <c r="C72446" s="1" t="s">
        <v>55</v>
      </c>
      <c r="D72446" s="1" t="s">
        <v>94133</v>
      </c>
      <c r="E72446" s="1" t="s">
        <v>242364</v>
      </c>
      <c r="F72446" s="1" t="s">
        <v>242365</v>
      </c>
      <c r="G72446" s="1" t="s">
        <v>242336</v>
      </c>
      <c r="H72446" s="1" t="s">
        <v>242337</v>
      </c>
      <c r="I72446" s="1" t="s">
        <v>222698</v>
      </c>
      <c r="J72446" s="1" t="s">
        <v>242366</v>
      </c>
    </row>
    <row r="72447" spans="1:10" x14ac:dyDescent="0.35">
      <c r="A72447" s="1" t="s">
        <v>29187</v>
      </c>
      <c r="B72447" s="1" t="s">
        <v>222693</v>
      </c>
      <c r="C72447" s="1" t="s">
        <v>60</v>
      </c>
      <c r="D72447" s="1" t="s">
        <v>242367</v>
      </c>
      <c r="E72447" s="1" t="s">
        <v>242368</v>
      </c>
      <c r="F72447" s="1" t="s">
        <v>242369</v>
      </c>
      <c r="G72447" s="1" t="s">
        <v>242336</v>
      </c>
      <c r="H72447" s="1" t="s">
        <v>242337</v>
      </c>
      <c r="I72447" s="1" t="s">
        <v>222698</v>
      </c>
      <c r="J72447" s="1" t="s">
        <v>242370</v>
      </c>
    </row>
    <row r="72448" spans="1:10" x14ac:dyDescent="0.35">
      <c r="A72448" s="1" t="s">
        <v>29187</v>
      </c>
      <c r="B72448" s="1" t="s">
        <v>222693</v>
      </c>
      <c r="C72448" s="1" t="s">
        <v>65</v>
      </c>
      <c r="D72448" s="1" t="s">
        <v>64251</v>
      </c>
      <c r="E72448" s="1" t="s">
        <v>242371</v>
      </c>
      <c r="F72448" s="1" t="s">
        <v>242372</v>
      </c>
      <c r="G72448" s="1" t="s">
        <v>242336</v>
      </c>
      <c r="H72448" s="1" t="s">
        <v>242337</v>
      </c>
      <c r="I72448" s="1" t="s">
        <v>222698</v>
      </c>
      <c r="J72448" s="1" t="s">
        <v>242373</v>
      </c>
    </row>
    <row r="72449" spans="1:10" x14ac:dyDescent="0.35">
      <c r="A72449" s="1" t="s">
        <v>29187</v>
      </c>
      <c r="B72449" s="1" t="s">
        <v>222693</v>
      </c>
      <c r="C72449" s="1" t="s">
        <v>70</v>
      </c>
      <c r="D72449" s="1" t="s">
        <v>54550</v>
      </c>
      <c r="E72449" s="1" t="s">
        <v>242374</v>
      </c>
      <c r="F72449" s="1" t="s">
        <v>242375</v>
      </c>
      <c r="G72449" s="1" t="s">
        <v>242336</v>
      </c>
      <c r="H72449" s="1" t="s">
        <v>242337</v>
      </c>
      <c r="I72449" s="1" t="s">
        <v>222698</v>
      </c>
      <c r="J72449" s="1" t="s">
        <v>242376</v>
      </c>
    </row>
    <row r="72450" spans="1:10" x14ac:dyDescent="0.35">
      <c r="A72450" s="1" t="s">
        <v>29187</v>
      </c>
      <c r="B72450" s="1" t="s">
        <v>222693</v>
      </c>
      <c r="C72450" s="1" t="s">
        <v>75</v>
      </c>
      <c r="D72450" s="1" t="s">
        <v>22437</v>
      </c>
      <c r="E72450" s="1" t="s">
        <v>242377</v>
      </c>
      <c r="F72450" s="1" t="s">
        <v>242378</v>
      </c>
      <c r="G72450" s="1" t="s">
        <v>242336</v>
      </c>
      <c r="H72450" s="1" t="s">
        <v>242337</v>
      </c>
      <c r="I72450" s="1" t="s">
        <v>222698</v>
      </c>
      <c r="J72450" s="1" t="s">
        <v>242379</v>
      </c>
    </row>
    <row r="72451" spans="1:10" x14ac:dyDescent="0.35">
      <c r="A72451" s="1" t="s">
        <v>29187</v>
      </c>
      <c r="B72451" s="1" t="s">
        <v>222693</v>
      </c>
      <c r="C72451" s="1" t="s">
        <v>80</v>
      </c>
      <c r="D72451" s="1" t="s">
        <v>60708</v>
      </c>
      <c r="E72451" s="1" t="s">
        <v>242380</v>
      </c>
      <c r="F72451" s="1" t="s">
        <v>242381</v>
      </c>
      <c r="G72451" s="1" t="s">
        <v>242336</v>
      </c>
      <c r="H72451" s="1" t="s">
        <v>242337</v>
      </c>
      <c r="I72451" s="1" t="s">
        <v>222698</v>
      </c>
      <c r="J72451" s="1" t="s">
        <v>242382</v>
      </c>
    </row>
    <row r="72452" spans="1:10" x14ac:dyDescent="0.35">
      <c r="A72452" s="1" t="s">
        <v>29187</v>
      </c>
      <c r="B72452" s="1" t="s">
        <v>222693</v>
      </c>
      <c r="C72452" s="1" t="s">
        <v>85</v>
      </c>
      <c r="D72452" s="1" t="s">
        <v>24623</v>
      </c>
      <c r="E72452" s="1" t="s">
        <v>242383</v>
      </c>
      <c r="F72452" s="1" t="s">
        <v>242384</v>
      </c>
      <c r="G72452" s="1" t="s">
        <v>242336</v>
      </c>
      <c r="H72452" s="1" t="s">
        <v>242337</v>
      </c>
      <c r="I72452" s="1" t="s">
        <v>222698</v>
      </c>
      <c r="J72452" s="1" t="s">
        <v>242385</v>
      </c>
    </row>
    <row r="72453" spans="1:10" x14ac:dyDescent="0.35">
      <c r="A72453" s="1" t="s">
        <v>29187</v>
      </c>
      <c r="B72453" s="1" t="s">
        <v>222693</v>
      </c>
      <c r="C72453" s="1" t="s">
        <v>90</v>
      </c>
      <c r="D72453" s="1" t="s">
        <v>234425</v>
      </c>
      <c r="E72453" s="1" t="s">
        <v>242386</v>
      </c>
      <c r="F72453" s="1" t="s">
        <v>242387</v>
      </c>
      <c r="G72453" s="1" t="s">
        <v>242336</v>
      </c>
      <c r="H72453" s="1" t="s">
        <v>242337</v>
      </c>
      <c r="I72453" s="1" t="s">
        <v>222698</v>
      </c>
      <c r="J72453" s="1" t="s">
        <v>242388</v>
      </c>
    </row>
    <row r="72454" spans="1:10" x14ac:dyDescent="0.35">
      <c r="A72454" s="1" t="s">
        <v>29187</v>
      </c>
      <c r="B72454" s="1" t="s">
        <v>222693</v>
      </c>
      <c r="C72454" s="1" t="s">
        <v>95</v>
      </c>
      <c r="D72454" s="1" t="s">
        <v>77564</v>
      </c>
      <c r="E72454" s="1" t="s">
        <v>242389</v>
      </c>
      <c r="F72454" s="1" t="s">
        <v>242390</v>
      </c>
      <c r="G72454" s="1" t="s">
        <v>242336</v>
      </c>
      <c r="H72454" s="1" t="s">
        <v>242337</v>
      </c>
      <c r="I72454" s="1" t="s">
        <v>222698</v>
      </c>
      <c r="J72454" s="1" t="s">
        <v>242391</v>
      </c>
    </row>
    <row r="72455" spans="1:10" x14ac:dyDescent="0.35">
      <c r="A72455" s="1" t="s">
        <v>29187</v>
      </c>
      <c r="B72455" s="1" t="s">
        <v>222693</v>
      </c>
      <c r="C72455" s="1" t="s">
        <v>100</v>
      </c>
      <c r="D72455" s="1" t="s">
        <v>242392</v>
      </c>
      <c r="E72455" s="1" t="s">
        <v>242393</v>
      </c>
      <c r="F72455" s="1" t="s">
        <v>242394</v>
      </c>
      <c r="G72455" s="1" t="s">
        <v>242336</v>
      </c>
      <c r="H72455" s="1" t="s">
        <v>242337</v>
      </c>
      <c r="I72455" s="1" t="s">
        <v>222698</v>
      </c>
      <c r="J72455" s="1" t="s">
        <v>242395</v>
      </c>
    </row>
    <row r="72456" spans="1:10" x14ac:dyDescent="0.35">
      <c r="A72456" s="1" t="s">
        <v>29187</v>
      </c>
      <c r="B72456" s="1" t="s">
        <v>222693</v>
      </c>
      <c r="C72456" s="1" t="s">
        <v>105</v>
      </c>
      <c r="D72456" s="1" t="s">
        <v>242396</v>
      </c>
      <c r="E72456" s="1" t="s">
        <v>242397</v>
      </c>
      <c r="F72456" s="1" t="s">
        <v>242398</v>
      </c>
      <c r="G72456" s="1" t="s">
        <v>242336</v>
      </c>
      <c r="H72456" s="1" t="s">
        <v>242337</v>
      </c>
      <c r="I72456" s="1" t="s">
        <v>222698</v>
      </c>
      <c r="J72456" s="1" t="s">
        <v>242399</v>
      </c>
    </row>
    <row r="72457" spans="1:10" x14ac:dyDescent="0.35">
      <c r="A72457" s="1" t="s">
        <v>29187</v>
      </c>
      <c r="B72457" s="1" t="s">
        <v>222693</v>
      </c>
      <c r="C72457" s="1" t="s">
        <v>110</v>
      </c>
      <c r="D72457" s="1" t="s">
        <v>4944</v>
      </c>
      <c r="E72457" s="1" t="s">
        <v>242400</v>
      </c>
      <c r="F72457" s="1" t="s">
        <v>242401</v>
      </c>
      <c r="G72457" s="1" t="s">
        <v>242336</v>
      </c>
      <c r="H72457" s="1" t="s">
        <v>242337</v>
      </c>
      <c r="I72457" s="1" t="s">
        <v>222698</v>
      </c>
      <c r="J72457" s="1" t="s">
        <v>242402</v>
      </c>
    </row>
    <row r="72458" spans="1:10" x14ac:dyDescent="0.35">
      <c r="A72458" s="1" t="s">
        <v>29187</v>
      </c>
      <c r="B72458" s="1" t="s">
        <v>222693</v>
      </c>
      <c r="C72458" s="1" t="s">
        <v>115</v>
      </c>
      <c r="D72458" s="1" t="s">
        <v>58601</v>
      </c>
      <c r="E72458" s="1" t="s">
        <v>242403</v>
      </c>
      <c r="F72458" s="1" t="s">
        <v>242404</v>
      </c>
      <c r="G72458" s="1" t="s">
        <v>242336</v>
      </c>
      <c r="H72458" s="1" t="s">
        <v>242337</v>
      </c>
      <c r="I72458" s="1" t="s">
        <v>222698</v>
      </c>
      <c r="J72458" s="1" t="s">
        <v>242405</v>
      </c>
    </row>
    <row r="72459" spans="1:10" x14ac:dyDescent="0.35">
      <c r="A72459" s="1" t="s">
        <v>29187</v>
      </c>
      <c r="B72459" s="1" t="s">
        <v>222693</v>
      </c>
      <c r="C72459" s="1" t="s">
        <v>120</v>
      </c>
      <c r="D72459" s="1" t="s">
        <v>167138</v>
      </c>
      <c r="E72459" s="1" t="s">
        <v>242406</v>
      </c>
      <c r="F72459" s="1" t="s">
        <v>242407</v>
      </c>
      <c r="G72459" s="1" t="s">
        <v>242336</v>
      </c>
      <c r="H72459" s="1" t="s">
        <v>242337</v>
      </c>
      <c r="I72459" s="1" t="s">
        <v>222698</v>
      </c>
      <c r="J72459" s="1" t="s">
        <v>242408</v>
      </c>
    </row>
    <row r="72460" spans="1:10" x14ac:dyDescent="0.35">
      <c r="A72460" s="1" t="s">
        <v>29187</v>
      </c>
      <c r="B72460" s="1" t="s">
        <v>222693</v>
      </c>
      <c r="C72460" s="1" t="s">
        <v>125</v>
      </c>
      <c r="D72460" s="1" t="s">
        <v>242409</v>
      </c>
      <c r="E72460" s="1" t="s">
        <v>242410</v>
      </c>
      <c r="F72460" s="1" t="s">
        <v>242411</v>
      </c>
      <c r="G72460" s="1" t="s">
        <v>242336</v>
      </c>
      <c r="H72460" s="1" t="s">
        <v>242337</v>
      </c>
      <c r="I72460" s="1" t="s">
        <v>222698</v>
      </c>
      <c r="J72460" s="1" t="s">
        <v>242412</v>
      </c>
    </row>
    <row r="72461" spans="1:10" x14ac:dyDescent="0.35">
      <c r="A72461" s="1" t="s">
        <v>29187</v>
      </c>
      <c r="B72461" s="1" t="s">
        <v>222693</v>
      </c>
      <c r="C72461" s="1" t="s">
        <v>130</v>
      </c>
      <c r="D72461" s="1" t="s">
        <v>242413</v>
      </c>
      <c r="E72461" s="1" t="s">
        <v>242414</v>
      </c>
      <c r="F72461" s="1" t="s">
        <v>242415</v>
      </c>
      <c r="G72461" s="1" t="s">
        <v>242336</v>
      </c>
      <c r="H72461" s="1" t="s">
        <v>242337</v>
      </c>
      <c r="I72461" s="1" t="s">
        <v>222698</v>
      </c>
      <c r="J72461" s="1" t="s">
        <v>242416</v>
      </c>
    </row>
    <row r="72462" spans="1:10" x14ac:dyDescent="0.35">
      <c r="A72462" s="1" t="s">
        <v>29187</v>
      </c>
      <c r="B72462" s="1" t="s">
        <v>222693</v>
      </c>
      <c r="C72462" s="1" t="s">
        <v>135</v>
      </c>
      <c r="D72462" s="1" t="s">
        <v>130365</v>
      </c>
      <c r="E72462" s="1" t="s">
        <v>242417</v>
      </c>
      <c r="F72462" s="1" t="s">
        <v>242418</v>
      </c>
      <c r="G72462" s="1" t="s">
        <v>242336</v>
      </c>
      <c r="H72462" s="1" t="s">
        <v>242337</v>
      </c>
      <c r="I72462" s="1" t="s">
        <v>222698</v>
      </c>
      <c r="J72462" s="1" t="s">
        <v>242419</v>
      </c>
    </row>
    <row r="72463" spans="1:10" x14ac:dyDescent="0.35">
      <c r="A72463" s="1" t="s">
        <v>29187</v>
      </c>
      <c r="B72463" s="1" t="s">
        <v>222693</v>
      </c>
      <c r="C72463" s="1" t="s">
        <v>140</v>
      </c>
      <c r="D72463" s="1" t="s">
        <v>26481</v>
      </c>
      <c r="E72463" s="1" t="s">
        <v>242420</v>
      </c>
      <c r="F72463" s="1" t="s">
        <v>242421</v>
      </c>
      <c r="G72463" s="1" t="s">
        <v>242336</v>
      </c>
      <c r="H72463" s="1" t="s">
        <v>242337</v>
      </c>
      <c r="I72463" s="1" t="s">
        <v>222698</v>
      </c>
      <c r="J72463" s="1" t="s">
        <v>242422</v>
      </c>
    </row>
    <row r="72464" spans="1:10" x14ac:dyDescent="0.35">
      <c r="A72464" s="1" t="s">
        <v>29187</v>
      </c>
      <c r="B72464" s="1" t="s">
        <v>222693</v>
      </c>
      <c r="C72464" s="1" t="s">
        <v>145</v>
      </c>
      <c r="D72464" s="1" t="s">
        <v>103292</v>
      </c>
      <c r="E72464" s="1" t="s">
        <v>242423</v>
      </c>
      <c r="F72464" s="1" t="s">
        <v>242424</v>
      </c>
      <c r="G72464" s="1" t="s">
        <v>242336</v>
      </c>
      <c r="H72464" s="1" t="s">
        <v>242337</v>
      </c>
      <c r="I72464" s="1" t="s">
        <v>222698</v>
      </c>
      <c r="J72464" s="1" t="s">
        <v>242425</v>
      </c>
    </row>
    <row r="72465" spans="1:10" x14ac:dyDescent="0.35">
      <c r="A72465" s="1" t="s">
        <v>29187</v>
      </c>
      <c r="B72465" s="1" t="s">
        <v>222693</v>
      </c>
      <c r="C72465" s="1" t="s">
        <v>150</v>
      </c>
      <c r="D72465" s="1" t="s">
        <v>201703</v>
      </c>
      <c r="E72465" s="1" t="s">
        <v>242426</v>
      </c>
      <c r="F72465" s="1" t="s">
        <v>242427</v>
      </c>
      <c r="G72465" s="1" t="s">
        <v>242336</v>
      </c>
      <c r="H72465" s="1" t="s">
        <v>242337</v>
      </c>
      <c r="I72465" s="1" t="s">
        <v>222698</v>
      </c>
      <c r="J72465" s="1" t="s">
        <v>242428</v>
      </c>
    </row>
    <row r="72466" spans="1:10" x14ac:dyDescent="0.35">
      <c r="A72466" s="1" t="s">
        <v>29187</v>
      </c>
      <c r="B72466" s="1" t="s">
        <v>222693</v>
      </c>
      <c r="C72466" s="1" t="s">
        <v>155</v>
      </c>
      <c r="D72466" s="1" t="s">
        <v>163490</v>
      </c>
      <c r="E72466" s="1" t="s">
        <v>242429</v>
      </c>
      <c r="F72466" s="1" t="s">
        <v>242430</v>
      </c>
      <c r="G72466" s="1" t="s">
        <v>242336</v>
      </c>
      <c r="H72466" s="1" t="s">
        <v>242337</v>
      </c>
      <c r="I72466" s="1" t="s">
        <v>222698</v>
      </c>
      <c r="J72466" s="1" t="s">
        <v>242431</v>
      </c>
    </row>
    <row r="72467" spans="1:10" x14ac:dyDescent="0.35">
      <c r="A72467" s="1" t="s">
        <v>29187</v>
      </c>
      <c r="B72467" s="1" t="s">
        <v>222693</v>
      </c>
      <c r="C72467" s="1" t="s">
        <v>160</v>
      </c>
      <c r="D72467" s="1" t="s">
        <v>39257</v>
      </c>
      <c r="E72467" s="1" t="s">
        <v>242432</v>
      </c>
      <c r="F72467" s="1" t="s">
        <v>242433</v>
      </c>
      <c r="G72467" s="1" t="s">
        <v>242336</v>
      </c>
      <c r="H72467" s="1" t="s">
        <v>242337</v>
      </c>
      <c r="I72467" s="1" t="s">
        <v>222698</v>
      </c>
      <c r="J72467" s="1" t="s">
        <v>242434</v>
      </c>
    </row>
    <row r="72468" spans="1:10" x14ac:dyDescent="0.35">
      <c r="A72468" s="1" t="s">
        <v>29187</v>
      </c>
      <c r="B72468" s="1" t="s">
        <v>222693</v>
      </c>
      <c r="C72468" s="1" t="s">
        <v>165</v>
      </c>
      <c r="D72468" s="1" t="s">
        <v>242435</v>
      </c>
      <c r="E72468" s="1" t="s">
        <v>242436</v>
      </c>
      <c r="F72468" s="1" t="s">
        <v>242437</v>
      </c>
      <c r="G72468" s="1" t="s">
        <v>242336</v>
      </c>
      <c r="H72468" s="1" t="s">
        <v>242337</v>
      </c>
      <c r="I72468" s="1" t="s">
        <v>222698</v>
      </c>
      <c r="J72468" s="1" t="s">
        <v>242438</v>
      </c>
    </row>
    <row r="72469" spans="1:10" x14ac:dyDescent="0.35">
      <c r="A72469" s="1" t="s">
        <v>29187</v>
      </c>
      <c r="B72469" s="1" t="s">
        <v>222693</v>
      </c>
      <c r="C72469" s="1" t="s">
        <v>170</v>
      </c>
      <c r="D72469" s="1" t="s">
        <v>133746</v>
      </c>
      <c r="E72469" s="1" t="s">
        <v>242439</v>
      </c>
      <c r="F72469" s="1" t="s">
        <v>242440</v>
      </c>
      <c r="G72469" s="1" t="s">
        <v>242336</v>
      </c>
      <c r="H72469" s="1" t="s">
        <v>242337</v>
      </c>
      <c r="I72469" s="1" t="s">
        <v>222698</v>
      </c>
      <c r="J72469" s="1" t="s">
        <v>242441</v>
      </c>
    </row>
    <row r="72470" spans="1:10" x14ac:dyDescent="0.35">
      <c r="A72470" s="1" t="s">
        <v>27847</v>
      </c>
      <c r="B72470" s="1" t="s">
        <v>222693</v>
      </c>
      <c r="C72470" s="1" t="s">
        <v>8</v>
      </c>
      <c r="D72470" s="1" t="s">
        <v>53830</v>
      </c>
      <c r="E72470" s="1" t="s">
        <v>242442</v>
      </c>
      <c r="F72470" s="1" t="s">
        <v>242443</v>
      </c>
      <c r="G72470" s="1" t="s">
        <v>242444</v>
      </c>
      <c r="H72470" s="1" t="s">
        <v>242445</v>
      </c>
      <c r="I72470" s="1" t="s">
        <v>222698</v>
      </c>
      <c r="J72470" s="1" t="s">
        <v>13</v>
      </c>
    </row>
    <row r="72471" spans="1:10" x14ac:dyDescent="0.35">
      <c r="A72471" s="1" t="s">
        <v>27847</v>
      </c>
      <c r="B72471" s="1" t="s">
        <v>222693</v>
      </c>
      <c r="C72471" s="1" t="s">
        <v>15</v>
      </c>
      <c r="D72471" s="1" t="s">
        <v>101456</v>
      </c>
      <c r="E72471" s="1" t="s">
        <v>242446</v>
      </c>
      <c r="F72471" s="1" t="s">
        <v>242447</v>
      </c>
      <c r="G72471" s="1" t="s">
        <v>242444</v>
      </c>
      <c r="H72471" s="1" t="s">
        <v>242445</v>
      </c>
      <c r="I72471" s="1" t="s">
        <v>222698</v>
      </c>
      <c r="J72471" s="1" t="s">
        <v>242448</v>
      </c>
    </row>
    <row r="72472" spans="1:10" x14ac:dyDescent="0.35">
      <c r="A72472" s="1" t="s">
        <v>27847</v>
      </c>
      <c r="B72472" s="1" t="s">
        <v>222693</v>
      </c>
      <c r="C72472" s="1" t="s">
        <v>20</v>
      </c>
      <c r="D72472" s="1" t="s">
        <v>21882</v>
      </c>
      <c r="E72472" s="1" t="s">
        <v>242449</v>
      </c>
      <c r="F72472" s="1" t="s">
        <v>242450</v>
      </c>
      <c r="G72472" s="1" t="s">
        <v>242444</v>
      </c>
      <c r="H72472" s="1" t="s">
        <v>242445</v>
      </c>
      <c r="I72472" s="1" t="s">
        <v>222698</v>
      </c>
      <c r="J72472" s="1" t="s">
        <v>242451</v>
      </c>
    </row>
    <row r="72473" spans="1:10" x14ac:dyDescent="0.35">
      <c r="A72473" s="1" t="s">
        <v>27847</v>
      </c>
      <c r="B72473" s="1" t="s">
        <v>222693</v>
      </c>
      <c r="C72473" s="1" t="s">
        <v>25</v>
      </c>
      <c r="D72473" s="1" t="s">
        <v>242452</v>
      </c>
      <c r="E72473" s="1" t="s">
        <v>242453</v>
      </c>
      <c r="F72473" s="1" t="s">
        <v>242454</v>
      </c>
      <c r="G72473" s="1" t="s">
        <v>242444</v>
      </c>
      <c r="H72473" s="1" t="s">
        <v>242445</v>
      </c>
      <c r="I72473" s="1" t="s">
        <v>222698</v>
      </c>
      <c r="J72473" s="1" t="s">
        <v>242455</v>
      </c>
    </row>
    <row r="72474" spans="1:10" x14ac:dyDescent="0.35">
      <c r="A72474" s="1" t="s">
        <v>27847</v>
      </c>
      <c r="B72474" s="1" t="s">
        <v>222693</v>
      </c>
      <c r="C72474" s="1" t="s">
        <v>30</v>
      </c>
      <c r="D72474" s="1" t="s">
        <v>26744</v>
      </c>
      <c r="E72474" s="1" t="s">
        <v>242456</v>
      </c>
      <c r="F72474" s="1" t="s">
        <v>242457</v>
      </c>
      <c r="G72474" s="1" t="s">
        <v>242444</v>
      </c>
      <c r="H72474" s="1" t="s">
        <v>242445</v>
      </c>
      <c r="I72474" s="1" t="s">
        <v>222698</v>
      </c>
      <c r="J72474" s="1" t="s">
        <v>242458</v>
      </c>
    </row>
    <row r="72475" spans="1:10" x14ac:dyDescent="0.35">
      <c r="A72475" s="1" t="s">
        <v>27847</v>
      </c>
      <c r="B72475" s="1" t="s">
        <v>222693</v>
      </c>
      <c r="C72475" s="1" t="s">
        <v>35</v>
      </c>
      <c r="D72475" s="1" t="s">
        <v>92632</v>
      </c>
      <c r="E72475" s="1" t="s">
        <v>242459</v>
      </c>
      <c r="F72475" s="1" t="s">
        <v>242460</v>
      </c>
      <c r="G72475" s="1" t="s">
        <v>242444</v>
      </c>
      <c r="H72475" s="1" t="s">
        <v>242445</v>
      </c>
      <c r="I72475" s="1" t="s">
        <v>222698</v>
      </c>
      <c r="J72475" s="1" t="s">
        <v>242461</v>
      </c>
    </row>
    <row r="72476" spans="1:10" x14ac:dyDescent="0.35">
      <c r="A72476" s="1" t="s">
        <v>27847</v>
      </c>
      <c r="B72476" s="1" t="s">
        <v>222693</v>
      </c>
      <c r="C72476" s="1" t="s">
        <v>40</v>
      </c>
      <c r="D72476" s="1" t="s">
        <v>96337</v>
      </c>
      <c r="E72476" s="1" t="s">
        <v>242462</v>
      </c>
      <c r="F72476" s="1" t="s">
        <v>242463</v>
      </c>
      <c r="G72476" s="1" t="s">
        <v>242444</v>
      </c>
      <c r="H72476" s="1" t="s">
        <v>242445</v>
      </c>
      <c r="I72476" s="1" t="s">
        <v>222698</v>
      </c>
      <c r="J72476" s="1" t="s">
        <v>242464</v>
      </c>
    </row>
    <row r="72477" spans="1:10" x14ac:dyDescent="0.35">
      <c r="A72477" s="1" t="s">
        <v>27847</v>
      </c>
      <c r="B72477" s="1" t="s">
        <v>222693</v>
      </c>
      <c r="C72477" s="1" t="s">
        <v>45</v>
      </c>
      <c r="D72477" s="1" t="s">
        <v>242465</v>
      </c>
      <c r="E72477" s="1" t="s">
        <v>242466</v>
      </c>
      <c r="F72477" s="1" t="s">
        <v>242467</v>
      </c>
      <c r="G72477" s="1" t="s">
        <v>242444</v>
      </c>
      <c r="H72477" s="1" t="s">
        <v>242445</v>
      </c>
      <c r="I72477" s="1" t="s">
        <v>222698</v>
      </c>
      <c r="J72477" s="1" t="s">
        <v>242468</v>
      </c>
    </row>
    <row r="72478" spans="1:10" x14ac:dyDescent="0.35">
      <c r="A72478" s="1" t="s">
        <v>27847</v>
      </c>
      <c r="B72478" s="1" t="s">
        <v>222693</v>
      </c>
      <c r="C72478" s="1" t="s">
        <v>50</v>
      </c>
      <c r="D72478" s="1" t="s">
        <v>242469</v>
      </c>
      <c r="E72478" s="1" t="s">
        <v>242470</v>
      </c>
      <c r="F72478" s="1" t="s">
        <v>242471</v>
      </c>
      <c r="G72478" s="1" t="s">
        <v>242444</v>
      </c>
      <c r="H72478" s="1" t="s">
        <v>242445</v>
      </c>
      <c r="I72478" s="1" t="s">
        <v>222698</v>
      </c>
      <c r="J72478" s="1" t="s">
        <v>242472</v>
      </c>
    </row>
    <row r="72479" spans="1:10" x14ac:dyDescent="0.35">
      <c r="A72479" s="1" t="s">
        <v>27847</v>
      </c>
      <c r="B72479" s="1" t="s">
        <v>222693</v>
      </c>
      <c r="C72479" s="1" t="s">
        <v>55</v>
      </c>
      <c r="D72479" s="1" t="s">
        <v>242473</v>
      </c>
      <c r="E72479" s="1" t="s">
        <v>242474</v>
      </c>
      <c r="F72479" s="1" t="s">
        <v>242475</v>
      </c>
      <c r="G72479" s="1" t="s">
        <v>242444</v>
      </c>
      <c r="H72479" s="1" t="s">
        <v>242445</v>
      </c>
      <c r="I72479" s="1" t="s">
        <v>222698</v>
      </c>
      <c r="J72479" s="1" t="s">
        <v>242476</v>
      </c>
    </row>
    <row r="72480" spans="1:10" x14ac:dyDescent="0.35">
      <c r="A72480" s="1" t="s">
        <v>27847</v>
      </c>
      <c r="B72480" s="1" t="s">
        <v>222693</v>
      </c>
      <c r="C72480" s="1" t="s">
        <v>60</v>
      </c>
      <c r="D72480" s="1" t="s">
        <v>242477</v>
      </c>
      <c r="E72480" s="1" t="s">
        <v>242478</v>
      </c>
      <c r="F72480" s="1" t="s">
        <v>242479</v>
      </c>
      <c r="G72480" s="1" t="s">
        <v>242444</v>
      </c>
      <c r="H72480" s="1" t="s">
        <v>242445</v>
      </c>
      <c r="I72480" s="1" t="s">
        <v>222698</v>
      </c>
      <c r="J72480" s="1" t="s">
        <v>242480</v>
      </c>
    </row>
    <row r="72481" spans="1:10" x14ac:dyDescent="0.35">
      <c r="A72481" s="1" t="s">
        <v>27847</v>
      </c>
      <c r="B72481" s="1" t="s">
        <v>222693</v>
      </c>
      <c r="C72481" s="1" t="s">
        <v>65</v>
      </c>
      <c r="D72481" s="1" t="s">
        <v>242481</v>
      </c>
      <c r="E72481" s="1" t="s">
        <v>242482</v>
      </c>
      <c r="F72481" s="1" t="s">
        <v>242483</v>
      </c>
      <c r="G72481" s="1" t="s">
        <v>242444</v>
      </c>
      <c r="H72481" s="1" t="s">
        <v>242445</v>
      </c>
      <c r="I72481" s="1" t="s">
        <v>222698</v>
      </c>
      <c r="J72481" s="1" t="s">
        <v>242484</v>
      </c>
    </row>
    <row r="72482" spans="1:10" x14ac:dyDescent="0.35">
      <c r="A72482" s="1" t="s">
        <v>27847</v>
      </c>
      <c r="B72482" s="1" t="s">
        <v>222693</v>
      </c>
      <c r="C72482" s="1" t="s">
        <v>70</v>
      </c>
      <c r="D72482" s="1" t="s">
        <v>81001</v>
      </c>
      <c r="E72482" s="1" t="s">
        <v>242485</v>
      </c>
      <c r="F72482" s="1" t="s">
        <v>242486</v>
      </c>
      <c r="G72482" s="1" t="s">
        <v>242444</v>
      </c>
      <c r="H72482" s="1" t="s">
        <v>242445</v>
      </c>
      <c r="I72482" s="1" t="s">
        <v>222698</v>
      </c>
      <c r="J72482" s="1" t="s">
        <v>242487</v>
      </c>
    </row>
    <row r="72483" spans="1:10" x14ac:dyDescent="0.35">
      <c r="A72483" s="1" t="s">
        <v>27847</v>
      </c>
      <c r="B72483" s="1" t="s">
        <v>222693</v>
      </c>
      <c r="C72483" s="1" t="s">
        <v>75</v>
      </c>
      <c r="D72483" s="1" t="s">
        <v>242488</v>
      </c>
      <c r="E72483" s="1" t="s">
        <v>242489</v>
      </c>
      <c r="F72483" s="1" t="s">
        <v>242490</v>
      </c>
      <c r="G72483" s="1" t="s">
        <v>242444</v>
      </c>
      <c r="H72483" s="1" t="s">
        <v>242445</v>
      </c>
      <c r="I72483" s="1" t="s">
        <v>222698</v>
      </c>
      <c r="J72483" s="1" t="s">
        <v>242491</v>
      </c>
    </row>
    <row r="72484" spans="1:10" x14ac:dyDescent="0.35">
      <c r="A72484" s="1" t="s">
        <v>27847</v>
      </c>
      <c r="B72484" s="1" t="s">
        <v>222693</v>
      </c>
      <c r="C72484" s="1" t="s">
        <v>80</v>
      </c>
      <c r="D72484" s="1" t="s">
        <v>132937</v>
      </c>
      <c r="E72484" s="1" t="s">
        <v>242492</v>
      </c>
      <c r="F72484" s="1" t="s">
        <v>242493</v>
      </c>
      <c r="G72484" s="1" t="s">
        <v>242444</v>
      </c>
      <c r="H72484" s="1" t="s">
        <v>242445</v>
      </c>
      <c r="I72484" s="1" t="s">
        <v>222698</v>
      </c>
      <c r="J72484" s="1" t="s">
        <v>242494</v>
      </c>
    </row>
    <row r="72485" spans="1:10" x14ac:dyDescent="0.35">
      <c r="A72485" s="1" t="s">
        <v>27847</v>
      </c>
      <c r="B72485" s="1" t="s">
        <v>222693</v>
      </c>
      <c r="C72485" s="1" t="s">
        <v>85</v>
      </c>
      <c r="D72485" s="1" t="s">
        <v>242495</v>
      </c>
      <c r="E72485" s="1" t="s">
        <v>242496</v>
      </c>
      <c r="F72485" s="1" t="s">
        <v>242497</v>
      </c>
      <c r="G72485" s="1" t="s">
        <v>242444</v>
      </c>
      <c r="H72485" s="1" t="s">
        <v>242445</v>
      </c>
      <c r="I72485" s="1" t="s">
        <v>222698</v>
      </c>
      <c r="J72485" s="1" t="s">
        <v>242498</v>
      </c>
    </row>
    <row r="72486" spans="1:10" x14ac:dyDescent="0.35">
      <c r="A72486" s="1" t="s">
        <v>27847</v>
      </c>
      <c r="B72486" s="1" t="s">
        <v>222693</v>
      </c>
      <c r="C72486" s="1" t="s">
        <v>90</v>
      </c>
      <c r="D72486" s="1" t="s">
        <v>237802</v>
      </c>
      <c r="E72486" s="1" t="s">
        <v>242499</v>
      </c>
      <c r="F72486" s="1" t="s">
        <v>242500</v>
      </c>
      <c r="G72486" s="1" t="s">
        <v>242444</v>
      </c>
      <c r="H72486" s="1" t="s">
        <v>242445</v>
      </c>
      <c r="I72486" s="1" t="s">
        <v>222698</v>
      </c>
      <c r="J72486" s="1" t="s">
        <v>242501</v>
      </c>
    </row>
    <row r="72487" spans="1:10" x14ac:dyDescent="0.35">
      <c r="A72487" s="1" t="s">
        <v>27847</v>
      </c>
      <c r="B72487" s="1" t="s">
        <v>222693</v>
      </c>
      <c r="C72487" s="1" t="s">
        <v>95</v>
      </c>
      <c r="D72487" s="1" t="s">
        <v>242502</v>
      </c>
      <c r="E72487" s="1" t="s">
        <v>242503</v>
      </c>
      <c r="F72487" s="1" t="s">
        <v>242504</v>
      </c>
      <c r="G72487" s="1" t="s">
        <v>242444</v>
      </c>
      <c r="H72487" s="1" t="s">
        <v>242445</v>
      </c>
      <c r="I72487" s="1" t="s">
        <v>222698</v>
      </c>
      <c r="J72487" s="1" t="s">
        <v>242505</v>
      </c>
    </row>
    <row r="72488" spans="1:10" x14ac:dyDescent="0.35">
      <c r="A72488" s="1" t="s">
        <v>27847</v>
      </c>
      <c r="B72488" s="1" t="s">
        <v>222693</v>
      </c>
      <c r="C72488" s="1" t="s">
        <v>100</v>
      </c>
      <c r="D72488" s="1" t="s">
        <v>242506</v>
      </c>
      <c r="E72488" s="1" t="s">
        <v>242507</v>
      </c>
      <c r="F72488" s="1" t="s">
        <v>242508</v>
      </c>
      <c r="G72488" s="1" t="s">
        <v>242444</v>
      </c>
      <c r="H72488" s="1" t="s">
        <v>242445</v>
      </c>
      <c r="I72488" s="1" t="s">
        <v>222698</v>
      </c>
      <c r="J72488" s="1" t="s">
        <v>242509</v>
      </c>
    </row>
    <row r="72489" spans="1:10" x14ac:dyDescent="0.35">
      <c r="A72489" s="1" t="s">
        <v>27847</v>
      </c>
      <c r="B72489" s="1" t="s">
        <v>222693</v>
      </c>
      <c r="C72489" s="1" t="s">
        <v>105</v>
      </c>
      <c r="D72489" s="1" t="s">
        <v>94664</v>
      </c>
      <c r="E72489" s="1" t="s">
        <v>242510</v>
      </c>
      <c r="F72489" s="1" t="s">
        <v>242511</v>
      </c>
      <c r="G72489" s="1" t="s">
        <v>242444</v>
      </c>
      <c r="H72489" s="1" t="s">
        <v>242445</v>
      </c>
      <c r="I72489" s="1" t="s">
        <v>222698</v>
      </c>
      <c r="J72489" s="1" t="s">
        <v>242512</v>
      </c>
    </row>
    <row r="72490" spans="1:10" x14ac:dyDescent="0.35">
      <c r="A72490" s="1" t="s">
        <v>27847</v>
      </c>
      <c r="B72490" s="1" t="s">
        <v>222693</v>
      </c>
      <c r="C72490" s="1" t="s">
        <v>110</v>
      </c>
      <c r="D72490" s="1" t="s">
        <v>103268</v>
      </c>
      <c r="E72490" s="1" t="s">
        <v>242513</v>
      </c>
      <c r="F72490" s="1" t="s">
        <v>242514</v>
      </c>
      <c r="G72490" s="1" t="s">
        <v>242444</v>
      </c>
      <c r="H72490" s="1" t="s">
        <v>242445</v>
      </c>
      <c r="I72490" s="1" t="s">
        <v>222698</v>
      </c>
      <c r="J72490" s="1" t="s">
        <v>242515</v>
      </c>
    </row>
    <row r="72491" spans="1:10" x14ac:dyDescent="0.35">
      <c r="A72491" s="1" t="s">
        <v>27847</v>
      </c>
      <c r="B72491" s="1" t="s">
        <v>222693</v>
      </c>
      <c r="C72491" s="1" t="s">
        <v>115</v>
      </c>
      <c r="D72491" s="1" t="s">
        <v>98514</v>
      </c>
      <c r="E72491" s="1" t="s">
        <v>242516</v>
      </c>
      <c r="F72491" s="1" t="s">
        <v>242517</v>
      </c>
      <c r="G72491" s="1" t="s">
        <v>242444</v>
      </c>
      <c r="H72491" s="1" t="s">
        <v>242445</v>
      </c>
      <c r="I72491" s="1" t="s">
        <v>222698</v>
      </c>
      <c r="J72491" s="1" t="s">
        <v>242518</v>
      </c>
    </row>
    <row r="72492" spans="1:10" x14ac:dyDescent="0.35">
      <c r="A72492" s="1" t="s">
        <v>27847</v>
      </c>
      <c r="B72492" s="1" t="s">
        <v>222693</v>
      </c>
      <c r="C72492" s="1" t="s">
        <v>120</v>
      </c>
      <c r="D72492" s="1" t="s">
        <v>242519</v>
      </c>
      <c r="E72492" s="1" t="s">
        <v>242520</v>
      </c>
      <c r="F72492" s="1" t="s">
        <v>242521</v>
      </c>
      <c r="G72492" s="1" t="s">
        <v>242444</v>
      </c>
      <c r="H72492" s="1" t="s">
        <v>242445</v>
      </c>
      <c r="I72492" s="1" t="s">
        <v>222698</v>
      </c>
      <c r="J72492" s="1" t="s">
        <v>242522</v>
      </c>
    </row>
    <row r="72493" spans="1:10" x14ac:dyDescent="0.35">
      <c r="A72493" s="1" t="s">
        <v>27847</v>
      </c>
      <c r="B72493" s="1" t="s">
        <v>222693</v>
      </c>
      <c r="C72493" s="1" t="s">
        <v>125</v>
      </c>
      <c r="D72493" s="1" t="s">
        <v>242523</v>
      </c>
      <c r="E72493" s="1" t="s">
        <v>242524</v>
      </c>
      <c r="F72493" s="1" t="s">
        <v>242525</v>
      </c>
      <c r="G72493" s="1" t="s">
        <v>242444</v>
      </c>
      <c r="H72493" s="1" t="s">
        <v>242445</v>
      </c>
      <c r="I72493" s="1" t="s">
        <v>222698</v>
      </c>
      <c r="J72493" s="1" t="s">
        <v>242526</v>
      </c>
    </row>
    <row r="72494" spans="1:10" x14ac:dyDescent="0.35">
      <c r="A72494" s="1" t="s">
        <v>27847</v>
      </c>
      <c r="B72494" s="1" t="s">
        <v>222693</v>
      </c>
      <c r="C72494" s="1" t="s">
        <v>130</v>
      </c>
      <c r="D72494" s="1" t="s">
        <v>154068</v>
      </c>
      <c r="E72494" s="1" t="s">
        <v>242527</v>
      </c>
      <c r="F72494" s="1" t="s">
        <v>242528</v>
      </c>
      <c r="G72494" s="1" t="s">
        <v>242444</v>
      </c>
      <c r="H72494" s="1" t="s">
        <v>242445</v>
      </c>
      <c r="I72494" s="1" t="s">
        <v>222698</v>
      </c>
      <c r="J72494" s="1" t="s">
        <v>242529</v>
      </c>
    </row>
    <row r="72495" spans="1:10" x14ac:dyDescent="0.35">
      <c r="A72495" s="1" t="s">
        <v>27847</v>
      </c>
      <c r="B72495" s="1" t="s">
        <v>222693</v>
      </c>
      <c r="C72495" s="1" t="s">
        <v>135</v>
      </c>
      <c r="D72495" s="1" t="s">
        <v>91770</v>
      </c>
      <c r="E72495" s="1" t="s">
        <v>242530</v>
      </c>
      <c r="F72495" s="1" t="s">
        <v>242531</v>
      </c>
      <c r="G72495" s="1" t="s">
        <v>242444</v>
      </c>
      <c r="H72495" s="1" t="s">
        <v>242445</v>
      </c>
      <c r="I72495" s="1" t="s">
        <v>222698</v>
      </c>
      <c r="J72495" s="1" t="s">
        <v>242532</v>
      </c>
    </row>
    <row r="72496" spans="1:10" x14ac:dyDescent="0.35">
      <c r="A72496" s="1" t="s">
        <v>27847</v>
      </c>
      <c r="B72496" s="1" t="s">
        <v>222693</v>
      </c>
      <c r="C72496" s="1" t="s">
        <v>140</v>
      </c>
      <c r="D72496" s="1" t="s">
        <v>132897</v>
      </c>
      <c r="E72496" s="1" t="s">
        <v>242533</v>
      </c>
      <c r="F72496" s="1" t="s">
        <v>242534</v>
      </c>
      <c r="G72496" s="1" t="s">
        <v>242444</v>
      </c>
      <c r="H72496" s="1" t="s">
        <v>242445</v>
      </c>
      <c r="I72496" s="1" t="s">
        <v>222698</v>
      </c>
      <c r="J72496" s="1" t="s">
        <v>242535</v>
      </c>
    </row>
    <row r="72497" spans="1:10" x14ac:dyDescent="0.35">
      <c r="A72497" s="1" t="s">
        <v>27847</v>
      </c>
      <c r="B72497" s="1" t="s">
        <v>222693</v>
      </c>
      <c r="C72497" s="1" t="s">
        <v>145</v>
      </c>
      <c r="D72497" s="1" t="s">
        <v>55093</v>
      </c>
      <c r="E72497" s="1" t="s">
        <v>242536</v>
      </c>
      <c r="F72497" s="1" t="s">
        <v>242537</v>
      </c>
      <c r="G72497" s="1" t="s">
        <v>242444</v>
      </c>
      <c r="H72497" s="1" t="s">
        <v>242445</v>
      </c>
      <c r="I72497" s="1" t="s">
        <v>222698</v>
      </c>
      <c r="J72497" s="1" t="s">
        <v>242538</v>
      </c>
    </row>
    <row r="72498" spans="1:10" x14ac:dyDescent="0.35">
      <c r="A72498" s="1" t="s">
        <v>27847</v>
      </c>
      <c r="B72498" s="1" t="s">
        <v>222693</v>
      </c>
      <c r="C72498" s="1" t="s">
        <v>150</v>
      </c>
      <c r="D72498" s="1" t="s">
        <v>63579</v>
      </c>
      <c r="E72498" s="1" t="s">
        <v>242539</v>
      </c>
      <c r="F72498" s="1" t="s">
        <v>242540</v>
      </c>
      <c r="G72498" s="1" t="s">
        <v>242444</v>
      </c>
      <c r="H72498" s="1" t="s">
        <v>242445</v>
      </c>
      <c r="I72498" s="1" t="s">
        <v>222698</v>
      </c>
      <c r="J72498" s="1" t="s">
        <v>242541</v>
      </c>
    </row>
    <row r="72499" spans="1:10" x14ac:dyDescent="0.35">
      <c r="A72499" s="1" t="s">
        <v>27847</v>
      </c>
      <c r="B72499" s="1" t="s">
        <v>222693</v>
      </c>
      <c r="C72499" s="1" t="s">
        <v>155</v>
      </c>
      <c r="D72499" s="1" t="s">
        <v>166269</v>
      </c>
      <c r="E72499" s="1" t="s">
        <v>242542</v>
      </c>
      <c r="F72499" s="1" t="s">
        <v>242543</v>
      </c>
      <c r="G72499" s="1" t="s">
        <v>242444</v>
      </c>
      <c r="H72499" s="1" t="s">
        <v>242445</v>
      </c>
      <c r="I72499" s="1" t="s">
        <v>222698</v>
      </c>
      <c r="J72499" s="1" t="s">
        <v>242544</v>
      </c>
    </row>
    <row r="72500" spans="1:10" x14ac:dyDescent="0.35">
      <c r="A72500" s="1" t="s">
        <v>27847</v>
      </c>
      <c r="B72500" s="1" t="s">
        <v>222693</v>
      </c>
      <c r="C72500" s="1" t="s">
        <v>160</v>
      </c>
      <c r="D72500" s="1" t="s">
        <v>242545</v>
      </c>
      <c r="E72500" s="1" t="s">
        <v>242546</v>
      </c>
      <c r="F72500" s="1" t="s">
        <v>242547</v>
      </c>
      <c r="G72500" s="1" t="s">
        <v>242444</v>
      </c>
      <c r="H72500" s="1" t="s">
        <v>242445</v>
      </c>
      <c r="I72500" s="1" t="s">
        <v>222698</v>
      </c>
      <c r="J72500" s="1" t="s">
        <v>242548</v>
      </c>
    </row>
    <row r="72501" spans="1:10" x14ac:dyDescent="0.35">
      <c r="A72501" s="1" t="s">
        <v>27847</v>
      </c>
      <c r="B72501" s="1" t="s">
        <v>222693</v>
      </c>
      <c r="C72501" s="1" t="s">
        <v>165</v>
      </c>
      <c r="D72501" s="1" t="s">
        <v>242549</v>
      </c>
      <c r="E72501" s="1" t="s">
        <v>242550</v>
      </c>
      <c r="F72501" s="1" t="s">
        <v>242551</v>
      </c>
      <c r="G72501" s="1" t="s">
        <v>242444</v>
      </c>
      <c r="H72501" s="1" t="s">
        <v>242445</v>
      </c>
      <c r="I72501" s="1" t="s">
        <v>222698</v>
      </c>
      <c r="J72501" s="1" t="s">
        <v>242552</v>
      </c>
    </row>
    <row r="72502" spans="1:10" x14ac:dyDescent="0.35">
      <c r="A72502" s="1" t="s">
        <v>27847</v>
      </c>
      <c r="B72502" s="1" t="s">
        <v>222693</v>
      </c>
      <c r="C72502" s="1" t="s">
        <v>170</v>
      </c>
      <c r="D72502" s="1" t="s">
        <v>61209</v>
      </c>
      <c r="E72502" s="1" t="s">
        <v>242553</v>
      </c>
      <c r="F72502" s="1" t="s">
        <v>242554</v>
      </c>
      <c r="G72502" s="1" t="s">
        <v>242444</v>
      </c>
      <c r="H72502" s="1" t="s">
        <v>242445</v>
      </c>
      <c r="I72502" s="1" t="s">
        <v>222698</v>
      </c>
      <c r="J72502" s="1" t="s">
        <v>242555</v>
      </c>
    </row>
    <row r="72503" spans="1:10" x14ac:dyDescent="0.35">
      <c r="A72503" s="1" t="s">
        <v>145030</v>
      </c>
      <c r="B72503" s="1" t="s">
        <v>222693</v>
      </c>
      <c r="C72503" s="1" t="s">
        <v>8</v>
      </c>
      <c r="D72503" s="1" t="s">
        <v>162387</v>
      </c>
      <c r="E72503" s="1" t="s">
        <v>242556</v>
      </c>
      <c r="F72503" s="1" t="s">
        <v>242557</v>
      </c>
      <c r="G72503" s="1" t="s">
        <v>242558</v>
      </c>
      <c r="H72503" s="1" t="s">
        <v>242559</v>
      </c>
      <c r="I72503" s="1" t="s">
        <v>222698</v>
      </c>
      <c r="J72503" s="1" t="s">
        <v>13</v>
      </c>
    </row>
    <row r="72504" spans="1:10" x14ac:dyDescent="0.35">
      <c r="A72504" s="1" t="s">
        <v>145030</v>
      </c>
      <c r="B72504" s="1" t="s">
        <v>222693</v>
      </c>
      <c r="C72504" s="1" t="s">
        <v>15</v>
      </c>
      <c r="D72504" s="1" t="s">
        <v>141618</v>
      </c>
      <c r="E72504" s="1" t="s">
        <v>242560</v>
      </c>
      <c r="F72504" s="1" t="s">
        <v>242561</v>
      </c>
      <c r="G72504" s="1" t="s">
        <v>242558</v>
      </c>
      <c r="H72504" s="1" t="s">
        <v>242559</v>
      </c>
      <c r="I72504" s="1" t="s">
        <v>222698</v>
      </c>
      <c r="J72504" s="1" t="s">
        <v>242562</v>
      </c>
    </row>
    <row r="72505" spans="1:10" x14ac:dyDescent="0.35">
      <c r="A72505" s="1" t="s">
        <v>145030</v>
      </c>
      <c r="B72505" s="1" t="s">
        <v>222693</v>
      </c>
      <c r="C72505" s="1" t="s">
        <v>20</v>
      </c>
      <c r="D72505" s="1" t="s">
        <v>43558</v>
      </c>
      <c r="E72505" s="1" t="s">
        <v>242563</v>
      </c>
      <c r="F72505" s="1" t="s">
        <v>242564</v>
      </c>
      <c r="G72505" s="1" t="s">
        <v>242558</v>
      </c>
      <c r="H72505" s="1" t="s">
        <v>242559</v>
      </c>
      <c r="I72505" s="1" t="s">
        <v>222698</v>
      </c>
      <c r="J72505" s="1" t="s">
        <v>242565</v>
      </c>
    </row>
    <row r="72506" spans="1:10" x14ac:dyDescent="0.35">
      <c r="A72506" s="1" t="s">
        <v>145030</v>
      </c>
      <c r="B72506" s="1" t="s">
        <v>222693</v>
      </c>
      <c r="C72506" s="1" t="s">
        <v>25</v>
      </c>
      <c r="D72506" s="1" t="s">
        <v>191528</v>
      </c>
      <c r="E72506" s="1" t="s">
        <v>242566</v>
      </c>
      <c r="F72506" s="1" t="s">
        <v>242567</v>
      </c>
      <c r="G72506" s="1" t="s">
        <v>242558</v>
      </c>
      <c r="H72506" s="1" t="s">
        <v>242559</v>
      </c>
      <c r="I72506" s="1" t="s">
        <v>222698</v>
      </c>
      <c r="J72506" s="1" t="s">
        <v>242568</v>
      </c>
    </row>
    <row r="72507" spans="1:10" x14ac:dyDescent="0.35">
      <c r="A72507" s="1" t="s">
        <v>145030</v>
      </c>
      <c r="B72507" s="1" t="s">
        <v>222693</v>
      </c>
      <c r="C72507" s="1" t="s">
        <v>30</v>
      </c>
      <c r="D72507" s="1" t="s">
        <v>242569</v>
      </c>
      <c r="E72507" s="1" t="s">
        <v>242570</v>
      </c>
      <c r="F72507" s="1" t="s">
        <v>242571</v>
      </c>
      <c r="G72507" s="1" t="s">
        <v>242558</v>
      </c>
      <c r="H72507" s="1" t="s">
        <v>242559</v>
      </c>
      <c r="I72507" s="1" t="s">
        <v>222698</v>
      </c>
      <c r="J72507" s="1" t="s">
        <v>242572</v>
      </c>
    </row>
    <row r="72508" spans="1:10" x14ac:dyDescent="0.35">
      <c r="A72508" s="1" t="s">
        <v>145030</v>
      </c>
      <c r="B72508" s="1" t="s">
        <v>222693</v>
      </c>
      <c r="C72508" s="1" t="s">
        <v>35</v>
      </c>
      <c r="D72508" s="1" t="s">
        <v>200001</v>
      </c>
      <c r="E72508" s="1" t="s">
        <v>242573</v>
      </c>
      <c r="F72508" s="1" t="s">
        <v>242574</v>
      </c>
      <c r="G72508" s="1" t="s">
        <v>242558</v>
      </c>
      <c r="H72508" s="1" t="s">
        <v>242559</v>
      </c>
      <c r="I72508" s="1" t="s">
        <v>222698</v>
      </c>
      <c r="J72508" s="1" t="s">
        <v>242575</v>
      </c>
    </row>
    <row r="72509" spans="1:10" x14ac:dyDescent="0.35">
      <c r="A72509" s="1" t="s">
        <v>145030</v>
      </c>
      <c r="B72509" s="1" t="s">
        <v>222693</v>
      </c>
      <c r="C72509" s="1" t="s">
        <v>40</v>
      </c>
      <c r="D72509" s="1" t="s">
        <v>20460</v>
      </c>
      <c r="E72509" s="1" t="s">
        <v>242576</v>
      </c>
      <c r="F72509" s="1" t="s">
        <v>242577</v>
      </c>
      <c r="G72509" s="1" t="s">
        <v>242558</v>
      </c>
      <c r="H72509" s="1" t="s">
        <v>242559</v>
      </c>
      <c r="I72509" s="1" t="s">
        <v>222698</v>
      </c>
      <c r="J72509" s="1" t="s">
        <v>242578</v>
      </c>
    </row>
    <row r="72510" spans="1:10" x14ac:dyDescent="0.35">
      <c r="A72510" s="1" t="s">
        <v>145030</v>
      </c>
      <c r="B72510" s="1" t="s">
        <v>222693</v>
      </c>
      <c r="C72510" s="1" t="s">
        <v>45</v>
      </c>
      <c r="D72510" s="1" t="s">
        <v>242579</v>
      </c>
      <c r="E72510" s="1" t="s">
        <v>242580</v>
      </c>
      <c r="F72510" s="1" t="s">
        <v>242581</v>
      </c>
      <c r="G72510" s="1" t="s">
        <v>242558</v>
      </c>
      <c r="H72510" s="1" t="s">
        <v>242559</v>
      </c>
      <c r="I72510" s="1" t="s">
        <v>222698</v>
      </c>
      <c r="J72510" s="1" t="s">
        <v>242582</v>
      </c>
    </row>
    <row r="72511" spans="1:10" x14ac:dyDescent="0.35">
      <c r="A72511" s="1" t="s">
        <v>145030</v>
      </c>
      <c r="B72511" s="1" t="s">
        <v>222693</v>
      </c>
      <c r="C72511" s="1" t="s">
        <v>50</v>
      </c>
      <c r="D72511" s="1" t="s">
        <v>242583</v>
      </c>
      <c r="E72511" s="1" t="s">
        <v>242584</v>
      </c>
      <c r="F72511" s="1" t="s">
        <v>242585</v>
      </c>
      <c r="G72511" s="1" t="s">
        <v>242558</v>
      </c>
      <c r="H72511" s="1" t="s">
        <v>242559</v>
      </c>
      <c r="I72511" s="1" t="s">
        <v>222698</v>
      </c>
      <c r="J72511" s="1" t="s">
        <v>242586</v>
      </c>
    </row>
    <row r="72512" spans="1:10" x14ac:dyDescent="0.35">
      <c r="A72512" s="1" t="s">
        <v>145030</v>
      </c>
      <c r="B72512" s="1" t="s">
        <v>222693</v>
      </c>
      <c r="C72512" s="1" t="s">
        <v>55</v>
      </c>
      <c r="D72512" s="1" t="s">
        <v>65161</v>
      </c>
      <c r="E72512" s="1" t="s">
        <v>242587</v>
      </c>
      <c r="F72512" s="1" t="s">
        <v>242588</v>
      </c>
      <c r="G72512" s="1" t="s">
        <v>242558</v>
      </c>
      <c r="H72512" s="1" t="s">
        <v>242559</v>
      </c>
      <c r="I72512" s="1" t="s">
        <v>222698</v>
      </c>
      <c r="J72512" s="1" t="s">
        <v>242589</v>
      </c>
    </row>
    <row r="72513" spans="1:10" x14ac:dyDescent="0.35">
      <c r="A72513" s="1" t="s">
        <v>145030</v>
      </c>
      <c r="B72513" s="1" t="s">
        <v>222693</v>
      </c>
      <c r="C72513" s="1" t="s">
        <v>60</v>
      </c>
      <c r="D72513" s="1" t="s">
        <v>242590</v>
      </c>
      <c r="E72513" s="1" t="s">
        <v>242591</v>
      </c>
      <c r="F72513" s="1" t="s">
        <v>242592</v>
      </c>
      <c r="G72513" s="1" t="s">
        <v>242558</v>
      </c>
      <c r="H72513" s="1" t="s">
        <v>242559</v>
      </c>
      <c r="I72513" s="1" t="s">
        <v>222698</v>
      </c>
      <c r="J72513" s="1" t="s">
        <v>242593</v>
      </c>
    </row>
    <row r="72514" spans="1:10" x14ac:dyDescent="0.35">
      <c r="A72514" s="1" t="s">
        <v>145030</v>
      </c>
      <c r="B72514" s="1" t="s">
        <v>222693</v>
      </c>
      <c r="C72514" s="1" t="s">
        <v>65</v>
      </c>
      <c r="D72514" s="1" t="s">
        <v>140109</v>
      </c>
      <c r="E72514" s="1" t="s">
        <v>242594</v>
      </c>
      <c r="F72514" s="1" t="s">
        <v>242595</v>
      </c>
      <c r="G72514" s="1" t="s">
        <v>242558</v>
      </c>
      <c r="H72514" s="1" t="s">
        <v>242559</v>
      </c>
      <c r="I72514" s="1" t="s">
        <v>222698</v>
      </c>
      <c r="J72514" s="1" t="s">
        <v>242596</v>
      </c>
    </row>
    <row r="72515" spans="1:10" x14ac:dyDescent="0.35">
      <c r="A72515" s="1" t="s">
        <v>145030</v>
      </c>
      <c r="B72515" s="1" t="s">
        <v>222693</v>
      </c>
      <c r="C72515" s="1" t="s">
        <v>70</v>
      </c>
      <c r="D72515" s="1" t="s">
        <v>242597</v>
      </c>
      <c r="E72515" s="1" t="s">
        <v>242598</v>
      </c>
      <c r="F72515" s="1" t="s">
        <v>242599</v>
      </c>
      <c r="G72515" s="1" t="s">
        <v>242558</v>
      </c>
      <c r="H72515" s="1" t="s">
        <v>242559</v>
      </c>
      <c r="I72515" s="1" t="s">
        <v>222698</v>
      </c>
      <c r="J72515" s="1" t="s">
        <v>242600</v>
      </c>
    </row>
    <row r="72516" spans="1:10" x14ac:dyDescent="0.35">
      <c r="A72516" s="1" t="s">
        <v>145030</v>
      </c>
      <c r="B72516" s="1" t="s">
        <v>222693</v>
      </c>
      <c r="C72516" s="1" t="s">
        <v>75</v>
      </c>
      <c r="D72516" s="1" t="s">
        <v>96543</v>
      </c>
      <c r="E72516" s="1" t="s">
        <v>242601</v>
      </c>
      <c r="F72516" s="1" t="s">
        <v>242602</v>
      </c>
      <c r="G72516" s="1" t="s">
        <v>242558</v>
      </c>
      <c r="H72516" s="1" t="s">
        <v>242559</v>
      </c>
      <c r="I72516" s="1" t="s">
        <v>222698</v>
      </c>
      <c r="J72516" s="1" t="s">
        <v>242603</v>
      </c>
    </row>
    <row r="72517" spans="1:10" x14ac:dyDescent="0.35">
      <c r="A72517" s="1" t="s">
        <v>145030</v>
      </c>
      <c r="B72517" s="1" t="s">
        <v>222693</v>
      </c>
      <c r="C72517" s="1" t="s">
        <v>80</v>
      </c>
      <c r="D72517" s="1" t="s">
        <v>4866</v>
      </c>
      <c r="E72517" s="1" t="s">
        <v>242604</v>
      </c>
      <c r="F72517" s="1" t="s">
        <v>242605</v>
      </c>
      <c r="G72517" s="1" t="s">
        <v>242558</v>
      </c>
      <c r="H72517" s="1" t="s">
        <v>242559</v>
      </c>
      <c r="I72517" s="1" t="s">
        <v>222698</v>
      </c>
      <c r="J72517" s="1" t="s">
        <v>242606</v>
      </c>
    </row>
    <row r="72518" spans="1:10" x14ac:dyDescent="0.35">
      <c r="A72518" s="1" t="s">
        <v>145030</v>
      </c>
      <c r="B72518" s="1" t="s">
        <v>222693</v>
      </c>
      <c r="C72518" s="1" t="s">
        <v>85</v>
      </c>
      <c r="D72518" s="1" t="s">
        <v>242607</v>
      </c>
      <c r="E72518" s="1" t="s">
        <v>242608</v>
      </c>
      <c r="F72518" s="1" t="s">
        <v>242609</v>
      </c>
      <c r="G72518" s="1" t="s">
        <v>242558</v>
      </c>
      <c r="H72518" s="1" t="s">
        <v>242559</v>
      </c>
      <c r="I72518" s="1" t="s">
        <v>222698</v>
      </c>
      <c r="J72518" s="1" t="s">
        <v>242610</v>
      </c>
    </row>
    <row r="72519" spans="1:10" x14ac:dyDescent="0.35">
      <c r="A72519" s="1" t="s">
        <v>145030</v>
      </c>
      <c r="B72519" s="1" t="s">
        <v>222693</v>
      </c>
      <c r="C72519" s="1" t="s">
        <v>90</v>
      </c>
      <c r="D72519" s="1" t="s">
        <v>242611</v>
      </c>
      <c r="E72519" s="1" t="s">
        <v>242612</v>
      </c>
      <c r="F72519" s="1" t="s">
        <v>242613</v>
      </c>
      <c r="G72519" s="1" t="s">
        <v>242558</v>
      </c>
      <c r="H72519" s="1" t="s">
        <v>242559</v>
      </c>
      <c r="I72519" s="1" t="s">
        <v>222698</v>
      </c>
      <c r="J72519" s="1" t="s">
        <v>242614</v>
      </c>
    </row>
    <row r="72520" spans="1:10" x14ac:dyDescent="0.35">
      <c r="A72520" s="1" t="s">
        <v>145030</v>
      </c>
      <c r="B72520" s="1" t="s">
        <v>222693</v>
      </c>
      <c r="C72520" s="1" t="s">
        <v>95</v>
      </c>
      <c r="D72520" s="1" t="s">
        <v>242615</v>
      </c>
      <c r="E72520" s="1" t="s">
        <v>242616</v>
      </c>
      <c r="F72520" s="1" t="s">
        <v>242617</v>
      </c>
      <c r="G72520" s="1" t="s">
        <v>242558</v>
      </c>
      <c r="H72520" s="1" t="s">
        <v>242559</v>
      </c>
      <c r="I72520" s="1" t="s">
        <v>222698</v>
      </c>
      <c r="J72520" s="1" t="s">
        <v>242618</v>
      </c>
    </row>
    <row r="72521" spans="1:10" x14ac:dyDescent="0.35">
      <c r="A72521" s="1" t="s">
        <v>145030</v>
      </c>
      <c r="B72521" s="1" t="s">
        <v>222693</v>
      </c>
      <c r="C72521" s="1" t="s">
        <v>100</v>
      </c>
      <c r="D72521" s="1" t="s">
        <v>130996</v>
      </c>
      <c r="E72521" s="1" t="s">
        <v>242619</v>
      </c>
      <c r="F72521" s="1" t="s">
        <v>242620</v>
      </c>
      <c r="G72521" s="1" t="s">
        <v>242558</v>
      </c>
      <c r="H72521" s="1" t="s">
        <v>242559</v>
      </c>
      <c r="I72521" s="1" t="s">
        <v>222698</v>
      </c>
      <c r="J72521" s="1" t="s">
        <v>242621</v>
      </c>
    </row>
    <row r="72522" spans="1:10" x14ac:dyDescent="0.35">
      <c r="A72522" s="1" t="s">
        <v>145030</v>
      </c>
      <c r="B72522" s="1" t="s">
        <v>222693</v>
      </c>
      <c r="C72522" s="1" t="s">
        <v>105</v>
      </c>
      <c r="D72522" s="1" t="s">
        <v>242622</v>
      </c>
      <c r="E72522" s="1" t="s">
        <v>242623</v>
      </c>
      <c r="F72522" s="1" t="s">
        <v>242624</v>
      </c>
      <c r="G72522" s="1" t="s">
        <v>242558</v>
      </c>
      <c r="H72522" s="1" t="s">
        <v>242559</v>
      </c>
      <c r="I72522" s="1" t="s">
        <v>222698</v>
      </c>
      <c r="J72522" s="1" t="s">
        <v>242625</v>
      </c>
    </row>
    <row r="72523" spans="1:10" x14ac:dyDescent="0.35">
      <c r="A72523" s="1" t="s">
        <v>145030</v>
      </c>
      <c r="B72523" s="1" t="s">
        <v>222693</v>
      </c>
      <c r="C72523" s="1" t="s">
        <v>110</v>
      </c>
      <c r="D72523" s="1" t="s">
        <v>135960</v>
      </c>
      <c r="E72523" s="1" t="s">
        <v>242626</v>
      </c>
      <c r="F72523" s="1" t="s">
        <v>242627</v>
      </c>
      <c r="G72523" s="1" t="s">
        <v>242558</v>
      </c>
      <c r="H72523" s="1" t="s">
        <v>242559</v>
      </c>
      <c r="I72523" s="1" t="s">
        <v>222698</v>
      </c>
      <c r="J72523" s="1" t="s">
        <v>242628</v>
      </c>
    </row>
    <row r="72524" spans="1:10" x14ac:dyDescent="0.35">
      <c r="A72524" s="1" t="s">
        <v>145030</v>
      </c>
      <c r="B72524" s="1" t="s">
        <v>222693</v>
      </c>
      <c r="C72524" s="1" t="s">
        <v>115</v>
      </c>
      <c r="D72524" s="1" t="s">
        <v>242629</v>
      </c>
      <c r="E72524" s="1" t="s">
        <v>242630</v>
      </c>
      <c r="F72524" s="1" t="s">
        <v>242631</v>
      </c>
      <c r="G72524" s="1" t="s">
        <v>242558</v>
      </c>
      <c r="H72524" s="1" t="s">
        <v>242559</v>
      </c>
      <c r="I72524" s="1" t="s">
        <v>222698</v>
      </c>
      <c r="J72524" s="1" t="s">
        <v>242632</v>
      </c>
    </row>
    <row r="72525" spans="1:10" x14ac:dyDescent="0.35">
      <c r="A72525" s="1" t="s">
        <v>145030</v>
      </c>
      <c r="B72525" s="1" t="s">
        <v>222693</v>
      </c>
      <c r="C72525" s="1" t="s">
        <v>120</v>
      </c>
      <c r="D72525" s="1" t="s">
        <v>163430</v>
      </c>
      <c r="E72525" s="1" t="s">
        <v>242633</v>
      </c>
      <c r="F72525" s="1" t="s">
        <v>242634</v>
      </c>
      <c r="G72525" s="1" t="s">
        <v>242558</v>
      </c>
      <c r="H72525" s="1" t="s">
        <v>242559</v>
      </c>
      <c r="I72525" s="1" t="s">
        <v>222698</v>
      </c>
      <c r="J72525" s="1" t="s">
        <v>242635</v>
      </c>
    </row>
    <row r="72526" spans="1:10" x14ac:dyDescent="0.35">
      <c r="A72526" s="1" t="s">
        <v>145030</v>
      </c>
      <c r="B72526" s="1" t="s">
        <v>222693</v>
      </c>
      <c r="C72526" s="1" t="s">
        <v>125</v>
      </c>
      <c r="D72526" s="1" t="s">
        <v>129025</v>
      </c>
      <c r="E72526" s="1" t="s">
        <v>242636</v>
      </c>
      <c r="F72526" s="1" t="s">
        <v>242637</v>
      </c>
      <c r="G72526" s="1" t="s">
        <v>242558</v>
      </c>
      <c r="H72526" s="1" t="s">
        <v>242559</v>
      </c>
      <c r="I72526" s="1" t="s">
        <v>222698</v>
      </c>
      <c r="J72526" s="1" t="s">
        <v>242638</v>
      </c>
    </row>
    <row r="72527" spans="1:10" x14ac:dyDescent="0.35">
      <c r="A72527" s="1" t="s">
        <v>145030</v>
      </c>
      <c r="B72527" s="1" t="s">
        <v>222693</v>
      </c>
      <c r="C72527" s="1" t="s">
        <v>130</v>
      </c>
      <c r="D72527" s="1" t="s">
        <v>239537</v>
      </c>
      <c r="E72527" s="1" t="s">
        <v>242639</v>
      </c>
      <c r="F72527" s="1" t="s">
        <v>242640</v>
      </c>
      <c r="G72527" s="1" t="s">
        <v>242558</v>
      </c>
      <c r="H72527" s="1" t="s">
        <v>242559</v>
      </c>
      <c r="I72527" s="1" t="s">
        <v>222698</v>
      </c>
      <c r="J72527" s="1" t="s">
        <v>242641</v>
      </c>
    </row>
    <row r="72528" spans="1:10" x14ac:dyDescent="0.35">
      <c r="A72528" s="1" t="s">
        <v>145030</v>
      </c>
      <c r="B72528" s="1" t="s">
        <v>222693</v>
      </c>
      <c r="C72528" s="1" t="s">
        <v>135</v>
      </c>
      <c r="D72528" s="1" t="s">
        <v>242642</v>
      </c>
      <c r="E72528" s="1" t="s">
        <v>242643</v>
      </c>
      <c r="F72528" s="1" t="s">
        <v>242644</v>
      </c>
      <c r="G72528" s="1" t="s">
        <v>242558</v>
      </c>
      <c r="H72528" s="1" t="s">
        <v>242559</v>
      </c>
      <c r="I72528" s="1" t="s">
        <v>222698</v>
      </c>
      <c r="J72528" s="1" t="s">
        <v>242645</v>
      </c>
    </row>
    <row r="72529" spans="1:10" x14ac:dyDescent="0.35">
      <c r="A72529" s="1" t="s">
        <v>145030</v>
      </c>
      <c r="B72529" s="1" t="s">
        <v>222693</v>
      </c>
      <c r="C72529" s="1" t="s">
        <v>140</v>
      </c>
      <c r="D72529" s="1" t="s">
        <v>242646</v>
      </c>
      <c r="E72529" s="1" t="s">
        <v>242647</v>
      </c>
      <c r="F72529" s="1" t="s">
        <v>242648</v>
      </c>
      <c r="G72529" s="1" t="s">
        <v>242558</v>
      </c>
      <c r="H72529" s="1" t="s">
        <v>242559</v>
      </c>
      <c r="I72529" s="1" t="s">
        <v>222698</v>
      </c>
      <c r="J72529" s="1" t="s">
        <v>242649</v>
      </c>
    </row>
    <row r="72530" spans="1:10" x14ac:dyDescent="0.35">
      <c r="A72530" s="1" t="s">
        <v>145030</v>
      </c>
      <c r="B72530" s="1" t="s">
        <v>222693</v>
      </c>
      <c r="C72530" s="1" t="s">
        <v>145</v>
      </c>
      <c r="D72530" s="1" t="s">
        <v>242650</v>
      </c>
      <c r="E72530" s="1" t="s">
        <v>242651</v>
      </c>
      <c r="F72530" s="1" t="s">
        <v>242652</v>
      </c>
      <c r="G72530" s="1" t="s">
        <v>242558</v>
      </c>
      <c r="H72530" s="1" t="s">
        <v>242559</v>
      </c>
      <c r="I72530" s="1" t="s">
        <v>222698</v>
      </c>
      <c r="J72530" s="1" t="s">
        <v>242653</v>
      </c>
    </row>
    <row r="72531" spans="1:10" x14ac:dyDescent="0.35">
      <c r="A72531" s="1" t="s">
        <v>145030</v>
      </c>
      <c r="B72531" s="1" t="s">
        <v>222693</v>
      </c>
      <c r="C72531" s="1" t="s">
        <v>150</v>
      </c>
      <c r="D72531" s="1" t="s">
        <v>242654</v>
      </c>
      <c r="E72531" s="1" t="s">
        <v>242655</v>
      </c>
      <c r="F72531" s="1" t="s">
        <v>242656</v>
      </c>
      <c r="G72531" s="1" t="s">
        <v>242558</v>
      </c>
      <c r="H72531" s="1" t="s">
        <v>242559</v>
      </c>
      <c r="I72531" s="1" t="s">
        <v>222698</v>
      </c>
      <c r="J72531" s="1" t="s">
        <v>242657</v>
      </c>
    </row>
    <row r="72532" spans="1:10" x14ac:dyDescent="0.35">
      <c r="A72532" s="1" t="s">
        <v>145030</v>
      </c>
      <c r="B72532" s="1" t="s">
        <v>222693</v>
      </c>
      <c r="C72532" s="1" t="s">
        <v>155</v>
      </c>
      <c r="D72532" s="1" t="s">
        <v>238314</v>
      </c>
      <c r="E72532" s="1" t="s">
        <v>242658</v>
      </c>
      <c r="F72532" s="1" t="s">
        <v>242659</v>
      </c>
      <c r="G72532" s="1" t="s">
        <v>242558</v>
      </c>
      <c r="H72532" s="1" t="s">
        <v>242559</v>
      </c>
      <c r="I72532" s="1" t="s">
        <v>222698</v>
      </c>
      <c r="J72532" s="1" t="s">
        <v>242660</v>
      </c>
    </row>
    <row r="72533" spans="1:10" x14ac:dyDescent="0.35">
      <c r="A72533" s="1" t="s">
        <v>145030</v>
      </c>
      <c r="B72533" s="1" t="s">
        <v>222693</v>
      </c>
      <c r="C72533" s="1" t="s">
        <v>160</v>
      </c>
      <c r="D72533" s="1" t="s">
        <v>242661</v>
      </c>
      <c r="E72533" s="1" t="s">
        <v>242662</v>
      </c>
      <c r="F72533" s="1" t="s">
        <v>242663</v>
      </c>
      <c r="G72533" s="1" t="s">
        <v>242558</v>
      </c>
      <c r="H72533" s="1" t="s">
        <v>242559</v>
      </c>
      <c r="I72533" s="1" t="s">
        <v>222698</v>
      </c>
      <c r="J72533" s="1" t="s">
        <v>242664</v>
      </c>
    </row>
    <row r="72534" spans="1:10" x14ac:dyDescent="0.35">
      <c r="A72534" s="1" t="s">
        <v>145030</v>
      </c>
      <c r="B72534" s="1" t="s">
        <v>222693</v>
      </c>
      <c r="C72534" s="1" t="s">
        <v>165</v>
      </c>
      <c r="D72534" s="1" t="s">
        <v>242665</v>
      </c>
      <c r="E72534" s="1" t="s">
        <v>242666</v>
      </c>
      <c r="F72534" s="1" t="s">
        <v>242667</v>
      </c>
      <c r="G72534" s="1" t="s">
        <v>242558</v>
      </c>
      <c r="H72534" s="1" t="s">
        <v>242559</v>
      </c>
      <c r="I72534" s="1" t="s">
        <v>222698</v>
      </c>
      <c r="J72534" s="1" t="s">
        <v>242668</v>
      </c>
    </row>
    <row r="72535" spans="1:10" x14ac:dyDescent="0.35">
      <c r="A72535" s="1" t="s">
        <v>145030</v>
      </c>
      <c r="B72535" s="1" t="s">
        <v>222693</v>
      </c>
      <c r="C72535" s="1" t="s">
        <v>170</v>
      </c>
      <c r="D72535" s="1" t="s">
        <v>242669</v>
      </c>
      <c r="E72535" s="1" t="s">
        <v>242670</v>
      </c>
      <c r="F72535" s="1" t="s">
        <v>242671</v>
      </c>
      <c r="G72535" s="1" t="s">
        <v>242558</v>
      </c>
      <c r="H72535" s="1" t="s">
        <v>242559</v>
      </c>
      <c r="I72535" s="1" t="s">
        <v>222698</v>
      </c>
      <c r="J72535" s="1" t="s">
        <v>242672</v>
      </c>
    </row>
    <row r="72536" spans="1:10" x14ac:dyDescent="0.35">
      <c r="A72536" s="1" t="s">
        <v>27855</v>
      </c>
      <c r="B72536" s="1" t="s">
        <v>222693</v>
      </c>
      <c r="C72536" s="1" t="s">
        <v>8</v>
      </c>
      <c r="D72536" s="1" t="s">
        <v>109354</v>
      </c>
      <c r="E72536" s="1" t="s">
        <v>242673</v>
      </c>
      <c r="F72536" s="1" t="s">
        <v>242674</v>
      </c>
      <c r="G72536" s="1" t="s">
        <v>242675</v>
      </c>
      <c r="H72536" s="1" t="s">
        <v>242676</v>
      </c>
      <c r="I72536" s="1" t="s">
        <v>222698</v>
      </c>
      <c r="J72536" s="1" t="s">
        <v>13</v>
      </c>
    </row>
    <row r="72537" spans="1:10" x14ac:dyDescent="0.35">
      <c r="A72537" s="1" t="s">
        <v>27855</v>
      </c>
      <c r="B72537" s="1" t="s">
        <v>222693</v>
      </c>
      <c r="C72537" s="1" t="s">
        <v>15</v>
      </c>
      <c r="D72537" s="1" t="s">
        <v>56208</v>
      </c>
      <c r="E72537" s="1" t="s">
        <v>242677</v>
      </c>
      <c r="F72537" s="1" t="s">
        <v>242678</v>
      </c>
      <c r="G72537" s="1" t="s">
        <v>242675</v>
      </c>
      <c r="H72537" s="1" t="s">
        <v>242676</v>
      </c>
      <c r="I72537" s="1" t="s">
        <v>222698</v>
      </c>
      <c r="J72537" s="1" t="s">
        <v>242679</v>
      </c>
    </row>
    <row r="72538" spans="1:10" x14ac:dyDescent="0.35">
      <c r="A72538" s="1" t="s">
        <v>27855</v>
      </c>
      <c r="B72538" s="1" t="s">
        <v>222693</v>
      </c>
      <c r="C72538" s="1" t="s">
        <v>20</v>
      </c>
      <c r="D72538" s="1" t="s">
        <v>242680</v>
      </c>
      <c r="E72538" s="1" t="s">
        <v>242681</v>
      </c>
      <c r="F72538" s="1" t="s">
        <v>242682</v>
      </c>
      <c r="G72538" s="1" t="s">
        <v>242675</v>
      </c>
      <c r="H72538" s="1" t="s">
        <v>242676</v>
      </c>
      <c r="I72538" s="1" t="s">
        <v>222698</v>
      </c>
      <c r="J72538" s="1" t="s">
        <v>242683</v>
      </c>
    </row>
    <row r="72539" spans="1:10" x14ac:dyDescent="0.35">
      <c r="A72539" s="1" t="s">
        <v>27855</v>
      </c>
      <c r="B72539" s="1" t="s">
        <v>222693</v>
      </c>
      <c r="C72539" s="1" t="s">
        <v>25</v>
      </c>
      <c r="D72539" s="1" t="s">
        <v>42305</v>
      </c>
      <c r="E72539" s="1" t="s">
        <v>242684</v>
      </c>
      <c r="F72539" s="1" t="s">
        <v>242685</v>
      </c>
      <c r="G72539" s="1" t="s">
        <v>242675</v>
      </c>
      <c r="H72539" s="1" t="s">
        <v>242676</v>
      </c>
      <c r="I72539" s="1" t="s">
        <v>222698</v>
      </c>
      <c r="J72539" s="1" t="s">
        <v>242686</v>
      </c>
    </row>
    <row r="72540" spans="1:10" x14ac:dyDescent="0.35">
      <c r="A72540" s="1" t="s">
        <v>27855</v>
      </c>
      <c r="B72540" s="1" t="s">
        <v>222693</v>
      </c>
      <c r="C72540" s="1" t="s">
        <v>30</v>
      </c>
      <c r="D72540" s="1" t="s">
        <v>65718</v>
      </c>
      <c r="E72540" s="1" t="s">
        <v>242687</v>
      </c>
      <c r="F72540" s="1" t="s">
        <v>242688</v>
      </c>
      <c r="G72540" s="1" t="s">
        <v>242675</v>
      </c>
      <c r="H72540" s="1" t="s">
        <v>242676</v>
      </c>
      <c r="I72540" s="1" t="s">
        <v>222698</v>
      </c>
      <c r="J72540" s="1" t="s">
        <v>242689</v>
      </c>
    </row>
    <row r="72541" spans="1:10" x14ac:dyDescent="0.35">
      <c r="A72541" s="1" t="s">
        <v>27855</v>
      </c>
      <c r="B72541" s="1" t="s">
        <v>222693</v>
      </c>
      <c r="C72541" s="1" t="s">
        <v>35</v>
      </c>
      <c r="D72541" s="1" t="s">
        <v>53475</v>
      </c>
      <c r="E72541" s="1" t="s">
        <v>242690</v>
      </c>
      <c r="F72541" s="1" t="s">
        <v>242691</v>
      </c>
      <c r="G72541" s="1" t="s">
        <v>242675</v>
      </c>
      <c r="H72541" s="1" t="s">
        <v>242676</v>
      </c>
      <c r="I72541" s="1" t="s">
        <v>222698</v>
      </c>
      <c r="J72541" s="1" t="s">
        <v>242692</v>
      </c>
    </row>
    <row r="72542" spans="1:10" x14ac:dyDescent="0.35">
      <c r="A72542" s="1" t="s">
        <v>27855</v>
      </c>
      <c r="B72542" s="1" t="s">
        <v>222693</v>
      </c>
      <c r="C72542" s="1" t="s">
        <v>40</v>
      </c>
      <c r="D72542" s="1" t="s">
        <v>171210</v>
      </c>
      <c r="E72542" s="1" t="s">
        <v>242693</v>
      </c>
      <c r="F72542" s="1" t="s">
        <v>242694</v>
      </c>
      <c r="G72542" s="1" t="s">
        <v>242675</v>
      </c>
      <c r="H72542" s="1" t="s">
        <v>242676</v>
      </c>
      <c r="I72542" s="1" t="s">
        <v>222698</v>
      </c>
      <c r="J72542" s="1" t="s">
        <v>242695</v>
      </c>
    </row>
    <row r="72543" spans="1:10" x14ac:dyDescent="0.35">
      <c r="A72543" s="1" t="s">
        <v>27855</v>
      </c>
      <c r="B72543" s="1" t="s">
        <v>222693</v>
      </c>
      <c r="C72543" s="1" t="s">
        <v>45</v>
      </c>
      <c r="D72543" s="1" t="s">
        <v>242696</v>
      </c>
      <c r="E72543" s="1" t="s">
        <v>242697</v>
      </c>
      <c r="F72543" s="1" t="s">
        <v>242698</v>
      </c>
      <c r="G72543" s="1" t="s">
        <v>242675</v>
      </c>
      <c r="H72543" s="1" t="s">
        <v>242676</v>
      </c>
      <c r="I72543" s="1" t="s">
        <v>222698</v>
      </c>
      <c r="J72543" s="1" t="s">
        <v>242699</v>
      </c>
    </row>
    <row r="72544" spans="1:10" x14ac:dyDescent="0.35">
      <c r="A72544" s="1" t="s">
        <v>27855</v>
      </c>
      <c r="B72544" s="1" t="s">
        <v>222693</v>
      </c>
      <c r="C72544" s="1" t="s">
        <v>50</v>
      </c>
      <c r="D72544" s="1" t="s">
        <v>242700</v>
      </c>
      <c r="E72544" s="1" t="s">
        <v>242701</v>
      </c>
      <c r="F72544" s="1" t="s">
        <v>242702</v>
      </c>
      <c r="G72544" s="1" t="s">
        <v>242675</v>
      </c>
      <c r="H72544" s="1" t="s">
        <v>242676</v>
      </c>
      <c r="I72544" s="1" t="s">
        <v>222698</v>
      </c>
      <c r="J72544" s="1" t="s">
        <v>242703</v>
      </c>
    </row>
    <row r="72545" spans="1:10" x14ac:dyDescent="0.35">
      <c r="A72545" s="1" t="s">
        <v>27855</v>
      </c>
      <c r="B72545" s="1" t="s">
        <v>222693</v>
      </c>
      <c r="C72545" s="1" t="s">
        <v>55</v>
      </c>
      <c r="D72545" s="1" t="s">
        <v>242704</v>
      </c>
      <c r="E72545" s="1" t="s">
        <v>242705</v>
      </c>
      <c r="F72545" s="1" t="s">
        <v>242706</v>
      </c>
      <c r="G72545" s="1" t="s">
        <v>242675</v>
      </c>
      <c r="H72545" s="1" t="s">
        <v>242676</v>
      </c>
      <c r="I72545" s="1" t="s">
        <v>222698</v>
      </c>
      <c r="J72545" s="1" t="s">
        <v>242707</v>
      </c>
    </row>
    <row r="72546" spans="1:10" x14ac:dyDescent="0.35">
      <c r="A72546" s="1" t="s">
        <v>27855</v>
      </c>
      <c r="B72546" s="1" t="s">
        <v>222693</v>
      </c>
      <c r="C72546" s="1" t="s">
        <v>60</v>
      </c>
      <c r="D72546" s="1" t="s">
        <v>242708</v>
      </c>
      <c r="E72546" s="1" t="s">
        <v>242709</v>
      </c>
      <c r="F72546" s="1" t="s">
        <v>242710</v>
      </c>
      <c r="G72546" s="1" t="s">
        <v>242675</v>
      </c>
      <c r="H72546" s="1" t="s">
        <v>242676</v>
      </c>
      <c r="I72546" s="1" t="s">
        <v>222698</v>
      </c>
      <c r="J72546" s="1" t="s">
        <v>242711</v>
      </c>
    </row>
    <row r="72547" spans="1:10" x14ac:dyDescent="0.35">
      <c r="A72547" s="1" t="s">
        <v>27855</v>
      </c>
      <c r="B72547" s="1" t="s">
        <v>222693</v>
      </c>
      <c r="C72547" s="1" t="s">
        <v>65</v>
      </c>
      <c r="D72547" s="1" t="s">
        <v>26766</v>
      </c>
      <c r="E72547" s="1" t="s">
        <v>242712</v>
      </c>
      <c r="F72547" s="1" t="s">
        <v>242713</v>
      </c>
      <c r="G72547" s="1" t="s">
        <v>242675</v>
      </c>
      <c r="H72547" s="1" t="s">
        <v>242676</v>
      </c>
      <c r="I72547" s="1" t="s">
        <v>222698</v>
      </c>
      <c r="J72547" s="1" t="s">
        <v>242714</v>
      </c>
    </row>
    <row r="72548" spans="1:10" x14ac:dyDescent="0.35">
      <c r="A72548" s="1" t="s">
        <v>27855</v>
      </c>
      <c r="B72548" s="1" t="s">
        <v>222693</v>
      </c>
      <c r="C72548" s="1" t="s">
        <v>70</v>
      </c>
      <c r="D72548" s="1" t="s">
        <v>242715</v>
      </c>
      <c r="E72548" s="1" t="s">
        <v>242716</v>
      </c>
      <c r="F72548" s="1" t="s">
        <v>242717</v>
      </c>
      <c r="G72548" s="1" t="s">
        <v>242675</v>
      </c>
      <c r="H72548" s="1" t="s">
        <v>242676</v>
      </c>
      <c r="I72548" s="1" t="s">
        <v>222698</v>
      </c>
      <c r="J72548" s="1" t="s">
        <v>242718</v>
      </c>
    </row>
    <row r="72549" spans="1:10" x14ac:dyDescent="0.35">
      <c r="A72549" s="1" t="s">
        <v>27855</v>
      </c>
      <c r="B72549" s="1" t="s">
        <v>222693</v>
      </c>
      <c r="C72549" s="1" t="s">
        <v>75</v>
      </c>
      <c r="D72549" s="1" t="s">
        <v>242719</v>
      </c>
      <c r="E72549" s="1" t="s">
        <v>242720</v>
      </c>
      <c r="F72549" s="1" t="s">
        <v>242721</v>
      </c>
      <c r="G72549" s="1" t="s">
        <v>242675</v>
      </c>
      <c r="H72549" s="1" t="s">
        <v>242676</v>
      </c>
      <c r="I72549" s="1" t="s">
        <v>222698</v>
      </c>
      <c r="J72549" s="1" t="s">
        <v>242722</v>
      </c>
    </row>
    <row r="72550" spans="1:10" x14ac:dyDescent="0.35">
      <c r="A72550" s="1" t="s">
        <v>27855</v>
      </c>
      <c r="B72550" s="1" t="s">
        <v>222693</v>
      </c>
      <c r="C72550" s="1" t="s">
        <v>80</v>
      </c>
      <c r="D72550" s="1" t="s">
        <v>69712</v>
      </c>
      <c r="E72550" s="1" t="s">
        <v>242723</v>
      </c>
      <c r="F72550" s="1" t="s">
        <v>242724</v>
      </c>
      <c r="G72550" s="1" t="s">
        <v>242675</v>
      </c>
      <c r="H72550" s="1" t="s">
        <v>242676</v>
      </c>
      <c r="I72550" s="1" t="s">
        <v>222698</v>
      </c>
      <c r="J72550" s="1" t="s">
        <v>242725</v>
      </c>
    </row>
    <row r="72551" spans="1:10" x14ac:dyDescent="0.35">
      <c r="A72551" s="1" t="s">
        <v>27855</v>
      </c>
      <c r="B72551" s="1" t="s">
        <v>222693</v>
      </c>
      <c r="C72551" s="1" t="s">
        <v>85</v>
      </c>
      <c r="D72551" s="1" t="s">
        <v>101268</v>
      </c>
      <c r="E72551" s="1" t="s">
        <v>242726</v>
      </c>
      <c r="F72551" s="1" t="s">
        <v>242727</v>
      </c>
      <c r="G72551" s="1" t="s">
        <v>242675</v>
      </c>
      <c r="H72551" s="1" t="s">
        <v>242676</v>
      </c>
      <c r="I72551" s="1" t="s">
        <v>222698</v>
      </c>
      <c r="J72551" s="1" t="s">
        <v>242728</v>
      </c>
    </row>
    <row r="72552" spans="1:10" x14ac:dyDescent="0.35">
      <c r="A72552" s="1" t="s">
        <v>27855</v>
      </c>
      <c r="B72552" s="1" t="s">
        <v>222693</v>
      </c>
      <c r="C72552" s="1" t="s">
        <v>90</v>
      </c>
      <c r="D72552" s="1" t="s">
        <v>242729</v>
      </c>
      <c r="E72552" s="1" t="s">
        <v>242730</v>
      </c>
      <c r="F72552" s="1" t="s">
        <v>242731</v>
      </c>
      <c r="G72552" s="1" t="s">
        <v>242675</v>
      </c>
      <c r="H72552" s="1" t="s">
        <v>242676</v>
      </c>
      <c r="I72552" s="1" t="s">
        <v>222698</v>
      </c>
      <c r="J72552" s="1" t="s">
        <v>242732</v>
      </c>
    </row>
    <row r="72553" spans="1:10" x14ac:dyDescent="0.35">
      <c r="A72553" s="1" t="s">
        <v>27855</v>
      </c>
      <c r="B72553" s="1" t="s">
        <v>222693</v>
      </c>
      <c r="C72553" s="1" t="s">
        <v>95</v>
      </c>
      <c r="D72553" s="1" t="s">
        <v>69552</v>
      </c>
      <c r="E72553" s="1" t="s">
        <v>242733</v>
      </c>
      <c r="F72553" s="1" t="s">
        <v>242734</v>
      </c>
      <c r="G72553" s="1" t="s">
        <v>242675</v>
      </c>
      <c r="H72553" s="1" t="s">
        <v>242676</v>
      </c>
      <c r="I72553" s="1" t="s">
        <v>222698</v>
      </c>
      <c r="J72553" s="1" t="s">
        <v>242735</v>
      </c>
    </row>
    <row r="72554" spans="1:10" x14ac:dyDescent="0.35">
      <c r="A72554" s="1" t="s">
        <v>27855</v>
      </c>
      <c r="B72554" s="1" t="s">
        <v>222693</v>
      </c>
      <c r="C72554" s="1" t="s">
        <v>100</v>
      </c>
      <c r="D72554" s="1" t="s">
        <v>242736</v>
      </c>
      <c r="E72554" s="1" t="s">
        <v>242737</v>
      </c>
      <c r="F72554" s="1" t="s">
        <v>242738</v>
      </c>
      <c r="G72554" s="1" t="s">
        <v>242675</v>
      </c>
      <c r="H72554" s="1" t="s">
        <v>242676</v>
      </c>
      <c r="I72554" s="1" t="s">
        <v>222698</v>
      </c>
      <c r="J72554" s="1" t="s">
        <v>242739</v>
      </c>
    </row>
    <row r="72555" spans="1:10" x14ac:dyDescent="0.35">
      <c r="A72555" s="1" t="s">
        <v>27855</v>
      </c>
      <c r="B72555" s="1" t="s">
        <v>222693</v>
      </c>
      <c r="C72555" s="1" t="s">
        <v>105</v>
      </c>
      <c r="D72555" s="1" t="s">
        <v>86134</v>
      </c>
      <c r="E72555" s="1" t="s">
        <v>242740</v>
      </c>
      <c r="F72555" s="1" t="s">
        <v>242741</v>
      </c>
      <c r="G72555" s="1" t="s">
        <v>242675</v>
      </c>
      <c r="H72555" s="1" t="s">
        <v>242676</v>
      </c>
      <c r="I72555" s="1" t="s">
        <v>222698</v>
      </c>
      <c r="J72555" s="1" t="s">
        <v>242742</v>
      </c>
    </row>
    <row r="72556" spans="1:10" x14ac:dyDescent="0.35">
      <c r="A72556" s="1" t="s">
        <v>27855</v>
      </c>
      <c r="B72556" s="1" t="s">
        <v>222693</v>
      </c>
      <c r="C72556" s="1" t="s">
        <v>110</v>
      </c>
      <c r="D72556" s="1" t="s">
        <v>242743</v>
      </c>
      <c r="E72556" s="1" t="s">
        <v>242744</v>
      </c>
      <c r="F72556" s="1" t="s">
        <v>242745</v>
      </c>
      <c r="G72556" s="1" t="s">
        <v>242675</v>
      </c>
      <c r="H72556" s="1" t="s">
        <v>242676</v>
      </c>
      <c r="I72556" s="1" t="s">
        <v>222698</v>
      </c>
      <c r="J72556" s="1" t="s">
        <v>242746</v>
      </c>
    </row>
    <row r="72557" spans="1:10" x14ac:dyDescent="0.35">
      <c r="A72557" s="1" t="s">
        <v>27855</v>
      </c>
      <c r="B72557" s="1" t="s">
        <v>222693</v>
      </c>
      <c r="C72557" s="1" t="s">
        <v>115</v>
      </c>
      <c r="D72557" s="1" t="s">
        <v>19229</v>
      </c>
      <c r="E72557" s="1" t="s">
        <v>242747</v>
      </c>
      <c r="F72557" s="1" t="s">
        <v>242748</v>
      </c>
      <c r="G72557" s="1" t="s">
        <v>242675</v>
      </c>
      <c r="H72557" s="1" t="s">
        <v>242676</v>
      </c>
      <c r="I72557" s="1" t="s">
        <v>222698</v>
      </c>
      <c r="J72557" s="1" t="s">
        <v>242749</v>
      </c>
    </row>
    <row r="72558" spans="1:10" x14ac:dyDescent="0.35">
      <c r="A72558" s="1" t="s">
        <v>27855</v>
      </c>
      <c r="B72558" s="1" t="s">
        <v>222693</v>
      </c>
      <c r="C72558" s="1" t="s">
        <v>120</v>
      </c>
      <c r="D72558" s="1" t="s">
        <v>200785</v>
      </c>
      <c r="E72558" s="1" t="s">
        <v>242750</v>
      </c>
      <c r="F72558" s="1" t="s">
        <v>242751</v>
      </c>
      <c r="G72558" s="1" t="s">
        <v>242675</v>
      </c>
      <c r="H72558" s="1" t="s">
        <v>242676</v>
      </c>
      <c r="I72558" s="1" t="s">
        <v>222698</v>
      </c>
      <c r="J72558" s="1" t="s">
        <v>242752</v>
      </c>
    </row>
    <row r="72559" spans="1:10" x14ac:dyDescent="0.35">
      <c r="A72559" s="1" t="s">
        <v>27855</v>
      </c>
      <c r="B72559" s="1" t="s">
        <v>222693</v>
      </c>
      <c r="C72559" s="1" t="s">
        <v>125</v>
      </c>
      <c r="D72559" s="1" t="s">
        <v>193744</v>
      </c>
      <c r="E72559" s="1" t="s">
        <v>242753</v>
      </c>
      <c r="F72559" s="1" t="s">
        <v>242754</v>
      </c>
      <c r="G72559" s="1" t="s">
        <v>242675</v>
      </c>
      <c r="H72559" s="1" t="s">
        <v>242676</v>
      </c>
      <c r="I72559" s="1" t="s">
        <v>222698</v>
      </c>
      <c r="J72559" s="1" t="s">
        <v>242755</v>
      </c>
    </row>
    <row r="72560" spans="1:10" x14ac:dyDescent="0.35">
      <c r="A72560" s="1" t="s">
        <v>27855</v>
      </c>
      <c r="B72560" s="1" t="s">
        <v>222693</v>
      </c>
      <c r="C72560" s="1" t="s">
        <v>130</v>
      </c>
      <c r="D72560" s="1" t="s">
        <v>89679</v>
      </c>
      <c r="E72560" s="1" t="s">
        <v>242756</v>
      </c>
      <c r="F72560" s="1" t="s">
        <v>242757</v>
      </c>
      <c r="G72560" s="1" t="s">
        <v>242675</v>
      </c>
      <c r="H72560" s="1" t="s">
        <v>242676</v>
      </c>
      <c r="I72560" s="1" t="s">
        <v>222698</v>
      </c>
      <c r="J72560" s="1" t="s">
        <v>242758</v>
      </c>
    </row>
    <row r="72561" spans="1:10" x14ac:dyDescent="0.35">
      <c r="A72561" s="1" t="s">
        <v>27855</v>
      </c>
      <c r="B72561" s="1" t="s">
        <v>222693</v>
      </c>
      <c r="C72561" s="1" t="s">
        <v>135</v>
      </c>
      <c r="D72561" s="1" t="s">
        <v>129550</v>
      </c>
      <c r="E72561" s="1" t="s">
        <v>242759</v>
      </c>
      <c r="F72561" s="1" t="s">
        <v>242760</v>
      </c>
      <c r="G72561" s="1" t="s">
        <v>242675</v>
      </c>
      <c r="H72561" s="1" t="s">
        <v>242676</v>
      </c>
      <c r="I72561" s="1" t="s">
        <v>222698</v>
      </c>
      <c r="J72561" s="1" t="s">
        <v>242761</v>
      </c>
    </row>
    <row r="72562" spans="1:10" x14ac:dyDescent="0.35">
      <c r="A72562" s="1" t="s">
        <v>27855</v>
      </c>
      <c r="B72562" s="1" t="s">
        <v>222693</v>
      </c>
      <c r="C72562" s="1" t="s">
        <v>140</v>
      </c>
      <c r="D72562" s="1" t="s">
        <v>76669</v>
      </c>
      <c r="E72562" s="1" t="s">
        <v>242762</v>
      </c>
      <c r="F72562" s="1" t="s">
        <v>242763</v>
      </c>
      <c r="G72562" s="1" t="s">
        <v>242675</v>
      </c>
      <c r="H72562" s="1" t="s">
        <v>242676</v>
      </c>
      <c r="I72562" s="1" t="s">
        <v>222698</v>
      </c>
      <c r="J72562" s="1" t="s">
        <v>242764</v>
      </c>
    </row>
    <row r="72563" spans="1:10" x14ac:dyDescent="0.35">
      <c r="A72563" s="1" t="s">
        <v>27855</v>
      </c>
      <c r="B72563" s="1" t="s">
        <v>222693</v>
      </c>
      <c r="C72563" s="1" t="s">
        <v>145</v>
      </c>
      <c r="D72563" s="1" t="s">
        <v>133379</v>
      </c>
      <c r="E72563" s="1" t="s">
        <v>242765</v>
      </c>
      <c r="F72563" s="1" t="s">
        <v>242766</v>
      </c>
      <c r="G72563" s="1" t="s">
        <v>242675</v>
      </c>
      <c r="H72563" s="1" t="s">
        <v>242676</v>
      </c>
      <c r="I72563" s="1" t="s">
        <v>222698</v>
      </c>
      <c r="J72563" s="1" t="s">
        <v>242767</v>
      </c>
    </row>
    <row r="72564" spans="1:10" x14ac:dyDescent="0.35">
      <c r="A72564" s="1" t="s">
        <v>27855</v>
      </c>
      <c r="B72564" s="1" t="s">
        <v>222693</v>
      </c>
      <c r="C72564" s="1" t="s">
        <v>150</v>
      </c>
      <c r="D72564" s="1" t="s">
        <v>4968</v>
      </c>
      <c r="E72564" s="1" t="s">
        <v>242768</v>
      </c>
      <c r="F72564" s="1" t="s">
        <v>242769</v>
      </c>
      <c r="G72564" s="1" t="s">
        <v>242675</v>
      </c>
      <c r="H72564" s="1" t="s">
        <v>242676</v>
      </c>
      <c r="I72564" s="1" t="s">
        <v>222698</v>
      </c>
      <c r="J72564" s="1" t="s">
        <v>242770</v>
      </c>
    </row>
    <row r="72565" spans="1:10" x14ac:dyDescent="0.35">
      <c r="A72565" s="1" t="s">
        <v>27855</v>
      </c>
      <c r="B72565" s="1" t="s">
        <v>222693</v>
      </c>
      <c r="C72565" s="1" t="s">
        <v>155</v>
      </c>
      <c r="D72565" s="1" t="s">
        <v>242771</v>
      </c>
      <c r="E72565" s="1" t="s">
        <v>242772</v>
      </c>
      <c r="F72565" s="1" t="s">
        <v>242773</v>
      </c>
      <c r="G72565" s="1" t="s">
        <v>242675</v>
      </c>
      <c r="H72565" s="1" t="s">
        <v>242676</v>
      </c>
      <c r="I72565" s="1" t="s">
        <v>222698</v>
      </c>
      <c r="J72565" s="1" t="s">
        <v>242774</v>
      </c>
    </row>
    <row r="72566" spans="1:10" x14ac:dyDescent="0.35">
      <c r="A72566" s="1" t="s">
        <v>27855</v>
      </c>
      <c r="B72566" s="1" t="s">
        <v>222693</v>
      </c>
      <c r="C72566" s="1" t="s">
        <v>160</v>
      </c>
      <c r="D72566" s="1" t="s">
        <v>242775</v>
      </c>
      <c r="E72566" s="1" t="s">
        <v>242776</v>
      </c>
      <c r="F72566" s="1" t="s">
        <v>242777</v>
      </c>
      <c r="G72566" s="1" t="s">
        <v>242675</v>
      </c>
      <c r="H72566" s="1" t="s">
        <v>242676</v>
      </c>
      <c r="I72566" s="1" t="s">
        <v>222698</v>
      </c>
      <c r="J72566" s="1" t="s">
        <v>242778</v>
      </c>
    </row>
    <row r="72567" spans="1:10" x14ac:dyDescent="0.35">
      <c r="A72567" s="1" t="s">
        <v>27855</v>
      </c>
      <c r="B72567" s="1" t="s">
        <v>222693</v>
      </c>
      <c r="C72567" s="1" t="s">
        <v>165</v>
      </c>
      <c r="D72567" s="1" t="s">
        <v>242779</v>
      </c>
      <c r="E72567" s="1" t="s">
        <v>242780</v>
      </c>
      <c r="F72567" s="1" t="s">
        <v>242781</v>
      </c>
      <c r="G72567" s="1" t="s">
        <v>242675</v>
      </c>
      <c r="H72567" s="1" t="s">
        <v>242676</v>
      </c>
      <c r="I72567" s="1" t="s">
        <v>222698</v>
      </c>
      <c r="J72567" s="1" t="s">
        <v>242782</v>
      </c>
    </row>
    <row r="72568" spans="1:10" x14ac:dyDescent="0.35">
      <c r="A72568" s="1" t="s">
        <v>27855</v>
      </c>
      <c r="B72568" s="1" t="s">
        <v>222693</v>
      </c>
      <c r="C72568" s="1" t="s">
        <v>170</v>
      </c>
      <c r="D72568" s="1" t="s">
        <v>103439</v>
      </c>
      <c r="E72568" s="1" t="s">
        <v>242783</v>
      </c>
      <c r="F72568" s="1" t="s">
        <v>242784</v>
      </c>
      <c r="G72568" s="1" t="s">
        <v>242675</v>
      </c>
      <c r="H72568" s="1" t="s">
        <v>242676</v>
      </c>
      <c r="I72568" s="1" t="s">
        <v>222698</v>
      </c>
      <c r="J72568" s="1" t="s">
        <v>242785</v>
      </c>
    </row>
    <row r="72569" spans="1:10" x14ac:dyDescent="0.35">
      <c r="A72569" s="1" t="s">
        <v>242786</v>
      </c>
      <c r="B72569" s="1" t="s">
        <v>222693</v>
      </c>
      <c r="C72569" s="1" t="s">
        <v>8</v>
      </c>
      <c r="D72569" s="1" t="s">
        <v>92022</v>
      </c>
      <c r="E72569" s="1" t="s">
        <v>242787</v>
      </c>
      <c r="F72569" s="1" t="s">
        <v>242788</v>
      </c>
      <c r="G72569" s="1" t="s">
        <v>242789</v>
      </c>
      <c r="H72569" s="1" t="s">
        <v>242790</v>
      </c>
      <c r="I72569" s="1" t="s">
        <v>222698</v>
      </c>
      <c r="J72569" s="1" t="s">
        <v>13</v>
      </c>
    </row>
    <row r="72570" spans="1:10" x14ac:dyDescent="0.35">
      <c r="A72570" s="1" t="s">
        <v>242786</v>
      </c>
      <c r="B72570" s="1" t="s">
        <v>222693</v>
      </c>
      <c r="C72570" s="1" t="s">
        <v>15</v>
      </c>
      <c r="D72570" s="1" t="s">
        <v>62525</v>
      </c>
      <c r="E72570" s="1" t="s">
        <v>242791</v>
      </c>
      <c r="F72570" s="1" t="s">
        <v>242792</v>
      </c>
      <c r="G72570" s="1" t="s">
        <v>242789</v>
      </c>
      <c r="H72570" s="1" t="s">
        <v>242790</v>
      </c>
      <c r="I72570" s="1" t="s">
        <v>222698</v>
      </c>
      <c r="J72570" s="1" t="s">
        <v>242793</v>
      </c>
    </row>
    <row r="72571" spans="1:10" x14ac:dyDescent="0.35">
      <c r="A72571" s="1" t="s">
        <v>242786</v>
      </c>
      <c r="B72571" s="1" t="s">
        <v>222693</v>
      </c>
      <c r="C72571" s="1" t="s">
        <v>20</v>
      </c>
      <c r="D72571" s="1" t="s">
        <v>65410</v>
      </c>
      <c r="E72571" s="1" t="s">
        <v>242794</v>
      </c>
      <c r="F72571" s="1" t="s">
        <v>242795</v>
      </c>
      <c r="G72571" s="1" t="s">
        <v>242789</v>
      </c>
      <c r="H72571" s="1" t="s">
        <v>242790</v>
      </c>
      <c r="I72571" s="1" t="s">
        <v>222698</v>
      </c>
      <c r="J72571" s="1" t="s">
        <v>242796</v>
      </c>
    </row>
    <row r="72572" spans="1:10" x14ac:dyDescent="0.35">
      <c r="A72572" s="1" t="s">
        <v>242786</v>
      </c>
      <c r="B72572" s="1" t="s">
        <v>222693</v>
      </c>
      <c r="C72572" s="1" t="s">
        <v>25</v>
      </c>
      <c r="D72572" s="1" t="s">
        <v>93833</v>
      </c>
      <c r="E72572" s="1" t="s">
        <v>242797</v>
      </c>
      <c r="F72572" s="1" t="s">
        <v>242798</v>
      </c>
      <c r="G72572" s="1" t="s">
        <v>242789</v>
      </c>
      <c r="H72572" s="1" t="s">
        <v>242790</v>
      </c>
      <c r="I72572" s="1" t="s">
        <v>222698</v>
      </c>
      <c r="J72572" s="1" t="s">
        <v>242799</v>
      </c>
    </row>
    <row r="72573" spans="1:10" x14ac:dyDescent="0.35">
      <c r="A72573" s="1" t="s">
        <v>242786</v>
      </c>
      <c r="B72573" s="1" t="s">
        <v>222693</v>
      </c>
      <c r="C72573" s="1" t="s">
        <v>30</v>
      </c>
      <c r="D72573" s="1" t="s">
        <v>242800</v>
      </c>
      <c r="E72573" s="1" t="s">
        <v>242801</v>
      </c>
      <c r="F72573" s="1" t="s">
        <v>242802</v>
      </c>
      <c r="G72573" s="1" t="s">
        <v>242789</v>
      </c>
      <c r="H72573" s="1" t="s">
        <v>242790</v>
      </c>
      <c r="I72573" s="1" t="s">
        <v>222698</v>
      </c>
      <c r="J72573" s="1" t="s">
        <v>242803</v>
      </c>
    </row>
    <row r="72574" spans="1:10" x14ac:dyDescent="0.35">
      <c r="A72574" s="1" t="s">
        <v>242786</v>
      </c>
      <c r="B72574" s="1" t="s">
        <v>222693</v>
      </c>
      <c r="C72574" s="1" t="s">
        <v>35</v>
      </c>
      <c r="D72574" s="1" t="s">
        <v>95264</v>
      </c>
      <c r="E72574" s="1" t="s">
        <v>242804</v>
      </c>
      <c r="F72574" s="1" t="s">
        <v>242805</v>
      </c>
      <c r="G72574" s="1" t="s">
        <v>242789</v>
      </c>
      <c r="H72574" s="1" t="s">
        <v>242790</v>
      </c>
      <c r="I72574" s="1" t="s">
        <v>222698</v>
      </c>
      <c r="J72574" s="1" t="s">
        <v>242806</v>
      </c>
    </row>
    <row r="72575" spans="1:10" x14ac:dyDescent="0.35">
      <c r="A72575" s="1" t="s">
        <v>242786</v>
      </c>
      <c r="B72575" s="1" t="s">
        <v>222693</v>
      </c>
      <c r="C72575" s="1" t="s">
        <v>40</v>
      </c>
      <c r="D72575" s="1" t="s">
        <v>58120</v>
      </c>
      <c r="E72575" s="1" t="s">
        <v>242807</v>
      </c>
      <c r="F72575" s="1" t="s">
        <v>242808</v>
      </c>
      <c r="G72575" s="1" t="s">
        <v>242789</v>
      </c>
      <c r="H72575" s="1" t="s">
        <v>242790</v>
      </c>
      <c r="I72575" s="1" t="s">
        <v>222698</v>
      </c>
      <c r="J72575" s="1" t="s">
        <v>242809</v>
      </c>
    </row>
    <row r="72576" spans="1:10" x14ac:dyDescent="0.35">
      <c r="A72576" s="1" t="s">
        <v>242786</v>
      </c>
      <c r="B72576" s="1" t="s">
        <v>222693</v>
      </c>
      <c r="C72576" s="1" t="s">
        <v>45</v>
      </c>
      <c r="D72576" s="1" t="s">
        <v>242810</v>
      </c>
      <c r="E72576" s="1" t="s">
        <v>242811</v>
      </c>
      <c r="F72576" s="1" t="s">
        <v>242812</v>
      </c>
      <c r="G72576" s="1" t="s">
        <v>242789</v>
      </c>
      <c r="H72576" s="1" t="s">
        <v>242790</v>
      </c>
      <c r="I72576" s="1" t="s">
        <v>222698</v>
      </c>
      <c r="J72576" s="1" t="s">
        <v>242813</v>
      </c>
    </row>
    <row r="72577" spans="1:10" x14ac:dyDescent="0.35">
      <c r="A72577" s="1" t="s">
        <v>242786</v>
      </c>
      <c r="B72577" s="1" t="s">
        <v>222693</v>
      </c>
      <c r="C72577" s="1" t="s">
        <v>50</v>
      </c>
      <c r="D72577" s="1" t="s">
        <v>22598</v>
      </c>
      <c r="E72577" s="1" t="s">
        <v>242814</v>
      </c>
      <c r="F72577" s="1" t="s">
        <v>242815</v>
      </c>
      <c r="G72577" s="1" t="s">
        <v>242789</v>
      </c>
      <c r="H72577" s="1" t="s">
        <v>242790</v>
      </c>
      <c r="I72577" s="1" t="s">
        <v>222698</v>
      </c>
      <c r="J72577" s="1" t="s">
        <v>242816</v>
      </c>
    </row>
    <row r="72578" spans="1:10" x14ac:dyDescent="0.35">
      <c r="A72578" s="1" t="s">
        <v>242786</v>
      </c>
      <c r="B72578" s="1" t="s">
        <v>222693</v>
      </c>
      <c r="C72578" s="1" t="s">
        <v>55</v>
      </c>
      <c r="D72578" s="1" t="s">
        <v>242817</v>
      </c>
      <c r="E72578" s="1" t="s">
        <v>242818</v>
      </c>
      <c r="F72578" s="1" t="s">
        <v>242819</v>
      </c>
      <c r="G72578" s="1" t="s">
        <v>242789</v>
      </c>
      <c r="H72578" s="1" t="s">
        <v>242790</v>
      </c>
      <c r="I72578" s="1" t="s">
        <v>222698</v>
      </c>
      <c r="J72578" s="1" t="s">
        <v>242820</v>
      </c>
    </row>
    <row r="72579" spans="1:10" x14ac:dyDescent="0.35">
      <c r="A72579" s="1" t="s">
        <v>242786</v>
      </c>
      <c r="B72579" s="1" t="s">
        <v>222693</v>
      </c>
      <c r="C72579" s="1" t="s">
        <v>60</v>
      </c>
      <c r="D72579" s="1" t="s">
        <v>242821</v>
      </c>
      <c r="E72579" s="1" t="s">
        <v>242822</v>
      </c>
      <c r="F72579" s="1" t="s">
        <v>242823</v>
      </c>
      <c r="G72579" s="1" t="s">
        <v>242789</v>
      </c>
      <c r="H72579" s="1" t="s">
        <v>242790</v>
      </c>
      <c r="I72579" s="1" t="s">
        <v>222698</v>
      </c>
      <c r="J72579" s="1" t="s">
        <v>242824</v>
      </c>
    </row>
    <row r="72580" spans="1:10" x14ac:dyDescent="0.35">
      <c r="A72580" s="1" t="s">
        <v>242786</v>
      </c>
      <c r="B72580" s="1" t="s">
        <v>222693</v>
      </c>
      <c r="C72580" s="1" t="s">
        <v>65</v>
      </c>
      <c r="D72580" s="1" t="s">
        <v>242825</v>
      </c>
      <c r="E72580" s="1" t="s">
        <v>242826</v>
      </c>
      <c r="F72580" s="1" t="s">
        <v>242827</v>
      </c>
      <c r="G72580" s="1" t="s">
        <v>242789</v>
      </c>
      <c r="H72580" s="1" t="s">
        <v>242790</v>
      </c>
      <c r="I72580" s="1" t="s">
        <v>222698</v>
      </c>
      <c r="J72580" s="1" t="s">
        <v>242828</v>
      </c>
    </row>
    <row r="72581" spans="1:10" x14ac:dyDescent="0.35">
      <c r="A72581" s="1" t="s">
        <v>242786</v>
      </c>
      <c r="B72581" s="1" t="s">
        <v>222693</v>
      </c>
      <c r="C72581" s="1" t="s">
        <v>70</v>
      </c>
      <c r="D72581" s="1" t="s">
        <v>242829</v>
      </c>
      <c r="E72581" s="1" t="s">
        <v>242830</v>
      </c>
      <c r="F72581" s="1" t="s">
        <v>242831</v>
      </c>
      <c r="G72581" s="1" t="s">
        <v>242789</v>
      </c>
      <c r="H72581" s="1" t="s">
        <v>242790</v>
      </c>
      <c r="I72581" s="1" t="s">
        <v>222698</v>
      </c>
      <c r="J72581" s="1" t="s">
        <v>242832</v>
      </c>
    </row>
    <row r="72582" spans="1:10" x14ac:dyDescent="0.35">
      <c r="A72582" s="1" t="s">
        <v>242786</v>
      </c>
      <c r="B72582" s="1" t="s">
        <v>222693</v>
      </c>
      <c r="C72582" s="1" t="s">
        <v>75</v>
      </c>
      <c r="D72582" s="1" t="s">
        <v>242833</v>
      </c>
      <c r="E72582" s="1" t="s">
        <v>242834</v>
      </c>
      <c r="F72582" s="1" t="s">
        <v>242835</v>
      </c>
      <c r="G72582" s="1" t="s">
        <v>242789</v>
      </c>
      <c r="H72582" s="1" t="s">
        <v>242790</v>
      </c>
      <c r="I72582" s="1" t="s">
        <v>222698</v>
      </c>
      <c r="J72582" s="1" t="s">
        <v>242836</v>
      </c>
    </row>
    <row r="72583" spans="1:10" x14ac:dyDescent="0.35">
      <c r="A72583" s="1" t="s">
        <v>242786</v>
      </c>
      <c r="B72583" s="1" t="s">
        <v>222693</v>
      </c>
      <c r="C72583" s="1" t="s">
        <v>80</v>
      </c>
      <c r="D72583" s="1" t="s">
        <v>20190</v>
      </c>
      <c r="E72583" s="1" t="s">
        <v>242837</v>
      </c>
      <c r="F72583" s="1" t="s">
        <v>242838</v>
      </c>
      <c r="G72583" s="1" t="s">
        <v>242789</v>
      </c>
      <c r="H72583" s="1" t="s">
        <v>242790</v>
      </c>
      <c r="I72583" s="1" t="s">
        <v>222698</v>
      </c>
      <c r="J72583" s="1" t="s">
        <v>242839</v>
      </c>
    </row>
    <row r="72584" spans="1:10" x14ac:dyDescent="0.35">
      <c r="A72584" s="1" t="s">
        <v>242786</v>
      </c>
      <c r="B72584" s="1" t="s">
        <v>222693</v>
      </c>
      <c r="C72584" s="1" t="s">
        <v>85</v>
      </c>
      <c r="D72584" s="1" t="s">
        <v>242840</v>
      </c>
      <c r="E72584" s="1" t="s">
        <v>242841</v>
      </c>
      <c r="F72584" s="1" t="s">
        <v>242842</v>
      </c>
      <c r="G72584" s="1" t="s">
        <v>242789</v>
      </c>
      <c r="H72584" s="1" t="s">
        <v>242790</v>
      </c>
      <c r="I72584" s="1" t="s">
        <v>222698</v>
      </c>
      <c r="J72584" s="1" t="s">
        <v>242843</v>
      </c>
    </row>
    <row r="72585" spans="1:10" x14ac:dyDescent="0.35">
      <c r="A72585" s="1" t="s">
        <v>242786</v>
      </c>
      <c r="B72585" s="1" t="s">
        <v>222693</v>
      </c>
      <c r="C72585" s="1" t="s">
        <v>90</v>
      </c>
      <c r="D72585" s="1" t="s">
        <v>17336</v>
      </c>
      <c r="E72585" s="1" t="s">
        <v>242844</v>
      </c>
      <c r="F72585" s="1" t="s">
        <v>242845</v>
      </c>
      <c r="G72585" s="1" t="s">
        <v>242789</v>
      </c>
      <c r="H72585" s="1" t="s">
        <v>242790</v>
      </c>
      <c r="I72585" s="1" t="s">
        <v>222698</v>
      </c>
      <c r="J72585" s="1" t="s">
        <v>242846</v>
      </c>
    </row>
    <row r="72586" spans="1:10" x14ac:dyDescent="0.35">
      <c r="A72586" s="1" t="s">
        <v>242786</v>
      </c>
      <c r="B72586" s="1" t="s">
        <v>222693</v>
      </c>
      <c r="C72586" s="1" t="s">
        <v>95</v>
      </c>
      <c r="D72586" s="1" t="s">
        <v>242847</v>
      </c>
      <c r="E72586" s="1" t="s">
        <v>242848</v>
      </c>
      <c r="F72586" s="1" t="s">
        <v>242849</v>
      </c>
      <c r="G72586" s="1" t="s">
        <v>242789</v>
      </c>
      <c r="H72586" s="1" t="s">
        <v>242790</v>
      </c>
      <c r="I72586" s="1" t="s">
        <v>222698</v>
      </c>
      <c r="J72586" s="1" t="s">
        <v>242850</v>
      </c>
    </row>
    <row r="72587" spans="1:10" x14ac:dyDescent="0.35">
      <c r="A72587" s="1" t="s">
        <v>242786</v>
      </c>
      <c r="B72587" s="1" t="s">
        <v>222693</v>
      </c>
      <c r="C72587" s="1" t="s">
        <v>100</v>
      </c>
      <c r="D72587" s="1" t="s">
        <v>242851</v>
      </c>
      <c r="E72587" s="1" t="s">
        <v>242852</v>
      </c>
      <c r="F72587" s="1" t="s">
        <v>242853</v>
      </c>
      <c r="G72587" s="1" t="s">
        <v>242789</v>
      </c>
      <c r="H72587" s="1" t="s">
        <v>242790</v>
      </c>
      <c r="I72587" s="1" t="s">
        <v>222698</v>
      </c>
      <c r="J72587" s="1" t="s">
        <v>242854</v>
      </c>
    </row>
    <row r="72588" spans="1:10" x14ac:dyDescent="0.35">
      <c r="A72588" s="1" t="s">
        <v>242786</v>
      </c>
      <c r="B72588" s="1" t="s">
        <v>222693</v>
      </c>
      <c r="C72588" s="1" t="s">
        <v>105</v>
      </c>
      <c r="D72588" s="1" t="s">
        <v>59983</v>
      </c>
      <c r="E72588" s="1" t="s">
        <v>242855</v>
      </c>
      <c r="F72588" s="1" t="s">
        <v>242856</v>
      </c>
      <c r="G72588" s="1" t="s">
        <v>242789</v>
      </c>
      <c r="H72588" s="1" t="s">
        <v>242790</v>
      </c>
      <c r="I72588" s="1" t="s">
        <v>222698</v>
      </c>
      <c r="J72588" s="1" t="s">
        <v>242857</v>
      </c>
    </row>
    <row r="72589" spans="1:10" x14ac:dyDescent="0.35">
      <c r="A72589" s="1" t="s">
        <v>242786</v>
      </c>
      <c r="B72589" s="1" t="s">
        <v>222693</v>
      </c>
      <c r="C72589" s="1" t="s">
        <v>110</v>
      </c>
      <c r="D72589" s="1" t="s">
        <v>242858</v>
      </c>
      <c r="E72589" s="1" t="s">
        <v>242859</v>
      </c>
      <c r="F72589" s="1" t="s">
        <v>242860</v>
      </c>
      <c r="G72589" s="1" t="s">
        <v>242789</v>
      </c>
      <c r="H72589" s="1" t="s">
        <v>242790</v>
      </c>
      <c r="I72589" s="1" t="s">
        <v>222698</v>
      </c>
      <c r="J72589" s="1" t="s">
        <v>242861</v>
      </c>
    </row>
    <row r="72590" spans="1:10" x14ac:dyDescent="0.35">
      <c r="A72590" s="1" t="s">
        <v>242786</v>
      </c>
      <c r="B72590" s="1" t="s">
        <v>222693</v>
      </c>
      <c r="C72590" s="1" t="s">
        <v>115</v>
      </c>
      <c r="D72590" s="1" t="s">
        <v>242862</v>
      </c>
      <c r="E72590" s="1" t="s">
        <v>242863</v>
      </c>
      <c r="F72590" s="1" t="s">
        <v>242864</v>
      </c>
      <c r="G72590" s="1" t="s">
        <v>242789</v>
      </c>
      <c r="H72590" s="1" t="s">
        <v>242790</v>
      </c>
      <c r="I72590" s="1" t="s">
        <v>222698</v>
      </c>
      <c r="J72590" s="1" t="s">
        <v>242865</v>
      </c>
    </row>
    <row r="72591" spans="1:10" x14ac:dyDescent="0.35">
      <c r="A72591" s="1" t="s">
        <v>242786</v>
      </c>
      <c r="B72591" s="1" t="s">
        <v>222693</v>
      </c>
      <c r="C72591" s="1" t="s">
        <v>120</v>
      </c>
      <c r="D72591" s="1" t="s">
        <v>133854</v>
      </c>
      <c r="E72591" s="1" t="s">
        <v>242866</v>
      </c>
      <c r="F72591" s="1" t="s">
        <v>242867</v>
      </c>
      <c r="G72591" s="1" t="s">
        <v>242789</v>
      </c>
      <c r="H72591" s="1" t="s">
        <v>242790</v>
      </c>
      <c r="I72591" s="1" t="s">
        <v>222698</v>
      </c>
      <c r="J72591" s="1" t="s">
        <v>242868</v>
      </c>
    </row>
    <row r="72592" spans="1:10" x14ac:dyDescent="0.35">
      <c r="A72592" s="1" t="s">
        <v>242786</v>
      </c>
      <c r="B72592" s="1" t="s">
        <v>222693</v>
      </c>
      <c r="C72592" s="1" t="s">
        <v>125</v>
      </c>
      <c r="D72592" s="1" t="s">
        <v>242869</v>
      </c>
      <c r="E72592" s="1" t="s">
        <v>242870</v>
      </c>
      <c r="F72592" s="1" t="s">
        <v>242871</v>
      </c>
      <c r="G72592" s="1" t="s">
        <v>242789</v>
      </c>
      <c r="H72592" s="1" t="s">
        <v>242790</v>
      </c>
      <c r="I72592" s="1" t="s">
        <v>222698</v>
      </c>
      <c r="J72592" s="1" t="s">
        <v>242872</v>
      </c>
    </row>
    <row r="72593" spans="1:10" x14ac:dyDescent="0.35">
      <c r="A72593" s="1" t="s">
        <v>242786</v>
      </c>
      <c r="B72593" s="1" t="s">
        <v>222693</v>
      </c>
      <c r="C72593" s="1" t="s">
        <v>130</v>
      </c>
      <c r="D72593" s="1" t="s">
        <v>242873</v>
      </c>
      <c r="E72593" s="1" t="s">
        <v>242874</v>
      </c>
      <c r="F72593" s="1" t="s">
        <v>242875</v>
      </c>
      <c r="G72593" s="1" t="s">
        <v>242789</v>
      </c>
      <c r="H72593" s="1" t="s">
        <v>242790</v>
      </c>
      <c r="I72593" s="1" t="s">
        <v>222698</v>
      </c>
      <c r="J72593" s="1" t="s">
        <v>242876</v>
      </c>
    </row>
    <row r="72594" spans="1:10" x14ac:dyDescent="0.35">
      <c r="A72594" s="1" t="s">
        <v>242786</v>
      </c>
      <c r="B72594" s="1" t="s">
        <v>222693</v>
      </c>
      <c r="C72594" s="1" t="s">
        <v>135</v>
      </c>
      <c r="D72594" s="1" t="s">
        <v>41031</v>
      </c>
      <c r="E72594" s="1" t="s">
        <v>242877</v>
      </c>
      <c r="F72594" s="1" t="s">
        <v>242878</v>
      </c>
      <c r="G72594" s="1" t="s">
        <v>242789</v>
      </c>
      <c r="H72594" s="1" t="s">
        <v>242790</v>
      </c>
      <c r="I72594" s="1" t="s">
        <v>222698</v>
      </c>
      <c r="J72594" s="1" t="s">
        <v>242879</v>
      </c>
    </row>
    <row r="72595" spans="1:10" x14ac:dyDescent="0.35">
      <c r="A72595" s="1" t="s">
        <v>242786</v>
      </c>
      <c r="B72595" s="1" t="s">
        <v>222693</v>
      </c>
      <c r="C72595" s="1" t="s">
        <v>140</v>
      </c>
      <c r="D72595" s="1" t="s">
        <v>242880</v>
      </c>
      <c r="E72595" s="1" t="s">
        <v>242881</v>
      </c>
      <c r="F72595" s="1" t="s">
        <v>242882</v>
      </c>
      <c r="G72595" s="1" t="s">
        <v>242789</v>
      </c>
      <c r="H72595" s="1" t="s">
        <v>242790</v>
      </c>
      <c r="I72595" s="1" t="s">
        <v>222698</v>
      </c>
      <c r="J72595" s="1" t="s">
        <v>242883</v>
      </c>
    </row>
    <row r="72596" spans="1:10" x14ac:dyDescent="0.35">
      <c r="A72596" s="1" t="s">
        <v>242786</v>
      </c>
      <c r="B72596" s="1" t="s">
        <v>222693</v>
      </c>
      <c r="C72596" s="1" t="s">
        <v>145</v>
      </c>
      <c r="D72596" s="1" t="s">
        <v>96584</v>
      </c>
      <c r="E72596" s="1" t="s">
        <v>242884</v>
      </c>
      <c r="F72596" s="1" t="s">
        <v>242885</v>
      </c>
      <c r="G72596" s="1" t="s">
        <v>242789</v>
      </c>
      <c r="H72596" s="1" t="s">
        <v>242790</v>
      </c>
      <c r="I72596" s="1" t="s">
        <v>222698</v>
      </c>
      <c r="J72596" s="1" t="s">
        <v>242886</v>
      </c>
    </row>
    <row r="72597" spans="1:10" x14ac:dyDescent="0.35">
      <c r="A72597" s="1" t="s">
        <v>242786</v>
      </c>
      <c r="B72597" s="1" t="s">
        <v>222693</v>
      </c>
      <c r="C72597" s="1" t="s">
        <v>150</v>
      </c>
      <c r="D72597" s="1" t="s">
        <v>242887</v>
      </c>
      <c r="E72597" s="1" t="s">
        <v>242888</v>
      </c>
      <c r="F72597" s="1" t="s">
        <v>242889</v>
      </c>
      <c r="G72597" s="1" t="s">
        <v>242789</v>
      </c>
      <c r="H72597" s="1" t="s">
        <v>242790</v>
      </c>
      <c r="I72597" s="1" t="s">
        <v>222698</v>
      </c>
      <c r="J72597" s="1" t="s">
        <v>242890</v>
      </c>
    </row>
    <row r="72598" spans="1:10" x14ac:dyDescent="0.35">
      <c r="A72598" s="1" t="s">
        <v>242786</v>
      </c>
      <c r="B72598" s="1" t="s">
        <v>222693</v>
      </c>
      <c r="C72598" s="1" t="s">
        <v>155</v>
      </c>
      <c r="D72598" s="1" t="s">
        <v>128471</v>
      </c>
      <c r="E72598" s="1" t="s">
        <v>242891</v>
      </c>
      <c r="F72598" s="1" t="s">
        <v>242892</v>
      </c>
      <c r="G72598" s="1" t="s">
        <v>242789</v>
      </c>
      <c r="H72598" s="1" t="s">
        <v>242790</v>
      </c>
      <c r="I72598" s="1" t="s">
        <v>222698</v>
      </c>
      <c r="J72598" s="1" t="s">
        <v>242893</v>
      </c>
    </row>
    <row r="72599" spans="1:10" x14ac:dyDescent="0.35">
      <c r="A72599" s="1" t="s">
        <v>242786</v>
      </c>
      <c r="B72599" s="1" t="s">
        <v>222693</v>
      </c>
      <c r="C72599" s="1" t="s">
        <v>160</v>
      </c>
      <c r="D72599" s="1" t="s">
        <v>58430</v>
      </c>
      <c r="E72599" s="1" t="s">
        <v>242894</v>
      </c>
      <c r="F72599" s="1" t="s">
        <v>242895</v>
      </c>
      <c r="G72599" s="1" t="s">
        <v>242789</v>
      </c>
      <c r="H72599" s="1" t="s">
        <v>242790</v>
      </c>
      <c r="I72599" s="1" t="s">
        <v>222698</v>
      </c>
      <c r="J72599" s="1" t="s">
        <v>242896</v>
      </c>
    </row>
    <row r="72600" spans="1:10" x14ac:dyDescent="0.35">
      <c r="A72600" s="1" t="s">
        <v>242786</v>
      </c>
      <c r="B72600" s="1" t="s">
        <v>222693</v>
      </c>
      <c r="C72600" s="1" t="s">
        <v>165</v>
      </c>
      <c r="D72600" s="1" t="s">
        <v>239998</v>
      </c>
      <c r="E72600" s="1" t="s">
        <v>242897</v>
      </c>
      <c r="F72600" s="1" t="s">
        <v>242898</v>
      </c>
      <c r="G72600" s="1" t="s">
        <v>242789</v>
      </c>
      <c r="H72600" s="1" t="s">
        <v>242790</v>
      </c>
      <c r="I72600" s="1" t="s">
        <v>222698</v>
      </c>
      <c r="J72600" s="1" t="s">
        <v>242899</v>
      </c>
    </row>
    <row r="72601" spans="1:10" x14ac:dyDescent="0.35">
      <c r="A72601" s="1" t="s">
        <v>242786</v>
      </c>
      <c r="B72601" s="1" t="s">
        <v>222693</v>
      </c>
      <c r="C72601" s="1" t="s">
        <v>170</v>
      </c>
      <c r="D72601" s="1" t="s">
        <v>129039</v>
      </c>
      <c r="E72601" s="1" t="s">
        <v>242900</v>
      </c>
      <c r="F72601" s="1" t="s">
        <v>242901</v>
      </c>
      <c r="G72601" s="1" t="s">
        <v>242789</v>
      </c>
      <c r="H72601" s="1" t="s">
        <v>242790</v>
      </c>
      <c r="I72601" s="1" t="s">
        <v>222698</v>
      </c>
      <c r="J72601" s="1" t="s">
        <v>242902</v>
      </c>
    </row>
    <row r="72602" spans="1:10" x14ac:dyDescent="0.35">
      <c r="A72602" s="1" t="s">
        <v>121616</v>
      </c>
      <c r="B72602" s="1" t="s">
        <v>222693</v>
      </c>
      <c r="C72602" s="1" t="s">
        <v>8</v>
      </c>
      <c r="D72602" s="1" t="s">
        <v>173828</v>
      </c>
      <c r="E72602" s="1" t="s">
        <v>242903</v>
      </c>
      <c r="F72602" s="1" t="s">
        <v>242904</v>
      </c>
      <c r="G72602" s="1" t="s">
        <v>242905</v>
      </c>
      <c r="H72602" s="1" t="s">
        <v>242906</v>
      </c>
      <c r="I72602" s="1" t="s">
        <v>222698</v>
      </c>
      <c r="J72602" s="1" t="s">
        <v>13</v>
      </c>
    </row>
    <row r="72603" spans="1:10" x14ac:dyDescent="0.35">
      <c r="A72603" s="1" t="s">
        <v>121616</v>
      </c>
      <c r="B72603" s="1" t="s">
        <v>222693</v>
      </c>
      <c r="C72603" s="1" t="s">
        <v>15</v>
      </c>
      <c r="D72603" s="1" t="s">
        <v>224723</v>
      </c>
      <c r="E72603" s="1" t="s">
        <v>242907</v>
      </c>
      <c r="F72603" s="1" t="s">
        <v>242908</v>
      </c>
      <c r="G72603" s="1" t="s">
        <v>242905</v>
      </c>
      <c r="H72603" s="1" t="s">
        <v>242906</v>
      </c>
      <c r="I72603" s="1" t="s">
        <v>222698</v>
      </c>
      <c r="J72603" s="1" t="s">
        <v>242909</v>
      </c>
    </row>
    <row r="72604" spans="1:10" x14ac:dyDescent="0.35">
      <c r="A72604" s="1" t="s">
        <v>121616</v>
      </c>
      <c r="B72604" s="1" t="s">
        <v>222693</v>
      </c>
      <c r="C72604" s="1" t="s">
        <v>20</v>
      </c>
      <c r="D72604" s="1" t="s">
        <v>64266</v>
      </c>
      <c r="E72604" s="1" t="s">
        <v>242910</v>
      </c>
      <c r="F72604" s="1" t="s">
        <v>242911</v>
      </c>
      <c r="G72604" s="1" t="s">
        <v>242905</v>
      </c>
      <c r="H72604" s="1" t="s">
        <v>242906</v>
      </c>
      <c r="I72604" s="1" t="s">
        <v>222698</v>
      </c>
      <c r="J72604" s="1" t="s">
        <v>242912</v>
      </c>
    </row>
    <row r="72605" spans="1:10" x14ac:dyDescent="0.35">
      <c r="A72605" s="1" t="s">
        <v>121616</v>
      </c>
      <c r="B72605" s="1" t="s">
        <v>222693</v>
      </c>
      <c r="C72605" s="1" t="s">
        <v>25</v>
      </c>
      <c r="D72605" s="1" t="s">
        <v>162702</v>
      </c>
      <c r="E72605" s="1" t="s">
        <v>242913</v>
      </c>
      <c r="F72605" s="1" t="s">
        <v>242914</v>
      </c>
      <c r="G72605" s="1" t="s">
        <v>242905</v>
      </c>
      <c r="H72605" s="1" t="s">
        <v>242906</v>
      </c>
      <c r="I72605" s="1" t="s">
        <v>222698</v>
      </c>
      <c r="J72605" s="1" t="s">
        <v>242915</v>
      </c>
    </row>
    <row r="72606" spans="1:10" x14ac:dyDescent="0.35">
      <c r="A72606" s="1" t="s">
        <v>121616</v>
      </c>
      <c r="B72606" s="1" t="s">
        <v>222693</v>
      </c>
      <c r="C72606" s="1" t="s">
        <v>30</v>
      </c>
      <c r="D72606" s="1" t="s">
        <v>21480</v>
      </c>
      <c r="E72606" s="1" t="s">
        <v>77210</v>
      </c>
      <c r="F72606" s="1" t="s">
        <v>242916</v>
      </c>
      <c r="G72606" s="1" t="s">
        <v>242905</v>
      </c>
      <c r="H72606" s="1" t="s">
        <v>242906</v>
      </c>
      <c r="I72606" s="1" t="s">
        <v>222698</v>
      </c>
      <c r="J72606" s="1" t="s">
        <v>242917</v>
      </c>
    </row>
    <row r="72607" spans="1:10" x14ac:dyDescent="0.35">
      <c r="A72607" s="1" t="s">
        <v>121616</v>
      </c>
      <c r="B72607" s="1" t="s">
        <v>222693</v>
      </c>
      <c r="C72607" s="1" t="s">
        <v>35</v>
      </c>
      <c r="D72607" s="1" t="s">
        <v>85497</v>
      </c>
      <c r="E72607" s="1" t="s">
        <v>242918</v>
      </c>
      <c r="F72607" s="1" t="s">
        <v>242919</v>
      </c>
      <c r="G72607" s="1" t="s">
        <v>242905</v>
      </c>
      <c r="H72607" s="1" t="s">
        <v>242906</v>
      </c>
      <c r="I72607" s="1" t="s">
        <v>222698</v>
      </c>
      <c r="J72607" s="1" t="s">
        <v>242920</v>
      </c>
    </row>
    <row r="72608" spans="1:10" x14ac:dyDescent="0.35">
      <c r="A72608" s="1" t="s">
        <v>121616</v>
      </c>
      <c r="B72608" s="1" t="s">
        <v>222693</v>
      </c>
      <c r="C72608" s="1" t="s">
        <v>40</v>
      </c>
      <c r="D72608" s="1" t="s">
        <v>242921</v>
      </c>
      <c r="E72608" s="1" t="s">
        <v>242922</v>
      </c>
      <c r="F72608" s="1" t="s">
        <v>242923</v>
      </c>
      <c r="G72608" s="1" t="s">
        <v>242905</v>
      </c>
      <c r="H72608" s="1" t="s">
        <v>242906</v>
      </c>
      <c r="I72608" s="1" t="s">
        <v>222698</v>
      </c>
      <c r="J72608" s="1" t="s">
        <v>242924</v>
      </c>
    </row>
    <row r="72609" spans="1:10" x14ac:dyDescent="0.35">
      <c r="A72609" s="1" t="s">
        <v>121616</v>
      </c>
      <c r="B72609" s="1" t="s">
        <v>222693</v>
      </c>
      <c r="C72609" s="1" t="s">
        <v>45</v>
      </c>
      <c r="D72609" s="1" t="s">
        <v>20399</v>
      </c>
      <c r="E72609" s="1" t="s">
        <v>242925</v>
      </c>
      <c r="F72609" s="1" t="s">
        <v>242926</v>
      </c>
      <c r="G72609" s="1" t="s">
        <v>242905</v>
      </c>
      <c r="H72609" s="1" t="s">
        <v>242906</v>
      </c>
      <c r="I72609" s="1" t="s">
        <v>222698</v>
      </c>
      <c r="J72609" s="1" t="s">
        <v>242927</v>
      </c>
    </row>
    <row r="72610" spans="1:10" x14ac:dyDescent="0.35">
      <c r="A72610" s="1" t="s">
        <v>121616</v>
      </c>
      <c r="B72610" s="1" t="s">
        <v>222693</v>
      </c>
      <c r="C72610" s="1" t="s">
        <v>50</v>
      </c>
      <c r="D72610" s="1" t="s">
        <v>242928</v>
      </c>
      <c r="E72610" s="1" t="s">
        <v>242929</v>
      </c>
      <c r="F72610" s="1" t="s">
        <v>242930</v>
      </c>
      <c r="G72610" s="1" t="s">
        <v>242905</v>
      </c>
      <c r="H72610" s="1" t="s">
        <v>242906</v>
      </c>
      <c r="I72610" s="1" t="s">
        <v>222698</v>
      </c>
      <c r="J72610" s="1" t="s">
        <v>242931</v>
      </c>
    </row>
    <row r="72611" spans="1:10" x14ac:dyDescent="0.35">
      <c r="A72611" s="1" t="s">
        <v>121616</v>
      </c>
      <c r="B72611" s="1" t="s">
        <v>222693</v>
      </c>
      <c r="C72611" s="1" t="s">
        <v>55</v>
      </c>
      <c r="D72611" s="1" t="s">
        <v>242932</v>
      </c>
      <c r="E72611" s="1" t="s">
        <v>242933</v>
      </c>
      <c r="F72611" s="1" t="s">
        <v>242934</v>
      </c>
      <c r="G72611" s="1" t="s">
        <v>242905</v>
      </c>
      <c r="H72611" s="1" t="s">
        <v>242906</v>
      </c>
      <c r="I72611" s="1" t="s">
        <v>222698</v>
      </c>
      <c r="J72611" s="1" t="s">
        <v>242935</v>
      </c>
    </row>
    <row r="72612" spans="1:10" x14ac:dyDescent="0.35">
      <c r="A72612" s="1" t="s">
        <v>121616</v>
      </c>
      <c r="B72612" s="1" t="s">
        <v>222693</v>
      </c>
      <c r="C72612" s="1" t="s">
        <v>60</v>
      </c>
      <c r="D72612" s="1" t="s">
        <v>102441</v>
      </c>
      <c r="E72612" s="1" t="s">
        <v>242936</v>
      </c>
      <c r="F72612" s="1" t="s">
        <v>242937</v>
      </c>
      <c r="G72612" s="1" t="s">
        <v>242905</v>
      </c>
      <c r="H72612" s="1" t="s">
        <v>242906</v>
      </c>
      <c r="I72612" s="1" t="s">
        <v>222698</v>
      </c>
      <c r="J72612" s="1" t="s">
        <v>242938</v>
      </c>
    </row>
    <row r="72613" spans="1:10" x14ac:dyDescent="0.35">
      <c r="A72613" s="1" t="s">
        <v>121616</v>
      </c>
      <c r="B72613" s="1" t="s">
        <v>222693</v>
      </c>
      <c r="C72613" s="1" t="s">
        <v>65</v>
      </c>
      <c r="D72613" s="1" t="s">
        <v>242939</v>
      </c>
      <c r="E72613" s="1" t="s">
        <v>242940</v>
      </c>
      <c r="F72613" s="1" t="s">
        <v>242941</v>
      </c>
      <c r="G72613" s="1" t="s">
        <v>242905</v>
      </c>
      <c r="H72613" s="1" t="s">
        <v>242906</v>
      </c>
      <c r="I72613" s="1" t="s">
        <v>222698</v>
      </c>
      <c r="J72613" s="1" t="s">
        <v>242942</v>
      </c>
    </row>
    <row r="72614" spans="1:10" x14ac:dyDescent="0.35">
      <c r="A72614" s="1" t="s">
        <v>121616</v>
      </c>
      <c r="B72614" s="1" t="s">
        <v>222693</v>
      </c>
      <c r="C72614" s="1" t="s">
        <v>70</v>
      </c>
      <c r="D72614" s="1" t="s">
        <v>63122</v>
      </c>
      <c r="E72614" s="1" t="s">
        <v>242943</v>
      </c>
      <c r="F72614" s="1" t="s">
        <v>242944</v>
      </c>
      <c r="G72614" s="1" t="s">
        <v>242905</v>
      </c>
      <c r="H72614" s="1" t="s">
        <v>242906</v>
      </c>
      <c r="I72614" s="1" t="s">
        <v>222698</v>
      </c>
      <c r="J72614" s="1" t="s">
        <v>242945</v>
      </c>
    </row>
    <row r="72615" spans="1:10" x14ac:dyDescent="0.35">
      <c r="A72615" s="1" t="s">
        <v>121616</v>
      </c>
      <c r="B72615" s="1" t="s">
        <v>222693</v>
      </c>
      <c r="C72615" s="1" t="s">
        <v>75</v>
      </c>
      <c r="D72615" s="1" t="s">
        <v>242946</v>
      </c>
      <c r="E72615" s="1" t="s">
        <v>242947</v>
      </c>
      <c r="F72615" s="1" t="s">
        <v>242948</v>
      </c>
      <c r="G72615" s="1" t="s">
        <v>242905</v>
      </c>
      <c r="H72615" s="1" t="s">
        <v>242906</v>
      </c>
      <c r="I72615" s="1" t="s">
        <v>222698</v>
      </c>
      <c r="J72615" s="1" t="s">
        <v>242949</v>
      </c>
    </row>
    <row r="72616" spans="1:10" x14ac:dyDescent="0.35">
      <c r="A72616" s="1" t="s">
        <v>121616</v>
      </c>
      <c r="B72616" s="1" t="s">
        <v>222693</v>
      </c>
      <c r="C72616" s="1" t="s">
        <v>80</v>
      </c>
      <c r="D72616" s="1" t="s">
        <v>242950</v>
      </c>
      <c r="E72616" s="1" t="s">
        <v>242951</v>
      </c>
      <c r="F72616" s="1" t="s">
        <v>242952</v>
      </c>
      <c r="G72616" s="1" t="s">
        <v>242905</v>
      </c>
      <c r="H72616" s="1" t="s">
        <v>242906</v>
      </c>
      <c r="I72616" s="1" t="s">
        <v>222698</v>
      </c>
      <c r="J72616" s="1" t="s">
        <v>242953</v>
      </c>
    </row>
    <row r="72617" spans="1:10" x14ac:dyDescent="0.35">
      <c r="A72617" s="1" t="s">
        <v>121616</v>
      </c>
      <c r="B72617" s="1" t="s">
        <v>222693</v>
      </c>
      <c r="C72617" s="1" t="s">
        <v>85</v>
      </c>
      <c r="D72617" s="1" t="s">
        <v>242954</v>
      </c>
      <c r="E72617" s="1" t="s">
        <v>242955</v>
      </c>
      <c r="F72617" s="1" t="s">
        <v>242956</v>
      </c>
      <c r="G72617" s="1" t="s">
        <v>242905</v>
      </c>
      <c r="H72617" s="1" t="s">
        <v>242906</v>
      </c>
      <c r="I72617" s="1" t="s">
        <v>222698</v>
      </c>
      <c r="J72617" s="1" t="s">
        <v>242957</v>
      </c>
    </row>
    <row r="72618" spans="1:10" x14ac:dyDescent="0.35">
      <c r="A72618" s="1" t="s">
        <v>121616</v>
      </c>
      <c r="B72618" s="1" t="s">
        <v>222693</v>
      </c>
      <c r="C72618" s="1" t="s">
        <v>90</v>
      </c>
      <c r="D72618" s="1" t="s">
        <v>242958</v>
      </c>
      <c r="E72618" s="1" t="s">
        <v>242959</v>
      </c>
      <c r="F72618" s="1" t="s">
        <v>242960</v>
      </c>
      <c r="G72618" s="1" t="s">
        <v>242905</v>
      </c>
      <c r="H72618" s="1" t="s">
        <v>242906</v>
      </c>
      <c r="I72618" s="1" t="s">
        <v>222698</v>
      </c>
      <c r="J72618" s="1" t="s">
        <v>242961</v>
      </c>
    </row>
    <row r="72619" spans="1:10" x14ac:dyDescent="0.35">
      <c r="A72619" s="1" t="s">
        <v>121616</v>
      </c>
      <c r="B72619" s="1" t="s">
        <v>222693</v>
      </c>
      <c r="C72619" s="1" t="s">
        <v>95</v>
      </c>
      <c r="D72619" s="1" t="s">
        <v>242962</v>
      </c>
      <c r="E72619" s="1" t="s">
        <v>242963</v>
      </c>
      <c r="F72619" s="1" t="s">
        <v>242964</v>
      </c>
      <c r="G72619" s="1" t="s">
        <v>242905</v>
      </c>
      <c r="H72619" s="1" t="s">
        <v>242906</v>
      </c>
      <c r="I72619" s="1" t="s">
        <v>222698</v>
      </c>
      <c r="J72619" s="1" t="s">
        <v>242965</v>
      </c>
    </row>
    <row r="72620" spans="1:10" x14ac:dyDescent="0.35">
      <c r="A72620" s="1" t="s">
        <v>121616</v>
      </c>
      <c r="B72620" s="1" t="s">
        <v>222693</v>
      </c>
      <c r="C72620" s="1" t="s">
        <v>100</v>
      </c>
      <c r="D72620" s="1" t="s">
        <v>126950</v>
      </c>
      <c r="E72620" s="1" t="s">
        <v>242966</v>
      </c>
      <c r="F72620" s="1" t="s">
        <v>242967</v>
      </c>
      <c r="G72620" s="1" t="s">
        <v>242905</v>
      </c>
      <c r="H72620" s="1" t="s">
        <v>242906</v>
      </c>
      <c r="I72620" s="1" t="s">
        <v>222698</v>
      </c>
      <c r="J72620" s="1" t="s">
        <v>242968</v>
      </c>
    </row>
    <row r="72621" spans="1:10" x14ac:dyDescent="0.35">
      <c r="A72621" s="1" t="s">
        <v>121616</v>
      </c>
      <c r="B72621" s="1" t="s">
        <v>222693</v>
      </c>
      <c r="C72621" s="1" t="s">
        <v>105</v>
      </c>
      <c r="D72621" s="1" t="s">
        <v>242969</v>
      </c>
      <c r="E72621" s="1" t="s">
        <v>242970</v>
      </c>
      <c r="F72621" s="1" t="s">
        <v>242971</v>
      </c>
      <c r="G72621" s="1" t="s">
        <v>242905</v>
      </c>
      <c r="H72621" s="1" t="s">
        <v>242906</v>
      </c>
      <c r="I72621" s="1" t="s">
        <v>222698</v>
      </c>
      <c r="J72621" s="1" t="s">
        <v>242972</v>
      </c>
    </row>
    <row r="72622" spans="1:10" x14ac:dyDescent="0.35">
      <c r="A72622" s="1" t="s">
        <v>121616</v>
      </c>
      <c r="B72622" s="1" t="s">
        <v>222693</v>
      </c>
      <c r="C72622" s="1" t="s">
        <v>110</v>
      </c>
      <c r="D72622" s="1" t="s">
        <v>242973</v>
      </c>
      <c r="E72622" s="1" t="s">
        <v>242974</v>
      </c>
      <c r="F72622" s="1" t="s">
        <v>242975</v>
      </c>
      <c r="G72622" s="1" t="s">
        <v>242905</v>
      </c>
      <c r="H72622" s="1" t="s">
        <v>242906</v>
      </c>
      <c r="I72622" s="1" t="s">
        <v>222698</v>
      </c>
      <c r="J72622" s="1" t="s">
        <v>242976</v>
      </c>
    </row>
    <row r="72623" spans="1:10" x14ac:dyDescent="0.35">
      <c r="A72623" s="1" t="s">
        <v>121616</v>
      </c>
      <c r="B72623" s="1" t="s">
        <v>222693</v>
      </c>
      <c r="C72623" s="1" t="s">
        <v>115</v>
      </c>
      <c r="D72623" s="1" t="s">
        <v>242977</v>
      </c>
      <c r="E72623" s="1" t="s">
        <v>242978</v>
      </c>
      <c r="F72623" s="1" t="s">
        <v>242979</v>
      </c>
      <c r="G72623" s="1" t="s">
        <v>242905</v>
      </c>
      <c r="H72623" s="1" t="s">
        <v>242906</v>
      </c>
      <c r="I72623" s="1" t="s">
        <v>222698</v>
      </c>
      <c r="J72623" s="1" t="s">
        <v>242980</v>
      </c>
    </row>
    <row r="72624" spans="1:10" x14ac:dyDescent="0.35">
      <c r="A72624" s="1" t="s">
        <v>121616</v>
      </c>
      <c r="B72624" s="1" t="s">
        <v>222693</v>
      </c>
      <c r="C72624" s="1" t="s">
        <v>120</v>
      </c>
      <c r="D72624" s="1" t="s">
        <v>242981</v>
      </c>
      <c r="E72624" s="1" t="s">
        <v>242982</v>
      </c>
      <c r="F72624" s="1" t="s">
        <v>242983</v>
      </c>
      <c r="G72624" s="1" t="s">
        <v>242905</v>
      </c>
      <c r="H72624" s="1" t="s">
        <v>242906</v>
      </c>
      <c r="I72624" s="1" t="s">
        <v>222698</v>
      </c>
      <c r="J72624" s="1" t="s">
        <v>242984</v>
      </c>
    </row>
    <row r="72625" spans="1:10" x14ac:dyDescent="0.35">
      <c r="A72625" s="1" t="s">
        <v>121616</v>
      </c>
      <c r="B72625" s="1" t="s">
        <v>222693</v>
      </c>
      <c r="C72625" s="1" t="s">
        <v>125</v>
      </c>
      <c r="D72625" s="1" t="s">
        <v>242985</v>
      </c>
      <c r="E72625" s="1" t="s">
        <v>242986</v>
      </c>
      <c r="F72625" s="1" t="s">
        <v>242987</v>
      </c>
      <c r="G72625" s="1" t="s">
        <v>242905</v>
      </c>
      <c r="H72625" s="1" t="s">
        <v>242906</v>
      </c>
      <c r="I72625" s="1" t="s">
        <v>222698</v>
      </c>
      <c r="J72625" s="1" t="s">
        <v>242988</v>
      </c>
    </row>
    <row r="72626" spans="1:10" x14ac:dyDescent="0.35">
      <c r="A72626" s="1" t="s">
        <v>121616</v>
      </c>
      <c r="B72626" s="1" t="s">
        <v>222693</v>
      </c>
      <c r="C72626" s="1" t="s">
        <v>130</v>
      </c>
      <c r="D72626" s="1" t="s">
        <v>66474</v>
      </c>
      <c r="E72626" s="1" t="s">
        <v>242989</v>
      </c>
      <c r="F72626" s="1" t="s">
        <v>242990</v>
      </c>
      <c r="G72626" s="1" t="s">
        <v>242905</v>
      </c>
      <c r="H72626" s="1" t="s">
        <v>242906</v>
      </c>
      <c r="I72626" s="1" t="s">
        <v>222698</v>
      </c>
      <c r="J72626" s="1" t="s">
        <v>242991</v>
      </c>
    </row>
    <row r="72627" spans="1:10" x14ac:dyDescent="0.35">
      <c r="A72627" s="1" t="s">
        <v>121616</v>
      </c>
      <c r="B72627" s="1" t="s">
        <v>222693</v>
      </c>
      <c r="C72627" s="1" t="s">
        <v>135</v>
      </c>
      <c r="D72627" s="1" t="s">
        <v>242992</v>
      </c>
      <c r="E72627" s="1" t="s">
        <v>242993</v>
      </c>
      <c r="F72627" s="1" t="s">
        <v>242994</v>
      </c>
      <c r="G72627" s="1" t="s">
        <v>242905</v>
      </c>
      <c r="H72627" s="1" t="s">
        <v>242906</v>
      </c>
      <c r="I72627" s="1" t="s">
        <v>222698</v>
      </c>
      <c r="J72627" s="1" t="s">
        <v>242995</v>
      </c>
    </row>
    <row r="72628" spans="1:10" x14ac:dyDescent="0.35">
      <c r="A72628" s="1" t="s">
        <v>121616</v>
      </c>
      <c r="B72628" s="1" t="s">
        <v>222693</v>
      </c>
      <c r="C72628" s="1" t="s">
        <v>140</v>
      </c>
      <c r="D72628" s="1" t="s">
        <v>242996</v>
      </c>
      <c r="E72628" s="1" t="s">
        <v>242997</v>
      </c>
      <c r="F72628" s="1" t="s">
        <v>242998</v>
      </c>
      <c r="G72628" s="1" t="s">
        <v>242905</v>
      </c>
      <c r="H72628" s="1" t="s">
        <v>242906</v>
      </c>
      <c r="I72628" s="1" t="s">
        <v>222698</v>
      </c>
      <c r="J72628" s="1" t="s">
        <v>242999</v>
      </c>
    </row>
    <row r="72629" spans="1:10" x14ac:dyDescent="0.35">
      <c r="A72629" s="1" t="s">
        <v>121616</v>
      </c>
      <c r="B72629" s="1" t="s">
        <v>222693</v>
      </c>
      <c r="C72629" s="1" t="s">
        <v>145</v>
      </c>
      <c r="D72629" s="1" t="s">
        <v>243000</v>
      </c>
      <c r="E72629" s="1" t="s">
        <v>243001</v>
      </c>
      <c r="F72629" s="1" t="s">
        <v>243002</v>
      </c>
      <c r="G72629" s="1" t="s">
        <v>242905</v>
      </c>
      <c r="H72629" s="1" t="s">
        <v>242906</v>
      </c>
      <c r="I72629" s="1" t="s">
        <v>222698</v>
      </c>
      <c r="J72629" s="1" t="s">
        <v>243003</v>
      </c>
    </row>
    <row r="72630" spans="1:10" x14ac:dyDescent="0.35">
      <c r="A72630" s="1" t="s">
        <v>121616</v>
      </c>
      <c r="B72630" s="1" t="s">
        <v>222693</v>
      </c>
      <c r="C72630" s="1" t="s">
        <v>150</v>
      </c>
      <c r="D72630" s="1" t="s">
        <v>243004</v>
      </c>
      <c r="E72630" s="1" t="s">
        <v>243005</v>
      </c>
      <c r="F72630" s="1" t="s">
        <v>243006</v>
      </c>
      <c r="G72630" s="1" t="s">
        <v>242905</v>
      </c>
      <c r="H72630" s="1" t="s">
        <v>242906</v>
      </c>
      <c r="I72630" s="1" t="s">
        <v>222698</v>
      </c>
      <c r="J72630" s="1" t="s">
        <v>243007</v>
      </c>
    </row>
    <row r="72631" spans="1:10" x14ac:dyDescent="0.35">
      <c r="A72631" s="1" t="s">
        <v>121616</v>
      </c>
      <c r="B72631" s="1" t="s">
        <v>222693</v>
      </c>
      <c r="C72631" s="1" t="s">
        <v>155</v>
      </c>
      <c r="D72631" s="1" t="s">
        <v>243008</v>
      </c>
      <c r="E72631" s="1" t="s">
        <v>243009</v>
      </c>
      <c r="F72631" s="1" t="s">
        <v>243010</v>
      </c>
      <c r="G72631" s="1" t="s">
        <v>242905</v>
      </c>
      <c r="H72631" s="1" t="s">
        <v>242906</v>
      </c>
      <c r="I72631" s="1" t="s">
        <v>222698</v>
      </c>
      <c r="J72631" s="1" t="s">
        <v>243011</v>
      </c>
    </row>
    <row r="72632" spans="1:10" x14ac:dyDescent="0.35">
      <c r="A72632" s="1" t="s">
        <v>121616</v>
      </c>
      <c r="B72632" s="1" t="s">
        <v>222693</v>
      </c>
      <c r="C72632" s="1" t="s">
        <v>160</v>
      </c>
      <c r="D72632" s="1" t="s">
        <v>243012</v>
      </c>
      <c r="E72632" s="1" t="s">
        <v>243013</v>
      </c>
      <c r="F72632" s="1" t="s">
        <v>243014</v>
      </c>
      <c r="G72632" s="1" t="s">
        <v>242905</v>
      </c>
      <c r="H72632" s="1" t="s">
        <v>242906</v>
      </c>
      <c r="I72632" s="1" t="s">
        <v>222698</v>
      </c>
      <c r="J72632" s="1" t="s">
        <v>243015</v>
      </c>
    </row>
    <row r="72633" spans="1:10" x14ac:dyDescent="0.35">
      <c r="A72633" s="1" t="s">
        <v>121616</v>
      </c>
      <c r="B72633" s="1" t="s">
        <v>222693</v>
      </c>
      <c r="C72633" s="1" t="s">
        <v>165</v>
      </c>
      <c r="D72633" s="1" t="s">
        <v>243016</v>
      </c>
      <c r="E72633" s="1" t="s">
        <v>243017</v>
      </c>
      <c r="F72633" s="1" t="s">
        <v>243018</v>
      </c>
      <c r="G72633" s="1" t="s">
        <v>242905</v>
      </c>
      <c r="H72633" s="1" t="s">
        <v>242906</v>
      </c>
      <c r="I72633" s="1" t="s">
        <v>222698</v>
      </c>
      <c r="J72633" s="1" t="s">
        <v>243019</v>
      </c>
    </row>
    <row r="72634" spans="1:10" x14ac:dyDescent="0.35">
      <c r="A72634" s="1" t="s">
        <v>121616</v>
      </c>
      <c r="B72634" s="1" t="s">
        <v>222693</v>
      </c>
      <c r="C72634" s="1" t="s">
        <v>170</v>
      </c>
      <c r="D72634" s="1" t="s">
        <v>243020</v>
      </c>
      <c r="E72634" s="1" t="s">
        <v>243021</v>
      </c>
      <c r="F72634" s="1" t="s">
        <v>243022</v>
      </c>
      <c r="G72634" s="1" t="s">
        <v>242905</v>
      </c>
      <c r="H72634" s="1" t="s">
        <v>242906</v>
      </c>
      <c r="I72634" s="1" t="s">
        <v>222698</v>
      </c>
      <c r="J72634" s="1" t="s">
        <v>243023</v>
      </c>
    </row>
    <row r="72635" spans="1:10" x14ac:dyDescent="0.35">
      <c r="A72635" s="1" t="s">
        <v>8691</v>
      </c>
      <c r="B72635" s="1" t="s">
        <v>222693</v>
      </c>
      <c r="C72635" s="1" t="s">
        <v>8</v>
      </c>
      <c r="D72635" s="1" t="s">
        <v>243024</v>
      </c>
      <c r="E72635" s="1" t="s">
        <v>243025</v>
      </c>
      <c r="F72635" s="1" t="s">
        <v>243026</v>
      </c>
      <c r="G72635" s="1" t="s">
        <v>243027</v>
      </c>
      <c r="H72635" s="1" t="s">
        <v>243028</v>
      </c>
      <c r="I72635" s="1" t="s">
        <v>222698</v>
      </c>
      <c r="J72635" s="1" t="s">
        <v>13</v>
      </c>
    </row>
    <row r="72636" spans="1:10" x14ac:dyDescent="0.35">
      <c r="A72636" s="1" t="s">
        <v>8691</v>
      </c>
      <c r="B72636" s="1" t="s">
        <v>222693</v>
      </c>
      <c r="C72636" s="1" t="s">
        <v>15</v>
      </c>
      <c r="D72636" s="1" t="s">
        <v>70425</v>
      </c>
      <c r="E72636" s="1" t="s">
        <v>243029</v>
      </c>
      <c r="F72636" s="1" t="s">
        <v>243030</v>
      </c>
      <c r="G72636" s="1" t="s">
        <v>243027</v>
      </c>
      <c r="H72636" s="1" t="s">
        <v>243028</v>
      </c>
      <c r="I72636" s="1" t="s">
        <v>222698</v>
      </c>
      <c r="J72636" s="1" t="s">
        <v>243031</v>
      </c>
    </row>
    <row r="72637" spans="1:10" x14ac:dyDescent="0.35">
      <c r="A72637" s="1" t="s">
        <v>8691</v>
      </c>
      <c r="B72637" s="1" t="s">
        <v>222693</v>
      </c>
      <c r="C72637" s="1" t="s">
        <v>20</v>
      </c>
      <c r="D72637" s="1" t="s">
        <v>243032</v>
      </c>
      <c r="E72637" s="1" t="s">
        <v>243033</v>
      </c>
      <c r="F72637" s="1" t="s">
        <v>243034</v>
      </c>
      <c r="G72637" s="1" t="s">
        <v>243027</v>
      </c>
      <c r="H72637" s="1" t="s">
        <v>243028</v>
      </c>
      <c r="I72637" s="1" t="s">
        <v>222698</v>
      </c>
      <c r="J72637" s="1" t="s">
        <v>243035</v>
      </c>
    </row>
    <row r="72638" spans="1:10" x14ac:dyDescent="0.35">
      <c r="A72638" s="1" t="s">
        <v>8691</v>
      </c>
      <c r="B72638" s="1" t="s">
        <v>222693</v>
      </c>
      <c r="C72638" s="1" t="s">
        <v>25</v>
      </c>
      <c r="D72638" s="1" t="s">
        <v>66474</v>
      </c>
      <c r="E72638" s="1" t="s">
        <v>243036</v>
      </c>
      <c r="F72638" s="1" t="s">
        <v>243037</v>
      </c>
      <c r="G72638" s="1" t="s">
        <v>243027</v>
      </c>
      <c r="H72638" s="1" t="s">
        <v>243028</v>
      </c>
      <c r="I72638" s="1" t="s">
        <v>222698</v>
      </c>
      <c r="J72638" s="1" t="s">
        <v>243038</v>
      </c>
    </row>
    <row r="72639" spans="1:10" x14ac:dyDescent="0.35">
      <c r="A72639" s="1" t="s">
        <v>8691</v>
      </c>
      <c r="B72639" s="1" t="s">
        <v>222693</v>
      </c>
      <c r="C72639" s="1" t="s">
        <v>30</v>
      </c>
      <c r="D72639" s="1" t="s">
        <v>243039</v>
      </c>
      <c r="E72639" s="1" t="s">
        <v>243040</v>
      </c>
      <c r="F72639" s="1" t="s">
        <v>243041</v>
      </c>
      <c r="G72639" s="1" t="s">
        <v>243027</v>
      </c>
      <c r="H72639" s="1" t="s">
        <v>243028</v>
      </c>
      <c r="I72639" s="1" t="s">
        <v>222698</v>
      </c>
      <c r="J72639" s="1" t="s">
        <v>243042</v>
      </c>
    </row>
    <row r="72640" spans="1:10" x14ac:dyDescent="0.35">
      <c r="A72640" s="1" t="s">
        <v>8691</v>
      </c>
      <c r="B72640" s="1" t="s">
        <v>222693</v>
      </c>
      <c r="C72640" s="1" t="s">
        <v>35</v>
      </c>
      <c r="D72640" s="1" t="s">
        <v>235502</v>
      </c>
      <c r="E72640" s="1" t="s">
        <v>243043</v>
      </c>
      <c r="F72640" s="1" t="s">
        <v>243044</v>
      </c>
      <c r="G72640" s="1" t="s">
        <v>243027</v>
      </c>
      <c r="H72640" s="1" t="s">
        <v>243028</v>
      </c>
      <c r="I72640" s="1" t="s">
        <v>222698</v>
      </c>
      <c r="J72640" s="1" t="s">
        <v>243045</v>
      </c>
    </row>
    <row r="72641" spans="1:10" x14ac:dyDescent="0.35">
      <c r="A72641" s="1" t="s">
        <v>8691</v>
      </c>
      <c r="B72641" s="1" t="s">
        <v>222693</v>
      </c>
      <c r="C72641" s="1" t="s">
        <v>40</v>
      </c>
      <c r="D72641" s="1" t="s">
        <v>243046</v>
      </c>
      <c r="E72641" s="1" t="s">
        <v>243047</v>
      </c>
      <c r="F72641" s="1" t="s">
        <v>243048</v>
      </c>
      <c r="G72641" s="1" t="s">
        <v>243027</v>
      </c>
      <c r="H72641" s="1" t="s">
        <v>243028</v>
      </c>
      <c r="I72641" s="1" t="s">
        <v>222698</v>
      </c>
      <c r="J72641" s="1" t="s">
        <v>243049</v>
      </c>
    </row>
    <row r="72642" spans="1:10" x14ac:dyDescent="0.35">
      <c r="A72642" s="1" t="s">
        <v>8691</v>
      </c>
      <c r="B72642" s="1" t="s">
        <v>222693</v>
      </c>
      <c r="C72642" s="1" t="s">
        <v>45</v>
      </c>
      <c r="D72642" s="1" t="s">
        <v>241088</v>
      </c>
      <c r="E72642" s="1" t="s">
        <v>243050</v>
      </c>
      <c r="F72642" s="1" t="s">
        <v>243051</v>
      </c>
      <c r="G72642" s="1" t="s">
        <v>243027</v>
      </c>
      <c r="H72642" s="1" t="s">
        <v>243028</v>
      </c>
      <c r="I72642" s="1" t="s">
        <v>222698</v>
      </c>
      <c r="J72642" s="1" t="s">
        <v>243052</v>
      </c>
    </row>
    <row r="72643" spans="1:10" x14ac:dyDescent="0.35">
      <c r="A72643" s="1" t="s">
        <v>8691</v>
      </c>
      <c r="B72643" s="1" t="s">
        <v>222693</v>
      </c>
      <c r="C72643" s="1" t="s">
        <v>50</v>
      </c>
      <c r="D72643" s="1" t="s">
        <v>243053</v>
      </c>
      <c r="E72643" s="1" t="s">
        <v>243054</v>
      </c>
      <c r="F72643" s="1" t="s">
        <v>243055</v>
      </c>
      <c r="G72643" s="1" t="s">
        <v>243027</v>
      </c>
      <c r="H72643" s="1" t="s">
        <v>243028</v>
      </c>
      <c r="I72643" s="1" t="s">
        <v>222698</v>
      </c>
      <c r="J72643" s="1" t="s">
        <v>243056</v>
      </c>
    </row>
    <row r="72644" spans="1:10" x14ac:dyDescent="0.35">
      <c r="A72644" s="1" t="s">
        <v>8691</v>
      </c>
      <c r="B72644" s="1" t="s">
        <v>222693</v>
      </c>
      <c r="C72644" s="1" t="s">
        <v>55</v>
      </c>
      <c r="D72644" s="1" t="s">
        <v>197826</v>
      </c>
      <c r="E72644" s="1" t="s">
        <v>243057</v>
      </c>
      <c r="F72644" s="1" t="s">
        <v>243058</v>
      </c>
      <c r="G72644" s="1" t="s">
        <v>243027</v>
      </c>
      <c r="H72644" s="1" t="s">
        <v>243028</v>
      </c>
      <c r="I72644" s="1" t="s">
        <v>222698</v>
      </c>
      <c r="J72644" s="1" t="s">
        <v>243059</v>
      </c>
    </row>
    <row r="72645" spans="1:10" x14ac:dyDescent="0.35">
      <c r="A72645" s="1" t="s">
        <v>8691</v>
      </c>
      <c r="B72645" s="1" t="s">
        <v>222693</v>
      </c>
      <c r="C72645" s="1" t="s">
        <v>60</v>
      </c>
      <c r="D72645" s="1" t="s">
        <v>243060</v>
      </c>
      <c r="E72645" s="1" t="s">
        <v>243061</v>
      </c>
      <c r="F72645" s="1" t="s">
        <v>243062</v>
      </c>
      <c r="G72645" s="1" t="s">
        <v>243027</v>
      </c>
      <c r="H72645" s="1" t="s">
        <v>243028</v>
      </c>
      <c r="I72645" s="1" t="s">
        <v>222698</v>
      </c>
      <c r="J72645" s="1" t="s">
        <v>243063</v>
      </c>
    </row>
    <row r="72646" spans="1:10" x14ac:dyDescent="0.35">
      <c r="A72646" s="1" t="s">
        <v>8691</v>
      </c>
      <c r="B72646" s="1" t="s">
        <v>222693</v>
      </c>
      <c r="C72646" s="1" t="s">
        <v>65</v>
      </c>
      <c r="D72646" s="1" t="s">
        <v>243064</v>
      </c>
      <c r="E72646" s="1" t="s">
        <v>243065</v>
      </c>
      <c r="F72646" s="1" t="s">
        <v>243066</v>
      </c>
      <c r="G72646" s="1" t="s">
        <v>243027</v>
      </c>
      <c r="H72646" s="1" t="s">
        <v>243028</v>
      </c>
      <c r="I72646" s="1" t="s">
        <v>222698</v>
      </c>
      <c r="J72646" s="1" t="s">
        <v>243067</v>
      </c>
    </row>
    <row r="72647" spans="1:10" x14ac:dyDescent="0.35">
      <c r="A72647" s="1" t="s">
        <v>8691</v>
      </c>
      <c r="B72647" s="1" t="s">
        <v>222693</v>
      </c>
      <c r="C72647" s="1" t="s">
        <v>70</v>
      </c>
      <c r="D72647" s="1" t="s">
        <v>243068</v>
      </c>
      <c r="E72647" s="1" t="s">
        <v>243069</v>
      </c>
      <c r="F72647" s="1" t="s">
        <v>243070</v>
      </c>
      <c r="G72647" s="1" t="s">
        <v>243027</v>
      </c>
      <c r="H72647" s="1" t="s">
        <v>243028</v>
      </c>
      <c r="I72647" s="1" t="s">
        <v>222698</v>
      </c>
      <c r="J72647" s="1" t="s">
        <v>243071</v>
      </c>
    </row>
    <row r="72648" spans="1:10" x14ac:dyDescent="0.35">
      <c r="A72648" s="1" t="s">
        <v>8691</v>
      </c>
      <c r="B72648" s="1" t="s">
        <v>222693</v>
      </c>
      <c r="C72648" s="1" t="s">
        <v>75</v>
      </c>
      <c r="D72648" s="1" t="s">
        <v>243072</v>
      </c>
      <c r="E72648" s="1" t="s">
        <v>243073</v>
      </c>
      <c r="F72648" s="1" t="s">
        <v>243074</v>
      </c>
      <c r="G72648" s="1" t="s">
        <v>243027</v>
      </c>
      <c r="H72648" s="1" t="s">
        <v>243028</v>
      </c>
      <c r="I72648" s="1" t="s">
        <v>222698</v>
      </c>
      <c r="J72648" s="1" t="s">
        <v>243075</v>
      </c>
    </row>
    <row r="72649" spans="1:10" x14ac:dyDescent="0.35">
      <c r="A72649" s="1" t="s">
        <v>8691</v>
      </c>
      <c r="B72649" s="1" t="s">
        <v>222693</v>
      </c>
      <c r="C72649" s="1" t="s">
        <v>80</v>
      </c>
      <c r="D72649" s="1" t="s">
        <v>243076</v>
      </c>
      <c r="E72649" s="1" t="s">
        <v>243077</v>
      </c>
      <c r="F72649" s="1" t="s">
        <v>243078</v>
      </c>
      <c r="G72649" s="1" t="s">
        <v>243027</v>
      </c>
      <c r="H72649" s="1" t="s">
        <v>243028</v>
      </c>
      <c r="I72649" s="1" t="s">
        <v>222698</v>
      </c>
      <c r="J72649" s="1" t="s">
        <v>243079</v>
      </c>
    </row>
    <row r="72650" spans="1:10" x14ac:dyDescent="0.35">
      <c r="A72650" s="1" t="s">
        <v>8691</v>
      </c>
      <c r="B72650" s="1" t="s">
        <v>222693</v>
      </c>
      <c r="C72650" s="1" t="s">
        <v>85</v>
      </c>
      <c r="D72650" s="1" t="s">
        <v>243080</v>
      </c>
      <c r="E72650" s="1" t="s">
        <v>243081</v>
      </c>
      <c r="F72650" s="1" t="s">
        <v>243082</v>
      </c>
      <c r="G72650" s="1" t="s">
        <v>243027</v>
      </c>
      <c r="H72650" s="1" t="s">
        <v>243028</v>
      </c>
      <c r="I72650" s="1" t="s">
        <v>222698</v>
      </c>
      <c r="J72650" s="1" t="s">
        <v>243083</v>
      </c>
    </row>
    <row r="72651" spans="1:10" x14ac:dyDescent="0.35">
      <c r="A72651" s="1" t="s">
        <v>8691</v>
      </c>
      <c r="B72651" s="1" t="s">
        <v>222693</v>
      </c>
      <c r="C72651" s="1" t="s">
        <v>90</v>
      </c>
      <c r="D72651" s="1" t="s">
        <v>243084</v>
      </c>
      <c r="E72651" s="1" t="s">
        <v>243085</v>
      </c>
      <c r="F72651" s="1" t="s">
        <v>243086</v>
      </c>
      <c r="G72651" s="1" t="s">
        <v>243027</v>
      </c>
      <c r="H72651" s="1" t="s">
        <v>243028</v>
      </c>
      <c r="I72651" s="1" t="s">
        <v>222698</v>
      </c>
      <c r="J72651" s="1" t="s">
        <v>243087</v>
      </c>
    </row>
    <row r="72652" spans="1:10" x14ac:dyDescent="0.35">
      <c r="A72652" s="1" t="s">
        <v>8691</v>
      </c>
      <c r="B72652" s="1" t="s">
        <v>222693</v>
      </c>
      <c r="C72652" s="1" t="s">
        <v>95</v>
      </c>
      <c r="D72652" s="1" t="s">
        <v>243088</v>
      </c>
      <c r="E72652" s="1" t="s">
        <v>243089</v>
      </c>
      <c r="F72652" s="1" t="s">
        <v>243090</v>
      </c>
      <c r="G72652" s="1" t="s">
        <v>243027</v>
      </c>
      <c r="H72652" s="1" t="s">
        <v>243028</v>
      </c>
      <c r="I72652" s="1" t="s">
        <v>222698</v>
      </c>
      <c r="J72652" s="1" t="s">
        <v>243091</v>
      </c>
    </row>
    <row r="72653" spans="1:10" x14ac:dyDescent="0.35">
      <c r="A72653" s="1" t="s">
        <v>8691</v>
      </c>
      <c r="B72653" s="1" t="s">
        <v>222693</v>
      </c>
      <c r="C72653" s="1" t="s">
        <v>100</v>
      </c>
      <c r="D72653" s="1" t="s">
        <v>243092</v>
      </c>
      <c r="E72653" s="1" t="s">
        <v>243093</v>
      </c>
      <c r="F72653" s="1" t="s">
        <v>243094</v>
      </c>
      <c r="G72653" s="1" t="s">
        <v>243027</v>
      </c>
      <c r="H72653" s="1" t="s">
        <v>243028</v>
      </c>
      <c r="I72653" s="1" t="s">
        <v>222698</v>
      </c>
      <c r="J72653" s="1" t="s">
        <v>243095</v>
      </c>
    </row>
    <row r="72654" spans="1:10" x14ac:dyDescent="0.35">
      <c r="A72654" s="1" t="s">
        <v>8691</v>
      </c>
      <c r="B72654" s="1" t="s">
        <v>222693</v>
      </c>
      <c r="C72654" s="1" t="s">
        <v>105</v>
      </c>
      <c r="D72654" s="1" t="s">
        <v>243096</v>
      </c>
      <c r="E72654" s="1" t="s">
        <v>243097</v>
      </c>
      <c r="F72654" s="1" t="s">
        <v>243098</v>
      </c>
      <c r="G72654" s="1" t="s">
        <v>243027</v>
      </c>
      <c r="H72654" s="1" t="s">
        <v>243028</v>
      </c>
      <c r="I72654" s="1" t="s">
        <v>222698</v>
      </c>
      <c r="J72654" s="1" t="s">
        <v>243099</v>
      </c>
    </row>
    <row r="72655" spans="1:10" x14ac:dyDescent="0.35">
      <c r="A72655" s="1" t="s">
        <v>8691</v>
      </c>
      <c r="B72655" s="1" t="s">
        <v>222693</v>
      </c>
      <c r="C72655" s="1" t="s">
        <v>110</v>
      </c>
      <c r="D72655" s="1" t="s">
        <v>243100</v>
      </c>
      <c r="E72655" s="1" t="s">
        <v>243101</v>
      </c>
      <c r="F72655" s="1" t="s">
        <v>243102</v>
      </c>
      <c r="G72655" s="1" t="s">
        <v>243027</v>
      </c>
      <c r="H72655" s="1" t="s">
        <v>243028</v>
      </c>
      <c r="I72655" s="1" t="s">
        <v>222698</v>
      </c>
      <c r="J72655" s="1" t="s">
        <v>243103</v>
      </c>
    </row>
    <row r="72656" spans="1:10" x14ac:dyDescent="0.35">
      <c r="A72656" s="1" t="s">
        <v>8691</v>
      </c>
      <c r="B72656" s="1" t="s">
        <v>222693</v>
      </c>
      <c r="C72656" s="1" t="s">
        <v>115</v>
      </c>
      <c r="D72656" s="1" t="s">
        <v>243104</v>
      </c>
      <c r="E72656" s="1" t="s">
        <v>243105</v>
      </c>
      <c r="F72656" s="1" t="s">
        <v>243106</v>
      </c>
      <c r="G72656" s="1" t="s">
        <v>243027</v>
      </c>
      <c r="H72656" s="1" t="s">
        <v>243028</v>
      </c>
      <c r="I72656" s="1" t="s">
        <v>222698</v>
      </c>
      <c r="J72656" s="1" t="s">
        <v>243107</v>
      </c>
    </row>
    <row r="72657" spans="1:10" x14ac:dyDescent="0.35">
      <c r="A72657" s="1" t="s">
        <v>8691</v>
      </c>
      <c r="B72657" s="1" t="s">
        <v>222693</v>
      </c>
      <c r="C72657" s="1" t="s">
        <v>120</v>
      </c>
      <c r="D72657" s="1" t="s">
        <v>243108</v>
      </c>
      <c r="E72657" s="1" t="s">
        <v>243109</v>
      </c>
      <c r="F72657" s="1" t="s">
        <v>243110</v>
      </c>
      <c r="G72657" s="1" t="s">
        <v>243027</v>
      </c>
      <c r="H72657" s="1" t="s">
        <v>243028</v>
      </c>
      <c r="I72657" s="1" t="s">
        <v>222698</v>
      </c>
      <c r="J72657" s="1" t="s">
        <v>243111</v>
      </c>
    </row>
    <row r="72658" spans="1:10" x14ac:dyDescent="0.35">
      <c r="A72658" s="1" t="s">
        <v>8691</v>
      </c>
      <c r="B72658" s="1" t="s">
        <v>222693</v>
      </c>
      <c r="C72658" s="1" t="s">
        <v>125</v>
      </c>
      <c r="D72658" s="1" t="s">
        <v>243112</v>
      </c>
      <c r="E72658" s="1" t="s">
        <v>243113</v>
      </c>
      <c r="F72658" s="1" t="s">
        <v>243114</v>
      </c>
      <c r="G72658" s="1" t="s">
        <v>243027</v>
      </c>
      <c r="H72658" s="1" t="s">
        <v>243028</v>
      </c>
      <c r="I72658" s="1" t="s">
        <v>222698</v>
      </c>
      <c r="J72658" s="1" t="s">
        <v>243115</v>
      </c>
    </row>
    <row r="72659" spans="1:10" x14ac:dyDescent="0.35">
      <c r="A72659" s="1" t="s">
        <v>8691</v>
      </c>
      <c r="B72659" s="1" t="s">
        <v>222693</v>
      </c>
      <c r="C72659" s="1" t="s">
        <v>130</v>
      </c>
      <c r="D72659" s="1" t="s">
        <v>243116</v>
      </c>
      <c r="E72659" s="1" t="s">
        <v>243117</v>
      </c>
      <c r="F72659" s="1" t="s">
        <v>243118</v>
      </c>
      <c r="G72659" s="1" t="s">
        <v>243027</v>
      </c>
      <c r="H72659" s="1" t="s">
        <v>243028</v>
      </c>
      <c r="I72659" s="1" t="s">
        <v>222698</v>
      </c>
      <c r="J72659" s="1" t="s">
        <v>243119</v>
      </c>
    </row>
    <row r="72660" spans="1:10" x14ac:dyDescent="0.35">
      <c r="A72660" s="1" t="s">
        <v>8691</v>
      </c>
      <c r="B72660" s="1" t="s">
        <v>222693</v>
      </c>
      <c r="C72660" s="1" t="s">
        <v>135</v>
      </c>
      <c r="D72660" s="1" t="s">
        <v>243120</v>
      </c>
      <c r="E72660" s="1" t="s">
        <v>243121</v>
      </c>
      <c r="F72660" s="1" t="s">
        <v>243122</v>
      </c>
      <c r="G72660" s="1" t="s">
        <v>243027</v>
      </c>
      <c r="H72660" s="1" t="s">
        <v>243028</v>
      </c>
      <c r="I72660" s="1" t="s">
        <v>222698</v>
      </c>
      <c r="J72660" s="1" t="s">
        <v>243123</v>
      </c>
    </row>
    <row r="72661" spans="1:10" x14ac:dyDescent="0.35">
      <c r="A72661" s="1" t="s">
        <v>8691</v>
      </c>
      <c r="B72661" s="1" t="s">
        <v>222693</v>
      </c>
      <c r="C72661" s="1" t="s">
        <v>140</v>
      </c>
      <c r="D72661" s="1" t="s">
        <v>243124</v>
      </c>
      <c r="E72661" s="1" t="s">
        <v>243125</v>
      </c>
      <c r="F72661" s="1" t="s">
        <v>243126</v>
      </c>
      <c r="G72661" s="1" t="s">
        <v>243027</v>
      </c>
      <c r="H72661" s="1" t="s">
        <v>243028</v>
      </c>
      <c r="I72661" s="1" t="s">
        <v>222698</v>
      </c>
      <c r="J72661" s="1" t="s">
        <v>243127</v>
      </c>
    </row>
    <row r="72662" spans="1:10" x14ac:dyDescent="0.35">
      <c r="A72662" s="1" t="s">
        <v>8691</v>
      </c>
      <c r="B72662" s="1" t="s">
        <v>222693</v>
      </c>
      <c r="C72662" s="1" t="s">
        <v>145</v>
      </c>
      <c r="D72662" s="1" t="s">
        <v>243128</v>
      </c>
      <c r="E72662" s="1" t="s">
        <v>243129</v>
      </c>
      <c r="F72662" s="1" t="s">
        <v>243130</v>
      </c>
      <c r="G72662" s="1" t="s">
        <v>243027</v>
      </c>
      <c r="H72662" s="1" t="s">
        <v>243028</v>
      </c>
      <c r="I72662" s="1" t="s">
        <v>222698</v>
      </c>
      <c r="J72662" s="1" t="s">
        <v>243131</v>
      </c>
    </row>
    <row r="72663" spans="1:10" x14ac:dyDescent="0.35">
      <c r="A72663" s="1" t="s">
        <v>8691</v>
      </c>
      <c r="B72663" s="1" t="s">
        <v>222693</v>
      </c>
      <c r="C72663" s="1" t="s">
        <v>150</v>
      </c>
      <c r="D72663" s="1" t="s">
        <v>243132</v>
      </c>
      <c r="E72663" s="1" t="s">
        <v>243133</v>
      </c>
      <c r="F72663" s="1" t="s">
        <v>243134</v>
      </c>
      <c r="G72663" s="1" t="s">
        <v>243027</v>
      </c>
      <c r="H72663" s="1" t="s">
        <v>243028</v>
      </c>
      <c r="I72663" s="1" t="s">
        <v>222698</v>
      </c>
      <c r="J72663" s="1" t="s">
        <v>243135</v>
      </c>
    </row>
    <row r="72664" spans="1:10" x14ac:dyDescent="0.35">
      <c r="A72664" s="1" t="s">
        <v>8691</v>
      </c>
      <c r="B72664" s="1" t="s">
        <v>222693</v>
      </c>
      <c r="C72664" s="1" t="s">
        <v>155</v>
      </c>
      <c r="D72664" s="1" t="s">
        <v>243136</v>
      </c>
      <c r="E72664" s="1" t="s">
        <v>243137</v>
      </c>
      <c r="F72664" s="1" t="s">
        <v>243138</v>
      </c>
      <c r="G72664" s="1" t="s">
        <v>243027</v>
      </c>
      <c r="H72664" s="1" t="s">
        <v>243028</v>
      </c>
      <c r="I72664" s="1" t="s">
        <v>222698</v>
      </c>
      <c r="J72664" s="1" t="s">
        <v>243139</v>
      </c>
    </row>
    <row r="72665" spans="1:10" x14ac:dyDescent="0.35">
      <c r="A72665" s="1" t="s">
        <v>8691</v>
      </c>
      <c r="B72665" s="1" t="s">
        <v>222693</v>
      </c>
      <c r="C72665" s="1" t="s">
        <v>160</v>
      </c>
      <c r="D72665" s="1" t="s">
        <v>243140</v>
      </c>
      <c r="E72665" s="1" t="s">
        <v>243141</v>
      </c>
      <c r="F72665" s="1" t="s">
        <v>243142</v>
      </c>
      <c r="G72665" s="1" t="s">
        <v>243027</v>
      </c>
      <c r="H72665" s="1" t="s">
        <v>243028</v>
      </c>
      <c r="I72665" s="1" t="s">
        <v>222698</v>
      </c>
      <c r="J72665" s="1" t="s">
        <v>243143</v>
      </c>
    </row>
    <row r="72666" spans="1:10" x14ac:dyDescent="0.35">
      <c r="A72666" s="1" t="s">
        <v>8691</v>
      </c>
      <c r="B72666" s="1" t="s">
        <v>222693</v>
      </c>
      <c r="C72666" s="1" t="s">
        <v>165</v>
      </c>
      <c r="D72666" s="1" t="s">
        <v>243144</v>
      </c>
      <c r="E72666" s="1" t="s">
        <v>243145</v>
      </c>
      <c r="F72666" s="1" t="s">
        <v>243146</v>
      </c>
      <c r="G72666" s="1" t="s">
        <v>243027</v>
      </c>
      <c r="H72666" s="1" t="s">
        <v>243028</v>
      </c>
      <c r="I72666" s="1" t="s">
        <v>222698</v>
      </c>
      <c r="J72666" s="1" t="s">
        <v>243147</v>
      </c>
    </row>
    <row r="72667" spans="1:10" x14ac:dyDescent="0.35">
      <c r="A72667" s="1" t="s">
        <v>8691</v>
      </c>
      <c r="B72667" s="1" t="s">
        <v>222693</v>
      </c>
      <c r="C72667" s="1" t="s">
        <v>170</v>
      </c>
      <c r="D72667" s="1" t="s">
        <v>243148</v>
      </c>
      <c r="E72667" s="1" t="s">
        <v>243149</v>
      </c>
      <c r="F72667" s="1" t="s">
        <v>243150</v>
      </c>
      <c r="G72667" s="1" t="s">
        <v>243027</v>
      </c>
      <c r="H72667" s="1" t="s">
        <v>243028</v>
      </c>
      <c r="I72667" s="1" t="s">
        <v>222698</v>
      </c>
      <c r="J72667" s="1" t="s">
        <v>243151</v>
      </c>
    </row>
    <row r="72668" spans="1:10" x14ac:dyDescent="0.35">
      <c r="A72668" s="1" t="s">
        <v>27410</v>
      </c>
      <c r="B72668" s="1" t="s">
        <v>222693</v>
      </c>
      <c r="C72668" s="1" t="s">
        <v>8</v>
      </c>
      <c r="D72668" s="1" t="s">
        <v>122737</v>
      </c>
      <c r="E72668" s="1" t="s">
        <v>243152</v>
      </c>
      <c r="F72668" s="1" t="s">
        <v>243153</v>
      </c>
      <c r="G72668" s="1" t="s">
        <v>243154</v>
      </c>
      <c r="H72668" s="1" t="s">
        <v>243155</v>
      </c>
      <c r="I72668" s="1" t="s">
        <v>222698</v>
      </c>
      <c r="J72668" s="1" t="s">
        <v>13</v>
      </c>
    </row>
    <row r="72669" spans="1:10" x14ac:dyDescent="0.35">
      <c r="A72669" s="1" t="s">
        <v>27410</v>
      </c>
      <c r="B72669" s="1" t="s">
        <v>222693</v>
      </c>
      <c r="C72669" s="1" t="s">
        <v>15</v>
      </c>
      <c r="D72669" s="1" t="s">
        <v>15138</v>
      </c>
      <c r="E72669" s="1" t="s">
        <v>243156</v>
      </c>
      <c r="F72669" s="1" t="s">
        <v>243157</v>
      </c>
      <c r="G72669" s="1" t="s">
        <v>243154</v>
      </c>
      <c r="H72669" s="1" t="s">
        <v>243155</v>
      </c>
      <c r="I72669" s="1" t="s">
        <v>222698</v>
      </c>
      <c r="J72669" s="1" t="s">
        <v>243158</v>
      </c>
    </row>
    <row r="72670" spans="1:10" x14ac:dyDescent="0.35">
      <c r="A72670" s="1" t="s">
        <v>27410</v>
      </c>
      <c r="B72670" s="1" t="s">
        <v>222693</v>
      </c>
      <c r="C72670" s="1" t="s">
        <v>20</v>
      </c>
      <c r="D72670" s="1" t="s">
        <v>68854</v>
      </c>
      <c r="E72670" s="1" t="s">
        <v>243159</v>
      </c>
      <c r="F72670" s="1" t="s">
        <v>243160</v>
      </c>
      <c r="G72670" s="1" t="s">
        <v>243154</v>
      </c>
      <c r="H72670" s="1" t="s">
        <v>243155</v>
      </c>
      <c r="I72670" s="1" t="s">
        <v>222698</v>
      </c>
      <c r="J72670" s="1" t="s">
        <v>243161</v>
      </c>
    </row>
    <row r="72671" spans="1:10" x14ac:dyDescent="0.35">
      <c r="A72671" s="1" t="s">
        <v>27410</v>
      </c>
      <c r="B72671" s="1" t="s">
        <v>222693</v>
      </c>
      <c r="C72671" s="1" t="s">
        <v>25</v>
      </c>
      <c r="D72671" s="1" t="s">
        <v>138242</v>
      </c>
      <c r="E72671" s="1" t="s">
        <v>243162</v>
      </c>
      <c r="F72671" s="1" t="s">
        <v>243163</v>
      </c>
      <c r="G72671" s="1" t="s">
        <v>243154</v>
      </c>
      <c r="H72671" s="1" t="s">
        <v>243155</v>
      </c>
      <c r="I72671" s="1" t="s">
        <v>222698</v>
      </c>
      <c r="J72671" s="1" t="s">
        <v>243164</v>
      </c>
    </row>
    <row r="72672" spans="1:10" x14ac:dyDescent="0.35">
      <c r="A72672" s="1" t="s">
        <v>27410</v>
      </c>
      <c r="B72672" s="1" t="s">
        <v>222693</v>
      </c>
      <c r="C72672" s="1" t="s">
        <v>30</v>
      </c>
      <c r="D72672" s="1" t="s">
        <v>65633</v>
      </c>
      <c r="E72672" s="1" t="s">
        <v>243165</v>
      </c>
      <c r="F72672" s="1" t="s">
        <v>243166</v>
      </c>
      <c r="G72672" s="1" t="s">
        <v>243154</v>
      </c>
      <c r="H72672" s="1" t="s">
        <v>243155</v>
      </c>
      <c r="I72672" s="1" t="s">
        <v>222698</v>
      </c>
      <c r="J72672" s="1" t="s">
        <v>243167</v>
      </c>
    </row>
    <row r="72673" spans="1:10" x14ac:dyDescent="0.35">
      <c r="A72673" s="1" t="s">
        <v>27410</v>
      </c>
      <c r="B72673" s="1" t="s">
        <v>222693</v>
      </c>
      <c r="C72673" s="1" t="s">
        <v>35</v>
      </c>
      <c r="D72673" s="1" t="s">
        <v>56317</v>
      </c>
      <c r="E72673" s="1" t="s">
        <v>243168</v>
      </c>
      <c r="F72673" s="1" t="s">
        <v>243169</v>
      </c>
      <c r="G72673" s="1" t="s">
        <v>243154</v>
      </c>
      <c r="H72673" s="1" t="s">
        <v>243155</v>
      </c>
      <c r="I72673" s="1" t="s">
        <v>222698</v>
      </c>
      <c r="J72673" s="1" t="s">
        <v>243170</v>
      </c>
    </row>
    <row r="72674" spans="1:10" x14ac:dyDescent="0.35">
      <c r="A72674" s="1" t="s">
        <v>27410</v>
      </c>
      <c r="B72674" s="1" t="s">
        <v>222693</v>
      </c>
      <c r="C72674" s="1" t="s">
        <v>40</v>
      </c>
      <c r="D72674" s="1" t="s">
        <v>243171</v>
      </c>
      <c r="E72674" s="1" t="s">
        <v>243172</v>
      </c>
      <c r="F72674" s="1" t="s">
        <v>243173</v>
      </c>
      <c r="G72674" s="1" t="s">
        <v>243154</v>
      </c>
      <c r="H72674" s="1" t="s">
        <v>243155</v>
      </c>
      <c r="I72674" s="1" t="s">
        <v>222698</v>
      </c>
      <c r="J72674" s="1" t="s">
        <v>243174</v>
      </c>
    </row>
    <row r="72675" spans="1:10" x14ac:dyDescent="0.35">
      <c r="A72675" s="1" t="s">
        <v>27410</v>
      </c>
      <c r="B72675" s="1" t="s">
        <v>222693</v>
      </c>
      <c r="C72675" s="1" t="s">
        <v>45</v>
      </c>
      <c r="D72675" s="1" t="s">
        <v>66886</v>
      </c>
      <c r="E72675" s="1" t="s">
        <v>243175</v>
      </c>
      <c r="F72675" s="1" t="s">
        <v>243176</v>
      </c>
      <c r="G72675" s="1" t="s">
        <v>243154</v>
      </c>
      <c r="H72675" s="1" t="s">
        <v>243155</v>
      </c>
      <c r="I72675" s="1" t="s">
        <v>222698</v>
      </c>
      <c r="J72675" s="1" t="s">
        <v>243177</v>
      </c>
    </row>
    <row r="72676" spans="1:10" x14ac:dyDescent="0.35">
      <c r="A72676" s="1" t="s">
        <v>27410</v>
      </c>
      <c r="B72676" s="1" t="s">
        <v>222693</v>
      </c>
      <c r="C72676" s="1" t="s">
        <v>50</v>
      </c>
      <c r="D72676" s="1" t="s">
        <v>94024</v>
      </c>
      <c r="E72676" s="1" t="s">
        <v>243178</v>
      </c>
      <c r="F72676" s="1" t="s">
        <v>243179</v>
      </c>
      <c r="G72676" s="1" t="s">
        <v>243154</v>
      </c>
      <c r="H72676" s="1" t="s">
        <v>243155</v>
      </c>
      <c r="I72676" s="1" t="s">
        <v>222698</v>
      </c>
      <c r="J72676" s="1" t="s">
        <v>243180</v>
      </c>
    </row>
    <row r="72677" spans="1:10" x14ac:dyDescent="0.35">
      <c r="A72677" s="1" t="s">
        <v>27410</v>
      </c>
      <c r="B72677" s="1" t="s">
        <v>222693</v>
      </c>
      <c r="C72677" s="1" t="s">
        <v>55</v>
      </c>
      <c r="D72677" s="1" t="s">
        <v>243181</v>
      </c>
      <c r="E72677" s="1" t="s">
        <v>243182</v>
      </c>
      <c r="F72677" s="1" t="s">
        <v>243183</v>
      </c>
      <c r="G72677" s="1" t="s">
        <v>243154</v>
      </c>
      <c r="H72677" s="1" t="s">
        <v>243155</v>
      </c>
      <c r="I72677" s="1" t="s">
        <v>222698</v>
      </c>
      <c r="J72677" s="1" t="s">
        <v>243184</v>
      </c>
    </row>
    <row r="72678" spans="1:10" x14ac:dyDescent="0.35">
      <c r="A72678" s="1" t="s">
        <v>27410</v>
      </c>
      <c r="B72678" s="1" t="s">
        <v>222693</v>
      </c>
      <c r="C72678" s="1" t="s">
        <v>60</v>
      </c>
      <c r="D72678" s="1" t="s">
        <v>84812</v>
      </c>
      <c r="E72678" s="1" t="s">
        <v>243185</v>
      </c>
      <c r="F72678" s="1" t="s">
        <v>243186</v>
      </c>
      <c r="G72678" s="1" t="s">
        <v>243154</v>
      </c>
      <c r="H72678" s="1" t="s">
        <v>243155</v>
      </c>
      <c r="I72678" s="1" t="s">
        <v>222698</v>
      </c>
      <c r="J72678" s="1" t="s">
        <v>243187</v>
      </c>
    </row>
    <row r="72679" spans="1:10" x14ac:dyDescent="0.35">
      <c r="A72679" s="1" t="s">
        <v>27410</v>
      </c>
      <c r="B72679" s="1" t="s">
        <v>222693</v>
      </c>
      <c r="C72679" s="1" t="s">
        <v>65</v>
      </c>
      <c r="D72679" s="1" t="s">
        <v>243188</v>
      </c>
      <c r="E72679" s="1" t="s">
        <v>243189</v>
      </c>
      <c r="F72679" s="1" t="s">
        <v>243190</v>
      </c>
      <c r="G72679" s="1" t="s">
        <v>243154</v>
      </c>
      <c r="H72679" s="1" t="s">
        <v>243155</v>
      </c>
      <c r="I72679" s="1" t="s">
        <v>222698</v>
      </c>
      <c r="J72679" s="1" t="s">
        <v>243191</v>
      </c>
    </row>
    <row r="72680" spans="1:10" x14ac:dyDescent="0.35">
      <c r="A72680" s="1" t="s">
        <v>27410</v>
      </c>
      <c r="B72680" s="1" t="s">
        <v>222693</v>
      </c>
      <c r="C72680" s="1" t="s">
        <v>70</v>
      </c>
      <c r="D72680" s="1" t="s">
        <v>243192</v>
      </c>
      <c r="E72680" s="1" t="s">
        <v>243193</v>
      </c>
      <c r="F72680" s="1" t="s">
        <v>243194</v>
      </c>
      <c r="G72680" s="1" t="s">
        <v>243154</v>
      </c>
      <c r="H72680" s="1" t="s">
        <v>243155</v>
      </c>
      <c r="I72680" s="1" t="s">
        <v>222698</v>
      </c>
      <c r="J72680" s="1" t="s">
        <v>243195</v>
      </c>
    </row>
    <row r="72681" spans="1:10" x14ac:dyDescent="0.35">
      <c r="A72681" s="1" t="s">
        <v>27410</v>
      </c>
      <c r="B72681" s="1" t="s">
        <v>222693</v>
      </c>
      <c r="C72681" s="1" t="s">
        <v>75</v>
      </c>
      <c r="D72681" s="1" t="s">
        <v>225610</v>
      </c>
      <c r="E72681" s="1" t="s">
        <v>243196</v>
      </c>
      <c r="F72681" s="1" t="s">
        <v>243197</v>
      </c>
      <c r="G72681" s="1" t="s">
        <v>243154</v>
      </c>
      <c r="H72681" s="1" t="s">
        <v>243155</v>
      </c>
      <c r="I72681" s="1" t="s">
        <v>222698</v>
      </c>
      <c r="J72681" s="1" t="s">
        <v>243198</v>
      </c>
    </row>
    <row r="72682" spans="1:10" x14ac:dyDescent="0.35">
      <c r="A72682" s="1" t="s">
        <v>27410</v>
      </c>
      <c r="B72682" s="1" t="s">
        <v>222693</v>
      </c>
      <c r="C72682" s="1" t="s">
        <v>80</v>
      </c>
      <c r="D72682" s="1" t="s">
        <v>40636</v>
      </c>
      <c r="E72682" s="1" t="s">
        <v>243199</v>
      </c>
      <c r="F72682" s="1" t="s">
        <v>243200</v>
      </c>
      <c r="G72682" s="1" t="s">
        <v>243154</v>
      </c>
      <c r="H72682" s="1" t="s">
        <v>243155</v>
      </c>
      <c r="I72682" s="1" t="s">
        <v>222698</v>
      </c>
      <c r="J72682" s="1" t="s">
        <v>243201</v>
      </c>
    </row>
    <row r="72683" spans="1:10" x14ac:dyDescent="0.35">
      <c r="A72683" s="1" t="s">
        <v>27410</v>
      </c>
      <c r="B72683" s="1" t="s">
        <v>222693</v>
      </c>
      <c r="C72683" s="1" t="s">
        <v>85</v>
      </c>
      <c r="D72683" s="1" t="s">
        <v>243202</v>
      </c>
      <c r="E72683" s="1" t="s">
        <v>243203</v>
      </c>
      <c r="F72683" s="1" t="s">
        <v>243204</v>
      </c>
      <c r="G72683" s="1" t="s">
        <v>243154</v>
      </c>
      <c r="H72683" s="1" t="s">
        <v>243155</v>
      </c>
      <c r="I72683" s="1" t="s">
        <v>222698</v>
      </c>
      <c r="J72683" s="1" t="s">
        <v>243205</v>
      </c>
    </row>
    <row r="72684" spans="1:10" x14ac:dyDescent="0.35">
      <c r="A72684" s="1" t="s">
        <v>27410</v>
      </c>
      <c r="B72684" s="1" t="s">
        <v>222693</v>
      </c>
      <c r="C72684" s="1" t="s">
        <v>90</v>
      </c>
      <c r="D72684" s="1" t="s">
        <v>133754</v>
      </c>
      <c r="E72684" s="1" t="s">
        <v>243206</v>
      </c>
      <c r="F72684" s="1" t="s">
        <v>243207</v>
      </c>
      <c r="G72684" s="1" t="s">
        <v>243154</v>
      </c>
      <c r="H72684" s="1" t="s">
        <v>243155</v>
      </c>
      <c r="I72684" s="1" t="s">
        <v>222698</v>
      </c>
      <c r="J72684" s="1" t="s">
        <v>243208</v>
      </c>
    </row>
    <row r="72685" spans="1:10" x14ac:dyDescent="0.35">
      <c r="A72685" s="1" t="s">
        <v>27410</v>
      </c>
      <c r="B72685" s="1" t="s">
        <v>222693</v>
      </c>
      <c r="C72685" s="1" t="s">
        <v>95</v>
      </c>
      <c r="D72685" s="1" t="s">
        <v>223676</v>
      </c>
      <c r="E72685" s="1" t="s">
        <v>243209</v>
      </c>
      <c r="F72685" s="1" t="s">
        <v>243210</v>
      </c>
      <c r="G72685" s="1" t="s">
        <v>243154</v>
      </c>
      <c r="H72685" s="1" t="s">
        <v>243155</v>
      </c>
      <c r="I72685" s="1" t="s">
        <v>222698</v>
      </c>
      <c r="J72685" s="1" t="s">
        <v>243211</v>
      </c>
    </row>
    <row r="72686" spans="1:10" x14ac:dyDescent="0.35">
      <c r="A72686" s="1" t="s">
        <v>27410</v>
      </c>
      <c r="B72686" s="1" t="s">
        <v>222693</v>
      </c>
      <c r="C72686" s="1" t="s">
        <v>100</v>
      </c>
      <c r="D72686" s="1" t="s">
        <v>243212</v>
      </c>
      <c r="E72686" s="1" t="s">
        <v>243213</v>
      </c>
      <c r="F72686" s="1" t="s">
        <v>243214</v>
      </c>
      <c r="G72686" s="1" t="s">
        <v>243154</v>
      </c>
      <c r="H72686" s="1" t="s">
        <v>243155</v>
      </c>
      <c r="I72686" s="1" t="s">
        <v>222698</v>
      </c>
      <c r="J72686" s="1" t="s">
        <v>243215</v>
      </c>
    </row>
    <row r="72687" spans="1:10" x14ac:dyDescent="0.35">
      <c r="A72687" s="1" t="s">
        <v>27410</v>
      </c>
      <c r="B72687" s="1" t="s">
        <v>222693</v>
      </c>
      <c r="C72687" s="1" t="s">
        <v>105</v>
      </c>
      <c r="D72687" s="1" t="s">
        <v>228469</v>
      </c>
      <c r="E72687" s="1" t="s">
        <v>243216</v>
      </c>
      <c r="F72687" s="1" t="s">
        <v>243217</v>
      </c>
      <c r="G72687" s="1" t="s">
        <v>243154</v>
      </c>
      <c r="H72687" s="1" t="s">
        <v>243155</v>
      </c>
      <c r="I72687" s="1" t="s">
        <v>222698</v>
      </c>
      <c r="J72687" s="1" t="s">
        <v>243218</v>
      </c>
    </row>
    <row r="72688" spans="1:10" x14ac:dyDescent="0.35">
      <c r="A72688" s="1" t="s">
        <v>27410</v>
      </c>
      <c r="B72688" s="1" t="s">
        <v>222693</v>
      </c>
      <c r="C72688" s="1" t="s">
        <v>110</v>
      </c>
      <c r="D72688" s="1" t="s">
        <v>243219</v>
      </c>
      <c r="E72688" s="1" t="s">
        <v>243220</v>
      </c>
      <c r="F72688" s="1" t="s">
        <v>243221</v>
      </c>
      <c r="G72688" s="1" t="s">
        <v>243154</v>
      </c>
      <c r="H72688" s="1" t="s">
        <v>243155</v>
      </c>
      <c r="I72688" s="1" t="s">
        <v>222698</v>
      </c>
      <c r="J72688" s="1" t="s">
        <v>243222</v>
      </c>
    </row>
    <row r="72689" spans="1:10" x14ac:dyDescent="0.35">
      <c r="A72689" s="1" t="s">
        <v>27410</v>
      </c>
      <c r="B72689" s="1" t="s">
        <v>222693</v>
      </c>
      <c r="C72689" s="1" t="s">
        <v>115</v>
      </c>
      <c r="D72689" s="1" t="s">
        <v>243223</v>
      </c>
      <c r="E72689" s="1" t="s">
        <v>243224</v>
      </c>
      <c r="F72689" s="1" t="s">
        <v>243225</v>
      </c>
      <c r="G72689" s="1" t="s">
        <v>243154</v>
      </c>
      <c r="H72689" s="1" t="s">
        <v>243155</v>
      </c>
      <c r="I72689" s="1" t="s">
        <v>222698</v>
      </c>
      <c r="J72689" s="1" t="s">
        <v>243226</v>
      </c>
    </row>
    <row r="72690" spans="1:10" x14ac:dyDescent="0.35">
      <c r="A72690" s="1" t="s">
        <v>27410</v>
      </c>
      <c r="B72690" s="1" t="s">
        <v>222693</v>
      </c>
      <c r="C72690" s="1" t="s">
        <v>120</v>
      </c>
      <c r="D72690" s="1" t="s">
        <v>243227</v>
      </c>
      <c r="E72690" s="1" t="s">
        <v>243228</v>
      </c>
      <c r="F72690" s="1" t="s">
        <v>243229</v>
      </c>
      <c r="G72690" s="1" t="s">
        <v>243154</v>
      </c>
      <c r="H72690" s="1" t="s">
        <v>243155</v>
      </c>
      <c r="I72690" s="1" t="s">
        <v>222698</v>
      </c>
      <c r="J72690" s="1" t="s">
        <v>243230</v>
      </c>
    </row>
    <row r="72691" spans="1:10" x14ac:dyDescent="0.35">
      <c r="A72691" s="1" t="s">
        <v>27410</v>
      </c>
      <c r="B72691" s="1" t="s">
        <v>222693</v>
      </c>
      <c r="C72691" s="1" t="s">
        <v>125</v>
      </c>
      <c r="D72691" s="1" t="s">
        <v>243231</v>
      </c>
      <c r="E72691" s="1" t="s">
        <v>243232</v>
      </c>
      <c r="F72691" s="1" t="s">
        <v>243233</v>
      </c>
      <c r="G72691" s="1" t="s">
        <v>243154</v>
      </c>
      <c r="H72691" s="1" t="s">
        <v>243155</v>
      </c>
      <c r="I72691" s="1" t="s">
        <v>222698</v>
      </c>
      <c r="J72691" s="1" t="s">
        <v>243234</v>
      </c>
    </row>
    <row r="72692" spans="1:10" x14ac:dyDescent="0.35">
      <c r="A72692" s="1" t="s">
        <v>27410</v>
      </c>
      <c r="B72692" s="1" t="s">
        <v>222693</v>
      </c>
      <c r="C72692" s="1" t="s">
        <v>130</v>
      </c>
      <c r="D72692" s="1" t="s">
        <v>164502</v>
      </c>
      <c r="E72692" s="1" t="s">
        <v>243235</v>
      </c>
      <c r="F72692" s="1" t="s">
        <v>243236</v>
      </c>
      <c r="G72692" s="1" t="s">
        <v>243154</v>
      </c>
      <c r="H72692" s="1" t="s">
        <v>243155</v>
      </c>
      <c r="I72692" s="1" t="s">
        <v>222698</v>
      </c>
      <c r="J72692" s="1" t="s">
        <v>243237</v>
      </c>
    </row>
    <row r="72693" spans="1:10" x14ac:dyDescent="0.35">
      <c r="A72693" s="1" t="s">
        <v>27410</v>
      </c>
      <c r="B72693" s="1" t="s">
        <v>222693</v>
      </c>
      <c r="C72693" s="1" t="s">
        <v>135</v>
      </c>
      <c r="D72693" s="1" t="s">
        <v>243238</v>
      </c>
      <c r="E72693" s="1" t="s">
        <v>243239</v>
      </c>
      <c r="F72693" s="1" t="s">
        <v>243240</v>
      </c>
      <c r="G72693" s="1" t="s">
        <v>243154</v>
      </c>
      <c r="H72693" s="1" t="s">
        <v>243155</v>
      </c>
      <c r="I72693" s="1" t="s">
        <v>222698</v>
      </c>
      <c r="J72693" s="1" t="s">
        <v>243241</v>
      </c>
    </row>
    <row r="72694" spans="1:10" x14ac:dyDescent="0.35">
      <c r="A72694" s="1" t="s">
        <v>27410</v>
      </c>
      <c r="B72694" s="1" t="s">
        <v>222693</v>
      </c>
      <c r="C72694" s="1" t="s">
        <v>140</v>
      </c>
      <c r="D72694" s="1" t="s">
        <v>100995</v>
      </c>
      <c r="E72694" s="1" t="s">
        <v>243242</v>
      </c>
      <c r="F72694" s="1" t="s">
        <v>243243</v>
      </c>
      <c r="G72694" s="1" t="s">
        <v>243154</v>
      </c>
      <c r="H72694" s="1" t="s">
        <v>243155</v>
      </c>
      <c r="I72694" s="1" t="s">
        <v>222698</v>
      </c>
      <c r="J72694" s="1" t="s">
        <v>243244</v>
      </c>
    </row>
    <row r="72695" spans="1:10" x14ac:dyDescent="0.35">
      <c r="A72695" s="1" t="s">
        <v>27410</v>
      </c>
      <c r="B72695" s="1" t="s">
        <v>222693</v>
      </c>
      <c r="C72695" s="1" t="s">
        <v>145</v>
      </c>
      <c r="D72695" s="1" t="s">
        <v>243245</v>
      </c>
      <c r="E72695" s="1" t="s">
        <v>243246</v>
      </c>
      <c r="F72695" s="1" t="s">
        <v>243247</v>
      </c>
      <c r="G72695" s="1" t="s">
        <v>243154</v>
      </c>
      <c r="H72695" s="1" t="s">
        <v>243155</v>
      </c>
      <c r="I72695" s="1" t="s">
        <v>222698</v>
      </c>
      <c r="J72695" s="1" t="s">
        <v>243248</v>
      </c>
    </row>
    <row r="72696" spans="1:10" x14ac:dyDescent="0.35">
      <c r="A72696" s="1" t="s">
        <v>27410</v>
      </c>
      <c r="B72696" s="1" t="s">
        <v>222693</v>
      </c>
      <c r="C72696" s="1" t="s">
        <v>150</v>
      </c>
      <c r="D72696" s="1" t="s">
        <v>62610</v>
      </c>
      <c r="E72696" s="1" t="s">
        <v>243249</v>
      </c>
      <c r="F72696" s="1" t="s">
        <v>243250</v>
      </c>
      <c r="G72696" s="1" t="s">
        <v>243154</v>
      </c>
      <c r="H72696" s="1" t="s">
        <v>243155</v>
      </c>
      <c r="I72696" s="1" t="s">
        <v>222698</v>
      </c>
      <c r="J72696" s="1" t="s">
        <v>243251</v>
      </c>
    </row>
    <row r="72697" spans="1:10" x14ac:dyDescent="0.35">
      <c r="A72697" s="1" t="s">
        <v>27410</v>
      </c>
      <c r="B72697" s="1" t="s">
        <v>222693</v>
      </c>
      <c r="C72697" s="1" t="s">
        <v>155</v>
      </c>
      <c r="D72697" s="1" t="s">
        <v>94829</v>
      </c>
      <c r="E72697" s="1" t="s">
        <v>243252</v>
      </c>
      <c r="F72697" s="1" t="s">
        <v>243253</v>
      </c>
      <c r="G72697" s="1" t="s">
        <v>243154</v>
      </c>
      <c r="H72697" s="1" t="s">
        <v>243155</v>
      </c>
      <c r="I72697" s="1" t="s">
        <v>222698</v>
      </c>
      <c r="J72697" s="1" t="s">
        <v>243254</v>
      </c>
    </row>
    <row r="72698" spans="1:10" x14ac:dyDescent="0.35">
      <c r="A72698" s="1" t="s">
        <v>27410</v>
      </c>
      <c r="B72698" s="1" t="s">
        <v>222693</v>
      </c>
      <c r="C72698" s="1" t="s">
        <v>160</v>
      </c>
      <c r="D72698" s="1" t="s">
        <v>243255</v>
      </c>
      <c r="E72698" s="1" t="s">
        <v>243256</v>
      </c>
      <c r="F72698" s="1" t="s">
        <v>243257</v>
      </c>
      <c r="G72698" s="1" t="s">
        <v>243154</v>
      </c>
      <c r="H72698" s="1" t="s">
        <v>243155</v>
      </c>
      <c r="I72698" s="1" t="s">
        <v>222698</v>
      </c>
      <c r="J72698" s="1" t="s">
        <v>243258</v>
      </c>
    </row>
    <row r="72699" spans="1:10" x14ac:dyDescent="0.35">
      <c r="A72699" s="1" t="s">
        <v>27410</v>
      </c>
      <c r="B72699" s="1" t="s">
        <v>222693</v>
      </c>
      <c r="C72699" s="1" t="s">
        <v>165</v>
      </c>
      <c r="D72699" s="1" t="s">
        <v>243259</v>
      </c>
      <c r="E72699" s="1" t="s">
        <v>243260</v>
      </c>
      <c r="F72699" s="1" t="s">
        <v>243261</v>
      </c>
      <c r="G72699" s="1" t="s">
        <v>243154</v>
      </c>
      <c r="H72699" s="1" t="s">
        <v>243155</v>
      </c>
      <c r="I72699" s="1" t="s">
        <v>222698</v>
      </c>
      <c r="J72699" s="1" t="s">
        <v>243262</v>
      </c>
    </row>
    <row r="72700" spans="1:10" x14ac:dyDescent="0.35">
      <c r="A72700" s="1" t="s">
        <v>27410</v>
      </c>
      <c r="B72700" s="1" t="s">
        <v>222693</v>
      </c>
      <c r="C72700" s="1" t="s">
        <v>170</v>
      </c>
      <c r="D72700" s="1" t="s">
        <v>243263</v>
      </c>
      <c r="E72700" s="1" t="s">
        <v>243264</v>
      </c>
      <c r="F72700" s="1" t="s">
        <v>243265</v>
      </c>
      <c r="G72700" s="1" t="s">
        <v>243154</v>
      </c>
      <c r="H72700" s="1" t="s">
        <v>243155</v>
      </c>
      <c r="I72700" s="1" t="s">
        <v>222698</v>
      </c>
      <c r="J72700" s="1" t="s">
        <v>243266</v>
      </c>
    </row>
    <row r="72701" spans="1:10" x14ac:dyDescent="0.35">
      <c r="A72701" s="1" t="s">
        <v>51292</v>
      </c>
      <c r="B72701" s="1" t="s">
        <v>222693</v>
      </c>
      <c r="C72701" s="1" t="s">
        <v>8</v>
      </c>
      <c r="D72701" s="1" t="s">
        <v>129533</v>
      </c>
      <c r="E72701" s="1" t="s">
        <v>243267</v>
      </c>
      <c r="F72701" s="1" t="s">
        <v>243268</v>
      </c>
      <c r="G72701" s="1" t="s">
        <v>243269</v>
      </c>
      <c r="H72701" s="1" t="s">
        <v>243270</v>
      </c>
      <c r="I72701" s="1" t="s">
        <v>222698</v>
      </c>
      <c r="J72701" s="1" t="s">
        <v>13</v>
      </c>
    </row>
    <row r="72702" spans="1:10" x14ac:dyDescent="0.35">
      <c r="A72702" s="1" t="s">
        <v>51292</v>
      </c>
      <c r="B72702" s="1" t="s">
        <v>222693</v>
      </c>
      <c r="C72702" s="1" t="s">
        <v>15</v>
      </c>
      <c r="D72702" s="1" t="s">
        <v>7369</v>
      </c>
      <c r="E72702" s="1" t="s">
        <v>243271</v>
      </c>
      <c r="F72702" s="1" t="s">
        <v>243272</v>
      </c>
      <c r="G72702" s="1" t="s">
        <v>243269</v>
      </c>
      <c r="H72702" s="1" t="s">
        <v>243270</v>
      </c>
      <c r="I72702" s="1" t="s">
        <v>222698</v>
      </c>
      <c r="J72702" s="1" t="s">
        <v>243273</v>
      </c>
    </row>
    <row r="72703" spans="1:10" x14ac:dyDescent="0.35">
      <c r="A72703" s="1" t="s">
        <v>51292</v>
      </c>
      <c r="B72703" s="1" t="s">
        <v>222693</v>
      </c>
      <c r="C72703" s="1" t="s">
        <v>20</v>
      </c>
      <c r="D72703" s="1" t="s">
        <v>68218</v>
      </c>
      <c r="E72703" s="1" t="s">
        <v>243274</v>
      </c>
      <c r="F72703" s="1" t="s">
        <v>243275</v>
      </c>
      <c r="G72703" s="1" t="s">
        <v>243269</v>
      </c>
      <c r="H72703" s="1" t="s">
        <v>243270</v>
      </c>
      <c r="I72703" s="1" t="s">
        <v>222698</v>
      </c>
      <c r="J72703" s="1" t="s">
        <v>243276</v>
      </c>
    </row>
    <row r="72704" spans="1:10" x14ac:dyDescent="0.35">
      <c r="A72704" s="1" t="s">
        <v>51292</v>
      </c>
      <c r="B72704" s="1" t="s">
        <v>222693</v>
      </c>
      <c r="C72704" s="1" t="s">
        <v>25</v>
      </c>
      <c r="D72704" s="1" t="s">
        <v>92087</v>
      </c>
      <c r="E72704" s="1" t="s">
        <v>243277</v>
      </c>
      <c r="F72704" s="1" t="s">
        <v>243278</v>
      </c>
      <c r="G72704" s="1" t="s">
        <v>243269</v>
      </c>
      <c r="H72704" s="1" t="s">
        <v>243270</v>
      </c>
      <c r="I72704" s="1" t="s">
        <v>222698</v>
      </c>
      <c r="J72704" s="1" t="s">
        <v>243279</v>
      </c>
    </row>
    <row r="72705" spans="1:10" x14ac:dyDescent="0.35">
      <c r="A72705" s="1" t="s">
        <v>51292</v>
      </c>
      <c r="B72705" s="1" t="s">
        <v>222693</v>
      </c>
      <c r="C72705" s="1" t="s">
        <v>30</v>
      </c>
      <c r="D72705" s="1" t="s">
        <v>65848</v>
      </c>
      <c r="E72705" s="1" t="s">
        <v>243280</v>
      </c>
      <c r="F72705" s="1" t="s">
        <v>243281</v>
      </c>
      <c r="G72705" s="1" t="s">
        <v>243269</v>
      </c>
      <c r="H72705" s="1" t="s">
        <v>243270</v>
      </c>
      <c r="I72705" s="1" t="s">
        <v>222698</v>
      </c>
      <c r="J72705" s="1" t="s">
        <v>243282</v>
      </c>
    </row>
    <row r="72706" spans="1:10" x14ac:dyDescent="0.35">
      <c r="A72706" s="1" t="s">
        <v>51292</v>
      </c>
      <c r="B72706" s="1" t="s">
        <v>222693</v>
      </c>
      <c r="C72706" s="1" t="s">
        <v>35</v>
      </c>
      <c r="D72706" s="1" t="s">
        <v>147726</v>
      </c>
      <c r="E72706" s="1" t="s">
        <v>243283</v>
      </c>
      <c r="F72706" s="1" t="s">
        <v>243284</v>
      </c>
      <c r="G72706" s="1" t="s">
        <v>243269</v>
      </c>
      <c r="H72706" s="1" t="s">
        <v>243270</v>
      </c>
      <c r="I72706" s="1" t="s">
        <v>222698</v>
      </c>
      <c r="J72706" s="1" t="s">
        <v>243285</v>
      </c>
    </row>
    <row r="72707" spans="1:10" x14ac:dyDescent="0.35">
      <c r="A72707" s="1" t="s">
        <v>51292</v>
      </c>
      <c r="B72707" s="1" t="s">
        <v>222693</v>
      </c>
      <c r="C72707" s="1" t="s">
        <v>40</v>
      </c>
      <c r="D72707" s="1" t="s">
        <v>55010</v>
      </c>
      <c r="E72707" s="1" t="s">
        <v>243286</v>
      </c>
      <c r="F72707" s="1" t="s">
        <v>243287</v>
      </c>
      <c r="G72707" s="1" t="s">
        <v>243269</v>
      </c>
      <c r="H72707" s="1" t="s">
        <v>243270</v>
      </c>
      <c r="I72707" s="1" t="s">
        <v>222698</v>
      </c>
      <c r="J72707" s="1" t="s">
        <v>243288</v>
      </c>
    </row>
    <row r="72708" spans="1:10" x14ac:dyDescent="0.35">
      <c r="A72708" s="1" t="s">
        <v>51292</v>
      </c>
      <c r="B72708" s="1" t="s">
        <v>222693</v>
      </c>
      <c r="C72708" s="1" t="s">
        <v>45</v>
      </c>
      <c r="D72708" s="1" t="s">
        <v>55998</v>
      </c>
      <c r="E72708" s="1" t="s">
        <v>243289</v>
      </c>
      <c r="F72708" s="1" t="s">
        <v>243290</v>
      </c>
      <c r="G72708" s="1" t="s">
        <v>243269</v>
      </c>
      <c r="H72708" s="1" t="s">
        <v>243270</v>
      </c>
      <c r="I72708" s="1" t="s">
        <v>222698</v>
      </c>
      <c r="J72708" s="1" t="s">
        <v>243291</v>
      </c>
    </row>
    <row r="72709" spans="1:10" x14ac:dyDescent="0.35">
      <c r="A72709" s="1" t="s">
        <v>51292</v>
      </c>
      <c r="B72709" s="1" t="s">
        <v>222693</v>
      </c>
      <c r="C72709" s="1" t="s">
        <v>50</v>
      </c>
      <c r="D72709" s="1" t="s">
        <v>128941</v>
      </c>
      <c r="E72709" s="1" t="s">
        <v>243292</v>
      </c>
      <c r="F72709" s="1" t="s">
        <v>243293</v>
      </c>
      <c r="G72709" s="1" t="s">
        <v>243269</v>
      </c>
      <c r="H72709" s="1" t="s">
        <v>243270</v>
      </c>
      <c r="I72709" s="1" t="s">
        <v>222698</v>
      </c>
      <c r="J72709" s="1" t="s">
        <v>243294</v>
      </c>
    </row>
    <row r="72710" spans="1:10" x14ac:dyDescent="0.35">
      <c r="A72710" s="1" t="s">
        <v>51292</v>
      </c>
      <c r="B72710" s="1" t="s">
        <v>222693</v>
      </c>
      <c r="C72710" s="1" t="s">
        <v>55</v>
      </c>
      <c r="D72710" s="1" t="s">
        <v>19907</v>
      </c>
      <c r="E72710" s="1" t="s">
        <v>243295</v>
      </c>
      <c r="F72710" s="1" t="s">
        <v>243296</v>
      </c>
      <c r="G72710" s="1" t="s">
        <v>243269</v>
      </c>
      <c r="H72710" s="1" t="s">
        <v>243270</v>
      </c>
      <c r="I72710" s="1" t="s">
        <v>222698</v>
      </c>
      <c r="J72710" s="1" t="s">
        <v>243297</v>
      </c>
    </row>
    <row r="72711" spans="1:10" x14ac:dyDescent="0.35">
      <c r="A72711" s="1" t="s">
        <v>51292</v>
      </c>
      <c r="B72711" s="1" t="s">
        <v>222693</v>
      </c>
      <c r="C72711" s="1" t="s">
        <v>60</v>
      </c>
      <c r="D72711" s="1" t="s">
        <v>243298</v>
      </c>
      <c r="E72711" s="1" t="s">
        <v>243299</v>
      </c>
      <c r="F72711" s="1" t="s">
        <v>243300</v>
      </c>
      <c r="G72711" s="1" t="s">
        <v>243269</v>
      </c>
      <c r="H72711" s="1" t="s">
        <v>243270</v>
      </c>
      <c r="I72711" s="1" t="s">
        <v>222698</v>
      </c>
      <c r="J72711" s="1" t="s">
        <v>243301</v>
      </c>
    </row>
    <row r="72712" spans="1:10" x14ac:dyDescent="0.35">
      <c r="A72712" s="1" t="s">
        <v>51292</v>
      </c>
      <c r="B72712" s="1" t="s">
        <v>222693</v>
      </c>
      <c r="C72712" s="1" t="s">
        <v>65</v>
      </c>
      <c r="D72712" s="1" t="s">
        <v>24895</v>
      </c>
      <c r="E72712" s="1" t="s">
        <v>243302</v>
      </c>
      <c r="F72712" s="1" t="s">
        <v>243303</v>
      </c>
      <c r="G72712" s="1" t="s">
        <v>243269</v>
      </c>
      <c r="H72712" s="1" t="s">
        <v>243270</v>
      </c>
      <c r="I72712" s="1" t="s">
        <v>222698</v>
      </c>
      <c r="J72712" s="1" t="s">
        <v>243304</v>
      </c>
    </row>
    <row r="72713" spans="1:10" x14ac:dyDescent="0.35">
      <c r="A72713" s="1" t="s">
        <v>51292</v>
      </c>
      <c r="B72713" s="1" t="s">
        <v>222693</v>
      </c>
      <c r="C72713" s="1" t="s">
        <v>70</v>
      </c>
      <c r="D72713" s="1" t="s">
        <v>89998</v>
      </c>
      <c r="E72713" s="1" t="s">
        <v>243305</v>
      </c>
      <c r="F72713" s="1" t="s">
        <v>243306</v>
      </c>
      <c r="G72713" s="1" t="s">
        <v>243269</v>
      </c>
      <c r="H72713" s="1" t="s">
        <v>243270</v>
      </c>
      <c r="I72713" s="1" t="s">
        <v>222698</v>
      </c>
      <c r="J72713" s="1" t="s">
        <v>243307</v>
      </c>
    </row>
    <row r="72714" spans="1:10" x14ac:dyDescent="0.35">
      <c r="A72714" s="1" t="s">
        <v>51292</v>
      </c>
      <c r="B72714" s="1" t="s">
        <v>222693</v>
      </c>
      <c r="C72714" s="1" t="s">
        <v>75</v>
      </c>
      <c r="D72714" s="1" t="s">
        <v>128875</v>
      </c>
      <c r="E72714" s="1" t="s">
        <v>243308</v>
      </c>
      <c r="F72714" s="1" t="s">
        <v>243309</v>
      </c>
      <c r="G72714" s="1" t="s">
        <v>243269</v>
      </c>
      <c r="H72714" s="1" t="s">
        <v>243270</v>
      </c>
      <c r="I72714" s="1" t="s">
        <v>222698</v>
      </c>
      <c r="J72714" s="1" t="s">
        <v>243310</v>
      </c>
    </row>
    <row r="72715" spans="1:10" x14ac:dyDescent="0.35">
      <c r="A72715" s="1" t="s">
        <v>51292</v>
      </c>
      <c r="B72715" s="1" t="s">
        <v>222693</v>
      </c>
      <c r="C72715" s="1" t="s">
        <v>80</v>
      </c>
      <c r="D72715" s="1" t="s">
        <v>22913</v>
      </c>
      <c r="E72715" s="1" t="s">
        <v>243311</v>
      </c>
      <c r="F72715" s="1" t="s">
        <v>243312</v>
      </c>
      <c r="G72715" s="1" t="s">
        <v>243269</v>
      </c>
      <c r="H72715" s="1" t="s">
        <v>243270</v>
      </c>
      <c r="I72715" s="1" t="s">
        <v>222698</v>
      </c>
      <c r="J72715" s="1" t="s">
        <v>243313</v>
      </c>
    </row>
    <row r="72716" spans="1:10" x14ac:dyDescent="0.35">
      <c r="A72716" s="1" t="s">
        <v>51292</v>
      </c>
      <c r="B72716" s="1" t="s">
        <v>222693</v>
      </c>
      <c r="C72716" s="1" t="s">
        <v>85</v>
      </c>
      <c r="D72716" s="1" t="s">
        <v>243314</v>
      </c>
      <c r="E72716" s="1" t="s">
        <v>243315</v>
      </c>
      <c r="F72716" s="1" t="s">
        <v>243316</v>
      </c>
      <c r="G72716" s="1" t="s">
        <v>243269</v>
      </c>
      <c r="H72716" s="1" t="s">
        <v>243270</v>
      </c>
      <c r="I72716" s="1" t="s">
        <v>222698</v>
      </c>
      <c r="J72716" s="1" t="s">
        <v>243317</v>
      </c>
    </row>
    <row r="72717" spans="1:10" x14ac:dyDescent="0.35">
      <c r="A72717" s="1" t="s">
        <v>51292</v>
      </c>
      <c r="B72717" s="1" t="s">
        <v>222693</v>
      </c>
      <c r="C72717" s="1" t="s">
        <v>90</v>
      </c>
      <c r="D72717" s="1" t="s">
        <v>85048</v>
      </c>
      <c r="E72717" s="1" t="s">
        <v>243318</v>
      </c>
      <c r="F72717" s="1" t="s">
        <v>243319</v>
      </c>
      <c r="G72717" s="1" t="s">
        <v>243269</v>
      </c>
      <c r="H72717" s="1" t="s">
        <v>243270</v>
      </c>
      <c r="I72717" s="1" t="s">
        <v>222698</v>
      </c>
      <c r="J72717" s="1" t="s">
        <v>243320</v>
      </c>
    </row>
    <row r="72718" spans="1:10" x14ac:dyDescent="0.35">
      <c r="A72718" s="1" t="s">
        <v>51292</v>
      </c>
      <c r="B72718" s="1" t="s">
        <v>222693</v>
      </c>
      <c r="C72718" s="1" t="s">
        <v>95</v>
      </c>
      <c r="D72718" s="1" t="s">
        <v>243321</v>
      </c>
      <c r="E72718" s="1" t="s">
        <v>243322</v>
      </c>
      <c r="F72718" s="1" t="s">
        <v>243323</v>
      </c>
      <c r="G72718" s="1" t="s">
        <v>243269</v>
      </c>
      <c r="H72718" s="1" t="s">
        <v>243270</v>
      </c>
      <c r="I72718" s="1" t="s">
        <v>222698</v>
      </c>
      <c r="J72718" s="1" t="s">
        <v>243324</v>
      </c>
    </row>
    <row r="72719" spans="1:10" x14ac:dyDescent="0.35">
      <c r="A72719" s="1" t="s">
        <v>51292</v>
      </c>
      <c r="B72719" s="1" t="s">
        <v>222693</v>
      </c>
      <c r="C72719" s="1" t="s">
        <v>100</v>
      </c>
      <c r="D72719" s="1" t="s">
        <v>243325</v>
      </c>
      <c r="E72719" s="1" t="s">
        <v>243326</v>
      </c>
      <c r="F72719" s="1" t="s">
        <v>243327</v>
      </c>
      <c r="G72719" s="1" t="s">
        <v>243269</v>
      </c>
      <c r="H72719" s="1" t="s">
        <v>243270</v>
      </c>
      <c r="I72719" s="1" t="s">
        <v>222698</v>
      </c>
      <c r="J72719" s="1" t="s">
        <v>243328</v>
      </c>
    </row>
    <row r="72720" spans="1:10" x14ac:dyDescent="0.35">
      <c r="A72720" s="1" t="s">
        <v>51292</v>
      </c>
      <c r="B72720" s="1" t="s">
        <v>222693</v>
      </c>
      <c r="C72720" s="1" t="s">
        <v>105</v>
      </c>
      <c r="D72720" s="1" t="s">
        <v>243329</v>
      </c>
      <c r="E72720" s="1" t="s">
        <v>243330</v>
      </c>
      <c r="F72720" s="1" t="s">
        <v>243331</v>
      </c>
      <c r="G72720" s="1" t="s">
        <v>243269</v>
      </c>
      <c r="H72720" s="1" t="s">
        <v>243270</v>
      </c>
      <c r="I72720" s="1" t="s">
        <v>222698</v>
      </c>
      <c r="J72720" s="1" t="s">
        <v>243332</v>
      </c>
    </row>
    <row r="72721" spans="1:10" x14ac:dyDescent="0.35">
      <c r="A72721" s="1" t="s">
        <v>51292</v>
      </c>
      <c r="B72721" s="1" t="s">
        <v>222693</v>
      </c>
      <c r="C72721" s="1" t="s">
        <v>110</v>
      </c>
      <c r="D72721" s="1" t="s">
        <v>243333</v>
      </c>
      <c r="E72721" s="1" t="s">
        <v>243334</v>
      </c>
      <c r="F72721" s="1" t="s">
        <v>243335</v>
      </c>
      <c r="G72721" s="1" t="s">
        <v>243269</v>
      </c>
      <c r="H72721" s="1" t="s">
        <v>243270</v>
      </c>
      <c r="I72721" s="1" t="s">
        <v>222698</v>
      </c>
      <c r="J72721" s="1" t="s">
        <v>243336</v>
      </c>
    </row>
    <row r="72722" spans="1:10" x14ac:dyDescent="0.35">
      <c r="A72722" s="1" t="s">
        <v>51292</v>
      </c>
      <c r="B72722" s="1" t="s">
        <v>222693</v>
      </c>
      <c r="C72722" s="1" t="s">
        <v>115</v>
      </c>
      <c r="D72722" s="1" t="s">
        <v>243337</v>
      </c>
      <c r="E72722" s="1" t="s">
        <v>243338</v>
      </c>
      <c r="F72722" s="1" t="s">
        <v>243339</v>
      </c>
      <c r="G72722" s="1" t="s">
        <v>243269</v>
      </c>
      <c r="H72722" s="1" t="s">
        <v>243270</v>
      </c>
      <c r="I72722" s="1" t="s">
        <v>222698</v>
      </c>
      <c r="J72722" s="1" t="s">
        <v>243340</v>
      </c>
    </row>
    <row r="72723" spans="1:10" x14ac:dyDescent="0.35">
      <c r="A72723" s="1" t="s">
        <v>51292</v>
      </c>
      <c r="B72723" s="1" t="s">
        <v>222693</v>
      </c>
      <c r="C72723" s="1" t="s">
        <v>120</v>
      </c>
      <c r="D72723" s="1" t="s">
        <v>243341</v>
      </c>
      <c r="E72723" s="1" t="s">
        <v>243342</v>
      </c>
      <c r="F72723" s="1" t="s">
        <v>243343</v>
      </c>
      <c r="G72723" s="1" t="s">
        <v>243269</v>
      </c>
      <c r="H72723" s="1" t="s">
        <v>243270</v>
      </c>
      <c r="I72723" s="1" t="s">
        <v>222698</v>
      </c>
      <c r="J72723" s="1" t="s">
        <v>243344</v>
      </c>
    </row>
    <row r="72724" spans="1:10" x14ac:dyDescent="0.35">
      <c r="A72724" s="1" t="s">
        <v>51292</v>
      </c>
      <c r="B72724" s="1" t="s">
        <v>222693</v>
      </c>
      <c r="C72724" s="1" t="s">
        <v>125</v>
      </c>
      <c r="D72724" s="1" t="s">
        <v>148021</v>
      </c>
      <c r="E72724" s="1" t="s">
        <v>243345</v>
      </c>
      <c r="F72724" s="1" t="s">
        <v>243346</v>
      </c>
      <c r="G72724" s="1" t="s">
        <v>243269</v>
      </c>
      <c r="H72724" s="1" t="s">
        <v>243270</v>
      </c>
      <c r="I72724" s="1" t="s">
        <v>222698</v>
      </c>
      <c r="J72724" s="1" t="s">
        <v>243347</v>
      </c>
    </row>
    <row r="72725" spans="1:10" x14ac:dyDescent="0.35">
      <c r="A72725" s="1" t="s">
        <v>51292</v>
      </c>
      <c r="B72725" s="1" t="s">
        <v>222693</v>
      </c>
      <c r="C72725" s="1" t="s">
        <v>130</v>
      </c>
      <c r="D72725" s="1" t="s">
        <v>243348</v>
      </c>
      <c r="E72725" s="1" t="s">
        <v>243349</v>
      </c>
      <c r="F72725" s="1" t="s">
        <v>243350</v>
      </c>
      <c r="G72725" s="1" t="s">
        <v>243269</v>
      </c>
      <c r="H72725" s="1" t="s">
        <v>243270</v>
      </c>
      <c r="I72725" s="1" t="s">
        <v>222698</v>
      </c>
      <c r="J72725" s="1" t="s">
        <v>243351</v>
      </c>
    </row>
    <row r="72726" spans="1:10" x14ac:dyDescent="0.35">
      <c r="A72726" s="1" t="s">
        <v>51292</v>
      </c>
      <c r="B72726" s="1" t="s">
        <v>222693</v>
      </c>
      <c r="C72726" s="1" t="s">
        <v>135</v>
      </c>
      <c r="D72726" s="1" t="s">
        <v>225180</v>
      </c>
      <c r="E72726" s="1" t="s">
        <v>243352</v>
      </c>
      <c r="F72726" s="1" t="s">
        <v>243353</v>
      </c>
      <c r="G72726" s="1" t="s">
        <v>243269</v>
      </c>
      <c r="H72726" s="1" t="s">
        <v>243270</v>
      </c>
      <c r="I72726" s="1" t="s">
        <v>222698</v>
      </c>
      <c r="J72726" s="1" t="s">
        <v>144631</v>
      </c>
    </row>
    <row r="72727" spans="1:10" x14ac:dyDescent="0.35">
      <c r="A72727" s="1" t="s">
        <v>51292</v>
      </c>
      <c r="B72727" s="1" t="s">
        <v>222693</v>
      </c>
      <c r="C72727" s="1" t="s">
        <v>140</v>
      </c>
      <c r="D72727" s="1" t="s">
        <v>243354</v>
      </c>
      <c r="E72727" s="1" t="s">
        <v>243355</v>
      </c>
      <c r="F72727" s="1" t="s">
        <v>243356</v>
      </c>
      <c r="G72727" s="1" t="s">
        <v>243269</v>
      </c>
      <c r="H72727" s="1" t="s">
        <v>243270</v>
      </c>
      <c r="I72727" s="1" t="s">
        <v>222698</v>
      </c>
      <c r="J72727" s="1" t="s">
        <v>243357</v>
      </c>
    </row>
    <row r="72728" spans="1:10" x14ac:dyDescent="0.35">
      <c r="A72728" s="1" t="s">
        <v>51292</v>
      </c>
      <c r="B72728" s="1" t="s">
        <v>222693</v>
      </c>
      <c r="C72728" s="1" t="s">
        <v>145</v>
      </c>
      <c r="D72728" s="1" t="s">
        <v>243358</v>
      </c>
      <c r="E72728" s="1" t="s">
        <v>243359</v>
      </c>
      <c r="F72728" s="1" t="s">
        <v>243360</v>
      </c>
      <c r="G72728" s="1" t="s">
        <v>243269</v>
      </c>
      <c r="H72728" s="1" t="s">
        <v>243270</v>
      </c>
      <c r="I72728" s="1" t="s">
        <v>222698</v>
      </c>
      <c r="J72728" s="1" t="s">
        <v>243361</v>
      </c>
    </row>
    <row r="72729" spans="1:10" x14ac:dyDescent="0.35">
      <c r="A72729" s="1" t="s">
        <v>51292</v>
      </c>
      <c r="B72729" s="1" t="s">
        <v>222693</v>
      </c>
      <c r="C72729" s="1" t="s">
        <v>150</v>
      </c>
      <c r="D72729" s="1" t="s">
        <v>243362</v>
      </c>
      <c r="E72729" s="1" t="s">
        <v>243363</v>
      </c>
      <c r="F72729" s="1" t="s">
        <v>243364</v>
      </c>
      <c r="G72729" s="1" t="s">
        <v>243269</v>
      </c>
      <c r="H72729" s="1" t="s">
        <v>243270</v>
      </c>
      <c r="I72729" s="1" t="s">
        <v>222698</v>
      </c>
      <c r="J72729" s="1" t="s">
        <v>243365</v>
      </c>
    </row>
    <row r="72730" spans="1:10" x14ac:dyDescent="0.35">
      <c r="A72730" s="1" t="s">
        <v>51292</v>
      </c>
      <c r="B72730" s="1" t="s">
        <v>222693</v>
      </c>
      <c r="C72730" s="1" t="s">
        <v>155</v>
      </c>
      <c r="D72730" s="1" t="s">
        <v>243366</v>
      </c>
      <c r="E72730" s="1" t="s">
        <v>243367</v>
      </c>
      <c r="F72730" s="1" t="s">
        <v>243368</v>
      </c>
      <c r="G72730" s="1" t="s">
        <v>243269</v>
      </c>
      <c r="H72730" s="1" t="s">
        <v>243270</v>
      </c>
      <c r="I72730" s="1" t="s">
        <v>222698</v>
      </c>
      <c r="J72730" s="1" t="s">
        <v>243369</v>
      </c>
    </row>
    <row r="72731" spans="1:10" x14ac:dyDescent="0.35">
      <c r="A72731" s="1" t="s">
        <v>51292</v>
      </c>
      <c r="B72731" s="1" t="s">
        <v>222693</v>
      </c>
      <c r="C72731" s="1" t="s">
        <v>160</v>
      </c>
      <c r="D72731" s="1" t="s">
        <v>243370</v>
      </c>
      <c r="E72731" s="1" t="s">
        <v>243371</v>
      </c>
      <c r="F72731" s="1" t="s">
        <v>243372</v>
      </c>
      <c r="G72731" s="1" t="s">
        <v>243269</v>
      </c>
      <c r="H72731" s="1" t="s">
        <v>243270</v>
      </c>
      <c r="I72731" s="1" t="s">
        <v>222698</v>
      </c>
      <c r="J72731" s="1" t="s">
        <v>243373</v>
      </c>
    </row>
    <row r="72732" spans="1:10" x14ac:dyDescent="0.35">
      <c r="A72732" s="1" t="s">
        <v>51292</v>
      </c>
      <c r="B72732" s="1" t="s">
        <v>222693</v>
      </c>
      <c r="C72732" s="1" t="s">
        <v>165</v>
      </c>
      <c r="D72732" s="1" t="s">
        <v>54062</v>
      </c>
      <c r="E72732" s="1" t="s">
        <v>243374</v>
      </c>
      <c r="F72732" s="1" t="s">
        <v>243375</v>
      </c>
      <c r="G72732" s="1" t="s">
        <v>243269</v>
      </c>
      <c r="H72732" s="1" t="s">
        <v>243270</v>
      </c>
      <c r="I72732" s="1" t="s">
        <v>222698</v>
      </c>
      <c r="J72732" s="1" t="s">
        <v>243376</v>
      </c>
    </row>
    <row r="72733" spans="1:10" x14ac:dyDescent="0.35">
      <c r="A72733" s="1" t="s">
        <v>51292</v>
      </c>
      <c r="B72733" s="1" t="s">
        <v>222693</v>
      </c>
      <c r="C72733" s="1" t="s">
        <v>170</v>
      </c>
      <c r="D72733" s="1" t="s">
        <v>243377</v>
      </c>
      <c r="E72733" s="1" t="s">
        <v>243378</v>
      </c>
      <c r="F72733" s="1" t="s">
        <v>243379</v>
      </c>
      <c r="G72733" s="1" t="s">
        <v>243269</v>
      </c>
      <c r="H72733" s="1" t="s">
        <v>243270</v>
      </c>
      <c r="I72733" s="1" t="s">
        <v>222698</v>
      </c>
      <c r="J72733" s="1" t="s">
        <v>243380</v>
      </c>
    </row>
    <row r="72734" spans="1:10" x14ac:dyDescent="0.35">
      <c r="A72734" s="1" t="s">
        <v>146764</v>
      </c>
      <c r="B72734" s="1" t="s">
        <v>222693</v>
      </c>
      <c r="C72734" s="1" t="s">
        <v>8</v>
      </c>
      <c r="D72734" s="1" t="s">
        <v>242452</v>
      </c>
      <c r="E72734" s="1" t="s">
        <v>243381</v>
      </c>
      <c r="F72734" s="1" t="s">
        <v>243382</v>
      </c>
      <c r="G72734" s="1" t="s">
        <v>243383</v>
      </c>
      <c r="H72734" s="1" t="s">
        <v>243384</v>
      </c>
      <c r="I72734" s="1" t="s">
        <v>222698</v>
      </c>
      <c r="J72734" s="1" t="s">
        <v>13</v>
      </c>
    </row>
    <row r="72735" spans="1:10" x14ac:dyDescent="0.35">
      <c r="A72735" s="1" t="s">
        <v>146764</v>
      </c>
      <c r="B72735" s="1" t="s">
        <v>222693</v>
      </c>
      <c r="C72735" s="1" t="s">
        <v>15</v>
      </c>
      <c r="D72735" s="1" t="s">
        <v>61145</v>
      </c>
      <c r="E72735" s="1" t="s">
        <v>243385</v>
      </c>
      <c r="F72735" s="1" t="s">
        <v>243386</v>
      </c>
      <c r="G72735" s="1" t="s">
        <v>243383</v>
      </c>
      <c r="H72735" s="1" t="s">
        <v>243384</v>
      </c>
      <c r="I72735" s="1" t="s">
        <v>222698</v>
      </c>
      <c r="J72735" s="1" t="s">
        <v>243387</v>
      </c>
    </row>
    <row r="72736" spans="1:10" x14ac:dyDescent="0.35">
      <c r="A72736" s="1" t="s">
        <v>146764</v>
      </c>
      <c r="B72736" s="1" t="s">
        <v>222693</v>
      </c>
      <c r="C72736" s="1" t="s">
        <v>20</v>
      </c>
      <c r="D72736" s="1" t="s">
        <v>127967</v>
      </c>
      <c r="E72736" s="1" t="s">
        <v>243388</v>
      </c>
      <c r="F72736" s="1" t="s">
        <v>243389</v>
      </c>
      <c r="G72736" s="1" t="s">
        <v>243383</v>
      </c>
      <c r="H72736" s="1" t="s">
        <v>243384</v>
      </c>
      <c r="I72736" s="1" t="s">
        <v>222698</v>
      </c>
      <c r="J72736" s="1" t="s">
        <v>243390</v>
      </c>
    </row>
    <row r="72737" spans="1:10" x14ac:dyDescent="0.35">
      <c r="A72737" s="1" t="s">
        <v>146764</v>
      </c>
      <c r="B72737" s="1" t="s">
        <v>222693</v>
      </c>
      <c r="C72737" s="1" t="s">
        <v>25</v>
      </c>
      <c r="D72737" s="1" t="s">
        <v>52289</v>
      </c>
      <c r="E72737" s="1" t="s">
        <v>243391</v>
      </c>
      <c r="F72737" s="1" t="s">
        <v>243392</v>
      </c>
      <c r="G72737" s="1" t="s">
        <v>243383</v>
      </c>
      <c r="H72737" s="1" t="s">
        <v>243384</v>
      </c>
      <c r="I72737" s="1" t="s">
        <v>222698</v>
      </c>
      <c r="J72737" s="1" t="s">
        <v>243393</v>
      </c>
    </row>
    <row r="72738" spans="1:10" x14ac:dyDescent="0.35">
      <c r="A72738" s="1" t="s">
        <v>146764</v>
      </c>
      <c r="B72738" s="1" t="s">
        <v>222693</v>
      </c>
      <c r="C72738" s="1" t="s">
        <v>30</v>
      </c>
      <c r="D72738" s="1" t="s">
        <v>222968</v>
      </c>
      <c r="E72738" s="1" t="s">
        <v>243394</v>
      </c>
      <c r="F72738" s="1" t="s">
        <v>243395</v>
      </c>
      <c r="G72738" s="1" t="s">
        <v>243383</v>
      </c>
      <c r="H72738" s="1" t="s">
        <v>243384</v>
      </c>
      <c r="I72738" s="1" t="s">
        <v>222698</v>
      </c>
      <c r="J72738" s="1" t="s">
        <v>243396</v>
      </c>
    </row>
    <row r="72739" spans="1:10" x14ac:dyDescent="0.35">
      <c r="A72739" s="1" t="s">
        <v>146764</v>
      </c>
      <c r="B72739" s="1" t="s">
        <v>222693</v>
      </c>
      <c r="C72739" s="1" t="s">
        <v>35</v>
      </c>
      <c r="D72739" s="1" t="s">
        <v>243397</v>
      </c>
      <c r="E72739" s="1" t="s">
        <v>243398</v>
      </c>
      <c r="F72739" s="1" t="s">
        <v>243399</v>
      </c>
      <c r="G72739" s="1" t="s">
        <v>243383</v>
      </c>
      <c r="H72739" s="1" t="s">
        <v>243384</v>
      </c>
      <c r="I72739" s="1" t="s">
        <v>222698</v>
      </c>
      <c r="J72739" s="1" t="s">
        <v>243400</v>
      </c>
    </row>
    <row r="72740" spans="1:10" x14ac:dyDescent="0.35">
      <c r="A72740" s="1" t="s">
        <v>146764</v>
      </c>
      <c r="B72740" s="1" t="s">
        <v>222693</v>
      </c>
      <c r="C72740" s="1" t="s">
        <v>40</v>
      </c>
      <c r="D72740" s="1" t="s">
        <v>36385</v>
      </c>
      <c r="E72740" s="1" t="s">
        <v>243401</v>
      </c>
      <c r="F72740" s="1" t="s">
        <v>243402</v>
      </c>
      <c r="G72740" s="1" t="s">
        <v>243383</v>
      </c>
      <c r="H72740" s="1" t="s">
        <v>243384</v>
      </c>
      <c r="I72740" s="1" t="s">
        <v>222698</v>
      </c>
      <c r="J72740" s="1" t="s">
        <v>243403</v>
      </c>
    </row>
    <row r="72741" spans="1:10" x14ac:dyDescent="0.35">
      <c r="A72741" s="1" t="s">
        <v>146764</v>
      </c>
      <c r="B72741" s="1" t="s">
        <v>222693</v>
      </c>
      <c r="C72741" s="1" t="s">
        <v>45</v>
      </c>
      <c r="D72741" s="1" t="s">
        <v>39381</v>
      </c>
      <c r="E72741" s="1" t="s">
        <v>243404</v>
      </c>
      <c r="F72741" s="1" t="s">
        <v>243405</v>
      </c>
      <c r="G72741" s="1" t="s">
        <v>243383</v>
      </c>
      <c r="H72741" s="1" t="s">
        <v>243384</v>
      </c>
      <c r="I72741" s="1" t="s">
        <v>222698</v>
      </c>
      <c r="J72741" s="1" t="s">
        <v>243406</v>
      </c>
    </row>
    <row r="72742" spans="1:10" x14ac:dyDescent="0.35">
      <c r="A72742" s="1" t="s">
        <v>146764</v>
      </c>
      <c r="B72742" s="1" t="s">
        <v>222693</v>
      </c>
      <c r="C72742" s="1" t="s">
        <v>50</v>
      </c>
      <c r="D72742" s="1" t="s">
        <v>53404</v>
      </c>
      <c r="E72742" s="1" t="s">
        <v>243407</v>
      </c>
      <c r="F72742" s="1" t="s">
        <v>243408</v>
      </c>
      <c r="G72742" s="1" t="s">
        <v>243383</v>
      </c>
      <c r="H72742" s="1" t="s">
        <v>243384</v>
      </c>
      <c r="I72742" s="1" t="s">
        <v>222698</v>
      </c>
      <c r="J72742" s="1" t="s">
        <v>243409</v>
      </c>
    </row>
    <row r="72743" spans="1:10" x14ac:dyDescent="0.35">
      <c r="A72743" s="1" t="s">
        <v>146764</v>
      </c>
      <c r="B72743" s="1" t="s">
        <v>222693</v>
      </c>
      <c r="C72743" s="1" t="s">
        <v>55</v>
      </c>
      <c r="D72743" s="1" t="s">
        <v>243410</v>
      </c>
      <c r="E72743" s="1" t="s">
        <v>243411</v>
      </c>
      <c r="F72743" s="1" t="s">
        <v>243412</v>
      </c>
      <c r="G72743" s="1" t="s">
        <v>243383</v>
      </c>
      <c r="H72743" s="1" t="s">
        <v>243384</v>
      </c>
      <c r="I72743" s="1" t="s">
        <v>222698</v>
      </c>
      <c r="J72743" s="1" t="s">
        <v>243413</v>
      </c>
    </row>
    <row r="72744" spans="1:10" x14ac:dyDescent="0.35">
      <c r="A72744" s="1" t="s">
        <v>146764</v>
      </c>
      <c r="B72744" s="1" t="s">
        <v>222693</v>
      </c>
      <c r="C72744" s="1" t="s">
        <v>60</v>
      </c>
      <c r="D72744" s="1" t="s">
        <v>172940</v>
      </c>
      <c r="E72744" s="1" t="s">
        <v>243414</v>
      </c>
      <c r="F72744" s="1" t="s">
        <v>243415</v>
      </c>
      <c r="G72744" s="1" t="s">
        <v>243383</v>
      </c>
      <c r="H72744" s="1" t="s">
        <v>243384</v>
      </c>
      <c r="I72744" s="1" t="s">
        <v>222698</v>
      </c>
      <c r="J72744" s="1" t="s">
        <v>243416</v>
      </c>
    </row>
    <row r="72745" spans="1:10" x14ac:dyDescent="0.35">
      <c r="A72745" s="1" t="s">
        <v>146764</v>
      </c>
      <c r="B72745" s="1" t="s">
        <v>222693</v>
      </c>
      <c r="C72745" s="1" t="s">
        <v>65</v>
      </c>
      <c r="D72745" s="1" t="s">
        <v>237330</v>
      </c>
      <c r="E72745" s="1" t="s">
        <v>243417</v>
      </c>
      <c r="F72745" s="1" t="s">
        <v>243418</v>
      </c>
      <c r="G72745" s="1" t="s">
        <v>243383</v>
      </c>
      <c r="H72745" s="1" t="s">
        <v>243384</v>
      </c>
      <c r="I72745" s="1" t="s">
        <v>222698</v>
      </c>
      <c r="J72745" s="1" t="s">
        <v>243419</v>
      </c>
    </row>
    <row r="72746" spans="1:10" x14ac:dyDescent="0.35">
      <c r="A72746" s="1" t="s">
        <v>146764</v>
      </c>
      <c r="B72746" s="1" t="s">
        <v>222693</v>
      </c>
      <c r="C72746" s="1" t="s">
        <v>70</v>
      </c>
      <c r="D72746" s="1" t="s">
        <v>243420</v>
      </c>
      <c r="E72746" s="1" t="s">
        <v>243421</v>
      </c>
      <c r="F72746" s="1" t="s">
        <v>243422</v>
      </c>
      <c r="G72746" s="1" t="s">
        <v>243383</v>
      </c>
      <c r="H72746" s="1" t="s">
        <v>243384</v>
      </c>
      <c r="I72746" s="1" t="s">
        <v>222698</v>
      </c>
      <c r="J72746" s="1" t="s">
        <v>243423</v>
      </c>
    </row>
    <row r="72747" spans="1:10" x14ac:dyDescent="0.35">
      <c r="A72747" s="1" t="s">
        <v>146764</v>
      </c>
      <c r="B72747" s="1" t="s">
        <v>222693</v>
      </c>
      <c r="C72747" s="1" t="s">
        <v>75</v>
      </c>
      <c r="D72747" s="1" t="s">
        <v>78345</v>
      </c>
      <c r="E72747" s="1" t="s">
        <v>243424</v>
      </c>
      <c r="F72747" s="1" t="s">
        <v>243425</v>
      </c>
      <c r="G72747" s="1" t="s">
        <v>243383</v>
      </c>
      <c r="H72747" s="1" t="s">
        <v>243384</v>
      </c>
      <c r="I72747" s="1" t="s">
        <v>222698</v>
      </c>
      <c r="J72747" s="1" t="s">
        <v>243426</v>
      </c>
    </row>
    <row r="72748" spans="1:10" x14ac:dyDescent="0.35">
      <c r="A72748" s="1" t="s">
        <v>146764</v>
      </c>
      <c r="B72748" s="1" t="s">
        <v>222693</v>
      </c>
      <c r="C72748" s="1" t="s">
        <v>80</v>
      </c>
      <c r="D72748" s="1" t="s">
        <v>39285</v>
      </c>
      <c r="E72748" s="1" t="s">
        <v>243427</v>
      </c>
      <c r="F72748" s="1" t="s">
        <v>243428</v>
      </c>
      <c r="G72748" s="1" t="s">
        <v>243383</v>
      </c>
      <c r="H72748" s="1" t="s">
        <v>243384</v>
      </c>
      <c r="I72748" s="1" t="s">
        <v>222698</v>
      </c>
      <c r="J72748" s="1" t="s">
        <v>243429</v>
      </c>
    </row>
    <row r="72749" spans="1:10" x14ac:dyDescent="0.35">
      <c r="A72749" s="1" t="s">
        <v>146764</v>
      </c>
      <c r="B72749" s="1" t="s">
        <v>222693</v>
      </c>
      <c r="C72749" s="1" t="s">
        <v>85</v>
      </c>
      <c r="D72749" s="1" t="s">
        <v>126979</v>
      </c>
      <c r="E72749" s="1" t="s">
        <v>243430</v>
      </c>
      <c r="F72749" s="1" t="s">
        <v>243431</v>
      </c>
      <c r="G72749" s="1" t="s">
        <v>243383</v>
      </c>
      <c r="H72749" s="1" t="s">
        <v>243384</v>
      </c>
      <c r="I72749" s="1" t="s">
        <v>222698</v>
      </c>
      <c r="J72749" s="1" t="s">
        <v>243432</v>
      </c>
    </row>
    <row r="72750" spans="1:10" x14ac:dyDescent="0.35">
      <c r="A72750" s="1" t="s">
        <v>146764</v>
      </c>
      <c r="B72750" s="1" t="s">
        <v>222693</v>
      </c>
      <c r="C72750" s="1" t="s">
        <v>90</v>
      </c>
      <c r="D72750" s="1" t="s">
        <v>243433</v>
      </c>
      <c r="E72750" s="1" t="s">
        <v>243434</v>
      </c>
      <c r="F72750" s="1" t="s">
        <v>243435</v>
      </c>
      <c r="G72750" s="1" t="s">
        <v>243383</v>
      </c>
      <c r="H72750" s="1" t="s">
        <v>243384</v>
      </c>
      <c r="I72750" s="1" t="s">
        <v>222698</v>
      </c>
      <c r="J72750" s="1" t="s">
        <v>243436</v>
      </c>
    </row>
    <row r="72751" spans="1:10" x14ac:dyDescent="0.35">
      <c r="A72751" s="1" t="s">
        <v>146764</v>
      </c>
      <c r="B72751" s="1" t="s">
        <v>222693</v>
      </c>
      <c r="C72751" s="1" t="s">
        <v>95</v>
      </c>
      <c r="D72751" s="1" t="s">
        <v>243437</v>
      </c>
      <c r="E72751" s="1" t="s">
        <v>243438</v>
      </c>
      <c r="F72751" s="1" t="s">
        <v>243439</v>
      </c>
      <c r="G72751" s="1" t="s">
        <v>243383</v>
      </c>
      <c r="H72751" s="1" t="s">
        <v>243384</v>
      </c>
      <c r="I72751" s="1" t="s">
        <v>222698</v>
      </c>
      <c r="J72751" s="1" t="s">
        <v>243440</v>
      </c>
    </row>
    <row r="72752" spans="1:10" x14ac:dyDescent="0.35">
      <c r="A72752" s="1" t="s">
        <v>146764</v>
      </c>
      <c r="B72752" s="1" t="s">
        <v>222693</v>
      </c>
      <c r="C72752" s="1" t="s">
        <v>100</v>
      </c>
      <c r="D72752" s="1" t="s">
        <v>243441</v>
      </c>
      <c r="E72752" s="1" t="s">
        <v>243442</v>
      </c>
      <c r="F72752" s="1" t="s">
        <v>243443</v>
      </c>
      <c r="G72752" s="1" t="s">
        <v>243383</v>
      </c>
      <c r="H72752" s="1" t="s">
        <v>243384</v>
      </c>
      <c r="I72752" s="1" t="s">
        <v>222698</v>
      </c>
      <c r="J72752" s="1" t="s">
        <v>243444</v>
      </c>
    </row>
    <row r="72753" spans="1:10" x14ac:dyDescent="0.35">
      <c r="A72753" s="1" t="s">
        <v>146764</v>
      </c>
      <c r="B72753" s="1" t="s">
        <v>222693</v>
      </c>
      <c r="C72753" s="1" t="s">
        <v>105</v>
      </c>
      <c r="D72753" s="1" t="s">
        <v>128452</v>
      </c>
      <c r="E72753" s="1" t="s">
        <v>243445</v>
      </c>
      <c r="F72753" s="1" t="s">
        <v>243446</v>
      </c>
      <c r="G72753" s="1" t="s">
        <v>243383</v>
      </c>
      <c r="H72753" s="1" t="s">
        <v>243384</v>
      </c>
      <c r="I72753" s="1" t="s">
        <v>222698</v>
      </c>
      <c r="J72753" s="1" t="s">
        <v>243447</v>
      </c>
    </row>
    <row r="72754" spans="1:10" x14ac:dyDescent="0.35">
      <c r="A72754" s="1" t="s">
        <v>146764</v>
      </c>
      <c r="B72754" s="1" t="s">
        <v>222693</v>
      </c>
      <c r="C72754" s="1" t="s">
        <v>110</v>
      </c>
      <c r="D72754" s="1" t="s">
        <v>243448</v>
      </c>
      <c r="E72754" s="1" t="s">
        <v>243449</v>
      </c>
      <c r="F72754" s="1" t="s">
        <v>243450</v>
      </c>
      <c r="G72754" s="1" t="s">
        <v>243383</v>
      </c>
      <c r="H72754" s="1" t="s">
        <v>243384</v>
      </c>
      <c r="I72754" s="1" t="s">
        <v>222698</v>
      </c>
      <c r="J72754" s="1" t="s">
        <v>243451</v>
      </c>
    </row>
    <row r="72755" spans="1:10" x14ac:dyDescent="0.35">
      <c r="A72755" s="1" t="s">
        <v>146764</v>
      </c>
      <c r="B72755" s="1" t="s">
        <v>222693</v>
      </c>
      <c r="C72755" s="1" t="s">
        <v>115</v>
      </c>
      <c r="D72755" s="1" t="s">
        <v>243452</v>
      </c>
      <c r="E72755" s="1" t="s">
        <v>243453</v>
      </c>
      <c r="F72755" s="1" t="s">
        <v>243454</v>
      </c>
      <c r="G72755" s="1" t="s">
        <v>243383</v>
      </c>
      <c r="H72755" s="1" t="s">
        <v>243384</v>
      </c>
      <c r="I72755" s="1" t="s">
        <v>222698</v>
      </c>
      <c r="J72755" s="1" t="s">
        <v>243455</v>
      </c>
    </row>
    <row r="72756" spans="1:10" x14ac:dyDescent="0.35">
      <c r="A72756" s="1" t="s">
        <v>146764</v>
      </c>
      <c r="B72756" s="1" t="s">
        <v>222693</v>
      </c>
      <c r="C72756" s="1" t="s">
        <v>120</v>
      </c>
      <c r="D72756" s="1" t="s">
        <v>127313</v>
      </c>
      <c r="E72756" s="1" t="s">
        <v>243456</v>
      </c>
      <c r="F72756" s="1" t="s">
        <v>243457</v>
      </c>
      <c r="G72756" s="1" t="s">
        <v>243383</v>
      </c>
      <c r="H72756" s="1" t="s">
        <v>243384</v>
      </c>
      <c r="I72756" s="1" t="s">
        <v>222698</v>
      </c>
      <c r="J72756" s="1" t="s">
        <v>243458</v>
      </c>
    </row>
    <row r="72757" spans="1:10" x14ac:dyDescent="0.35">
      <c r="A72757" s="1" t="s">
        <v>146764</v>
      </c>
      <c r="B72757" s="1" t="s">
        <v>222693</v>
      </c>
      <c r="C72757" s="1" t="s">
        <v>125</v>
      </c>
      <c r="D72757" s="1" t="s">
        <v>243459</v>
      </c>
      <c r="E72757" s="1" t="s">
        <v>243460</v>
      </c>
      <c r="F72757" s="1" t="s">
        <v>243461</v>
      </c>
      <c r="G72757" s="1" t="s">
        <v>243383</v>
      </c>
      <c r="H72757" s="1" t="s">
        <v>243384</v>
      </c>
      <c r="I72757" s="1" t="s">
        <v>222698</v>
      </c>
      <c r="J72757" s="1" t="s">
        <v>243462</v>
      </c>
    </row>
    <row r="72758" spans="1:10" x14ac:dyDescent="0.35">
      <c r="A72758" s="1" t="s">
        <v>146764</v>
      </c>
      <c r="B72758" s="1" t="s">
        <v>222693</v>
      </c>
      <c r="C72758" s="1" t="s">
        <v>130</v>
      </c>
      <c r="D72758" s="1" t="s">
        <v>130081</v>
      </c>
      <c r="E72758" s="1" t="s">
        <v>243463</v>
      </c>
      <c r="F72758" s="1" t="s">
        <v>243464</v>
      </c>
      <c r="G72758" s="1" t="s">
        <v>243383</v>
      </c>
      <c r="H72758" s="1" t="s">
        <v>243384</v>
      </c>
      <c r="I72758" s="1" t="s">
        <v>222698</v>
      </c>
      <c r="J72758" s="1" t="s">
        <v>243465</v>
      </c>
    </row>
    <row r="72759" spans="1:10" x14ac:dyDescent="0.35">
      <c r="A72759" s="1" t="s">
        <v>146764</v>
      </c>
      <c r="B72759" s="1" t="s">
        <v>222693</v>
      </c>
      <c r="C72759" s="1" t="s">
        <v>135</v>
      </c>
      <c r="D72759" s="1" t="s">
        <v>243466</v>
      </c>
      <c r="E72759" s="1" t="s">
        <v>243467</v>
      </c>
      <c r="F72759" s="1" t="s">
        <v>243468</v>
      </c>
      <c r="G72759" s="1" t="s">
        <v>243383</v>
      </c>
      <c r="H72759" s="1" t="s">
        <v>243384</v>
      </c>
      <c r="I72759" s="1" t="s">
        <v>222698</v>
      </c>
      <c r="J72759" s="1" t="s">
        <v>243469</v>
      </c>
    </row>
    <row r="72760" spans="1:10" x14ac:dyDescent="0.35">
      <c r="A72760" s="1" t="s">
        <v>146764</v>
      </c>
      <c r="B72760" s="1" t="s">
        <v>222693</v>
      </c>
      <c r="C72760" s="1" t="s">
        <v>140</v>
      </c>
      <c r="D72760" s="1" t="s">
        <v>243470</v>
      </c>
      <c r="E72760" s="1" t="s">
        <v>243471</v>
      </c>
      <c r="F72760" s="1" t="s">
        <v>243472</v>
      </c>
      <c r="G72760" s="1" t="s">
        <v>243383</v>
      </c>
      <c r="H72760" s="1" t="s">
        <v>243384</v>
      </c>
      <c r="I72760" s="1" t="s">
        <v>222698</v>
      </c>
      <c r="J72760" s="1" t="s">
        <v>243473</v>
      </c>
    </row>
    <row r="72761" spans="1:10" x14ac:dyDescent="0.35">
      <c r="A72761" s="1" t="s">
        <v>146764</v>
      </c>
      <c r="B72761" s="1" t="s">
        <v>222693</v>
      </c>
      <c r="C72761" s="1" t="s">
        <v>145</v>
      </c>
      <c r="D72761" s="1" t="s">
        <v>243474</v>
      </c>
      <c r="E72761" s="1" t="s">
        <v>243475</v>
      </c>
      <c r="F72761" s="1" t="s">
        <v>243476</v>
      </c>
      <c r="G72761" s="1" t="s">
        <v>243383</v>
      </c>
      <c r="H72761" s="1" t="s">
        <v>243384</v>
      </c>
      <c r="I72761" s="1" t="s">
        <v>222698</v>
      </c>
      <c r="J72761" s="1" t="s">
        <v>243477</v>
      </c>
    </row>
    <row r="72762" spans="1:10" x14ac:dyDescent="0.35">
      <c r="A72762" s="1" t="s">
        <v>146764</v>
      </c>
      <c r="B72762" s="1" t="s">
        <v>222693</v>
      </c>
      <c r="C72762" s="1" t="s">
        <v>150</v>
      </c>
      <c r="D72762" s="1" t="s">
        <v>243478</v>
      </c>
      <c r="E72762" s="1" t="s">
        <v>243479</v>
      </c>
      <c r="F72762" s="1" t="s">
        <v>243480</v>
      </c>
      <c r="G72762" s="1" t="s">
        <v>243383</v>
      </c>
      <c r="H72762" s="1" t="s">
        <v>243384</v>
      </c>
      <c r="I72762" s="1" t="s">
        <v>222698</v>
      </c>
      <c r="J72762" s="1" t="s">
        <v>243481</v>
      </c>
    </row>
    <row r="72763" spans="1:10" x14ac:dyDescent="0.35">
      <c r="A72763" s="1" t="s">
        <v>146764</v>
      </c>
      <c r="B72763" s="1" t="s">
        <v>222693</v>
      </c>
      <c r="C72763" s="1" t="s">
        <v>155</v>
      </c>
      <c r="D72763" s="1" t="s">
        <v>243482</v>
      </c>
      <c r="E72763" s="1" t="s">
        <v>243483</v>
      </c>
      <c r="F72763" s="1" t="s">
        <v>243484</v>
      </c>
      <c r="G72763" s="1" t="s">
        <v>243383</v>
      </c>
      <c r="H72763" s="1" t="s">
        <v>243384</v>
      </c>
      <c r="I72763" s="1" t="s">
        <v>222698</v>
      </c>
      <c r="J72763" s="1" t="s">
        <v>243485</v>
      </c>
    </row>
    <row r="72764" spans="1:10" x14ac:dyDescent="0.35">
      <c r="A72764" s="1" t="s">
        <v>146764</v>
      </c>
      <c r="B72764" s="1" t="s">
        <v>222693</v>
      </c>
      <c r="C72764" s="1" t="s">
        <v>160</v>
      </c>
      <c r="D72764" s="1" t="s">
        <v>243486</v>
      </c>
      <c r="E72764" s="1" t="s">
        <v>243487</v>
      </c>
      <c r="F72764" s="1" t="s">
        <v>243488</v>
      </c>
      <c r="G72764" s="1" t="s">
        <v>243383</v>
      </c>
      <c r="H72764" s="1" t="s">
        <v>243384</v>
      </c>
      <c r="I72764" s="1" t="s">
        <v>222698</v>
      </c>
      <c r="J72764" s="1" t="s">
        <v>243489</v>
      </c>
    </row>
    <row r="72765" spans="1:10" x14ac:dyDescent="0.35">
      <c r="A72765" s="1" t="s">
        <v>146764</v>
      </c>
      <c r="B72765" s="1" t="s">
        <v>222693</v>
      </c>
      <c r="C72765" s="1" t="s">
        <v>165</v>
      </c>
      <c r="D72765" s="1" t="s">
        <v>243490</v>
      </c>
      <c r="E72765" s="1" t="s">
        <v>243491</v>
      </c>
      <c r="F72765" s="1" t="s">
        <v>243492</v>
      </c>
      <c r="G72765" s="1" t="s">
        <v>243383</v>
      </c>
      <c r="H72765" s="1" t="s">
        <v>243384</v>
      </c>
      <c r="I72765" s="1" t="s">
        <v>222698</v>
      </c>
      <c r="J72765" s="1" t="s">
        <v>243493</v>
      </c>
    </row>
    <row r="72766" spans="1:10" x14ac:dyDescent="0.35">
      <c r="A72766" s="1" t="s">
        <v>146764</v>
      </c>
      <c r="B72766" s="1" t="s">
        <v>222693</v>
      </c>
      <c r="C72766" s="1" t="s">
        <v>170</v>
      </c>
      <c r="D72766" s="1" t="s">
        <v>243494</v>
      </c>
      <c r="E72766" s="1" t="s">
        <v>243495</v>
      </c>
      <c r="F72766" s="1" t="s">
        <v>243496</v>
      </c>
      <c r="G72766" s="1" t="s">
        <v>243383</v>
      </c>
      <c r="H72766" s="1" t="s">
        <v>243384</v>
      </c>
      <c r="I72766" s="1" t="s">
        <v>222698</v>
      </c>
      <c r="J72766" s="1" t="s">
        <v>243497</v>
      </c>
    </row>
    <row r="72767" spans="1:10" x14ac:dyDescent="0.35">
      <c r="A72767" s="1" t="s">
        <v>145555</v>
      </c>
      <c r="B72767" s="1" t="s">
        <v>222693</v>
      </c>
      <c r="C72767" s="1" t="s">
        <v>8</v>
      </c>
      <c r="D72767" s="1" t="s">
        <v>94110</v>
      </c>
      <c r="E72767" s="1" t="s">
        <v>243498</v>
      </c>
      <c r="F72767" s="1" t="s">
        <v>243499</v>
      </c>
      <c r="G72767" s="1" t="s">
        <v>243500</v>
      </c>
      <c r="H72767" s="1" t="s">
        <v>243501</v>
      </c>
      <c r="I72767" s="1" t="s">
        <v>222698</v>
      </c>
      <c r="J72767" s="1" t="s">
        <v>13</v>
      </c>
    </row>
    <row r="72768" spans="1:10" x14ac:dyDescent="0.35">
      <c r="A72768" s="1" t="s">
        <v>145555</v>
      </c>
      <c r="B72768" s="1" t="s">
        <v>222693</v>
      </c>
      <c r="C72768" s="1" t="s">
        <v>15</v>
      </c>
      <c r="D72768" s="1" t="s">
        <v>243502</v>
      </c>
      <c r="E72768" s="1" t="s">
        <v>243503</v>
      </c>
      <c r="F72768" s="1" t="s">
        <v>243504</v>
      </c>
      <c r="G72768" s="1" t="s">
        <v>243500</v>
      </c>
      <c r="H72768" s="1" t="s">
        <v>243501</v>
      </c>
      <c r="I72768" s="1" t="s">
        <v>222698</v>
      </c>
      <c r="J72768" s="1" t="s">
        <v>243505</v>
      </c>
    </row>
    <row r="72769" spans="1:10" x14ac:dyDescent="0.35">
      <c r="A72769" s="1" t="s">
        <v>145555</v>
      </c>
      <c r="B72769" s="1" t="s">
        <v>222693</v>
      </c>
      <c r="C72769" s="1" t="s">
        <v>20</v>
      </c>
      <c r="D72769" s="1" t="s">
        <v>122716</v>
      </c>
      <c r="E72769" s="1" t="s">
        <v>243506</v>
      </c>
      <c r="F72769" s="1" t="s">
        <v>243507</v>
      </c>
      <c r="G72769" s="1" t="s">
        <v>243500</v>
      </c>
      <c r="H72769" s="1" t="s">
        <v>243501</v>
      </c>
      <c r="I72769" s="1" t="s">
        <v>222698</v>
      </c>
      <c r="J72769" s="1" t="s">
        <v>243508</v>
      </c>
    </row>
    <row r="72770" spans="1:10" x14ac:dyDescent="0.35">
      <c r="A72770" s="1" t="s">
        <v>145555</v>
      </c>
      <c r="B72770" s="1" t="s">
        <v>222693</v>
      </c>
      <c r="C72770" s="1" t="s">
        <v>25</v>
      </c>
      <c r="D72770" s="1" t="s">
        <v>243509</v>
      </c>
      <c r="E72770" s="1" t="s">
        <v>243510</v>
      </c>
      <c r="F72770" s="1" t="s">
        <v>243511</v>
      </c>
      <c r="G72770" s="1" t="s">
        <v>243500</v>
      </c>
      <c r="H72770" s="1" t="s">
        <v>243501</v>
      </c>
      <c r="I72770" s="1" t="s">
        <v>222698</v>
      </c>
      <c r="J72770" s="1" t="s">
        <v>243512</v>
      </c>
    </row>
    <row r="72771" spans="1:10" x14ac:dyDescent="0.35">
      <c r="A72771" s="1" t="s">
        <v>145555</v>
      </c>
      <c r="B72771" s="1" t="s">
        <v>222693</v>
      </c>
      <c r="C72771" s="1" t="s">
        <v>30</v>
      </c>
      <c r="D72771" s="1" t="s">
        <v>162082</v>
      </c>
      <c r="E72771" s="1" t="s">
        <v>243513</v>
      </c>
      <c r="F72771" s="1" t="s">
        <v>243514</v>
      </c>
      <c r="G72771" s="1" t="s">
        <v>243500</v>
      </c>
      <c r="H72771" s="1" t="s">
        <v>243501</v>
      </c>
      <c r="I72771" s="1" t="s">
        <v>222698</v>
      </c>
      <c r="J72771" s="1" t="s">
        <v>243515</v>
      </c>
    </row>
    <row r="72772" spans="1:10" x14ac:dyDescent="0.35">
      <c r="A72772" s="1" t="s">
        <v>145555</v>
      </c>
      <c r="B72772" s="1" t="s">
        <v>222693</v>
      </c>
      <c r="C72772" s="1" t="s">
        <v>35</v>
      </c>
      <c r="D72772" s="1" t="s">
        <v>243516</v>
      </c>
      <c r="E72772" s="1" t="s">
        <v>243517</v>
      </c>
      <c r="F72772" s="1" t="s">
        <v>243518</v>
      </c>
      <c r="G72772" s="1" t="s">
        <v>243500</v>
      </c>
      <c r="H72772" s="1" t="s">
        <v>243501</v>
      </c>
      <c r="I72772" s="1" t="s">
        <v>222698</v>
      </c>
      <c r="J72772" s="1" t="s">
        <v>243519</v>
      </c>
    </row>
    <row r="72773" spans="1:10" x14ac:dyDescent="0.35">
      <c r="A72773" s="1" t="s">
        <v>145555</v>
      </c>
      <c r="B72773" s="1" t="s">
        <v>222693</v>
      </c>
      <c r="C72773" s="1" t="s">
        <v>40</v>
      </c>
      <c r="D72773" s="1" t="s">
        <v>179750</v>
      </c>
      <c r="E72773" s="1" t="s">
        <v>243520</v>
      </c>
      <c r="F72773" s="1" t="s">
        <v>243521</v>
      </c>
      <c r="G72773" s="1" t="s">
        <v>243500</v>
      </c>
      <c r="H72773" s="1" t="s">
        <v>243501</v>
      </c>
      <c r="I72773" s="1" t="s">
        <v>222698</v>
      </c>
      <c r="J72773" s="1" t="s">
        <v>243522</v>
      </c>
    </row>
    <row r="72774" spans="1:10" x14ac:dyDescent="0.35">
      <c r="A72774" s="1" t="s">
        <v>145555</v>
      </c>
      <c r="B72774" s="1" t="s">
        <v>222693</v>
      </c>
      <c r="C72774" s="1" t="s">
        <v>45</v>
      </c>
      <c r="D72774" s="1" t="s">
        <v>68235</v>
      </c>
      <c r="E72774" s="1" t="s">
        <v>243523</v>
      </c>
      <c r="F72774" s="1" t="s">
        <v>243524</v>
      </c>
      <c r="G72774" s="1" t="s">
        <v>243500</v>
      </c>
      <c r="H72774" s="1" t="s">
        <v>243501</v>
      </c>
      <c r="I72774" s="1" t="s">
        <v>222698</v>
      </c>
      <c r="J72774" s="1" t="s">
        <v>243525</v>
      </c>
    </row>
    <row r="72775" spans="1:10" x14ac:dyDescent="0.35">
      <c r="A72775" s="1" t="s">
        <v>145555</v>
      </c>
      <c r="B72775" s="1" t="s">
        <v>222693</v>
      </c>
      <c r="C72775" s="1" t="s">
        <v>50</v>
      </c>
      <c r="D72775" s="1" t="s">
        <v>65115</v>
      </c>
      <c r="E72775" s="1" t="s">
        <v>243526</v>
      </c>
      <c r="F72775" s="1" t="s">
        <v>243527</v>
      </c>
      <c r="G72775" s="1" t="s">
        <v>243500</v>
      </c>
      <c r="H72775" s="1" t="s">
        <v>243501</v>
      </c>
      <c r="I72775" s="1" t="s">
        <v>222698</v>
      </c>
      <c r="J72775" s="1" t="s">
        <v>243528</v>
      </c>
    </row>
    <row r="72776" spans="1:10" x14ac:dyDescent="0.35">
      <c r="A72776" s="1" t="s">
        <v>145555</v>
      </c>
      <c r="B72776" s="1" t="s">
        <v>222693</v>
      </c>
      <c r="C72776" s="1" t="s">
        <v>55</v>
      </c>
      <c r="D72776" s="1" t="s">
        <v>243529</v>
      </c>
      <c r="E72776" s="1" t="s">
        <v>243530</v>
      </c>
      <c r="F72776" s="1" t="s">
        <v>243531</v>
      </c>
      <c r="G72776" s="1" t="s">
        <v>243500</v>
      </c>
      <c r="H72776" s="1" t="s">
        <v>243501</v>
      </c>
      <c r="I72776" s="1" t="s">
        <v>222698</v>
      </c>
      <c r="J72776" s="1" t="s">
        <v>243532</v>
      </c>
    </row>
    <row r="72777" spans="1:10" x14ac:dyDescent="0.35">
      <c r="A72777" s="1" t="s">
        <v>145555</v>
      </c>
      <c r="B72777" s="1" t="s">
        <v>222693</v>
      </c>
      <c r="C72777" s="1" t="s">
        <v>60</v>
      </c>
      <c r="D72777" s="1" t="s">
        <v>124743</v>
      </c>
      <c r="E72777" s="1" t="s">
        <v>243533</v>
      </c>
      <c r="F72777" s="1" t="s">
        <v>243534</v>
      </c>
      <c r="G72777" s="1" t="s">
        <v>243500</v>
      </c>
      <c r="H72777" s="1" t="s">
        <v>243501</v>
      </c>
      <c r="I72777" s="1" t="s">
        <v>222698</v>
      </c>
      <c r="J72777" s="1" t="s">
        <v>243535</v>
      </c>
    </row>
    <row r="72778" spans="1:10" x14ac:dyDescent="0.35">
      <c r="A72778" s="1" t="s">
        <v>145555</v>
      </c>
      <c r="B72778" s="1" t="s">
        <v>222693</v>
      </c>
      <c r="C72778" s="1" t="s">
        <v>65</v>
      </c>
      <c r="D72778" s="1" t="s">
        <v>62122</v>
      </c>
      <c r="E72778" s="1" t="s">
        <v>243536</v>
      </c>
      <c r="F72778" s="1" t="s">
        <v>243537</v>
      </c>
      <c r="G72778" s="1" t="s">
        <v>243500</v>
      </c>
      <c r="H72778" s="1" t="s">
        <v>243501</v>
      </c>
      <c r="I72778" s="1" t="s">
        <v>222698</v>
      </c>
      <c r="J72778" s="1" t="s">
        <v>243538</v>
      </c>
    </row>
    <row r="72779" spans="1:10" x14ac:dyDescent="0.35">
      <c r="A72779" s="1" t="s">
        <v>145555</v>
      </c>
      <c r="B72779" s="1" t="s">
        <v>222693</v>
      </c>
      <c r="C72779" s="1" t="s">
        <v>70</v>
      </c>
      <c r="D72779" s="1" t="s">
        <v>63791</v>
      </c>
      <c r="E72779" s="1" t="s">
        <v>243539</v>
      </c>
      <c r="F72779" s="1" t="s">
        <v>243540</v>
      </c>
      <c r="G72779" s="1" t="s">
        <v>243500</v>
      </c>
      <c r="H72779" s="1" t="s">
        <v>243501</v>
      </c>
      <c r="I72779" s="1" t="s">
        <v>222698</v>
      </c>
      <c r="J72779" s="1" t="s">
        <v>243541</v>
      </c>
    </row>
    <row r="72780" spans="1:10" x14ac:dyDescent="0.35">
      <c r="A72780" s="1" t="s">
        <v>145555</v>
      </c>
      <c r="B72780" s="1" t="s">
        <v>222693</v>
      </c>
      <c r="C72780" s="1" t="s">
        <v>75</v>
      </c>
      <c r="D72780" s="1" t="s">
        <v>230338</v>
      </c>
      <c r="E72780" s="1" t="s">
        <v>243542</v>
      </c>
      <c r="F72780" s="1" t="s">
        <v>243543</v>
      </c>
      <c r="G72780" s="1" t="s">
        <v>243500</v>
      </c>
      <c r="H72780" s="1" t="s">
        <v>243501</v>
      </c>
      <c r="I72780" s="1" t="s">
        <v>222698</v>
      </c>
      <c r="J72780" s="1" t="s">
        <v>243544</v>
      </c>
    </row>
    <row r="72781" spans="1:10" x14ac:dyDescent="0.35">
      <c r="A72781" s="1" t="s">
        <v>145555</v>
      </c>
      <c r="B72781" s="1" t="s">
        <v>222693</v>
      </c>
      <c r="C72781" s="1" t="s">
        <v>80</v>
      </c>
      <c r="D72781" s="1" t="s">
        <v>58888</v>
      </c>
      <c r="E72781" s="1" t="s">
        <v>243545</v>
      </c>
      <c r="F72781" s="1" t="s">
        <v>243546</v>
      </c>
      <c r="G72781" s="1" t="s">
        <v>243500</v>
      </c>
      <c r="H72781" s="1" t="s">
        <v>243501</v>
      </c>
      <c r="I72781" s="1" t="s">
        <v>222698</v>
      </c>
      <c r="J72781" s="1" t="s">
        <v>243547</v>
      </c>
    </row>
    <row r="72782" spans="1:10" x14ac:dyDescent="0.35">
      <c r="A72782" s="1" t="s">
        <v>145555</v>
      </c>
      <c r="B72782" s="1" t="s">
        <v>222693</v>
      </c>
      <c r="C72782" s="1" t="s">
        <v>85</v>
      </c>
      <c r="D72782" s="1" t="s">
        <v>60366</v>
      </c>
      <c r="E72782" s="1" t="s">
        <v>243548</v>
      </c>
      <c r="F72782" s="1" t="s">
        <v>243549</v>
      </c>
      <c r="G72782" s="1" t="s">
        <v>243500</v>
      </c>
      <c r="H72782" s="1" t="s">
        <v>243501</v>
      </c>
      <c r="I72782" s="1" t="s">
        <v>222698</v>
      </c>
      <c r="J72782" s="1" t="s">
        <v>243550</v>
      </c>
    </row>
    <row r="72783" spans="1:10" x14ac:dyDescent="0.35">
      <c r="A72783" s="1" t="s">
        <v>145555</v>
      </c>
      <c r="B72783" s="1" t="s">
        <v>222693</v>
      </c>
      <c r="C72783" s="1" t="s">
        <v>90</v>
      </c>
      <c r="D72783" s="1" t="s">
        <v>76244</v>
      </c>
      <c r="E72783" s="1" t="s">
        <v>243551</v>
      </c>
      <c r="F72783" s="1" t="s">
        <v>243552</v>
      </c>
      <c r="G72783" s="1" t="s">
        <v>243500</v>
      </c>
      <c r="H72783" s="1" t="s">
        <v>243501</v>
      </c>
      <c r="I72783" s="1" t="s">
        <v>222698</v>
      </c>
      <c r="J72783" s="1" t="s">
        <v>243553</v>
      </c>
    </row>
    <row r="72784" spans="1:10" x14ac:dyDescent="0.35">
      <c r="A72784" s="1" t="s">
        <v>145555</v>
      </c>
      <c r="B72784" s="1" t="s">
        <v>222693</v>
      </c>
      <c r="C72784" s="1" t="s">
        <v>95</v>
      </c>
      <c r="D72784" s="1" t="s">
        <v>243554</v>
      </c>
      <c r="E72784" s="1" t="s">
        <v>243555</v>
      </c>
      <c r="F72784" s="1" t="s">
        <v>243556</v>
      </c>
      <c r="G72784" s="1" t="s">
        <v>243500</v>
      </c>
      <c r="H72784" s="1" t="s">
        <v>243501</v>
      </c>
      <c r="I72784" s="1" t="s">
        <v>222698</v>
      </c>
      <c r="J72784" s="1" t="s">
        <v>243557</v>
      </c>
    </row>
    <row r="72785" spans="1:10" x14ac:dyDescent="0.35">
      <c r="A72785" s="1" t="s">
        <v>145555</v>
      </c>
      <c r="B72785" s="1" t="s">
        <v>222693</v>
      </c>
      <c r="C72785" s="1" t="s">
        <v>100</v>
      </c>
      <c r="D72785" s="1" t="s">
        <v>58634</v>
      </c>
      <c r="E72785" s="1" t="s">
        <v>243558</v>
      </c>
      <c r="F72785" s="1" t="s">
        <v>243559</v>
      </c>
      <c r="G72785" s="1" t="s">
        <v>243500</v>
      </c>
      <c r="H72785" s="1" t="s">
        <v>243501</v>
      </c>
      <c r="I72785" s="1" t="s">
        <v>222698</v>
      </c>
      <c r="J72785" s="1" t="s">
        <v>243560</v>
      </c>
    </row>
    <row r="72786" spans="1:10" x14ac:dyDescent="0.35">
      <c r="A72786" s="1" t="s">
        <v>145555</v>
      </c>
      <c r="B72786" s="1" t="s">
        <v>222693</v>
      </c>
      <c r="C72786" s="1" t="s">
        <v>105</v>
      </c>
      <c r="D72786" s="1" t="s">
        <v>243561</v>
      </c>
      <c r="E72786" s="1" t="s">
        <v>243562</v>
      </c>
      <c r="F72786" s="1" t="s">
        <v>243563</v>
      </c>
      <c r="G72786" s="1" t="s">
        <v>243500</v>
      </c>
      <c r="H72786" s="1" t="s">
        <v>243501</v>
      </c>
      <c r="I72786" s="1" t="s">
        <v>222698</v>
      </c>
      <c r="J72786" s="1" t="s">
        <v>243564</v>
      </c>
    </row>
    <row r="72787" spans="1:10" x14ac:dyDescent="0.35">
      <c r="A72787" s="1" t="s">
        <v>145555</v>
      </c>
      <c r="B72787" s="1" t="s">
        <v>222693</v>
      </c>
      <c r="C72787" s="1" t="s">
        <v>110</v>
      </c>
      <c r="D72787" s="1" t="s">
        <v>243565</v>
      </c>
      <c r="E72787" s="1" t="s">
        <v>243566</v>
      </c>
      <c r="F72787" s="1" t="s">
        <v>243567</v>
      </c>
      <c r="G72787" s="1" t="s">
        <v>243500</v>
      </c>
      <c r="H72787" s="1" t="s">
        <v>243501</v>
      </c>
      <c r="I72787" s="1" t="s">
        <v>222698</v>
      </c>
      <c r="J72787" s="1" t="s">
        <v>243568</v>
      </c>
    </row>
    <row r="72788" spans="1:10" x14ac:dyDescent="0.35">
      <c r="A72788" s="1" t="s">
        <v>145555</v>
      </c>
      <c r="B72788" s="1" t="s">
        <v>222693</v>
      </c>
      <c r="C72788" s="1" t="s">
        <v>115</v>
      </c>
      <c r="D72788" s="1" t="s">
        <v>22917</v>
      </c>
      <c r="E72788" s="1" t="s">
        <v>243569</v>
      </c>
      <c r="F72788" s="1" t="s">
        <v>243570</v>
      </c>
      <c r="G72788" s="1" t="s">
        <v>243500</v>
      </c>
      <c r="H72788" s="1" t="s">
        <v>243501</v>
      </c>
      <c r="I72788" s="1" t="s">
        <v>222698</v>
      </c>
      <c r="J72788" s="1" t="s">
        <v>243571</v>
      </c>
    </row>
    <row r="72789" spans="1:10" x14ac:dyDescent="0.35">
      <c r="A72789" s="1" t="s">
        <v>145555</v>
      </c>
      <c r="B72789" s="1" t="s">
        <v>222693</v>
      </c>
      <c r="C72789" s="1" t="s">
        <v>120</v>
      </c>
      <c r="D72789" s="1" t="s">
        <v>228099</v>
      </c>
      <c r="E72789" s="1" t="s">
        <v>243572</v>
      </c>
      <c r="F72789" s="1" t="s">
        <v>243573</v>
      </c>
      <c r="G72789" s="1" t="s">
        <v>243500</v>
      </c>
      <c r="H72789" s="1" t="s">
        <v>243501</v>
      </c>
      <c r="I72789" s="1" t="s">
        <v>222698</v>
      </c>
      <c r="J72789" s="1" t="s">
        <v>243574</v>
      </c>
    </row>
    <row r="72790" spans="1:10" x14ac:dyDescent="0.35">
      <c r="A72790" s="1" t="s">
        <v>145555</v>
      </c>
      <c r="B72790" s="1" t="s">
        <v>222693</v>
      </c>
      <c r="C72790" s="1" t="s">
        <v>125</v>
      </c>
      <c r="D72790" s="1" t="s">
        <v>243575</v>
      </c>
      <c r="E72790" s="1" t="s">
        <v>243576</v>
      </c>
      <c r="F72790" s="1" t="s">
        <v>243577</v>
      </c>
      <c r="G72790" s="1" t="s">
        <v>243500</v>
      </c>
      <c r="H72790" s="1" t="s">
        <v>243501</v>
      </c>
      <c r="I72790" s="1" t="s">
        <v>222698</v>
      </c>
      <c r="J72790" s="1" t="s">
        <v>243578</v>
      </c>
    </row>
    <row r="72791" spans="1:10" x14ac:dyDescent="0.35">
      <c r="A72791" s="1" t="s">
        <v>145555</v>
      </c>
      <c r="B72791" s="1" t="s">
        <v>222693</v>
      </c>
      <c r="C72791" s="1" t="s">
        <v>130</v>
      </c>
      <c r="D72791" s="1" t="s">
        <v>243579</v>
      </c>
      <c r="E72791" s="1" t="s">
        <v>243580</v>
      </c>
      <c r="F72791" s="1" t="s">
        <v>243581</v>
      </c>
      <c r="G72791" s="1" t="s">
        <v>243500</v>
      </c>
      <c r="H72791" s="1" t="s">
        <v>243501</v>
      </c>
      <c r="I72791" s="1" t="s">
        <v>222698</v>
      </c>
      <c r="J72791" s="1" t="s">
        <v>243582</v>
      </c>
    </row>
    <row r="72792" spans="1:10" x14ac:dyDescent="0.35">
      <c r="A72792" s="1" t="s">
        <v>145555</v>
      </c>
      <c r="B72792" s="1" t="s">
        <v>222693</v>
      </c>
      <c r="C72792" s="1" t="s">
        <v>135</v>
      </c>
      <c r="D72792" s="1" t="s">
        <v>131842</v>
      </c>
      <c r="E72792" s="1" t="s">
        <v>243583</v>
      </c>
      <c r="F72792" s="1" t="s">
        <v>243584</v>
      </c>
      <c r="G72792" s="1" t="s">
        <v>243500</v>
      </c>
      <c r="H72792" s="1" t="s">
        <v>243501</v>
      </c>
      <c r="I72792" s="1" t="s">
        <v>222698</v>
      </c>
      <c r="J72792" s="1" t="s">
        <v>243585</v>
      </c>
    </row>
    <row r="72793" spans="1:10" x14ac:dyDescent="0.35">
      <c r="A72793" s="1" t="s">
        <v>145555</v>
      </c>
      <c r="B72793" s="1" t="s">
        <v>222693</v>
      </c>
      <c r="C72793" s="1" t="s">
        <v>140</v>
      </c>
      <c r="D72793" s="1" t="s">
        <v>243586</v>
      </c>
      <c r="E72793" s="1" t="s">
        <v>243587</v>
      </c>
      <c r="F72793" s="1" t="s">
        <v>243588</v>
      </c>
      <c r="G72793" s="1" t="s">
        <v>243500</v>
      </c>
      <c r="H72793" s="1" t="s">
        <v>243501</v>
      </c>
      <c r="I72793" s="1" t="s">
        <v>222698</v>
      </c>
      <c r="J72793" s="1" t="s">
        <v>243589</v>
      </c>
    </row>
    <row r="72794" spans="1:10" x14ac:dyDescent="0.35">
      <c r="A72794" s="1" t="s">
        <v>145555</v>
      </c>
      <c r="B72794" s="1" t="s">
        <v>222693</v>
      </c>
      <c r="C72794" s="1" t="s">
        <v>145</v>
      </c>
      <c r="D72794" s="1" t="s">
        <v>243590</v>
      </c>
      <c r="E72794" s="1" t="s">
        <v>243591</v>
      </c>
      <c r="F72794" s="1" t="s">
        <v>243592</v>
      </c>
      <c r="G72794" s="1" t="s">
        <v>243500</v>
      </c>
      <c r="H72794" s="1" t="s">
        <v>243501</v>
      </c>
      <c r="I72794" s="1" t="s">
        <v>222698</v>
      </c>
      <c r="J72794" s="1" t="s">
        <v>243593</v>
      </c>
    </row>
    <row r="72795" spans="1:10" x14ac:dyDescent="0.35">
      <c r="A72795" s="1" t="s">
        <v>145555</v>
      </c>
      <c r="B72795" s="1" t="s">
        <v>222693</v>
      </c>
      <c r="C72795" s="1" t="s">
        <v>150</v>
      </c>
      <c r="D72795" s="1" t="s">
        <v>79956</v>
      </c>
      <c r="E72795" s="1" t="s">
        <v>243594</v>
      </c>
      <c r="F72795" s="1" t="s">
        <v>243595</v>
      </c>
      <c r="G72795" s="1" t="s">
        <v>243500</v>
      </c>
      <c r="H72795" s="1" t="s">
        <v>243501</v>
      </c>
      <c r="I72795" s="1" t="s">
        <v>222698</v>
      </c>
      <c r="J72795" s="1" t="s">
        <v>243596</v>
      </c>
    </row>
    <row r="72796" spans="1:10" x14ac:dyDescent="0.35">
      <c r="A72796" s="1" t="s">
        <v>145555</v>
      </c>
      <c r="B72796" s="1" t="s">
        <v>222693</v>
      </c>
      <c r="C72796" s="1" t="s">
        <v>155</v>
      </c>
      <c r="D72796" s="1" t="s">
        <v>243597</v>
      </c>
      <c r="E72796" s="1" t="s">
        <v>243598</v>
      </c>
      <c r="F72796" s="1" t="s">
        <v>243599</v>
      </c>
      <c r="G72796" s="1" t="s">
        <v>243500</v>
      </c>
      <c r="H72796" s="1" t="s">
        <v>243501</v>
      </c>
      <c r="I72796" s="1" t="s">
        <v>222698</v>
      </c>
      <c r="J72796" s="1" t="s">
        <v>243600</v>
      </c>
    </row>
    <row r="72797" spans="1:10" x14ac:dyDescent="0.35">
      <c r="A72797" s="1" t="s">
        <v>145555</v>
      </c>
      <c r="B72797" s="1" t="s">
        <v>222693</v>
      </c>
      <c r="C72797" s="1" t="s">
        <v>160</v>
      </c>
      <c r="D72797" s="1" t="s">
        <v>243601</v>
      </c>
      <c r="E72797" s="1" t="s">
        <v>243602</v>
      </c>
      <c r="F72797" s="1" t="s">
        <v>243603</v>
      </c>
      <c r="G72797" s="1" t="s">
        <v>243500</v>
      </c>
      <c r="H72797" s="1" t="s">
        <v>243501</v>
      </c>
      <c r="I72797" s="1" t="s">
        <v>222698</v>
      </c>
      <c r="J72797" s="1" t="s">
        <v>243604</v>
      </c>
    </row>
    <row r="72798" spans="1:10" x14ac:dyDescent="0.35">
      <c r="A72798" s="1" t="s">
        <v>145555</v>
      </c>
      <c r="B72798" s="1" t="s">
        <v>222693</v>
      </c>
      <c r="C72798" s="1" t="s">
        <v>165</v>
      </c>
      <c r="D72798" s="1" t="s">
        <v>76266</v>
      </c>
      <c r="E72798" s="1" t="s">
        <v>243605</v>
      </c>
      <c r="F72798" s="1" t="s">
        <v>243606</v>
      </c>
      <c r="G72798" s="1" t="s">
        <v>243500</v>
      </c>
      <c r="H72798" s="1" t="s">
        <v>243501</v>
      </c>
      <c r="I72798" s="1" t="s">
        <v>222698</v>
      </c>
      <c r="J72798" s="1" t="s">
        <v>243607</v>
      </c>
    </row>
    <row r="72799" spans="1:10" x14ac:dyDescent="0.35">
      <c r="A72799" s="1" t="s">
        <v>145555</v>
      </c>
      <c r="B72799" s="1" t="s">
        <v>222693</v>
      </c>
      <c r="C72799" s="1" t="s">
        <v>170</v>
      </c>
      <c r="D72799" s="1" t="s">
        <v>243608</v>
      </c>
      <c r="E72799" s="1" t="s">
        <v>243609</v>
      </c>
      <c r="F72799" s="1" t="s">
        <v>243610</v>
      </c>
      <c r="G72799" s="1" t="s">
        <v>243500</v>
      </c>
      <c r="H72799" s="1" t="s">
        <v>243501</v>
      </c>
      <c r="I72799" s="1" t="s">
        <v>222698</v>
      </c>
      <c r="J72799" s="1" t="s">
        <v>243611</v>
      </c>
    </row>
    <row r="72800" spans="1:10" x14ac:dyDescent="0.35">
      <c r="A72800" s="1" t="s">
        <v>145568</v>
      </c>
      <c r="B72800" s="1" t="s">
        <v>222693</v>
      </c>
      <c r="C72800" s="1" t="s">
        <v>8</v>
      </c>
      <c r="D72800" s="1" t="s">
        <v>5290</v>
      </c>
      <c r="E72800" s="1" t="s">
        <v>243612</v>
      </c>
      <c r="F72800" s="1" t="s">
        <v>243613</v>
      </c>
      <c r="G72800" s="1" t="s">
        <v>243614</v>
      </c>
      <c r="H72800" s="1" t="s">
        <v>243615</v>
      </c>
      <c r="I72800" s="1" t="s">
        <v>222698</v>
      </c>
      <c r="J72800" s="1" t="s">
        <v>13</v>
      </c>
    </row>
    <row r="72801" spans="1:10" x14ac:dyDescent="0.35">
      <c r="A72801" s="1" t="s">
        <v>145568</v>
      </c>
      <c r="B72801" s="1" t="s">
        <v>222693</v>
      </c>
      <c r="C72801" s="1" t="s">
        <v>15</v>
      </c>
      <c r="D72801" s="1" t="s">
        <v>62854</v>
      </c>
      <c r="E72801" s="1" t="s">
        <v>243616</v>
      </c>
      <c r="F72801" s="1" t="s">
        <v>243617</v>
      </c>
      <c r="G72801" s="1" t="s">
        <v>243614</v>
      </c>
      <c r="H72801" s="1" t="s">
        <v>243615</v>
      </c>
      <c r="I72801" s="1" t="s">
        <v>222698</v>
      </c>
      <c r="J72801" s="1" t="s">
        <v>243618</v>
      </c>
    </row>
    <row r="72802" spans="1:10" x14ac:dyDescent="0.35">
      <c r="A72802" s="1" t="s">
        <v>145568</v>
      </c>
      <c r="B72802" s="1" t="s">
        <v>222693</v>
      </c>
      <c r="C72802" s="1" t="s">
        <v>20</v>
      </c>
      <c r="D72802" s="1" t="s">
        <v>87077</v>
      </c>
      <c r="E72802" s="1" t="s">
        <v>243619</v>
      </c>
      <c r="F72802" s="1" t="s">
        <v>243620</v>
      </c>
      <c r="G72802" s="1" t="s">
        <v>243614</v>
      </c>
      <c r="H72802" s="1" t="s">
        <v>243615</v>
      </c>
      <c r="I72802" s="1" t="s">
        <v>222698</v>
      </c>
      <c r="J72802" s="1" t="s">
        <v>243621</v>
      </c>
    </row>
    <row r="72803" spans="1:10" x14ac:dyDescent="0.35">
      <c r="A72803" s="1" t="s">
        <v>145568</v>
      </c>
      <c r="B72803" s="1" t="s">
        <v>222693</v>
      </c>
      <c r="C72803" s="1" t="s">
        <v>25</v>
      </c>
      <c r="D72803" s="1" t="s">
        <v>79264</v>
      </c>
      <c r="E72803" s="1" t="s">
        <v>243622</v>
      </c>
      <c r="F72803" s="1" t="s">
        <v>243623</v>
      </c>
      <c r="G72803" s="1" t="s">
        <v>243614</v>
      </c>
      <c r="H72803" s="1" t="s">
        <v>243615</v>
      </c>
      <c r="I72803" s="1" t="s">
        <v>222698</v>
      </c>
      <c r="J72803" s="1" t="s">
        <v>243624</v>
      </c>
    </row>
    <row r="72804" spans="1:10" x14ac:dyDescent="0.35">
      <c r="A72804" s="1" t="s">
        <v>145568</v>
      </c>
      <c r="B72804" s="1" t="s">
        <v>222693</v>
      </c>
      <c r="C72804" s="1" t="s">
        <v>30</v>
      </c>
      <c r="D72804" s="1" t="s">
        <v>81156</v>
      </c>
      <c r="E72804" s="1" t="s">
        <v>243625</v>
      </c>
      <c r="F72804" s="1" t="s">
        <v>243626</v>
      </c>
      <c r="G72804" s="1" t="s">
        <v>243614</v>
      </c>
      <c r="H72804" s="1" t="s">
        <v>243615</v>
      </c>
      <c r="I72804" s="1" t="s">
        <v>222698</v>
      </c>
      <c r="J72804" s="1" t="s">
        <v>243627</v>
      </c>
    </row>
    <row r="72805" spans="1:10" x14ac:dyDescent="0.35">
      <c r="A72805" s="1" t="s">
        <v>145568</v>
      </c>
      <c r="B72805" s="1" t="s">
        <v>222693</v>
      </c>
      <c r="C72805" s="1" t="s">
        <v>35</v>
      </c>
      <c r="D72805" s="1" t="s">
        <v>98499</v>
      </c>
      <c r="E72805" s="1" t="s">
        <v>243628</v>
      </c>
      <c r="F72805" s="1" t="s">
        <v>243629</v>
      </c>
      <c r="G72805" s="1" t="s">
        <v>243614</v>
      </c>
      <c r="H72805" s="1" t="s">
        <v>243615</v>
      </c>
      <c r="I72805" s="1" t="s">
        <v>222698</v>
      </c>
      <c r="J72805" s="1" t="s">
        <v>243630</v>
      </c>
    </row>
    <row r="72806" spans="1:10" x14ac:dyDescent="0.35">
      <c r="A72806" s="1" t="s">
        <v>145568</v>
      </c>
      <c r="B72806" s="1" t="s">
        <v>222693</v>
      </c>
      <c r="C72806" s="1" t="s">
        <v>40</v>
      </c>
      <c r="D72806" s="1" t="s">
        <v>198980</v>
      </c>
      <c r="E72806" s="1" t="s">
        <v>243631</v>
      </c>
      <c r="F72806" s="1" t="s">
        <v>243632</v>
      </c>
      <c r="G72806" s="1" t="s">
        <v>243614</v>
      </c>
      <c r="H72806" s="1" t="s">
        <v>243615</v>
      </c>
      <c r="I72806" s="1" t="s">
        <v>222698</v>
      </c>
      <c r="J72806" s="1" t="s">
        <v>243633</v>
      </c>
    </row>
    <row r="72807" spans="1:10" x14ac:dyDescent="0.35">
      <c r="A72807" s="1" t="s">
        <v>145568</v>
      </c>
      <c r="B72807" s="1" t="s">
        <v>222693</v>
      </c>
      <c r="C72807" s="1" t="s">
        <v>45</v>
      </c>
      <c r="D72807" s="1" t="s">
        <v>243634</v>
      </c>
      <c r="E72807" s="1" t="s">
        <v>243635</v>
      </c>
      <c r="F72807" s="1" t="s">
        <v>243636</v>
      </c>
      <c r="G72807" s="1" t="s">
        <v>243614</v>
      </c>
      <c r="H72807" s="1" t="s">
        <v>243615</v>
      </c>
      <c r="I72807" s="1" t="s">
        <v>222698</v>
      </c>
      <c r="J72807" s="1" t="s">
        <v>243637</v>
      </c>
    </row>
    <row r="72808" spans="1:10" x14ac:dyDescent="0.35">
      <c r="A72808" s="1" t="s">
        <v>145568</v>
      </c>
      <c r="B72808" s="1" t="s">
        <v>222693</v>
      </c>
      <c r="C72808" s="1" t="s">
        <v>50</v>
      </c>
      <c r="D72808" s="1" t="s">
        <v>58545</v>
      </c>
      <c r="E72808" s="1" t="s">
        <v>243638</v>
      </c>
      <c r="F72808" s="1" t="s">
        <v>243639</v>
      </c>
      <c r="G72808" s="1" t="s">
        <v>243614</v>
      </c>
      <c r="H72808" s="1" t="s">
        <v>243615</v>
      </c>
      <c r="I72808" s="1" t="s">
        <v>222698</v>
      </c>
      <c r="J72808" s="1" t="s">
        <v>243640</v>
      </c>
    </row>
    <row r="72809" spans="1:10" x14ac:dyDescent="0.35">
      <c r="A72809" s="1" t="s">
        <v>145568</v>
      </c>
      <c r="B72809" s="1" t="s">
        <v>222693</v>
      </c>
      <c r="C72809" s="1" t="s">
        <v>55</v>
      </c>
      <c r="D72809" s="1" t="s">
        <v>77465</v>
      </c>
      <c r="E72809" s="1" t="s">
        <v>243641</v>
      </c>
      <c r="F72809" s="1" t="s">
        <v>243642</v>
      </c>
      <c r="G72809" s="1" t="s">
        <v>243614</v>
      </c>
      <c r="H72809" s="1" t="s">
        <v>243615</v>
      </c>
      <c r="I72809" s="1" t="s">
        <v>222698</v>
      </c>
      <c r="J72809" s="1" t="s">
        <v>243643</v>
      </c>
    </row>
    <row r="72810" spans="1:10" x14ac:dyDescent="0.35">
      <c r="A72810" s="1" t="s">
        <v>145568</v>
      </c>
      <c r="B72810" s="1" t="s">
        <v>222693</v>
      </c>
      <c r="C72810" s="1" t="s">
        <v>60</v>
      </c>
      <c r="D72810" s="1" t="s">
        <v>80550</v>
      </c>
      <c r="E72810" s="1" t="s">
        <v>243644</v>
      </c>
      <c r="F72810" s="1" t="s">
        <v>243645</v>
      </c>
      <c r="G72810" s="1" t="s">
        <v>243614</v>
      </c>
      <c r="H72810" s="1" t="s">
        <v>243615</v>
      </c>
      <c r="I72810" s="1" t="s">
        <v>222698</v>
      </c>
      <c r="J72810" s="1" t="s">
        <v>243646</v>
      </c>
    </row>
    <row r="72811" spans="1:10" x14ac:dyDescent="0.35">
      <c r="A72811" s="1" t="s">
        <v>145568</v>
      </c>
      <c r="B72811" s="1" t="s">
        <v>222693</v>
      </c>
      <c r="C72811" s="1" t="s">
        <v>65</v>
      </c>
      <c r="D72811" s="1" t="s">
        <v>92524</v>
      </c>
      <c r="E72811" s="1" t="s">
        <v>243647</v>
      </c>
      <c r="F72811" s="1" t="s">
        <v>243648</v>
      </c>
      <c r="G72811" s="1" t="s">
        <v>243614</v>
      </c>
      <c r="H72811" s="1" t="s">
        <v>243615</v>
      </c>
      <c r="I72811" s="1" t="s">
        <v>222698</v>
      </c>
      <c r="J72811" s="1" t="s">
        <v>243649</v>
      </c>
    </row>
    <row r="72812" spans="1:10" x14ac:dyDescent="0.35">
      <c r="A72812" s="1" t="s">
        <v>145568</v>
      </c>
      <c r="B72812" s="1" t="s">
        <v>222693</v>
      </c>
      <c r="C72812" s="1" t="s">
        <v>70</v>
      </c>
      <c r="D72812" s="1" t="s">
        <v>5334</v>
      </c>
      <c r="E72812" s="1" t="s">
        <v>243650</v>
      </c>
      <c r="F72812" s="1" t="s">
        <v>243651</v>
      </c>
      <c r="G72812" s="1" t="s">
        <v>243614</v>
      </c>
      <c r="H72812" s="1" t="s">
        <v>243615</v>
      </c>
      <c r="I72812" s="1" t="s">
        <v>222698</v>
      </c>
      <c r="J72812" s="1" t="s">
        <v>243652</v>
      </c>
    </row>
    <row r="72813" spans="1:10" x14ac:dyDescent="0.35">
      <c r="A72813" s="1" t="s">
        <v>145568</v>
      </c>
      <c r="B72813" s="1" t="s">
        <v>222693</v>
      </c>
      <c r="C72813" s="1" t="s">
        <v>75</v>
      </c>
      <c r="D72813" s="1" t="s">
        <v>243653</v>
      </c>
      <c r="E72813" s="1" t="s">
        <v>243654</v>
      </c>
      <c r="F72813" s="1" t="s">
        <v>243655</v>
      </c>
      <c r="G72813" s="1" t="s">
        <v>243614</v>
      </c>
      <c r="H72813" s="1" t="s">
        <v>243615</v>
      </c>
      <c r="I72813" s="1" t="s">
        <v>222698</v>
      </c>
      <c r="J72813" s="1" t="s">
        <v>243656</v>
      </c>
    </row>
    <row r="72814" spans="1:10" x14ac:dyDescent="0.35">
      <c r="A72814" s="1" t="s">
        <v>145568</v>
      </c>
      <c r="B72814" s="1" t="s">
        <v>222693</v>
      </c>
      <c r="C72814" s="1" t="s">
        <v>80</v>
      </c>
      <c r="D72814" s="1" t="s">
        <v>26177</v>
      </c>
      <c r="E72814" s="1" t="s">
        <v>243657</v>
      </c>
      <c r="F72814" s="1" t="s">
        <v>243658</v>
      </c>
      <c r="G72814" s="1" t="s">
        <v>243614</v>
      </c>
      <c r="H72814" s="1" t="s">
        <v>243615</v>
      </c>
      <c r="I72814" s="1" t="s">
        <v>222698</v>
      </c>
      <c r="J72814" s="1" t="s">
        <v>243659</v>
      </c>
    </row>
    <row r="72815" spans="1:10" x14ac:dyDescent="0.35">
      <c r="A72815" s="1" t="s">
        <v>145568</v>
      </c>
      <c r="B72815" s="1" t="s">
        <v>222693</v>
      </c>
      <c r="C72815" s="1" t="s">
        <v>85</v>
      </c>
      <c r="D72815" s="1" t="s">
        <v>243660</v>
      </c>
      <c r="E72815" s="1" t="s">
        <v>243661</v>
      </c>
      <c r="F72815" s="1" t="s">
        <v>243662</v>
      </c>
      <c r="G72815" s="1" t="s">
        <v>243614</v>
      </c>
      <c r="H72815" s="1" t="s">
        <v>243615</v>
      </c>
      <c r="I72815" s="1" t="s">
        <v>222698</v>
      </c>
      <c r="J72815" s="1" t="s">
        <v>243663</v>
      </c>
    </row>
    <row r="72816" spans="1:10" x14ac:dyDescent="0.35">
      <c r="A72816" s="1" t="s">
        <v>145568</v>
      </c>
      <c r="B72816" s="1" t="s">
        <v>222693</v>
      </c>
      <c r="C72816" s="1" t="s">
        <v>90</v>
      </c>
      <c r="D72816" s="1" t="s">
        <v>179066</v>
      </c>
      <c r="E72816" s="1" t="s">
        <v>243664</v>
      </c>
      <c r="F72816" s="1" t="s">
        <v>243665</v>
      </c>
      <c r="G72816" s="1" t="s">
        <v>243614</v>
      </c>
      <c r="H72816" s="1" t="s">
        <v>243615</v>
      </c>
      <c r="I72816" s="1" t="s">
        <v>222698</v>
      </c>
      <c r="J72816" s="1" t="s">
        <v>243666</v>
      </c>
    </row>
    <row r="72817" spans="1:10" x14ac:dyDescent="0.35">
      <c r="A72817" s="1" t="s">
        <v>145568</v>
      </c>
      <c r="B72817" s="1" t="s">
        <v>222693</v>
      </c>
      <c r="C72817" s="1" t="s">
        <v>95</v>
      </c>
      <c r="D72817" s="1" t="s">
        <v>228277</v>
      </c>
      <c r="E72817" s="1" t="s">
        <v>243667</v>
      </c>
      <c r="F72817" s="1" t="s">
        <v>243668</v>
      </c>
      <c r="G72817" s="1" t="s">
        <v>243614</v>
      </c>
      <c r="H72817" s="1" t="s">
        <v>243615</v>
      </c>
      <c r="I72817" s="1" t="s">
        <v>222698</v>
      </c>
      <c r="J72817" s="1" t="s">
        <v>243669</v>
      </c>
    </row>
    <row r="72818" spans="1:10" x14ac:dyDescent="0.35">
      <c r="A72818" s="1" t="s">
        <v>145568</v>
      </c>
      <c r="B72818" s="1" t="s">
        <v>222693</v>
      </c>
      <c r="C72818" s="1" t="s">
        <v>100</v>
      </c>
      <c r="D72818" s="1" t="s">
        <v>197816</v>
      </c>
      <c r="E72818" s="1" t="s">
        <v>243670</v>
      </c>
      <c r="F72818" s="1" t="s">
        <v>243671</v>
      </c>
      <c r="G72818" s="1" t="s">
        <v>243614</v>
      </c>
      <c r="H72818" s="1" t="s">
        <v>243615</v>
      </c>
      <c r="I72818" s="1" t="s">
        <v>222698</v>
      </c>
      <c r="J72818" s="1" t="s">
        <v>243672</v>
      </c>
    </row>
    <row r="72819" spans="1:10" x14ac:dyDescent="0.35">
      <c r="A72819" s="1" t="s">
        <v>145568</v>
      </c>
      <c r="B72819" s="1" t="s">
        <v>222693</v>
      </c>
      <c r="C72819" s="1" t="s">
        <v>105</v>
      </c>
      <c r="D72819" s="1" t="s">
        <v>243673</v>
      </c>
      <c r="E72819" s="1" t="s">
        <v>243674</v>
      </c>
      <c r="F72819" s="1" t="s">
        <v>243675</v>
      </c>
      <c r="G72819" s="1" t="s">
        <v>243614</v>
      </c>
      <c r="H72819" s="1" t="s">
        <v>243615</v>
      </c>
      <c r="I72819" s="1" t="s">
        <v>222698</v>
      </c>
      <c r="J72819" s="1" t="s">
        <v>16766</v>
      </c>
    </row>
    <row r="72820" spans="1:10" x14ac:dyDescent="0.35">
      <c r="A72820" s="1" t="s">
        <v>145568</v>
      </c>
      <c r="B72820" s="1" t="s">
        <v>222693</v>
      </c>
      <c r="C72820" s="1" t="s">
        <v>110</v>
      </c>
      <c r="D72820" s="1" t="s">
        <v>76319</v>
      </c>
      <c r="E72820" s="1" t="s">
        <v>243676</v>
      </c>
      <c r="F72820" s="1" t="s">
        <v>243677</v>
      </c>
      <c r="G72820" s="1" t="s">
        <v>243614</v>
      </c>
      <c r="H72820" s="1" t="s">
        <v>243615</v>
      </c>
      <c r="I72820" s="1" t="s">
        <v>222698</v>
      </c>
      <c r="J72820" s="1" t="s">
        <v>243678</v>
      </c>
    </row>
    <row r="72821" spans="1:10" x14ac:dyDescent="0.35">
      <c r="A72821" s="1" t="s">
        <v>145568</v>
      </c>
      <c r="B72821" s="1" t="s">
        <v>222693</v>
      </c>
      <c r="C72821" s="1" t="s">
        <v>115</v>
      </c>
      <c r="D72821" s="1" t="s">
        <v>243679</v>
      </c>
      <c r="E72821" s="1" t="s">
        <v>243680</v>
      </c>
      <c r="F72821" s="1" t="s">
        <v>243681</v>
      </c>
      <c r="G72821" s="1" t="s">
        <v>243614</v>
      </c>
      <c r="H72821" s="1" t="s">
        <v>243615</v>
      </c>
      <c r="I72821" s="1" t="s">
        <v>222698</v>
      </c>
      <c r="J72821" s="1" t="s">
        <v>243682</v>
      </c>
    </row>
    <row r="72822" spans="1:10" x14ac:dyDescent="0.35">
      <c r="A72822" s="1" t="s">
        <v>145568</v>
      </c>
      <c r="B72822" s="1" t="s">
        <v>222693</v>
      </c>
      <c r="C72822" s="1" t="s">
        <v>120</v>
      </c>
      <c r="D72822" s="1" t="s">
        <v>23709</v>
      </c>
      <c r="E72822" s="1" t="s">
        <v>243683</v>
      </c>
      <c r="F72822" s="1" t="s">
        <v>243684</v>
      </c>
      <c r="G72822" s="1" t="s">
        <v>243614</v>
      </c>
      <c r="H72822" s="1" t="s">
        <v>243615</v>
      </c>
      <c r="I72822" s="1" t="s">
        <v>222698</v>
      </c>
      <c r="J72822" s="1" t="s">
        <v>243685</v>
      </c>
    </row>
    <row r="72823" spans="1:10" x14ac:dyDescent="0.35">
      <c r="A72823" s="1" t="s">
        <v>145568</v>
      </c>
      <c r="B72823" s="1" t="s">
        <v>222693</v>
      </c>
      <c r="C72823" s="1" t="s">
        <v>125</v>
      </c>
      <c r="D72823" s="1" t="s">
        <v>23584</v>
      </c>
      <c r="E72823" s="1" t="s">
        <v>243686</v>
      </c>
      <c r="F72823" s="1" t="s">
        <v>243687</v>
      </c>
      <c r="G72823" s="1" t="s">
        <v>243614</v>
      </c>
      <c r="H72823" s="1" t="s">
        <v>243615</v>
      </c>
      <c r="I72823" s="1" t="s">
        <v>222698</v>
      </c>
      <c r="J72823" s="1" t="s">
        <v>243688</v>
      </c>
    </row>
    <row r="72824" spans="1:10" x14ac:dyDescent="0.35">
      <c r="A72824" s="1" t="s">
        <v>145568</v>
      </c>
      <c r="B72824" s="1" t="s">
        <v>222693</v>
      </c>
      <c r="C72824" s="1" t="s">
        <v>130</v>
      </c>
      <c r="D72824" s="1" t="s">
        <v>24780</v>
      </c>
      <c r="E72824" s="1" t="s">
        <v>243689</v>
      </c>
      <c r="F72824" s="1" t="s">
        <v>243690</v>
      </c>
      <c r="G72824" s="1" t="s">
        <v>243614</v>
      </c>
      <c r="H72824" s="1" t="s">
        <v>243615</v>
      </c>
      <c r="I72824" s="1" t="s">
        <v>222698</v>
      </c>
      <c r="J72824" s="1" t="s">
        <v>243691</v>
      </c>
    </row>
    <row r="72825" spans="1:10" x14ac:dyDescent="0.35">
      <c r="A72825" s="1" t="s">
        <v>145568</v>
      </c>
      <c r="B72825" s="1" t="s">
        <v>222693</v>
      </c>
      <c r="C72825" s="1" t="s">
        <v>135</v>
      </c>
      <c r="D72825" s="1" t="s">
        <v>243692</v>
      </c>
      <c r="E72825" s="1" t="s">
        <v>243693</v>
      </c>
      <c r="F72825" s="1" t="s">
        <v>243694</v>
      </c>
      <c r="G72825" s="1" t="s">
        <v>243614</v>
      </c>
      <c r="H72825" s="1" t="s">
        <v>243615</v>
      </c>
      <c r="I72825" s="1" t="s">
        <v>222698</v>
      </c>
      <c r="J72825" s="1" t="s">
        <v>243695</v>
      </c>
    </row>
    <row r="72826" spans="1:10" x14ac:dyDescent="0.35">
      <c r="A72826" s="1" t="s">
        <v>145568</v>
      </c>
      <c r="B72826" s="1" t="s">
        <v>222693</v>
      </c>
      <c r="C72826" s="1" t="s">
        <v>140</v>
      </c>
      <c r="D72826" s="1" t="s">
        <v>19966</v>
      </c>
      <c r="E72826" s="1" t="s">
        <v>243696</v>
      </c>
      <c r="F72826" s="1" t="s">
        <v>243697</v>
      </c>
      <c r="G72826" s="1" t="s">
        <v>243614</v>
      </c>
      <c r="H72826" s="1" t="s">
        <v>243615</v>
      </c>
      <c r="I72826" s="1" t="s">
        <v>222698</v>
      </c>
      <c r="J72826" s="1" t="s">
        <v>243698</v>
      </c>
    </row>
    <row r="72827" spans="1:10" x14ac:dyDescent="0.35">
      <c r="A72827" s="1" t="s">
        <v>145568</v>
      </c>
      <c r="B72827" s="1" t="s">
        <v>222693</v>
      </c>
      <c r="C72827" s="1" t="s">
        <v>145</v>
      </c>
      <c r="D72827" s="1" t="s">
        <v>243699</v>
      </c>
      <c r="E72827" s="1" t="s">
        <v>243700</v>
      </c>
      <c r="F72827" s="1" t="s">
        <v>243701</v>
      </c>
      <c r="G72827" s="1" t="s">
        <v>243614</v>
      </c>
      <c r="H72827" s="1" t="s">
        <v>243615</v>
      </c>
      <c r="I72827" s="1" t="s">
        <v>222698</v>
      </c>
      <c r="J72827" s="1" t="s">
        <v>243702</v>
      </c>
    </row>
    <row r="72828" spans="1:10" x14ac:dyDescent="0.35">
      <c r="A72828" s="1" t="s">
        <v>145568</v>
      </c>
      <c r="B72828" s="1" t="s">
        <v>222693</v>
      </c>
      <c r="C72828" s="1" t="s">
        <v>150</v>
      </c>
      <c r="D72828" s="1" t="s">
        <v>39936</v>
      </c>
      <c r="E72828" s="1" t="s">
        <v>243703</v>
      </c>
      <c r="F72828" s="1" t="s">
        <v>243704</v>
      </c>
      <c r="G72828" s="1" t="s">
        <v>243614</v>
      </c>
      <c r="H72828" s="1" t="s">
        <v>243615</v>
      </c>
      <c r="I72828" s="1" t="s">
        <v>222698</v>
      </c>
      <c r="J72828" s="1" t="s">
        <v>243705</v>
      </c>
    </row>
    <row r="72829" spans="1:10" x14ac:dyDescent="0.35">
      <c r="A72829" s="1" t="s">
        <v>145568</v>
      </c>
      <c r="B72829" s="1" t="s">
        <v>222693</v>
      </c>
      <c r="C72829" s="1" t="s">
        <v>155</v>
      </c>
      <c r="D72829" s="1" t="s">
        <v>243706</v>
      </c>
      <c r="E72829" s="1" t="s">
        <v>243707</v>
      </c>
      <c r="F72829" s="1" t="s">
        <v>243708</v>
      </c>
      <c r="G72829" s="1" t="s">
        <v>243614</v>
      </c>
      <c r="H72829" s="1" t="s">
        <v>243615</v>
      </c>
      <c r="I72829" s="1" t="s">
        <v>222698</v>
      </c>
      <c r="J72829" s="1" t="s">
        <v>243709</v>
      </c>
    </row>
    <row r="72830" spans="1:10" x14ac:dyDescent="0.35">
      <c r="A72830" s="1" t="s">
        <v>145568</v>
      </c>
      <c r="B72830" s="1" t="s">
        <v>222693</v>
      </c>
      <c r="C72830" s="1" t="s">
        <v>160</v>
      </c>
      <c r="D72830" s="1" t="s">
        <v>243710</v>
      </c>
      <c r="E72830" s="1" t="s">
        <v>243711</v>
      </c>
      <c r="F72830" s="1" t="s">
        <v>243712</v>
      </c>
      <c r="G72830" s="1" t="s">
        <v>243614</v>
      </c>
      <c r="H72830" s="1" t="s">
        <v>243615</v>
      </c>
      <c r="I72830" s="1" t="s">
        <v>222698</v>
      </c>
      <c r="J72830" s="1" t="s">
        <v>243713</v>
      </c>
    </row>
    <row r="72831" spans="1:10" x14ac:dyDescent="0.35">
      <c r="A72831" s="1" t="s">
        <v>145568</v>
      </c>
      <c r="B72831" s="1" t="s">
        <v>222693</v>
      </c>
      <c r="C72831" s="1" t="s">
        <v>165</v>
      </c>
      <c r="D72831" s="1" t="s">
        <v>243714</v>
      </c>
      <c r="E72831" s="1" t="s">
        <v>243715</v>
      </c>
      <c r="F72831" s="1" t="s">
        <v>243716</v>
      </c>
      <c r="G72831" s="1" t="s">
        <v>243614</v>
      </c>
      <c r="H72831" s="1" t="s">
        <v>243615</v>
      </c>
      <c r="I72831" s="1" t="s">
        <v>222698</v>
      </c>
      <c r="J72831" s="1" t="s">
        <v>243717</v>
      </c>
    </row>
    <row r="72832" spans="1:10" x14ac:dyDescent="0.35">
      <c r="A72832" s="1" t="s">
        <v>145568</v>
      </c>
      <c r="B72832" s="1" t="s">
        <v>222693</v>
      </c>
      <c r="C72832" s="1" t="s">
        <v>170</v>
      </c>
      <c r="D72832" s="1" t="s">
        <v>243718</v>
      </c>
      <c r="E72832" s="1" t="s">
        <v>243719</v>
      </c>
      <c r="F72832" s="1" t="s">
        <v>243720</v>
      </c>
      <c r="G72832" s="1" t="s">
        <v>243614</v>
      </c>
      <c r="H72832" s="1" t="s">
        <v>243615</v>
      </c>
      <c r="I72832" s="1" t="s">
        <v>222698</v>
      </c>
      <c r="J72832" s="1" t="s">
        <v>243721</v>
      </c>
    </row>
    <row r="72833" spans="1:10" x14ac:dyDescent="0.35">
      <c r="A72833" s="1" t="s">
        <v>51143</v>
      </c>
      <c r="B72833" s="1" t="s">
        <v>243722</v>
      </c>
      <c r="C72833" s="1" t="s">
        <v>8</v>
      </c>
      <c r="D72833" s="1" t="s">
        <v>230757</v>
      </c>
      <c r="E72833" s="1" t="s">
        <v>243723</v>
      </c>
      <c r="F72833" s="1" t="s">
        <v>243724</v>
      </c>
      <c r="G72833" s="1" t="s">
        <v>243725</v>
      </c>
      <c r="H72833" s="1" t="s">
        <v>243726</v>
      </c>
      <c r="I72833" s="1" t="s">
        <v>243727</v>
      </c>
      <c r="J72833" s="1" t="s">
        <v>13</v>
      </c>
    </row>
    <row r="72834" spans="1:10" x14ac:dyDescent="0.35">
      <c r="A72834" s="1" t="s">
        <v>51143</v>
      </c>
      <c r="B72834" s="1" t="s">
        <v>243722</v>
      </c>
      <c r="C72834" s="1" t="s">
        <v>15</v>
      </c>
      <c r="D72834" s="1" t="s">
        <v>112190</v>
      </c>
      <c r="E72834" s="1" t="s">
        <v>243728</v>
      </c>
      <c r="F72834" s="1" t="s">
        <v>243729</v>
      </c>
      <c r="G72834" s="1" t="s">
        <v>243725</v>
      </c>
      <c r="H72834" s="1" t="s">
        <v>243726</v>
      </c>
      <c r="I72834" s="1" t="s">
        <v>243727</v>
      </c>
      <c r="J72834" s="1" t="s">
        <v>243730</v>
      </c>
    </row>
    <row r="72835" spans="1:10" x14ac:dyDescent="0.35">
      <c r="A72835" s="1" t="s">
        <v>51143</v>
      </c>
      <c r="B72835" s="1" t="s">
        <v>243722</v>
      </c>
      <c r="C72835" s="1" t="s">
        <v>20</v>
      </c>
      <c r="D72835" s="1" t="s">
        <v>10094</v>
      </c>
      <c r="E72835" s="1" t="s">
        <v>243731</v>
      </c>
      <c r="F72835" s="1" t="s">
        <v>243732</v>
      </c>
      <c r="G72835" s="1" t="s">
        <v>243725</v>
      </c>
      <c r="H72835" s="1" t="s">
        <v>243726</v>
      </c>
      <c r="I72835" s="1" t="s">
        <v>243727</v>
      </c>
      <c r="J72835" s="1" t="s">
        <v>243733</v>
      </c>
    </row>
    <row r="72836" spans="1:10" x14ac:dyDescent="0.35">
      <c r="A72836" s="1" t="s">
        <v>51143</v>
      </c>
      <c r="B72836" s="1" t="s">
        <v>243722</v>
      </c>
      <c r="C72836" s="1" t="s">
        <v>25</v>
      </c>
      <c r="D72836" s="1" t="s">
        <v>146236</v>
      </c>
      <c r="E72836" s="1" t="s">
        <v>243734</v>
      </c>
      <c r="F72836" s="1" t="s">
        <v>243735</v>
      </c>
      <c r="G72836" s="1" t="s">
        <v>243725</v>
      </c>
      <c r="H72836" s="1" t="s">
        <v>243726</v>
      </c>
      <c r="I72836" s="1" t="s">
        <v>243727</v>
      </c>
      <c r="J72836" s="1" t="s">
        <v>243736</v>
      </c>
    </row>
    <row r="72837" spans="1:10" x14ac:dyDescent="0.35">
      <c r="A72837" s="1" t="s">
        <v>51143</v>
      </c>
      <c r="B72837" s="1" t="s">
        <v>243722</v>
      </c>
      <c r="C72837" s="1" t="s">
        <v>30</v>
      </c>
      <c r="D72837" s="1" t="s">
        <v>75</v>
      </c>
      <c r="E72837" s="1" t="s">
        <v>243737</v>
      </c>
      <c r="F72837" s="1" t="s">
        <v>243738</v>
      </c>
      <c r="G72837" s="1" t="s">
        <v>243725</v>
      </c>
      <c r="H72837" s="1" t="s">
        <v>243726</v>
      </c>
      <c r="I72837" s="1" t="s">
        <v>243727</v>
      </c>
      <c r="J72837" s="1" t="s">
        <v>243739</v>
      </c>
    </row>
    <row r="72838" spans="1:10" x14ac:dyDescent="0.35">
      <c r="A72838" s="1" t="s">
        <v>51143</v>
      </c>
      <c r="B72838" s="1" t="s">
        <v>243722</v>
      </c>
      <c r="C72838" s="1" t="s">
        <v>35</v>
      </c>
      <c r="D72838" s="1" t="s">
        <v>243740</v>
      </c>
      <c r="E72838" s="1" t="s">
        <v>243741</v>
      </c>
      <c r="F72838" s="1" t="s">
        <v>243742</v>
      </c>
      <c r="G72838" s="1" t="s">
        <v>243725</v>
      </c>
      <c r="H72838" s="1" t="s">
        <v>243726</v>
      </c>
      <c r="I72838" s="1" t="s">
        <v>243727</v>
      </c>
      <c r="J72838" s="1" t="s">
        <v>243743</v>
      </c>
    </row>
    <row r="72839" spans="1:10" x14ac:dyDescent="0.35">
      <c r="A72839" s="1" t="s">
        <v>51143</v>
      </c>
      <c r="B72839" s="1" t="s">
        <v>243722</v>
      </c>
      <c r="C72839" s="1" t="s">
        <v>40</v>
      </c>
      <c r="D72839" s="1" t="s">
        <v>146178</v>
      </c>
      <c r="E72839" s="1" t="s">
        <v>243744</v>
      </c>
      <c r="F72839" s="1" t="s">
        <v>243745</v>
      </c>
      <c r="G72839" s="1" t="s">
        <v>243725</v>
      </c>
      <c r="H72839" s="1" t="s">
        <v>243726</v>
      </c>
      <c r="I72839" s="1" t="s">
        <v>243727</v>
      </c>
      <c r="J72839" s="1" t="s">
        <v>243746</v>
      </c>
    </row>
    <row r="72840" spans="1:10" x14ac:dyDescent="0.35">
      <c r="A72840" s="1" t="s">
        <v>51143</v>
      </c>
      <c r="B72840" s="1" t="s">
        <v>243722</v>
      </c>
      <c r="C72840" s="1" t="s">
        <v>45</v>
      </c>
      <c r="D72840" s="1" t="s">
        <v>112192</v>
      </c>
      <c r="E72840" s="1" t="s">
        <v>243747</v>
      </c>
      <c r="F72840" s="1" t="s">
        <v>243748</v>
      </c>
      <c r="G72840" s="1" t="s">
        <v>243725</v>
      </c>
      <c r="H72840" s="1" t="s">
        <v>243726</v>
      </c>
      <c r="I72840" s="1" t="s">
        <v>243727</v>
      </c>
      <c r="J72840" s="1" t="s">
        <v>243749</v>
      </c>
    </row>
    <row r="72841" spans="1:10" x14ac:dyDescent="0.35">
      <c r="A72841" s="1" t="s">
        <v>51143</v>
      </c>
      <c r="B72841" s="1" t="s">
        <v>243722</v>
      </c>
      <c r="C72841" s="1" t="s">
        <v>50</v>
      </c>
      <c r="D72841" s="1" t="s">
        <v>156380</v>
      </c>
      <c r="E72841" s="1" t="s">
        <v>243750</v>
      </c>
      <c r="F72841" s="1" t="s">
        <v>243751</v>
      </c>
      <c r="G72841" s="1" t="s">
        <v>243725</v>
      </c>
      <c r="H72841" s="1" t="s">
        <v>243726</v>
      </c>
      <c r="I72841" s="1" t="s">
        <v>243727</v>
      </c>
      <c r="J72841" s="1" t="s">
        <v>243752</v>
      </c>
    </row>
    <row r="72842" spans="1:10" x14ac:dyDescent="0.35">
      <c r="A72842" s="1" t="s">
        <v>51143</v>
      </c>
      <c r="B72842" s="1" t="s">
        <v>243722</v>
      </c>
      <c r="C72842" s="1" t="s">
        <v>55</v>
      </c>
      <c r="D72842" s="1" t="s">
        <v>142499</v>
      </c>
      <c r="E72842" s="1" t="s">
        <v>243753</v>
      </c>
      <c r="F72842" s="1" t="s">
        <v>243754</v>
      </c>
      <c r="G72842" s="1" t="s">
        <v>243725</v>
      </c>
      <c r="H72842" s="1" t="s">
        <v>243726</v>
      </c>
      <c r="I72842" s="1" t="s">
        <v>243727</v>
      </c>
      <c r="J72842" s="1" t="s">
        <v>243755</v>
      </c>
    </row>
    <row r="72843" spans="1:10" x14ac:dyDescent="0.35">
      <c r="A72843" s="1" t="s">
        <v>51143</v>
      </c>
      <c r="B72843" s="1" t="s">
        <v>243722</v>
      </c>
      <c r="C72843" s="1" t="s">
        <v>60</v>
      </c>
      <c r="D72843" s="1" t="s">
        <v>10172</v>
      </c>
      <c r="E72843" s="1" t="s">
        <v>243756</v>
      </c>
      <c r="F72843" s="1" t="s">
        <v>243757</v>
      </c>
      <c r="G72843" s="1" t="s">
        <v>243725</v>
      </c>
      <c r="H72843" s="1" t="s">
        <v>243726</v>
      </c>
      <c r="I72843" s="1" t="s">
        <v>243727</v>
      </c>
      <c r="J72843" s="1" t="s">
        <v>243758</v>
      </c>
    </row>
    <row r="72844" spans="1:10" x14ac:dyDescent="0.35">
      <c r="A72844" s="1" t="s">
        <v>51143</v>
      </c>
      <c r="B72844" s="1" t="s">
        <v>243722</v>
      </c>
      <c r="C72844" s="1" t="s">
        <v>65</v>
      </c>
      <c r="D72844" s="1" t="s">
        <v>9956</v>
      </c>
      <c r="E72844" s="1" t="s">
        <v>243759</v>
      </c>
      <c r="F72844" s="1" t="s">
        <v>243760</v>
      </c>
      <c r="G72844" s="1" t="s">
        <v>243725</v>
      </c>
      <c r="H72844" s="1" t="s">
        <v>243726</v>
      </c>
      <c r="I72844" s="1" t="s">
        <v>243727</v>
      </c>
      <c r="J72844" s="1" t="s">
        <v>243761</v>
      </c>
    </row>
    <row r="72845" spans="1:10" x14ac:dyDescent="0.35">
      <c r="A72845" s="1" t="s">
        <v>51143</v>
      </c>
      <c r="B72845" s="1" t="s">
        <v>243722</v>
      </c>
      <c r="C72845" s="1" t="s">
        <v>70</v>
      </c>
      <c r="D72845" s="1" t="s">
        <v>25502</v>
      </c>
      <c r="E72845" s="1" t="s">
        <v>243762</v>
      </c>
      <c r="F72845" s="1" t="s">
        <v>243763</v>
      </c>
      <c r="G72845" s="1" t="s">
        <v>243725</v>
      </c>
      <c r="H72845" s="1" t="s">
        <v>243726</v>
      </c>
      <c r="I72845" s="1" t="s">
        <v>243727</v>
      </c>
      <c r="J72845" s="1" t="s">
        <v>243764</v>
      </c>
    </row>
    <row r="72846" spans="1:10" x14ac:dyDescent="0.35">
      <c r="A72846" s="1" t="s">
        <v>51143</v>
      </c>
      <c r="B72846" s="1" t="s">
        <v>243722</v>
      </c>
      <c r="C72846" s="1" t="s">
        <v>75</v>
      </c>
      <c r="D72846" s="1" t="s">
        <v>8369</v>
      </c>
      <c r="E72846" s="1" t="s">
        <v>243765</v>
      </c>
      <c r="F72846" s="1" t="s">
        <v>243766</v>
      </c>
      <c r="G72846" s="1" t="s">
        <v>243725</v>
      </c>
      <c r="H72846" s="1" t="s">
        <v>243726</v>
      </c>
      <c r="I72846" s="1" t="s">
        <v>243727</v>
      </c>
      <c r="J72846" s="1" t="s">
        <v>243767</v>
      </c>
    </row>
    <row r="72847" spans="1:10" x14ac:dyDescent="0.35">
      <c r="A72847" s="1" t="s">
        <v>51143</v>
      </c>
      <c r="B72847" s="1" t="s">
        <v>243722</v>
      </c>
      <c r="C72847" s="1" t="s">
        <v>80</v>
      </c>
      <c r="D72847" s="1" t="s">
        <v>2089</v>
      </c>
      <c r="E72847" s="1" t="s">
        <v>243768</v>
      </c>
      <c r="F72847" s="1" t="s">
        <v>243769</v>
      </c>
      <c r="G72847" s="1" t="s">
        <v>243725</v>
      </c>
      <c r="H72847" s="1" t="s">
        <v>243726</v>
      </c>
      <c r="I72847" s="1" t="s">
        <v>243727</v>
      </c>
      <c r="J72847" s="1" t="s">
        <v>243770</v>
      </c>
    </row>
    <row r="72848" spans="1:10" x14ac:dyDescent="0.35">
      <c r="A72848" s="1" t="s">
        <v>51143</v>
      </c>
      <c r="B72848" s="1" t="s">
        <v>243722</v>
      </c>
      <c r="C72848" s="1" t="s">
        <v>85</v>
      </c>
      <c r="D72848" s="1" t="s">
        <v>8913</v>
      </c>
      <c r="E72848" s="1" t="s">
        <v>243771</v>
      </c>
      <c r="F72848" s="1" t="s">
        <v>243772</v>
      </c>
      <c r="G72848" s="1" t="s">
        <v>243725</v>
      </c>
      <c r="H72848" s="1" t="s">
        <v>243726</v>
      </c>
      <c r="I72848" s="1" t="s">
        <v>243727</v>
      </c>
      <c r="J72848" s="1" t="s">
        <v>243773</v>
      </c>
    </row>
    <row r="72849" spans="1:10" x14ac:dyDescent="0.35">
      <c r="A72849" s="1" t="s">
        <v>51143</v>
      </c>
      <c r="B72849" s="1" t="s">
        <v>243722</v>
      </c>
      <c r="C72849" s="1" t="s">
        <v>90</v>
      </c>
      <c r="D72849" s="1" t="s">
        <v>1631</v>
      </c>
      <c r="E72849" s="1" t="s">
        <v>243774</v>
      </c>
      <c r="F72849" s="1" t="s">
        <v>243775</v>
      </c>
      <c r="G72849" s="1" t="s">
        <v>243725</v>
      </c>
      <c r="H72849" s="1" t="s">
        <v>243726</v>
      </c>
      <c r="I72849" s="1" t="s">
        <v>243727</v>
      </c>
      <c r="J72849" s="1" t="s">
        <v>243776</v>
      </c>
    </row>
    <row r="72850" spans="1:10" x14ac:dyDescent="0.35">
      <c r="A72850" s="1" t="s">
        <v>51143</v>
      </c>
      <c r="B72850" s="1" t="s">
        <v>243722</v>
      </c>
      <c r="C72850" s="1" t="s">
        <v>95</v>
      </c>
      <c r="D72850" s="1" t="s">
        <v>29470</v>
      </c>
      <c r="E72850" s="1" t="s">
        <v>243777</v>
      </c>
      <c r="F72850" s="1" t="s">
        <v>243778</v>
      </c>
      <c r="G72850" s="1" t="s">
        <v>243725</v>
      </c>
      <c r="H72850" s="1" t="s">
        <v>243726</v>
      </c>
      <c r="I72850" s="1" t="s">
        <v>243727</v>
      </c>
      <c r="J72850" s="1" t="s">
        <v>243779</v>
      </c>
    </row>
    <row r="72851" spans="1:10" x14ac:dyDescent="0.35">
      <c r="A72851" s="1" t="s">
        <v>51143</v>
      </c>
      <c r="B72851" s="1" t="s">
        <v>243722</v>
      </c>
      <c r="C72851" s="1" t="s">
        <v>100</v>
      </c>
      <c r="D72851" s="1" t="s">
        <v>111569</v>
      </c>
      <c r="E72851" s="1" t="s">
        <v>243780</v>
      </c>
      <c r="F72851" s="1" t="s">
        <v>243781</v>
      </c>
      <c r="G72851" s="1" t="s">
        <v>243725</v>
      </c>
      <c r="H72851" s="1" t="s">
        <v>243726</v>
      </c>
      <c r="I72851" s="1" t="s">
        <v>243727</v>
      </c>
      <c r="J72851" s="1" t="s">
        <v>243782</v>
      </c>
    </row>
    <row r="72852" spans="1:10" x14ac:dyDescent="0.35">
      <c r="A72852" s="1" t="s">
        <v>51143</v>
      </c>
      <c r="B72852" s="1" t="s">
        <v>243722</v>
      </c>
      <c r="C72852" s="1" t="s">
        <v>105</v>
      </c>
      <c r="D72852" s="1" t="s">
        <v>30053</v>
      </c>
      <c r="E72852" s="1" t="s">
        <v>243783</v>
      </c>
      <c r="F72852" s="1" t="s">
        <v>243784</v>
      </c>
      <c r="G72852" s="1" t="s">
        <v>243725</v>
      </c>
      <c r="H72852" s="1" t="s">
        <v>243726</v>
      </c>
      <c r="I72852" s="1" t="s">
        <v>243727</v>
      </c>
      <c r="J72852" s="1" t="s">
        <v>243785</v>
      </c>
    </row>
    <row r="72853" spans="1:10" x14ac:dyDescent="0.35">
      <c r="A72853" s="1" t="s">
        <v>51143</v>
      </c>
      <c r="B72853" s="1" t="s">
        <v>243722</v>
      </c>
      <c r="C72853" s="1" t="s">
        <v>110</v>
      </c>
      <c r="D72853" s="1" t="s">
        <v>50826</v>
      </c>
      <c r="E72853" s="1" t="s">
        <v>243786</v>
      </c>
      <c r="F72853" s="1" t="s">
        <v>243787</v>
      </c>
      <c r="G72853" s="1" t="s">
        <v>243725</v>
      </c>
      <c r="H72853" s="1" t="s">
        <v>243726</v>
      </c>
      <c r="I72853" s="1" t="s">
        <v>243727</v>
      </c>
      <c r="J72853" s="1" t="s">
        <v>243788</v>
      </c>
    </row>
    <row r="72854" spans="1:10" x14ac:dyDescent="0.35">
      <c r="A72854" s="1" t="s">
        <v>51143</v>
      </c>
      <c r="B72854" s="1" t="s">
        <v>243722</v>
      </c>
      <c r="C72854" s="1" t="s">
        <v>115</v>
      </c>
      <c r="D72854" s="1" t="s">
        <v>145209</v>
      </c>
      <c r="E72854" s="1" t="s">
        <v>243789</v>
      </c>
      <c r="F72854" s="1" t="s">
        <v>243790</v>
      </c>
      <c r="G72854" s="1" t="s">
        <v>243725</v>
      </c>
      <c r="H72854" s="1" t="s">
        <v>243726</v>
      </c>
      <c r="I72854" s="1" t="s">
        <v>243727</v>
      </c>
      <c r="J72854" s="1" t="s">
        <v>243791</v>
      </c>
    </row>
    <row r="72855" spans="1:10" x14ac:dyDescent="0.35">
      <c r="A72855" s="1" t="s">
        <v>51143</v>
      </c>
      <c r="B72855" s="1" t="s">
        <v>243722</v>
      </c>
      <c r="C72855" s="1" t="s">
        <v>120</v>
      </c>
      <c r="D72855" s="1" t="s">
        <v>243792</v>
      </c>
      <c r="E72855" s="1" t="s">
        <v>243793</v>
      </c>
      <c r="F72855" s="1" t="s">
        <v>243794</v>
      </c>
      <c r="G72855" s="1" t="s">
        <v>243725</v>
      </c>
      <c r="H72855" s="1" t="s">
        <v>243726</v>
      </c>
      <c r="I72855" s="1" t="s">
        <v>243727</v>
      </c>
      <c r="J72855" s="1" t="s">
        <v>243795</v>
      </c>
    </row>
    <row r="72856" spans="1:10" x14ac:dyDescent="0.35">
      <c r="A72856" s="1" t="s">
        <v>51143</v>
      </c>
      <c r="B72856" s="1" t="s">
        <v>243722</v>
      </c>
      <c r="C72856" s="1" t="s">
        <v>125</v>
      </c>
      <c r="D72856" s="1" t="s">
        <v>243796</v>
      </c>
      <c r="E72856" s="1" t="s">
        <v>243797</v>
      </c>
      <c r="F72856" s="1" t="s">
        <v>243798</v>
      </c>
      <c r="G72856" s="1" t="s">
        <v>243725</v>
      </c>
      <c r="H72856" s="1" t="s">
        <v>243726</v>
      </c>
      <c r="I72856" s="1" t="s">
        <v>243727</v>
      </c>
      <c r="J72856" s="1" t="s">
        <v>243799</v>
      </c>
    </row>
    <row r="72857" spans="1:10" x14ac:dyDescent="0.35">
      <c r="A72857" s="1" t="s">
        <v>51143</v>
      </c>
      <c r="B72857" s="1" t="s">
        <v>243722</v>
      </c>
      <c r="C72857" s="1" t="s">
        <v>130</v>
      </c>
      <c r="D72857" s="1" t="s">
        <v>16340</v>
      </c>
      <c r="E72857" s="1" t="s">
        <v>243800</v>
      </c>
      <c r="F72857" s="1" t="s">
        <v>243801</v>
      </c>
      <c r="G72857" s="1" t="s">
        <v>243725</v>
      </c>
      <c r="H72857" s="1" t="s">
        <v>243726</v>
      </c>
      <c r="I72857" s="1" t="s">
        <v>243727</v>
      </c>
      <c r="J72857" s="1" t="s">
        <v>243802</v>
      </c>
    </row>
    <row r="72858" spans="1:10" x14ac:dyDescent="0.35">
      <c r="A72858" s="1" t="s">
        <v>51143</v>
      </c>
      <c r="B72858" s="1" t="s">
        <v>243722</v>
      </c>
      <c r="C72858" s="1" t="s">
        <v>135</v>
      </c>
      <c r="D72858" s="1" t="s">
        <v>111105</v>
      </c>
      <c r="E72858" s="1" t="s">
        <v>243803</v>
      </c>
      <c r="F72858" s="1" t="s">
        <v>243804</v>
      </c>
      <c r="G72858" s="1" t="s">
        <v>243725</v>
      </c>
      <c r="H72858" s="1" t="s">
        <v>243726</v>
      </c>
      <c r="I72858" s="1" t="s">
        <v>243727</v>
      </c>
      <c r="J72858" s="1" t="s">
        <v>243805</v>
      </c>
    </row>
    <row r="72859" spans="1:10" x14ac:dyDescent="0.35">
      <c r="A72859" s="1" t="s">
        <v>51143</v>
      </c>
      <c r="B72859" s="1" t="s">
        <v>243722</v>
      </c>
      <c r="C72859" s="1" t="s">
        <v>140</v>
      </c>
      <c r="D72859" s="1" t="s">
        <v>7957</v>
      </c>
      <c r="E72859" s="1" t="s">
        <v>243806</v>
      </c>
      <c r="F72859" s="1" t="s">
        <v>243807</v>
      </c>
      <c r="G72859" s="1" t="s">
        <v>243725</v>
      </c>
      <c r="H72859" s="1" t="s">
        <v>243726</v>
      </c>
      <c r="I72859" s="1" t="s">
        <v>243727</v>
      </c>
      <c r="J72859" s="1" t="s">
        <v>243808</v>
      </c>
    </row>
    <row r="72860" spans="1:10" x14ac:dyDescent="0.35">
      <c r="A72860" s="1" t="s">
        <v>51143</v>
      </c>
      <c r="B72860" s="1" t="s">
        <v>243722</v>
      </c>
      <c r="C72860" s="1" t="s">
        <v>145</v>
      </c>
      <c r="D72860" s="1" t="s">
        <v>46738</v>
      </c>
      <c r="E72860" s="1" t="s">
        <v>243809</v>
      </c>
      <c r="F72860" s="1" t="s">
        <v>243810</v>
      </c>
      <c r="G72860" s="1" t="s">
        <v>243725</v>
      </c>
      <c r="H72860" s="1" t="s">
        <v>243726</v>
      </c>
      <c r="I72860" s="1" t="s">
        <v>243727</v>
      </c>
      <c r="J72860" s="1" t="s">
        <v>243811</v>
      </c>
    </row>
    <row r="72861" spans="1:10" x14ac:dyDescent="0.35">
      <c r="A72861" s="1" t="s">
        <v>51143</v>
      </c>
      <c r="B72861" s="1" t="s">
        <v>243722</v>
      </c>
      <c r="C72861" s="1" t="s">
        <v>150</v>
      </c>
      <c r="D72861" s="1" t="s">
        <v>10933</v>
      </c>
      <c r="E72861" s="1" t="s">
        <v>243812</v>
      </c>
      <c r="F72861" s="1" t="s">
        <v>243813</v>
      </c>
      <c r="G72861" s="1" t="s">
        <v>243725</v>
      </c>
      <c r="H72861" s="1" t="s">
        <v>243726</v>
      </c>
      <c r="I72861" s="1" t="s">
        <v>243727</v>
      </c>
      <c r="J72861" s="1" t="s">
        <v>243814</v>
      </c>
    </row>
    <row r="72862" spans="1:10" x14ac:dyDescent="0.35">
      <c r="A72862" s="1" t="s">
        <v>51143</v>
      </c>
      <c r="B72862" s="1" t="s">
        <v>243722</v>
      </c>
      <c r="C72862" s="1" t="s">
        <v>155</v>
      </c>
      <c r="D72862" s="1" t="s">
        <v>220920</v>
      </c>
      <c r="E72862" s="1" t="s">
        <v>243815</v>
      </c>
      <c r="F72862" s="1" t="s">
        <v>243816</v>
      </c>
      <c r="G72862" s="1" t="s">
        <v>243725</v>
      </c>
      <c r="H72862" s="1" t="s">
        <v>243726</v>
      </c>
      <c r="I72862" s="1" t="s">
        <v>243727</v>
      </c>
      <c r="J72862" s="1" t="s">
        <v>243817</v>
      </c>
    </row>
    <row r="72863" spans="1:10" x14ac:dyDescent="0.35">
      <c r="A72863" s="1" t="s">
        <v>51143</v>
      </c>
      <c r="B72863" s="1" t="s">
        <v>243722</v>
      </c>
      <c r="C72863" s="1" t="s">
        <v>160</v>
      </c>
      <c r="D72863" s="1" t="s">
        <v>171513</v>
      </c>
      <c r="E72863" s="1" t="s">
        <v>243818</v>
      </c>
      <c r="F72863" s="1" t="s">
        <v>243819</v>
      </c>
      <c r="G72863" s="1" t="s">
        <v>243725</v>
      </c>
      <c r="H72863" s="1" t="s">
        <v>243726</v>
      </c>
      <c r="I72863" s="1" t="s">
        <v>243727</v>
      </c>
      <c r="J72863" s="1" t="s">
        <v>243820</v>
      </c>
    </row>
    <row r="72864" spans="1:10" x14ac:dyDescent="0.35">
      <c r="A72864" s="1" t="s">
        <v>51143</v>
      </c>
      <c r="B72864" s="1" t="s">
        <v>243722</v>
      </c>
      <c r="C72864" s="1" t="s">
        <v>165</v>
      </c>
      <c r="D72864" s="1" t="s">
        <v>243821</v>
      </c>
      <c r="E72864" s="1" t="s">
        <v>243822</v>
      </c>
      <c r="F72864" s="1" t="s">
        <v>243823</v>
      </c>
      <c r="G72864" s="1" t="s">
        <v>243725</v>
      </c>
      <c r="H72864" s="1" t="s">
        <v>243726</v>
      </c>
      <c r="I72864" s="1" t="s">
        <v>243727</v>
      </c>
      <c r="J72864" s="1" t="s">
        <v>243824</v>
      </c>
    </row>
    <row r="72865" spans="1:10" x14ac:dyDescent="0.35">
      <c r="A72865" s="1" t="s">
        <v>51143</v>
      </c>
      <c r="B72865" s="1" t="s">
        <v>243722</v>
      </c>
      <c r="C72865" s="1" t="s">
        <v>170</v>
      </c>
      <c r="D72865" s="1" t="s">
        <v>118864</v>
      </c>
      <c r="E72865" s="1" t="s">
        <v>243825</v>
      </c>
      <c r="F72865" s="1" t="s">
        <v>243826</v>
      </c>
      <c r="G72865" s="1" t="s">
        <v>243725</v>
      </c>
      <c r="H72865" s="1" t="s">
        <v>243726</v>
      </c>
      <c r="I72865" s="1" t="s">
        <v>243727</v>
      </c>
      <c r="J72865" s="1" t="s">
        <v>243827</v>
      </c>
    </row>
    <row r="72866" spans="1:10" x14ac:dyDescent="0.35">
      <c r="A72866" s="1" t="s">
        <v>10213</v>
      </c>
      <c r="B72866" s="1" t="s">
        <v>243722</v>
      </c>
      <c r="C72866" s="1" t="s">
        <v>8</v>
      </c>
      <c r="D72866" s="1" t="s">
        <v>2651</v>
      </c>
      <c r="E72866" s="1" t="s">
        <v>243828</v>
      </c>
      <c r="F72866" s="1" t="s">
        <v>243829</v>
      </c>
      <c r="G72866" s="1" t="s">
        <v>243830</v>
      </c>
      <c r="H72866" s="1" t="s">
        <v>243831</v>
      </c>
      <c r="I72866" s="1" t="s">
        <v>243727</v>
      </c>
      <c r="J72866" s="1" t="s">
        <v>13</v>
      </c>
    </row>
    <row r="72867" spans="1:10" x14ac:dyDescent="0.35">
      <c r="A72867" s="1" t="s">
        <v>10213</v>
      </c>
      <c r="B72867" s="1" t="s">
        <v>243722</v>
      </c>
      <c r="C72867" s="1" t="s">
        <v>15</v>
      </c>
      <c r="D72867" s="1" t="s">
        <v>45650</v>
      </c>
      <c r="E72867" s="1" t="s">
        <v>243832</v>
      </c>
      <c r="F72867" s="1" t="s">
        <v>243833</v>
      </c>
      <c r="G72867" s="1" t="s">
        <v>243830</v>
      </c>
      <c r="H72867" s="1" t="s">
        <v>243831</v>
      </c>
      <c r="I72867" s="1" t="s">
        <v>243727</v>
      </c>
      <c r="J72867" s="1" t="s">
        <v>243834</v>
      </c>
    </row>
    <row r="72868" spans="1:10" x14ac:dyDescent="0.35">
      <c r="A72868" s="1" t="s">
        <v>10213</v>
      </c>
      <c r="B72868" s="1" t="s">
        <v>243722</v>
      </c>
      <c r="C72868" s="1" t="s">
        <v>20</v>
      </c>
      <c r="D72868" s="1" t="s">
        <v>243835</v>
      </c>
      <c r="E72868" s="1" t="s">
        <v>243836</v>
      </c>
      <c r="F72868" s="1" t="s">
        <v>243837</v>
      </c>
      <c r="G72868" s="1" t="s">
        <v>243830</v>
      </c>
      <c r="H72868" s="1" t="s">
        <v>243831</v>
      </c>
      <c r="I72868" s="1" t="s">
        <v>243727</v>
      </c>
      <c r="J72868" s="1" t="s">
        <v>243838</v>
      </c>
    </row>
    <row r="72869" spans="1:10" x14ac:dyDescent="0.35">
      <c r="A72869" s="1" t="s">
        <v>10213</v>
      </c>
      <c r="B72869" s="1" t="s">
        <v>243722</v>
      </c>
      <c r="C72869" s="1" t="s">
        <v>25</v>
      </c>
      <c r="D72869" s="1" t="s">
        <v>171467</v>
      </c>
      <c r="E72869" s="1" t="s">
        <v>243839</v>
      </c>
      <c r="F72869" s="1" t="s">
        <v>243840</v>
      </c>
      <c r="G72869" s="1" t="s">
        <v>243830</v>
      </c>
      <c r="H72869" s="1" t="s">
        <v>243831</v>
      </c>
      <c r="I72869" s="1" t="s">
        <v>243727</v>
      </c>
      <c r="J72869" s="1" t="s">
        <v>243841</v>
      </c>
    </row>
    <row r="72870" spans="1:10" x14ac:dyDescent="0.35">
      <c r="A72870" s="1" t="s">
        <v>10213</v>
      </c>
      <c r="B72870" s="1" t="s">
        <v>243722</v>
      </c>
      <c r="C72870" s="1" t="s">
        <v>30</v>
      </c>
      <c r="D72870" s="1" t="s">
        <v>10134</v>
      </c>
      <c r="E72870" s="1" t="s">
        <v>243842</v>
      </c>
      <c r="F72870" s="1" t="s">
        <v>243843</v>
      </c>
      <c r="G72870" s="1" t="s">
        <v>243830</v>
      </c>
      <c r="H72870" s="1" t="s">
        <v>243831</v>
      </c>
      <c r="I72870" s="1" t="s">
        <v>243727</v>
      </c>
      <c r="J72870" s="1" t="s">
        <v>243844</v>
      </c>
    </row>
    <row r="72871" spans="1:10" x14ac:dyDescent="0.35">
      <c r="A72871" s="1" t="s">
        <v>10213</v>
      </c>
      <c r="B72871" s="1" t="s">
        <v>243722</v>
      </c>
      <c r="C72871" s="1" t="s">
        <v>35</v>
      </c>
      <c r="D72871" s="1" t="s">
        <v>1683</v>
      </c>
      <c r="E72871" s="1" t="s">
        <v>243845</v>
      </c>
      <c r="F72871" s="1" t="s">
        <v>243846</v>
      </c>
      <c r="G72871" s="1" t="s">
        <v>243830</v>
      </c>
      <c r="H72871" s="1" t="s">
        <v>243831</v>
      </c>
      <c r="I72871" s="1" t="s">
        <v>243727</v>
      </c>
      <c r="J72871" s="1" t="s">
        <v>243847</v>
      </c>
    </row>
    <row r="72872" spans="1:10" x14ac:dyDescent="0.35">
      <c r="A72872" s="1" t="s">
        <v>10213</v>
      </c>
      <c r="B72872" s="1" t="s">
        <v>243722</v>
      </c>
      <c r="C72872" s="1" t="s">
        <v>40</v>
      </c>
      <c r="D72872" s="1" t="s">
        <v>118250</v>
      </c>
      <c r="E72872" s="1" t="s">
        <v>243848</v>
      </c>
      <c r="F72872" s="1" t="s">
        <v>243849</v>
      </c>
      <c r="G72872" s="1" t="s">
        <v>243830</v>
      </c>
      <c r="H72872" s="1" t="s">
        <v>243831</v>
      </c>
      <c r="I72872" s="1" t="s">
        <v>243727</v>
      </c>
      <c r="J72872" s="1" t="s">
        <v>243850</v>
      </c>
    </row>
    <row r="72873" spans="1:10" x14ac:dyDescent="0.35">
      <c r="A72873" s="1" t="s">
        <v>10213</v>
      </c>
      <c r="B72873" s="1" t="s">
        <v>243722</v>
      </c>
      <c r="C72873" s="1" t="s">
        <v>45</v>
      </c>
      <c r="D72873" s="1" t="s">
        <v>243851</v>
      </c>
      <c r="E72873" s="1" t="s">
        <v>243852</v>
      </c>
      <c r="F72873" s="1" t="s">
        <v>243853</v>
      </c>
      <c r="G72873" s="1" t="s">
        <v>243830</v>
      </c>
      <c r="H72873" s="1" t="s">
        <v>243831</v>
      </c>
      <c r="I72873" s="1" t="s">
        <v>243727</v>
      </c>
      <c r="J72873" s="1" t="s">
        <v>243854</v>
      </c>
    </row>
    <row r="72874" spans="1:10" x14ac:dyDescent="0.35">
      <c r="A72874" s="1" t="s">
        <v>10213</v>
      </c>
      <c r="B72874" s="1" t="s">
        <v>243722</v>
      </c>
      <c r="C72874" s="1" t="s">
        <v>50</v>
      </c>
      <c r="D72874" s="1" t="s">
        <v>111590</v>
      </c>
      <c r="E72874" s="1" t="s">
        <v>243855</v>
      </c>
      <c r="F72874" s="1" t="s">
        <v>243856</v>
      </c>
      <c r="G72874" s="1" t="s">
        <v>243830</v>
      </c>
      <c r="H72874" s="1" t="s">
        <v>243831</v>
      </c>
      <c r="I72874" s="1" t="s">
        <v>243727</v>
      </c>
      <c r="J72874" s="1" t="s">
        <v>243857</v>
      </c>
    </row>
    <row r="72875" spans="1:10" x14ac:dyDescent="0.35">
      <c r="A72875" s="1" t="s">
        <v>10213</v>
      </c>
      <c r="B72875" s="1" t="s">
        <v>243722</v>
      </c>
      <c r="C72875" s="1" t="s">
        <v>55</v>
      </c>
      <c r="D72875" s="1" t="s">
        <v>16097</v>
      </c>
      <c r="E72875" s="1" t="s">
        <v>243858</v>
      </c>
      <c r="F72875" s="1" t="s">
        <v>243859</v>
      </c>
      <c r="G72875" s="1" t="s">
        <v>243830</v>
      </c>
      <c r="H72875" s="1" t="s">
        <v>243831</v>
      </c>
      <c r="I72875" s="1" t="s">
        <v>243727</v>
      </c>
      <c r="J72875" s="1" t="s">
        <v>243860</v>
      </c>
    </row>
    <row r="72876" spans="1:10" x14ac:dyDescent="0.35">
      <c r="A72876" s="1" t="s">
        <v>10213</v>
      </c>
      <c r="B72876" s="1" t="s">
        <v>243722</v>
      </c>
      <c r="C72876" s="1" t="s">
        <v>60</v>
      </c>
      <c r="D72876" s="1" t="s">
        <v>10323</v>
      </c>
      <c r="E72876" s="1" t="s">
        <v>243861</v>
      </c>
      <c r="F72876" s="1" t="s">
        <v>243862</v>
      </c>
      <c r="G72876" s="1" t="s">
        <v>243830</v>
      </c>
      <c r="H72876" s="1" t="s">
        <v>243831</v>
      </c>
      <c r="I72876" s="1" t="s">
        <v>243727</v>
      </c>
      <c r="J72876" s="1" t="s">
        <v>243863</v>
      </c>
    </row>
    <row r="72877" spans="1:10" x14ac:dyDescent="0.35">
      <c r="A72877" s="1" t="s">
        <v>10213</v>
      </c>
      <c r="B72877" s="1" t="s">
        <v>243722</v>
      </c>
      <c r="C72877" s="1" t="s">
        <v>65</v>
      </c>
      <c r="D72877" s="1" t="s">
        <v>111380</v>
      </c>
      <c r="E72877" s="1" t="s">
        <v>243864</v>
      </c>
      <c r="F72877" s="1" t="s">
        <v>243865</v>
      </c>
      <c r="G72877" s="1" t="s">
        <v>243830</v>
      </c>
      <c r="H72877" s="1" t="s">
        <v>243831</v>
      </c>
      <c r="I72877" s="1" t="s">
        <v>243727</v>
      </c>
      <c r="J72877" s="1" t="s">
        <v>243866</v>
      </c>
    </row>
    <row r="72878" spans="1:10" x14ac:dyDescent="0.35">
      <c r="A72878" s="1" t="s">
        <v>10213</v>
      </c>
      <c r="B72878" s="1" t="s">
        <v>243722</v>
      </c>
      <c r="C72878" s="1" t="s">
        <v>70</v>
      </c>
      <c r="D72878" s="1" t="s">
        <v>111644</v>
      </c>
      <c r="E72878" s="1" t="s">
        <v>243867</v>
      </c>
      <c r="F72878" s="1" t="s">
        <v>243868</v>
      </c>
      <c r="G72878" s="1" t="s">
        <v>243830</v>
      </c>
      <c r="H72878" s="1" t="s">
        <v>243831</v>
      </c>
      <c r="I72878" s="1" t="s">
        <v>243727</v>
      </c>
      <c r="J72878" s="1" t="s">
        <v>243869</v>
      </c>
    </row>
    <row r="72879" spans="1:10" x14ac:dyDescent="0.35">
      <c r="A72879" s="1" t="s">
        <v>10213</v>
      </c>
      <c r="B72879" s="1" t="s">
        <v>243722</v>
      </c>
      <c r="C72879" s="1" t="s">
        <v>75</v>
      </c>
      <c r="D72879" s="1" t="s">
        <v>45496</v>
      </c>
      <c r="E72879" s="1" t="s">
        <v>243870</v>
      </c>
      <c r="F72879" s="1" t="s">
        <v>243871</v>
      </c>
      <c r="G72879" s="1" t="s">
        <v>243830</v>
      </c>
      <c r="H72879" s="1" t="s">
        <v>243831</v>
      </c>
      <c r="I72879" s="1" t="s">
        <v>243727</v>
      </c>
      <c r="J72879" s="1" t="s">
        <v>243872</v>
      </c>
    </row>
    <row r="72880" spans="1:10" x14ac:dyDescent="0.35">
      <c r="A72880" s="1" t="s">
        <v>10213</v>
      </c>
      <c r="B72880" s="1" t="s">
        <v>243722</v>
      </c>
      <c r="C72880" s="1" t="s">
        <v>80</v>
      </c>
      <c r="D72880" s="1" t="s">
        <v>33925</v>
      </c>
      <c r="E72880" s="1" t="s">
        <v>243873</v>
      </c>
      <c r="F72880" s="1" t="s">
        <v>243874</v>
      </c>
      <c r="G72880" s="1" t="s">
        <v>243830</v>
      </c>
      <c r="H72880" s="1" t="s">
        <v>243831</v>
      </c>
      <c r="I72880" s="1" t="s">
        <v>243727</v>
      </c>
      <c r="J72880" s="1" t="s">
        <v>243875</v>
      </c>
    </row>
    <row r="72881" spans="1:10" x14ac:dyDescent="0.35">
      <c r="A72881" s="1" t="s">
        <v>10213</v>
      </c>
      <c r="B72881" s="1" t="s">
        <v>243722</v>
      </c>
      <c r="C72881" s="1" t="s">
        <v>85</v>
      </c>
      <c r="D72881" s="1" t="s">
        <v>243876</v>
      </c>
      <c r="E72881" s="1" t="s">
        <v>243877</v>
      </c>
      <c r="F72881" s="1" t="s">
        <v>243878</v>
      </c>
      <c r="G72881" s="1" t="s">
        <v>243830</v>
      </c>
      <c r="H72881" s="1" t="s">
        <v>243831</v>
      </c>
      <c r="I72881" s="1" t="s">
        <v>243727</v>
      </c>
      <c r="J72881" s="1" t="s">
        <v>243879</v>
      </c>
    </row>
    <row r="72882" spans="1:10" x14ac:dyDescent="0.35">
      <c r="A72882" s="1" t="s">
        <v>10213</v>
      </c>
      <c r="B72882" s="1" t="s">
        <v>243722</v>
      </c>
      <c r="C72882" s="1" t="s">
        <v>90</v>
      </c>
      <c r="D72882" s="1" t="s">
        <v>36073</v>
      </c>
      <c r="E72882" s="1" t="s">
        <v>243880</v>
      </c>
      <c r="F72882" s="1" t="s">
        <v>243881</v>
      </c>
      <c r="G72882" s="1" t="s">
        <v>243830</v>
      </c>
      <c r="H72882" s="1" t="s">
        <v>243831</v>
      </c>
      <c r="I72882" s="1" t="s">
        <v>243727</v>
      </c>
      <c r="J72882" s="1" t="s">
        <v>243882</v>
      </c>
    </row>
    <row r="72883" spans="1:10" x14ac:dyDescent="0.35">
      <c r="A72883" s="1" t="s">
        <v>10213</v>
      </c>
      <c r="B72883" s="1" t="s">
        <v>243722</v>
      </c>
      <c r="C72883" s="1" t="s">
        <v>95</v>
      </c>
      <c r="D72883" s="1" t="s">
        <v>38533</v>
      </c>
      <c r="E72883" s="1" t="s">
        <v>243883</v>
      </c>
      <c r="F72883" s="1" t="s">
        <v>243884</v>
      </c>
      <c r="G72883" s="1" t="s">
        <v>243830</v>
      </c>
      <c r="H72883" s="1" t="s">
        <v>243831</v>
      </c>
      <c r="I72883" s="1" t="s">
        <v>243727</v>
      </c>
      <c r="J72883" s="1" t="s">
        <v>243885</v>
      </c>
    </row>
    <row r="72884" spans="1:10" x14ac:dyDescent="0.35">
      <c r="A72884" s="1" t="s">
        <v>10213</v>
      </c>
      <c r="B72884" s="1" t="s">
        <v>243722</v>
      </c>
      <c r="C72884" s="1" t="s">
        <v>100</v>
      </c>
      <c r="D72884" s="1" t="s">
        <v>186833</v>
      </c>
      <c r="E72884" s="1" t="s">
        <v>243886</v>
      </c>
      <c r="F72884" s="1" t="s">
        <v>243887</v>
      </c>
      <c r="G72884" s="1" t="s">
        <v>243830</v>
      </c>
      <c r="H72884" s="1" t="s">
        <v>243831</v>
      </c>
      <c r="I72884" s="1" t="s">
        <v>243727</v>
      </c>
      <c r="J72884" s="1" t="s">
        <v>243888</v>
      </c>
    </row>
    <row r="72885" spans="1:10" x14ac:dyDescent="0.35">
      <c r="A72885" s="1" t="s">
        <v>10213</v>
      </c>
      <c r="B72885" s="1" t="s">
        <v>243722</v>
      </c>
      <c r="C72885" s="1" t="s">
        <v>105</v>
      </c>
      <c r="D72885" s="1" t="s">
        <v>202843</v>
      </c>
      <c r="E72885" s="1" t="s">
        <v>243889</v>
      </c>
      <c r="F72885" s="1" t="s">
        <v>243890</v>
      </c>
      <c r="G72885" s="1" t="s">
        <v>243830</v>
      </c>
      <c r="H72885" s="1" t="s">
        <v>243831</v>
      </c>
      <c r="I72885" s="1" t="s">
        <v>243727</v>
      </c>
      <c r="J72885" s="1" t="s">
        <v>243891</v>
      </c>
    </row>
    <row r="72886" spans="1:10" x14ac:dyDescent="0.35">
      <c r="A72886" s="1" t="s">
        <v>10213</v>
      </c>
      <c r="B72886" s="1" t="s">
        <v>243722</v>
      </c>
      <c r="C72886" s="1" t="s">
        <v>110</v>
      </c>
      <c r="D72886" s="1" t="s">
        <v>202360</v>
      </c>
      <c r="E72886" s="1" t="s">
        <v>243892</v>
      </c>
      <c r="F72886" s="1" t="s">
        <v>243893</v>
      </c>
      <c r="G72886" s="1" t="s">
        <v>243830</v>
      </c>
      <c r="H72886" s="1" t="s">
        <v>243831</v>
      </c>
      <c r="I72886" s="1" t="s">
        <v>243727</v>
      </c>
      <c r="J72886" s="1" t="s">
        <v>243894</v>
      </c>
    </row>
    <row r="72887" spans="1:10" x14ac:dyDescent="0.35">
      <c r="A72887" s="1" t="s">
        <v>10213</v>
      </c>
      <c r="B72887" s="1" t="s">
        <v>243722</v>
      </c>
      <c r="C72887" s="1" t="s">
        <v>115</v>
      </c>
      <c r="D72887" s="1" t="s">
        <v>116442</v>
      </c>
      <c r="E72887" s="1" t="s">
        <v>243895</v>
      </c>
      <c r="F72887" s="1" t="s">
        <v>243896</v>
      </c>
      <c r="G72887" s="1" t="s">
        <v>243830</v>
      </c>
      <c r="H72887" s="1" t="s">
        <v>243831</v>
      </c>
      <c r="I72887" s="1" t="s">
        <v>243727</v>
      </c>
      <c r="J72887" s="1" t="s">
        <v>243897</v>
      </c>
    </row>
    <row r="72888" spans="1:10" x14ac:dyDescent="0.35">
      <c r="A72888" s="1" t="s">
        <v>10213</v>
      </c>
      <c r="B72888" s="1" t="s">
        <v>243722</v>
      </c>
      <c r="C72888" s="1" t="s">
        <v>120</v>
      </c>
      <c r="D72888" s="1" t="s">
        <v>48919</v>
      </c>
      <c r="E72888" s="1" t="s">
        <v>243898</v>
      </c>
      <c r="F72888" s="1" t="s">
        <v>243899</v>
      </c>
      <c r="G72888" s="1" t="s">
        <v>243830</v>
      </c>
      <c r="H72888" s="1" t="s">
        <v>243831</v>
      </c>
      <c r="I72888" s="1" t="s">
        <v>243727</v>
      </c>
      <c r="J72888" s="1" t="s">
        <v>243900</v>
      </c>
    </row>
    <row r="72889" spans="1:10" x14ac:dyDescent="0.35">
      <c r="A72889" s="1" t="s">
        <v>10213</v>
      </c>
      <c r="B72889" s="1" t="s">
        <v>243722</v>
      </c>
      <c r="C72889" s="1" t="s">
        <v>125</v>
      </c>
      <c r="D72889" s="1" t="s">
        <v>73452</v>
      </c>
      <c r="E72889" s="1" t="s">
        <v>243901</v>
      </c>
      <c r="F72889" s="1" t="s">
        <v>243902</v>
      </c>
      <c r="G72889" s="1" t="s">
        <v>243830</v>
      </c>
      <c r="H72889" s="1" t="s">
        <v>243831</v>
      </c>
      <c r="I72889" s="1" t="s">
        <v>243727</v>
      </c>
      <c r="J72889" s="1" t="s">
        <v>243903</v>
      </c>
    </row>
    <row r="72890" spans="1:10" x14ac:dyDescent="0.35">
      <c r="A72890" s="1" t="s">
        <v>10213</v>
      </c>
      <c r="B72890" s="1" t="s">
        <v>243722</v>
      </c>
      <c r="C72890" s="1" t="s">
        <v>130</v>
      </c>
      <c r="D72890" s="1" t="s">
        <v>15795</v>
      </c>
      <c r="E72890" s="1" t="s">
        <v>243904</v>
      </c>
      <c r="F72890" s="1" t="s">
        <v>243905</v>
      </c>
      <c r="G72890" s="1" t="s">
        <v>243830</v>
      </c>
      <c r="H72890" s="1" t="s">
        <v>243831</v>
      </c>
      <c r="I72890" s="1" t="s">
        <v>243727</v>
      </c>
      <c r="J72890" s="1" t="s">
        <v>243906</v>
      </c>
    </row>
    <row r="72891" spans="1:10" x14ac:dyDescent="0.35">
      <c r="A72891" s="1" t="s">
        <v>10213</v>
      </c>
      <c r="B72891" s="1" t="s">
        <v>243722</v>
      </c>
      <c r="C72891" s="1" t="s">
        <v>135</v>
      </c>
      <c r="D72891" s="1" t="s">
        <v>243907</v>
      </c>
      <c r="E72891" s="1" t="s">
        <v>243908</v>
      </c>
      <c r="F72891" s="1" t="s">
        <v>243909</v>
      </c>
      <c r="G72891" s="1" t="s">
        <v>243830</v>
      </c>
      <c r="H72891" s="1" t="s">
        <v>243831</v>
      </c>
      <c r="I72891" s="1" t="s">
        <v>243727</v>
      </c>
      <c r="J72891" s="1" t="s">
        <v>243910</v>
      </c>
    </row>
    <row r="72892" spans="1:10" x14ac:dyDescent="0.35">
      <c r="A72892" s="1" t="s">
        <v>10213</v>
      </c>
      <c r="B72892" s="1" t="s">
        <v>243722</v>
      </c>
      <c r="C72892" s="1" t="s">
        <v>140</v>
      </c>
      <c r="D72892" s="1" t="s">
        <v>243911</v>
      </c>
      <c r="E72892" s="1" t="s">
        <v>243912</v>
      </c>
      <c r="F72892" s="1" t="s">
        <v>243913</v>
      </c>
      <c r="G72892" s="1" t="s">
        <v>243830</v>
      </c>
      <c r="H72892" s="1" t="s">
        <v>243831</v>
      </c>
      <c r="I72892" s="1" t="s">
        <v>243727</v>
      </c>
      <c r="J72892" s="1" t="s">
        <v>243914</v>
      </c>
    </row>
    <row r="72893" spans="1:10" x14ac:dyDescent="0.35">
      <c r="A72893" s="1" t="s">
        <v>10213</v>
      </c>
      <c r="B72893" s="1" t="s">
        <v>243722</v>
      </c>
      <c r="C72893" s="1" t="s">
        <v>145</v>
      </c>
      <c r="D72893" s="1" t="s">
        <v>18864</v>
      </c>
      <c r="E72893" s="1" t="s">
        <v>243915</v>
      </c>
      <c r="F72893" s="1" t="s">
        <v>243916</v>
      </c>
      <c r="G72893" s="1" t="s">
        <v>243830</v>
      </c>
      <c r="H72893" s="1" t="s">
        <v>243831</v>
      </c>
      <c r="I72893" s="1" t="s">
        <v>243727</v>
      </c>
      <c r="J72893" s="1" t="s">
        <v>243917</v>
      </c>
    </row>
    <row r="72894" spans="1:10" x14ac:dyDescent="0.35">
      <c r="A72894" s="1" t="s">
        <v>10213</v>
      </c>
      <c r="B72894" s="1" t="s">
        <v>243722</v>
      </c>
      <c r="C72894" s="1" t="s">
        <v>150</v>
      </c>
      <c r="D72894" s="1" t="s">
        <v>243918</v>
      </c>
      <c r="E72894" s="1" t="s">
        <v>243919</v>
      </c>
      <c r="F72894" s="1" t="s">
        <v>243920</v>
      </c>
      <c r="G72894" s="1" t="s">
        <v>243830</v>
      </c>
      <c r="H72894" s="1" t="s">
        <v>243831</v>
      </c>
      <c r="I72894" s="1" t="s">
        <v>243727</v>
      </c>
      <c r="J72894" s="1" t="s">
        <v>243921</v>
      </c>
    </row>
    <row r="72895" spans="1:10" x14ac:dyDescent="0.35">
      <c r="A72895" s="1" t="s">
        <v>10213</v>
      </c>
      <c r="B72895" s="1" t="s">
        <v>243722</v>
      </c>
      <c r="C72895" s="1" t="s">
        <v>155</v>
      </c>
      <c r="D72895" s="1" t="s">
        <v>243922</v>
      </c>
      <c r="E72895" s="1" t="s">
        <v>243923</v>
      </c>
      <c r="F72895" s="1" t="s">
        <v>243924</v>
      </c>
      <c r="G72895" s="1" t="s">
        <v>243830</v>
      </c>
      <c r="H72895" s="1" t="s">
        <v>243831</v>
      </c>
      <c r="I72895" s="1" t="s">
        <v>243727</v>
      </c>
      <c r="J72895" s="1" t="s">
        <v>243925</v>
      </c>
    </row>
    <row r="72896" spans="1:10" x14ac:dyDescent="0.35">
      <c r="A72896" s="1" t="s">
        <v>10213</v>
      </c>
      <c r="B72896" s="1" t="s">
        <v>243722</v>
      </c>
      <c r="C72896" s="1" t="s">
        <v>160</v>
      </c>
      <c r="D72896" s="1" t="s">
        <v>153706</v>
      </c>
      <c r="E72896" s="1" t="s">
        <v>243926</v>
      </c>
      <c r="F72896" s="1" t="s">
        <v>243927</v>
      </c>
      <c r="G72896" s="1" t="s">
        <v>243830</v>
      </c>
      <c r="H72896" s="1" t="s">
        <v>243831</v>
      </c>
      <c r="I72896" s="1" t="s">
        <v>243727</v>
      </c>
      <c r="J72896" s="1" t="s">
        <v>243928</v>
      </c>
    </row>
    <row r="72897" spans="1:10" x14ac:dyDescent="0.35">
      <c r="A72897" s="1" t="s">
        <v>10213</v>
      </c>
      <c r="B72897" s="1" t="s">
        <v>243722</v>
      </c>
      <c r="C72897" s="1" t="s">
        <v>165</v>
      </c>
      <c r="D72897" s="1" t="s">
        <v>155624</v>
      </c>
      <c r="E72897" s="1" t="s">
        <v>243929</v>
      </c>
      <c r="F72897" s="1" t="s">
        <v>243930</v>
      </c>
      <c r="G72897" s="1" t="s">
        <v>243830</v>
      </c>
      <c r="H72897" s="1" t="s">
        <v>243831</v>
      </c>
      <c r="I72897" s="1" t="s">
        <v>243727</v>
      </c>
      <c r="J72897" s="1" t="s">
        <v>243931</v>
      </c>
    </row>
    <row r="72898" spans="1:10" x14ac:dyDescent="0.35">
      <c r="A72898" s="1" t="s">
        <v>10213</v>
      </c>
      <c r="B72898" s="1" t="s">
        <v>243722</v>
      </c>
      <c r="C72898" s="1" t="s">
        <v>170</v>
      </c>
      <c r="D72898" s="1" t="s">
        <v>243932</v>
      </c>
      <c r="E72898" s="1" t="s">
        <v>243933</v>
      </c>
      <c r="F72898" s="1" t="s">
        <v>243934</v>
      </c>
      <c r="G72898" s="1" t="s">
        <v>243830</v>
      </c>
      <c r="H72898" s="1" t="s">
        <v>243831</v>
      </c>
      <c r="I72898" s="1" t="s">
        <v>243727</v>
      </c>
      <c r="J72898" s="1" t="s">
        <v>243935</v>
      </c>
    </row>
    <row r="72899" spans="1:10" x14ac:dyDescent="0.35">
      <c r="A72899" s="1" t="s">
        <v>202116</v>
      </c>
      <c r="B72899" s="1" t="s">
        <v>243722</v>
      </c>
      <c r="C72899" s="1" t="s">
        <v>8</v>
      </c>
      <c r="D72899" s="1" t="s">
        <v>7942</v>
      </c>
      <c r="E72899" s="1" t="s">
        <v>243936</v>
      </c>
      <c r="F72899" s="1" t="s">
        <v>243937</v>
      </c>
      <c r="G72899" s="1" t="s">
        <v>243938</v>
      </c>
      <c r="H72899" s="1" t="s">
        <v>243939</v>
      </c>
      <c r="I72899" s="1" t="s">
        <v>243727</v>
      </c>
      <c r="J72899" s="1" t="s">
        <v>13</v>
      </c>
    </row>
    <row r="72900" spans="1:10" x14ac:dyDescent="0.35">
      <c r="A72900" s="1" t="s">
        <v>202116</v>
      </c>
      <c r="B72900" s="1" t="s">
        <v>243722</v>
      </c>
      <c r="C72900" s="1" t="s">
        <v>15</v>
      </c>
      <c r="D72900" s="1" t="s">
        <v>243940</v>
      </c>
      <c r="E72900" s="1" t="s">
        <v>243941</v>
      </c>
      <c r="F72900" s="1" t="s">
        <v>243942</v>
      </c>
      <c r="G72900" s="1" t="s">
        <v>243938</v>
      </c>
      <c r="H72900" s="1" t="s">
        <v>243939</v>
      </c>
      <c r="I72900" s="1" t="s">
        <v>243727</v>
      </c>
      <c r="J72900" s="1" t="s">
        <v>243943</v>
      </c>
    </row>
    <row r="72901" spans="1:10" x14ac:dyDescent="0.35">
      <c r="A72901" s="1" t="s">
        <v>202116</v>
      </c>
      <c r="B72901" s="1" t="s">
        <v>243722</v>
      </c>
      <c r="C72901" s="1" t="s">
        <v>20</v>
      </c>
      <c r="D72901" s="1" t="s">
        <v>243944</v>
      </c>
      <c r="E72901" s="1" t="s">
        <v>243945</v>
      </c>
      <c r="F72901" s="1" t="s">
        <v>243946</v>
      </c>
      <c r="G72901" s="1" t="s">
        <v>243938</v>
      </c>
      <c r="H72901" s="1" t="s">
        <v>243939</v>
      </c>
      <c r="I72901" s="1" t="s">
        <v>243727</v>
      </c>
      <c r="J72901" s="1" t="s">
        <v>243947</v>
      </c>
    </row>
    <row r="72902" spans="1:10" x14ac:dyDescent="0.35">
      <c r="A72902" s="1" t="s">
        <v>202116</v>
      </c>
      <c r="B72902" s="1" t="s">
        <v>243722</v>
      </c>
      <c r="C72902" s="1" t="s">
        <v>25</v>
      </c>
      <c r="D72902" s="1" t="s">
        <v>142749</v>
      </c>
      <c r="E72902" s="1" t="s">
        <v>243948</v>
      </c>
      <c r="F72902" s="1" t="s">
        <v>243949</v>
      </c>
      <c r="G72902" s="1" t="s">
        <v>243938</v>
      </c>
      <c r="H72902" s="1" t="s">
        <v>243939</v>
      </c>
      <c r="I72902" s="1" t="s">
        <v>243727</v>
      </c>
      <c r="J72902" s="1" t="s">
        <v>243950</v>
      </c>
    </row>
    <row r="72903" spans="1:10" x14ac:dyDescent="0.35">
      <c r="A72903" s="1" t="s">
        <v>202116</v>
      </c>
      <c r="B72903" s="1" t="s">
        <v>243722</v>
      </c>
      <c r="C72903" s="1" t="s">
        <v>30</v>
      </c>
      <c r="D72903" s="1" t="s">
        <v>36682</v>
      </c>
      <c r="E72903" s="1" t="s">
        <v>243951</v>
      </c>
      <c r="F72903" s="1" t="s">
        <v>243952</v>
      </c>
      <c r="G72903" s="1" t="s">
        <v>243938</v>
      </c>
      <c r="H72903" s="1" t="s">
        <v>243939</v>
      </c>
      <c r="I72903" s="1" t="s">
        <v>243727</v>
      </c>
      <c r="J72903" s="1" t="s">
        <v>243953</v>
      </c>
    </row>
    <row r="72904" spans="1:10" x14ac:dyDescent="0.35">
      <c r="A72904" s="1" t="s">
        <v>202116</v>
      </c>
      <c r="B72904" s="1" t="s">
        <v>243722</v>
      </c>
      <c r="C72904" s="1" t="s">
        <v>35</v>
      </c>
      <c r="D72904" s="1" t="s">
        <v>2901</v>
      </c>
      <c r="E72904" s="1" t="s">
        <v>243954</v>
      </c>
      <c r="F72904" s="1" t="s">
        <v>243955</v>
      </c>
      <c r="G72904" s="1" t="s">
        <v>243938</v>
      </c>
      <c r="H72904" s="1" t="s">
        <v>243939</v>
      </c>
      <c r="I72904" s="1" t="s">
        <v>243727</v>
      </c>
      <c r="J72904" s="1" t="s">
        <v>243956</v>
      </c>
    </row>
    <row r="72905" spans="1:10" x14ac:dyDescent="0.35">
      <c r="A72905" s="1" t="s">
        <v>202116</v>
      </c>
      <c r="B72905" s="1" t="s">
        <v>243722</v>
      </c>
      <c r="C72905" s="1" t="s">
        <v>40</v>
      </c>
      <c r="D72905" s="1" t="s">
        <v>15958</v>
      </c>
      <c r="E72905" s="1" t="s">
        <v>243957</v>
      </c>
      <c r="F72905" s="1" t="s">
        <v>243958</v>
      </c>
      <c r="G72905" s="1" t="s">
        <v>243938</v>
      </c>
      <c r="H72905" s="1" t="s">
        <v>243939</v>
      </c>
      <c r="I72905" s="1" t="s">
        <v>243727</v>
      </c>
      <c r="J72905" s="1" t="s">
        <v>243959</v>
      </c>
    </row>
    <row r="72906" spans="1:10" x14ac:dyDescent="0.35">
      <c r="A72906" s="1" t="s">
        <v>202116</v>
      </c>
      <c r="B72906" s="1" t="s">
        <v>243722</v>
      </c>
      <c r="C72906" s="1" t="s">
        <v>45</v>
      </c>
      <c r="D72906" s="1" t="s">
        <v>27421</v>
      </c>
      <c r="E72906" s="1" t="s">
        <v>243960</v>
      </c>
      <c r="F72906" s="1" t="s">
        <v>243961</v>
      </c>
      <c r="G72906" s="1" t="s">
        <v>243938</v>
      </c>
      <c r="H72906" s="1" t="s">
        <v>243939</v>
      </c>
      <c r="I72906" s="1" t="s">
        <v>243727</v>
      </c>
      <c r="J72906" s="1" t="s">
        <v>243962</v>
      </c>
    </row>
    <row r="72907" spans="1:10" x14ac:dyDescent="0.35">
      <c r="A72907" s="1" t="s">
        <v>202116</v>
      </c>
      <c r="B72907" s="1" t="s">
        <v>243722</v>
      </c>
      <c r="C72907" s="1" t="s">
        <v>50</v>
      </c>
      <c r="D72907" s="1" t="s">
        <v>9995</v>
      </c>
      <c r="E72907" s="1" t="s">
        <v>243963</v>
      </c>
      <c r="F72907" s="1" t="s">
        <v>243964</v>
      </c>
      <c r="G72907" s="1" t="s">
        <v>243938</v>
      </c>
      <c r="H72907" s="1" t="s">
        <v>243939</v>
      </c>
      <c r="I72907" s="1" t="s">
        <v>243727</v>
      </c>
      <c r="J72907" s="1" t="s">
        <v>243965</v>
      </c>
    </row>
    <row r="72908" spans="1:10" x14ac:dyDescent="0.35">
      <c r="A72908" s="1" t="s">
        <v>202116</v>
      </c>
      <c r="B72908" s="1" t="s">
        <v>243722</v>
      </c>
      <c r="C72908" s="1" t="s">
        <v>55</v>
      </c>
      <c r="D72908" s="1" t="s">
        <v>28998</v>
      </c>
      <c r="E72908" s="1" t="s">
        <v>243966</v>
      </c>
      <c r="F72908" s="1" t="s">
        <v>243967</v>
      </c>
      <c r="G72908" s="1" t="s">
        <v>243938</v>
      </c>
      <c r="H72908" s="1" t="s">
        <v>243939</v>
      </c>
      <c r="I72908" s="1" t="s">
        <v>243727</v>
      </c>
      <c r="J72908" s="1" t="s">
        <v>146682</v>
      </c>
    </row>
    <row r="72909" spans="1:10" x14ac:dyDescent="0.35">
      <c r="A72909" s="1" t="s">
        <v>202116</v>
      </c>
      <c r="B72909" s="1" t="s">
        <v>243722</v>
      </c>
      <c r="C72909" s="1" t="s">
        <v>60</v>
      </c>
      <c r="D72909" s="1" t="s">
        <v>167839</v>
      </c>
      <c r="E72909" s="1" t="s">
        <v>243968</v>
      </c>
      <c r="F72909" s="1" t="s">
        <v>243969</v>
      </c>
      <c r="G72909" s="1" t="s">
        <v>243938</v>
      </c>
      <c r="H72909" s="1" t="s">
        <v>243939</v>
      </c>
      <c r="I72909" s="1" t="s">
        <v>243727</v>
      </c>
      <c r="J72909" s="1" t="s">
        <v>243970</v>
      </c>
    </row>
    <row r="72910" spans="1:10" x14ac:dyDescent="0.35">
      <c r="A72910" s="1" t="s">
        <v>202116</v>
      </c>
      <c r="B72910" s="1" t="s">
        <v>243722</v>
      </c>
      <c r="C72910" s="1" t="s">
        <v>65</v>
      </c>
      <c r="D72910" s="1" t="s">
        <v>45259</v>
      </c>
      <c r="E72910" s="1" t="s">
        <v>243971</v>
      </c>
      <c r="F72910" s="1" t="s">
        <v>243972</v>
      </c>
      <c r="G72910" s="1" t="s">
        <v>243938</v>
      </c>
      <c r="H72910" s="1" t="s">
        <v>243939</v>
      </c>
      <c r="I72910" s="1" t="s">
        <v>243727</v>
      </c>
      <c r="J72910" s="1" t="s">
        <v>243973</v>
      </c>
    </row>
    <row r="72911" spans="1:10" x14ac:dyDescent="0.35">
      <c r="A72911" s="1" t="s">
        <v>202116</v>
      </c>
      <c r="B72911" s="1" t="s">
        <v>243722</v>
      </c>
      <c r="C72911" s="1" t="s">
        <v>70</v>
      </c>
      <c r="D72911" s="1" t="s">
        <v>111600</v>
      </c>
      <c r="E72911" s="1" t="s">
        <v>243974</v>
      </c>
      <c r="F72911" s="1" t="s">
        <v>243975</v>
      </c>
      <c r="G72911" s="1" t="s">
        <v>243938</v>
      </c>
      <c r="H72911" s="1" t="s">
        <v>243939</v>
      </c>
      <c r="I72911" s="1" t="s">
        <v>243727</v>
      </c>
      <c r="J72911" s="1" t="s">
        <v>243976</v>
      </c>
    </row>
    <row r="72912" spans="1:10" x14ac:dyDescent="0.35">
      <c r="A72912" s="1" t="s">
        <v>202116</v>
      </c>
      <c r="B72912" s="1" t="s">
        <v>243722</v>
      </c>
      <c r="C72912" s="1" t="s">
        <v>75</v>
      </c>
      <c r="D72912" s="1" t="s">
        <v>25243</v>
      </c>
      <c r="E72912" s="1" t="s">
        <v>243977</v>
      </c>
      <c r="F72912" s="1" t="s">
        <v>243978</v>
      </c>
      <c r="G72912" s="1" t="s">
        <v>243938</v>
      </c>
      <c r="H72912" s="1" t="s">
        <v>243939</v>
      </c>
      <c r="I72912" s="1" t="s">
        <v>243727</v>
      </c>
      <c r="J72912" s="1" t="s">
        <v>243979</v>
      </c>
    </row>
    <row r="72913" spans="1:10" x14ac:dyDescent="0.35">
      <c r="A72913" s="1" t="s">
        <v>202116</v>
      </c>
      <c r="B72913" s="1" t="s">
        <v>243722</v>
      </c>
      <c r="C72913" s="1" t="s">
        <v>80</v>
      </c>
      <c r="D72913" s="1" t="s">
        <v>122038</v>
      </c>
      <c r="E72913" s="1" t="s">
        <v>243980</v>
      </c>
      <c r="F72913" s="1" t="s">
        <v>243981</v>
      </c>
      <c r="G72913" s="1" t="s">
        <v>243938</v>
      </c>
      <c r="H72913" s="1" t="s">
        <v>243939</v>
      </c>
      <c r="I72913" s="1" t="s">
        <v>243727</v>
      </c>
      <c r="J72913" s="1" t="s">
        <v>243982</v>
      </c>
    </row>
    <row r="72914" spans="1:10" x14ac:dyDescent="0.35">
      <c r="A72914" s="1" t="s">
        <v>202116</v>
      </c>
      <c r="B72914" s="1" t="s">
        <v>243722</v>
      </c>
      <c r="C72914" s="1" t="s">
        <v>85</v>
      </c>
      <c r="D72914" s="1" t="s">
        <v>44556</v>
      </c>
      <c r="E72914" s="1" t="s">
        <v>243983</v>
      </c>
      <c r="F72914" s="1" t="s">
        <v>243984</v>
      </c>
      <c r="G72914" s="1" t="s">
        <v>243938</v>
      </c>
      <c r="H72914" s="1" t="s">
        <v>243939</v>
      </c>
      <c r="I72914" s="1" t="s">
        <v>243727</v>
      </c>
      <c r="J72914" s="1" t="s">
        <v>243985</v>
      </c>
    </row>
    <row r="72915" spans="1:10" x14ac:dyDescent="0.35">
      <c r="A72915" s="1" t="s">
        <v>202116</v>
      </c>
      <c r="B72915" s="1" t="s">
        <v>243722</v>
      </c>
      <c r="C72915" s="1" t="s">
        <v>90</v>
      </c>
      <c r="D72915" s="1" t="s">
        <v>243851</v>
      </c>
      <c r="E72915" s="1" t="s">
        <v>243986</v>
      </c>
      <c r="F72915" s="1" t="s">
        <v>243987</v>
      </c>
      <c r="G72915" s="1" t="s">
        <v>243938</v>
      </c>
      <c r="H72915" s="1" t="s">
        <v>243939</v>
      </c>
      <c r="I72915" s="1" t="s">
        <v>243727</v>
      </c>
      <c r="J72915" s="1" t="s">
        <v>243988</v>
      </c>
    </row>
    <row r="72916" spans="1:10" x14ac:dyDescent="0.35">
      <c r="A72916" s="1" t="s">
        <v>202116</v>
      </c>
      <c r="B72916" s="1" t="s">
        <v>243722</v>
      </c>
      <c r="C72916" s="1" t="s">
        <v>95</v>
      </c>
      <c r="D72916" s="1" t="s">
        <v>29015</v>
      </c>
      <c r="E72916" s="1" t="s">
        <v>243989</v>
      </c>
      <c r="F72916" s="1" t="s">
        <v>243990</v>
      </c>
      <c r="G72916" s="1" t="s">
        <v>243938</v>
      </c>
      <c r="H72916" s="1" t="s">
        <v>243939</v>
      </c>
      <c r="I72916" s="1" t="s">
        <v>243727</v>
      </c>
      <c r="J72916" s="1" t="s">
        <v>243991</v>
      </c>
    </row>
    <row r="72917" spans="1:10" x14ac:dyDescent="0.35">
      <c r="A72917" s="1" t="s">
        <v>202116</v>
      </c>
      <c r="B72917" s="1" t="s">
        <v>243722</v>
      </c>
      <c r="C72917" s="1" t="s">
        <v>100</v>
      </c>
      <c r="D72917" s="1" t="s">
        <v>7602</v>
      </c>
      <c r="E72917" s="1" t="s">
        <v>243992</v>
      </c>
      <c r="F72917" s="1" t="s">
        <v>243993</v>
      </c>
      <c r="G72917" s="1" t="s">
        <v>243938</v>
      </c>
      <c r="H72917" s="1" t="s">
        <v>243939</v>
      </c>
      <c r="I72917" s="1" t="s">
        <v>243727</v>
      </c>
      <c r="J72917" s="1" t="s">
        <v>243994</v>
      </c>
    </row>
    <row r="72918" spans="1:10" x14ac:dyDescent="0.35">
      <c r="A72918" s="1" t="s">
        <v>202116</v>
      </c>
      <c r="B72918" s="1" t="s">
        <v>243722</v>
      </c>
      <c r="C72918" s="1" t="s">
        <v>105</v>
      </c>
      <c r="D72918" s="1" t="s">
        <v>28929</v>
      </c>
      <c r="E72918" s="1" t="s">
        <v>243995</v>
      </c>
      <c r="F72918" s="1" t="s">
        <v>243996</v>
      </c>
      <c r="G72918" s="1" t="s">
        <v>243938</v>
      </c>
      <c r="H72918" s="1" t="s">
        <v>243939</v>
      </c>
      <c r="I72918" s="1" t="s">
        <v>243727</v>
      </c>
      <c r="J72918" s="1" t="s">
        <v>243997</v>
      </c>
    </row>
    <row r="72919" spans="1:10" x14ac:dyDescent="0.35">
      <c r="A72919" s="1" t="s">
        <v>202116</v>
      </c>
      <c r="B72919" s="1" t="s">
        <v>243722</v>
      </c>
      <c r="C72919" s="1" t="s">
        <v>110</v>
      </c>
      <c r="D72919" s="1" t="s">
        <v>243835</v>
      </c>
      <c r="E72919" s="1" t="s">
        <v>243998</v>
      </c>
      <c r="F72919" s="1" t="s">
        <v>243999</v>
      </c>
      <c r="G72919" s="1" t="s">
        <v>243938</v>
      </c>
      <c r="H72919" s="1" t="s">
        <v>243939</v>
      </c>
      <c r="I72919" s="1" t="s">
        <v>243727</v>
      </c>
      <c r="J72919" s="1" t="s">
        <v>244000</v>
      </c>
    </row>
    <row r="72920" spans="1:10" x14ac:dyDescent="0.35">
      <c r="A72920" s="1" t="s">
        <v>202116</v>
      </c>
      <c r="B72920" s="1" t="s">
        <v>243722</v>
      </c>
      <c r="C72920" s="1" t="s">
        <v>115</v>
      </c>
      <c r="D72920" s="1" t="s">
        <v>156531</v>
      </c>
      <c r="E72920" s="1" t="s">
        <v>244001</v>
      </c>
      <c r="F72920" s="1" t="s">
        <v>244002</v>
      </c>
      <c r="G72920" s="1" t="s">
        <v>243938</v>
      </c>
      <c r="H72920" s="1" t="s">
        <v>243939</v>
      </c>
      <c r="I72920" s="1" t="s">
        <v>243727</v>
      </c>
      <c r="J72920" s="1" t="s">
        <v>244003</v>
      </c>
    </row>
    <row r="72921" spans="1:10" x14ac:dyDescent="0.35">
      <c r="A72921" s="1" t="s">
        <v>202116</v>
      </c>
      <c r="B72921" s="1" t="s">
        <v>243722</v>
      </c>
      <c r="C72921" s="1" t="s">
        <v>120</v>
      </c>
      <c r="D72921" s="1" t="s">
        <v>71032</v>
      </c>
      <c r="E72921" s="1" t="s">
        <v>244004</v>
      </c>
      <c r="F72921" s="1" t="s">
        <v>244005</v>
      </c>
      <c r="G72921" s="1" t="s">
        <v>243938</v>
      </c>
      <c r="H72921" s="1" t="s">
        <v>243939</v>
      </c>
      <c r="I72921" s="1" t="s">
        <v>243727</v>
      </c>
      <c r="J72921" s="1" t="s">
        <v>244006</v>
      </c>
    </row>
    <row r="72922" spans="1:10" x14ac:dyDescent="0.35">
      <c r="A72922" s="1" t="s">
        <v>202116</v>
      </c>
      <c r="B72922" s="1" t="s">
        <v>243722</v>
      </c>
      <c r="C72922" s="1" t="s">
        <v>125</v>
      </c>
      <c r="D72922" s="1" t="s">
        <v>204604</v>
      </c>
      <c r="E72922" s="1" t="s">
        <v>244007</v>
      </c>
      <c r="F72922" s="1" t="s">
        <v>244008</v>
      </c>
      <c r="G72922" s="1" t="s">
        <v>243938</v>
      </c>
      <c r="H72922" s="1" t="s">
        <v>243939</v>
      </c>
      <c r="I72922" s="1" t="s">
        <v>243727</v>
      </c>
      <c r="J72922" s="1" t="s">
        <v>244009</v>
      </c>
    </row>
    <row r="72923" spans="1:10" x14ac:dyDescent="0.35">
      <c r="A72923" s="1" t="s">
        <v>202116</v>
      </c>
      <c r="B72923" s="1" t="s">
        <v>243722</v>
      </c>
      <c r="C72923" s="1" t="s">
        <v>130</v>
      </c>
      <c r="D72923" s="1" t="s">
        <v>210</v>
      </c>
      <c r="E72923" s="1" t="s">
        <v>244010</v>
      </c>
      <c r="F72923" s="1" t="s">
        <v>244011</v>
      </c>
      <c r="G72923" s="1" t="s">
        <v>243938</v>
      </c>
      <c r="H72923" s="1" t="s">
        <v>243939</v>
      </c>
      <c r="I72923" s="1" t="s">
        <v>243727</v>
      </c>
      <c r="J72923" s="1" t="s">
        <v>244012</v>
      </c>
    </row>
    <row r="72924" spans="1:10" x14ac:dyDescent="0.35">
      <c r="A72924" s="1" t="s">
        <v>202116</v>
      </c>
      <c r="B72924" s="1" t="s">
        <v>243722</v>
      </c>
      <c r="C72924" s="1" t="s">
        <v>135</v>
      </c>
      <c r="D72924" s="1" t="s">
        <v>12988</v>
      </c>
      <c r="E72924" s="1" t="s">
        <v>244013</v>
      </c>
      <c r="F72924" s="1" t="s">
        <v>244014</v>
      </c>
      <c r="G72924" s="1" t="s">
        <v>243938</v>
      </c>
      <c r="H72924" s="1" t="s">
        <v>243939</v>
      </c>
      <c r="I72924" s="1" t="s">
        <v>243727</v>
      </c>
      <c r="J72924" s="1" t="s">
        <v>244015</v>
      </c>
    </row>
    <row r="72925" spans="1:10" x14ac:dyDescent="0.35">
      <c r="A72925" s="1" t="s">
        <v>202116</v>
      </c>
      <c r="B72925" s="1" t="s">
        <v>243722</v>
      </c>
      <c r="C72925" s="1" t="s">
        <v>140</v>
      </c>
      <c r="D72925" s="1" t="s">
        <v>244016</v>
      </c>
      <c r="E72925" s="1" t="s">
        <v>244017</v>
      </c>
      <c r="F72925" s="1" t="s">
        <v>244018</v>
      </c>
      <c r="G72925" s="1" t="s">
        <v>243938</v>
      </c>
      <c r="H72925" s="1" t="s">
        <v>243939</v>
      </c>
      <c r="I72925" s="1" t="s">
        <v>243727</v>
      </c>
      <c r="J72925" s="1" t="s">
        <v>244019</v>
      </c>
    </row>
    <row r="72926" spans="1:10" x14ac:dyDescent="0.35">
      <c r="A72926" s="1" t="s">
        <v>202116</v>
      </c>
      <c r="B72926" s="1" t="s">
        <v>243722</v>
      </c>
      <c r="C72926" s="1" t="s">
        <v>145</v>
      </c>
      <c r="D72926" s="1" t="s">
        <v>111101</v>
      </c>
      <c r="E72926" s="1" t="s">
        <v>244020</v>
      </c>
      <c r="F72926" s="1" t="s">
        <v>244021</v>
      </c>
      <c r="G72926" s="1" t="s">
        <v>243938</v>
      </c>
      <c r="H72926" s="1" t="s">
        <v>243939</v>
      </c>
      <c r="I72926" s="1" t="s">
        <v>243727</v>
      </c>
      <c r="J72926" s="1" t="s">
        <v>244022</v>
      </c>
    </row>
    <row r="72927" spans="1:10" x14ac:dyDescent="0.35">
      <c r="A72927" s="1" t="s">
        <v>202116</v>
      </c>
      <c r="B72927" s="1" t="s">
        <v>243722</v>
      </c>
      <c r="C72927" s="1" t="s">
        <v>150</v>
      </c>
      <c r="D72927" s="1" t="s">
        <v>43897</v>
      </c>
      <c r="E72927" s="1" t="s">
        <v>244023</v>
      </c>
      <c r="F72927" s="1" t="s">
        <v>244024</v>
      </c>
      <c r="G72927" s="1" t="s">
        <v>243938</v>
      </c>
      <c r="H72927" s="1" t="s">
        <v>243939</v>
      </c>
      <c r="I72927" s="1" t="s">
        <v>243727</v>
      </c>
      <c r="J72927" s="1" t="s">
        <v>244025</v>
      </c>
    </row>
    <row r="72928" spans="1:10" x14ac:dyDescent="0.35">
      <c r="A72928" s="1" t="s">
        <v>202116</v>
      </c>
      <c r="B72928" s="1" t="s">
        <v>243722</v>
      </c>
      <c r="C72928" s="1" t="s">
        <v>155</v>
      </c>
      <c r="D72928" s="1" t="s">
        <v>36181</v>
      </c>
      <c r="E72928" s="1" t="s">
        <v>244026</v>
      </c>
      <c r="F72928" s="1" t="s">
        <v>244027</v>
      </c>
      <c r="G72928" s="1" t="s">
        <v>243938</v>
      </c>
      <c r="H72928" s="1" t="s">
        <v>243939</v>
      </c>
      <c r="I72928" s="1" t="s">
        <v>243727</v>
      </c>
      <c r="J72928" s="1" t="s">
        <v>244028</v>
      </c>
    </row>
    <row r="72929" spans="1:10" x14ac:dyDescent="0.35">
      <c r="A72929" s="1" t="s">
        <v>202116</v>
      </c>
      <c r="B72929" s="1" t="s">
        <v>243722</v>
      </c>
      <c r="C72929" s="1" t="s">
        <v>160</v>
      </c>
      <c r="D72929" s="1" t="s">
        <v>72766</v>
      </c>
      <c r="E72929" s="1" t="s">
        <v>244029</v>
      </c>
      <c r="F72929" s="1" t="s">
        <v>244030</v>
      </c>
      <c r="G72929" s="1" t="s">
        <v>243938</v>
      </c>
      <c r="H72929" s="1" t="s">
        <v>243939</v>
      </c>
      <c r="I72929" s="1" t="s">
        <v>243727</v>
      </c>
      <c r="J72929" s="1" t="s">
        <v>244031</v>
      </c>
    </row>
    <row r="72930" spans="1:10" x14ac:dyDescent="0.35">
      <c r="A72930" s="1" t="s">
        <v>202116</v>
      </c>
      <c r="B72930" s="1" t="s">
        <v>243722</v>
      </c>
      <c r="C72930" s="1" t="s">
        <v>165</v>
      </c>
      <c r="D72930" s="1" t="s">
        <v>104839</v>
      </c>
      <c r="E72930" s="1" t="s">
        <v>244032</v>
      </c>
      <c r="F72930" s="1" t="s">
        <v>244033</v>
      </c>
      <c r="G72930" s="1" t="s">
        <v>243938</v>
      </c>
      <c r="H72930" s="1" t="s">
        <v>243939</v>
      </c>
      <c r="I72930" s="1" t="s">
        <v>243727</v>
      </c>
      <c r="J72930" s="1" t="s">
        <v>244034</v>
      </c>
    </row>
    <row r="72931" spans="1:10" x14ac:dyDescent="0.35">
      <c r="A72931" s="1" t="s">
        <v>202116</v>
      </c>
      <c r="B72931" s="1" t="s">
        <v>243722</v>
      </c>
      <c r="C72931" s="1" t="s">
        <v>170</v>
      </c>
      <c r="D72931" s="1" t="s">
        <v>70773</v>
      </c>
      <c r="E72931" s="1" t="s">
        <v>244035</v>
      </c>
      <c r="F72931" s="1" t="s">
        <v>244036</v>
      </c>
      <c r="G72931" s="1" t="s">
        <v>243938</v>
      </c>
      <c r="H72931" s="1" t="s">
        <v>243939</v>
      </c>
      <c r="I72931" s="1" t="s">
        <v>243727</v>
      </c>
      <c r="J72931" s="1" t="s">
        <v>244037</v>
      </c>
    </row>
    <row r="72932" spans="1:10" x14ac:dyDescent="0.35">
      <c r="A72932" s="1" t="s">
        <v>9930</v>
      </c>
      <c r="B72932" s="1" t="s">
        <v>243722</v>
      </c>
      <c r="C72932" s="1" t="s">
        <v>8</v>
      </c>
      <c r="D72932" s="1" t="s">
        <v>146087</v>
      </c>
      <c r="E72932" s="1" t="s">
        <v>244038</v>
      </c>
      <c r="F72932" s="1" t="s">
        <v>244039</v>
      </c>
      <c r="G72932" s="1" t="s">
        <v>244040</v>
      </c>
      <c r="H72932" s="1" t="s">
        <v>244041</v>
      </c>
      <c r="I72932" s="1" t="s">
        <v>243727</v>
      </c>
      <c r="J72932" s="1" t="s">
        <v>13</v>
      </c>
    </row>
    <row r="72933" spans="1:10" x14ac:dyDescent="0.35">
      <c r="A72933" s="1" t="s">
        <v>9930</v>
      </c>
      <c r="B72933" s="1" t="s">
        <v>243722</v>
      </c>
      <c r="C72933" s="1" t="s">
        <v>15</v>
      </c>
      <c r="D72933" s="1" t="s">
        <v>145643</v>
      </c>
      <c r="E72933" s="1" t="s">
        <v>244042</v>
      </c>
      <c r="F72933" s="1" t="s">
        <v>244043</v>
      </c>
      <c r="G72933" s="1" t="s">
        <v>244040</v>
      </c>
      <c r="H72933" s="1" t="s">
        <v>244041</v>
      </c>
      <c r="I72933" s="1" t="s">
        <v>243727</v>
      </c>
      <c r="J72933" s="1" t="s">
        <v>244044</v>
      </c>
    </row>
    <row r="72934" spans="1:10" x14ac:dyDescent="0.35">
      <c r="A72934" s="1" t="s">
        <v>9930</v>
      </c>
      <c r="B72934" s="1" t="s">
        <v>243722</v>
      </c>
      <c r="C72934" s="1" t="s">
        <v>20</v>
      </c>
      <c r="D72934" s="1" t="s">
        <v>187237</v>
      </c>
      <c r="E72934" s="1" t="s">
        <v>244045</v>
      </c>
      <c r="F72934" s="1" t="s">
        <v>244046</v>
      </c>
      <c r="G72934" s="1" t="s">
        <v>244040</v>
      </c>
      <c r="H72934" s="1" t="s">
        <v>244041</v>
      </c>
      <c r="I72934" s="1" t="s">
        <v>243727</v>
      </c>
      <c r="J72934" s="1" t="s">
        <v>244047</v>
      </c>
    </row>
    <row r="72935" spans="1:10" x14ac:dyDescent="0.35">
      <c r="A72935" s="1" t="s">
        <v>9930</v>
      </c>
      <c r="B72935" s="1" t="s">
        <v>243722</v>
      </c>
      <c r="C72935" s="1" t="s">
        <v>25</v>
      </c>
      <c r="D72935" s="1" t="s">
        <v>177825</v>
      </c>
      <c r="E72935" s="1" t="s">
        <v>244048</v>
      </c>
      <c r="F72935" s="1" t="s">
        <v>244049</v>
      </c>
      <c r="G72935" s="1" t="s">
        <v>244040</v>
      </c>
      <c r="H72935" s="1" t="s">
        <v>244041</v>
      </c>
      <c r="I72935" s="1" t="s">
        <v>243727</v>
      </c>
      <c r="J72935" s="1" t="s">
        <v>244050</v>
      </c>
    </row>
    <row r="72936" spans="1:10" x14ac:dyDescent="0.35">
      <c r="A72936" s="1" t="s">
        <v>9930</v>
      </c>
      <c r="B72936" s="1" t="s">
        <v>243722</v>
      </c>
      <c r="C72936" s="1" t="s">
        <v>30</v>
      </c>
      <c r="D72936" s="1" t="s">
        <v>5491</v>
      </c>
      <c r="E72936" s="1" t="s">
        <v>244051</v>
      </c>
      <c r="F72936" s="1" t="s">
        <v>244052</v>
      </c>
      <c r="G72936" s="1" t="s">
        <v>244040</v>
      </c>
      <c r="H72936" s="1" t="s">
        <v>244041</v>
      </c>
      <c r="I72936" s="1" t="s">
        <v>243727</v>
      </c>
      <c r="J72936" s="1" t="s">
        <v>244053</v>
      </c>
    </row>
    <row r="72937" spans="1:10" x14ac:dyDescent="0.35">
      <c r="A72937" s="1" t="s">
        <v>9930</v>
      </c>
      <c r="B72937" s="1" t="s">
        <v>243722</v>
      </c>
      <c r="C72937" s="1" t="s">
        <v>35</v>
      </c>
      <c r="D72937" s="1" t="s">
        <v>51492</v>
      </c>
      <c r="E72937" s="1" t="s">
        <v>244054</v>
      </c>
      <c r="F72937" s="1" t="s">
        <v>244055</v>
      </c>
      <c r="G72937" s="1" t="s">
        <v>244040</v>
      </c>
      <c r="H72937" s="1" t="s">
        <v>244041</v>
      </c>
      <c r="I72937" s="1" t="s">
        <v>243727</v>
      </c>
      <c r="J72937" s="1" t="s">
        <v>244056</v>
      </c>
    </row>
    <row r="72938" spans="1:10" x14ac:dyDescent="0.35">
      <c r="A72938" s="1" t="s">
        <v>9930</v>
      </c>
      <c r="B72938" s="1" t="s">
        <v>243722</v>
      </c>
      <c r="C72938" s="1" t="s">
        <v>40</v>
      </c>
      <c r="D72938" s="1" t="s">
        <v>9316</v>
      </c>
      <c r="E72938" s="1" t="s">
        <v>244057</v>
      </c>
      <c r="F72938" s="1" t="s">
        <v>244058</v>
      </c>
      <c r="G72938" s="1" t="s">
        <v>244040</v>
      </c>
      <c r="H72938" s="1" t="s">
        <v>244041</v>
      </c>
      <c r="I72938" s="1" t="s">
        <v>243727</v>
      </c>
      <c r="J72938" s="1" t="s">
        <v>244059</v>
      </c>
    </row>
    <row r="72939" spans="1:10" x14ac:dyDescent="0.35">
      <c r="A72939" s="1" t="s">
        <v>9930</v>
      </c>
      <c r="B72939" s="1" t="s">
        <v>243722</v>
      </c>
      <c r="C72939" s="1" t="s">
        <v>45</v>
      </c>
      <c r="D72939" s="1" t="s">
        <v>29263</v>
      </c>
      <c r="E72939" s="1" t="s">
        <v>244060</v>
      </c>
      <c r="F72939" s="1" t="s">
        <v>244061</v>
      </c>
      <c r="G72939" s="1" t="s">
        <v>244040</v>
      </c>
      <c r="H72939" s="1" t="s">
        <v>244041</v>
      </c>
      <c r="I72939" s="1" t="s">
        <v>243727</v>
      </c>
      <c r="J72939" s="1" t="s">
        <v>244062</v>
      </c>
    </row>
    <row r="72940" spans="1:10" x14ac:dyDescent="0.35">
      <c r="A72940" s="1" t="s">
        <v>9930</v>
      </c>
      <c r="B72940" s="1" t="s">
        <v>243722</v>
      </c>
      <c r="C72940" s="1" t="s">
        <v>50</v>
      </c>
      <c r="D72940" s="1" t="s">
        <v>30106</v>
      </c>
      <c r="E72940" s="1" t="s">
        <v>244063</v>
      </c>
      <c r="F72940" s="1" t="s">
        <v>244064</v>
      </c>
      <c r="G72940" s="1" t="s">
        <v>244040</v>
      </c>
      <c r="H72940" s="1" t="s">
        <v>244041</v>
      </c>
      <c r="I72940" s="1" t="s">
        <v>243727</v>
      </c>
      <c r="J72940" s="1" t="s">
        <v>244065</v>
      </c>
    </row>
    <row r="72941" spans="1:10" x14ac:dyDescent="0.35">
      <c r="A72941" s="1" t="s">
        <v>9930</v>
      </c>
      <c r="B72941" s="1" t="s">
        <v>243722</v>
      </c>
      <c r="C72941" s="1" t="s">
        <v>55</v>
      </c>
      <c r="D72941" s="1" t="s">
        <v>4365</v>
      </c>
      <c r="E72941" s="1" t="s">
        <v>244066</v>
      </c>
      <c r="F72941" s="1" t="s">
        <v>244067</v>
      </c>
      <c r="G72941" s="1" t="s">
        <v>244040</v>
      </c>
      <c r="H72941" s="1" t="s">
        <v>244041</v>
      </c>
      <c r="I72941" s="1" t="s">
        <v>243727</v>
      </c>
      <c r="J72941" s="1" t="s">
        <v>244068</v>
      </c>
    </row>
    <row r="72942" spans="1:10" x14ac:dyDescent="0.35">
      <c r="A72942" s="1" t="s">
        <v>9930</v>
      </c>
      <c r="B72942" s="1" t="s">
        <v>243722</v>
      </c>
      <c r="C72942" s="1" t="s">
        <v>60</v>
      </c>
      <c r="D72942" s="1" t="s">
        <v>145989</v>
      </c>
      <c r="E72942" s="1" t="s">
        <v>244069</v>
      </c>
      <c r="F72942" s="1" t="s">
        <v>244070</v>
      </c>
      <c r="G72942" s="1" t="s">
        <v>244040</v>
      </c>
      <c r="H72942" s="1" t="s">
        <v>244041</v>
      </c>
      <c r="I72942" s="1" t="s">
        <v>243727</v>
      </c>
      <c r="J72942" s="1" t="s">
        <v>244071</v>
      </c>
    </row>
    <row r="72943" spans="1:10" x14ac:dyDescent="0.35">
      <c r="A72943" s="1" t="s">
        <v>9930</v>
      </c>
      <c r="B72943" s="1" t="s">
        <v>243722</v>
      </c>
      <c r="C72943" s="1" t="s">
        <v>65</v>
      </c>
      <c r="D72943" s="1" t="s">
        <v>139997</v>
      </c>
      <c r="E72943" s="1" t="s">
        <v>244072</v>
      </c>
      <c r="F72943" s="1" t="s">
        <v>244073</v>
      </c>
      <c r="G72943" s="1" t="s">
        <v>244040</v>
      </c>
      <c r="H72943" s="1" t="s">
        <v>244041</v>
      </c>
      <c r="I72943" s="1" t="s">
        <v>243727</v>
      </c>
      <c r="J72943" s="1" t="s">
        <v>244074</v>
      </c>
    </row>
    <row r="72944" spans="1:10" x14ac:dyDescent="0.35">
      <c r="A72944" s="1" t="s">
        <v>9930</v>
      </c>
      <c r="B72944" s="1" t="s">
        <v>243722</v>
      </c>
      <c r="C72944" s="1" t="s">
        <v>70</v>
      </c>
      <c r="D72944" s="1" t="s">
        <v>52062</v>
      </c>
      <c r="E72944" s="1" t="s">
        <v>244075</v>
      </c>
      <c r="F72944" s="1" t="s">
        <v>244076</v>
      </c>
      <c r="G72944" s="1" t="s">
        <v>244040</v>
      </c>
      <c r="H72944" s="1" t="s">
        <v>244041</v>
      </c>
      <c r="I72944" s="1" t="s">
        <v>243727</v>
      </c>
      <c r="J72944" s="1" t="s">
        <v>244077</v>
      </c>
    </row>
    <row r="72945" spans="1:10" x14ac:dyDescent="0.35">
      <c r="A72945" s="1" t="s">
        <v>9930</v>
      </c>
      <c r="B72945" s="1" t="s">
        <v>243722</v>
      </c>
      <c r="C72945" s="1" t="s">
        <v>75</v>
      </c>
      <c r="D72945" s="1" t="s">
        <v>29301</v>
      </c>
      <c r="E72945" s="1" t="s">
        <v>244078</v>
      </c>
      <c r="F72945" s="1" t="s">
        <v>244079</v>
      </c>
      <c r="G72945" s="1" t="s">
        <v>244040</v>
      </c>
      <c r="H72945" s="1" t="s">
        <v>244041</v>
      </c>
      <c r="I72945" s="1" t="s">
        <v>243727</v>
      </c>
      <c r="J72945" s="1" t="s">
        <v>244080</v>
      </c>
    </row>
    <row r="72946" spans="1:10" x14ac:dyDescent="0.35">
      <c r="A72946" s="1" t="s">
        <v>9930</v>
      </c>
      <c r="B72946" s="1" t="s">
        <v>243722</v>
      </c>
      <c r="C72946" s="1" t="s">
        <v>80</v>
      </c>
      <c r="D72946" s="1" t="s">
        <v>14995</v>
      </c>
      <c r="E72946" s="1" t="s">
        <v>244081</v>
      </c>
      <c r="F72946" s="1" t="s">
        <v>244082</v>
      </c>
      <c r="G72946" s="1" t="s">
        <v>244040</v>
      </c>
      <c r="H72946" s="1" t="s">
        <v>244041</v>
      </c>
      <c r="I72946" s="1" t="s">
        <v>243727</v>
      </c>
      <c r="J72946" s="1" t="s">
        <v>244083</v>
      </c>
    </row>
    <row r="72947" spans="1:10" x14ac:dyDescent="0.35">
      <c r="A72947" s="1" t="s">
        <v>9930</v>
      </c>
      <c r="B72947" s="1" t="s">
        <v>243722</v>
      </c>
      <c r="C72947" s="1" t="s">
        <v>85</v>
      </c>
      <c r="D72947" s="1" t="s">
        <v>30016</v>
      </c>
      <c r="E72947" s="1" t="s">
        <v>244084</v>
      </c>
      <c r="F72947" s="1" t="s">
        <v>244085</v>
      </c>
      <c r="G72947" s="1" t="s">
        <v>244040</v>
      </c>
      <c r="H72947" s="1" t="s">
        <v>244041</v>
      </c>
      <c r="I72947" s="1" t="s">
        <v>243727</v>
      </c>
      <c r="J72947" s="1" t="s">
        <v>244086</v>
      </c>
    </row>
    <row r="72948" spans="1:10" x14ac:dyDescent="0.35">
      <c r="A72948" s="1" t="s">
        <v>9930</v>
      </c>
      <c r="B72948" s="1" t="s">
        <v>243722</v>
      </c>
      <c r="C72948" s="1" t="s">
        <v>90</v>
      </c>
      <c r="D72948" s="1" t="s">
        <v>3604</v>
      </c>
      <c r="E72948" s="1" t="s">
        <v>244087</v>
      </c>
      <c r="F72948" s="1" t="s">
        <v>244088</v>
      </c>
      <c r="G72948" s="1" t="s">
        <v>244040</v>
      </c>
      <c r="H72948" s="1" t="s">
        <v>244041</v>
      </c>
      <c r="I72948" s="1" t="s">
        <v>243727</v>
      </c>
      <c r="J72948" s="1" t="s">
        <v>244089</v>
      </c>
    </row>
    <row r="72949" spans="1:10" x14ac:dyDescent="0.35">
      <c r="A72949" s="1" t="s">
        <v>9930</v>
      </c>
      <c r="B72949" s="1" t="s">
        <v>243722</v>
      </c>
      <c r="C72949" s="1" t="s">
        <v>95</v>
      </c>
      <c r="D72949" s="1" t="s">
        <v>231128</v>
      </c>
      <c r="E72949" s="1" t="s">
        <v>244090</v>
      </c>
      <c r="F72949" s="1" t="s">
        <v>244091</v>
      </c>
      <c r="G72949" s="1" t="s">
        <v>244040</v>
      </c>
      <c r="H72949" s="1" t="s">
        <v>244041</v>
      </c>
      <c r="I72949" s="1" t="s">
        <v>243727</v>
      </c>
      <c r="J72949" s="1" t="s">
        <v>244092</v>
      </c>
    </row>
    <row r="72950" spans="1:10" x14ac:dyDescent="0.35">
      <c r="A72950" s="1" t="s">
        <v>9930</v>
      </c>
      <c r="B72950" s="1" t="s">
        <v>243722</v>
      </c>
      <c r="C72950" s="1" t="s">
        <v>100</v>
      </c>
      <c r="D72950" s="1" t="s">
        <v>4757</v>
      </c>
      <c r="E72950" s="1" t="s">
        <v>244093</v>
      </c>
      <c r="F72950" s="1" t="s">
        <v>244094</v>
      </c>
      <c r="G72950" s="1" t="s">
        <v>244040</v>
      </c>
      <c r="H72950" s="1" t="s">
        <v>244041</v>
      </c>
      <c r="I72950" s="1" t="s">
        <v>243727</v>
      </c>
      <c r="J72950" s="1" t="s">
        <v>244095</v>
      </c>
    </row>
    <row r="72951" spans="1:10" x14ac:dyDescent="0.35">
      <c r="A72951" s="1" t="s">
        <v>9930</v>
      </c>
      <c r="B72951" s="1" t="s">
        <v>243722</v>
      </c>
      <c r="C72951" s="1" t="s">
        <v>105</v>
      </c>
      <c r="D72951" s="1" t="s">
        <v>142692</v>
      </c>
      <c r="E72951" s="1" t="s">
        <v>244096</v>
      </c>
      <c r="F72951" s="1" t="s">
        <v>244097</v>
      </c>
      <c r="G72951" s="1" t="s">
        <v>244040</v>
      </c>
      <c r="H72951" s="1" t="s">
        <v>244041</v>
      </c>
      <c r="I72951" s="1" t="s">
        <v>243727</v>
      </c>
      <c r="J72951" s="1" t="s">
        <v>244098</v>
      </c>
    </row>
    <row r="72952" spans="1:10" x14ac:dyDescent="0.35">
      <c r="A72952" s="1" t="s">
        <v>9930</v>
      </c>
      <c r="B72952" s="1" t="s">
        <v>243722</v>
      </c>
      <c r="C72952" s="1" t="s">
        <v>110</v>
      </c>
      <c r="D72952" s="1" t="s">
        <v>14755</v>
      </c>
      <c r="E72952" s="1" t="s">
        <v>244099</v>
      </c>
      <c r="F72952" s="1" t="s">
        <v>244100</v>
      </c>
      <c r="G72952" s="1" t="s">
        <v>244040</v>
      </c>
      <c r="H72952" s="1" t="s">
        <v>244041</v>
      </c>
      <c r="I72952" s="1" t="s">
        <v>243727</v>
      </c>
      <c r="J72952" s="1" t="s">
        <v>244101</v>
      </c>
    </row>
    <row r="72953" spans="1:10" x14ac:dyDescent="0.35">
      <c r="A72953" s="1" t="s">
        <v>9930</v>
      </c>
      <c r="B72953" s="1" t="s">
        <v>243722</v>
      </c>
      <c r="C72953" s="1" t="s">
        <v>115</v>
      </c>
      <c r="D72953" s="1" t="s">
        <v>30037</v>
      </c>
      <c r="E72953" s="1" t="s">
        <v>244102</v>
      </c>
      <c r="F72953" s="1" t="s">
        <v>244103</v>
      </c>
      <c r="G72953" s="1" t="s">
        <v>244040</v>
      </c>
      <c r="H72953" s="1" t="s">
        <v>244041</v>
      </c>
      <c r="I72953" s="1" t="s">
        <v>243727</v>
      </c>
      <c r="J72953" s="1" t="s">
        <v>244104</v>
      </c>
    </row>
    <row r="72954" spans="1:10" x14ac:dyDescent="0.35">
      <c r="A72954" s="1" t="s">
        <v>9930</v>
      </c>
      <c r="B72954" s="1" t="s">
        <v>243722</v>
      </c>
      <c r="C72954" s="1" t="s">
        <v>120</v>
      </c>
      <c r="D72954" s="1" t="s">
        <v>104445</v>
      </c>
      <c r="E72954" s="1" t="s">
        <v>244105</v>
      </c>
      <c r="F72954" s="1" t="s">
        <v>244106</v>
      </c>
      <c r="G72954" s="1" t="s">
        <v>244040</v>
      </c>
      <c r="H72954" s="1" t="s">
        <v>244041</v>
      </c>
      <c r="I72954" s="1" t="s">
        <v>243727</v>
      </c>
      <c r="J72954" s="1" t="s">
        <v>244107</v>
      </c>
    </row>
    <row r="72955" spans="1:10" x14ac:dyDescent="0.35">
      <c r="A72955" s="1" t="s">
        <v>9930</v>
      </c>
      <c r="B72955" s="1" t="s">
        <v>243722</v>
      </c>
      <c r="C72955" s="1" t="s">
        <v>125</v>
      </c>
      <c r="D72955" s="1" t="s">
        <v>143568</v>
      </c>
      <c r="E72955" s="1" t="s">
        <v>244108</v>
      </c>
      <c r="F72955" s="1" t="s">
        <v>244109</v>
      </c>
      <c r="G72955" s="1" t="s">
        <v>244040</v>
      </c>
      <c r="H72955" s="1" t="s">
        <v>244041</v>
      </c>
      <c r="I72955" s="1" t="s">
        <v>243727</v>
      </c>
      <c r="J72955" s="1" t="s">
        <v>244110</v>
      </c>
    </row>
    <row r="72956" spans="1:10" x14ac:dyDescent="0.35">
      <c r="A72956" s="1" t="s">
        <v>9930</v>
      </c>
      <c r="B72956" s="1" t="s">
        <v>243722</v>
      </c>
      <c r="C72956" s="1" t="s">
        <v>130</v>
      </c>
      <c r="D72956" s="1" t="s">
        <v>156243</v>
      </c>
      <c r="E72956" s="1" t="s">
        <v>244111</v>
      </c>
      <c r="F72956" s="1" t="s">
        <v>244112</v>
      </c>
      <c r="G72956" s="1" t="s">
        <v>244040</v>
      </c>
      <c r="H72956" s="1" t="s">
        <v>244041</v>
      </c>
      <c r="I72956" s="1" t="s">
        <v>243727</v>
      </c>
      <c r="J72956" s="1" t="s">
        <v>244113</v>
      </c>
    </row>
    <row r="72957" spans="1:10" x14ac:dyDescent="0.35">
      <c r="A72957" s="1" t="s">
        <v>9930</v>
      </c>
      <c r="B72957" s="1" t="s">
        <v>243722</v>
      </c>
      <c r="C72957" s="1" t="s">
        <v>135</v>
      </c>
      <c r="D72957" s="1" t="s">
        <v>2596</v>
      </c>
      <c r="E72957" s="1" t="s">
        <v>89357</v>
      </c>
      <c r="F72957" s="1" t="s">
        <v>244114</v>
      </c>
      <c r="G72957" s="1" t="s">
        <v>244040</v>
      </c>
      <c r="H72957" s="1" t="s">
        <v>244041</v>
      </c>
      <c r="I72957" s="1" t="s">
        <v>243727</v>
      </c>
      <c r="J72957" s="1" t="s">
        <v>244115</v>
      </c>
    </row>
    <row r="72958" spans="1:10" x14ac:dyDescent="0.35">
      <c r="A72958" s="1" t="s">
        <v>9930</v>
      </c>
      <c r="B72958" s="1" t="s">
        <v>243722</v>
      </c>
      <c r="C72958" s="1" t="s">
        <v>140</v>
      </c>
      <c r="D72958" s="1" t="s">
        <v>52004</v>
      </c>
      <c r="E72958" s="1" t="s">
        <v>244116</v>
      </c>
      <c r="F72958" s="1" t="s">
        <v>244117</v>
      </c>
      <c r="G72958" s="1" t="s">
        <v>244040</v>
      </c>
      <c r="H72958" s="1" t="s">
        <v>244041</v>
      </c>
      <c r="I72958" s="1" t="s">
        <v>243727</v>
      </c>
      <c r="J72958" s="1" t="s">
        <v>244118</v>
      </c>
    </row>
    <row r="72959" spans="1:10" x14ac:dyDescent="0.35">
      <c r="A72959" s="1" t="s">
        <v>9930</v>
      </c>
      <c r="B72959" s="1" t="s">
        <v>243722</v>
      </c>
      <c r="C72959" s="1" t="s">
        <v>145</v>
      </c>
      <c r="D72959" s="1" t="s">
        <v>8967</v>
      </c>
      <c r="E72959" s="1" t="s">
        <v>244119</v>
      </c>
      <c r="F72959" s="1" t="s">
        <v>244120</v>
      </c>
      <c r="G72959" s="1" t="s">
        <v>244040</v>
      </c>
      <c r="H72959" s="1" t="s">
        <v>244041</v>
      </c>
      <c r="I72959" s="1" t="s">
        <v>243727</v>
      </c>
      <c r="J72959" s="1" t="s">
        <v>244121</v>
      </c>
    </row>
    <row r="72960" spans="1:10" x14ac:dyDescent="0.35">
      <c r="A72960" s="1" t="s">
        <v>9930</v>
      </c>
      <c r="B72960" s="1" t="s">
        <v>243722</v>
      </c>
      <c r="C72960" s="1" t="s">
        <v>150</v>
      </c>
      <c r="D72960" s="1" t="s">
        <v>244122</v>
      </c>
      <c r="E72960" s="1" t="s">
        <v>244123</v>
      </c>
      <c r="F72960" s="1" t="s">
        <v>244124</v>
      </c>
      <c r="G72960" s="1" t="s">
        <v>244040</v>
      </c>
      <c r="H72960" s="1" t="s">
        <v>244041</v>
      </c>
      <c r="I72960" s="1" t="s">
        <v>243727</v>
      </c>
      <c r="J72960" s="1" t="s">
        <v>244125</v>
      </c>
    </row>
    <row r="72961" spans="1:10" x14ac:dyDescent="0.35">
      <c r="A72961" s="1" t="s">
        <v>9930</v>
      </c>
      <c r="B72961" s="1" t="s">
        <v>243722</v>
      </c>
      <c r="C72961" s="1" t="s">
        <v>155</v>
      </c>
      <c r="D72961" s="1" t="s">
        <v>37550</v>
      </c>
      <c r="E72961" s="1" t="s">
        <v>244126</v>
      </c>
      <c r="F72961" s="1" t="s">
        <v>244127</v>
      </c>
      <c r="G72961" s="1" t="s">
        <v>244040</v>
      </c>
      <c r="H72961" s="1" t="s">
        <v>244041</v>
      </c>
      <c r="I72961" s="1" t="s">
        <v>243727</v>
      </c>
      <c r="J72961" s="1" t="s">
        <v>244128</v>
      </c>
    </row>
    <row r="72962" spans="1:10" x14ac:dyDescent="0.35">
      <c r="A72962" s="1" t="s">
        <v>9930</v>
      </c>
      <c r="B72962" s="1" t="s">
        <v>243722</v>
      </c>
      <c r="C72962" s="1" t="s">
        <v>160</v>
      </c>
      <c r="D72962" s="1" t="s">
        <v>364</v>
      </c>
      <c r="E72962" s="1" t="s">
        <v>244129</v>
      </c>
      <c r="F72962" s="1" t="s">
        <v>244130</v>
      </c>
      <c r="G72962" s="1" t="s">
        <v>244040</v>
      </c>
      <c r="H72962" s="1" t="s">
        <v>244041</v>
      </c>
      <c r="I72962" s="1" t="s">
        <v>243727</v>
      </c>
      <c r="J72962" s="1" t="s">
        <v>244131</v>
      </c>
    </row>
    <row r="72963" spans="1:10" x14ac:dyDescent="0.35">
      <c r="A72963" s="1" t="s">
        <v>9930</v>
      </c>
      <c r="B72963" s="1" t="s">
        <v>243722</v>
      </c>
      <c r="C72963" s="1" t="s">
        <v>165</v>
      </c>
      <c r="D72963" s="1" t="s">
        <v>189823</v>
      </c>
      <c r="E72963" s="1" t="s">
        <v>244132</v>
      </c>
      <c r="F72963" s="1" t="s">
        <v>244133</v>
      </c>
      <c r="G72963" s="1" t="s">
        <v>244040</v>
      </c>
      <c r="H72963" s="1" t="s">
        <v>244041</v>
      </c>
      <c r="I72963" s="1" t="s">
        <v>243727</v>
      </c>
      <c r="J72963" s="1" t="s">
        <v>244134</v>
      </c>
    </row>
    <row r="72964" spans="1:10" x14ac:dyDescent="0.35">
      <c r="A72964" s="1" t="s">
        <v>9930</v>
      </c>
      <c r="B72964" s="1" t="s">
        <v>243722</v>
      </c>
      <c r="C72964" s="1" t="s">
        <v>170</v>
      </c>
      <c r="D72964" s="1" t="s">
        <v>28666</v>
      </c>
      <c r="E72964" s="1" t="s">
        <v>244135</v>
      </c>
      <c r="F72964" s="1" t="s">
        <v>244136</v>
      </c>
      <c r="G72964" s="1" t="s">
        <v>244040</v>
      </c>
      <c r="H72964" s="1" t="s">
        <v>244041</v>
      </c>
      <c r="I72964" s="1" t="s">
        <v>243727</v>
      </c>
      <c r="J72964" s="1" t="s">
        <v>244137</v>
      </c>
    </row>
    <row r="72965" spans="1:10" x14ac:dyDescent="0.35">
      <c r="A72965" s="1" t="s">
        <v>156948</v>
      </c>
      <c r="B72965" s="1" t="s">
        <v>243722</v>
      </c>
      <c r="C72965" s="1" t="s">
        <v>8</v>
      </c>
      <c r="D72965" s="1" t="s">
        <v>4681</v>
      </c>
      <c r="E72965" s="1" t="s">
        <v>244138</v>
      </c>
      <c r="F72965" s="1" t="s">
        <v>244139</v>
      </c>
      <c r="G72965" s="1" t="s">
        <v>244140</v>
      </c>
      <c r="H72965" s="1" t="s">
        <v>244141</v>
      </c>
      <c r="I72965" s="1" t="s">
        <v>243727</v>
      </c>
      <c r="J72965" s="1" t="s">
        <v>13</v>
      </c>
    </row>
    <row r="72966" spans="1:10" x14ac:dyDescent="0.35">
      <c r="A72966" s="1" t="s">
        <v>156948</v>
      </c>
      <c r="B72966" s="1" t="s">
        <v>243722</v>
      </c>
      <c r="C72966" s="1" t="s">
        <v>15</v>
      </c>
      <c r="D72966" s="1" t="s">
        <v>117344</v>
      </c>
      <c r="E72966" s="1" t="s">
        <v>244142</v>
      </c>
      <c r="F72966" s="1" t="s">
        <v>244143</v>
      </c>
      <c r="G72966" s="1" t="s">
        <v>244140</v>
      </c>
      <c r="H72966" s="1" t="s">
        <v>244141</v>
      </c>
      <c r="I72966" s="1" t="s">
        <v>243727</v>
      </c>
      <c r="J72966" s="1" t="s">
        <v>244144</v>
      </c>
    </row>
    <row r="72967" spans="1:10" x14ac:dyDescent="0.35">
      <c r="A72967" s="1" t="s">
        <v>156948</v>
      </c>
      <c r="B72967" s="1" t="s">
        <v>243722</v>
      </c>
      <c r="C72967" s="1" t="s">
        <v>20</v>
      </c>
      <c r="D72967" s="1" t="s">
        <v>47327</v>
      </c>
      <c r="E72967" s="1" t="s">
        <v>244145</v>
      </c>
      <c r="F72967" s="1" t="s">
        <v>244146</v>
      </c>
      <c r="G72967" s="1" t="s">
        <v>244140</v>
      </c>
      <c r="H72967" s="1" t="s">
        <v>244141</v>
      </c>
      <c r="I72967" s="1" t="s">
        <v>243727</v>
      </c>
      <c r="J72967" s="1" t="s">
        <v>244147</v>
      </c>
    </row>
    <row r="72968" spans="1:10" x14ac:dyDescent="0.35">
      <c r="A72968" s="1" t="s">
        <v>156948</v>
      </c>
      <c r="B72968" s="1" t="s">
        <v>243722</v>
      </c>
      <c r="C72968" s="1" t="s">
        <v>25</v>
      </c>
      <c r="D72968" s="1" t="s">
        <v>1647</v>
      </c>
      <c r="E72968" s="1" t="s">
        <v>244148</v>
      </c>
      <c r="F72968" s="1" t="s">
        <v>244149</v>
      </c>
      <c r="G72968" s="1" t="s">
        <v>244140</v>
      </c>
      <c r="H72968" s="1" t="s">
        <v>244141</v>
      </c>
      <c r="I72968" s="1" t="s">
        <v>243727</v>
      </c>
      <c r="J72968" s="1" t="s">
        <v>244150</v>
      </c>
    </row>
    <row r="72969" spans="1:10" x14ac:dyDescent="0.35">
      <c r="A72969" s="1" t="s">
        <v>156948</v>
      </c>
      <c r="B72969" s="1" t="s">
        <v>243722</v>
      </c>
      <c r="C72969" s="1" t="s">
        <v>30</v>
      </c>
      <c r="D72969" s="1" t="s">
        <v>109793</v>
      </c>
      <c r="E72969" s="1" t="s">
        <v>244151</v>
      </c>
      <c r="F72969" s="1" t="s">
        <v>244152</v>
      </c>
      <c r="G72969" s="1" t="s">
        <v>244140</v>
      </c>
      <c r="H72969" s="1" t="s">
        <v>244141</v>
      </c>
      <c r="I72969" s="1" t="s">
        <v>243727</v>
      </c>
      <c r="J72969" s="1" t="s">
        <v>244153</v>
      </c>
    </row>
    <row r="72970" spans="1:10" x14ac:dyDescent="0.35">
      <c r="A72970" s="1" t="s">
        <v>156948</v>
      </c>
      <c r="B72970" s="1" t="s">
        <v>243722</v>
      </c>
      <c r="C72970" s="1" t="s">
        <v>35</v>
      </c>
      <c r="D72970" s="1" t="s">
        <v>142643</v>
      </c>
      <c r="E72970" s="1" t="s">
        <v>244154</v>
      </c>
      <c r="F72970" s="1" t="s">
        <v>244155</v>
      </c>
      <c r="G72970" s="1" t="s">
        <v>244140</v>
      </c>
      <c r="H72970" s="1" t="s">
        <v>244141</v>
      </c>
      <c r="I72970" s="1" t="s">
        <v>243727</v>
      </c>
      <c r="J72970" s="1" t="s">
        <v>216736</v>
      </c>
    </row>
    <row r="72971" spans="1:10" x14ac:dyDescent="0.35">
      <c r="A72971" s="1" t="s">
        <v>156948</v>
      </c>
      <c r="B72971" s="1" t="s">
        <v>243722</v>
      </c>
      <c r="C72971" s="1" t="s">
        <v>40</v>
      </c>
      <c r="D72971" s="1" t="s">
        <v>1560</v>
      </c>
      <c r="E72971" s="1" t="s">
        <v>244156</v>
      </c>
      <c r="F72971" s="1" t="s">
        <v>244157</v>
      </c>
      <c r="G72971" s="1" t="s">
        <v>244140</v>
      </c>
      <c r="H72971" s="1" t="s">
        <v>244141</v>
      </c>
      <c r="I72971" s="1" t="s">
        <v>243727</v>
      </c>
      <c r="J72971" s="1" t="s">
        <v>244158</v>
      </c>
    </row>
    <row r="72972" spans="1:10" x14ac:dyDescent="0.35">
      <c r="A72972" s="1" t="s">
        <v>156948</v>
      </c>
      <c r="B72972" s="1" t="s">
        <v>243722</v>
      </c>
      <c r="C72972" s="1" t="s">
        <v>45</v>
      </c>
      <c r="D72972" s="1" t="s">
        <v>2035</v>
      </c>
      <c r="E72972" s="1" t="s">
        <v>244159</v>
      </c>
      <c r="F72972" s="1" t="s">
        <v>244160</v>
      </c>
      <c r="G72972" s="1" t="s">
        <v>244140</v>
      </c>
      <c r="H72972" s="1" t="s">
        <v>244141</v>
      </c>
      <c r="I72972" s="1" t="s">
        <v>243727</v>
      </c>
      <c r="J72972" s="1" t="s">
        <v>244161</v>
      </c>
    </row>
    <row r="72973" spans="1:10" x14ac:dyDescent="0.35">
      <c r="A72973" s="1" t="s">
        <v>156948</v>
      </c>
      <c r="B72973" s="1" t="s">
        <v>243722</v>
      </c>
      <c r="C72973" s="1" t="s">
        <v>50</v>
      </c>
      <c r="D72973" s="1" t="s">
        <v>28543</v>
      </c>
      <c r="E72973" s="1" t="s">
        <v>244162</v>
      </c>
      <c r="F72973" s="1" t="s">
        <v>244163</v>
      </c>
      <c r="G72973" s="1" t="s">
        <v>244140</v>
      </c>
      <c r="H72973" s="1" t="s">
        <v>244141</v>
      </c>
      <c r="I72973" s="1" t="s">
        <v>243727</v>
      </c>
      <c r="J72973" s="1" t="s">
        <v>244164</v>
      </c>
    </row>
    <row r="72974" spans="1:10" x14ac:dyDescent="0.35">
      <c r="A72974" s="1" t="s">
        <v>156948</v>
      </c>
      <c r="B72974" s="1" t="s">
        <v>243722</v>
      </c>
      <c r="C72974" s="1" t="s">
        <v>55</v>
      </c>
      <c r="D72974" s="1" t="s">
        <v>1387</v>
      </c>
      <c r="E72974" s="1" t="s">
        <v>244165</v>
      </c>
      <c r="F72974" s="1" t="s">
        <v>244166</v>
      </c>
      <c r="G72974" s="1" t="s">
        <v>244140</v>
      </c>
      <c r="H72974" s="1" t="s">
        <v>244141</v>
      </c>
      <c r="I72974" s="1" t="s">
        <v>243727</v>
      </c>
      <c r="J72974" s="1" t="s">
        <v>244167</v>
      </c>
    </row>
    <row r="72975" spans="1:10" x14ac:dyDescent="0.35">
      <c r="A72975" s="1" t="s">
        <v>156948</v>
      </c>
      <c r="B72975" s="1" t="s">
        <v>243722</v>
      </c>
      <c r="C72975" s="1" t="s">
        <v>60</v>
      </c>
      <c r="D72975" s="1" t="s">
        <v>9983</v>
      </c>
      <c r="E72975" s="1" t="s">
        <v>244168</v>
      </c>
      <c r="F72975" s="1" t="s">
        <v>244169</v>
      </c>
      <c r="G72975" s="1" t="s">
        <v>244140</v>
      </c>
      <c r="H72975" s="1" t="s">
        <v>244141</v>
      </c>
      <c r="I72975" s="1" t="s">
        <v>243727</v>
      </c>
      <c r="J72975" s="1" t="s">
        <v>244170</v>
      </c>
    </row>
    <row r="72976" spans="1:10" x14ac:dyDescent="0.35">
      <c r="A72976" s="1" t="s">
        <v>156948</v>
      </c>
      <c r="B72976" s="1" t="s">
        <v>243722</v>
      </c>
      <c r="C72976" s="1" t="s">
        <v>65</v>
      </c>
      <c r="D72976" s="1" t="s">
        <v>244171</v>
      </c>
      <c r="E72976" s="1" t="s">
        <v>244172</v>
      </c>
      <c r="F72976" s="1" t="s">
        <v>244173</v>
      </c>
      <c r="G72976" s="1" t="s">
        <v>244140</v>
      </c>
      <c r="H72976" s="1" t="s">
        <v>244141</v>
      </c>
      <c r="I72976" s="1" t="s">
        <v>243727</v>
      </c>
      <c r="J72976" s="1" t="s">
        <v>244174</v>
      </c>
    </row>
    <row r="72977" spans="1:10" x14ac:dyDescent="0.35">
      <c r="A72977" s="1" t="s">
        <v>156948</v>
      </c>
      <c r="B72977" s="1" t="s">
        <v>243722</v>
      </c>
      <c r="C72977" s="1" t="s">
        <v>70</v>
      </c>
      <c r="D72977" s="1" t="s">
        <v>4713</v>
      </c>
      <c r="E72977" s="1" t="s">
        <v>244175</v>
      </c>
      <c r="F72977" s="1" t="s">
        <v>244176</v>
      </c>
      <c r="G72977" s="1" t="s">
        <v>244140</v>
      </c>
      <c r="H72977" s="1" t="s">
        <v>244141</v>
      </c>
      <c r="I72977" s="1" t="s">
        <v>243727</v>
      </c>
      <c r="J72977" s="1" t="s">
        <v>244177</v>
      </c>
    </row>
    <row r="72978" spans="1:10" x14ac:dyDescent="0.35">
      <c r="A72978" s="1" t="s">
        <v>156948</v>
      </c>
      <c r="B72978" s="1" t="s">
        <v>243722</v>
      </c>
      <c r="C72978" s="1" t="s">
        <v>75</v>
      </c>
      <c r="D72978" s="1" t="s">
        <v>116130</v>
      </c>
      <c r="E72978" s="1" t="s">
        <v>244178</v>
      </c>
      <c r="F72978" s="1" t="s">
        <v>244179</v>
      </c>
      <c r="G72978" s="1" t="s">
        <v>244140</v>
      </c>
      <c r="H72978" s="1" t="s">
        <v>244141</v>
      </c>
      <c r="I72978" s="1" t="s">
        <v>243727</v>
      </c>
      <c r="J72978" s="1" t="s">
        <v>75738</v>
      </c>
    </row>
    <row r="72979" spans="1:10" x14ac:dyDescent="0.35">
      <c r="A72979" s="1" t="s">
        <v>156948</v>
      </c>
      <c r="B72979" s="1" t="s">
        <v>243722</v>
      </c>
      <c r="C72979" s="1" t="s">
        <v>80</v>
      </c>
      <c r="D72979" s="1" t="s">
        <v>48505</v>
      </c>
      <c r="E72979" s="1" t="s">
        <v>244180</v>
      </c>
      <c r="F72979" s="1" t="s">
        <v>244181</v>
      </c>
      <c r="G72979" s="1" t="s">
        <v>244140</v>
      </c>
      <c r="H72979" s="1" t="s">
        <v>244141</v>
      </c>
      <c r="I72979" s="1" t="s">
        <v>243727</v>
      </c>
      <c r="J72979" s="1" t="s">
        <v>244182</v>
      </c>
    </row>
    <row r="72980" spans="1:10" x14ac:dyDescent="0.35">
      <c r="A72980" s="1" t="s">
        <v>156948</v>
      </c>
      <c r="B72980" s="1" t="s">
        <v>243722</v>
      </c>
      <c r="C72980" s="1" t="s">
        <v>85</v>
      </c>
      <c r="D72980" s="1" t="s">
        <v>45849</v>
      </c>
      <c r="E72980" s="1" t="s">
        <v>244183</v>
      </c>
      <c r="F72980" s="1" t="s">
        <v>244184</v>
      </c>
      <c r="G72980" s="1" t="s">
        <v>244140</v>
      </c>
      <c r="H72980" s="1" t="s">
        <v>244141</v>
      </c>
      <c r="I72980" s="1" t="s">
        <v>243727</v>
      </c>
      <c r="J72980" s="1" t="s">
        <v>244185</v>
      </c>
    </row>
    <row r="72981" spans="1:10" x14ac:dyDescent="0.35">
      <c r="A72981" s="1" t="s">
        <v>156948</v>
      </c>
      <c r="B72981" s="1" t="s">
        <v>243722</v>
      </c>
      <c r="C72981" s="1" t="s">
        <v>90</v>
      </c>
      <c r="D72981" s="1" t="s">
        <v>118812</v>
      </c>
      <c r="E72981" s="1" t="s">
        <v>244186</v>
      </c>
      <c r="F72981" s="1" t="s">
        <v>244187</v>
      </c>
      <c r="G72981" s="1" t="s">
        <v>244140</v>
      </c>
      <c r="H72981" s="1" t="s">
        <v>244141</v>
      </c>
      <c r="I72981" s="1" t="s">
        <v>243727</v>
      </c>
      <c r="J72981" s="1" t="s">
        <v>244188</v>
      </c>
    </row>
    <row r="72982" spans="1:10" x14ac:dyDescent="0.35">
      <c r="A72982" s="1" t="s">
        <v>156948</v>
      </c>
      <c r="B72982" s="1" t="s">
        <v>243722</v>
      </c>
      <c r="C72982" s="1" t="s">
        <v>95</v>
      </c>
      <c r="D72982" s="1" t="s">
        <v>145283</v>
      </c>
      <c r="E72982" s="1" t="s">
        <v>244189</v>
      </c>
      <c r="F72982" s="1" t="s">
        <v>244190</v>
      </c>
      <c r="G72982" s="1" t="s">
        <v>244140</v>
      </c>
      <c r="H72982" s="1" t="s">
        <v>244141</v>
      </c>
      <c r="I72982" s="1" t="s">
        <v>243727</v>
      </c>
      <c r="J72982" s="1" t="s">
        <v>244191</v>
      </c>
    </row>
    <row r="72983" spans="1:10" x14ac:dyDescent="0.35">
      <c r="A72983" s="1" t="s">
        <v>156948</v>
      </c>
      <c r="B72983" s="1" t="s">
        <v>243722</v>
      </c>
      <c r="C72983" s="1" t="s">
        <v>100</v>
      </c>
      <c r="D72983" s="1" t="s">
        <v>35690</v>
      </c>
      <c r="E72983" s="1" t="s">
        <v>244192</v>
      </c>
      <c r="F72983" s="1" t="s">
        <v>244193</v>
      </c>
      <c r="G72983" s="1" t="s">
        <v>244140</v>
      </c>
      <c r="H72983" s="1" t="s">
        <v>244141</v>
      </c>
      <c r="I72983" s="1" t="s">
        <v>243727</v>
      </c>
      <c r="J72983" s="1" t="s">
        <v>244194</v>
      </c>
    </row>
    <row r="72984" spans="1:10" x14ac:dyDescent="0.35">
      <c r="A72984" s="1" t="s">
        <v>156948</v>
      </c>
      <c r="B72984" s="1" t="s">
        <v>243722</v>
      </c>
      <c r="C72984" s="1" t="s">
        <v>105</v>
      </c>
      <c r="D72984" s="1" t="s">
        <v>205260</v>
      </c>
      <c r="E72984" s="1" t="s">
        <v>244195</v>
      </c>
      <c r="F72984" s="1" t="s">
        <v>244196</v>
      </c>
      <c r="G72984" s="1" t="s">
        <v>244140</v>
      </c>
      <c r="H72984" s="1" t="s">
        <v>244141</v>
      </c>
      <c r="I72984" s="1" t="s">
        <v>243727</v>
      </c>
      <c r="J72984" s="1" t="s">
        <v>244197</v>
      </c>
    </row>
    <row r="72985" spans="1:10" x14ac:dyDescent="0.35">
      <c r="A72985" s="1" t="s">
        <v>156948</v>
      </c>
      <c r="B72985" s="1" t="s">
        <v>243722</v>
      </c>
      <c r="C72985" s="1" t="s">
        <v>110</v>
      </c>
      <c r="D72985" s="1" t="s">
        <v>205176</v>
      </c>
      <c r="E72985" s="1" t="s">
        <v>244198</v>
      </c>
      <c r="F72985" s="1" t="s">
        <v>244199</v>
      </c>
      <c r="G72985" s="1" t="s">
        <v>244140</v>
      </c>
      <c r="H72985" s="1" t="s">
        <v>244141</v>
      </c>
      <c r="I72985" s="1" t="s">
        <v>243727</v>
      </c>
      <c r="J72985" s="1" t="s">
        <v>244200</v>
      </c>
    </row>
    <row r="72986" spans="1:10" x14ac:dyDescent="0.35">
      <c r="A72986" s="1" t="s">
        <v>156948</v>
      </c>
      <c r="B72986" s="1" t="s">
        <v>243722</v>
      </c>
      <c r="C72986" s="1" t="s">
        <v>115</v>
      </c>
      <c r="D72986" s="1" t="s">
        <v>72758</v>
      </c>
      <c r="E72986" s="1" t="s">
        <v>244201</v>
      </c>
      <c r="F72986" s="1" t="s">
        <v>244202</v>
      </c>
      <c r="G72986" s="1" t="s">
        <v>244140</v>
      </c>
      <c r="H72986" s="1" t="s">
        <v>244141</v>
      </c>
      <c r="I72986" s="1" t="s">
        <v>243727</v>
      </c>
      <c r="J72986" s="1" t="s">
        <v>244203</v>
      </c>
    </row>
    <row r="72987" spans="1:10" x14ac:dyDescent="0.35">
      <c r="A72987" s="1" t="s">
        <v>156948</v>
      </c>
      <c r="B72987" s="1" t="s">
        <v>243722</v>
      </c>
      <c r="C72987" s="1" t="s">
        <v>120</v>
      </c>
      <c r="D72987" s="1" t="s">
        <v>3405</v>
      </c>
      <c r="E72987" s="1" t="s">
        <v>244204</v>
      </c>
      <c r="F72987" s="1" t="s">
        <v>244205</v>
      </c>
      <c r="G72987" s="1" t="s">
        <v>244140</v>
      </c>
      <c r="H72987" s="1" t="s">
        <v>244141</v>
      </c>
      <c r="I72987" s="1" t="s">
        <v>243727</v>
      </c>
      <c r="J72987" s="1" t="s">
        <v>244206</v>
      </c>
    </row>
    <row r="72988" spans="1:10" x14ac:dyDescent="0.35">
      <c r="A72988" s="1" t="s">
        <v>156948</v>
      </c>
      <c r="B72988" s="1" t="s">
        <v>243722</v>
      </c>
      <c r="C72988" s="1" t="s">
        <v>125</v>
      </c>
      <c r="D72988" s="1" t="s">
        <v>73194</v>
      </c>
      <c r="E72988" s="1" t="s">
        <v>244207</v>
      </c>
      <c r="F72988" s="1" t="s">
        <v>244208</v>
      </c>
      <c r="G72988" s="1" t="s">
        <v>244140</v>
      </c>
      <c r="H72988" s="1" t="s">
        <v>244141</v>
      </c>
      <c r="I72988" s="1" t="s">
        <v>243727</v>
      </c>
      <c r="J72988" s="1" t="s">
        <v>244209</v>
      </c>
    </row>
    <row r="72989" spans="1:10" x14ac:dyDescent="0.35">
      <c r="A72989" s="1" t="s">
        <v>156948</v>
      </c>
      <c r="B72989" s="1" t="s">
        <v>243722</v>
      </c>
      <c r="C72989" s="1" t="s">
        <v>130</v>
      </c>
      <c r="D72989" s="1" t="s">
        <v>25036</v>
      </c>
      <c r="E72989" s="1" t="s">
        <v>244210</v>
      </c>
      <c r="F72989" s="1" t="s">
        <v>244211</v>
      </c>
      <c r="G72989" s="1" t="s">
        <v>244140</v>
      </c>
      <c r="H72989" s="1" t="s">
        <v>244141</v>
      </c>
      <c r="I72989" s="1" t="s">
        <v>243727</v>
      </c>
      <c r="J72989" s="1" t="s">
        <v>244212</v>
      </c>
    </row>
    <row r="72990" spans="1:10" x14ac:dyDescent="0.35">
      <c r="A72990" s="1" t="s">
        <v>156948</v>
      </c>
      <c r="B72990" s="1" t="s">
        <v>243722</v>
      </c>
      <c r="C72990" s="1" t="s">
        <v>135</v>
      </c>
      <c r="D72990" s="1" t="s">
        <v>244213</v>
      </c>
      <c r="E72990" s="1" t="s">
        <v>244214</v>
      </c>
      <c r="F72990" s="1" t="s">
        <v>244215</v>
      </c>
      <c r="G72990" s="1" t="s">
        <v>244140</v>
      </c>
      <c r="H72990" s="1" t="s">
        <v>244141</v>
      </c>
      <c r="I72990" s="1" t="s">
        <v>243727</v>
      </c>
      <c r="J72990" s="1" t="s">
        <v>244216</v>
      </c>
    </row>
    <row r="72991" spans="1:10" x14ac:dyDescent="0.35">
      <c r="A72991" s="1" t="s">
        <v>156948</v>
      </c>
      <c r="B72991" s="1" t="s">
        <v>243722</v>
      </c>
      <c r="C72991" s="1" t="s">
        <v>140</v>
      </c>
      <c r="D72991" s="1" t="s">
        <v>141230</v>
      </c>
      <c r="E72991" s="1" t="s">
        <v>244217</v>
      </c>
      <c r="F72991" s="1" t="s">
        <v>244218</v>
      </c>
      <c r="G72991" s="1" t="s">
        <v>244140</v>
      </c>
      <c r="H72991" s="1" t="s">
        <v>244141</v>
      </c>
      <c r="I72991" s="1" t="s">
        <v>243727</v>
      </c>
      <c r="J72991" s="1" t="s">
        <v>244219</v>
      </c>
    </row>
    <row r="72992" spans="1:10" x14ac:dyDescent="0.35">
      <c r="A72992" s="1" t="s">
        <v>156948</v>
      </c>
      <c r="B72992" s="1" t="s">
        <v>243722</v>
      </c>
      <c r="C72992" s="1" t="s">
        <v>145</v>
      </c>
      <c r="D72992" s="1" t="s">
        <v>37481</v>
      </c>
      <c r="E72992" s="1" t="s">
        <v>244220</v>
      </c>
      <c r="F72992" s="1" t="s">
        <v>244221</v>
      </c>
      <c r="G72992" s="1" t="s">
        <v>244140</v>
      </c>
      <c r="H72992" s="1" t="s">
        <v>244141</v>
      </c>
      <c r="I72992" s="1" t="s">
        <v>243727</v>
      </c>
      <c r="J72992" s="1" t="s">
        <v>244222</v>
      </c>
    </row>
    <row r="72993" spans="1:10" x14ac:dyDescent="0.35">
      <c r="A72993" s="1" t="s">
        <v>156948</v>
      </c>
      <c r="B72993" s="1" t="s">
        <v>243722</v>
      </c>
      <c r="C72993" s="1" t="s">
        <v>150</v>
      </c>
      <c r="D72993" s="1" t="s">
        <v>46134</v>
      </c>
      <c r="E72993" s="1" t="s">
        <v>244223</v>
      </c>
      <c r="F72993" s="1" t="s">
        <v>244224</v>
      </c>
      <c r="G72993" s="1" t="s">
        <v>244140</v>
      </c>
      <c r="H72993" s="1" t="s">
        <v>244141</v>
      </c>
      <c r="I72993" s="1" t="s">
        <v>243727</v>
      </c>
      <c r="J72993" s="1" t="s">
        <v>244225</v>
      </c>
    </row>
    <row r="72994" spans="1:10" x14ac:dyDescent="0.35">
      <c r="A72994" s="1" t="s">
        <v>156948</v>
      </c>
      <c r="B72994" s="1" t="s">
        <v>243722</v>
      </c>
      <c r="C72994" s="1" t="s">
        <v>155</v>
      </c>
      <c r="D72994" s="1" t="s">
        <v>204844</v>
      </c>
      <c r="E72994" s="1" t="s">
        <v>244226</v>
      </c>
      <c r="F72994" s="1" t="s">
        <v>244227</v>
      </c>
      <c r="G72994" s="1" t="s">
        <v>244140</v>
      </c>
      <c r="H72994" s="1" t="s">
        <v>244141</v>
      </c>
      <c r="I72994" s="1" t="s">
        <v>243727</v>
      </c>
      <c r="J72994" s="1" t="s">
        <v>244228</v>
      </c>
    </row>
    <row r="72995" spans="1:10" x14ac:dyDescent="0.35">
      <c r="A72995" s="1" t="s">
        <v>156948</v>
      </c>
      <c r="B72995" s="1" t="s">
        <v>243722</v>
      </c>
      <c r="C72995" s="1" t="s">
        <v>160</v>
      </c>
      <c r="D72995" s="1" t="s">
        <v>71946</v>
      </c>
      <c r="E72995" s="1" t="s">
        <v>244229</v>
      </c>
      <c r="F72995" s="1" t="s">
        <v>244230</v>
      </c>
      <c r="G72995" s="1" t="s">
        <v>244140</v>
      </c>
      <c r="H72995" s="1" t="s">
        <v>244141</v>
      </c>
      <c r="I72995" s="1" t="s">
        <v>243727</v>
      </c>
      <c r="J72995" s="1" t="s">
        <v>244231</v>
      </c>
    </row>
    <row r="72996" spans="1:10" x14ac:dyDescent="0.35">
      <c r="A72996" s="1" t="s">
        <v>156948</v>
      </c>
      <c r="B72996" s="1" t="s">
        <v>243722</v>
      </c>
      <c r="C72996" s="1" t="s">
        <v>165</v>
      </c>
      <c r="D72996" s="1" t="s">
        <v>51872</v>
      </c>
      <c r="E72996" s="1" t="s">
        <v>244232</v>
      </c>
      <c r="F72996" s="1" t="s">
        <v>244233</v>
      </c>
      <c r="G72996" s="1" t="s">
        <v>244140</v>
      </c>
      <c r="H72996" s="1" t="s">
        <v>244141</v>
      </c>
      <c r="I72996" s="1" t="s">
        <v>243727</v>
      </c>
      <c r="J72996" s="1" t="s">
        <v>244234</v>
      </c>
    </row>
    <row r="72997" spans="1:10" x14ac:dyDescent="0.35">
      <c r="A72997" s="1" t="s">
        <v>156948</v>
      </c>
      <c r="B72997" s="1" t="s">
        <v>243722</v>
      </c>
      <c r="C72997" s="1" t="s">
        <v>170</v>
      </c>
      <c r="D72997" s="1" t="s">
        <v>37388</v>
      </c>
      <c r="E72997" s="1" t="s">
        <v>244235</v>
      </c>
      <c r="F72997" s="1" t="s">
        <v>244236</v>
      </c>
      <c r="G72997" s="1" t="s">
        <v>244140</v>
      </c>
      <c r="H72997" s="1" t="s">
        <v>244141</v>
      </c>
      <c r="I72997" s="1" t="s">
        <v>243727</v>
      </c>
      <c r="J72997" s="1" t="s">
        <v>244237</v>
      </c>
    </row>
    <row r="72998" spans="1:10" x14ac:dyDescent="0.35">
      <c r="A72998" s="1" t="s">
        <v>47067</v>
      </c>
      <c r="B72998" s="1" t="s">
        <v>243722</v>
      </c>
      <c r="C72998" s="1" t="s">
        <v>8</v>
      </c>
      <c r="D72998" s="1" t="s">
        <v>6555</v>
      </c>
      <c r="E72998" s="1" t="s">
        <v>244238</v>
      </c>
      <c r="F72998" s="1" t="s">
        <v>244239</v>
      </c>
      <c r="G72998" s="1" t="s">
        <v>244240</v>
      </c>
      <c r="H72998" s="1" t="s">
        <v>244241</v>
      </c>
      <c r="I72998" s="1" t="s">
        <v>243727</v>
      </c>
      <c r="J72998" s="1" t="s">
        <v>13</v>
      </c>
    </row>
    <row r="72999" spans="1:10" x14ac:dyDescent="0.35">
      <c r="A72999" s="1" t="s">
        <v>47067</v>
      </c>
      <c r="B72999" s="1" t="s">
        <v>243722</v>
      </c>
      <c r="C72999" s="1" t="s">
        <v>15</v>
      </c>
      <c r="D72999" s="1" t="s">
        <v>352</v>
      </c>
      <c r="E72999" s="1" t="s">
        <v>244242</v>
      </c>
      <c r="F72999" s="1" t="s">
        <v>244243</v>
      </c>
      <c r="G72999" s="1" t="s">
        <v>244240</v>
      </c>
      <c r="H72999" s="1" t="s">
        <v>244241</v>
      </c>
      <c r="I72999" s="1" t="s">
        <v>243727</v>
      </c>
      <c r="J72999" s="1" t="s">
        <v>244244</v>
      </c>
    </row>
    <row r="73000" spans="1:10" x14ac:dyDescent="0.35">
      <c r="A73000" s="1" t="s">
        <v>47067</v>
      </c>
      <c r="B73000" s="1" t="s">
        <v>243722</v>
      </c>
      <c r="C73000" s="1" t="s">
        <v>20</v>
      </c>
      <c r="D73000" s="1" t="s">
        <v>9265</v>
      </c>
      <c r="E73000" s="1" t="s">
        <v>244245</v>
      </c>
      <c r="F73000" s="1" t="s">
        <v>244246</v>
      </c>
      <c r="G73000" s="1" t="s">
        <v>244240</v>
      </c>
      <c r="H73000" s="1" t="s">
        <v>244241</v>
      </c>
      <c r="I73000" s="1" t="s">
        <v>243727</v>
      </c>
      <c r="J73000" s="1" t="s">
        <v>244247</v>
      </c>
    </row>
    <row r="73001" spans="1:10" x14ac:dyDescent="0.35">
      <c r="A73001" s="1" t="s">
        <v>47067</v>
      </c>
      <c r="B73001" s="1" t="s">
        <v>243722</v>
      </c>
      <c r="C73001" s="1" t="s">
        <v>25</v>
      </c>
      <c r="D73001" s="1" t="s">
        <v>116134</v>
      </c>
      <c r="E73001" s="1" t="s">
        <v>244248</v>
      </c>
      <c r="F73001" s="1" t="s">
        <v>244249</v>
      </c>
      <c r="G73001" s="1" t="s">
        <v>244240</v>
      </c>
      <c r="H73001" s="1" t="s">
        <v>244241</v>
      </c>
      <c r="I73001" s="1" t="s">
        <v>243727</v>
      </c>
      <c r="J73001" s="1" t="s">
        <v>244250</v>
      </c>
    </row>
    <row r="73002" spans="1:10" x14ac:dyDescent="0.35">
      <c r="A73002" s="1" t="s">
        <v>47067</v>
      </c>
      <c r="B73002" s="1" t="s">
        <v>243722</v>
      </c>
      <c r="C73002" s="1" t="s">
        <v>30</v>
      </c>
      <c r="D73002" s="1" t="s">
        <v>28912</v>
      </c>
      <c r="E73002" s="1" t="s">
        <v>244251</v>
      </c>
      <c r="F73002" s="1" t="s">
        <v>244252</v>
      </c>
      <c r="G73002" s="1" t="s">
        <v>244240</v>
      </c>
      <c r="H73002" s="1" t="s">
        <v>244241</v>
      </c>
      <c r="I73002" s="1" t="s">
        <v>243727</v>
      </c>
      <c r="J73002" s="1" t="s">
        <v>244253</v>
      </c>
    </row>
    <row r="73003" spans="1:10" x14ac:dyDescent="0.35">
      <c r="A73003" s="1" t="s">
        <v>47067</v>
      </c>
      <c r="B73003" s="1" t="s">
        <v>243722</v>
      </c>
      <c r="C73003" s="1" t="s">
        <v>35</v>
      </c>
      <c r="D73003" s="1" t="s">
        <v>9956</v>
      </c>
      <c r="E73003" s="1" t="s">
        <v>244254</v>
      </c>
      <c r="F73003" s="1" t="s">
        <v>244255</v>
      </c>
      <c r="G73003" s="1" t="s">
        <v>244240</v>
      </c>
      <c r="H73003" s="1" t="s">
        <v>244241</v>
      </c>
      <c r="I73003" s="1" t="s">
        <v>243727</v>
      </c>
      <c r="J73003" s="1" t="s">
        <v>244256</v>
      </c>
    </row>
    <row r="73004" spans="1:10" x14ac:dyDescent="0.35">
      <c r="A73004" s="1" t="s">
        <v>47067</v>
      </c>
      <c r="B73004" s="1" t="s">
        <v>243722</v>
      </c>
      <c r="C73004" s="1" t="s">
        <v>40</v>
      </c>
      <c r="D73004" s="1" t="s">
        <v>46239</v>
      </c>
      <c r="E73004" s="1" t="s">
        <v>244257</v>
      </c>
      <c r="F73004" s="1" t="s">
        <v>244258</v>
      </c>
      <c r="G73004" s="1" t="s">
        <v>244240</v>
      </c>
      <c r="H73004" s="1" t="s">
        <v>244241</v>
      </c>
      <c r="I73004" s="1" t="s">
        <v>243727</v>
      </c>
      <c r="J73004" s="1" t="s">
        <v>244259</v>
      </c>
    </row>
    <row r="73005" spans="1:10" x14ac:dyDescent="0.35">
      <c r="A73005" s="1" t="s">
        <v>47067</v>
      </c>
      <c r="B73005" s="1" t="s">
        <v>243722</v>
      </c>
      <c r="C73005" s="1" t="s">
        <v>45</v>
      </c>
      <c r="D73005" s="1" t="s">
        <v>4066</v>
      </c>
      <c r="E73005" s="1" t="s">
        <v>244260</v>
      </c>
      <c r="F73005" s="1" t="s">
        <v>244261</v>
      </c>
      <c r="G73005" s="1" t="s">
        <v>244240</v>
      </c>
      <c r="H73005" s="1" t="s">
        <v>244241</v>
      </c>
      <c r="I73005" s="1" t="s">
        <v>243727</v>
      </c>
      <c r="J73005" s="1" t="s">
        <v>244262</v>
      </c>
    </row>
    <row r="73006" spans="1:10" x14ac:dyDescent="0.35">
      <c r="A73006" s="1" t="s">
        <v>47067</v>
      </c>
      <c r="B73006" s="1" t="s">
        <v>243722</v>
      </c>
      <c r="C73006" s="1" t="s">
        <v>50</v>
      </c>
      <c r="D73006" s="1" t="s">
        <v>10201</v>
      </c>
      <c r="E73006" s="1" t="s">
        <v>244263</v>
      </c>
      <c r="F73006" s="1" t="s">
        <v>244264</v>
      </c>
      <c r="G73006" s="1" t="s">
        <v>244240</v>
      </c>
      <c r="H73006" s="1" t="s">
        <v>244241</v>
      </c>
      <c r="I73006" s="1" t="s">
        <v>243727</v>
      </c>
      <c r="J73006" s="1" t="s">
        <v>244265</v>
      </c>
    </row>
    <row r="73007" spans="1:10" x14ac:dyDescent="0.35">
      <c r="A73007" s="1" t="s">
        <v>47067</v>
      </c>
      <c r="B73007" s="1" t="s">
        <v>243722</v>
      </c>
      <c r="C73007" s="1" t="s">
        <v>55</v>
      </c>
      <c r="D73007" s="1" t="s">
        <v>4074</v>
      </c>
      <c r="E73007" s="1" t="s">
        <v>244266</v>
      </c>
      <c r="F73007" s="1" t="s">
        <v>244267</v>
      </c>
      <c r="G73007" s="1" t="s">
        <v>244240</v>
      </c>
      <c r="H73007" s="1" t="s">
        <v>244241</v>
      </c>
      <c r="I73007" s="1" t="s">
        <v>243727</v>
      </c>
      <c r="J73007" s="1" t="s">
        <v>244268</v>
      </c>
    </row>
    <row r="73008" spans="1:10" x14ac:dyDescent="0.35">
      <c r="A73008" s="1" t="s">
        <v>47067</v>
      </c>
      <c r="B73008" s="1" t="s">
        <v>243722</v>
      </c>
      <c r="C73008" s="1" t="s">
        <v>60</v>
      </c>
      <c r="D73008" s="1" t="s">
        <v>8054</v>
      </c>
      <c r="E73008" s="1" t="s">
        <v>244269</v>
      </c>
      <c r="F73008" s="1" t="s">
        <v>244270</v>
      </c>
      <c r="G73008" s="1" t="s">
        <v>244240</v>
      </c>
      <c r="H73008" s="1" t="s">
        <v>244241</v>
      </c>
      <c r="I73008" s="1" t="s">
        <v>243727</v>
      </c>
      <c r="J73008" s="1" t="s">
        <v>244271</v>
      </c>
    </row>
    <row r="73009" spans="1:10" x14ac:dyDescent="0.35">
      <c r="A73009" s="1" t="s">
        <v>47067</v>
      </c>
      <c r="B73009" s="1" t="s">
        <v>243722</v>
      </c>
      <c r="C73009" s="1" t="s">
        <v>65</v>
      </c>
      <c r="D73009" s="1" t="s">
        <v>143905</v>
      </c>
      <c r="E73009" s="1" t="s">
        <v>244272</v>
      </c>
      <c r="F73009" s="1" t="s">
        <v>244273</v>
      </c>
      <c r="G73009" s="1" t="s">
        <v>244240</v>
      </c>
      <c r="H73009" s="1" t="s">
        <v>244241</v>
      </c>
      <c r="I73009" s="1" t="s">
        <v>243727</v>
      </c>
      <c r="J73009" s="1" t="s">
        <v>244274</v>
      </c>
    </row>
    <row r="73010" spans="1:10" x14ac:dyDescent="0.35">
      <c r="A73010" s="1" t="s">
        <v>47067</v>
      </c>
      <c r="B73010" s="1" t="s">
        <v>243722</v>
      </c>
      <c r="C73010" s="1" t="s">
        <v>70</v>
      </c>
      <c r="D73010" s="1" t="s">
        <v>117328</v>
      </c>
      <c r="E73010" s="1" t="s">
        <v>244275</v>
      </c>
      <c r="F73010" s="1" t="s">
        <v>244276</v>
      </c>
      <c r="G73010" s="1" t="s">
        <v>244240</v>
      </c>
      <c r="H73010" s="1" t="s">
        <v>244241</v>
      </c>
      <c r="I73010" s="1" t="s">
        <v>243727</v>
      </c>
      <c r="J73010" s="1" t="s">
        <v>244277</v>
      </c>
    </row>
    <row r="73011" spans="1:10" x14ac:dyDescent="0.35">
      <c r="A73011" s="1" t="s">
        <v>47067</v>
      </c>
      <c r="B73011" s="1" t="s">
        <v>243722</v>
      </c>
      <c r="C73011" s="1" t="s">
        <v>75</v>
      </c>
      <c r="D73011" s="1" t="s">
        <v>8702</v>
      </c>
      <c r="E73011" s="1" t="s">
        <v>244278</v>
      </c>
      <c r="F73011" s="1" t="s">
        <v>244279</v>
      </c>
      <c r="G73011" s="1" t="s">
        <v>244240</v>
      </c>
      <c r="H73011" s="1" t="s">
        <v>244241</v>
      </c>
      <c r="I73011" s="1" t="s">
        <v>243727</v>
      </c>
      <c r="J73011" s="1" t="s">
        <v>244280</v>
      </c>
    </row>
    <row r="73012" spans="1:10" x14ac:dyDescent="0.35">
      <c r="A73012" s="1" t="s">
        <v>47067</v>
      </c>
      <c r="B73012" s="1" t="s">
        <v>243722</v>
      </c>
      <c r="C73012" s="1" t="s">
        <v>80</v>
      </c>
      <c r="D73012" s="1" t="s">
        <v>47327</v>
      </c>
      <c r="E73012" s="1" t="s">
        <v>244281</v>
      </c>
      <c r="F73012" s="1" t="s">
        <v>244282</v>
      </c>
      <c r="G73012" s="1" t="s">
        <v>244240</v>
      </c>
      <c r="H73012" s="1" t="s">
        <v>244241</v>
      </c>
      <c r="I73012" s="1" t="s">
        <v>243727</v>
      </c>
      <c r="J73012" s="1" t="s">
        <v>244283</v>
      </c>
    </row>
    <row r="73013" spans="1:10" x14ac:dyDescent="0.35">
      <c r="A73013" s="1" t="s">
        <v>47067</v>
      </c>
      <c r="B73013" s="1" t="s">
        <v>243722</v>
      </c>
      <c r="C73013" s="1" t="s">
        <v>85</v>
      </c>
      <c r="D73013" s="1" t="s">
        <v>9987</v>
      </c>
      <c r="E73013" s="1" t="s">
        <v>244284</v>
      </c>
      <c r="F73013" s="1" t="s">
        <v>244285</v>
      </c>
      <c r="G73013" s="1" t="s">
        <v>244240</v>
      </c>
      <c r="H73013" s="1" t="s">
        <v>244241</v>
      </c>
      <c r="I73013" s="1" t="s">
        <v>243727</v>
      </c>
      <c r="J73013" s="1" t="s">
        <v>244286</v>
      </c>
    </row>
    <row r="73014" spans="1:10" x14ac:dyDescent="0.35">
      <c r="A73014" s="1" t="s">
        <v>47067</v>
      </c>
      <c r="B73014" s="1" t="s">
        <v>243722</v>
      </c>
      <c r="C73014" s="1" t="s">
        <v>90</v>
      </c>
      <c r="D73014" s="1" t="s">
        <v>145037</v>
      </c>
      <c r="E73014" s="1" t="s">
        <v>244287</v>
      </c>
      <c r="F73014" s="1" t="s">
        <v>244288</v>
      </c>
      <c r="G73014" s="1" t="s">
        <v>244240</v>
      </c>
      <c r="H73014" s="1" t="s">
        <v>244241</v>
      </c>
      <c r="I73014" s="1" t="s">
        <v>243727</v>
      </c>
      <c r="J73014" s="1" t="s">
        <v>244289</v>
      </c>
    </row>
    <row r="73015" spans="1:10" x14ac:dyDescent="0.35">
      <c r="A73015" s="1" t="s">
        <v>47067</v>
      </c>
      <c r="B73015" s="1" t="s">
        <v>243722</v>
      </c>
      <c r="C73015" s="1" t="s">
        <v>95</v>
      </c>
      <c r="D73015" s="1" t="s">
        <v>244290</v>
      </c>
      <c r="E73015" s="1" t="s">
        <v>244291</v>
      </c>
      <c r="F73015" s="1" t="s">
        <v>244292</v>
      </c>
      <c r="G73015" s="1" t="s">
        <v>244240</v>
      </c>
      <c r="H73015" s="1" t="s">
        <v>244241</v>
      </c>
      <c r="I73015" s="1" t="s">
        <v>243727</v>
      </c>
      <c r="J73015" s="1" t="s">
        <v>244293</v>
      </c>
    </row>
    <row r="73016" spans="1:10" x14ac:dyDescent="0.35">
      <c r="A73016" s="1" t="s">
        <v>47067</v>
      </c>
      <c r="B73016" s="1" t="s">
        <v>243722</v>
      </c>
      <c r="C73016" s="1" t="s">
        <v>100</v>
      </c>
      <c r="D73016" s="1" t="s">
        <v>10006</v>
      </c>
      <c r="E73016" s="1" t="s">
        <v>244294</v>
      </c>
      <c r="F73016" s="1" t="s">
        <v>244295</v>
      </c>
      <c r="G73016" s="1" t="s">
        <v>244240</v>
      </c>
      <c r="H73016" s="1" t="s">
        <v>244241</v>
      </c>
      <c r="I73016" s="1" t="s">
        <v>243727</v>
      </c>
      <c r="J73016" s="1" t="s">
        <v>244296</v>
      </c>
    </row>
    <row r="73017" spans="1:10" x14ac:dyDescent="0.35">
      <c r="A73017" s="1" t="s">
        <v>47067</v>
      </c>
      <c r="B73017" s="1" t="s">
        <v>243722</v>
      </c>
      <c r="C73017" s="1" t="s">
        <v>105</v>
      </c>
      <c r="D73017" s="1" t="s">
        <v>8381</v>
      </c>
      <c r="E73017" s="1" t="s">
        <v>244297</v>
      </c>
      <c r="F73017" s="1" t="s">
        <v>244298</v>
      </c>
      <c r="G73017" s="1" t="s">
        <v>244240</v>
      </c>
      <c r="H73017" s="1" t="s">
        <v>244241</v>
      </c>
      <c r="I73017" s="1" t="s">
        <v>243727</v>
      </c>
      <c r="J73017" s="1" t="s">
        <v>244299</v>
      </c>
    </row>
    <row r="73018" spans="1:10" x14ac:dyDescent="0.35">
      <c r="A73018" s="1" t="s">
        <v>47067</v>
      </c>
      <c r="B73018" s="1" t="s">
        <v>243722</v>
      </c>
      <c r="C73018" s="1" t="s">
        <v>110</v>
      </c>
      <c r="D73018" s="1" t="s">
        <v>44390</v>
      </c>
      <c r="E73018" s="1" t="s">
        <v>244300</v>
      </c>
      <c r="F73018" s="1" t="s">
        <v>244301</v>
      </c>
      <c r="G73018" s="1" t="s">
        <v>244240</v>
      </c>
      <c r="H73018" s="1" t="s">
        <v>244241</v>
      </c>
      <c r="I73018" s="1" t="s">
        <v>243727</v>
      </c>
      <c r="J73018" s="1" t="s">
        <v>244302</v>
      </c>
    </row>
    <row r="73019" spans="1:10" x14ac:dyDescent="0.35">
      <c r="A73019" s="1" t="s">
        <v>47067</v>
      </c>
      <c r="B73019" s="1" t="s">
        <v>243722</v>
      </c>
      <c r="C73019" s="1" t="s">
        <v>115</v>
      </c>
      <c r="D73019" s="1" t="s">
        <v>143596</v>
      </c>
      <c r="E73019" s="1" t="s">
        <v>244303</v>
      </c>
      <c r="F73019" s="1" t="s">
        <v>244304</v>
      </c>
      <c r="G73019" s="1" t="s">
        <v>244240</v>
      </c>
      <c r="H73019" s="1" t="s">
        <v>244241</v>
      </c>
      <c r="I73019" s="1" t="s">
        <v>243727</v>
      </c>
      <c r="J73019" s="1" t="s">
        <v>244305</v>
      </c>
    </row>
    <row r="73020" spans="1:10" x14ac:dyDescent="0.35">
      <c r="A73020" s="1" t="s">
        <v>47067</v>
      </c>
      <c r="B73020" s="1" t="s">
        <v>243722</v>
      </c>
      <c r="C73020" s="1" t="s">
        <v>120</v>
      </c>
      <c r="D73020" s="1" t="s">
        <v>1419</v>
      </c>
      <c r="E73020" s="1" t="s">
        <v>244306</v>
      </c>
      <c r="F73020" s="1" t="s">
        <v>244307</v>
      </c>
      <c r="G73020" s="1" t="s">
        <v>244240</v>
      </c>
      <c r="H73020" s="1" t="s">
        <v>244241</v>
      </c>
      <c r="I73020" s="1" t="s">
        <v>243727</v>
      </c>
      <c r="J73020" s="1" t="s">
        <v>244308</v>
      </c>
    </row>
    <row r="73021" spans="1:10" x14ac:dyDescent="0.35">
      <c r="A73021" s="1" t="s">
        <v>47067</v>
      </c>
      <c r="B73021" s="1" t="s">
        <v>243722</v>
      </c>
      <c r="C73021" s="1" t="s">
        <v>125</v>
      </c>
      <c r="D73021" s="1" t="s">
        <v>34306</v>
      </c>
      <c r="E73021" s="1" t="s">
        <v>244309</v>
      </c>
      <c r="F73021" s="1" t="s">
        <v>244310</v>
      </c>
      <c r="G73021" s="1" t="s">
        <v>244240</v>
      </c>
      <c r="H73021" s="1" t="s">
        <v>244241</v>
      </c>
      <c r="I73021" s="1" t="s">
        <v>243727</v>
      </c>
      <c r="J73021" s="1" t="s">
        <v>244311</v>
      </c>
    </row>
    <row r="73022" spans="1:10" x14ac:dyDescent="0.35">
      <c r="A73022" s="1" t="s">
        <v>47067</v>
      </c>
      <c r="B73022" s="1" t="s">
        <v>243722</v>
      </c>
      <c r="C73022" s="1" t="s">
        <v>130</v>
      </c>
      <c r="D73022" s="1" t="s">
        <v>171321</v>
      </c>
      <c r="E73022" s="1" t="s">
        <v>244312</v>
      </c>
      <c r="F73022" s="1" t="s">
        <v>244313</v>
      </c>
      <c r="G73022" s="1" t="s">
        <v>244240</v>
      </c>
      <c r="H73022" s="1" t="s">
        <v>244241</v>
      </c>
      <c r="I73022" s="1" t="s">
        <v>243727</v>
      </c>
      <c r="J73022" s="1" t="s">
        <v>244314</v>
      </c>
    </row>
    <row r="73023" spans="1:10" x14ac:dyDescent="0.35">
      <c r="A73023" s="1" t="s">
        <v>47067</v>
      </c>
      <c r="B73023" s="1" t="s">
        <v>243722</v>
      </c>
      <c r="C73023" s="1" t="s">
        <v>135</v>
      </c>
      <c r="D73023" s="1" t="s">
        <v>50174</v>
      </c>
      <c r="E73023" s="1" t="s">
        <v>244315</v>
      </c>
      <c r="F73023" s="1" t="s">
        <v>244316</v>
      </c>
      <c r="G73023" s="1" t="s">
        <v>244240</v>
      </c>
      <c r="H73023" s="1" t="s">
        <v>244241</v>
      </c>
      <c r="I73023" s="1" t="s">
        <v>243727</v>
      </c>
      <c r="J73023" s="1" t="s">
        <v>244317</v>
      </c>
    </row>
    <row r="73024" spans="1:10" x14ac:dyDescent="0.35">
      <c r="A73024" s="1" t="s">
        <v>47067</v>
      </c>
      <c r="B73024" s="1" t="s">
        <v>243722</v>
      </c>
      <c r="C73024" s="1" t="s">
        <v>140</v>
      </c>
      <c r="D73024" s="1" t="s">
        <v>148405</v>
      </c>
      <c r="E73024" s="1" t="s">
        <v>244318</v>
      </c>
      <c r="F73024" s="1" t="s">
        <v>244319</v>
      </c>
      <c r="G73024" s="1" t="s">
        <v>244240</v>
      </c>
      <c r="H73024" s="1" t="s">
        <v>244241</v>
      </c>
      <c r="I73024" s="1" t="s">
        <v>243727</v>
      </c>
      <c r="J73024" s="1" t="s">
        <v>244320</v>
      </c>
    </row>
    <row r="73025" spans="1:10" x14ac:dyDescent="0.35">
      <c r="A73025" s="1" t="s">
        <v>47067</v>
      </c>
      <c r="B73025" s="1" t="s">
        <v>243722</v>
      </c>
      <c r="C73025" s="1" t="s">
        <v>145</v>
      </c>
      <c r="D73025" s="1" t="s">
        <v>29129</v>
      </c>
      <c r="E73025" s="1" t="s">
        <v>244321</v>
      </c>
      <c r="F73025" s="1" t="s">
        <v>244322</v>
      </c>
      <c r="G73025" s="1" t="s">
        <v>244240</v>
      </c>
      <c r="H73025" s="1" t="s">
        <v>244241</v>
      </c>
      <c r="I73025" s="1" t="s">
        <v>243727</v>
      </c>
      <c r="J73025" s="1" t="s">
        <v>244323</v>
      </c>
    </row>
    <row r="73026" spans="1:10" x14ac:dyDescent="0.35">
      <c r="A73026" s="1" t="s">
        <v>47067</v>
      </c>
      <c r="B73026" s="1" t="s">
        <v>243722</v>
      </c>
      <c r="C73026" s="1" t="s">
        <v>150</v>
      </c>
      <c r="D73026" s="1" t="s">
        <v>16352</v>
      </c>
      <c r="E73026" s="1" t="s">
        <v>244324</v>
      </c>
      <c r="F73026" s="1" t="s">
        <v>244325</v>
      </c>
      <c r="G73026" s="1" t="s">
        <v>244240</v>
      </c>
      <c r="H73026" s="1" t="s">
        <v>244241</v>
      </c>
      <c r="I73026" s="1" t="s">
        <v>243727</v>
      </c>
      <c r="J73026" s="1" t="s">
        <v>244326</v>
      </c>
    </row>
    <row r="73027" spans="1:10" x14ac:dyDescent="0.35">
      <c r="A73027" s="1" t="s">
        <v>47067</v>
      </c>
      <c r="B73027" s="1" t="s">
        <v>243722</v>
      </c>
      <c r="C73027" s="1" t="s">
        <v>155</v>
      </c>
      <c r="D73027" s="1" t="s">
        <v>38812</v>
      </c>
      <c r="E73027" s="1" t="s">
        <v>244327</v>
      </c>
      <c r="F73027" s="1" t="s">
        <v>244328</v>
      </c>
      <c r="G73027" s="1" t="s">
        <v>244240</v>
      </c>
      <c r="H73027" s="1" t="s">
        <v>244241</v>
      </c>
      <c r="I73027" s="1" t="s">
        <v>243727</v>
      </c>
      <c r="J73027" s="1" t="s">
        <v>244329</v>
      </c>
    </row>
    <row r="73028" spans="1:10" x14ac:dyDescent="0.35">
      <c r="A73028" s="1" t="s">
        <v>47067</v>
      </c>
      <c r="B73028" s="1" t="s">
        <v>243722</v>
      </c>
      <c r="C73028" s="1" t="s">
        <v>160</v>
      </c>
      <c r="D73028" s="1" t="s">
        <v>218460</v>
      </c>
      <c r="E73028" s="1" t="s">
        <v>244330</v>
      </c>
      <c r="F73028" s="1" t="s">
        <v>244331</v>
      </c>
      <c r="G73028" s="1" t="s">
        <v>244240</v>
      </c>
      <c r="H73028" s="1" t="s">
        <v>244241</v>
      </c>
      <c r="I73028" s="1" t="s">
        <v>243727</v>
      </c>
      <c r="J73028" s="1" t="s">
        <v>244332</v>
      </c>
    </row>
    <row r="73029" spans="1:10" x14ac:dyDescent="0.35">
      <c r="A73029" s="1" t="s">
        <v>47067</v>
      </c>
      <c r="B73029" s="1" t="s">
        <v>243722</v>
      </c>
      <c r="C73029" s="1" t="s">
        <v>165</v>
      </c>
      <c r="D73029" s="1" t="s">
        <v>74802</v>
      </c>
      <c r="E73029" s="1" t="s">
        <v>244333</v>
      </c>
      <c r="F73029" s="1" t="s">
        <v>244334</v>
      </c>
      <c r="G73029" s="1" t="s">
        <v>244240</v>
      </c>
      <c r="H73029" s="1" t="s">
        <v>244241</v>
      </c>
      <c r="I73029" s="1" t="s">
        <v>243727</v>
      </c>
      <c r="J73029" s="1" t="s">
        <v>244335</v>
      </c>
    </row>
    <row r="73030" spans="1:10" x14ac:dyDescent="0.35">
      <c r="A73030" s="1" t="s">
        <v>47067</v>
      </c>
      <c r="B73030" s="1" t="s">
        <v>243722</v>
      </c>
      <c r="C73030" s="1" t="s">
        <v>170</v>
      </c>
      <c r="D73030" s="1" t="s">
        <v>48614</v>
      </c>
      <c r="E73030" s="1" t="s">
        <v>244336</v>
      </c>
      <c r="F73030" s="1" t="s">
        <v>244337</v>
      </c>
      <c r="G73030" s="1" t="s">
        <v>244240</v>
      </c>
      <c r="H73030" s="1" t="s">
        <v>244241</v>
      </c>
      <c r="I73030" s="1" t="s">
        <v>243727</v>
      </c>
      <c r="J73030" s="1" t="s">
        <v>244338</v>
      </c>
    </row>
    <row r="73031" spans="1:10" x14ac:dyDescent="0.35">
      <c r="A73031" s="1" t="s">
        <v>120494</v>
      </c>
      <c r="B73031" s="1" t="s">
        <v>243722</v>
      </c>
      <c r="C73031" s="1" t="s">
        <v>8</v>
      </c>
      <c r="D73031" s="1" t="s">
        <v>119779</v>
      </c>
      <c r="E73031" s="1" t="s">
        <v>244339</v>
      </c>
      <c r="F73031" s="1" t="s">
        <v>244340</v>
      </c>
      <c r="G73031" s="1" t="s">
        <v>244341</v>
      </c>
      <c r="H73031" s="1" t="s">
        <v>244342</v>
      </c>
      <c r="I73031" s="1" t="s">
        <v>243727</v>
      </c>
      <c r="J73031" s="1" t="s">
        <v>13</v>
      </c>
    </row>
    <row r="73032" spans="1:10" x14ac:dyDescent="0.35">
      <c r="A73032" s="1" t="s">
        <v>120494</v>
      </c>
      <c r="B73032" s="1" t="s">
        <v>243722</v>
      </c>
      <c r="C73032" s="1" t="s">
        <v>15</v>
      </c>
      <c r="D73032" s="1" t="s">
        <v>149231</v>
      </c>
      <c r="E73032" s="1" t="s">
        <v>244343</v>
      </c>
      <c r="F73032" s="1" t="s">
        <v>244344</v>
      </c>
      <c r="G73032" s="1" t="s">
        <v>244341</v>
      </c>
      <c r="H73032" s="1" t="s">
        <v>244342</v>
      </c>
      <c r="I73032" s="1" t="s">
        <v>243727</v>
      </c>
      <c r="J73032" s="1" t="s">
        <v>143157</v>
      </c>
    </row>
    <row r="73033" spans="1:10" x14ac:dyDescent="0.35">
      <c r="A73033" s="1" t="s">
        <v>120494</v>
      </c>
      <c r="B73033" s="1" t="s">
        <v>243722</v>
      </c>
      <c r="C73033" s="1" t="s">
        <v>20</v>
      </c>
      <c r="D73033" s="1" t="s">
        <v>28532</v>
      </c>
      <c r="E73033" s="1" t="s">
        <v>244345</v>
      </c>
      <c r="F73033" s="1" t="s">
        <v>244346</v>
      </c>
      <c r="G73033" s="1" t="s">
        <v>244341</v>
      </c>
      <c r="H73033" s="1" t="s">
        <v>244342</v>
      </c>
      <c r="I73033" s="1" t="s">
        <v>243727</v>
      </c>
      <c r="J73033" s="1" t="s">
        <v>244347</v>
      </c>
    </row>
    <row r="73034" spans="1:10" x14ac:dyDescent="0.35">
      <c r="A73034" s="1" t="s">
        <v>120494</v>
      </c>
      <c r="B73034" s="1" t="s">
        <v>243722</v>
      </c>
      <c r="C73034" s="1" t="s">
        <v>25</v>
      </c>
      <c r="D73034" s="1" t="s">
        <v>3600</v>
      </c>
      <c r="E73034" s="1" t="s">
        <v>244348</v>
      </c>
      <c r="F73034" s="1" t="s">
        <v>244349</v>
      </c>
      <c r="G73034" s="1" t="s">
        <v>244341</v>
      </c>
      <c r="H73034" s="1" t="s">
        <v>244342</v>
      </c>
      <c r="I73034" s="1" t="s">
        <v>243727</v>
      </c>
      <c r="J73034" s="1" t="s">
        <v>244350</v>
      </c>
    </row>
    <row r="73035" spans="1:10" x14ac:dyDescent="0.35">
      <c r="A73035" s="1" t="s">
        <v>120494</v>
      </c>
      <c r="B73035" s="1" t="s">
        <v>243722</v>
      </c>
      <c r="C73035" s="1" t="s">
        <v>30</v>
      </c>
      <c r="D73035" s="1" t="s">
        <v>9226</v>
      </c>
      <c r="E73035" s="1" t="s">
        <v>244351</v>
      </c>
      <c r="F73035" s="1" t="s">
        <v>244352</v>
      </c>
      <c r="G73035" s="1" t="s">
        <v>244341</v>
      </c>
      <c r="H73035" s="1" t="s">
        <v>244342</v>
      </c>
      <c r="I73035" s="1" t="s">
        <v>243727</v>
      </c>
      <c r="J73035" s="1" t="s">
        <v>244353</v>
      </c>
    </row>
    <row r="73036" spans="1:10" x14ac:dyDescent="0.35">
      <c r="A73036" s="1" t="s">
        <v>120494</v>
      </c>
      <c r="B73036" s="1" t="s">
        <v>243722</v>
      </c>
      <c r="C73036" s="1" t="s">
        <v>35</v>
      </c>
      <c r="D73036" s="1" t="s">
        <v>5502</v>
      </c>
      <c r="E73036" s="1" t="s">
        <v>244354</v>
      </c>
      <c r="F73036" s="1" t="s">
        <v>244355</v>
      </c>
      <c r="G73036" s="1" t="s">
        <v>244341</v>
      </c>
      <c r="H73036" s="1" t="s">
        <v>244342</v>
      </c>
      <c r="I73036" s="1" t="s">
        <v>243727</v>
      </c>
      <c r="J73036" s="1" t="s">
        <v>244356</v>
      </c>
    </row>
    <row r="73037" spans="1:10" x14ac:dyDescent="0.35">
      <c r="A73037" s="1" t="s">
        <v>120494</v>
      </c>
      <c r="B73037" s="1" t="s">
        <v>243722</v>
      </c>
      <c r="C73037" s="1" t="s">
        <v>40</v>
      </c>
      <c r="D73037" s="1" t="s">
        <v>10250</v>
      </c>
      <c r="E73037" s="1" t="s">
        <v>244357</v>
      </c>
      <c r="F73037" s="1" t="s">
        <v>244358</v>
      </c>
      <c r="G73037" s="1" t="s">
        <v>244341</v>
      </c>
      <c r="H73037" s="1" t="s">
        <v>244342</v>
      </c>
      <c r="I73037" s="1" t="s">
        <v>243727</v>
      </c>
      <c r="J73037" s="1" t="s">
        <v>244359</v>
      </c>
    </row>
    <row r="73038" spans="1:10" x14ac:dyDescent="0.35">
      <c r="A73038" s="1" t="s">
        <v>120494</v>
      </c>
      <c r="B73038" s="1" t="s">
        <v>243722</v>
      </c>
      <c r="C73038" s="1" t="s">
        <v>45</v>
      </c>
      <c r="D73038" s="1" t="s">
        <v>6407</v>
      </c>
      <c r="E73038" s="1" t="s">
        <v>244360</v>
      </c>
      <c r="F73038" s="1" t="s">
        <v>244361</v>
      </c>
      <c r="G73038" s="1" t="s">
        <v>244341</v>
      </c>
      <c r="H73038" s="1" t="s">
        <v>244342</v>
      </c>
      <c r="I73038" s="1" t="s">
        <v>243727</v>
      </c>
      <c r="J73038" s="1" t="s">
        <v>244362</v>
      </c>
    </row>
    <row r="73039" spans="1:10" x14ac:dyDescent="0.35">
      <c r="A73039" s="1" t="s">
        <v>120494</v>
      </c>
      <c r="B73039" s="1" t="s">
        <v>243722</v>
      </c>
      <c r="C73039" s="1" t="s">
        <v>50</v>
      </c>
      <c r="D73039" s="1" t="s">
        <v>51861</v>
      </c>
      <c r="E73039" s="1" t="s">
        <v>244363</v>
      </c>
      <c r="F73039" s="1" t="s">
        <v>244364</v>
      </c>
      <c r="G73039" s="1" t="s">
        <v>244341</v>
      </c>
      <c r="H73039" s="1" t="s">
        <v>244342</v>
      </c>
      <c r="I73039" s="1" t="s">
        <v>243727</v>
      </c>
      <c r="J73039" s="1" t="s">
        <v>244365</v>
      </c>
    </row>
    <row r="73040" spans="1:10" x14ac:dyDescent="0.35">
      <c r="A73040" s="1" t="s">
        <v>120494</v>
      </c>
      <c r="B73040" s="1" t="s">
        <v>243722</v>
      </c>
      <c r="C73040" s="1" t="s">
        <v>55</v>
      </c>
      <c r="D73040" s="1" t="s">
        <v>25853</v>
      </c>
      <c r="E73040" s="1" t="s">
        <v>244366</v>
      </c>
      <c r="F73040" s="1" t="s">
        <v>244367</v>
      </c>
      <c r="G73040" s="1" t="s">
        <v>244341</v>
      </c>
      <c r="H73040" s="1" t="s">
        <v>244342</v>
      </c>
      <c r="I73040" s="1" t="s">
        <v>243727</v>
      </c>
      <c r="J73040" s="1" t="s">
        <v>244368</v>
      </c>
    </row>
    <row r="73041" spans="1:10" x14ac:dyDescent="0.35">
      <c r="A73041" s="1" t="s">
        <v>120494</v>
      </c>
      <c r="B73041" s="1" t="s">
        <v>243722</v>
      </c>
      <c r="C73041" s="1" t="s">
        <v>60</v>
      </c>
      <c r="D73041" s="1" t="s">
        <v>1225</v>
      </c>
      <c r="E73041" s="1" t="s">
        <v>244369</v>
      </c>
      <c r="F73041" s="1" t="s">
        <v>244370</v>
      </c>
      <c r="G73041" s="1" t="s">
        <v>244341</v>
      </c>
      <c r="H73041" s="1" t="s">
        <v>244342</v>
      </c>
      <c r="I73041" s="1" t="s">
        <v>243727</v>
      </c>
      <c r="J73041" s="1" t="s">
        <v>244371</v>
      </c>
    </row>
    <row r="73042" spans="1:10" x14ac:dyDescent="0.35">
      <c r="A73042" s="1" t="s">
        <v>120494</v>
      </c>
      <c r="B73042" s="1" t="s">
        <v>243722</v>
      </c>
      <c r="C73042" s="1" t="s">
        <v>65</v>
      </c>
      <c r="D73042" s="1" t="s">
        <v>105047</v>
      </c>
      <c r="E73042" s="1" t="s">
        <v>244372</v>
      </c>
      <c r="F73042" s="1" t="s">
        <v>244373</v>
      </c>
      <c r="G73042" s="1" t="s">
        <v>244341</v>
      </c>
      <c r="H73042" s="1" t="s">
        <v>244342</v>
      </c>
      <c r="I73042" s="1" t="s">
        <v>243727</v>
      </c>
      <c r="J73042" s="1" t="s">
        <v>13577</v>
      </c>
    </row>
    <row r="73043" spans="1:10" x14ac:dyDescent="0.35">
      <c r="A73043" s="1" t="s">
        <v>120494</v>
      </c>
      <c r="B73043" s="1" t="s">
        <v>243722</v>
      </c>
      <c r="C73043" s="1" t="s">
        <v>70</v>
      </c>
      <c r="D73043" s="1" t="s">
        <v>27776</v>
      </c>
      <c r="E73043" s="1" t="s">
        <v>244374</v>
      </c>
      <c r="F73043" s="1" t="s">
        <v>244375</v>
      </c>
      <c r="G73043" s="1" t="s">
        <v>244341</v>
      </c>
      <c r="H73043" s="1" t="s">
        <v>244342</v>
      </c>
      <c r="I73043" s="1" t="s">
        <v>243727</v>
      </c>
      <c r="J73043" s="1" t="s">
        <v>244376</v>
      </c>
    </row>
    <row r="73044" spans="1:10" x14ac:dyDescent="0.35">
      <c r="A73044" s="1" t="s">
        <v>120494</v>
      </c>
      <c r="B73044" s="1" t="s">
        <v>243722</v>
      </c>
      <c r="C73044" s="1" t="s">
        <v>75</v>
      </c>
      <c r="D73044" s="1" t="s">
        <v>8734</v>
      </c>
      <c r="E73044" s="1" t="s">
        <v>244377</v>
      </c>
      <c r="F73044" s="1" t="s">
        <v>244378</v>
      </c>
      <c r="G73044" s="1" t="s">
        <v>244341</v>
      </c>
      <c r="H73044" s="1" t="s">
        <v>244342</v>
      </c>
      <c r="I73044" s="1" t="s">
        <v>243727</v>
      </c>
      <c r="J73044" s="1" t="s">
        <v>244379</v>
      </c>
    </row>
    <row r="73045" spans="1:10" x14ac:dyDescent="0.35">
      <c r="A73045" s="1" t="s">
        <v>120494</v>
      </c>
      <c r="B73045" s="1" t="s">
        <v>243722</v>
      </c>
      <c r="C73045" s="1" t="s">
        <v>80</v>
      </c>
      <c r="D73045" s="1" t="s">
        <v>27607</v>
      </c>
      <c r="E73045" s="1" t="s">
        <v>244380</v>
      </c>
      <c r="F73045" s="1" t="s">
        <v>244381</v>
      </c>
      <c r="G73045" s="1" t="s">
        <v>244341</v>
      </c>
      <c r="H73045" s="1" t="s">
        <v>244342</v>
      </c>
      <c r="I73045" s="1" t="s">
        <v>243727</v>
      </c>
      <c r="J73045" s="1" t="s">
        <v>244382</v>
      </c>
    </row>
    <row r="73046" spans="1:10" x14ac:dyDescent="0.35">
      <c r="A73046" s="1" t="s">
        <v>120494</v>
      </c>
      <c r="B73046" s="1" t="s">
        <v>243722</v>
      </c>
      <c r="C73046" s="1" t="s">
        <v>85</v>
      </c>
      <c r="D73046" s="1" t="s">
        <v>9233</v>
      </c>
      <c r="E73046" s="1" t="s">
        <v>244383</v>
      </c>
      <c r="F73046" s="1" t="s">
        <v>244384</v>
      </c>
      <c r="G73046" s="1" t="s">
        <v>244341</v>
      </c>
      <c r="H73046" s="1" t="s">
        <v>244342</v>
      </c>
      <c r="I73046" s="1" t="s">
        <v>243727</v>
      </c>
      <c r="J73046" s="1" t="s">
        <v>244385</v>
      </c>
    </row>
    <row r="73047" spans="1:10" x14ac:dyDescent="0.35">
      <c r="A73047" s="1" t="s">
        <v>120494</v>
      </c>
      <c r="B73047" s="1" t="s">
        <v>243722</v>
      </c>
      <c r="C73047" s="1" t="s">
        <v>90</v>
      </c>
      <c r="D73047" s="1" t="s">
        <v>120781</v>
      </c>
      <c r="E73047" s="1" t="s">
        <v>244386</v>
      </c>
      <c r="F73047" s="1" t="s">
        <v>244387</v>
      </c>
      <c r="G73047" s="1" t="s">
        <v>244341</v>
      </c>
      <c r="H73047" s="1" t="s">
        <v>244342</v>
      </c>
      <c r="I73047" s="1" t="s">
        <v>243727</v>
      </c>
      <c r="J73047" s="1" t="s">
        <v>244388</v>
      </c>
    </row>
    <row r="73048" spans="1:10" x14ac:dyDescent="0.35">
      <c r="A73048" s="1" t="s">
        <v>120494</v>
      </c>
      <c r="B73048" s="1" t="s">
        <v>243722</v>
      </c>
      <c r="C73048" s="1" t="s">
        <v>95</v>
      </c>
      <c r="D73048" s="1" t="s">
        <v>27399</v>
      </c>
      <c r="E73048" s="1" t="s">
        <v>244389</v>
      </c>
      <c r="F73048" s="1" t="s">
        <v>244390</v>
      </c>
      <c r="G73048" s="1" t="s">
        <v>244341</v>
      </c>
      <c r="H73048" s="1" t="s">
        <v>244342</v>
      </c>
      <c r="I73048" s="1" t="s">
        <v>243727</v>
      </c>
      <c r="J73048" s="1" t="s">
        <v>244391</v>
      </c>
    </row>
    <row r="73049" spans="1:10" x14ac:dyDescent="0.35">
      <c r="A73049" s="1" t="s">
        <v>120494</v>
      </c>
      <c r="B73049" s="1" t="s">
        <v>243722</v>
      </c>
      <c r="C73049" s="1" t="s">
        <v>100</v>
      </c>
      <c r="D73049" s="1" t="s">
        <v>143221</v>
      </c>
      <c r="E73049" s="1" t="s">
        <v>244392</v>
      </c>
      <c r="F73049" s="1" t="s">
        <v>244393</v>
      </c>
      <c r="G73049" s="1" t="s">
        <v>244341</v>
      </c>
      <c r="H73049" s="1" t="s">
        <v>244342</v>
      </c>
      <c r="I73049" s="1" t="s">
        <v>243727</v>
      </c>
      <c r="J73049" s="1" t="s">
        <v>244394</v>
      </c>
    </row>
    <row r="73050" spans="1:10" x14ac:dyDescent="0.35">
      <c r="A73050" s="1" t="s">
        <v>120494</v>
      </c>
      <c r="B73050" s="1" t="s">
        <v>243722</v>
      </c>
      <c r="C73050" s="1" t="s">
        <v>105</v>
      </c>
      <c r="D73050" s="1" t="s">
        <v>8353</v>
      </c>
      <c r="E73050" s="1" t="s">
        <v>244395</v>
      </c>
      <c r="F73050" s="1" t="s">
        <v>244396</v>
      </c>
      <c r="G73050" s="1" t="s">
        <v>244341</v>
      </c>
      <c r="H73050" s="1" t="s">
        <v>244342</v>
      </c>
      <c r="I73050" s="1" t="s">
        <v>243727</v>
      </c>
      <c r="J73050" s="1" t="s">
        <v>244397</v>
      </c>
    </row>
    <row r="73051" spans="1:10" x14ac:dyDescent="0.35">
      <c r="A73051" s="1" t="s">
        <v>120494</v>
      </c>
      <c r="B73051" s="1" t="s">
        <v>243722</v>
      </c>
      <c r="C73051" s="1" t="s">
        <v>110</v>
      </c>
      <c r="D73051" s="1" t="s">
        <v>6500</v>
      </c>
      <c r="E73051" s="1" t="s">
        <v>244398</v>
      </c>
      <c r="F73051" s="1" t="s">
        <v>244399</v>
      </c>
      <c r="G73051" s="1" t="s">
        <v>244341</v>
      </c>
      <c r="H73051" s="1" t="s">
        <v>244342</v>
      </c>
      <c r="I73051" s="1" t="s">
        <v>243727</v>
      </c>
      <c r="J73051" s="1" t="s">
        <v>244400</v>
      </c>
    </row>
    <row r="73052" spans="1:10" x14ac:dyDescent="0.35">
      <c r="A73052" s="1" t="s">
        <v>120494</v>
      </c>
      <c r="B73052" s="1" t="s">
        <v>243722</v>
      </c>
      <c r="C73052" s="1" t="s">
        <v>115</v>
      </c>
      <c r="D73052" s="1" t="s">
        <v>26026</v>
      </c>
      <c r="E73052" s="1" t="s">
        <v>244401</v>
      </c>
      <c r="F73052" s="1" t="s">
        <v>244402</v>
      </c>
      <c r="G73052" s="1" t="s">
        <v>244341</v>
      </c>
      <c r="H73052" s="1" t="s">
        <v>244342</v>
      </c>
      <c r="I73052" s="1" t="s">
        <v>243727</v>
      </c>
      <c r="J73052" s="1" t="s">
        <v>244403</v>
      </c>
    </row>
    <row r="73053" spans="1:10" x14ac:dyDescent="0.35">
      <c r="A73053" s="1" t="s">
        <v>120494</v>
      </c>
      <c r="B73053" s="1" t="s">
        <v>243722</v>
      </c>
      <c r="C73053" s="1" t="s">
        <v>120</v>
      </c>
      <c r="D73053" s="1" t="s">
        <v>112691</v>
      </c>
      <c r="E73053" s="1" t="s">
        <v>244404</v>
      </c>
      <c r="F73053" s="1" t="s">
        <v>244405</v>
      </c>
      <c r="G73053" s="1" t="s">
        <v>244341</v>
      </c>
      <c r="H73053" s="1" t="s">
        <v>244342</v>
      </c>
      <c r="I73053" s="1" t="s">
        <v>243727</v>
      </c>
      <c r="J73053" s="1" t="s">
        <v>244406</v>
      </c>
    </row>
    <row r="73054" spans="1:10" x14ac:dyDescent="0.35">
      <c r="A73054" s="1" t="s">
        <v>120494</v>
      </c>
      <c r="B73054" s="1" t="s">
        <v>243722</v>
      </c>
      <c r="C73054" s="1" t="s">
        <v>125</v>
      </c>
      <c r="D73054" s="1" t="s">
        <v>2572</v>
      </c>
      <c r="E73054" s="1" t="s">
        <v>244407</v>
      </c>
      <c r="F73054" s="1" t="s">
        <v>244408</v>
      </c>
      <c r="G73054" s="1" t="s">
        <v>244341</v>
      </c>
      <c r="H73054" s="1" t="s">
        <v>244342</v>
      </c>
      <c r="I73054" s="1" t="s">
        <v>243727</v>
      </c>
      <c r="J73054" s="1" t="s">
        <v>244409</v>
      </c>
    </row>
    <row r="73055" spans="1:10" x14ac:dyDescent="0.35">
      <c r="A73055" s="1" t="s">
        <v>120494</v>
      </c>
      <c r="B73055" s="1" t="s">
        <v>243722</v>
      </c>
      <c r="C73055" s="1" t="s">
        <v>130</v>
      </c>
      <c r="D73055" s="1" t="s">
        <v>29363</v>
      </c>
      <c r="E73055" s="1" t="s">
        <v>244410</v>
      </c>
      <c r="F73055" s="1" t="s">
        <v>244411</v>
      </c>
      <c r="G73055" s="1" t="s">
        <v>244341</v>
      </c>
      <c r="H73055" s="1" t="s">
        <v>244342</v>
      </c>
      <c r="I73055" s="1" t="s">
        <v>243727</v>
      </c>
      <c r="J73055" s="1" t="s">
        <v>244412</v>
      </c>
    </row>
    <row r="73056" spans="1:10" x14ac:dyDescent="0.35">
      <c r="A73056" s="1" t="s">
        <v>120494</v>
      </c>
      <c r="B73056" s="1" t="s">
        <v>243722</v>
      </c>
      <c r="C73056" s="1" t="s">
        <v>135</v>
      </c>
      <c r="D73056" s="1" t="s">
        <v>116396</v>
      </c>
      <c r="E73056" s="1" t="s">
        <v>244413</v>
      </c>
      <c r="F73056" s="1" t="s">
        <v>244414</v>
      </c>
      <c r="G73056" s="1" t="s">
        <v>244341</v>
      </c>
      <c r="H73056" s="1" t="s">
        <v>244342</v>
      </c>
      <c r="I73056" s="1" t="s">
        <v>243727</v>
      </c>
      <c r="J73056" s="1" t="s">
        <v>244415</v>
      </c>
    </row>
    <row r="73057" spans="1:10" x14ac:dyDescent="0.35">
      <c r="A73057" s="1" t="s">
        <v>120494</v>
      </c>
      <c r="B73057" s="1" t="s">
        <v>243722</v>
      </c>
      <c r="C73057" s="1" t="s">
        <v>140</v>
      </c>
      <c r="D73057" s="1" t="s">
        <v>244416</v>
      </c>
      <c r="E73057" s="1" t="s">
        <v>244417</v>
      </c>
      <c r="F73057" s="1" t="s">
        <v>244418</v>
      </c>
      <c r="G73057" s="1" t="s">
        <v>244341</v>
      </c>
      <c r="H73057" s="1" t="s">
        <v>244342</v>
      </c>
      <c r="I73057" s="1" t="s">
        <v>243727</v>
      </c>
      <c r="J73057" s="1" t="s">
        <v>244419</v>
      </c>
    </row>
    <row r="73058" spans="1:10" x14ac:dyDescent="0.35">
      <c r="A73058" s="1" t="s">
        <v>120494</v>
      </c>
      <c r="B73058" s="1" t="s">
        <v>243722</v>
      </c>
      <c r="C73058" s="1" t="s">
        <v>145</v>
      </c>
      <c r="D73058" s="1" t="s">
        <v>10853</v>
      </c>
      <c r="E73058" s="1" t="s">
        <v>244420</v>
      </c>
      <c r="F73058" s="1" t="s">
        <v>244421</v>
      </c>
      <c r="G73058" s="1" t="s">
        <v>244341</v>
      </c>
      <c r="H73058" s="1" t="s">
        <v>244342</v>
      </c>
      <c r="I73058" s="1" t="s">
        <v>243727</v>
      </c>
      <c r="J73058" s="1" t="s">
        <v>244422</v>
      </c>
    </row>
    <row r="73059" spans="1:10" x14ac:dyDescent="0.35">
      <c r="A73059" s="1" t="s">
        <v>120494</v>
      </c>
      <c r="B73059" s="1" t="s">
        <v>243722</v>
      </c>
      <c r="C73059" s="1" t="s">
        <v>150</v>
      </c>
      <c r="D73059" s="1" t="s">
        <v>144129</v>
      </c>
      <c r="E73059" s="1" t="s">
        <v>244423</v>
      </c>
      <c r="F73059" s="1" t="s">
        <v>244424</v>
      </c>
      <c r="G73059" s="1" t="s">
        <v>244341</v>
      </c>
      <c r="H73059" s="1" t="s">
        <v>244342</v>
      </c>
      <c r="I73059" s="1" t="s">
        <v>243727</v>
      </c>
      <c r="J73059" s="1" t="s">
        <v>244425</v>
      </c>
    </row>
    <row r="73060" spans="1:10" x14ac:dyDescent="0.35">
      <c r="A73060" s="1" t="s">
        <v>120494</v>
      </c>
      <c r="B73060" s="1" t="s">
        <v>243722</v>
      </c>
      <c r="C73060" s="1" t="s">
        <v>155</v>
      </c>
      <c r="D73060" s="1" t="s">
        <v>70867</v>
      </c>
      <c r="E73060" s="1" t="s">
        <v>244426</v>
      </c>
      <c r="F73060" s="1" t="s">
        <v>244427</v>
      </c>
      <c r="G73060" s="1" t="s">
        <v>244341</v>
      </c>
      <c r="H73060" s="1" t="s">
        <v>244342</v>
      </c>
      <c r="I73060" s="1" t="s">
        <v>243727</v>
      </c>
      <c r="J73060" s="1" t="s">
        <v>244428</v>
      </c>
    </row>
    <row r="73061" spans="1:10" x14ac:dyDescent="0.35">
      <c r="A73061" s="1" t="s">
        <v>120494</v>
      </c>
      <c r="B73061" s="1" t="s">
        <v>243722</v>
      </c>
      <c r="C73061" s="1" t="s">
        <v>160</v>
      </c>
      <c r="D73061" s="1" t="s">
        <v>6665</v>
      </c>
      <c r="E73061" s="1" t="s">
        <v>244429</v>
      </c>
      <c r="F73061" s="1" t="s">
        <v>244430</v>
      </c>
      <c r="G73061" s="1" t="s">
        <v>244341</v>
      </c>
      <c r="H73061" s="1" t="s">
        <v>244342</v>
      </c>
      <c r="I73061" s="1" t="s">
        <v>243727</v>
      </c>
      <c r="J73061" s="1" t="s">
        <v>244431</v>
      </c>
    </row>
    <row r="73062" spans="1:10" x14ac:dyDescent="0.35">
      <c r="A73062" s="1" t="s">
        <v>120494</v>
      </c>
      <c r="B73062" s="1" t="s">
        <v>243722</v>
      </c>
      <c r="C73062" s="1" t="s">
        <v>165</v>
      </c>
      <c r="D73062" s="1" t="s">
        <v>209511</v>
      </c>
      <c r="E73062" s="1" t="s">
        <v>244432</v>
      </c>
      <c r="F73062" s="1" t="s">
        <v>244433</v>
      </c>
      <c r="G73062" s="1" t="s">
        <v>244341</v>
      </c>
      <c r="H73062" s="1" t="s">
        <v>244342</v>
      </c>
      <c r="I73062" s="1" t="s">
        <v>243727</v>
      </c>
      <c r="J73062" s="1" t="s">
        <v>244434</v>
      </c>
    </row>
    <row r="73063" spans="1:10" x14ac:dyDescent="0.35">
      <c r="A73063" s="1" t="s">
        <v>120494</v>
      </c>
      <c r="B73063" s="1" t="s">
        <v>243722</v>
      </c>
      <c r="C73063" s="1" t="s">
        <v>170</v>
      </c>
      <c r="D73063" s="1" t="s">
        <v>48602</v>
      </c>
      <c r="E73063" s="1" t="s">
        <v>244435</v>
      </c>
      <c r="F73063" s="1" t="s">
        <v>244436</v>
      </c>
      <c r="G73063" s="1" t="s">
        <v>244341</v>
      </c>
      <c r="H73063" s="1" t="s">
        <v>244342</v>
      </c>
      <c r="I73063" s="1" t="s">
        <v>243727</v>
      </c>
      <c r="J73063" s="1" t="s">
        <v>244437</v>
      </c>
    </row>
    <row r="73064" spans="1:10" x14ac:dyDescent="0.35">
      <c r="A73064" s="1" t="s">
        <v>29334</v>
      </c>
      <c r="B73064" s="1" t="s">
        <v>243722</v>
      </c>
      <c r="C73064" s="1" t="s">
        <v>8</v>
      </c>
      <c r="D73064" s="1" t="s">
        <v>110364</v>
      </c>
      <c r="E73064" s="1" t="s">
        <v>244438</v>
      </c>
      <c r="F73064" s="1" t="s">
        <v>244439</v>
      </c>
      <c r="G73064" s="1" t="s">
        <v>244440</v>
      </c>
      <c r="H73064" s="1" t="s">
        <v>244441</v>
      </c>
      <c r="I73064" s="1" t="s">
        <v>243727</v>
      </c>
      <c r="J73064" s="1" t="s">
        <v>13</v>
      </c>
    </row>
    <row r="73065" spans="1:10" x14ac:dyDescent="0.35">
      <c r="A73065" s="1" t="s">
        <v>29334</v>
      </c>
      <c r="B73065" s="1" t="s">
        <v>243722</v>
      </c>
      <c r="C73065" s="1" t="s">
        <v>15</v>
      </c>
      <c r="D73065" s="1" t="s">
        <v>146087</v>
      </c>
      <c r="E73065" s="1" t="s">
        <v>244442</v>
      </c>
      <c r="F73065" s="1" t="s">
        <v>244443</v>
      </c>
      <c r="G73065" s="1" t="s">
        <v>244440</v>
      </c>
      <c r="H73065" s="1" t="s">
        <v>244441</v>
      </c>
      <c r="I73065" s="1" t="s">
        <v>243727</v>
      </c>
      <c r="J73065" s="1" t="s">
        <v>244444</v>
      </c>
    </row>
    <row r="73066" spans="1:10" x14ac:dyDescent="0.35">
      <c r="A73066" s="1" t="s">
        <v>29334</v>
      </c>
      <c r="B73066" s="1" t="s">
        <v>243722</v>
      </c>
      <c r="C73066" s="1" t="s">
        <v>20</v>
      </c>
      <c r="D73066" s="1" t="s">
        <v>50819</v>
      </c>
      <c r="E73066" s="1" t="s">
        <v>244445</v>
      </c>
      <c r="F73066" s="1" t="s">
        <v>244446</v>
      </c>
      <c r="G73066" s="1" t="s">
        <v>244440</v>
      </c>
      <c r="H73066" s="1" t="s">
        <v>244441</v>
      </c>
      <c r="I73066" s="1" t="s">
        <v>243727</v>
      </c>
      <c r="J73066" s="1" t="s">
        <v>244447</v>
      </c>
    </row>
    <row r="73067" spans="1:10" x14ac:dyDescent="0.35">
      <c r="A73067" s="1" t="s">
        <v>29334</v>
      </c>
      <c r="B73067" s="1" t="s">
        <v>243722</v>
      </c>
      <c r="C73067" s="1" t="s">
        <v>25</v>
      </c>
      <c r="D73067" s="1" t="s">
        <v>28178</v>
      </c>
      <c r="E73067" s="1" t="s">
        <v>244448</v>
      </c>
      <c r="F73067" s="1" t="s">
        <v>244449</v>
      </c>
      <c r="G73067" s="1" t="s">
        <v>244440</v>
      </c>
      <c r="H73067" s="1" t="s">
        <v>244441</v>
      </c>
      <c r="I73067" s="1" t="s">
        <v>243727</v>
      </c>
      <c r="J73067" s="1" t="s">
        <v>244450</v>
      </c>
    </row>
    <row r="73068" spans="1:10" x14ac:dyDescent="0.35">
      <c r="A73068" s="1" t="s">
        <v>29334</v>
      </c>
      <c r="B73068" s="1" t="s">
        <v>243722</v>
      </c>
      <c r="C73068" s="1" t="s">
        <v>30</v>
      </c>
      <c r="D73068" s="1" t="s">
        <v>3920</v>
      </c>
      <c r="E73068" s="1" t="s">
        <v>244451</v>
      </c>
      <c r="F73068" s="1" t="s">
        <v>244452</v>
      </c>
      <c r="G73068" s="1" t="s">
        <v>244440</v>
      </c>
      <c r="H73068" s="1" t="s">
        <v>244441</v>
      </c>
      <c r="I73068" s="1" t="s">
        <v>243727</v>
      </c>
      <c r="J73068" s="1" t="s">
        <v>244453</v>
      </c>
    </row>
    <row r="73069" spans="1:10" x14ac:dyDescent="0.35">
      <c r="A73069" s="1" t="s">
        <v>29334</v>
      </c>
      <c r="B73069" s="1" t="s">
        <v>243722</v>
      </c>
      <c r="C73069" s="1" t="s">
        <v>35</v>
      </c>
      <c r="D73069" s="1" t="s">
        <v>1209</v>
      </c>
      <c r="E73069" s="1" t="s">
        <v>244454</v>
      </c>
      <c r="F73069" s="1" t="s">
        <v>244455</v>
      </c>
      <c r="G73069" s="1" t="s">
        <v>244440</v>
      </c>
      <c r="H73069" s="1" t="s">
        <v>244441</v>
      </c>
      <c r="I73069" s="1" t="s">
        <v>243727</v>
      </c>
      <c r="J73069" s="1" t="s">
        <v>244456</v>
      </c>
    </row>
    <row r="73070" spans="1:10" x14ac:dyDescent="0.35">
      <c r="A73070" s="1" t="s">
        <v>29334</v>
      </c>
      <c r="B73070" s="1" t="s">
        <v>243722</v>
      </c>
      <c r="C73070" s="1" t="s">
        <v>40</v>
      </c>
      <c r="D73070" s="1" t="s">
        <v>3908</v>
      </c>
      <c r="E73070" s="1" t="s">
        <v>244457</v>
      </c>
      <c r="F73070" s="1" t="s">
        <v>244458</v>
      </c>
      <c r="G73070" s="1" t="s">
        <v>244440</v>
      </c>
      <c r="H73070" s="1" t="s">
        <v>244441</v>
      </c>
      <c r="I73070" s="1" t="s">
        <v>243727</v>
      </c>
      <c r="J73070" s="1" t="s">
        <v>244459</v>
      </c>
    </row>
    <row r="73071" spans="1:10" x14ac:dyDescent="0.35">
      <c r="A73071" s="1" t="s">
        <v>29334</v>
      </c>
      <c r="B73071" s="1" t="s">
        <v>243722</v>
      </c>
      <c r="C73071" s="1" t="s">
        <v>45</v>
      </c>
      <c r="D73071" s="1" t="s">
        <v>5505</v>
      </c>
      <c r="E73071" s="1" t="s">
        <v>244460</v>
      </c>
      <c r="F73071" s="1" t="s">
        <v>244461</v>
      </c>
      <c r="G73071" s="1" t="s">
        <v>244440</v>
      </c>
      <c r="H73071" s="1" t="s">
        <v>244441</v>
      </c>
      <c r="I73071" s="1" t="s">
        <v>243727</v>
      </c>
      <c r="J73071" s="1" t="s">
        <v>244462</v>
      </c>
    </row>
    <row r="73072" spans="1:10" x14ac:dyDescent="0.35">
      <c r="A73072" s="1" t="s">
        <v>29334</v>
      </c>
      <c r="B73072" s="1" t="s">
        <v>243722</v>
      </c>
      <c r="C73072" s="1" t="s">
        <v>50</v>
      </c>
      <c r="D73072" s="1" t="s">
        <v>120026</v>
      </c>
      <c r="E73072" s="1" t="s">
        <v>244463</v>
      </c>
      <c r="F73072" s="1" t="s">
        <v>244464</v>
      </c>
      <c r="G73072" s="1" t="s">
        <v>244440</v>
      </c>
      <c r="H73072" s="1" t="s">
        <v>244441</v>
      </c>
      <c r="I73072" s="1" t="s">
        <v>243727</v>
      </c>
      <c r="J73072" s="1" t="s">
        <v>244465</v>
      </c>
    </row>
    <row r="73073" spans="1:10" x14ac:dyDescent="0.35">
      <c r="A73073" s="1" t="s">
        <v>29334</v>
      </c>
      <c r="B73073" s="1" t="s">
        <v>243722</v>
      </c>
      <c r="C73073" s="1" t="s">
        <v>55</v>
      </c>
      <c r="D73073" s="1" t="s">
        <v>27395</v>
      </c>
      <c r="E73073" s="1" t="s">
        <v>244466</v>
      </c>
      <c r="F73073" s="1" t="s">
        <v>244467</v>
      </c>
      <c r="G73073" s="1" t="s">
        <v>244440</v>
      </c>
      <c r="H73073" s="1" t="s">
        <v>244441</v>
      </c>
      <c r="I73073" s="1" t="s">
        <v>243727</v>
      </c>
      <c r="J73073" s="1" t="s">
        <v>244468</v>
      </c>
    </row>
    <row r="73074" spans="1:10" x14ac:dyDescent="0.35">
      <c r="A73074" s="1" t="s">
        <v>29334</v>
      </c>
      <c r="B73074" s="1" t="s">
        <v>243722</v>
      </c>
      <c r="C73074" s="1" t="s">
        <v>60</v>
      </c>
      <c r="D73074" s="1" t="s">
        <v>143065</v>
      </c>
      <c r="E73074" s="1" t="s">
        <v>244469</v>
      </c>
      <c r="F73074" s="1" t="s">
        <v>244470</v>
      </c>
      <c r="G73074" s="1" t="s">
        <v>244440</v>
      </c>
      <c r="H73074" s="1" t="s">
        <v>244441</v>
      </c>
      <c r="I73074" s="1" t="s">
        <v>243727</v>
      </c>
      <c r="J73074" s="1" t="s">
        <v>244471</v>
      </c>
    </row>
    <row r="73075" spans="1:10" x14ac:dyDescent="0.35">
      <c r="A73075" s="1" t="s">
        <v>29334</v>
      </c>
      <c r="B73075" s="1" t="s">
        <v>243722</v>
      </c>
      <c r="C73075" s="1" t="s">
        <v>65</v>
      </c>
      <c r="D73075" s="1" t="s">
        <v>8769</v>
      </c>
      <c r="E73075" s="1" t="s">
        <v>244472</v>
      </c>
      <c r="F73075" s="1" t="s">
        <v>244473</v>
      </c>
      <c r="G73075" s="1" t="s">
        <v>244440</v>
      </c>
      <c r="H73075" s="1" t="s">
        <v>244441</v>
      </c>
      <c r="I73075" s="1" t="s">
        <v>243727</v>
      </c>
      <c r="J73075" s="1" t="s">
        <v>244474</v>
      </c>
    </row>
    <row r="73076" spans="1:10" x14ac:dyDescent="0.35">
      <c r="A73076" s="1" t="s">
        <v>29334</v>
      </c>
      <c r="B73076" s="1" t="s">
        <v>243722</v>
      </c>
      <c r="C73076" s="1" t="s">
        <v>70</v>
      </c>
      <c r="D73076" s="1" t="s">
        <v>171444</v>
      </c>
      <c r="E73076" s="1" t="s">
        <v>244475</v>
      </c>
      <c r="F73076" s="1" t="s">
        <v>244476</v>
      </c>
      <c r="G73076" s="1" t="s">
        <v>244440</v>
      </c>
      <c r="H73076" s="1" t="s">
        <v>244441</v>
      </c>
      <c r="I73076" s="1" t="s">
        <v>243727</v>
      </c>
      <c r="J73076" s="1" t="s">
        <v>244477</v>
      </c>
    </row>
    <row r="73077" spans="1:10" x14ac:dyDescent="0.35">
      <c r="A73077" s="1" t="s">
        <v>29334</v>
      </c>
      <c r="B73077" s="1" t="s">
        <v>243722</v>
      </c>
      <c r="C73077" s="1" t="s">
        <v>75</v>
      </c>
      <c r="D73077" s="1" t="s">
        <v>110319</v>
      </c>
      <c r="E73077" s="1" t="s">
        <v>244478</v>
      </c>
      <c r="F73077" s="1" t="s">
        <v>244479</v>
      </c>
      <c r="G73077" s="1" t="s">
        <v>244440</v>
      </c>
      <c r="H73077" s="1" t="s">
        <v>244441</v>
      </c>
      <c r="I73077" s="1" t="s">
        <v>243727</v>
      </c>
      <c r="J73077" s="1" t="s">
        <v>244480</v>
      </c>
    </row>
    <row r="73078" spans="1:10" x14ac:dyDescent="0.35">
      <c r="A73078" s="1" t="s">
        <v>29334</v>
      </c>
      <c r="B73078" s="1" t="s">
        <v>243722</v>
      </c>
      <c r="C73078" s="1" t="s">
        <v>80</v>
      </c>
      <c r="D73078" s="1" t="s">
        <v>27697</v>
      </c>
      <c r="E73078" s="1" t="s">
        <v>244481</v>
      </c>
      <c r="F73078" s="1" t="s">
        <v>244482</v>
      </c>
      <c r="G73078" s="1" t="s">
        <v>244440</v>
      </c>
      <c r="H73078" s="1" t="s">
        <v>244441</v>
      </c>
      <c r="I73078" s="1" t="s">
        <v>243727</v>
      </c>
      <c r="J73078" s="1" t="s">
        <v>244483</v>
      </c>
    </row>
    <row r="73079" spans="1:10" x14ac:dyDescent="0.35">
      <c r="A73079" s="1" t="s">
        <v>29334</v>
      </c>
      <c r="B73079" s="1" t="s">
        <v>243722</v>
      </c>
      <c r="C73079" s="1" t="s">
        <v>85</v>
      </c>
      <c r="D73079" s="1" t="s">
        <v>10043</v>
      </c>
      <c r="E73079" s="1" t="s">
        <v>244484</v>
      </c>
      <c r="F73079" s="1" t="s">
        <v>244485</v>
      </c>
      <c r="G73079" s="1" t="s">
        <v>244440</v>
      </c>
      <c r="H73079" s="1" t="s">
        <v>244441</v>
      </c>
      <c r="I73079" s="1" t="s">
        <v>243727</v>
      </c>
      <c r="J73079" s="1" t="s">
        <v>244486</v>
      </c>
    </row>
    <row r="73080" spans="1:10" x14ac:dyDescent="0.35">
      <c r="A73080" s="1" t="s">
        <v>29334</v>
      </c>
      <c r="B73080" s="1" t="s">
        <v>243722</v>
      </c>
      <c r="C73080" s="1" t="s">
        <v>90</v>
      </c>
      <c r="D73080" s="1" t="s">
        <v>28780</v>
      </c>
      <c r="E73080" s="1" t="s">
        <v>244487</v>
      </c>
      <c r="F73080" s="1" t="s">
        <v>244488</v>
      </c>
      <c r="G73080" s="1" t="s">
        <v>244440</v>
      </c>
      <c r="H73080" s="1" t="s">
        <v>244441</v>
      </c>
      <c r="I73080" s="1" t="s">
        <v>243727</v>
      </c>
      <c r="J73080" s="1" t="s">
        <v>244489</v>
      </c>
    </row>
    <row r="73081" spans="1:10" x14ac:dyDescent="0.35">
      <c r="A73081" s="1" t="s">
        <v>29334</v>
      </c>
      <c r="B73081" s="1" t="s">
        <v>243722</v>
      </c>
      <c r="C73081" s="1" t="s">
        <v>95</v>
      </c>
      <c r="D73081" s="1" t="s">
        <v>2865</v>
      </c>
      <c r="E73081" s="1" t="s">
        <v>244490</v>
      </c>
      <c r="F73081" s="1" t="s">
        <v>244491</v>
      </c>
      <c r="G73081" s="1" t="s">
        <v>244440</v>
      </c>
      <c r="H73081" s="1" t="s">
        <v>244441</v>
      </c>
      <c r="I73081" s="1" t="s">
        <v>243727</v>
      </c>
      <c r="J73081" s="1" t="s">
        <v>244492</v>
      </c>
    </row>
    <row r="73082" spans="1:10" x14ac:dyDescent="0.35">
      <c r="A73082" s="1" t="s">
        <v>29334</v>
      </c>
      <c r="B73082" s="1" t="s">
        <v>243722</v>
      </c>
      <c r="C73082" s="1" t="s">
        <v>100</v>
      </c>
      <c r="D73082" s="1" t="s">
        <v>7048</v>
      </c>
      <c r="E73082" s="1" t="s">
        <v>244493</v>
      </c>
      <c r="F73082" s="1" t="s">
        <v>244494</v>
      </c>
      <c r="G73082" s="1" t="s">
        <v>244440</v>
      </c>
      <c r="H73082" s="1" t="s">
        <v>244441</v>
      </c>
      <c r="I73082" s="1" t="s">
        <v>243727</v>
      </c>
      <c r="J73082" s="1" t="s">
        <v>244495</v>
      </c>
    </row>
    <row r="73083" spans="1:10" x14ac:dyDescent="0.35">
      <c r="A73083" s="1" t="s">
        <v>29334</v>
      </c>
      <c r="B73083" s="1" t="s">
        <v>243722</v>
      </c>
      <c r="C73083" s="1" t="s">
        <v>105</v>
      </c>
      <c r="D73083" s="1" t="s">
        <v>4777</v>
      </c>
      <c r="E73083" s="1" t="s">
        <v>244496</v>
      </c>
      <c r="F73083" s="1" t="s">
        <v>244497</v>
      </c>
      <c r="G73083" s="1" t="s">
        <v>244440</v>
      </c>
      <c r="H73083" s="1" t="s">
        <v>244441</v>
      </c>
      <c r="I73083" s="1" t="s">
        <v>243727</v>
      </c>
      <c r="J73083" s="1" t="s">
        <v>244498</v>
      </c>
    </row>
    <row r="73084" spans="1:10" x14ac:dyDescent="0.35">
      <c r="A73084" s="1" t="s">
        <v>29334</v>
      </c>
      <c r="B73084" s="1" t="s">
        <v>243722</v>
      </c>
      <c r="C73084" s="1" t="s">
        <v>110</v>
      </c>
      <c r="D73084" s="1" t="s">
        <v>4102</v>
      </c>
      <c r="E73084" s="1" t="s">
        <v>244499</v>
      </c>
      <c r="F73084" s="1" t="s">
        <v>244500</v>
      </c>
      <c r="G73084" s="1" t="s">
        <v>244440</v>
      </c>
      <c r="H73084" s="1" t="s">
        <v>244441</v>
      </c>
      <c r="I73084" s="1" t="s">
        <v>243727</v>
      </c>
      <c r="J73084" s="1" t="s">
        <v>244501</v>
      </c>
    </row>
    <row r="73085" spans="1:10" x14ac:dyDescent="0.35">
      <c r="A73085" s="1" t="s">
        <v>29334</v>
      </c>
      <c r="B73085" s="1" t="s">
        <v>243722</v>
      </c>
      <c r="C73085" s="1" t="s">
        <v>115</v>
      </c>
      <c r="D73085" s="1" t="s">
        <v>172381</v>
      </c>
      <c r="E73085" s="1" t="s">
        <v>244502</v>
      </c>
      <c r="F73085" s="1" t="s">
        <v>244503</v>
      </c>
      <c r="G73085" s="1" t="s">
        <v>244440</v>
      </c>
      <c r="H73085" s="1" t="s">
        <v>244441</v>
      </c>
      <c r="I73085" s="1" t="s">
        <v>243727</v>
      </c>
      <c r="J73085" s="1" t="s">
        <v>244504</v>
      </c>
    </row>
    <row r="73086" spans="1:10" x14ac:dyDescent="0.35">
      <c r="A73086" s="1" t="s">
        <v>29334</v>
      </c>
      <c r="B73086" s="1" t="s">
        <v>243722</v>
      </c>
      <c r="C73086" s="1" t="s">
        <v>120</v>
      </c>
      <c r="D73086" s="1" t="s">
        <v>150699</v>
      </c>
      <c r="E73086" s="1" t="s">
        <v>244505</v>
      </c>
      <c r="F73086" s="1" t="s">
        <v>244506</v>
      </c>
      <c r="G73086" s="1" t="s">
        <v>244440</v>
      </c>
      <c r="H73086" s="1" t="s">
        <v>244441</v>
      </c>
      <c r="I73086" s="1" t="s">
        <v>243727</v>
      </c>
      <c r="J73086" s="1" t="s">
        <v>244507</v>
      </c>
    </row>
    <row r="73087" spans="1:10" x14ac:dyDescent="0.35">
      <c r="A73087" s="1" t="s">
        <v>29334</v>
      </c>
      <c r="B73087" s="1" t="s">
        <v>243722</v>
      </c>
      <c r="C73087" s="1" t="s">
        <v>125</v>
      </c>
      <c r="D73087" s="1" t="s">
        <v>49170</v>
      </c>
      <c r="E73087" s="1" t="s">
        <v>244508</v>
      </c>
      <c r="F73087" s="1" t="s">
        <v>244509</v>
      </c>
      <c r="G73087" s="1" t="s">
        <v>244440</v>
      </c>
      <c r="H73087" s="1" t="s">
        <v>244441</v>
      </c>
      <c r="I73087" s="1" t="s">
        <v>243727</v>
      </c>
      <c r="J73087" s="1" t="s">
        <v>244510</v>
      </c>
    </row>
    <row r="73088" spans="1:10" x14ac:dyDescent="0.35">
      <c r="A73088" s="1" t="s">
        <v>29334</v>
      </c>
      <c r="B73088" s="1" t="s">
        <v>243722</v>
      </c>
      <c r="C73088" s="1" t="s">
        <v>130</v>
      </c>
      <c r="D73088" s="1" t="s">
        <v>121911</v>
      </c>
      <c r="E73088" s="1" t="s">
        <v>244511</v>
      </c>
      <c r="F73088" s="1" t="s">
        <v>244512</v>
      </c>
      <c r="G73088" s="1" t="s">
        <v>244440</v>
      </c>
      <c r="H73088" s="1" t="s">
        <v>244441</v>
      </c>
      <c r="I73088" s="1" t="s">
        <v>243727</v>
      </c>
      <c r="J73088" s="1" t="s">
        <v>244513</v>
      </c>
    </row>
    <row r="73089" spans="1:10" x14ac:dyDescent="0.35">
      <c r="A73089" s="1" t="s">
        <v>29334</v>
      </c>
      <c r="B73089" s="1" t="s">
        <v>243722</v>
      </c>
      <c r="C73089" s="1" t="s">
        <v>135</v>
      </c>
      <c r="D73089" s="1" t="s">
        <v>204887</v>
      </c>
      <c r="E73089" s="1" t="s">
        <v>244514</v>
      </c>
      <c r="F73089" s="1" t="s">
        <v>244515</v>
      </c>
      <c r="G73089" s="1" t="s">
        <v>244440</v>
      </c>
      <c r="H73089" s="1" t="s">
        <v>244441</v>
      </c>
      <c r="I73089" s="1" t="s">
        <v>243727</v>
      </c>
      <c r="J73089" s="1" t="s">
        <v>244516</v>
      </c>
    </row>
    <row r="73090" spans="1:10" x14ac:dyDescent="0.35">
      <c r="A73090" s="1" t="s">
        <v>29334</v>
      </c>
      <c r="B73090" s="1" t="s">
        <v>243722</v>
      </c>
      <c r="C73090" s="1" t="s">
        <v>140</v>
      </c>
      <c r="D73090" s="1" t="s">
        <v>104294</v>
      </c>
      <c r="E73090" s="1" t="s">
        <v>244517</v>
      </c>
      <c r="F73090" s="1" t="s">
        <v>244518</v>
      </c>
      <c r="G73090" s="1" t="s">
        <v>244440</v>
      </c>
      <c r="H73090" s="1" t="s">
        <v>244441</v>
      </c>
      <c r="I73090" s="1" t="s">
        <v>243727</v>
      </c>
      <c r="J73090" s="1" t="s">
        <v>244519</v>
      </c>
    </row>
    <row r="73091" spans="1:10" x14ac:dyDescent="0.35">
      <c r="A73091" s="1" t="s">
        <v>29334</v>
      </c>
      <c r="B73091" s="1" t="s">
        <v>243722</v>
      </c>
      <c r="C73091" s="1" t="s">
        <v>145</v>
      </c>
      <c r="D73091" s="1" t="s">
        <v>17821</v>
      </c>
      <c r="E73091" s="1" t="s">
        <v>244520</v>
      </c>
      <c r="F73091" s="1" t="s">
        <v>244521</v>
      </c>
      <c r="G73091" s="1" t="s">
        <v>244440</v>
      </c>
      <c r="H73091" s="1" t="s">
        <v>244441</v>
      </c>
      <c r="I73091" s="1" t="s">
        <v>243727</v>
      </c>
      <c r="J73091" s="1" t="s">
        <v>244522</v>
      </c>
    </row>
    <row r="73092" spans="1:10" x14ac:dyDescent="0.35">
      <c r="A73092" s="1" t="s">
        <v>29334</v>
      </c>
      <c r="B73092" s="1" t="s">
        <v>243722</v>
      </c>
      <c r="C73092" s="1" t="s">
        <v>150</v>
      </c>
      <c r="D73092" s="1" t="s">
        <v>35711</v>
      </c>
      <c r="E73092" s="1" t="s">
        <v>244523</v>
      </c>
      <c r="F73092" s="1" t="s">
        <v>244524</v>
      </c>
      <c r="G73092" s="1" t="s">
        <v>244440</v>
      </c>
      <c r="H73092" s="1" t="s">
        <v>244441</v>
      </c>
      <c r="I73092" s="1" t="s">
        <v>243727</v>
      </c>
      <c r="J73092" s="1" t="s">
        <v>244525</v>
      </c>
    </row>
    <row r="73093" spans="1:10" x14ac:dyDescent="0.35">
      <c r="A73093" s="1" t="s">
        <v>29334</v>
      </c>
      <c r="B73093" s="1" t="s">
        <v>243722</v>
      </c>
      <c r="C73093" s="1" t="s">
        <v>155</v>
      </c>
      <c r="D73093" s="1" t="s">
        <v>145319</v>
      </c>
      <c r="E73093" s="1" t="s">
        <v>244526</v>
      </c>
      <c r="F73093" s="1" t="s">
        <v>244527</v>
      </c>
      <c r="G73093" s="1" t="s">
        <v>244440</v>
      </c>
      <c r="H73093" s="1" t="s">
        <v>244441</v>
      </c>
      <c r="I73093" s="1" t="s">
        <v>243727</v>
      </c>
      <c r="J73093" s="1" t="s">
        <v>244528</v>
      </c>
    </row>
    <row r="73094" spans="1:10" x14ac:dyDescent="0.35">
      <c r="A73094" s="1" t="s">
        <v>29334</v>
      </c>
      <c r="B73094" s="1" t="s">
        <v>243722</v>
      </c>
      <c r="C73094" s="1" t="s">
        <v>160</v>
      </c>
      <c r="D73094" s="1" t="s">
        <v>203287</v>
      </c>
      <c r="E73094" s="1" t="s">
        <v>244529</v>
      </c>
      <c r="F73094" s="1" t="s">
        <v>244530</v>
      </c>
      <c r="G73094" s="1" t="s">
        <v>244440</v>
      </c>
      <c r="H73094" s="1" t="s">
        <v>244441</v>
      </c>
      <c r="I73094" s="1" t="s">
        <v>243727</v>
      </c>
      <c r="J73094" s="1" t="s">
        <v>244531</v>
      </c>
    </row>
    <row r="73095" spans="1:10" x14ac:dyDescent="0.35">
      <c r="A73095" s="1" t="s">
        <v>29334</v>
      </c>
      <c r="B73095" s="1" t="s">
        <v>243722</v>
      </c>
      <c r="C73095" s="1" t="s">
        <v>165</v>
      </c>
      <c r="D73095" s="1" t="s">
        <v>244532</v>
      </c>
      <c r="E73095" s="1" t="s">
        <v>244533</v>
      </c>
      <c r="F73095" s="1" t="s">
        <v>244534</v>
      </c>
      <c r="G73095" s="1" t="s">
        <v>244440</v>
      </c>
      <c r="H73095" s="1" t="s">
        <v>244441</v>
      </c>
      <c r="I73095" s="1" t="s">
        <v>243727</v>
      </c>
      <c r="J73095" s="1" t="s">
        <v>244535</v>
      </c>
    </row>
    <row r="73096" spans="1:10" x14ac:dyDescent="0.35">
      <c r="A73096" s="1" t="s">
        <v>29334</v>
      </c>
      <c r="B73096" s="1" t="s">
        <v>243722</v>
      </c>
      <c r="C73096" s="1" t="s">
        <v>170</v>
      </c>
      <c r="D73096" s="1" t="s">
        <v>33749</v>
      </c>
      <c r="E73096" s="1" t="s">
        <v>244536</v>
      </c>
      <c r="F73096" s="1" t="s">
        <v>244537</v>
      </c>
      <c r="G73096" s="1" t="s">
        <v>244440</v>
      </c>
      <c r="H73096" s="1" t="s">
        <v>244441</v>
      </c>
      <c r="I73096" s="1" t="s">
        <v>243727</v>
      </c>
      <c r="J73096" s="1" t="s">
        <v>244538</v>
      </c>
    </row>
    <row r="73097" spans="1:10" x14ac:dyDescent="0.35">
      <c r="A73097" s="1" t="s">
        <v>8341</v>
      </c>
      <c r="B73097" s="1" t="s">
        <v>243722</v>
      </c>
      <c r="C73097" s="1" t="s">
        <v>8</v>
      </c>
      <c r="D73097" s="1" t="s">
        <v>143088</v>
      </c>
      <c r="E73097" s="1" t="s">
        <v>244539</v>
      </c>
      <c r="F73097" s="1" t="s">
        <v>244540</v>
      </c>
      <c r="G73097" s="1" t="s">
        <v>244541</v>
      </c>
      <c r="H73097" s="1" t="s">
        <v>244542</v>
      </c>
      <c r="I73097" s="1" t="s">
        <v>243727</v>
      </c>
      <c r="J73097" s="1" t="s">
        <v>13</v>
      </c>
    </row>
    <row r="73098" spans="1:10" x14ac:dyDescent="0.35">
      <c r="A73098" s="1" t="s">
        <v>8341</v>
      </c>
      <c r="B73098" s="1" t="s">
        <v>243722</v>
      </c>
      <c r="C73098" s="1" t="s">
        <v>15</v>
      </c>
      <c r="D73098" s="1" t="s">
        <v>217213</v>
      </c>
      <c r="E73098" s="1" t="s">
        <v>244543</v>
      </c>
      <c r="F73098" s="1" t="s">
        <v>244544</v>
      </c>
      <c r="G73098" s="1" t="s">
        <v>244541</v>
      </c>
      <c r="H73098" s="1" t="s">
        <v>244542</v>
      </c>
      <c r="I73098" s="1" t="s">
        <v>243727</v>
      </c>
      <c r="J73098" s="1" t="s">
        <v>244545</v>
      </c>
    </row>
    <row r="73099" spans="1:10" x14ac:dyDescent="0.35">
      <c r="A73099" s="1" t="s">
        <v>8341</v>
      </c>
      <c r="B73099" s="1" t="s">
        <v>243722</v>
      </c>
      <c r="C73099" s="1" t="s">
        <v>20</v>
      </c>
      <c r="D73099" s="1" t="s">
        <v>9403</v>
      </c>
      <c r="E73099" s="1" t="s">
        <v>244546</v>
      </c>
      <c r="F73099" s="1" t="s">
        <v>244547</v>
      </c>
      <c r="G73099" s="1" t="s">
        <v>244541</v>
      </c>
      <c r="H73099" s="1" t="s">
        <v>244542</v>
      </c>
      <c r="I73099" s="1" t="s">
        <v>243727</v>
      </c>
      <c r="J73099" s="1" t="s">
        <v>244548</v>
      </c>
    </row>
    <row r="73100" spans="1:10" x14ac:dyDescent="0.35">
      <c r="A73100" s="1" t="s">
        <v>8341</v>
      </c>
      <c r="B73100" s="1" t="s">
        <v>243722</v>
      </c>
      <c r="C73100" s="1" t="s">
        <v>25</v>
      </c>
      <c r="D73100" s="1" t="s">
        <v>1217</v>
      </c>
      <c r="E73100" s="1" t="s">
        <v>244549</v>
      </c>
      <c r="F73100" s="1" t="s">
        <v>244550</v>
      </c>
      <c r="G73100" s="1" t="s">
        <v>244541</v>
      </c>
      <c r="H73100" s="1" t="s">
        <v>244542</v>
      </c>
      <c r="I73100" s="1" t="s">
        <v>243727</v>
      </c>
      <c r="J73100" s="1" t="s">
        <v>244551</v>
      </c>
    </row>
    <row r="73101" spans="1:10" x14ac:dyDescent="0.35">
      <c r="A73101" s="1" t="s">
        <v>8341</v>
      </c>
      <c r="B73101" s="1" t="s">
        <v>243722</v>
      </c>
      <c r="C73101" s="1" t="s">
        <v>30</v>
      </c>
      <c r="D73101" s="1" t="s">
        <v>50616</v>
      </c>
      <c r="E73101" s="1" t="s">
        <v>244552</v>
      </c>
      <c r="F73101" s="1" t="s">
        <v>244553</v>
      </c>
      <c r="G73101" s="1" t="s">
        <v>244541</v>
      </c>
      <c r="H73101" s="1" t="s">
        <v>244542</v>
      </c>
      <c r="I73101" s="1" t="s">
        <v>243727</v>
      </c>
      <c r="J73101" s="1" t="s">
        <v>244554</v>
      </c>
    </row>
    <row r="73102" spans="1:10" x14ac:dyDescent="0.35">
      <c r="A73102" s="1" t="s">
        <v>8341</v>
      </c>
      <c r="B73102" s="1" t="s">
        <v>243722</v>
      </c>
      <c r="C73102" s="1" t="s">
        <v>35</v>
      </c>
      <c r="D73102" s="1" t="s">
        <v>13862</v>
      </c>
      <c r="E73102" s="1" t="s">
        <v>244555</v>
      </c>
      <c r="F73102" s="1" t="s">
        <v>244556</v>
      </c>
      <c r="G73102" s="1" t="s">
        <v>244541</v>
      </c>
      <c r="H73102" s="1" t="s">
        <v>244542</v>
      </c>
      <c r="I73102" s="1" t="s">
        <v>243727</v>
      </c>
      <c r="J73102" s="1" t="s">
        <v>244557</v>
      </c>
    </row>
    <row r="73103" spans="1:10" x14ac:dyDescent="0.35">
      <c r="A73103" s="1" t="s">
        <v>8341</v>
      </c>
      <c r="B73103" s="1" t="s">
        <v>243722</v>
      </c>
      <c r="C73103" s="1" t="s">
        <v>40</v>
      </c>
      <c r="D73103" s="1" t="s">
        <v>28735</v>
      </c>
      <c r="E73103" s="1" t="s">
        <v>244558</v>
      </c>
      <c r="F73103" s="1" t="s">
        <v>244559</v>
      </c>
      <c r="G73103" s="1" t="s">
        <v>244541</v>
      </c>
      <c r="H73103" s="1" t="s">
        <v>244542</v>
      </c>
      <c r="I73103" s="1" t="s">
        <v>243727</v>
      </c>
      <c r="J73103" s="1" t="s">
        <v>244560</v>
      </c>
    </row>
    <row r="73104" spans="1:10" x14ac:dyDescent="0.35">
      <c r="A73104" s="1" t="s">
        <v>8341</v>
      </c>
      <c r="B73104" s="1" t="s">
        <v>243722</v>
      </c>
      <c r="C73104" s="1" t="s">
        <v>45</v>
      </c>
      <c r="D73104" s="1" t="s">
        <v>28875</v>
      </c>
      <c r="E73104" s="1" t="s">
        <v>244561</v>
      </c>
      <c r="F73104" s="1" t="s">
        <v>244562</v>
      </c>
      <c r="G73104" s="1" t="s">
        <v>244541</v>
      </c>
      <c r="H73104" s="1" t="s">
        <v>244542</v>
      </c>
      <c r="I73104" s="1" t="s">
        <v>243727</v>
      </c>
      <c r="J73104" s="1" t="s">
        <v>244563</v>
      </c>
    </row>
    <row r="73105" spans="1:10" x14ac:dyDescent="0.35">
      <c r="A73105" s="1" t="s">
        <v>8341</v>
      </c>
      <c r="B73105" s="1" t="s">
        <v>243722</v>
      </c>
      <c r="C73105" s="1" t="s">
        <v>50</v>
      </c>
      <c r="D73105" s="1" t="s">
        <v>45240</v>
      </c>
      <c r="E73105" s="1" t="s">
        <v>244564</v>
      </c>
      <c r="F73105" s="1" t="s">
        <v>244565</v>
      </c>
      <c r="G73105" s="1" t="s">
        <v>244541</v>
      </c>
      <c r="H73105" s="1" t="s">
        <v>244542</v>
      </c>
      <c r="I73105" s="1" t="s">
        <v>243727</v>
      </c>
      <c r="J73105" s="1" t="s">
        <v>244566</v>
      </c>
    </row>
    <row r="73106" spans="1:10" x14ac:dyDescent="0.35">
      <c r="A73106" s="1" t="s">
        <v>8341</v>
      </c>
      <c r="B73106" s="1" t="s">
        <v>243722</v>
      </c>
      <c r="C73106" s="1" t="s">
        <v>55</v>
      </c>
      <c r="D73106" s="1" t="s">
        <v>110501</v>
      </c>
      <c r="E73106" s="1" t="s">
        <v>244567</v>
      </c>
      <c r="F73106" s="1" t="s">
        <v>244568</v>
      </c>
      <c r="G73106" s="1" t="s">
        <v>244541</v>
      </c>
      <c r="H73106" s="1" t="s">
        <v>244542</v>
      </c>
      <c r="I73106" s="1" t="s">
        <v>243727</v>
      </c>
      <c r="J73106" s="1" t="s">
        <v>244569</v>
      </c>
    </row>
    <row r="73107" spans="1:10" x14ac:dyDescent="0.35">
      <c r="A73107" s="1" t="s">
        <v>8341</v>
      </c>
      <c r="B73107" s="1" t="s">
        <v>243722</v>
      </c>
      <c r="C73107" s="1" t="s">
        <v>60</v>
      </c>
      <c r="D73107" s="1" t="s">
        <v>4435</v>
      </c>
      <c r="E73107" s="1" t="s">
        <v>79444</v>
      </c>
      <c r="F73107" s="1" t="s">
        <v>244570</v>
      </c>
      <c r="G73107" s="1" t="s">
        <v>244541</v>
      </c>
      <c r="H73107" s="1" t="s">
        <v>244542</v>
      </c>
      <c r="I73107" s="1" t="s">
        <v>243727</v>
      </c>
      <c r="J73107" s="1" t="s">
        <v>244571</v>
      </c>
    </row>
    <row r="73108" spans="1:10" x14ac:dyDescent="0.35">
      <c r="A73108" s="1" t="s">
        <v>8341</v>
      </c>
      <c r="B73108" s="1" t="s">
        <v>243722</v>
      </c>
      <c r="C73108" s="1" t="s">
        <v>65</v>
      </c>
      <c r="D73108" s="1" t="s">
        <v>165592</v>
      </c>
      <c r="E73108" s="1" t="s">
        <v>244572</v>
      </c>
      <c r="F73108" s="1" t="s">
        <v>244573</v>
      </c>
      <c r="G73108" s="1" t="s">
        <v>244541</v>
      </c>
      <c r="H73108" s="1" t="s">
        <v>244542</v>
      </c>
      <c r="I73108" s="1" t="s">
        <v>243727</v>
      </c>
      <c r="J73108" s="1" t="s">
        <v>244574</v>
      </c>
    </row>
    <row r="73109" spans="1:10" x14ac:dyDescent="0.35">
      <c r="A73109" s="1" t="s">
        <v>8341</v>
      </c>
      <c r="B73109" s="1" t="s">
        <v>243722</v>
      </c>
      <c r="C73109" s="1" t="s">
        <v>70</v>
      </c>
      <c r="D73109" s="1" t="s">
        <v>45983</v>
      </c>
      <c r="E73109" s="1" t="s">
        <v>244575</v>
      </c>
      <c r="F73109" s="1" t="s">
        <v>244576</v>
      </c>
      <c r="G73109" s="1" t="s">
        <v>244541</v>
      </c>
      <c r="H73109" s="1" t="s">
        <v>244542</v>
      </c>
      <c r="I73109" s="1" t="s">
        <v>243727</v>
      </c>
      <c r="J73109" s="1" t="s">
        <v>244577</v>
      </c>
    </row>
    <row r="73110" spans="1:10" x14ac:dyDescent="0.35">
      <c r="A73110" s="1" t="s">
        <v>8341</v>
      </c>
      <c r="B73110" s="1" t="s">
        <v>243722</v>
      </c>
      <c r="C73110" s="1" t="s">
        <v>75</v>
      </c>
      <c r="D73110" s="1" t="s">
        <v>8745</v>
      </c>
      <c r="E73110" s="1" t="s">
        <v>244578</v>
      </c>
      <c r="F73110" s="1" t="s">
        <v>244579</v>
      </c>
      <c r="G73110" s="1" t="s">
        <v>244541</v>
      </c>
      <c r="H73110" s="1" t="s">
        <v>244542</v>
      </c>
      <c r="I73110" s="1" t="s">
        <v>243727</v>
      </c>
      <c r="J73110" s="1" t="s">
        <v>244580</v>
      </c>
    </row>
    <row r="73111" spans="1:10" x14ac:dyDescent="0.35">
      <c r="A73111" s="1" t="s">
        <v>8341</v>
      </c>
      <c r="B73111" s="1" t="s">
        <v>243722</v>
      </c>
      <c r="C73111" s="1" t="s">
        <v>80</v>
      </c>
      <c r="D73111" s="1" t="s">
        <v>217918</v>
      </c>
      <c r="E73111" s="1" t="s">
        <v>244581</v>
      </c>
      <c r="F73111" s="1" t="s">
        <v>244582</v>
      </c>
      <c r="G73111" s="1" t="s">
        <v>244541</v>
      </c>
      <c r="H73111" s="1" t="s">
        <v>244542</v>
      </c>
      <c r="I73111" s="1" t="s">
        <v>243727</v>
      </c>
      <c r="J73111" s="1" t="s">
        <v>244583</v>
      </c>
    </row>
    <row r="73112" spans="1:10" x14ac:dyDescent="0.35">
      <c r="A73112" s="1" t="s">
        <v>8341</v>
      </c>
      <c r="B73112" s="1" t="s">
        <v>243722</v>
      </c>
      <c r="C73112" s="1" t="s">
        <v>85</v>
      </c>
      <c r="D73112" s="1" t="s">
        <v>1560</v>
      </c>
      <c r="E73112" s="1" t="s">
        <v>244584</v>
      </c>
      <c r="F73112" s="1" t="s">
        <v>244585</v>
      </c>
      <c r="G73112" s="1" t="s">
        <v>244541</v>
      </c>
      <c r="H73112" s="1" t="s">
        <v>244542</v>
      </c>
      <c r="I73112" s="1" t="s">
        <v>243727</v>
      </c>
      <c r="J73112" s="1" t="s">
        <v>244586</v>
      </c>
    </row>
    <row r="73113" spans="1:10" x14ac:dyDescent="0.35">
      <c r="A73113" s="1" t="s">
        <v>8341</v>
      </c>
      <c r="B73113" s="1" t="s">
        <v>243722</v>
      </c>
      <c r="C73113" s="1" t="s">
        <v>90</v>
      </c>
      <c r="D73113" s="1" t="s">
        <v>11767</v>
      </c>
      <c r="E73113" s="1" t="s">
        <v>244587</v>
      </c>
      <c r="F73113" s="1" t="s">
        <v>244588</v>
      </c>
      <c r="G73113" s="1" t="s">
        <v>244541</v>
      </c>
      <c r="H73113" s="1" t="s">
        <v>244542</v>
      </c>
      <c r="I73113" s="1" t="s">
        <v>243727</v>
      </c>
      <c r="J73113" s="1" t="s">
        <v>244589</v>
      </c>
    </row>
    <row r="73114" spans="1:10" x14ac:dyDescent="0.35">
      <c r="A73114" s="1" t="s">
        <v>8341</v>
      </c>
      <c r="B73114" s="1" t="s">
        <v>243722</v>
      </c>
      <c r="C73114" s="1" t="s">
        <v>95</v>
      </c>
      <c r="D73114" s="1" t="s">
        <v>8042</v>
      </c>
      <c r="E73114" s="1" t="s">
        <v>244590</v>
      </c>
      <c r="F73114" s="1" t="s">
        <v>244591</v>
      </c>
      <c r="G73114" s="1" t="s">
        <v>244541</v>
      </c>
      <c r="H73114" s="1" t="s">
        <v>244542</v>
      </c>
      <c r="I73114" s="1" t="s">
        <v>243727</v>
      </c>
      <c r="J73114" s="1" t="s">
        <v>121971</v>
      </c>
    </row>
    <row r="73115" spans="1:10" x14ac:dyDescent="0.35">
      <c r="A73115" s="1" t="s">
        <v>8341</v>
      </c>
      <c r="B73115" s="1" t="s">
        <v>243722</v>
      </c>
      <c r="C73115" s="1" t="s">
        <v>100</v>
      </c>
      <c r="D73115" s="1" t="s">
        <v>45139</v>
      </c>
      <c r="E73115" s="1" t="s">
        <v>244592</v>
      </c>
      <c r="F73115" s="1" t="s">
        <v>244593</v>
      </c>
      <c r="G73115" s="1" t="s">
        <v>244541</v>
      </c>
      <c r="H73115" s="1" t="s">
        <v>244542</v>
      </c>
      <c r="I73115" s="1" t="s">
        <v>243727</v>
      </c>
      <c r="J73115" s="1" t="s">
        <v>244594</v>
      </c>
    </row>
    <row r="73116" spans="1:10" x14ac:dyDescent="0.35">
      <c r="A73116" s="1" t="s">
        <v>8341</v>
      </c>
      <c r="B73116" s="1" t="s">
        <v>243722</v>
      </c>
      <c r="C73116" s="1" t="s">
        <v>105</v>
      </c>
      <c r="D73116" s="1" t="s">
        <v>28547</v>
      </c>
      <c r="E73116" s="1" t="s">
        <v>244595</v>
      </c>
      <c r="F73116" s="1" t="s">
        <v>244596</v>
      </c>
      <c r="G73116" s="1" t="s">
        <v>244541</v>
      </c>
      <c r="H73116" s="1" t="s">
        <v>244542</v>
      </c>
      <c r="I73116" s="1" t="s">
        <v>243727</v>
      </c>
      <c r="J73116" s="1" t="s">
        <v>244597</v>
      </c>
    </row>
    <row r="73117" spans="1:10" x14ac:dyDescent="0.35">
      <c r="A73117" s="1" t="s">
        <v>8341</v>
      </c>
      <c r="B73117" s="1" t="s">
        <v>243722</v>
      </c>
      <c r="C73117" s="1" t="s">
        <v>110</v>
      </c>
      <c r="D73117" s="1" t="s">
        <v>45993</v>
      </c>
      <c r="E73117" s="1" t="s">
        <v>244598</v>
      </c>
      <c r="F73117" s="1" t="s">
        <v>244599</v>
      </c>
      <c r="G73117" s="1" t="s">
        <v>244541</v>
      </c>
      <c r="H73117" s="1" t="s">
        <v>244542</v>
      </c>
      <c r="I73117" s="1" t="s">
        <v>243727</v>
      </c>
      <c r="J73117" s="1" t="s">
        <v>244600</v>
      </c>
    </row>
    <row r="73118" spans="1:10" x14ac:dyDescent="0.35">
      <c r="A73118" s="1" t="s">
        <v>8341</v>
      </c>
      <c r="B73118" s="1" t="s">
        <v>243722</v>
      </c>
      <c r="C73118" s="1" t="s">
        <v>115</v>
      </c>
      <c r="D73118" s="1" t="s">
        <v>2556</v>
      </c>
      <c r="E73118" s="1" t="s">
        <v>244601</v>
      </c>
      <c r="F73118" s="1" t="s">
        <v>239927</v>
      </c>
      <c r="G73118" s="1" t="s">
        <v>244541</v>
      </c>
      <c r="H73118" s="1" t="s">
        <v>244542</v>
      </c>
      <c r="I73118" s="1" t="s">
        <v>243727</v>
      </c>
      <c r="J73118" s="1" t="s">
        <v>244602</v>
      </c>
    </row>
    <row r="73119" spans="1:10" x14ac:dyDescent="0.35">
      <c r="A73119" s="1" t="s">
        <v>8341</v>
      </c>
      <c r="B73119" s="1" t="s">
        <v>243722</v>
      </c>
      <c r="C73119" s="1" t="s">
        <v>120</v>
      </c>
      <c r="D73119" s="1" t="s">
        <v>34788</v>
      </c>
      <c r="E73119" s="1" t="s">
        <v>244603</v>
      </c>
      <c r="F73119" s="1" t="s">
        <v>244604</v>
      </c>
      <c r="G73119" s="1" t="s">
        <v>244541</v>
      </c>
      <c r="H73119" s="1" t="s">
        <v>244542</v>
      </c>
      <c r="I73119" s="1" t="s">
        <v>243727</v>
      </c>
      <c r="J73119" s="1" t="s">
        <v>244605</v>
      </c>
    </row>
    <row r="73120" spans="1:10" x14ac:dyDescent="0.35">
      <c r="A73120" s="1" t="s">
        <v>8341</v>
      </c>
      <c r="B73120" s="1" t="s">
        <v>243722</v>
      </c>
      <c r="C73120" s="1" t="s">
        <v>125</v>
      </c>
      <c r="D73120" s="1" t="s">
        <v>28228</v>
      </c>
      <c r="E73120" s="1" t="s">
        <v>244606</v>
      </c>
      <c r="F73120" s="1" t="s">
        <v>244607</v>
      </c>
      <c r="G73120" s="1" t="s">
        <v>244541</v>
      </c>
      <c r="H73120" s="1" t="s">
        <v>244542</v>
      </c>
      <c r="I73120" s="1" t="s">
        <v>243727</v>
      </c>
      <c r="J73120" s="1" t="s">
        <v>244608</v>
      </c>
    </row>
    <row r="73121" spans="1:10" x14ac:dyDescent="0.35">
      <c r="A73121" s="1" t="s">
        <v>8341</v>
      </c>
      <c r="B73121" s="1" t="s">
        <v>243722</v>
      </c>
      <c r="C73121" s="1" t="s">
        <v>130</v>
      </c>
      <c r="D73121" s="1" t="s">
        <v>14553</v>
      </c>
      <c r="E73121" s="1" t="s">
        <v>244609</v>
      </c>
      <c r="F73121" s="1" t="s">
        <v>244610</v>
      </c>
      <c r="G73121" s="1" t="s">
        <v>244541</v>
      </c>
      <c r="H73121" s="1" t="s">
        <v>244542</v>
      </c>
      <c r="I73121" s="1" t="s">
        <v>243727</v>
      </c>
      <c r="J73121" s="1" t="s">
        <v>244611</v>
      </c>
    </row>
    <row r="73122" spans="1:10" x14ac:dyDescent="0.35">
      <c r="A73122" s="1" t="s">
        <v>8341</v>
      </c>
      <c r="B73122" s="1" t="s">
        <v>243722</v>
      </c>
      <c r="C73122" s="1" t="s">
        <v>135</v>
      </c>
      <c r="D73122" s="1" t="s">
        <v>156523</v>
      </c>
      <c r="E73122" s="1" t="s">
        <v>244612</v>
      </c>
      <c r="F73122" s="1" t="s">
        <v>244613</v>
      </c>
      <c r="G73122" s="1" t="s">
        <v>244541</v>
      </c>
      <c r="H73122" s="1" t="s">
        <v>244542</v>
      </c>
      <c r="I73122" s="1" t="s">
        <v>243727</v>
      </c>
      <c r="J73122" s="1" t="s">
        <v>244614</v>
      </c>
    </row>
    <row r="73123" spans="1:10" x14ac:dyDescent="0.35">
      <c r="A73123" s="1" t="s">
        <v>8341</v>
      </c>
      <c r="B73123" s="1" t="s">
        <v>243722</v>
      </c>
      <c r="C73123" s="1" t="s">
        <v>140</v>
      </c>
      <c r="D73123" s="1" t="s">
        <v>44073</v>
      </c>
      <c r="E73123" s="1" t="s">
        <v>244615</v>
      </c>
      <c r="F73123" s="1" t="s">
        <v>244616</v>
      </c>
      <c r="G73123" s="1" t="s">
        <v>244541</v>
      </c>
      <c r="H73123" s="1" t="s">
        <v>244542</v>
      </c>
      <c r="I73123" s="1" t="s">
        <v>243727</v>
      </c>
      <c r="J73123" s="1" t="s">
        <v>244617</v>
      </c>
    </row>
    <row r="73124" spans="1:10" x14ac:dyDescent="0.35">
      <c r="A73124" s="1" t="s">
        <v>8341</v>
      </c>
      <c r="B73124" s="1" t="s">
        <v>243722</v>
      </c>
      <c r="C73124" s="1" t="s">
        <v>145</v>
      </c>
      <c r="D73124" s="1" t="s">
        <v>48145</v>
      </c>
      <c r="E73124" s="1" t="s">
        <v>244618</v>
      </c>
      <c r="F73124" s="1" t="s">
        <v>244619</v>
      </c>
      <c r="G73124" s="1" t="s">
        <v>244541</v>
      </c>
      <c r="H73124" s="1" t="s">
        <v>244542</v>
      </c>
      <c r="I73124" s="1" t="s">
        <v>243727</v>
      </c>
      <c r="J73124" s="1" t="s">
        <v>244620</v>
      </c>
    </row>
    <row r="73125" spans="1:10" x14ac:dyDescent="0.35">
      <c r="A73125" s="1" t="s">
        <v>8341</v>
      </c>
      <c r="B73125" s="1" t="s">
        <v>243722</v>
      </c>
      <c r="C73125" s="1" t="s">
        <v>150</v>
      </c>
      <c r="D73125" s="1" t="s">
        <v>35262</v>
      </c>
      <c r="E73125" s="1" t="s">
        <v>244621</v>
      </c>
      <c r="F73125" s="1" t="s">
        <v>244622</v>
      </c>
      <c r="G73125" s="1" t="s">
        <v>244541</v>
      </c>
      <c r="H73125" s="1" t="s">
        <v>244542</v>
      </c>
      <c r="I73125" s="1" t="s">
        <v>243727</v>
      </c>
      <c r="J73125" s="1" t="s">
        <v>244623</v>
      </c>
    </row>
    <row r="73126" spans="1:10" x14ac:dyDescent="0.35">
      <c r="A73126" s="1" t="s">
        <v>8341</v>
      </c>
      <c r="B73126" s="1" t="s">
        <v>243722</v>
      </c>
      <c r="C73126" s="1" t="s">
        <v>155</v>
      </c>
      <c r="D73126" s="1" t="s">
        <v>28306</v>
      </c>
      <c r="E73126" s="1" t="s">
        <v>244624</v>
      </c>
      <c r="F73126" s="1" t="s">
        <v>244625</v>
      </c>
      <c r="G73126" s="1" t="s">
        <v>244541</v>
      </c>
      <c r="H73126" s="1" t="s">
        <v>244542</v>
      </c>
      <c r="I73126" s="1" t="s">
        <v>243727</v>
      </c>
      <c r="J73126" s="1" t="s">
        <v>244626</v>
      </c>
    </row>
    <row r="73127" spans="1:10" x14ac:dyDescent="0.35">
      <c r="A73127" s="1" t="s">
        <v>8341</v>
      </c>
      <c r="B73127" s="1" t="s">
        <v>243722</v>
      </c>
      <c r="C73127" s="1" t="s">
        <v>160</v>
      </c>
      <c r="D73127" s="1" t="s">
        <v>7078</v>
      </c>
      <c r="E73127" s="1" t="s">
        <v>244627</v>
      </c>
      <c r="F73127" s="1" t="s">
        <v>244628</v>
      </c>
      <c r="G73127" s="1" t="s">
        <v>244541</v>
      </c>
      <c r="H73127" s="1" t="s">
        <v>244542</v>
      </c>
      <c r="I73127" s="1" t="s">
        <v>243727</v>
      </c>
      <c r="J73127" s="1" t="s">
        <v>244629</v>
      </c>
    </row>
    <row r="73128" spans="1:10" x14ac:dyDescent="0.35">
      <c r="A73128" s="1" t="s">
        <v>8341</v>
      </c>
      <c r="B73128" s="1" t="s">
        <v>243722</v>
      </c>
      <c r="C73128" s="1" t="s">
        <v>165</v>
      </c>
      <c r="D73128" s="1" t="s">
        <v>72237</v>
      </c>
      <c r="E73128" s="1" t="s">
        <v>244630</v>
      </c>
      <c r="F73128" s="1" t="s">
        <v>244631</v>
      </c>
      <c r="G73128" s="1" t="s">
        <v>244541</v>
      </c>
      <c r="H73128" s="1" t="s">
        <v>244542</v>
      </c>
      <c r="I73128" s="1" t="s">
        <v>243727</v>
      </c>
      <c r="J73128" s="1" t="s">
        <v>244632</v>
      </c>
    </row>
    <row r="73129" spans="1:10" x14ac:dyDescent="0.35">
      <c r="A73129" s="1" t="s">
        <v>8341</v>
      </c>
      <c r="B73129" s="1" t="s">
        <v>243722</v>
      </c>
      <c r="C73129" s="1" t="s">
        <v>170</v>
      </c>
      <c r="D73129" s="1" t="s">
        <v>244633</v>
      </c>
      <c r="E73129" s="1" t="s">
        <v>244634</v>
      </c>
      <c r="F73129" s="1" t="s">
        <v>244635</v>
      </c>
      <c r="G73129" s="1" t="s">
        <v>244541</v>
      </c>
      <c r="H73129" s="1" t="s">
        <v>244542</v>
      </c>
      <c r="I73129" s="1" t="s">
        <v>243727</v>
      </c>
      <c r="J73129" s="1" t="s">
        <v>244636</v>
      </c>
    </row>
    <row r="73130" spans="1:10" x14ac:dyDescent="0.35">
      <c r="A73130" s="1" t="s">
        <v>111461</v>
      </c>
      <c r="B73130" s="1" t="s">
        <v>243722</v>
      </c>
      <c r="C73130" s="1" t="s">
        <v>8</v>
      </c>
      <c r="D73130" s="1" t="s">
        <v>197482</v>
      </c>
      <c r="E73130" s="1" t="s">
        <v>244637</v>
      </c>
      <c r="F73130" s="1" t="s">
        <v>244638</v>
      </c>
      <c r="G73130" s="1" t="s">
        <v>244639</v>
      </c>
      <c r="H73130" s="1" t="s">
        <v>244640</v>
      </c>
      <c r="I73130" s="1" t="s">
        <v>243727</v>
      </c>
      <c r="J73130" s="1" t="s">
        <v>13</v>
      </c>
    </row>
    <row r="73131" spans="1:10" x14ac:dyDescent="0.35">
      <c r="A73131" s="1" t="s">
        <v>111461</v>
      </c>
      <c r="B73131" s="1" t="s">
        <v>243722</v>
      </c>
      <c r="C73131" s="1" t="s">
        <v>15</v>
      </c>
      <c r="D73131" s="1" t="s">
        <v>51516</v>
      </c>
      <c r="E73131" s="1" t="s">
        <v>244641</v>
      </c>
      <c r="F73131" s="1" t="s">
        <v>244642</v>
      </c>
      <c r="G73131" s="1" t="s">
        <v>244639</v>
      </c>
      <c r="H73131" s="1" t="s">
        <v>244640</v>
      </c>
      <c r="I73131" s="1" t="s">
        <v>243727</v>
      </c>
      <c r="J73131" s="1" t="s">
        <v>144249</v>
      </c>
    </row>
    <row r="73132" spans="1:10" x14ac:dyDescent="0.35">
      <c r="A73132" s="1" t="s">
        <v>111461</v>
      </c>
      <c r="B73132" s="1" t="s">
        <v>243722</v>
      </c>
      <c r="C73132" s="1" t="s">
        <v>20</v>
      </c>
      <c r="D73132" s="1" t="s">
        <v>244643</v>
      </c>
      <c r="E73132" s="1" t="s">
        <v>244644</v>
      </c>
      <c r="F73132" s="1" t="s">
        <v>244645</v>
      </c>
      <c r="G73132" s="1" t="s">
        <v>244639</v>
      </c>
      <c r="H73132" s="1" t="s">
        <v>244640</v>
      </c>
      <c r="I73132" s="1" t="s">
        <v>243727</v>
      </c>
      <c r="J73132" s="1" t="s">
        <v>244646</v>
      </c>
    </row>
    <row r="73133" spans="1:10" x14ac:dyDescent="0.35">
      <c r="A73133" s="1" t="s">
        <v>111461</v>
      </c>
      <c r="B73133" s="1" t="s">
        <v>243722</v>
      </c>
      <c r="C73133" s="1" t="s">
        <v>25</v>
      </c>
      <c r="D73133" s="1" t="s">
        <v>161122</v>
      </c>
      <c r="E73133" s="1" t="s">
        <v>244647</v>
      </c>
      <c r="F73133" s="1" t="s">
        <v>244648</v>
      </c>
      <c r="G73133" s="1" t="s">
        <v>244639</v>
      </c>
      <c r="H73133" s="1" t="s">
        <v>244640</v>
      </c>
      <c r="I73133" s="1" t="s">
        <v>243727</v>
      </c>
      <c r="J73133" s="1" t="s">
        <v>244649</v>
      </c>
    </row>
    <row r="73134" spans="1:10" x14ac:dyDescent="0.35">
      <c r="A73134" s="1" t="s">
        <v>111461</v>
      </c>
      <c r="B73134" s="1" t="s">
        <v>243722</v>
      </c>
      <c r="C73134" s="1" t="s">
        <v>30</v>
      </c>
      <c r="D73134" s="1" t="s">
        <v>109816</v>
      </c>
      <c r="E73134" s="1" t="s">
        <v>244650</v>
      </c>
      <c r="F73134" s="1" t="s">
        <v>244651</v>
      </c>
      <c r="G73134" s="1" t="s">
        <v>244639</v>
      </c>
      <c r="H73134" s="1" t="s">
        <v>244640</v>
      </c>
      <c r="I73134" s="1" t="s">
        <v>243727</v>
      </c>
      <c r="J73134" s="1" t="s">
        <v>244652</v>
      </c>
    </row>
    <row r="73135" spans="1:10" x14ac:dyDescent="0.35">
      <c r="A73135" s="1" t="s">
        <v>111461</v>
      </c>
      <c r="B73135" s="1" t="s">
        <v>243722</v>
      </c>
      <c r="C73135" s="1" t="s">
        <v>35</v>
      </c>
      <c r="D73135" s="1" t="s">
        <v>168256</v>
      </c>
      <c r="E73135" s="1" t="s">
        <v>244653</v>
      </c>
      <c r="F73135" s="1" t="s">
        <v>244654</v>
      </c>
      <c r="G73135" s="1" t="s">
        <v>244639</v>
      </c>
      <c r="H73135" s="1" t="s">
        <v>244640</v>
      </c>
      <c r="I73135" s="1" t="s">
        <v>243727</v>
      </c>
      <c r="J73135" s="1" t="s">
        <v>244655</v>
      </c>
    </row>
    <row r="73136" spans="1:10" x14ac:dyDescent="0.35">
      <c r="A73136" s="1" t="s">
        <v>111461</v>
      </c>
      <c r="B73136" s="1" t="s">
        <v>243722</v>
      </c>
      <c r="C73136" s="1" t="s">
        <v>40</v>
      </c>
      <c r="D73136" s="1" t="s">
        <v>121893</v>
      </c>
      <c r="E73136" s="1" t="s">
        <v>244656</v>
      </c>
      <c r="F73136" s="1" t="s">
        <v>244657</v>
      </c>
      <c r="G73136" s="1" t="s">
        <v>244639</v>
      </c>
      <c r="H73136" s="1" t="s">
        <v>244640</v>
      </c>
      <c r="I73136" s="1" t="s">
        <v>243727</v>
      </c>
      <c r="J73136" s="1" t="s">
        <v>244658</v>
      </c>
    </row>
    <row r="73137" spans="1:10" x14ac:dyDescent="0.35">
      <c r="A73137" s="1" t="s">
        <v>111461</v>
      </c>
      <c r="B73137" s="1" t="s">
        <v>243722</v>
      </c>
      <c r="C73137" s="1" t="s">
        <v>45</v>
      </c>
      <c r="D73137" s="1" t="s">
        <v>112358</v>
      </c>
      <c r="E73137" s="1" t="s">
        <v>244659</v>
      </c>
      <c r="F73137" s="1" t="s">
        <v>244660</v>
      </c>
      <c r="G73137" s="1" t="s">
        <v>244639</v>
      </c>
      <c r="H73137" s="1" t="s">
        <v>244640</v>
      </c>
      <c r="I73137" s="1" t="s">
        <v>243727</v>
      </c>
      <c r="J73137" s="1" t="s">
        <v>244661</v>
      </c>
    </row>
    <row r="73138" spans="1:10" x14ac:dyDescent="0.35">
      <c r="A73138" s="1" t="s">
        <v>111461</v>
      </c>
      <c r="B73138" s="1" t="s">
        <v>243722</v>
      </c>
      <c r="C73138" s="1" t="s">
        <v>50</v>
      </c>
      <c r="D73138" s="1" t="s">
        <v>233927</v>
      </c>
      <c r="E73138" s="1" t="s">
        <v>244662</v>
      </c>
      <c r="F73138" s="1" t="s">
        <v>244663</v>
      </c>
      <c r="G73138" s="1" t="s">
        <v>244639</v>
      </c>
      <c r="H73138" s="1" t="s">
        <v>244640</v>
      </c>
      <c r="I73138" s="1" t="s">
        <v>243727</v>
      </c>
      <c r="J73138" s="1" t="s">
        <v>244664</v>
      </c>
    </row>
    <row r="73139" spans="1:10" x14ac:dyDescent="0.35">
      <c r="A73139" s="1" t="s">
        <v>111461</v>
      </c>
      <c r="B73139" s="1" t="s">
        <v>243722</v>
      </c>
      <c r="C73139" s="1" t="s">
        <v>55</v>
      </c>
      <c r="D73139" s="1" t="s">
        <v>4745</v>
      </c>
      <c r="E73139" s="1" t="s">
        <v>244665</v>
      </c>
      <c r="F73139" s="1" t="s">
        <v>244666</v>
      </c>
      <c r="G73139" s="1" t="s">
        <v>244639</v>
      </c>
      <c r="H73139" s="1" t="s">
        <v>244640</v>
      </c>
      <c r="I73139" s="1" t="s">
        <v>243727</v>
      </c>
      <c r="J73139" s="1" t="s">
        <v>244667</v>
      </c>
    </row>
    <row r="73140" spans="1:10" x14ac:dyDescent="0.35">
      <c r="A73140" s="1" t="s">
        <v>111461</v>
      </c>
      <c r="B73140" s="1" t="s">
        <v>243722</v>
      </c>
      <c r="C73140" s="1" t="s">
        <v>60</v>
      </c>
      <c r="D73140" s="1" t="s">
        <v>112685</v>
      </c>
      <c r="E73140" s="1" t="s">
        <v>244668</v>
      </c>
      <c r="F73140" s="1" t="s">
        <v>244669</v>
      </c>
      <c r="G73140" s="1" t="s">
        <v>244639</v>
      </c>
      <c r="H73140" s="1" t="s">
        <v>244640</v>
      </c>
      <c r="I73140" s="1" t="s">
        <v>243727</v>
      </c>
      <c r="J73140" s="1" t="s">
        <v>244670</v>
      </c>
    </row>
    <row r="73141" spans="1:10" x14ac:dyDescent="0.35">
      <c r="A73141" s="1" t="s">
        <v>111461</v>
      </c>
      <c r="B73141" s="1" t="s">
        <v>243722</v>
      </c>
      <c r="C73141" s="1" t="s">
        <v>65</v>
      </c>
      <c r="D73141" s="1" t="s">
        <v>10312</v>
      </c>
      <c r="E73141" s="1" t="s">
        <v>244671</v>
      </c>
      <c r="F73141" s="1" t="s">
        <v>244672</v>
      </c>
      <c r="G73141" s="1" t="s">
        <v>244639</v>
      </c>
      <c r="H73141" s="1" t="s">
        <v>244640</v>
      </c>
      <c r="I73141" s="1" t="s">
        <v>243727</v>
      </c>
      <c r="J73141" s="1" t="s">
        <v>244673</v>
      </c>
    </row>
    <row r="73142" spans="1:10" x14ac:dyDescent="0.35">
      <c r="A73142" s="1" t="s">
        <v>111461</v>
      </c>
      <c r="B73142" s="1" t="s">
        <v>243722</v>
      </c>
      <c r="C73142" s="1" t="s">
        <v>70</v>
      </c>
      <c r="D73142" s="1" t="s">
        <v>105064</v>
      </c>
      <c r="E73142" s="1" t="s">
        <v>244674</v>
      </c>
      <c r="F73142" s="1" t="s">
        <v>244675</v>
      </c>
      <c r="G73142" s="1" t="s">
        <v>244639</v>
      </c>
      <c r="H73142" s="1" t="s">
        <v>244640</v>
      </c>
      <c r="I73142" s="1" t="s">
        <v>243727</v>
      </c>
      <c r="J73142" s="1" t="s">
        <v>244676</v>
      </c>
    </row>
    <row r="73143" spans="1:10" x14ac:dyDescent="0.35">
      <c r="A73143" s="1" t="s">
        <v>111461</v>
      </c>
      <c r="B73143" s="1" t="s">
        <v>243722</v>
      </c>
      <c r="C73143" s="1" t="s">
        <v>75</v>
      </c>
      <c r="D73143" s="1" t="s">
        <v>8389</v>
      </c>
      <c r="E73143" s="1" t="s">
        <v>244677</v>
      </c>
      <c r="F73143" s="1" t="s">
        <v>244678</v>
      </c>
      <c r="G73143" s="1" t="s">
        <v>244639</v>
      </c>
      <c r="H73143" s="1" t="s">
        <v>244640</v>
      </c>
      <c r="I73143" s="1" t="s">
        <v>243727</v>
      </c>
      <c r="J73143" s="1" t="s">
        <v>244679</v>
      </c>
    </row>
    <row r="73144" spans="1:10" x14ac:dyDescent="0.35">
      <c r="A73144" s="1" t="s">
        <v>111461</v>
      </c>
      <c r="B73144" s="1" t="s">
        <v>243722</v>
      </c>
      <c r="C73144" s="1" t="s">
        <v>80</v>
      </c>
      <c r="D73144" s="1" t="s">
        <v>7614</v>
      </c>
      <c r="E73144" s="1" t="s">
        <v>244680</v>
      </c>
      <c r="F73144" s="1" t="s">
        <v>244681</v>
      </c>
      <c r="G73144" s="1" t="s">
        <v>244639</v>
      </c>
      <c r="H73144" s="1" t="s">
        <v>244640</v>
      </c>
      <c r="I73144" s="1" t="s">
        <v>243727</v>
      </c>
      <c r="J73144" s="1" t="s">
        <v>244682</v>
      </c>
    </row>
    <row r="73145" spans="1:10" x14ac:dyDescent="0.35">
      <c r="A73145" s="1" t="s">
        <v>111461</v>
      </c>
      <c r="B73145" s="1" t="s">
        <v>243722</v>
      </c>
      <c r="C73145" s="1" t="s">
        <v>85</v>
      </c>
      <c r="D73145" s="1" t="s">
        <v>118292</v>
      </c>
      <c r="E73145" s="1" t="s">
        <v>244683</v>
      </c>
      <c r="F73145" s="1" t="s">
        <v>244684</v>
      </c>
      <c r="G73145" s="1" t="s">
        <v>244639</v>
      </c>
      <c r="H73145" s="1" t="s">
        <v>244640</v>
      </c>
      <c r="I73145" s="1" t="s">
        <v>243727</v>
      </c>
      <c r="J73145" s="1" t="s">
        <v>244685</v>
      </c>
    </row>
    <row r="73146" spans="1:10" x14ac:dyDescent="0.35">
      <c r="A73146" s="1" t="s">
        <v>111461</v>
      </c>
      <c r="B73146" s="1" t="s">
        <v>243722</v>
      </c>
      <c r="C73146" s="1" t="s">
        <v>90</v>
      </c>
      <c r="D73146" s="1" t="s">
        <v>29480</v>
      </c>
      <c r="E73146" s="1" t="s">
        <v>244686</v>
      </c>
      <c r="F73146" s="1" t="s">
        <v>244687</v>
      </c>
      <c r="G73146" s="1" t="s">
        <v>244639</v>
      </c>
      <c r="H73146" s="1" t="s">
        <v>244640</v>
      </c>
      <c r="I73146" s="1" t="s">
        <v>243727</v>
      </c>
      <c r="J73146" s="1" t="s">
        <v>244688</v>
      </c>
    </row>
    <row r="73147" spans="1:10" x14ac:dyDescent="0.35">
      <c r="A73147" s="1" t="s">
        <v>111461</v>
      </c>
      <c r="B73147" s="1" t="s">
        <v>243722</v>
      </c>
      <c r="C73147" s="1" t="s">
        <v>95</v>
      </c>
      <c r="D73147" s="1" t="s">
        <v>48545</v>
      </c>
      <c r="E73147" s="1" t="s">
        <v>244689</v>
      </c>
      <c r="F73147" s="1" t="s">
        <v>244690</v>
      </c>
      <c r="G73147" s="1" t="s">
        <v>244639</v>
      </c>
      <c r="H73147" s="1" t="s">
        <v>244640</v>
      </c>
      <c r="I73147" s="1" t="s">
        <v>243727</v>
      </c>
      <c r="J73147" s="1" t="s">
        <v>244691</v>
      </c>
    </row>
    <row r="73148" spans="1:10" x14ac:dyDescent="0.35">
      <c r="A73148" s="1" t="s">
        <v>111461</v>
      </c>
      <c r="B73148" s="1" t="s">
        <v>243722</v>
      </c>
      <c r="C73148" s="1" t="s">
        <v>100</v>
      </c>
      <c r="D73148" s="1" t="s">
        <v>111380</v>
      </c>
      <c r="E73148" s="1" t="s">
        <v>244692</v>
      </c>
      <c r="F73148" s="1" t="s">
        <v>244693</v>
      </c>
      <c r="G73148" s="1" t="s">
        <v>244639</v>
      </c>
      <c r="H73148" s="1" t="s">
        <v>244640</v>
      </c>
      <c r="I73148" s="1" t="s">
        <v>243727</v>
      </c>
      <c r="J73148" s="1" t="s">
        <v>244694</v>
      </c>
    </row>
    <row r="73149" spans="1:10" x14ac:dyDescent="0.35">
      <c r="A73149" s="1" t="s">
        <v>111461</v>
      </c>
      <c r="B73149" s="1" t="s">
        <v>243722</v>
      </c>
      <c r="C73149" s="1" t="s">
        <v>105</v>
      </c>
      <c r="D73149" s="1" t="s">
        <v>43888</v>
      </c>
      <c r="E73149" s="1" t="s">
        <v>244695</v>
      </c>
      <c r="F73149" s="1" t="s">
        <v>244696</v>
      </c>
      <c r="G73149" s="1" t="s">
        <v>244639</v>
      </c>
      <c r="H73149" s="1" t="s">
        <v>244640</v>
      </c>
      <c r="I73149" s="1" t="s">
        <v>243727</v>
      </c>
      <c r="J73149" s="1" t="s">
        <v>244697</v>
      </c>
    </row>
    <row r="73150" spans="1:10" x14ac:dyDescent="0.35">
      <c r="A73150" s="1" t="s">
        <v>111461</v>
      </c>
      <c r="B73150" s="1" t="s">
        <v>243722</v>
      </c>
      <c r="C73150" s="1" t="s">
        <v>110</v>
      </c>
      <c r="D73150" s="1" t="s">
        <v>49170</v>
      </c>
      <c r="E73150" s="1" t="s">
        <v>244698</v>
      </c>
      <c r="F73150" s="1" t="s">
        <v>244699</v>
      </c>
      <c r="G73150" s="1" t="s">
        <v>244639</v>
      </c>
      <c r="H73150" s="1" t="s">
        <v>244640</v>
      </c>
      <c r="I73150" s="1" t="s">
        <v>243727</v>
      </c>
      <c r="J73150" s="1" t="s">
        <v>244700</v>
      </c>
    </row>
    <row r="73151" spans="1:10" x14ac:dyDescent="0.35">
      <c r="A73151" s="1" t="s">
        <v>111461</v>
      </c>
      <c r="B73151" s="1" t="s">
        <v>243722</v>
      </c>
      <c r="C73151" s="1" t="s">
        <v>115</v>
      </c>
      <c r="D73151" s="1" t="s">
        <v>244701</v>
      </c>
      <c r="E73151" s="1" t="s">
        <v>244702</v>
      </c>
      <c r="F73151" s="1" t="s">
        <v>244703</v>
      </c>
      <c r="G73151" s="1" t="s">
        <v>244639</v>
      </c>
      <c r="H73151" s="1" t="s">
        <v>244640</v>
      </c>
      <c r="I73151" s="1" t="s">
        <v>243727</v>
      </c>
      <c r="J73151" s="1" t="s">
        <v>244704</v>
      </c>
    </row>
    <row r="73152" spans="1:10" x14ac:dyDescent="0.35">
      <c r="A73152" s="1" t="s">
        <v>111461</v>
      </c>
      <c r="B73152" s="1" t="s">
        <v>243722</v>
      </c>
      <c r="C73152" s="1" t="s">
        <v>120</v>
      </c>
      <c r="D73152" s="1" t="s">
        <v>25742</v>
      </c>
      <c r="E73152" s="1" t="s">
        <v>244705</v>
      </c>
      <c r="F73152" s="1" t="s">
        <v>244706</v>
      </c>
      <c r="G73152" s="1" t="s">
        <v>244639</v>
      </c>
      <c r="H73152" s="1" t="s">
        <v>244640</v>
      </c>
      <c r="I73152" s="1" t="s">
        <v>243727</v>
      </c>
      <c r="J73152" s="1" t="s">
        <v>244707</v>
      </c>
    </row>
    <row r="73153" spans="1:10" x14ac:dyDescent="0.35">
      <c r="A73153" s="1" t="s">
        <v>111461</v>
      </c>
      <c r="B73153" s="1" t="s">
        <v>243722</v>
      </c>
      <c r="C73153" s="1" t="s">
        <v>125</v>
      </c>
      <c r="D73153" s="1" t="s">
        <v>151519</v>
      </c>
      <c r="E73153" s="1" t="s">
        <v>244708</v>
      </c>
      <c r="F73153" s="1" t="s">
        <v>244709</v>
      </c>
      <c r="G73153" s="1" t="s">
        <v>244639</v>
      </c>
      <c r="H73153" s="1" t="s">
        <v>244640</v>
      </c>
      <c r="I73153" s="1" t="s">
        <v>243727</v>
      </c>
      <c r="J73153" s="1" t="s">
        <v>244710</v>
      </c>
    </row>
    <row r="73154" spans="1:10" x14ac:dyDescent="0.35">
      <c r="A73154" s="1" t="s">
        <v>111461</v>
      </c>
      <c r="B73154" s="1" t="s">
        <v>243722</v>
      </c>
      <c r="C73154" s="1" t="s">
        <v>130</v>
      </c>
      <c r="D73154" s="1" t="s">
        <v>72280</v>
      </c>
      <c r="E73154" s="1" t="s">
        <v>244711</v>
      </c>
      <c r="F73154" s="1" t="s">
        <v>244712</v>
      </c>
      <c r="G73154" s="1" t="s">
        <v>244639</v>
      </c>
      <c r="H73154" s="1" t="s">
        <v>244640</v>
      </c>
      <c r="I73154" s="1" t="s">
        <v>243727</v>
      </c>
      <c r="J73154" s="1" t="s">
        <v>244713</v>
      </c>
    </row>
    <row r="73155" spans="1:10" x14ac:dyDescent="0.35">
      <c r="A73155" s="1" t="s">
        <v>111461</v>
      </c>
      <c r="B73155" s="1" t="s">
        <v>243722</v>
      </c>
      <c r="C73155" s="1" t="s">
        <v>135</v>
      </c>
      <c r="D73155" s="1" t="s">
        <v>214030</v>
      </c>
      <c r="E73155" s="1" t="s">
        <v>244714</v>
      </c>
      <c r="F73155" s="1" t="s">
        <v>244715</v>
      </c>
      <c r="G73155" s="1" t="s">
        <v>244639</v>
      </c>
      <c r="H73155" s="1" t="s">
        <v>244640</v>
      </c>
      <c r="I73155" s="1" t="s">
        <v>243727</v>
      </c>
      <c r="J73155" s="1" t="s">
        <v>244716</v>
      </c>
    </row>
    <row r="73156" spans="1:10" x14ac:dyDescent="0.35">
      <c r="A73156" s="1" t="s">
        <v>111461</v>
      </c>
      <c r="B73156" s="1" t="s">
        <v>243722</v>
      </c>
      <c r="C73156" s="1" t="s">
        <v>140</v>
      </c>
      <c r="D73156" s="1" t="s">
        <v>17194</v>
      </c>
      <c r="E73156" s="1" t="s">
        <v>244717</v>
      </c>
      <c r="F73156" s="1" t="s">
        <v>244718</v>
      </c>
      <c r="G73156" s="1" t="s">
        <v>244639</v>
      </c>
      <c r="H73156" s="1" t="s">
        <v>244640</v>
      </c>
      <c r="I73156" s="1" t="s">
        <v>243727</v>
      </c>
      <c r="J73156" s="1" t="s">
        <v>244719</v>
      </c>
    </row>
    <row r="73157" spans="1:10" x14ac:dyDescent="0.35">
      <c r="A73157" s="1" t="s">
        <v>111461</v>
      </c>
      <c r="B73157" s="1" t="s">
        <v>243722</v>
      </c>
      <c r="C73157" s="1" t="s">
        <v>145</v>
      </c>
      <c r="D73157" s="1" t="s">
        <v>135866</v>
      </c>
      <c r="E73157" s="1" t="s">
        <v>244720</v>
      </c>
      <c r="F73157" s="1" t="s">
        <v>244721</v>
      </c>
      <c r="G73157" s="1" t="s">
        <v>244639</v>
      </c>
      <c r="H73157" s="1" t="s">
        <v>244640</v>
      </c>
      <c r="I73157" s="1" t="s">
        <v>243727</v>
      </c>
      <c r="J73157" s="1" t="s">
        <v>244722</v>
      </c>
    </row>
    <row r="73158" spans="1:10" x14ac:dyDescent="0.35">
      <c r="A73158" s="1" t="s">
        <v>111461</v>
      </c>
      <c r="B73158" s="1" t="s">
        <v>243722</v>
      </c>
      <c r="C73158" s="1" t="s">
        <v>150</v>
      </c>
      <c r="D73158" s="1" t="s">
        <v>170673</v>
      </c>
      <c r="E73158" s="1" t="s">
        <v>244723</v>
      </c>
      <c r="F73158" s="1" t="s">
        <v>244724</v>
      </c>
      <c r="G73158" s="1" t="s">
        <v>244639</v>
      </c>
      <c r="H73158" s="1" t="s">
        <v>244640</v>
      </c>
      <c r="I73158" s="1" t="s">
        <v>243727</v>
      </c>
      <c r="J73158" s="1" t="s">
        <v>244725</v>
      </c>
    </row>
    <row r="73159" spans="1:10" x14ac:dyDescent="0.35">
      <c r="A73159" s="1" t="s">
        <v>111461</v>
      </c>
      <c r="B73159" s="1" t="s">
        <v>243722</v>
      </c>
      <c r="C73159" s="1" t="s">
        <v>155</v>
      </c>
      <c r="D73159" s="1" t="s">
        <v>74636</v>
      </c>
      <c r="E73159" s="1" t="s">
        <v>244726</v>
      </c>
      <c r="F73159" s="1" t="s">
        <v>244727</v>
      </c>
      <c r="G73159" s="1" t="s">
        <v>244639</v>
      </c>
      <c r="H73159" s="1" t="s">
        <v>244640</v>
      </c>
      <c r="I73159" s="1" t="s">
        <v>243727</v>
      </c>
      <c r="J73159" s="1" t="s">
        <v>244728</v>
      </c>
    </row>
    <row r="73160" spans="1:10" x14ac:dyDescent="0.35">
      <c r="A73160" s="1" t="s">
        <v>111461</v>
      </c>
      <c r="B73160" s="1" t="s">
        <v>243722</v>
      </c>
      <c r="C73160" s="1" t="s">
        <v>160</v>
      </c>
      <c r="D73160" s="1" t="s">
        <v>31731</v>
      </c>
      <c r="E73160" s="1" t="s">
        <v>244729</v>
      </c>
      <c r="F73160" s="1" t="s">
        <v>244730</v>
      </c>
      <c r="G73160" s="1" t="s">
        <v>244639</v>
      </c>
      <c r="H73160" s="1" t="s">
        <v>244640</v>
      </c>
      <c r="I73160" s="1" t="s">
        <v>243727</v>
      </c>
      <c r="J73160" s="1" t="s">
        <v>244731</v>
      </c>
    </row>
    <row r="73161" spans="1:10" x14ac:dyDescent="0.35">
      <c r="A73161" s="1" t="s">
        <v>111461</v>
      </c>
      <c r="B73161" s="1" t="s">
        <v>243722</v>
      </c>
      <c r="C73161" s="1" t="s">
        <v>165</v>
      </c>
      <c r="D73161" s="1" t="s">
        <v>48073</v>
      </c>
      <c r="E73161" s="1" t="s">
        <v>244732</v>
      </c>
      <c r="F73161" s="1" t="s">
        <v>244733</v>
      </c>
      <c r="G73161" s="1" t="s">
        <v>244639</v>
      </c>
      <c r="H73161" s="1" t="s">
        <v>244640</v>
      </c>
      <c r="I73161" s="1" t="s">
        <v>243727</v>
      </c>
      <c r="J73161" s="1" t="s">
        <v>244734</v>
      </c>
    </row>
    <row r="73162" spans="1:10" x14ac:dyDescent="0.35">
      <c r="A73162" s="1" t="s">
        <v>111461</v>
      </c>
      <c r="B73162" s="1" t="s">
        <v>243722</v>
      </c>
      <c r="C73162" s="1" t="s">
        <v>170</v>
      </c>
      <c r="D73162" s="1" t="s">
        <v>52150</v>
      </c>
      <c r="E73162" s="1" t="s">
        <v>244735</v>
      </c>
      <c r="F73162" s="1" t="s">
        <v>244736</v>
      </c>
      <c r="G73162" s="1" t="s">
        <v>244639</v>
      </c>
      <c r="H73162" s="1" t="s">
        <v>244640</v>
      </c>
      <c r="I73162" s="1" t="s">
        <v>243727</v>
      </c>
      <c r="J73162" s="1" t="s">
        <v>244737</v>
      </c>
    </row>
    <row r="73163" spans="1:10" x14ac:dyDescent="0.35">
      <c r="A73163" s="1" t="s">
        <v>146324</v>
      </c>
      <c r="B73163" s="1" t="s">
        <v>243722</v>
      </c>
      <c r="C73163" s="1" t="s">
        <v>8</v>
      </c>
      <c r="D73163" s="1" t="s">
        <v>206937</v>
      </c>
      <c r="E73163" s="1" t="s">
        <v>244738</v>
      </c>
      <c r="F73163" s="1" t="s">
        <v>244739</v>
      </c>
      <c r="G73163" s="1" t="s">
        <v>244740</v>
      </c>
      <c r="H73163" s="1" t="s">
        <v>244741</v>
      </c>
      <c r="I73163" s="1" t="s">
        <v>243727</v>
      </c>
      <c r="J73163" s="1" t="s">
        <v>13</v>
      </c>
    </row>
    <row r="73164" spans="1:10" x14ac:dyDescent="0.35">
      <c r="A73164" s="1" t="s">
        <v>146324</v>
      </c>
      <c r="B73164" s="1" t="s">
        <v>243722</v>
      </c>
      <c r="C73164" s="1" t="s">
        <v>15</v>
      </c>
      <c r="D73164" s="1" t="s">
        <v>244742</v>
      </c>
      <c r="E73164" s="1" t="s">
        <v>244743</v>
      </c>
      <c r="F73164" s="1" t="s">
        <v>244744</v>
      </c>
      <c r="G73164" s="1" t="s">
        <v>244740</v>
      </c>
      <c r="H73164" s="1" t="s">
        <v>244741</v>
      </c>
      <c r="I73164" s="1" t="s">
        <v>243727</v>
      </c>
      <c r="J73164" s="1" t="s">
        <v>244745</v>
      </c>
    </row>
    <row r="73165" spans="1:10" x14ac:dyDescent="0.35">
      <c r="A73165" s="1" t="s">
        <v>146324</v>
      </c>
      <c r="B73165" s="1" t="s">
        <v>243722</v>
      </c>
      <c r="C73165" s="1" t="s">
        <v>20</v>
      </c>
      <c r="D73165" s="1" t="s">
        <v>112735</v>
      </c>
      <c r="E73165" s="1" t="s">
        <v>244746</v>
      </c>
      <c r="F73165" s="1" t="s">
        <v>244747</v>
      </c>
      <c r="G73165" s="1" t="s">
        <v>244740</v>
      </c>
      <c r="H73165" s="1" t="s">
        <v>244741</v>
      </c>
      <c r="I73165" s="1" t="s">
        <v>243727</v>
      </c>
      <c r="J73165" s="1" t="s">
        <v>244748</v>
      </c>
    </row>
    <row r="73166" spans="1:10" x14ac:dyDescent="0.35">
      <c r="A73166" s="1" t="s">
        <v>146324</v>
      </c>
      <c r="B73166" s="1" t="s">
        <v>243722</v>
      </c>
      <c r="C73166" s="1" t="s">
        <v>25</v>
      </c>
      <c r="D73166" s="1" t="s">
        <v>10126</v>
      </c>
      <c r="E73166" s="1" t="s">
        <v>244749</v>
      </c>
      <c r="F73166" s="1" t="s">
        <v>244750</v>
      </c>
      <c r="G73166" s="1" t="s">
        <v>244740</v>
      </c>
      <c r="H73166" s="1" t="s">
        <v>244741</v>
      </c>
      <c r="I73166" s="1" t="s">
        <v>243727</v>
      </c>
      <c r="J73166" s="1" t="s">
        <v>244751</v>
      </c>
    </row>
    <row r="73167" spans="1:10" x14ac:dyDescent="0.35">
      <c r="A73167" s="1" t="s">
        <v>146324</v>
      </c>
      <c r="B73167" s="1" t="s">
        <v>243722</v>
      </c>
      <c r="C73167" s="1" t="s">
        <v>30</v>
      </c>
      <c r="D73167" s="1" t="s">
        <v>4717</v>
      </c>
      <c r="E73167" s="1" t="s">
        <v>244752</v>
      </c>
      <c r="F73167" s="1" t="s">
        <v>244753</v>
      </c>
      <c r="G73167" s="1" t="s">
        <v>244740</v>
      </c>
      <c r="H73167" s="1" t="s">
        <v>244741</v>
      </c>
      <c r="I73167" s="1" t="s">
        <v>243727</v>
      </c>
      <c r="J73167" s="1" t="s">
        <v>244754</v>
      </c>
    </row>
    <row r="73168" spans="1:10" x14ac:dyDescent="0.35">
      <c r="A73168" s="1" t="s">
        <v>146324</v>
      </c>
      <c r="B73168" s="1" t="s">
        <v>243722</v>
      </c>
      <c r="C73168" s="1" t="s">
        <v>35</v>
      </c>
      <c r="D73168" s="1" t="s">
        <v>27437</v>
      </c>
      <c r="E73168" s="1" t="s">
        <v>244755</v>
      </c>
      <c r="F73168" s="1" t="s">
        <v>244756</v>
      </c>
      <c r="G73168" s="1" t="s">
        <v>244740</v>
      </c>
      <c r="H73168" s="1" t="s">
        <v>244741</v>
      </c>
      <c r="I73168" s="1" t="s">
        <v>243727</v>
      </c>
      <c r="J73168" s="1" t="s">
        <v>244757</v>
      </c>
    </row>
    <row r="73169" spans="1:10" x14ac:dyDescent="0.35">
      <c r="A73169" s="1" t="s">
        <v>146324</v>
      </c>
      <c r="B73169" s="1" t="s">
        <v>243722</v>
      </c>
      <c r="C73169" s="1" t="s">
        <v>40</v>
      </c>
      <c r="D73169" s="1" t="s">
        <v>10043</v>
      </c>
      <c r="E73169" s="1" t="s">
        <v>244758</v>
      </c>
      <c r="F73169" s="1" t="s">
        <v>244759</v>
      </c>
      <c r="G73169" s="1" t="s">
        <v>244740</v>
      </c>
      <c r="H73169" s="1" t="s">
        <v>244741</v>
      </c>
      <c r="I73169" s="1" t="s">
        <v>243727</v>
      </c>
      <c r="J73169" s="1" t="s">
        <v>244760</v>
      </c>
    </row>
    <row r="73170" spans="1:10" x14ac:dyDescent="0.35">
      <c r="A73170" s="1" t="s">
        <v>146324</v>
      </c>
      <c r="B73170" s="1" t="s">
        <v>243722</v>
      </c>
      <c r="C73170" s="1" t="s">
        <v>45</v>
      </c>
      <c r="D73170" s="1" t="s">
        <v>28912</v>
      </c>
      <c r="E73170" s="1" t="s">
        <v>244761</v>
      </c>
      <c r="F73170" s="1" t="s">
        <v>244762</v>
      </c>
      <c r="G73170" s="1" t="s">
        <v>244740</v>
      </c>
      <c r="H73170" s="1" t="s">
        <v>244741</v>
      </c>
      <c r="I73170" s="1" t="s">
        <v>243727</v>
      </c>
      <c r="J73170" s="1" t="s">
        <v>244763</v>
      </c>
    </row>
    <row r="73171" spans="1:10" x14ac:dyDescent="0.35">
      <c r="A73171" s="1" t="s">
        <v>146324</v>
      </c>
      <c r="B73171" s="1" t="s">
        <v>243722</v>
      </c>
      <c r="C73171" s="1" t="s">
        <v>50</v>
      </c>
      <c r="D73171" s="1" t="s">
        <v>244764</v>
      </c>
      <c r="E73171" s="1" t="s">
        <v>244765</v>
      </c>
      <c r="F73171" s="1" t="s">
        <v>244766</v>
      </c>
      <c r="G73171" s="1" t="s">
        <v>244740</v>
      </c>
      <c r="H73171" s="1" t="s">
        <v>244741</v>
      </c>
      <c r="I73171" s="1" t="s">
        <v>243727</v>
      </c>
      <c r="J73171" s="1" t="s">
        <v>244767</v>
      </c>
    </row>
    <row r="73172" spans="1:10" x14ac:dyDescent="0.35">
      <c r="A73172" s="1" t="s">
        <v>146324</v>
      </c>
      <c r="B73172" s="1" t="s">
        <v>243722</v>
      </c>
      <c r="C73172" s="1" t="s">
        <v>55</v>
      </c>
      <c r="D73172" s="1" t="s">
        <v>29581</v>
      </c>
      <c r="E73172" s="1" t="s">
        <v>244768</v>
      </c>
      <c r="F73172" s="1" t="s">
        <v>244769</v>
      </c>
      <c r="G73172" s="1" t="s">
        <v>244740</v>
      </c>
      <c r="H73172" s="1" t="s">
        <v>244741</v>
      </c>
      <c r="I73172" s="1" t="s">
        <v>243727</v>
      </c>
      <c r="J73172" s="1" t="s">
        <v>244770</v>
      </c>
    </row>
    <row r="73173" spans="1:10" x14ac:dyDescent="0.35">
      <c r="A73173" s="1" t="s">
        <v>146324</v>
      </c>
      <c r="B73173" s="1" t="s">
        <v>243722</v>
      </c>
      <c r="C73173" s="1" t="s">
        <v>60</v>
      </c>
      <c r="D73173" s="1" t="s">
        <v>104657</v>
      </c>
      <c r="E73173" s="1" t="s">
        <v>244771</v>
      </c>
      <c r="F73173" s="1" t="s">
        <v>244772</v>
      </c>
      <c r="G73173" s="1" t="s">
        <v>244740</v>
      </c>
      <c r="H73173" s="1" t="s">
        <v>244741</v>
      </c>
      <c r="I73173" s="1" t="s">
        <v>243727</v>
      </c>
      <c r="J73173" s="1" t="s">
        <v>244773</v>
      </c>
    </row>
    <row r="73174" spans="1:10" x14ac:dyDescent="0.35">
      <c r="A73174" s="1" t="s">
        <v>146324</v>
      </c>
      <c r="B73174" s="1" t="s">
        <v>243722</v>
      </c>
      <c r="C73174" s="1" t="s">
        <v>65</v>
      </c>
      <c r="D73174" s="1" t="s">
        <v>119154</v>
      </c>
      <c r="E73174" s="1" t="s">
        <v>244774</v>
      </c>
      <c r="F73174" s="1" t="s">
        <v>244775</v>
      </c>
      <c r="G73174" s="1" t="s">
        <v>244740</v>
      </c>
      <c r="H73174" s="1" t="s">
        <v>244741</v>
      </c>
      <c r="I73174" s="1" t="s">
        <v>243727</v>
      </c>
      <c r="J73174" s="1" t="s">
        <v>244776</v>
      </c>
    </row>
    <row r="73175" spans="1:10" x14ac:dyDescent="0.35">
      <c r="A73175" s="1" t="s">
        <v>146324</v>
      </c>
      <c r="B73175" s="1" t="s">
        <v>243722</v>
      </c>
      <c r="C73175" s="1" t="s">
        <v>70</v>
      </c>
      <c r="D73175" s="1" t="s">
        <v>9276</v>
      </c>
      <c r="E73175" s="1" t="s">
        <v>244777</v>
      </c>
      <c r="F73175" s="1" t="s">
        <v>244778</v>
      </c>
      <c r="G73175" s="1" t="s">
        <v>244740</v>
      </c>
      <c r="H73175" s="1" t="s">
        <v>244741</v>
      </c>
      <c r="I73175" s="1" t="s">
        <v>243727</v>
      </c>
      <c r="J73175" s="1" t="s">
        <v>244779</v>
      </c>
    </row>
    <row r="73176" spans="1:10" x14ac:dyDescent="0.35">
      <c r="A73176" s="1" t="s">
        <v>146324</v>
      </c>
      <c r="B73176" s="1" t="s">
        <v>243722</v>
      </c>
      <c r="C73176" s="1" t="s">
        <v>75</v>
      </c>
      <c r="D73176" s="1" t="s">
        <v>7598</v>
      </c>
      <c r="E73176" s="1" t="s">
        <v>244780</v>
      </c>
      <c r="F73176" s="1" t="s">
        <v>244781</v>
      </c>
      <c r="G73176" s="1" t="s">
        <v>244740</v>
      </c>
      <c r="H73176" s="1" t="s">
        <v>244741</v>
      </c>
      <c r="I73176" s="1" t="s">
        <v>243727</v>
      </c>
      <c r="J73176" s="1" t="s">
        <v>244782</v>
      </c>
    </row>
    <row r="73177" spans="1:10" x14ac:dyDescent="0.35">
      <c r="A73177" s="1" t="s">
        <v>146324</v>
      </c>
      <c r="B73177" s="1" t="s">
        <v>243722</v>
      </c>
      <c r="C73177" s="1" t="s">
        <v>80</v>
      </c>
      <c r="D73177" s="1" t="s">
        <v>34569</v>
      </c>
      <c r="E73177" s="1" t="s">
        <v>244783</v>
      </c>
      <c r="F73177" s="1" t="s">
        <v>244784</v>
      </c>
      <c r="G73177" s="1" t="s">
        <v>244740</v>
      </c>
      <c r="H73177" s="1" t="s">
        <v>244741</v>
      </c>
      <c r="I73177" s="1" t="s">
        <v>243727</v>
      </c>
      <c r="J73177" s="1" t="s">
        <v>244785</v>
      </c>
    </row>
    <row r="73178" spans="1:10" x14ac:dyDescent="0.35">
      <c r="A73178" s="1" t="s">
        <v>146324</v>
      </c>
      <c r="B73178" s="1" t="s">
        <v>243722</v>
      </c>
      <c r="C73178" s="1" t="s">
        <v>85</v>
      </c>
      <c r="D73178" s="1" t="s">
        <v>28820</v>
      </c>
      <c r="E73178" s="1" t="s">
        <v>244786</v>
      </c>
      <c r="F73178" s="1" t="s">
        <v>244787</v>
      </c>
      <c r="G73178" s="1" t="s">
        <v>244740</v>
      </c>
      <c r="H73178" s="1" t="s">
        <v>244741</v>
      </c>
      <c r="I73178" s="1" t="s">
        <v>243727</v>
      </c>
      <c r="J73178" s="1" t="s">
        <v>244788</v>
      </c>
    </row>
    <row r="73179" spans="1:10" x14ac:dyDescent="0.35">
      <c r="A73179" s="1" t="s">
        <v>146324</v>
      </c>
      <c r="B73179" s="1" t="s">
        <v>243722</v>
      </c>
      <c r="C73179" s="1" t="s">
        <v>90</v>
      </c>
      <c r="D73179" s="1" t="s">
        <v>10346</v>
      </c>
      <c r="E73179" s="1" t="s">
        <v>244789</v>
      </c>
      <c r="F73179" s="1" t="s">
        <v>244790</v>
      </c>
      <c r="G73179" s="1" t="s">
        <v>244740</v>
      </c>
      <c r="H73179" s="1" t="s">
        <v>244741</v>
      </c>
      <c r="I73179" s="1" t="s">
        <v>243727</v>
      </c>
      <c r="J73179" s="1" t="s">
        <v>244791</v>
      </c>
    </row>
    <row r="73180" spans="1:10" x14ac:dyDescent="0.35">
      <c r="A73180" s="1" t="s">
        <v>146324</v>
      </c>
      <c r="B73180" s="1" t="s">
        <v>243722</v>
      </c>
      <c r="C73180" s="1" t="s">
        <v>95</v>
      </c>
      <c r="D73180" s="1" t="s">
        <v>203243</v>
      </c>
      <c r="E73180" s="1" t="s">
        <v>244792</v>
      </c>
      <c r="F73180" s="1" t="s">
        <v>244793</v>
      </c>
      <c r="G73180" s="1" t="s">
        <v>244740</v>
      </c>
      <c r="H73180" s="1" t="s">
        <v>244741</v>
      </c>
      <c r="I73180" s="1" t="s">
        <v>243727</v>
      </c>
      <c r="J73180" s="1" t="s">
        <v>244794</v>
      </c>
    </row>
    <row r="73181" spans="1:10" x14ac:dyDescent="0.35">
      <c r="A73181" s="1" t="s">
        <v>146324</v>
      </c>
      <c r="B73181" s="1" t="s">
        <v>243722</v>
      </c>
      <c r="C73181" s="1" t="s">
        <v>100</v>
      </c>
      <c r="D73181" s="1" t="s">
        <v>45046</v>
      </c>
      <c r="E73181" s="1" t="s">
        <v>244795</v>
      </c>
      <c r="F73181" s="1" t="s">
        <v>244796</v>
      </c>
      <c r="G73181" s="1" t="s">
        <v>244740</v>
      </c>
      <c r="H73181" s="1" t="s">
        <v>244741</v>
      </c>
      <c r="I73181" s="1" t="s">
        <v>243727</v>
      </c>
      <c r="J73181" s="1" t="s">
        <v>244797</v>
      </c>
    </row>
    <row r="73182" spans="1:10" x14ac:dyDescent="0.35">
      <c r="A73182" s="1" t="s">
        <v>146324</v>
      </c>
      <c r="B73182" s="1" t="s">
        <v>243722</v>
      </c>
      <c r="C73182" s="1" t="s">
        <v>105</v>
      </c>
      <c r="D73182" s="1" t="s">
        <v>34953</v>
      </c>
      <c r="E73182" s="1" t="s">
        <v>244798</v>
      </c>
      <c r="F73182" s="1" t="s">
        <v>244799</v>
      </c>
      <c r="G73182" s="1" t="s">
        <v>244740</v>
      </c>
      <c r="H73182" s="1" t="s">
        <v>244741</v>
      </c>
      <c r="I73182" s="1" t="s">
        <v>243727</v>
      </c>
      <c r="J73182" s="1" t="s">
        <v>244800</v>
      </c>
    </row>
    <row r="73183" spans="1:10" x14ac:dyDescent="0.35">
      <c r="A73183" s="1" t="s">
        <v>146324</v>
      </c>
      <c r="B73183" s="1" t="s">
        <v>243722</v>
      </c>
      <c r="C73183" s="1" t="s">
        <v>110</v>
      </c>
      <c r="D73183" s="1" t="s">
        <v>151526</v>
      </c>
      <c r="E73183" s="1" t="s">
        <v>244801</v>
      </c>
      <c r="F73183" s="1" t="s">
        <v>244802</v>
      </c>
      <c r="G73183" s="1" t="s">
        <v>244740</v>
      </c>
      <c r="H73183" s="1" t="s">
        <v>244741</v>
      </c>
      <c r="I73183" s="1" t="s">
        <v>243727</v>
      </c>
      <c r="J73183" s="1" t="s">
        <v>244803</v>
      </c>
    </row>
    <row r="73184" spans="1:10" x14ac:dyDescent="0.35">
      <c r="A73184" s="1" t="s">
        <v>146324</v>
      </c>
      <c r="B73184" s="1" t="s">
        <v>243722</v>
      </c>
      <c r="C73184" s="1" t="s">
        <v>115</v>
      </c>
      <c r="D73184" s="1" t="s">
        <v>33783</v>
      </c>
      <c r="E73184" s="1" t="s">
        <v>244804</v>
      </c>
      <c r="F73184" s="1" t="s">
        <v>244805</v>
      </c>
      <c r="G73184" s="1" t="s">
        <v>244740</v>
      </c>
      <c r="H73184" s="1" t="s">
        <v>244741</v>
      </c>
      <c r="I73184" s="1" t="s">
        <v>243727</v>
      </c>
      <c r="J73184" s="1" t="s">
        <v>244806</v>
      </c>
    </row>
    <row r="73185" spans="1:10" x14ac:dyDescent="0.35">
      <c r="A73185" s="1" t="s">
        <v>146324</v>
      </c>
      <c r="B73185" s="1" t="s">
        <v>243722</v>
      </c>
      <c r="C73185" s="1" t="s">
        <v>120</v>
      </c>
      <c r="D73185" s="1" t="s">
        <v>32093</v>
      </c>
      <c r="E73185" s="1" t="s">
        <v>244807</v>
      </c>
      <c r="F73185" s="1" t="s">
        <v>244808</v>
      </c>
      <c r="G73185" s="1" t="s">
        <v>244740</v>
      </c>
      <c r="H73185" s="1" t="s">
        <v>244741</v>
      </c>
      <c r="I73185" s="1" t="s">
        <v>243727</v>
      </c>
      <c r="J73185" s="1" t="s">
        <v>244809</v>
      </c>
    </row>
    <row r="73186" spans="1:10" x14ac:dyDescent="0.35">
      <c r="A73186" s="1" t="s">
        <v>146324</v>
      </c>
      <c r="B73186" s="1" t="s">
        <v>243722</v>
      </c>
      <c r="C73186" s="1" t="s">
        <v>125</v>
      </c>
      <c r="D73186" s="1" t="s">
        <v>191028</v>
      </c>
      <c r="E73186" s="1" t="s">
        <v>244810</v>
      </c>
      <c r="F73186" s="1" t="s">
        <v>244811</v>
      </c>
      <c r="G73186" s="1" t="s">
        <v>244740</v>
      </c>
      <c r="H73186" s="1" t="s">
        <v>244741</v>
      </c>
      <c r="I73186" s="1" t="s">
        <v>243727</v>
      </c>
      <c r="J73186" s="1" t="s">
        <v>244812</v>
      </c>
    </row>
    <row r="73187" spans="1:10" x14ac:dyDescent="0.35">
      <c r="A73187" s="1" t="s">
        <v>146324</v>
      </c>
      <c r="B73187" s="1" t="s">
        <v>243722</v>
      </c>
      <c r="C73187" s="1" t="s">
        <v>130</v>
      </c>
      <c r="D73187" s="1" t="s">
        <v>135271</v>
      </c>
      <c r="E73187" s="1" t="s">
        <v>244813</v>
      </c>
      <c r="F73187" s="1" t="s">
        <v>244814</v>
      </c>
      <c r="G73187" s="1" t="s">
        <v>244740</v>
      </c>
      <c r="H73187" s="1" t="s">
        <v>244741</v>
      </c>
      <c r="I73187" s="1" t="s">
        <v>243727</v>
      </c>
      <c r="J73187" s="1" t="s">
        <v>244815</v>
      </c>
    </row>
    <row r="73188" spans="1:10" x14ac:dyDescent="0.35">
      <c r="A73188" s="1" t="s">
        <v>146324</v>
      </c>
      <c r="B73188" s="1" t="s">
        <v>243722</v>
      </c>
      <c r="C73188" s="1" t="s">
        <v>135</v>
      </c>
      <c r="D73188" s="1" t="s">
        <v>110448</v>
      </c>
      <c r="E73188" s="1" t="s">
        <v>244816</v>
      </c>
      <c r="F73188" s="1" t="s">
        <v>244817</v>
      </c>
      <c r="G73188" s="1" t="s">
        <v>244740</v>
      </c>
      <c r="H73188" s="1" t="s">
        <v>244741</v>
      </c>
      <c r="I73188" s="1" t="s">
        <v>243727</v>
      </c>
      <c r="J73188" s="1" t="s">
        <v>244818</v>
      </c>
    </row>
    <row r="73189" spans="1:10" x14ac:dyDescent="0.35">
      <c r="A73189" s="1" t="s">
        <v>146324</v>
      </c>
      <c r="B73189" s="1" t="s">
        <v>243722</v>
      </c>
      <c r="C73189" s="1" t="s">
        <v>140</v>
      </c>
      <c r="D73189" s="1" t="s">
        <v>185359</v>
      </c>
      <c r="E73189" s="1" t="s">
        <v>244819</v>
      </c>
      <c r="F73189" s="1" t="s">
        <v>244820</v>
      </c>
      <c r="G73189" s="1" t="s">
        <v>244740</v>
      </c>
      <c r="H73189" s="1" t="s">
        <v>244741</v>
      </c>
      <c r="I73189" s="1" t="s">
        <v>243727</v>
      </c>
      <c r="J73189" s="1" t="s">
        <v>244821</v>
      </c>
    </row>
    <row r="73190" spans="1:10" x14ac:dyDescent="0.35">
      <c r="A73190" s="1" t="s">
        <v>146324</v>
      </c>
      <c r="B73190" s="1" t="s">
        <v>243722</v>
      </c>
      <c r="C73190" s="1" t="s">
        <v>145</v>
      </c>
      <c r="D73190" s="1" t="s">
        <v>194154</v>
      </c>
      <c r="E73190" s="1" t="s">
        <v>244822</v>
      </c>
      <c r="F73190" s="1" t="s">
        <v>244823</v>
      </c>
      <c r="G73190" s="1" t="s">
        <v>244740</v>
      </c>
      <c r="H73190" s="1" t="s">
        <v>244741</v>
      </c>
      <c r="I73190" s="1" t="s">
        <v>243727</v>
      </c>
      <c r="J73190" s="1" t="s">
        <v>244824</v>
      </c>
    </row>
    <row r="73191" spans="1:10" x14ac:dyDescent="0.35">
      <c r="A73191" s="1" t="s">
        <v>146324</v>
      </c>
      <c r="B73191" s="1" t="s">
        <v>243722</v>
      </c>
      <c r="C73191" s="1" t="s">
        <v>150</v>
      </c>
      <c r="D73191" s="1" t="s">
        <v>175630</v>
      </c>
      <c r="E73191" s="1" t="s">
        <v>244825</v>
      </c>
      <c r="F73191" s="1" t="s">
        <v>244826</v>
      </c>
      <c r="G73191" s="1" t="s">
        <v>244740</v>
      </c>
      <c r="H73191" s="1" t="s">
        <v>244741</v>
      </c>
      <c r="I73191" s="1" t="s">
        <v>243727</v>
      </c>
      <c r="J73191" s="1" t="s">
        <v>244827</v>
      </c>
    </row>
    <row r="73192" spans="1:10" x14ac:dyDescent="0.35">
      <c r="A73192" s="1" t="s">
        <v>146324</v>
      </c>
      <c r="B73192" s="1" t="s">
        <v>243722</v>
      </c>
      <c r="C73192" s="1" t="s">
        <v>155</v>
      </c>
      <c r="D73192" s="1" t="s">
        <v>70635</v>
      </c>
      <c r="E73192" s="1" t="s">
        <v>244828</v>
      </c>
      <c r="F73192" s="1" t="s">
        <v>244829</v>
      </c>
      <c r="G73192" s="1" t="s">
        <v>244740</v>
      </c>
      <c r="H73192" s="1" t="s">
        <v>244741</v>
      </c>
      <c r="I73192" s="1" t="s">
        <v>243727</v>
      </c>
      <c r="J73192" s="1" t="s">
        <v>244830</v>
      </c>
    </row>
    <row r="73193" spans="1:10" x14ac:dyDescent="0.35">
      <c r="A73193" s="1" t="s">
        <v>146324</v>
      </c>
      <c r="B73193" s="1" t="s">
        <v>243722</v>
      </c>
      <c r="C73193" s="1" t="s">
        <v>160</v>
      </c>
      <c r="D73193" s="1" t="s">
        <v>244831</v>
      </c>
      <c r="E73193" s="1" t="s">
        <v>244832</v>
      </c>
      <c r="F73193" s="1" t="s">
        <v>244833</v>
      </c>
      <c r="G73193" s="1" t="s">
        <v>244740</v>
      </c>
      <c r="H73193" s="1" t="s">
        <v>244741</v>
      </c>
      <c r="I73193" s="1" t="s">
        <v>243727</v>
      </c>
      <c r="J73193" s="1" t="s">
        <v>244834</v>
      </c>
    </row>
    <row r="73194" spans="1:10" x14ac:dyDescent="0.35">
      <c r="A73194" s="1" t="s">
        <v>146324</v>
      </c>
      <c r="B73194" s="1" t="s">
        <v>243722</v>
      </c>
      <c r="C73194" s="1" t="s">
        <v>165</v>
      </c>
      <c r="D73194" s="1" t="s">
        <v>19814</v>
      </c>
      <c r="E73194" s="1" t="s">
        <v>244835</v>
      </c>
      <c r="F73194" s="1" t="s">
        <v>244836</v>
      </c>
      <c r="G73194" s="1" t="s">
        <v>244740</v>
      </c>
      <c r="H73194" s="1" t="s">
        <v>244741</v>
      </c>
      <c r="I73194" s="1" t="s">
        <v>243727</v>
      </c>
      <c r="J73194" s="1" t="s">
        <v>244837</v>
      </c>
    </row>
    <row r="73195" spans="1:10" x14ac:dyDescent="0.35">
      <c r="A73195" s="1" t="s">
        <v>146324</v>
      </c>
      <c r="B73195" s="1" t="s">
        <v>243722</v>
      </c>
      <c r="C73195" s="1" t="s">
        <v>170</v>
      </c>
      <c r="D73195" s="1" t="s">
        <v>244838</v>
      </c>
      <c r="E73195" s="1" t="s">
        <v>244839</v>
      </c>
      <c r="F73195" s="1" t="s">
        <v>244840</v>
      </c>
      <c r="G73195" s="1" t="s">
        <v>244740</v>
      </c>
      <c r="H73195" s="1" t="s">
        <v>244741</v>
      </c>
      <c r="I73195" s="1" t="s">
        <v>243727</v>
      </c>
      <c r="J73195" s="1" t="s">
        <v>244841</v>
      </c>
    </row>
    <row r="73196" spans="1:10" x14ac:dyDescent="0.35">
      <c r="A73196" s="1" t="s">
        <v>9971</v>
      </c>
      <c r="B73196" s="1" t="s">
        <v>243722</v>
      </c>
      <c r="C73196" s="1" t="s">
        <v>8</v>
      </c>
      <c r="D73196" s="1" t="s">
        <v>4126</v>
      </c>
      <c r="E73196" s="1" t="s">
        <v>107606</v>
      </c>
      <c r="F73196" s="1" t="s">
        <v>19995</v>
      </c>
      <c r="G73196" s="1" t="s">
        <v>244842</v>
      </c>
      <c r="H73196" s="1" t="s">
        <v>244843</v>
      </c>
      <c r="I73196" s="1" t="s">
        <v>243727</v>
      </c>
      <c r="J73196" s="1" t="s">
        <v>13</v>
      </c>
    </row>
    <row r="73197" spans="1:10" x14ac:dyDescent="0.35">
      <c r="A73197" s="1" t="s">
        <v>9971</v>
      </c>
      <c r="B73197" s="1" t="s">
        <v>243722</v>
      </c>
      <c r="C73197" s="1" t="s">
        <v>15</v>
      </c>
      <c r="D73197" s="1" t="s">
        <v>2366</v>
      </c>
      <c r="E73197" s="1" t="s">
        <v>128534</v>
      </c>
      <c r="F73197" s="1" t="s">
        <v>244844</v>
      </c>
      <c r="G73197" s="1" t="s">
        <v>244842</v>
      </c>
      <c r="H73197" s="1" t="s">
        <v>244843</v>
      </c>
      <c r="I73197" s="1" t="s">
        <v>243727</v>
      </c>
      <c r="J73197" s="1" t="s">
        <v>244845</v>
      </c>
    </row>
    <row r="73198" spans="1:10" x14ac:dyDescent="0.35">
      <c r="A73198" s="1" t="s">
        <v>9971</v>
      </c>
      <c r="B73198" s="1" t="s">
        <v>243722</v>
      </c>
      <c r="C73198" s="1" t="s">
        <v>20</v>
      </c>
      <c r="D73198" s="1" t="s">
        <v>110900</v>
      </c>
      <c r="E73198" s="1" t="s">
        <v>179955</v>
      </c>
      <c r="F73198" s="1" t="s">
        <v>244846</v>
      </c>
      <c r="G73198" s="1" t="s">
        <v>244842</v>
      </c>
      <c r="H73198" s="1" t="s">
        <v>244843</v>
      </c>
      <c r="I73198" s="1" t="s">
        <v>243727</v>
      </c>
      <c r="J73198" s="1" t="s">
        <v>244847</v>
      </c>
    </row>
    <row r="73199" spans="1:10" x14ac:dyDescent="0.35">
      <c r="A73199" s="1" t="s">
        <v>9971</v>
      </c>
      <c r="B73199" s="1" t="s">
        <v>243722</v>
      </c>
      <c r="C73199" s="1" t="s">
        <v>25</v>
      </c>
      <c r="D73199" s="1" t="s">
        <v>47416</v>
      </c>
      <c r="E73199" s="1" t="s">
        <v>15998</v>
      </c>
      <c r="F73199" s="1" t="s">
        <v>24338</v>
      </c>
      <c r="G73199" s="1" t="s">
        <v>244842</v>
      </c>
      <c r="H73199" s="1" t="s">
        <v>244843</v>
      </c>
      <c r="I73199" s="1" t="s">
        <v>243727</v>
      </c>
      <c r="J73199" s="1" t="s">
        <v>244848</v>
      </c>
    </row>
    <row r="73200" spans="1:10" x14ac:dyDescent="0.35">
      <c r="A73200" s="1" t="s">
        <v>9971</v>
      </c>
      <c r="B73200" s="1" t="s">
        <v>243722</v>
      </c>
      <c r="C73200" s="1" t="s">
        <v>30</v>
      </c>
      <c r="D73200" s="1" t="s">
        <v>50090</v>
      </c>
      <c r="E73200" s="1" t="s">
        <v>244849</v>
      </c>
      <c r="F73200" s="1" t="s">
        <v>69560</v>
      </c>
      <c r="G73200" s="1" t="s">
        <v>244842</v>
      </c>
      <c r="H73200" s="1" t="s">
        <v>244843</v>
      </c>
      <c r="I73200" s="1" t="s">
        <v>243727</v>
      </c>
      <c r="J73200" s="1" t="s">
        <v>244850</v>
      </c>
    </row>
    <row r="73201" spans="1:10" x14ac:dyDescent="0.35">
      <c r="A73201" s="1" t="s">
        <v>9971</v>
      </c>
      <c r="B73201" s="1" t="s">
        <v>243722</v>
      </c>
      <c r="C73201" s="1" t="s">
        <v>35</v>
      </c>
      <c r="D73201" s="1" t="s">
        <v>109831</v>
      </c>
      <c r="E73201" s="1" t="s">
        <v>147784</v>
      </c>
      <c r="F73201" s="1" t="s">
        <v>211431</v>
      </c>
      <c r="G73201" s="1" t="s">
        <v>244842</v>
      </c>
      <c r="H73201" s="1" t="s">
        <v>244843</v>
      </c>
      <c r="I73201" s="1" t="s">
        <v>243727</v>
      </c>
      <c r="J73201" s="1" t="s">
        <v>244851</v>
      </c>
    </row>
    <row r="73202" spans="1:10" x14ac:dyDescent="0.35">
      <c r="A73202" s="1" t="s">
        <v>9971</v>
      </c>
      <c r="B73202" s="1" t="s">
        <v>243722</v>
      </c>
      <c r="C73202" s="1" t="s">
        <v>40</v>
      </c>
      <c r="D73202" s="1" t="s">
        <v>244852</v>
      </c>
      <c r="E73202" s="1" t="s">
        <v>48070</v>
      </c>
      <c r="F73202" s="1" t="s">
        <v>67075</v>
      </c>
      <c r="G73202" s="1" t="s">
        <v>244842</v>
      </c>
      <c r="H73202" s="1" t="s">
        <v>244843</v>
      </c>
      <c r="I73202" s="1" t="s">
        <v>243727</v>
      </c>
      <c r="J73202" s="1" t="s">
        <v>244853</v>
      </c>
    </row>
    <row r="73203" spans="1:10" x14ac:dyDescent="0.35">
      <c r="A73203" s="1" t="s">
        <v>9971</v>
      </c>
      <c r="B73203" s="1" t="s">
        <v>243722</v>
      </c>
      <c r="C73203" s="1" t="s">
        <v>45</v>
      </c>
      <c r="D73203" s="1" t="s">
        <v>244416</v>
      </c>
      <c r="E73203" s="1" t="s">
        <v>155165</v>
      </c>
      <c r="F73203" s="1" t="s">
        <v>244854</v>
      </c>
      <c r="G73203" s="1" t="s">
        <v>244842</v>
      </c>
      <c r="H73203" s="1" t="s">
        <v>244843</v>
      </c>
      <c r="I73203" s="1" t="s">
        <v>243727</v>
      </c>
      <c r="J73203" s="1" t="s">
        <v>244855</v>
      </c>
    </row>
    <row r="73204" spans="1:10" x14ac:dyDescent="0.35">
      <c r="A73204" s="1" t="s">
        <v>9971</v>
      </c>
      <c r="B73204" s="1" t="s">
        <v>243722</v>
      </c>
      <c r="C73204" s="1" t="s">
        <v>50</v>
      </c>
      <c r="D73204" s="1" t="s">
        <v>111866</v>
      </c>
      <c r="E73204" s="1" t="s">
        <v>129464</v>
      </c>
      <c r="F73204" s="1" t="s">
        <v>244856</v>
      </c>
      <c r="G73204" s="1" t="s">
        <v>244842</v>
      </c>
      <c r="H73204" s="1" t="s">
        <v>244843</v>
      </c>
      <c r="I73204" s="1" t="s">
        <v>243727</v>
      </c>
      <c r="J73204" s="1" t="s">
        <v>244857</v>
      </c>
    </row>
    <row r="73205" spans="1:10" x14ac:dyDescent="0.35">
      <c r="A73205" s="1" t="s">
        <v>9971</v>
      </c>
      <c r="B73205" s="1" t="s">
        <v>243722</v>
      </c>
      <c r="C73205" s="1" t="s">
        <v>55</v>
      </c>
      <c r="D73205" s="1" t="s">
        <v>244858</v>
      </c>
      <c r="E73205" s="1" t="s">
        <v>131975</v>
      </c>
      <c r="F73205" s="1" t="s">
        <v>244859</v>
      </c>
      <c r="G73205" s="1" t="s">
        <v>244842</v>
      </c>
      <c r="H73205" s="1" t="s">
        <v>244843</v>
      </c>
      <c r="I73205" s="1" t="s">
        <v>243727</v>
      </c>
      <c r="J73205" s="1" t="s">
        <v>244860</v>
      </c>
    </row>
    <row r="73206" spans="1:10" x14ac:dyDescent="0.35">
      <c r="A73206" s="1" t="s">
        <v>9971</v>
      </c>
      <c r="B73206" s="1" t="s">
        <v>243722</v>
      </c>
      <c r="C73206" s="1" t="s">
        <v>60</v>
      </c>
      <c r="D73206" s="1" t="s">
        <v>161749</v>
      </c>
      <c r="E73206" s="1" t="s">
        <v>108758</v>
      </c>
      <c r="F73206" s="1" t="s">
        <v>244861</v>
      </c>
      <c r="G73206" s="1" t="s">
        <v>244842</v>
      </c>
      <c r="H73206" s="1" t="s">
        <v>244843</v>
      </c>
      <c r="I73206" s="1" t="s">
        <v>243727</v>
      </c>
      <c r="J73206" s="1" t="s">
        <v>244862</v>
      </c>
    </row>
    <row r="73207" spans="1:10" x14ac:dyDescent="0.35">
      <c r="A73207" s="1" t="s">
        <v>9971</v>
      </c>
      <c r="B73207" s="1" t="s">
        <v>243722</v>
      </c>
      <c r="C73207" s="1" t="s">
        <v>65</v>
      </c>
      <c r="D73207" s="1" t="s">
        <v>8967</v>
      </c>
      <c r="E73207" s="1" t="s">
        <v>49816</v>
      </c>
      <c r="F73207" s="1" t="s">
        <v>244863</v>
      </c>
      <c r="G73207" s="1" t="s">
        <v>244842</v>
      </c>
      <c r="H73207" s="1" t="s">
        <v>244843</v>
      </c>
      <c r="I73207" s="1" t="s">
        <v>243727</v>
      </c>
      <c r="J73207" s="1" t="s">
        <v>244864</v>
      </c>
    </row>
    <row r="73208" spans="1:10" x14ac:dyDescent="0.35">
      <c r="A73208" s="1" t="s">
        <v>9971</v>
      </c>
      <c r="B73208" s="1" t="s">
        <v>243722</v>
      </c>
      <c r="C73208" s="1" t="s">
        <v>70</v>
      </c>
      <c r="D73208" s="1" t="s">
        <v>6661</v>
      </c>
      <c r="E73208" s="1" t="s">
        <v>106479</v>
      </c>
      <c r="F73208" s="1" t="s">
        <v>244865</v>
      </c>
      <c r="G73208" s="1" t="s">
        <v>244842</v>
      </c>
      <c r="H73208" s="1" t="s">
        <v>244843</v>
      </c>
      <c r="I73208" s="1" t="s">
        <v>243727</v>
      </c>
      <c r="J73208" s="1" t="s">
        <v>244866</v>
      </c>
    </row>
    <row r="73209" spans="1:10" x14ac:dyDescent="0.35">
      <c r="A73209" s="1" t="s">
        <v>9971</v>
      </c>
      <c r="B73209" s="1" t="s">
        <v>243722</v>
      </c>
      <c r="C73209" s="1" t="s">
        <v>75</v>
      </c>
      <c r="D73209" s="1" t="s">
        <v>13000</v>
      </c>
      <c r="E73209" s="1" t="s">
        <v>108259</v>
      </c>
      <c r="F73209" s="1" t="s">
        <v>55870</v>
      </c>
      <c r="G73209" s="1" t="s">
        <v>244842</v>
      </c>
      <c r="H73209" s="1" t="s">
        <v>244843</v>
      </c>
      <c r="I73209" s="1" t="s">
        <v>243727</v>
      </c>
      <c r="J73209" s="1" t="s">
        <v>244867</v>
      </c>
    </row>
    <row r="73210" spans="1:10" x14ac:dyDescent="0.35">
      <c r="A73210" s="1" t="s">
        <v>9971</v>
      </c>
      <c r="B73210" s="1" t="s">
        <v>243722</v>
      </c>
      <c r="C73210" s="1" t="s">
        <v>80</v>
      </c>
      <c r="D73210" s="1" t="s">
        <v>116256</v>
      </c>
      <c r="E73210" s="1" t="s">
        <v>244868</v>
      </c>
      <c r="F73210" s="1" t="s">
        <v>244869</v>
      </c>
      <c r="G73210" s="1" t="s">
        <v>244842</v>
      </c>
      <c r="H73210" s="1" t="s">
        <v>244843</v>
      </c>
      <c r="I73210" s="1" t="s">
        <v>243727</v>
      </c>
      <c r="J73210" s="1" t="s">
        <v>244870</v>
      </c>
    </row>
    <row r="73211" spans="1:10" x14ac:dyDescent="0.35">
      <c r="A73211" s="1" t="s">
        <v>9971</v>
      </c>
      <c r="B73211" s="1" t="s">
        <v>243722</v>
      </c>
      <c r="C73211" s="1" t="s">
        <v>85</v>
      </c>
      <c r="D73211" s="1" t="s">
        <v>7988</v>
      </c>
      <c r="E73211" s="1" t="s">
        <v>108280</v>
      </c>
      <c r="F73211" s="1" t="s">
        <v>244871</v>
      </c>
      <c r="G73211" s="1" t="s">
        <v>244842</v>
      </c>
      <c r="H73211" s="1" t="s">
        <v>244843</v>
      </c>
      <c r="I73211" s="1" t="s">
        <v>243727</v>
      </c>
      <c r="J73211" s="1" t="s">
        <v>244872</v>
      </c>
    </row>
    <row r="73212" spans="1:10" x14ac:dyDescent="0.35">
      <c r="A73212" s="1" t="s">
        <v>9971</v>
      </c>
      <c r="B73212" s="1" t="s">
        <v>243722</v>
      </c>
      <c r="C73212" s="1" t="s">
        <v>90</v>
      </c>
      <c r="D73212" s="1" t="s">
        <v>187130</v>
      </c>
      <c r="E73212" s="1" t="s">
        <v>127110</v>
      </c>
      <c r="F73212" s="1" t="s">
        <v>244873</v>
      </c>
      <c r="G73212" s="1" t="s">
        <v>244842</v>
      </c>
      <c r="H73212" s="1" t="s">
        <v>244843</v>
      </c>
      <c r="I73212" s="1" t="s">
        <v>243727</v>
      </c>
      <c r="J73212" s="1" t="s">
        <v>244874</v>
      </c>
    </row>
    <row r="73213" spans="1:10" x14ac:dyDescent="0.35">
      <c r="A73213" s="1" t="s">
        <v>9971</v>
      </c>
      <c r="B73213" s="1" t="s">
        <v>243722</v>
      </c>
      <c r="C73213" s="1" t="s">
        <v>95</v>
      </c>
      <c r="D73213" s="1" t="s">
        <v>157977</v>
      </c>
      <c r="E73213" s="1" t="s">
        <v>48051</v>
      </c>
      <c r="F73213" s="1" t="s">
        <v>244875</v>
      </c>
      <c r="G73213" s="1" t="s">
        <v>244842</v>
      </c>
      <c r="H73213" s="1" t="s">
        <v>244843</v>
      </c>
      <c r="I73213" s="1" t="s">
        <v>243727</v>
      </c>
      <c r="J73213" s="1" t="s">
        <v>244876</v>
      </c>
    </row>
    <row r="73214" spans="1:10" x14ac:dyDescent="0.35">
      <c r="A73214" s="1" t="s">
        <v>9971</v>
      </c>
      <c r="B73214" s="1" t="s">
        <v>243722</v>
      </c>
      <c r="C73214" s="1" t="s">
        <v>100</v>
      </c>
      <c r="D73214" s="1" t="s">
        <v>687</v>
      </c>
      <c r="E73214" s="1" t="s">
        <v>244877</v>
      </c>
      <c r="F73214" s="1" t="s">
        <v>244878</v>
      </c>
      <c r="G73214" s="1" t="s">
        <v>244842</v>
      </c>
      <c r="H73214" s="1" t="s">
        <v>244843</v>
      </c>
      <c r="I73214" s="1" t="s">
        <v>243727</v>
      </c>
      <c r="J73214" s="1" t="s">
        <v>244879</v>
      </c>
    </row>
    <row r="73215" spans="1:10" x14ac:dyDescent="0.35">
      <c r="A73215" s="1" t="s">
        <v>9971</v>
      </c>
      <c r="B73215" s="1" t="s">
        <v>243722</v>
      </c>
      <c r="C73215" s="1" t="s">
        <v>105</v>
      </c>
      <c r="D73215" s="1" t="s">
        <v>244880</v>
      </c>
      <c r="E73215" s="1" t="s">
        <v>244881</v>
      </c>
      <c r="F73215" s="1" t="s">
        <v>24285</v>
      </c>
      <c r="G73215" s="1" t="s">
        <v>244842</v>
      </c>
      <c r="H73215" s="1" t="s">
        <v>244843</v>
      </c>
      <c r="I73215" s="1" t="s">
        <v>243727</v>
      </c>
      <c r="J73215" s="1" t="s">
        <v>244882</v>
      </c>
    </row>
    <row r="73216" spans="1:10" x14ac:dyDescent="0.35">
      <c r="A73216" s="1" t="s">
        <v>9971</v>
      </c>
      <c r="B73216" s="1" t="s">
        <v>243722</v>
      </c>
      <c r="C73216" s="1" t="s">
        <v>110</v>
      </c>
      <c r="D73216" s="1" t="s">
        <v>124221</v>
      </c>
      <c r="E73216" s="1" t="s">
        <v>180404</v>
      </c>
      <c r="F73216" s="1" t="s">
        <v>244883</v>
      </c>
      <c r="G73216" s="1" t="s">
        <v>244842</v>
      </c>
      <c r="H73216" s="1" t="s">
        <v>244843</v>
      </c>
      <c r="I73216" s="1" t="s">
        <v>243727</v>
      </c>
      <c r="J73216" s="1" t="s">
        <v>244884</v>
      </c>
    </row>
    <row r="73217" spans="1:10" x14ac:dyDescent="0.35">
      <c r="A73217" s="1" t="s">
        <v>9971</v>
      </c>
      <c r="B73217" s="1" t="s">
        <v>243722</v>
      </c>
      <c r="C73217" s="1" t="s">
        <v>115</v>
      </c>
      <c r="D73217" s="1" t="s">
        <v>173560</v>
      </c>
      <c r="E73217" s="1" t="s">
        <v>244885</v>
      </c>
      <c r="F73217" s="1" t="s">
        <v>82885</v>
      </c>
      <c r="G73217" s="1" t="s">
        <v>244842</v>
      </c>
      <c r="H73217" s="1" t="s">
        <v>244843</v>
      </c>
      <c r="I73217" s="1" t="s">
        <v>243727</v>
      </c>
      <c r="J73217" s="1" t="s">
        <v>244886</v>
      </c>
    </row>
    <row r="73218" spans="1:10" x14ac:dyDescent="0.35">
      <c r="A73218" s="1" t="s">
        <v>9971</v>
      </c>
      <c r="B73218" s="1" t="s">
        <v>243722</v>
      </c>
      <c r="C73218" s="1" t="s">
        <v>120</v>
      </c>
      <c r="D73218" s="1" t="s">
        <v>135016</v>
      </c>
      <c r="E73218" s="1" t="s">
        <v>129464</v>
      </c>
      <c r="F73218" s="1" t="s">
        <v>244887</v>
      </c>
      <c r="G73218" s="1" t="s">
        <v>244842</v>
      </c>
      <c r="H73218" s="1" t="s">
        <v>244843</v>
      </c>
      <c r="I73218" s="1" t="s">
        <v>243727</v>
      </c>
      <c r="J73218" s="1" t="s">
        <v>244888</v>
      </c>
    </row>
    <row r="73219" spans="1:10" x14ac:dyDescent="0.35">
      <c r="A73219" s="1" t="s">
        <v>9971</v>
      </c>
      <c r="B73219" s="1" t="s">
        <v>243722</v>
      </c>
      <c r="C73219" s="1" t="s">
        <v>125</v>
      </c>
      <c r="D73219" s="1" t="s">
        <v>104247</v>
      </c>
      <c r="E73219" s="1" t="s">
        <v>81140</v>
      </c>
      <c r="F73219" s="1" t="s">
        <v>244889</v>
      </c>
      <c r="G73219" s="1" t="s">
        <v>244842</v>
      </c>
      <c r="H73219" s="1" t="s">
        <v>244843</v>
      </c>
      <c r="I73219" s="1" t="s">
        <v>243727</v>
      </c>
      <c r="J73219" s="1" t="s">
        <v>244890</v>
      </c>
    </row>
    <row r="73220" spans="1:10" x14ac:dyDescent="0.35">
      <c r="A73220" s="1" t="s">
        <v>9971</v>
      </c>
      <c r="B73220" s="1" t="s">
        <v>243722</v>
      </c>
      <c r="C73220" s="1" t="s">
        <v>130</v>
      </c>
      <c r="D73220" s="1" t="s">
        <v>31549</v>
      </c>
      <c r="E73220" s="1" t="s">
        <v>128799</v>
      </c>
      <c r="F73220" s="1" t="s">
        <v>244891</v>
      </c>
      <c r="G73220" s="1" t="s">
        <v>244842</v>
      </c>
      <c r="H73220" s="1" t="s">
        <v>244843</v>
      </c>
      <c r="I73220" s="1" t="s">
        <v>243727</v>
      </c>
      <c r="J73220" s="1" t="s">
        <v>244892</v>
      </c>
    </row>
    <row r="73221" spans="1:10" x14ac:dyDescent="0.35">
      <c r="A73221" s="1" t="s">
        <v>9971</v>
      </c>
      <c r="B73221" s="1" t="s">
        <v>243722</v>
      </c>
      <c r="C73221" s="1" t="s">
        <v>135</v>
      </c>
      <c r="D73221" s="1" t="s">
        <v>49716</v>
      </c>
      <c r="E73221" s="1" t="s">
        <v>126619</v>
      </c>
      <c r="F73221" s="1" t="s">
        <v>109175</v>
      </c>
      <c r="G73221" s="1" t="s">
        <v>244842</v>
      </c>
      <c r="H73221" s="1" t="s">
        <v>244843</v>
      </c>
      <c r="I73221" s="1" t="s">
        <v>243727</v>
      </c>
      <c r="J73221" s="1" t="s">
        <v>244893</v>
      </c>
    </row>
    <row r="73222" spans="1:10" x14ac:dyDescent="0.35">
      <c r="A73222" s="1" t="s">
        <v>9971</v>
      </c>
      <c r="B73222" s="1" t="s">
        <v>243722</v>
      </c>
      <c r="C73222" s="1" t="s">
        <v>140</v>
      </c>
      <c r="D73222" s="1" t="s">
        <v>178170</v>
      </c>
      <c r="E73222" s="1" t="s">
        <v>131990</v>
      </c>
      <c r="F73222" s="1" t="s">
        <v>244894</v>
      </c>
      <c r="G73222" s="1" t="s">
        <v>244842</v>
      </c>
      <c r="H73222" s="1" t="s">
        <v>244843</v>
      </c>
      <c r="I73222" s="1" t="s">
        <v>243727</v>
      </c>
      <c r="J73222" s="1" t="s">
        <v>244895</v>
      </c>
    </row>
    <row r="73223" spans="1:10" x14ac:dyDescent="0.35">
      <c r="A73223" s="1" t="s">
        <v>9971</v>
      </c>
      <c r="B73223" s="1" t="s">
        <v>243722</v>
      </c>
      <c r="C73223" s="1" t="s">
        <v>145</v>
      </c>
      <c r="D73223" s="1" t="s">
        <v>244896</v>
      </c>
      <c r="E73223" s="1" t="s">
        <v>134631</v>
      </c>
      <c r="F73223" s="1" t="s">
        <v>244897</v>
      </c>
      <c r="G73223" s="1" t="s">
        <v>244842</v>
      </c>
      <c r="H73223" s="1" t="s">
        <v>244843</v>
      </c>
      <c r="I73223" s="1" t="s">
        <v>243727</v>
      </c>
      <c r="J73223" s="1" t="s">
        <v>244898</v>
      </c>
    </row>
    <row r="73224" spans="1:10" x14ac:dyDescent="0.35">
      <c r="A73224" s="1" t="s">
        <v>9971</v>
      </c>
      <c r="B73224" s="1" t="s">
        <v>243722</v>
      </c>
      <c r="C73224" s="1" t="s">
        <v>150</v>
      </c>
      <c r="D73224" s="1" t="s">
        <v>33012</v>
      </c>
      <c r="E73224" s="1" t="s">
        <v>244899</v>
      </c>
      <c r="F73224" s="1" t="s">
        <v>106535</v>
      </c>
      <c r="G73224" s="1" t="s">
        <v>244842</v>
      </c>
      <c r="H73224" s="1" t="s">
        <v>244843</v>
      </c>
      <c r="I73224" s="1" t="s">
        <v>243727</v>
      </c>
      <c r="J73224" s="1" t="s">
        <v>244900</v>
      </c>
    </row>
    <row r="73225" spans="1:10" x14ac:dyDescent="0.35">
      <c r="A73225" s="1" t="s">
        <v>9971</v>
      </c>
      <c r="B73225" s="1" t="s">
        <v>243722</v>
      </c>
      <c r="C73225" s="1" t="s">
        <v>155</v>
      </c>
      <c r="D73225" s="1" t="s">
        <v>176839</v>
      </c>
      <c r="E73225" s="1" t="s">
        <v>81190</v>
      </c>
      <c r="F73225" s="1" t="s">
        <v>244901</v>
      </c>
      <c r="G73225" s="1" t="s">
        <v>244842</v>
      </c>
      <c r="H73225" s="1" t="s">
        <v>244843</v>
      </c>
      <c r="I73225" s="1" t="s">
        <v>243727</v>
      </c>
      <c r="J73225" s="1" t="s">
        <v>244902</v>
      </c>
    </row>
    <row r="73226" spans="1:10" x14ac:dyDescent="0.35">
      <c r="A73226" s="1" t="s">
        <v>9971</v>
      </c>
      <c r="B73226" s="1" t="s">
        <v>243722</v>
      </c>
      <c r="C73226" s="1" t="s">
        <v>160</v>
      </c>
      <c r="D73226" s="1" t="s">
        <v>244903</v>
      </c>
      <c r="E73226" s="1" t="s">
        <v>244904</v>
      </c>
      <c r="F73226" s="1" t="s">
        <v>244905</v>
      </c>
      <c r="G73226" s="1" t="s">
        <v>244842</v>
      </c>
      <c r="H73226" s="1" t="s">
        <v>244843</v>
      </c>
      <c r="I73226" s="1" t="s">
        <v>243727</v>
      </c>
      <c r="J73226" s="1" t="s">
        <v>244906</v>
      </c>
    </row>
    <row r="73227" spans="1:10" x14ac:dyDescent="0.35">
      <c r="A73227" s="1" t="s">
        <v>9971</v>
      </c>
      <c r="B73227" s="1" t="s">
        <v>243722</v>
      </c>
      <c r="C73227" s="1" t="s">
        <v>165</v>
      </c>
      <c r="D73227" s="1" t="s">
        <v>244907</v>
      </c>
      <c r="E73227" s="1" t="s">
        <v>212589</v>
      </c>
      <c r="F73227" s="1" t="s">
        <v>244908</v>
      </c>
      <c r="G73227" s="1" t="s">
        <v>244842</v>
      </c>
      <c r="H73227" s="1" t="s">
        <v>244843</v>
      </c>
      <c r="I73227" s="1" t="s">
        <v>243727</v>
      </c>
      <c r="J73227" s="1" t="s">
        <v>244909</v>
      </c>
    </row>
    <row r="73228" spans="1:10" x14ac:dyDescent="0.35">
      <c r="A73228" s="1" t="s">
        <v>9971</v>
      </c>
      <c r="B73228" s="1" t="s">
        <v>243722</v>
      </c>
      <c r="C73228" s="1" t="s">
        <v>170</v>
      </c>
      <c r="D73228" s="1" t="s">
        <v>244910</v>
      </c>
      <c r="E73228" s="1" t="s">
        <v>105424</v>
      </c>
      <c r="F73228" s="1" t="s">
        <v>244911</v>
      </c>
      <c r="G73228" s="1" t="s">
        <v>244842</v>
      </c>
      <c r="H73228" s="1" t="s">
        <v>244843</v>
      </c>
      <c r="I73228" s="1" t="s">
        <v>243727</v>
      </c>
      <c r="J73228" s="1" t="s">
        <v>244912</v>
      </c>
    </row>
    <row r="73229" spans="1:10" x14ac:dyDescent="0.35">
      <c r="A73229" s="1" t="s">
        <v>119779</v>
      </c>
      <c r="B73229" s="1" t="s">
        <v>244913</v>
      </c>
      <c r="C73229" s="1" t="s">
        <v>8</v>
      </c>
      <c r="D73229" s="1" t="s">
        <v>176718</v>
      </c>
      <c r="E73229" s="1" t="s">
        <v>244914</v>
      </c>
      <c r="F73229" s="1" t="s">
        <v>244915</v>
      </c>
      <c r="G73229" s="1" t="s">
        <v>244916</v>
      </c>
      <c r="H73229" s="1" t="s">
        <v>35899</v>
      </c>
      <c r="I73229" s="1" t="s">
        <v>244917</v>
      </c>
      <c r="J73229" s="1" t="s">
        <v>13</v>
      </c>
    </row>
    <row r="73230" spans="1:10" x14ac:dyDescent="0.35">
      <c r="A73230" s="1" t="s">
        <v>119779</v>
      </c>
      <c r="B73230" s="1" t="s">
        <v>244913</v>
      </c>
      <c r="C73230" s="1" t="s">
        <v>15</v>
      </c>
      <c r="D73230" s="1" t="s">
        <v>142277</v>
      </c>
      <c r="E73230" s="1" t="s">
        <v>244918</v>
      </c>
      <c r="F73230" s="1" t="s">
        <v>244919</v>
      </c>
      <c r="G73230" s="1" t="s">
        <v>244916</v>
      </c>
      <c r="H73230" s="1" t="s">
        <v>35899</v>
      </c>
      <c r="I73230" s="1" t="s">
        <v>244917</v>
      </c>
      <c r="J73230" s="1" t="s">
        <v>244920</v>
      </c>
    </row>
    <row r="73231" spans="1:10" x14ac:dyDescent="0.35">
      <c r="A73231" s="1" t="s">
        <v>119779</v>
      </c>
      <c r="B73231" s="1" t="s">
        <v>244913</v>
      </c>
      <c r="C73231" s="1" t="s">
        <v>20</v>
      </c>
      <c r="D73231" s="1" t="s">
        <v>174158</v>
      </c>
      <c r="E73231" s="1" t="s">
        <v>244921</v>
      </c>
      <c r="F73231" s="1" t="s">
        <v>244922</v>
      </c>
      <c r="G73231" s="1" t="s">
        <v>244916</v>
      </c>
      <c r="H73231" s="1" t="s">
        <v>35899</v>
      </c>
      <c r="I73231" s="1" t="s">
        <v>244917</v>
      </c>
      <c r="J73231" s="1" t="s">
        <v>244923</v>
      </c>
    </row>
    <row r="73232" spans="1:10" x14ac:dyDescent="0.35">
      <c r="A73232" s="1" t="s">
        <v>119779</v>
      </c>
      <c r="B73232" s="1" t="s">
        <v>244913</v>
      </c>
      <c r="C73232" s="1" t="s">
        <v>25</v>
      </c>
      <c r="D73232" s="1" t="s">
        <v>196220</v>
      </c>
      <c r="E73232" s="1" t="s">
        <v>244924</v>
      </c>
      <c r="F73232" s="1" t="s">
        <v>244925</v>
      </c>
      <c r="G73232" s="1" t="s">
        <v>244916</v>
      </c>
      <c r="H73232" s="1" t="s">
        <v>35899</v>
      </c>
      <c r="I73232" s="1" t="s">
        <v>244917</v>
      </c>
      <c r="J73232" s="1" t="s">
        <v>244926</v>
      </c>
    </row>
    <row r="73233" spans="1:10" x14ac:dyDescent="0.35">
      <c r="A73233" s="1" t="s">
        <v>119779</v>
      </c>
      <c r="B73233" s="1" t="s">
        <v>244913</v>
      </c>
      <c r="C73233" s="1" t="s">
        <v>30</v>
      </c>
      <c r="D73233" s="1" t="s">
        <v>31896</v>
      </c>
      <c r="E73233" s="1" t="s">
        <v>244927</v>
      </c>
      <c r="F73233" s="1" t="s">
        <v>244928</v>
      </c>
      <c r="G73233" s="1" t="s">
        <v>244916</v>
      </c>
      <c r="H73233" s="1" t="s">
        <v>35899</v>
      </c>
      <c r="I73233" s="1" t="s">
        <v>244917</v>
      </c>
      <c r="J73233" s="1" t="s">
        <v>244929</v>
      </c>
    </row>
    <row r="73234" spans="1:10" x14ac:dyDescent="0.35">
      <c r="A73234" s="1" t="s">
        <v>119779</v>
      </c>
      <c r="B73234" s="1" t="s">
        <v>244913</v>
      </c>
      <c r="C73234" s="1" t="s">
        <v>35</v>
      </c>
      <c r="D73234" s="1" t="s">
        <v>153512</v>
      </c>
      <c r="E73234" s="1" t="s">
        <v>244930</v>
      </c>
      <c r="F73234" s="1" t="s">
        <v>244931</v>
      </c>
      <c r="G73234" s="1" t="s">
        <v>244916</v>
      </c>
      <c r="H73234" s="1" t="s">
        <v>35899</v>
      </c>
      <c r="I73234" s="1" t="s">
        <v>244917</v>
      </c>
      <c r="J73234" s="1" t="s">
        <v>244932</v>
      </c>
    </row>
    <row r="73235" spans="1:10" x14ac:dyDescent="0.35">
      <c r="A73235" s="1" t="s">
        <v>119779</v>
      </c>
      <c r="B73235" s="1" t="s">
        <v>244913</v>
      </c>
      <c r="C73235" s="1" t="s">
        <v>40</v>
      </c>
      <c r="D73235" s="1" t="s">
        <v>183166</v>
      </c>
      <c r="E73235" s="1" t="s">
        <v>244933</v>
      </c>
      <c r="F73235" s="1" t="s">
        <v>244934</v>
      </c>
      <c r="G73235" s="1" t="s">
        <v>244916</v>
      </c>
      <c r="H73235" s="1" t="s">
        <v>35899</v>
      </c>
      <c r="I73235" s="1" t="s">
        <v>244917</v>
      </c>
      <c r="J73235" s="1" t="s">
        <v>244935</v>
      </c>
    </row>
    <row r="73236" spans="1:10" x14ac:dyDescent="0.35">
      <c r="A73236" s="1" t="s">
        <v>119779</v>
      </c>
      <c r="B73236" s="1" t="s">
        <v>244913</v>
      </c>
      <c r="C73236" s="1" t="s">
        <v>45</v>
      </c>
      <c r="D73236" s="1" t="s">
        <v>113214</v>
      </c>
      <c r="E73236" s="1" t="s">
        <v>244936</v>
      </c>
      <c r="F73236" s="1" t="s">
        <v>244937</v>
      </c>
      <c r="G73236" s="1" t="s">
        <v>244916</v>
      </c>
      <c r="H73236" s="1" t="s">
        <v>35899</v>
      </c>
      <c r="I73236" s="1" t="s">
        <v>244917</v>
      </c>
      <c r="J73236" s="1" t="s">
        <v>244938</v>
      </c>
    </row>
    <row r="73237" spans="1:10" x14ac:dyDescent="0.35">
      <c r="A73237" s="1" t="s">
        <v>119779</v>
      </c>
      <c r="B73237" s="1" t="s">
        <v>244913</v>
      </c>
      <c r="C73237" s="1" t="s">
        <v>50</v>
      </c>
      <c r="D73237" s="1" t="s">
        <v>244939</v>
      </c>
      <c r="E73237" s="1" t="s">
        <v>244940</v>
      </c>
      <c r="F73237" s="1" t="s">
        <v>244941</v>
      </c>
      <c r="G73237" s="1" t="s">
        <v>244916</v>
      </c>
      <c r="H73237" s="1" t="s">
        <v>35899</v>
      </c>
      <c r="I73237" s="1" t="s">
        <v>244917</v>
      </c>
      <c r="J73237" s="1" t="s">
        <v>244942</v>
      </c>
    </row>
    <row r="73238" spans="1:10" x14ac:dyDescent="0.35">
      <c r="A73238" s="1" t="s">
        <v>119779</v>
      </c>
      <c r="B73238" s="1" t="s">
        <v>244913</v>
      </c>
      <c r="C73238" s="1" t="s">
        <v>55</v>
      </c>
      <c r="D73238" s="1" t="s">
        <v>31638</v>
      </c>
      <c r="E73238" s="1" t="s">
        <v>244943</v>
      </c>
      <c r="F73238" s="1" t="s">
        <v>244944</v>
      </c>
      <c r="G73238" s="1" t="s">
        <v>244916</v>
      </c>
      <c r="H73238" s="1" t="s">
        <v>35899</v>
      </c>
      <c r="I73238" s="1" t="s">
        <v>244917</v>
      </c>
      <c r="J73238" s="1" t="s">
        <v>244945</v>
      </c>
    </row>
    <row r="73239" spans="1:10" x14ac:dyDescent="0.35">
      <c r="A73239" s="1" t="s">
        <v>119779</v>
      </c>
      <c r="B73239" s="1" t="s">
        <v>244913</v>
      </c>
      <c r="C73239" s="1" t="s">
        <v>60</v>
      </c>
      <c r="D73239" s="1" t="s">
        <v>31559</v>
      </c>
      <c r="E73239" s="1" t="s">
        <v>244946</v>
      </c>
      <c r="F73239" s="1" t="s">
        <v>244947</v>
      </c>
      <c r="G73239" s="1" t="s">
        <v>244916</v>
      </c>
      <c r="H73239" s="1" t="s">
        <v>35899</v>
      </c>
      <c r="I73239" s="1" t="s">
        <v>244917</v>
      </c>
      <c r="J73239" s="1" t="s">
        <v>244948</v>
      </c>
    </row>
    <row r="73240" spans="1:10" x14ac:dyDescent="0.35">
      <c r="A73240" s="1" t="s">
        <v>119779</v>
      </c>
      <c r="B73240" s="1" t="s">
        <v>244913</v>
      </c>
      <c r="C73240" s="1" t="s">
        <v>65</v>
      </c>
      <c r="D73240" s="1" t="s">
        <v>13567</v>
      </c>
      <c r="E73240" s="1" t="s">
        <v>244949</v>
      </c>
      <c r="F73240" s="1" t="s">
        <v>244950</v>
      </c>
      <c r="G73240" s="1" t="s">
        <v>244916</v>
      </c>
      <c r="H73240" s="1" t="s">
        <v>35899</v>
      </c>
      <c r="I73240" s="1" t="s">
        <v>244917</v>
      </c>
      <c r="J73240" s="1" t="s">
        <v>244951</v>
      </c>
    </row>
    <row r="73241" spans="1:10" x14ac:dyDescent="0.35">
      <c r="A73241" s="1" t="s">
        <v>119779</v>
      </c>
      <c r="B73241" s="1" t="s">
        <v>244913</v>
      </c>
      <c r="C73241" s="1" t="s">
        <v>70</v>
      </c>
      <c r="D73241" s="1" t="s">
        <v>244952</v>
      </c>
      <c r="E73241" s="1" t="s">
        <v>244953</v>
      </c>
      <c r="F73241" s="1" t="s">
        <v>244954</v>
      </c>
      <c r="G73241" s="1" t="s">
        <v>244916</v>
      </c>
      <c r="H73241" s="1" t="s">
        <v>35899</v>
      </c>
      <c r="I73241" s="1" t="s">
        <v>244917</v>
      </c>
      <c r="J73241" s="1" t="s">
        <v>244955</v>
      </c>
    </row>
    <row r="73242" spans="1:10" x14ac:dyDescent="0.35">
      <c r="A73242" s="1" t="s">
        <v>119779</v>
      </c>
      <c r="B73242" s="1" t="s">
        <v>244913</v>
      </c>
      <c r="C73242" s="1" t="s">
        <v>75</v>
      </c>
      <c r="D73242" s="1" t="s">
        <v>244956</v>
      </c>
      <c r="E73242" s="1" t="s">
        <v>5729</v>
      </c>
      <c r="F73242" s="1" t="s">
        <v>244957</v>
      </c>
      <c r="G73242" s="1" t="s">
        <v>244916</v>
      </c>
      <c r="H73242" s="1" t="s">
        <v>35899</v>
      </c>
      <c r="I73242" s="1" t="s">
        <v>244917</v>
      </c>
      <c r="J73242" s="1" t="s">
        <v>244958</v>
      </c>
    </row>
    <row r="73243" spans="1:10" x14ac:dyDescent="0.35">
      <c r="A73243" s="1" t="s">
        <v>119779</v>
      </c>
      <c r="B73243" s="1" t="s">
        <v>244913</v>
      </c>
      <c r="C73243" s="1" t="s">
        <v>80</v>
      </c>
      <c r="D73243" s="1" t="s">
        <v>244959</v>
      </c>
      <c r="E73243" s="1" t="s">
        <v>244960</v>
      </c>
      <c r="F73243" s="1" t="s">
        <v>244961</v>
      </c>
      <c r="G73243" s="1" t="s">
        <v>244916</v>
      </c>
      <c r="H73243" s="1" t="s">
        <v>35899</v>
      </c>
      <c r="I73243" s="1" t="s">
        <v>244917</v>
      </c>
      <c r="J73243" s="1" t="s">
        <v>244962</v>
      </c>
    </row>
    <row r="73244" spans="1:10" x14ac:dyDescent="0.35">
      <c r="A73244" s="1" t="s">
        <v>119779</v>
      </c>
      <c r="B73244" s="1" t="s">
        <v>244913</v>
      </c>
      <c r="C73244" s="1" t="s">
        <v>85</v>
      </c>
      <c r="D73244" s="1" t="s">
        <v>193107</v>
      </c>
      <c r="E73244" s="1" t="s">
        <v>244963</v>
      </c>
      <c r="F73244" s="1" t="s">
        <v>244964</v>
      </c>
      <c r="G73244" s="1" t="s">
        <v>244916</v>
      </c>
      <c r="H73244" s="1" t="s">
        <v>35899</v>
      </c>
      <c r="I73244" s="1" t="s">
        <v>244917</v>
      </c>
      <c r="J73244" s="1" t="s">
        <v>244965</v>
      </c>
    </row>
    <row r="73245" spans="1:10" x14ac:dyDescent="0.35">
      <c r="A73245" s="1" t="s">
        <v>119779</v>
      </c>
      <c r="B73245" s="1" t="s">
        <v>244913</v>
      </c>
      <c r="C73245" s="1" t="s">
        <v>90</v>
      </c>
      <c r="D73245" s="1" t="s">
        <v>34372</v>
      </c>
      <c r="E73245" s="1" t="s">
        <v>244966</v>
      </c>
      <c r="F73245" s="1" t="s">
        <v>244967</v>
      </c>
      <c r="G73245" s="1" t="s">
        <v>244916</v>
      </c>
      <c r="H73245" s="1" t="s">
        <v>35899</v>
      </c>
      <c r="I73245" s="1" t="s">
        <v>244917</v>
      </c>
      <c r="J73245" s="1" t="s">
        <v>244968</v>
      </c>
    </row>
    <row r="73246" spans="1:10" x14ac:dyDescent="0.35">
      <c r="A73246" s="1" t="s">
        <v>119779</v>
      </c>
      <c r="B73246" s="1" t="s">
        <v>244913</v>
      </c>
      <c r="C73246" s="1" t="s">
        <v>95</v>
      </c>
      <c r="D73246" s="1" t="s">
        <v>213359</v>
      </c>
      <c r="E73246" s="1" t="s">
        <v>244969</v>
      </c>
      <c r="F73246" s="1" t="s">
        <v>244970</v>
      </c>
      <c r="G73246" s="1" t="s">
        <v>244916</v>
      </c>
      <c r="H73246" s="1" t="s">
        <v>35899</v>
      </c>
      <c r="I73246" s="1" t="s">
        <v>244917</v>
      </c>
      <c r="J73246" s="1" t="s">
        <v>244971</v>
      </c>
    </row>
    <row r="73247" spans="1:10" x14ac:dyDescent="0.35">
      <c r="A73247" s="1" t="s">
        <v>119779</v>
      </c>
      <c r="B73247" s="1" t="s">
        <v>244913</v>
      </c>
      <c r="C73247" s="1" t="s">
        <v>100</v>
      </c>
      <c r="D73247" s="1" t="s">
        <v>244972</v>
      </c>
      <c r="E73247" s="1" t="s">
        <v>244973</v>
      </c>
      <c r="F73247" s="1" t="s">
        <v>244974</v>
      </c>
      <c r="G73247" s="1" t="s">
        <v>244916</v>
      </c>
      <c r="H73247" s="1" t="s">
        <v>35899</v>
      </c>
      <c r="I73247" s="1" t="s">
        <v>244917</v>
      </c>
      <c r="J73247" s="1" t="s">
        <v>244975</v>
      </c>
    </row>
    <row r="73248" spans="1:10" x14ac:dyDescent="0.35">
      <c r="A73248" s="1" t="s">
        <v>119779</v>
      </c>
      <c r="B73248" s="1" t="s">
        <v>244913</v>
      </c>
      <c r="C73248" s="1" t="s">
        <v>105</v>
      </c>
      <c r="D73248" s="1" t="s">
        <v>125269</v>
      </c>
      <c r="E73248" s="1" t="s">
        <v>244976</v>
      </c>
      <c r="F73248" s="1" t="s">
        <v>244977</v>
      </c>
      <c r="G73248" s="1" t="s">
        <v>244916</v>
      </c>
      <c r="H73248" s="1" t="s">
        <v>35899</v>
      </c>
      <c r="I73248" s="1" t="s">
        <v>244917</v>
      </c>
      <c r="J73248" s="1" t="s">
        <v>244978</v>
      </c>
    </row>
    <row r="73249" spans="1:10" x14ac:dyDescent="0.35">
      <c r="A73249" s="1" t="s">
        <v>119779</v>
      </c>
      <c r="B73249" s="1" t="s">
        <v>244913</v>
      </c>
      <c r="C73249" s="1" t="s">
        <v>110</v>
      </c>
      <c r="D73249" s="1" t="s">
        <v>125936</v>
      </c>
      <c r="E73249" s="1" t="s">
        <v>244979</v>
      </c>
      <c r="F73249" s="1" t="s">
        <v>244980</v>
      </c>
      <c r="G73249" s="1" t="s">
        <v>244916</v>
      </c>
      <c r="H73249" s="1" t="s">
        <v>35899</v>
      </c>
      <c r="I73249" s="1" t="s">
        <v>244917</v>
      </c>
      <c r="J73249" s="1" t="s">
        <v>244981</v>
      </c>
    </row>
    <row r="73250" spans="1:10" x14ac:dyDescent="0.35">
      <c r="A73250" s="1" t="s">
        <v>119779</v>
      </c>
      <c r="B73250" s="1" t="s">
        <v>244913</v>
      </c>
      <c r="C73250" s="1" t="s">
        <v>115</v>
      </c>
      <c r="D73250" s="1" t="s">
        <v>46600</v>
      </c>
      <c r="E73250" s="1" t="s">
        <v>244982</v>
      </c>
      <c r="F73250" s="1" t="s">
        <v>244983</v>
      </c>
      <c r="G73250" s="1" t="s">
        <v>244916</v>
      </c>
      <c r="H73250" s="1" t="s">
        <v>35899</v>
      </c>
      <c r="I73250" s="1" t="s">
        <v>244917</v>
      </c>
      <c r="J73250" s="1" t="s">
        <v>244984</v>
      </c>
    </row>
    <row r="73251" spans="1:10" x14ac:dyDescent="0.35">
      <c r="A73251" s="1" t="s">
        <v>119779</v>
      </c>
      <c r="B73251" s="1" t="s">
        <v>244913</v>
      </c>
      <c r="C73251" s="1" t="s">
        <v>120</v>
      </c>
      <c r="D73251" s="1" t="s">
        <v>18319</v>
      </c>
      <c r="E73251" s="1" t="s">
        <v>244985</v>
      </c>
      <c r="F73251" s="1" t="s">
        <v>244986</v>
      </c>
      <c r="G73251" s="1" t="s">
        <v>244916</v>
      </c>
      <c r="H73251" s="1" t="s">
        <v>35899</v>
      </c>
      <c r="I73251" s="1" t="s">
        <v>244917</v>
      </c>
      <c r="J73251" s="1" t="s">
        <v>244987</v>
      </c>
    </row>
    <row r="73252" spans="1:10" x14ac:dyDescent="0.35">
      <c r="A73252" s="1" t="s">
        <v>119779</v>
      </c>
      <c r="B73252" s="1" t="s">
        <v>244913</v>
      </c>
      <c r="C73252" s="1" t="s">
        <v>125</v>
      </c>
      <c r="D73252" s="1" t="s">
        <v>17601</v>
      </c>
      <c r="E73252" s="1" t="s">
        <v>244988</v>
      </c>
      <c r="F73252" s="1" t="s">
        <v>244989</v>
      </c>
      <c r="G73252" s="1" t="s">
        <v>244916</v>
      </c>
      <c r="H73252" s="1" t="s">
        <v>35899</v>
      </c>
      <c r="I73252" s="1" t="s">
        <v>244917</v>
      </c>
      <c r="J73252" s="1" t="s">
        <v>244990</v>
      </c>
    </row>
    <row r="73253" spans="1:10" x14ac:dyDescent="0.35">
      <c r="A73253" s="1" t="s">
        <v>119779</v>
      </c>
      <c r="B73253" s="1" t="s">
        <v>244913</v>
      </c>
      <c r="C73253" s="1" t="s">
        <v>130</v>
      </c>
      <c r="D73253" s="1" t="s">
        <v>153796</v>
      </c>
      <c r="E73253" s="1" t="s">
        <v>244991</v>
      </c>
      <c r="F73253" s="1" t="s">
        <v>244992</v>
      </c>
      <c r="G73253" s="1" t="s">
        <v>244916</v>
      </c>
      <c r="H73253" s="1" t="s">
        <v>35899</v>
      </c>
      <c r="I73253" s="1" t="s">
        <v>244917</v>
      </c>
      <c r="J73253" s="1" t="s">
        <v>244993</v>
      </c>
    </row>
    <row r="73254" spans="1:10" x14ac:dyDescent="0.35">
      <c r="A73254" s="1" t="s">
        <v>119779</v>
      </c>
      <c r="B73254" s="1" t="s">
        <v>244913</v>
      </c>
      <c r="C73254" s="1" t="s">
        <v>135</v>
      </c>
      <c r="D73254" s="1" t="s">
        <v>160024</v>
      </c>
      <c r="E73254" s="1" t="s">
        <v>244994</v>
      </c>
      <c r="F73254" s="1" t="s">
        <v>244995</v>
      </c>
      <c r="G73254" s="1" t="s">
        <v>244916</v>
      </c>
      <c r="H73254" s="1" t="s">
        <v>35899</v>
      </c>
      <c r="I73254" s="1" t="s">
        <v>244917</v>
      </c>
      <c r="J73254" s="1" t="s">
        <v>244996</v>
      </c>
    </row>
    <row r="73255" spans="1:10" x14ac:dyDescent="0.35">
      <c r="A73255" s="1" t="s">
        <v>119779</v>
      </c>
      <c r="B73255" s="1" t="s">
        <v>244913</v>
      </c>
      <c r="C73255" s="1" t="s">
        <v>140</v>
      </c>
      <c r="D73255" s="1" t="s">
        <v>244997</v>
      </c>
      <c r="E73255" s="1" t="s">
        <v>244998</v>
      </c>
      <c r="F73255" s="1" t="s">
        <v>244999</v>
      </c>
      <c r="G73255" s="1" t="s">
        <v>244916</v>
      </c>
      <c r="H73255" s="1" t="s">
        <v>35899</v>
      </c>
      <c r="I73255" s="1" t="s">
        <v>244917</v>
      </c>
      <c r="J73255" s="1" t="s">
        <v>245000</v>
      </c>
    </row>
    <row r="73256" spans="1:10" x14ac:dyDescent="0.35">
      <c r="A73256" s="1" t="s">
        <v>119779</v>
      </c>
      <c r="B73256" s="1" t="s">
        <v>244913</v>
      </c>
      <c r="C73256" s="1" t="s">
        <v>145</v>
      </c>
      <c r="D73256" s="1" t="s">
        <v>10780</v>
      </c>
      <c r="E73256" s="1" t="s">
        <v>245001</v>
      </c>
      <c r="F73256" s="1" t="s">
        <v>245002</v>
      </c>
      <c r="G73256" s="1" t="s">
        <v>244916</v>
      </c>
      <c r="H73256" s="1" t="s">
        <v>35899</v>
      </c>
      <c r="I73256" s="1" t="s">
        <v>244917</v>
      </c>
      <c r="J73256" s="1" t="s">
        <v>245003</v>
      </c>
    </row>
    <row r="73257" spans="1:10" x14ac:dyDescent="0.35">
      <c r="A73257" s="1" t="s">
        <v>119779</v>
      </c>
      <c r="B73257" s="1" t="s">
        <v>244913</v>
      </c>
      <c r="C73257" s="1" t="s">
        <v>150</v>
      </c>
      <c r="D73257" s="1" t="s">
        <v>18829</v>
      </c>
      <c r="E73257" s="1" t="s">
        <v>245004</v>
      </c>
      <c r="F73257" s="1" t="s">
        <v>245005</v>
      </c>
      <c r="G73257" s="1" t="s">
        <v>244916</v>
      </c>
      <c r="H73257" s="1" t="s">
        <v>35899</v>
      </c>
      <c r="I73257" s="1" t="s">
        <v>244917</v>
      </c>
      <c r="J73257" s="1" t="s">
        <v>245006</v>
      </c>
    </row>
    <row r="73258" spans="1:10" x14ac:dyDescent="0.35">
      <c r="A73258" s="1" t="s">
        <v>119779</v>
      </c>
      <c r="B73258" s="1" t="s">
        <v>244913</v>
      </c>
      <c r="C73258" s="1" t="s">
        <v>155</v>
      </c>
      <c r="D73258" s="1" t="s">
        <v>16223</v>
      </c>
      <c r="E73258" s="1" t="s">
        <v>245007</v>
      </c>
      <c r="F73258" s="1" t="s">
        <v>245008</v>
      </c>
      <c r="G73258" s="1" t="s">
        <v>244916</v>
      </c>
      <c r="H73258" s="1" t="s">
        <v>35899</v>
      </c>
      <c r="I73258" s="1" t="s">
        <v>244917</v>
      </c>
      <c r="J73258" s="1" t="s">
        <v>245009</v>
      </c>
    </row>
    <row r="73259" spans="1:10" x14ac:dyDescent="0.35">
      <c r="A73259" s="1" t="s">
        <v>119779</v>
      </c>
      <c r="B73259" s="1" t="s">
        <v>244913</v>
      </c>
      <c r="C73259" s="1" t="s">
        <v>160</v>
      </c>
      <c r="D73259" s="1" t="s">
        <v>45492</v>
      </c>
      <c r="E73259" s="1" t="s">
        <v>245010</v>
      </c>
      <c r="F73259" s="1" t="s">
        <v>245011</v>
      </c>
      <c r="G73259" s="1" t="s">
        <v>244916</v>
      </c>
      <c r="H73259" s="1" t="s">
        <v>35899</v>
      </c>
      <c r="I73259" s="1" t="s">
        <v>244917</v>
      </c>
      <c r="J73259" s="1" t="s">
        <v>245012</v>
      </c>
    </row>
    <row r="73260" spans="1:10" x14ac:dyDescent="0.35">
      <c r="A73260" s="1" t="s">
        <v>119779</v>
      </c>
      <c r="B73260" s="1" t="s">
        <v>244913</v>
      </c>
      <c r="C73260" s="1" t="s">
        <v>165</v>
      </c>
      <c r="D73260" s="1" t="s">
        <v>118567</v>
      </c>
      <c r="E73260" s="1" t="s">
        <v>245013</v>
      </c>
      <c r="F73260" s="1" t="s">
        <v>245014</v>
      </c>
      <c r="G73260" s="1" t="s">
        <v>244916</v>
      </c>
      <c r="H73260" s="1" t="s">
        <v>35899</v>
      </c>
      <c r="I73260" s="1" t="s">
        <v>244917</v>
      </c>
      <c r="J73260" s="1" t="s">
        <v>245015</v>
      </c>
    </row>
    <row r="73261" spans="1:10" x14ac:dyDescent="0.35">
      <c r="A73261" s="1" t="s">
        <v>119779</v>
      </c>
      <c r="B73261" s="1" t="s">
        <v>244913</v>
      </c>
      <c r="C73261" s="1" t="s">
        <v>170</v>
      </c>
      <c r="D73261" s="1" t="s">
        <v>9163</v>
      </c>
      <c r="E73261" s="1" t="s">
        <v>245016</v>
      </c>
      <c r="F73261" s="1" t="s">
        <v>245017</v>
      </c>
      <c r="G73261" s="1" t="s">
        <v>244916</v>
      </c>
      <c r="H73261" s="1" t="s">
        <v>35899</v>
      </c>
      <c r="I73261" s="1" t="s">
        <v>244917</v>
      </c>
      <c r="J73261" s="1" t="s">
        <v>245018</v>
      </c>
    </row>
    <row r="73262" spans="1:10" x14ac:dyDescent="0.35">
      <c r="A73262" s="1" t="s">
        <v>8345</v>
      </c>
      <c r="B73262" s="1" t="s">
        <v>244913</v>
      </c>
      <c r="C73262" s="1" t="s">
        <v>8</v>
      </c>
      <c r="D73262" s="1" t="s">
        <v>150788</v>
      </c>
      <c r="E73262" s="1" t="s">
        <v>245019</v>
      </c>
      <c r="F73262" s="1" t="s">
        <v>245020</v>
      </c>
      <c r="G73262" s="1" t="s">
        <v>245021</v>
      </c>
      <c r="H73262" s="1" t="s">
        <v>245022</v>
      </c>
      <c r="I73262" s="1" t="s">
        <v>244917</v>
      </c>
      <c r="J73262" s="1" t="s">
        <v>13</v>
      </c>
    </row>
    <row r="73263" spans="1:10" x14ac:dyDescent="0.35">
      <c r="A73263" s="1" t="s">
        <v>8345</v>
      </c>
      <c r="B73263" s="1" t="s">
        <v>244913</v>
      </c>
      <c r="C73263" s="1" t="s">
        <v>15</v>
      </c>
      <c r="D73263" s="1" t="s">
        <v>82574</v>
      </c>
      <c r="E73263" s="1" t="s">
        <v>245023</v>
      </c>
      <c r="F73263" s="1" t="s">
        <v>245024</v>
      </c>
      <c r="G73263" s="1" t="s">
        <v>245021</v>
      </c>
      <c r="H73263" s="1" t="s">
        <v>245022</v>
      </c>
      <c r="I73263" s="1" t="s">
        <v>244917</v>
      </c>
      <c r="J73263" s="1" t="s">
        <v>245025</v>
      </c>
    </row>
    <row r="73264" spans="1:10" x14ac:dyDescent="0.35">
      <c r="A73264" s="1" t="s">
        <v>8345</v>
      </c>
      <c r="B73264" s="1" t="s">
        <v>244913</v>
      </c>
      <c r="C73264" s="1" t="s">
        <v>20</v>
      </c>
      <c r="D73264" s="1" t="s">
        <v>245026</v>
      </c>
      <c r="E73264" s="1" t="s">
        <v>245027</v>
      </c>
      <c r="F73264" s="1" t="s">
        <v>245028</v>
      </c>
      <c r="G73264" s="1" t="s">
        <v>245021</v>
      </c>
      <c r="H73264" s="1" t="s">
        <v>245022</v>
      </c>
      <c r="I73264" s="1" t="s">
        <v>244917</v>
      </c>
      <c r="J73264" s="1" t="s">
        <v>245029</v>
      </c>
    </row>
    <row r="73265" spans="1:10" x14ac:dyDescent="0.35">
      <c r="A73265" s="1" t="s">
        <v>8345</v>
      </c>
      <c r="B73265" s="1" t="s">
        <v>244913</v>
      </c>
      <c r="C73265" s="1" t="s">
        <v>25</v>
      </c>
      <c r="D73265" s="1" t="s">
        <v>113708</v>
      </c>
      <c r="E73265" s="1" t="s">
        <v>245030</v>
      </c>
      <c r="F73265" s="1" t="s">
        <v>245031</v>
      </c>
      <c r="G73265" s="1" t="s">
        <v>245021</v>
      </c>
      <c r="H73265" s="1" t="s">
        <v>245022</v>
      </c>
      <c r="I73265" s="1" t="s">
        <v>244917</v>
      </c>
      <c r="J73265" s="1" t="s">
        <v>245032</v>
      </c>
    </row>
    <row r="73266" spans="1:10" x14ac:dyDescent="0.35">
      <c r="A73266" s="1" t="s">
        <v>8345</v>
      </c>
      <c r="B73266" s="1" t="s">
        <v>244913</v>
      </c>
      <c r="C73266" s="1" t="s">
        <v>30</v>
      </c>
      <c r="D73266" s="1" t="s">
        <v>147764</v>
      </c>
      <c r="E73266" s="1" t="s">
        <v>245033</v>
      </c>
      <c r="F73266" s="1" t="s">
        <v>245034</v>
      </c>
      <c r="G73266" s="1" t="s">
        <v>245021</v>
      </c>
      <c r="H73266" s="1" t="s">
        <v>245022</v>
      </c>
      <c r="I73266" s="1" t="s">
        <v>244917</v>
      </c>
      <c r="J73266" s="1" t="s">
        <v>245035</v>
      </c>
    </row>
    <row r="73267" spans="1:10" x14ac:dyDescent="0.35">
      <c r="A73267" s="1" t="s">
        <v>8345</v>
      </c>
      <c r="B73267" s="1" t="s">
        <v>244913</v>
      </c>
      <c r="C73267" s="1" t="s">
        <v>35</v>
      </c>
      <c r="D73267" s="1" t="s">
        <v>9098</v>
      </c>
      <c r="E73267" s="1" t="s">
        <v>245036</v>
      </c>
      <c r="F73267" s="1" t="s">
        <v>245037</v>
      </c>
      <c r="G73267" s="1" t="s">
        <v>245021</v>
      </c>
      <c r="H73267" s="1" t="s">
        <v>245022</v>
      </c>
      <c r="I73267" s="1" t="s">
        <v>244917</v>
      </c>
      <c r="J73267" s="1" t="s">
        <v>245038</v>
      </c>
    </row>
    <row r="73268" spans="1:10" x14ac:dyDescent="0.35">
      <c r="A73268" s="1" t="s">
        <v>8345</v>
      </c>
      <c r="B73268" s="1" t="s">
        <v>244913</v>
      </c>
      <c r="C73268" s="1" t="s">
        <v>40</v>
      </c>
      <c r="D73268" s="1" t="s">
        <v>245039</v>
      </c>
      <c r="E73268" s="1" t="s">
        <v>245040</v>
      </c>
      <c r="F73268" s="1" t="s">
        <v>245041</v>
      </c>
      <c r="G73268" s="1" t="s">
        <v>245021</v>
      </c>
      <c r="H73268" s="1" t="s">
        <v>245022</v>
      </c>
      <c r="I73268" s="1" t="s">
        <v>244917</v>
      </c>
      <c r="J73268" s="1" t="s">
        <v>245042</v>
      </c>
    </row>
    <row r="73269" spans="1:10" x14ac:dyDescent="0.35">
      <c r="A73269" s="1" t="s">
        <v>8345</v>
      </c>
      <c r="B73269" s="1" t="s">
        <v>244913</v>
      </c>
      <c r="C73269" s="1" t="s">
        <v>45</v>
      </c>
      <c r="D73269" s="1" t="s">
        <v>245043</v>
      </c>
      <c r="E73269" s="1" t="s">
        <v>245044</v>
      </c>
      <c r="F73269" s="1" t="s">
        <v>245045</v>
      </c>
      <c r="G73269" s="1" t="s">
        <v>245021</v>
      </c>
      <c r="H73269" s="1" t="s">
        <v>245022</v>
      </c>
      <c r="I73269" s="1" t="s">
        <v>244917</v>
      </c>
      <c r="J73269" s="1" t="s">
        <v>245046</v>
      </c>
    </row>
    <row r="73270" spans="1:10" x14ac:dyDescent="0.35">
      <c r="A73270" s="1" t="s">
        <v>8345</v>
      </c>
      <c r="B73270" s="1" t="s">
        <v>244913</v>
      </c>
      <c r="C73270" s="1" t="s">
        <v>50</v>
      </c>
      <c r="D73270" s="1" t="s">
        <v>42229</v>
      </c>
      <c r="E73270" s="1" t="s">
        <v>245047</v>
      </c>
      <c r="F73270" s="1" t="s">
        <v>245048</v>
      </c>
      <c r="G73270" s="1" t="s">
        <v>245021</v>
      </c>
      <c r="H73270" s="1" t="s">
        <v>245022</v>
      </c>
      <c r="I73270" s="1" t="s">
        <v>244917</v>
      </c>
      <c r="J73270" s="1" t="s">
        <v>245049</v>
      </c>
    </row>
    <row r="73271" spans="1:10" x14ac:dyDescent="0.35">
      <c r="A73271" s="1" t="s">
        <v>8345</v>
      </c>
      <c r="B73271" s="1" t="s">
        <v>244913</v>
      </c>
      <c r="C73271" s="1" t="s">
        <v>55</v>
      </c>
      <c r="D73271" s="1" t="s">
        <v>245050</v>
      </c>
      <c r="E73271" s="1" t="s">
        <v>245051</v>
      </c>
      <c r="F73271" s="1" t="s">
        <v>245052</v>
      </c>
      <c r="G73271" s="1" t="s">
        <v>245021</v>
      </c>
      <c r="H73271" s="1" t="s">
        <v>245022</v>
      </c>
      <c r="I73271" s="1" t="s">
        <v>244917</v>
      </c>
      <c r="J73271" s="1" t="s">
        <v>245053</v>
      </c>
    </row>
    <row r="73272" spans="1:10" x14ac:dyDescent="0.35">
      <c r="A73272" s="1" t="s">
        <v>8345</v>
      </c>
      <c r="B73272" s="1" t="s">
        <v>244913</v>
      </c>
      <c r="C73272" s="1" t="s">
        <v>60</v>
      </c>
      <c r="D73272" s="1" t="s">
        <v>192517</v>
      </c>
      <c r="E73272" s="1" t="s">
        <v>245054</v>
      </c>
      <c r="F73272" s="1" t="s">
        <v>245055</v>
      </c>
      <c r="G73272" s="1" t="s">
        <v>245021</v>
      </c>
      <c r="H73272" s="1" t="s">
        <v>245022</v>
      </c>
      <c r="I73272" s="1" t="s">
        <v>244917</v>
      </c>
      <c r="J73272" s="1" t="s">
        <v>245056</v>
      </c>
    </row>
    <row r="73273" spans="1:10" x14ac:dyDescent="0.35">
      <c r="A73273" s="1" t="s">
        <v>8345</v>
      </c>
      <c r="B73273" s="1" t="s">
        <v>244913</v>
      </c>
      <c r="C73273" s="1" t="s">
        <v>65</v>
      </c>
      <c r="D73273" s="1" t="s">
        <v>245057</v>
      </c>
      <c r="E73273" s="1" t="s">
        <v>245058</v>
      </c>
      <c r="F73273" s="1" t="s">
        <v>245059</v>
      </c>
      <c r="G73273" s="1" t="s">
        <v>245021</v>
      </c>
      <c r="H73273" s="1" t="s">
        <v>245022</v>
      </c>
      <c r="I73273" s="1" t="s">
        <v>244917</v>
      </c>
      <c r="J73273" s="1" t="s">
        <v>245060</v>
      </c>
    </row>
    <row r="73274" spans="1:10" x14ac:dyDescent="0.35">
      <c r="A73274" s="1" t="s">
        <v>8345</v>
      </c>
      <c r="B73274" s="1" t="s">
        <v>244913</v>
      </c>
      <c r="C73274" s="1" t="s">
        <v>70</v>
      </c>
      <c r="D73274" s="1" t="s">
        <v>245061</v>
      </c>
      <c r="E73274" s="1" t="s">
        <v>245062</v>
      </c>
      <c r="F73274" s="1" t="s">
        <v>245063</v>
      </c>
      <c r="G73274" s="1" t="s">
        <v>245021</v>
      </c>
      <c r="H73274" s="1" t="s">
        <v>245022</v>
      </c>
      <c r="I73274" s="1" t="s">
        <v>244917</v>
      </c>
      <c r="J73274" s="1" t="s">
        <v>245064</v>
      </c>
    </row>
    <row r="73275" spans="1:10" x14ac:dyDescent="0.35">
      <c r="A73275" s="1" t="s">
        <v>8345</v>
      </c>
      <c r="B73275" s="1" t="s">
        <v>244913</v>
      </c>
      <c r="C73275" s="1" t="s">
        <v>75</v>
      </c>
      <c r="D73275" s="1" t="s">
        <v>74508</v>
      </c>
      <c r="E73275" s="1" t="s">
        <v>245065</v>
      </c>
      <c r="F73275" s="1" t="s">
        <v>245066</v>
      </c>
      <c r="G73275" s="1" t="s">
        <v>245021</v>
      </c>
      <c r="H73275" s="1" t="s">
        <v>245022</v>
      </c>
      <c r="I73275" s="1" t="s">
        <v>244917</v>
      </c>
      <c r="J73275" s="1" t="s">
        <v>245067</v>
      </c>
    </row>
    <row r="73276" spans="1:10" x14ac:dyDescent="0.35">
      <c r="A73276" s="1" t="s">
        <v>8345</v>
      </c>
      <c r="B73276" s="1" t="s">
        <v>244913</v>
      </c>
      <c r="C73276" s="1" t="s">
        <v>80</v>
      </c>
      <c r="D73276" s="1" t="s">
        <v>82901</v>
      </c>
      <c r="E73276" s="1" t="s">
        <v>245068</v>
      </c>
      <c r="F73276" s="1" t="s">
        <v>245069</v>
      </c>
      <c r="G73276" s="1" t="s">
        <v>245021</v>
      </c>
      <c r="H73276" s="1" t="s">
        <v>245022</v>
      </c>
      <c r="I73276" s="1" t="s">
        <v>244917</v>
      </c>
      <c r="J73276" s="1" t="s">
        <v>245070</v>
      </c>
    </row>
    <row r="73277" spans="1:10" x14ac:dyDescent="0.35">
      <c r="A73277" s="1" t="s">
        <v>8345</v>
      </c>
      <c r="B73277" s="1" t="s">
        <v>244913</v>
      </c>
      <c r="C73277" s="1" t="s">
        <v>85</v>
      </c>
      <c r="D73277" s="1" t="s">
        <v>192645</v>
      </c>
      <c r="E73277" s="1" t="s">
        <v>245071</v>
      </c>
      <c r="F73277" s="1" t="s">
        <v>245072</v>
      </c>
      <c r="G73277" s="1" t="s">
        <v>245021</v>
      </c>
      <c r="H73277" s="1" t="s">
        <v>245022</v>
      </c>
      <c r="I73277" s="1" t="s">
        <v>244917</v>
      </c>
      <c r="J73277" s="1" t="s">
        <v>245073</v>
      </c>
    </row>
    <row r="73278" spans="1:10" x14ac:dyDescent="0.35">
      <c r="A73278" s="1" t="s">
        <v>8345</v>
      </c>
      <c r="B73278" s="1" t="s">
        <v>244913</v>
      </c>
      <c r="C73278" s="1" t="s">
        <v>90</v>
      </c>
      <c r="D73278" s="1" t="s">
        <v>245074</v>
      </c>
      <c r="E73278" s="1" t="s">
        <v>245075</v>
      </c>
      <c r="F73278" s="1" t="s">
        <v>245076</v>
      </c>
      <c r="G73278" s="1" t="s">
        <v>245021</v>
      </c>
      <c r="H73278" s="1" t="s">
        <v>245022</v>
      </c>
      <c r="I73278" s="1" t="s">
        <v>244917</v>
      </c>
      <c r="J73278" s="1" t="s">
        <v>245077</v>
      </c>
    </row>
    <row r="73279" spans="1:10" x14ac:dyDescent="0.35">
      <c r="A73279" s="1" t="s">
        <v>8345</v>
      </c>
      <c r="B73279" s="1" t="s">
        <v>244913</v>
      </c>
      <c r="C73279" s="1" t="s">
        <v>95</v>
      </c>
      <c r="D73279" s="1" t="s">
        <v>18398</v>
      </c>
      <c r="E73279" s="1" t="s">
        <v>245078</v>
      </c>
      <c r="F73279" s="1" t="s">
        <v>245079</v>
      </c>
      <c r="G73279" s="1" t="s">
        <v>245021</v>
      </c>
      <c r="H73279" s="1" t="s">
        <v>245022</v>
      </c>
      <c r="I73279" s="1" t="s">
        <v>244917</v>
      </c>
      <c r="J73279" s="1" t="s">
        <v>13423</v>
      </c>
    </row>
    <row r="73280" spans="1:10" x14ac:dyDescent="0.35">
      <c r="A73280" s="1" t="s">
        <v>8345</v>
      </c>
      <c r="B73280" s="1" t="s">
        <v>244913</v>
      </c>
      <c r="C73280" s="1" t="s">
        <v>100</v>
      </c>
      <c r="D73280" s="1" t="s">
        <v>97818</v>
      </c>
      <c r="E73280" s="1" t="s">
        <v>245080</v>
      </c>
      <c r="F73280" s="1" t="s">
        <v>245081</v>
      </c>
      <c r="G73280" s="1" t="s">
        <v>245021</v>
      </c>
      <c r="H73280" s="1" t="s">
        <v>245022</v>
      </c>
      <c r="I73280" s="1" t="s">
        <v>244917</v>
      </c>
      <c r="J73280" s="1" t="s">
        <v>245082</v>
      </c>
    </row>
    <row r="73281" spans="1:10" x14ac:dyDescent="0.35">
      <c r="A73281" s="1" t="s">
        <v>8345</v>
      </c>
      <c r="B73281" s="1" t="s">
        <v>244913</v>
      </c>
      <c r="C73281" s="1" t="s">
        <v>105</v>
      </c>
      <c r="D73281" s="1" t="s">
        <v>183659</v>
      </c>
      <c r="E73281" s="1" t="s">
        <v>245083</v>
      </c>
      <c r="F73281" s="1" t="s">
        <v>245084</v>
      </c>
      <c r="G73281" s="1" t="s">
        <v>245021</v>
      </c>
      <c r="H73281" s="1" t="s">
        <v>245022</v>
      </c>
      <c r="I73281" s="1" t="s">
        <v>244917</v>
      </c>
      <c r="J73281" s="1" t="s">
        <v>245085</v>
      </c>
    </row>
    <row r="73282" spans="1:10" x14ac:dyDescent="0.35">
      <c r="A73282" s="1" t="s">
        <v>8345</v>
      </c>
      <c r="B73282" s="1" t="s">
        <v>244913</v>
      </c>
      <c r="C73282" s="1" t="s">
        <v>110</v>
      </c>
      <c r="D73282" s="1" t="s">
        <v>38129</v>
      </c>
      <c r="E73282" s="1" t="s">
        <v>245086</v>
      </c>
      <c r="F73282" s="1" t="s">
        <v>245087</v>
      </c>
      <c r="G73282" s="1" t="s">
        <v>245021</v>
      </c>
      <c r="H73282" s="1" t="s">
        <v>245022</v>
      </c>
      <c r="I73282" s="1" t="s">
        <v>244917</v>
      </c>
      <c r="J73282" s="1" t="s">
        <v>245088</v>
      </c>
    </row>
    <row r="73283" spans="1:10" x14ac:dyDescent="0.35">
      <c r="A73283" s="1" t="s">
        <v>8345</v>
      </c>
      <c r="B73283" s="1" t="s">
        <v>244913</v>
      </c>
      <c r="C73283" s="1" t="s">
        <v>115</v>
      </c>
      <c r="D73283" s="1" t="s">
        <v>12540</v>
      </c>
      <c r="E73283" s="1" t="s">
        <v>245089</v>
      </c>
      <c r="F73283" s="1" t="s">
        <v>245090</v>
      </c>
      <c r="G73283" s="1" t="s">
        <v>245021</v>
      </c>
      <c r="H73283" s="1" t="s">
        <v>245022</v>
      </c>
      <c r="I73283" s="1" t="s">
        <v>244917</v>
      </c>
      <c r="J73283" s="1" t="s">
        <v>245091</v>
      </c>
    </row>
    <row r="73284" spans="1:10" x14ac:dyDescent="0.35">
      <c r="A73284" s="1" t="s">
        <v>8345</v>
      </c>
      <c r="B73284" s="1" t="s">
        <v>244913</v>
      </c>
      <c r="C73284" s="1" t="s">
        <v>120</v>
      </c>
      <c r="D73284" s="1" t="s">
        <v>245092</v>
      </c>
      <c r="E73284" s="1" t="s">
        <v>245093</v>
      </c>
      <c r="F73284" s="1" t="s">
        <v>245094</v>
      </c>
      <c r="G73284" s="1" t="s">
        <v>245021</v>
      </c>
      <c r="H73284" s="1" t="s">
        <v>245022</v>
      </c>
      <c r="I73284" s="1" t="s">
        <v>244917</v>
      </c>
      <c r="J73284" s="1" t="s">
        <v>245095</v>
      </c>
    </row>
    <row r="73285" spans="1:10" x14ac:dyDescent="0.35">
      <c r="A73285" s="1" t="s">
        <v>8345</v>
      </c>
      <c r="B73285" s="1" t="s">
        <v>244913</v>
      </c>
      <c r="C73285" s="1" t="s">
        <v>125</v>
      </c>
      <c r="D73285" s="1" t="s">
        <v>47496</v>
      </c>
      <c r="E73285" s="1" t="s">
        <v>245096</v>
      </c>
      <c r="F73285" s="1" t="s">
        <v>245097</v>
      </c>
      <c r="G73285" s="1" t="s">
        <v>245021</v>
      </c>
      <c r="H73285" s="1" t="s">
        <v>245022</v>
      </c>
      <c r="I73285" s="1" t="s">
        <v>244917</v>
      </c>
      <c r="J73285" s="1" t="s">
        <v>245098</v>
      </c>
    </row>
    <row r="73286" spans="1:10" x14ac:dyDescent="0.35">
      <c r="A73286" s="1" t="s">
        <v>8345</v>
      </c>
      <c r="B73286" s="1" t="s">
        <v>244913</v>
      </c>
      <c r="C73286" s="1" t="s">
        <v>130</v>
      </c>
      <c r="D73286" s="1" t="s">
        <v>18721</v>
      </c>
      <c r="E73286" s="1" t="s">
        <v>245099</v>
      </c>
      <c r="F73286" s="1" t="s">
        <v>245100</v>
      </c>
      <c r="G73286" s="1" t="s">
        <v>245021</v>
      </c>
      <c r="H73286" s="1" t="s">
        <v>245022</v>
      </c>
      <c r="I73286" s="1" t="s">
        <v>244917</v>
      </c>
      <c r="J73286" s="1" t="s">
        <v>245101</v>
      </c>
    </row>
    <row r="73287" spans="1:10" x14ac:dyDescent="0.35">
      <c r="A73287" s="1" t="s">
        <v>8345</v>
      </c>
      <c r="B73287" s="1" t="s">
        <v>244913</v>
      </c>
      <c r="C73287" s="1" t="s">
        <v>135</v>
      </c>
      <c r="D73287" s="1" t="s">
        <v>149577</v>
      </c>
      <c r="E73287" s="1" t="s">
        <v>245102</v>
      </c>
      <c r="F73287" s="1" t="s">
        <v>245103</v>
      </c>
      <c r="G73287" s="1" t="s">
        <v>245021</v>
      </c>
      <c r="H73287" s="1" t="s">
        <v>245022</v>
      </c>
      <c r="I73287" s="1" t="s">
        <v>244917</v>
      </c>
      <c r="J73287" s="1" t="s">
        <v>245104</v>
      </c>
    </row>
    <row r="73288" spans="1:10" x14ac:dyDescent="0.35">
      <c r="A73288" s="1" t="s">
        <v>8345</v>
      </c>
      <c r="B73288" s="1" t="s">
        <v>244913</v>
      </c>
      <c r="C73288" s="1" t="s">
        <v>140</v>
      </c>
      <c r="D73288" s="1" t="s">
        <v>125616</v>
      </c>
      <c r="E73288" s="1" t="s">
        <v>245105</v>
      </c>
      <c r="F73288" s="1" t="s">
        <v>245106</v>
      </c>
      <c r="G73288" s="1" t="s">
        <v>245021</v>
      </c>
      <c r="H73288" s="1" t="s">
        <v>245022</v>
      </c>
      <c r="I73288" s="1" t="s">
        <v>244917</v>
      </c>
      <c r="J73288" s="1" t="s">
        <v>245107</v>
      </c>
    </row>
    <row r="73289" spans="1:10" x14ac:dyDescent="0.35">
      <c r="A73289" s="1" t="s">
        <v>8345</v>
      </c>
      <c r="B73289" s="1" t="s">
        <v>244913</v>
      </c>
      <c r="C73289" s="1" t="s">
        <v>145</v>
      </c>
      <c r="D73289" s="1" t="s">
        <v>245108</v>
      </c>
      <c r="E73289" s="1" t="s">
        <v>245109</v>
      </c>
      <c r="F73289" s="1" t="s">
        <v>245110</v>
      </c>
      <c r="G73289" s="1" t="s">
        <v>245021</v>
      </c>
      <c r="H73289" s="1" t="s">
        <v>245022</v>
      </c>
      <c r="I73289" s="1" t="s">
        <v>244917</v>
      </c>
      <c r="J73289" s="1" t="s">
        <v>245111</v>
      </c>
    </row>
    <row r="73290" spans="1:10" x14ac:dyDescent="0.35">
      <c r="A73290" s="1" t="s">
        <v>8345</v>
      </c>
      <c r="B73290" s="1" t="s">
        <v>244913</v>
      </c>
      <c r="C73290" s="1" t="s">
        <v>150</v>
      </c>
      <c r="D73290" s="1" t="s">
        <v>160277</v>
      </c>
      <c r="E73290" s="1" t="s">
        <v>245112</v>
      </c>
      <c r="F73290" s="1" t="s">
        <v>245113</v>
      </c>
      <c r="G73290" s="1" t="s">
        <v>245021</v>
      </c>
      <c r="H73290" s="1" t="s">
        <v>245022</v>
      </c>
      <c r="I73290" s="1" t="s">
        <v>244917</v>
      </c>
      <c r="J73290" s="1" t="s">
        <v>245114</v>
      </c>
    </row>
    <row r="73291" spans="1:10" x14ac:dyDescent="0.35">
      <c r="A73291" s="1" t="s">
        <v>8345</v>
      </c>
      <c r="B73291" s="1" t="s">
        <v>244913</v>
      </c>
      <c r="C73291" s="1" t="s">
        <v>155</v>
      </c>
      <c r="D73291" s="1" t="s">
        <v>202929</v>
      </c>
      <c r="E73291" s="1" t="s">
        <v>245115</v>
      </c>
      <c r="F73291" s="1" t="s">
        <v>245116</v>
      </c>
      <c r="G73291" s="1" t="s">
        <v>245021</v>
      </c>
      <c r="H73291" s="1" t="s">
        <v>245022</v>
      </c>
      <c r="I73291" s="1" t="s">
        <v>244917</v>
      </c>
      <c r="J73291" s="1" t="s">
        <v>245117</v>
      </c>
    </row>
    <row r="73292" spans="1:10" x14ac:dyDescent="0.35">
      <c r="A73292" s="1" t="s">
        <v>8345</v>
      </c>
      <c r="B73292" s="1" t="s">
        <v>244913</v>
      </c>
      <c r="C73292" s="1" t="s">
        <v>160</v>
      </c>
      <c r="D73292" s="1" t="s">
        <v>135578</v>
      </c>
      <c r="E73292" s="1" t="s">
        <v>245118</v>
      </c>
      <c r="F73292" s="1" t="s">
        <v>245119</v>
      </c>
      <c r="G73292" s="1" t="s">
        <v>245021</v>
      </c>
      <c r="H73292" s="1" t="s">
        <v>245022</v>
      </c>
      <c r="I73292" s="1" t="s">
        <v>244917</v>
      </c>
      <c r="J73292" s="1" t="s">
        <v>245120</v>
      </c>
    </row>
    <row r="73293" spans="1:10" x14ac:dyDescent="0.35">
      <c r="A73293" s="1" t="s">
        <v>8345</v>
      </c>
      <c r="B73293" s="1" t="s">
        <v>244913</v>
      </c>
      <c r="C73293" s="1" t="s">
        <v>165</v>
      </c>
      <c r="D73293" s="1" t="s">
        <v>37534</v>
      </c>
      <c r="E73293" s="1" t="s">
        <v>245121</v>
      </c>
      <c r="F73293" s="1" t="s">
        <v>245122</v>
      </c>
      <c r="G73293" s="1" t="s">
        <v>245021</v>
      </c>
      <c r="H73293" s="1" t="s">
        <v>245022</v>
      </c>
      <c r="I73293" s="1" t="s">
        <v>244917</v>
      </c>
      <c r="J73293" s="1" t="s">
        <v>245123</v>
      </c>
    </row>
    <row r="73294" spans="1:10" x14ac:dyDescent="0.35">
      <c r="A73294" s="1" t="s">
        <v>8345</v>
      </c>
      <c r="B73294" s="1" t="s">
        <v>244913</v>
      </c>
      <c r="C73294" s="1" t="s">
        <v>170</v>
      </c>
      <c r="D73294" s="1" t="s">
        <v>15591</v>
      </c>
      <c r="E73294" s="1" t="s">
        <v>245124</v>
      </c>
      <c r="F73294" s="1" t="s">
        <v>245125</v>
      </c>
      <c r="G73294" s="1" t="s">
        <v>245021</v>
      </c>
      <c r="H73294" s="1" t="s">
        <v>245022</v>
      </c>
      <c r="I73294" s="1" t="s">
        <v>244917</v>
      </c>
      <c r="J73294" s="1" t="s">
        <v>245126</v>
      </c>
    </row>
    <row r="73295" spans="1:10" x14ac:dyDescent="0.35">
      <c r="A73295" s="1" t="s">
        <v>142699</v>
      </c>
      <c r="B73295" s="1" t="s">
        <v>244913</v>
      </c>
      <c r="C73295" s="1" t="s">
        <v>8</v>
      </c>
      <c r="D73295" s="1" t="s">
        <v>245127</v>
      </c>
      <c r="E73295" s="1" t="s">
        <v>245128</v>
      </c>
      <c r="F73295" s="1" t="s">
        <v>245129</v>
      </c>
      <c r="G73295" s="1" t="s">
        <v>245130</v>
      </c>
      <c r="H73295" s="1" t="s">
        <v>245131</v>
      </c>
      <c r="I73295" s="1" t="s">
        <v>244917</v>
      </c>
      <c r="J73295" s="1" t="s">
        <v>13</v>
      </c>
    </row>
    <row r="73296" spans="1:10" x14ac:dyDescent="0.35">
      <c r="A73296" s="1" t="s">
        <v>142699</v>
      </c>
      <c r="B73296" s="1" t="s">
        <v>244913</v>
      </c>
      <c r="C73296" s="1" t="s">
        <v>15</v>
      </c>
      <c r="D73296" s="1" t="s">
        <v>202648</v>
      </c>
      <c r="E73296" s="1" t="s">
        <v>245132</v>
      </c>
      <c r="F73296" s="1" t="s">
        <v>245133</v>
      </c>
      <c r="G73296" s="1" t="s">
        <v>245130</v>
      </c>
      <c r="H73296" s="1" t="s">
        <v>245131</v>
      </c>
      <c r="I73296" s="1" t="s">
        <v>244917</v>
      </c>
      <c r="J73296" s="1" t="s">
        <v>245134</v>
      </c>
    </row>
    <row r="73297" spans="1:10" x14ac:dyDescent="0.35">
      <c r="A73297" s="1" t="s">
        <v>142699</v>
      </c>
      <c r="B73297" s="1" t="s">
        <v>244913</v>
      </c>
      <c r="C73297" s="1" t="s">
        <v>20</v>
      </c>
      <c r="D73297" s="1" t="s">
        <v>155712</v>
      </c>
      <c r="E73297" s="1" t="s">
        <v>245135</v>
      </c>
      <c r="F73297" s="1" t="s">
        <v>245136</v>
      </c>
      <c r="G73297" s="1" t="s">
        <v>245130</v>
      </c>
      <c r="H73297" s="1" t="s">
        <v>245131</v>
      </c>
      <c r="I73297" s="1" t="s">
        <v>244917</v>
      </c>
      <c r="J73297" s="1" t="s">
        <v>245137</v>
      </c>
    </row>
    <row r="73298" spans="1:10" x14ac:dyDescent="0.35">
      <c r="A73298" s="1" t="s">
        <v>142699</v>
      </c>
      <c r="B73298" s="1" t="s">
        <v>244913</v>
      </c>
      <c r="C73298" s="1" t="s">
        <v>25</v>
      </c>
      <c r="D73298" s="1" t="s">
        <v>3128</v>
      </c>
      <c r="E73298" s="1" t="s">
        <v>245138</v>
      </c>
      <c r="F73298" s="1" t="s">
        <v>245139</v>
      </c>
      <c r="G73298" s="1" t="s">
        <v>245130</v>
      </c>
      <c r="H73298" s="1" t="s">
        <v>245131</v>
      </c>
      <c r="I73298" s="1" t="s">
        <v>244917</v>
      </c>
      <c r="J73298" s="1" t="s">
        <v>245140</v>
      </c>
    </row>
    <row r="73299" spans="1:10" x14ac:dyDescent="0.35">
      <c r="A73299" s="1" t="s">
        <v>142699</v>
      </c>
      <c r="B73299" s="1" t="s">
        <v>244913</v>
      </c>
      <c r="C73299" s="1" t="s">
        <v>30</v>
      </c>
      <c r="D73299" s="1" t="s">
        <v>37852</v>
      </c>
      <c r="E73299" s="1" t="s">
        <v>245141</v>
      </c>
      <c r="F73299" s="1" t="s">
        <v>245142</v>
      </c>
      <c r="G73299" s="1" t="s">
        <v>245130</v>
      </c>
      <c r="H73299" s="1" t="s">
        <v>245131</v>
      </c>
      <c r="I73299" s="1" t="s">
        <v>244917</v>
      </c>
      <c r="J73299" s="1" t="s">
        <v>245143</v>
      </c>
    </row>
    <row r="73300" spans="1:10" x14ac:dyDescent="0.35">
      <c r="A73300" s="1" t="s">
        <v>142699</v>
      </c>
      <c r="B73300" s="1" t="s">
        <v>244913</v>
      </c>
      <c r="C73300" s="1" t="s">
        <v>35</v>
      </c>
      <c r="D73300" s="1" t="s">
        <v>3473</v>
      </c>
      <c r="E73300" s="1" t="s">
        <v>245144</v>
      </c>
      <c r="F73300" s="1" t="s">
        <v>245145</v>
      </c>
      <c r="G73300" s="1" t="s">
        <v>245130</v>
      </c>
      <c r="H73300" s="1" t="s">
        <v>245131</v>
      </c>
      <c r="I73300" s="1" t="s">
        <v>244917</v>
      </c>
      <c r="J73300" s="1" t="s">
        <v>245146</v>
      </c>
    </row>
    <row r="73301" spans="1:10" x14ac:dyDescent="0.35">
      <c r="A73301" s="1" t="s">
        <v>142699</v>
      </c>
      <c r="B73301" s="1" t="s">
        <v>244913</v>
      </c>
      <c r="C73301" s="1" t="s">
        <v>40</v>
      </c>
      <c r="D73301" s="1" t="s">
        <v>135198</v>
      </c>
      <c r="E73301" s="1" t="s">
        <v>245147</v>
      </c>
      <c r="F73301" s="1" t="s">
        <v>245148</v>
      </c>
      <c r="G73301" s="1" t="s">
        <v>245130</v>
      </c>
      <c r="H73301" s="1" t="s">
        <v>245131</v>
      </c>
      <c r="I73301" s="1" t="s">
        <v>244917</v>
      </c>
      <c r="J73301" s="1" t="s">
        <v>245149</v>
      </c>
    </row>
    <row r="73302" spans="1:10" x14ac:dyDescent="0.35">
      <c r="A73302" s="1" t="s">
        <v>142699</v>
      </c>
      <c r="B73302" s="1" t="s">
        <v>244913</v>
      </c>
      <c r="C73302" s="1" t="s">
        <v>45</v>
      </c>
      <c r="D73302" s="1" t="s">
        <v>160465</v>
      </c>
      <c r="E73302" s="1" t="s">
        <v>245150</v>
      </c>
      <c r="F73302" s="1" t="s">
        <v>245151</v>
      </c>
      <c r="G73302" s="1" t="s">
        <v>245130</v>
      </c>
      <c r="H73302" s="1" t="s">
        <v>245131</v>
      </c>
      <c r="I73302" s="1" t="s">
        <v>244917</v>
      </c>
      <c r="J73302" s="1" t="s">
        <v>245152</v>
      </c>
    </row>
    <row r="73303" spans="1:10" x14ac:dyDescent="0.35">
      <c r="A73303" s="1" t="s">
        <v>142699</v>
      </c>
      <c r="B73303" s="1" t="s">
        <v>244913</v>
      </c>
      <c r="C73303" s="1" t="s">
        <v>50</v>
      </c>
      <c r="D73303" s="1" t="s">
        <v>171830</v>
      </c>
      <c r="E73303" s="1" t="s">
        <v>245153</v>
      </c>
      <c r="F73303" s="1" t="s">
        <v>245154</v>
      </c>
      <c r="G73303" s="1" t="s">
        <v>245130</v>
      </c>
      <c r="H73303" s="1" t="s">
        <v>245131</v>
      </c>
      <c r="I73303" s="1" t="s">
        <v>244917</v>
      </c>
      <c r="J73303" s="1" t="s">
        <v>245155</v>
      </c>
    </row>
    <row r="73304" spans="1:10" x14ac:dyDescent="0.35">
      <c r="A73304" s="1" t="s">
        <v>142699</v>
      </c>
      <c r="B73304" s="1" t="s">
        <v>244913</v>
      </c>
      <c r="C73304" s="1" t="s">
        <v>55</v>
      </c>
      <c r="D73304" s="1" t="s">
        <v>245156</v>
      </c>
      <c r="E73304" s="1" t="s">
        <v>245157</v>
      </c>
      <c r="F73304" s="1" t="s">
        <v>245158</v>
      </c>
      <c r="G73304" s="1" t="s">
        <v>245130</v>
      </c>
      <c r="H73304" s="1" t="s">
        <v>245131</v>
      </c>
      <c r="I73304" s="1" t="s">
        <v>244917</v>
      </c>
      <c r="J73304" s="1" t="s">
        <v>245159</v>
      </c>
    </row>
    <row r="73305" spans="1:10" x14ac:dyDescent="0.35">
      <c r="A73305" s="1" t="s">
        <v>142699</v>
      </c>
      <c r="B73305" s="1" t="s">
        <v>244913</v>
      </c>
      <c r="C73305" s="1" t="s">
        <v>60</v>
      </c>
      <c r="D73305" s="1" t="s">
        <v>45071</v>
      </c>
      <c r="E73305" s="1" t="s">
        <v>245160</v>
      </c>
      <c r="F73305" s="1" t="s">
        <v>245161</v>
      </c>
      <c r="G73305" s="1" t="s">
        <v>245130</v>
      </c>
      <c r="H73305" s="1" t="s">
        <v>245131</v>
      </c>
      <c r="I73305" s="1" t="s">
        <v>244917</v>
      </c>
      <c r="J73305" s="1" t="s">
        <v>245162</v>
      </c>
    </row>
    <row r="73306" spans="1:10" x14ac:dyDescent="0.35">
      <c r="A73306" s="1" t="s">
        <v>142699</v>
      </c>
      <c r="B73306" s="1" t="s">
        <v>244913</v>
      </c>
      <c r="C73306" s="1" t="s">
        <v>65</v>
      </c>
      <c r="D73306" s="1" t="s">
        <v>150228</v>
      </c>
      <c r="E73306" s="1" t="s">
        <v>245163</v>
      </c>
      <c r="F73306" s="1" t="s">
        <v>245164</v>
      </c>
      <c r="G73306" s="1" t="s">
        <v>245130</v>
      </c>
      <c r="H73306" s="1" t="s">
        <v>245131</v>
      </c>
      <c r="I73306" s="1" t="s">
        <v>244917</v>
      </c>
      <c r="J73306" s="1" t="s">
        <v>245165</v>
      </c>
    </row>
    <row r="73307" spans="1:10" x14ac:dyDescent="0.35">
      <c r="A73307" s="1" t="s">
        <v>142699</v>
      </c>
      <c r="B73307" s="1" t="s">
        <v>244913</v>
      </c>
      <c r="C73307" s="1" t="s">
        <v>70</v>
      </c>
      <c r="D73307" s="1" t="s">
        <v>154103</v>
      </c>
      <c r="E73307" s="1" t="s">
        <v>245166</v>
      </c>
      <c r="F73307" s="1" t="s">
        <v>245167</v>
      </c>
      <c r="G73307" s="1" t="s">
        <v>245130</v>
      </c>
      <c r="H73307" s="1" t="s">
        <v>245131</v>
      </c>
      <c r="I73307" s="1" t="s">
        <v>244917</v>
      </c>
      <c r="J73307" s="1" t="s">
        <v>245168</v>
      </c>
    </row>
    <row r="73308" spans="1:10" x14ac:dyDescent="0.35">
      <c r="A73308" s="1" t="s">
        <v>142699</v>
      </c>
      <c r="B73308" s="1" t="s">
        <v>244913</v>
      </c>
      <c r="C73308" s="1" t="s">
        <v>75</v>
      </c>
      <c r="D73308" s="1" t="s">
        <v>245169</v>
      </c>
      <c r="E73308" s="1" t="s">
        <v>245170</v>
      </c>
      <c r="F73308" s="1" t="s">
        <v>245171</v>
      </c>
      <c r="G73308" s="1" t="s">
        <v>245130</v>
      </c>
      <c r="H73308" s="1" t="s">
        <v>245131</v>
      </c>
      <c r="I73308" s="1" t="s">
        <v>244917</v>
      </c>
      <c r="J73308" s="1" t="s">
        <v>245172</v>
      </c>
    </row>
    <row r="73309" spans="1:10" x14ac:dyDescent="0.35">
      <c r="A73309" s="1" t="s">
        <v>142699</v>
      </c>
      <c r="B73309" s="1" t="s">
        <v>244913</v>
      </c>
      <c r="C73309" s="1" t="s">
        <v>80</v>
      </c>
      <c r="D73309" s="1" t="s">
        <v>17179</v>
      </c>
      <c r="E73309" s="1" t="s">
        <v>245173</v>
      </c>
      <c r="F73309" s="1" t="s">
        <v>245174</v>
      </c>
      <c r="G73309" s="1" t="s">
        <v>245130</v>
      </c>
      <c r="H73309" s="1" t="s">
        <v>245131</v>
      </c>
      <c r="I73309" s="1" t="s">
        <v>244917</v>
      </c>
      <c r="J73309" s="1" t="s">
        <v>245175</v>
      </c>
    </row>
    <row r="73310" spans="1:10" x14ac:dyDescent="0.35">
      <c r="A73310" s="1" t="s">
        <v>142699</v>
      </c>
      <c r="B73310" s="1" t="s">
        <v>244913</v>
      </c>
      <c r="C73310" s="1" t="s">
        <v>85</v>
      </c>
      <c r="D73310" s="1" t="s">
        <v>135764</v>
      </c>
      <c r="E73310" s="1" t="s">
        <v>245176</v>
      </c>
      <c r="F73310" s="1" t="s">
        <v>245177</v>
      </c>
      <c r="G73310" s="1" t="s">
        <v>245130</v>
      </c>
      <c r="H73310" s="1" t="s">
        <v>245131</v>
      </c>
      <c r="I73310" s="1" t="s">
        <v>244917</v>
      </c>
      <c r="J73310" s="1" t="s">
        <v>245178</v>
      </c>
    </row>
    <row r="73311" spans="1:10" x14ac:dyDescent="0.35">
      <c r="A73311" s="1" t="s">
        <v>142699</v>
      </c>
      <c r="B73311" s="1" t="s">
        <v>244913</v>
      </c>
      <c r="C73311" s="1" t="s">
        <v>90</v>
      </c>
      <c r="D73311" s="1" t="s">
        <v>74331</v>
      </c>
      <c r="E73311" s="1" t="s">
        <v>245179</v>
      </c>
      <c r="F73311" s="1" t="s">
        <v>245180</v>
      </c>
      <c r="G73311" s="1" t="s">
        <v>245130</v>
      </c>
      <c r="H73311" s="1" t="s">
        <v>245131</v>
      </c>
      <c r="I73311" s="1" t="s">
        <v>244917</v>
      </c>
      <c r="J73311" s="1" t="s">
        <v>245181</v>
      </c>
    </row>
    <row r="73312" spans="1:10" x14ac:dyDescent="0.35">
      <c r="A73312" s="1" t="s">
        <v>142699</v>
      </c>
      <c r="B73312" s="1" t="s">
        <v>244913</v>
      </c>
      <c r="C73312" s="1" t="s">
        <v>95</v>
      </c>
      <c r="D73312" s="1" t="s">
        <v>33207</v>
      </c>
      <c r="E73312" s="1" t="s">
        <v>245182</v>
      </c>
      <c r="F73312" s="1" t="s">
        <v>245183</v>
      </c>
      <c r="G73312" s="1" t="s">
        <v>245130</v>
      </c>
      <c r="H73312" s="1" t="s">
        <v>245131</v>
      </c>
      <c r="I73312" s="1" t="s">
        <v>244917</v>
      </c>
      <c r="J73312" s="1" t="s">
        <v>245184</v>
      </c>
    </row>
    <row r="73313" spans="1:10" x14ac:dyDescent="0.35">
      <c r="A73313" s="1" t="s">
        <v>142699</v>
      </c>
      <c r="B73313" s="1" t="s">
        <v>244913</v>
      </c>
      <c r="C73313" s="1" t="s">
        <v>100</v>
      </c>
      <c r="D73313" s="1" t="s">
        <v>75074</v>
      </c>
      <c r="E73313" s="1" t="s">
        <v>245185</v>
      </c>
      <c r="F73313" s="1" t="s">
        <v>245186</v>
      </c>
      <c r="G73313" s="1" t="s">
        <v>245130</v>
      </c>
      <c r="H73313" s="1" t="s">
        <v>245131</v>
      </c>
      <c r="I73313" s="1" t="s">
        <v>244917</v>
      </c>
      <c r="J73313" s="1" t="s">
        <v>245187</v>
      </c>
    </row>
    <row r="73314" spans="1:10" x14ac:dyDescent="0.35">
      <c r="A73314" s="1" t="s">
        <v>142699</v>
      </c>
      <c r="B73314" s="1" t="s">
        <v>244913</v>
      </c>
      <c r="C73314" s="1" t="s">
        <v>105</v>
      </c>
      <c r="D73314" s="1" t="s">
        <v>74912</v>
      </c>
      <c r="E73314" s="1" t="s">
        <v>245188</v>
      </c>
      <c r="F73314" s="1" t="s">
        <v>245189</v>
      </c>
      <c r="G73314" s="1" t="s">
        <v>245130</v>
      </c>
      <c r="H73314" s="1" t="s">
        <v>245131</v>
      </c>
      <c r="I73314" s="1" t="s">
        <v>244917</v>
      </c>
      <c r="J73314" s="1" t="s">
        <v>245190</v>
      </c>
    </row>
    <row r="73315" spans="1:10" x14ac:dyDescent="0.35">
      <c r="A73315" s="1" t="s">
        <v>142699</v>
      </c>
      <c r="B73315" s="1" t="s">
        <v>244913</v>
      </c>
      <c r="C73315" s="1" t="s">
        <v>110</v>
      </c>
      <c r="D73315" s="1" t="s">
        <v>5421</v>
      </c>
      <c r="E73315" s="1" t="s">
        <v>245191</v>
      </c>
      <c r="F73315" s="1" t="s">
        <v>245192</v>
      </c>
      <c r="G73315" s="1" t="s">
        <v>245130</v>
      </c>
      <c r="H73315" s="1" t="s">
        <v>245131</v>
      </c>
      <c r="I73315" s="1" t="s">
        <v>244917</v>
      </c>
      <c r="J73315" s="1" t="s">
        <v>245193</v>
      </c>
    </row>
    <row r="73316" spans="1:10" x14ac:dyDescent="0.35">
      <c r="A73316" s="1" t="s">
        <v>142699</v>
      </c>
      <c r="B73316" s="1" t="s">
        <v>244913</v>
      </c>
      <c r="C73316" s="1" t="s">
        <v>115</v>
      </c>
      <c r="D73316" s="1" t="s">
        <v>173576</v>
      </c>
      <c r="E73316" s="1" t="s">
        <v>245194</v>
      </c>
      <c r="F73316" s="1" t="s">
        <v>245195</v>
      </c>
      <c r="G73316" s="1" t="s">
        <v>245130</v>
      </c>
      <c r="H73316" s="1" t="s">
        <v>245131</v>
      </c>
      <c r="I73316" s="1" t="s">
        <v>244917</v>
      </c>
      <c r="J73316" s="1" t="s">
        <v>245196</v>
      </c>
    </row>
    <row r="73317" spans="1:10" x14ac:dyDescent="0.35">
      <c r="A73317" s="1" t="s">
        <v>142699</v>
      </c>
      <c r="B73317" s="1" t="s">
        <v>244913</v>
      </c>
      <c r="C73317" s="1" t="s">
        <v>120</v>
      </c>
      <c r="D73317" s="1" t="s">
        <v>30676</v>
      </c>
      <c r="E73317" s="1" t="s">
        <v>245197</v>
      </c>
      <c r="F73317" s="1" t="s">
        <v>245198</v>
      </c>
      <c r="G73317" s="1" t="s">
        <v>245130</v>
      </c>
      <c r="H73317" s="1" t="s">
        <v>245131</v>
      </c>
      <c r="I73317" s="1" t="s">
        <v>244917</v>
      </c>
      <c r="J73317" s="1" t="s">
        <v>245199</v>
      </c>
    </row>
    <row r="73318" spans="1:10" x14ac:dyDescent="0.35">
      <c r="A73318" s="1" t="s">
        <v>142699</v>
      </c>
      <c r="B73318" s="1" t="s">
        <v>244913</v>
      </c>
      <c r="C73318" s="1" t="s">
        <v>125</v>
      </c>
      <c r="D73318" s="1" t="s">
        <v>157842</v>
      </c>
      <c r="E73318" s="1" t="s">
        <v>245200</v>
      </c>
      <c r="F73318" s="1" t="s">
        <v>245201</v>
      </c>
      <c r="G73318" s="1" t="s">
        <v>245130</v>
      </c>
      <c r="H73318" s="1" t="s">
        <v>245131</v>
      </c>
      <c r="I73318" s="1" t="s">
        <v>244917</v>
      </c>
      <c r="J73318" s="1" t="s">
        <v>245202</v>
      </c>
    </row>
    <row r="73319" spans="1:10" x14ac:dyDescent="0.35">
      <c r="A73319" s="1" t="s">
        <v>142699</v>
      </c>
      <c r="B73319" s="1" t="s">
        <v>244913</v>
      </c>
      <c r="C73319" s="1" t="s">
        <v>130</v>
      </c>
      <c r="D73319" s="1" t="s">
        <v>113309</v>
      </c>
      <c r="E73319" s="1" t="s">
        <v>245203</v>
      </c>
      <c r="F73319" s="1" t="s">
        <v>245204</v>
      </c>
      <c r="G73319" s="1" t="s">
        <v>245130</v>
      </c>
      <c r="H73319" s="1" t="s">
        <v>245131</v>
      </c>
      <c r="I73319" s="1" t="s">
        <v>244917</v>
      </c>
      <c r="J73319" s="1" t="s">
        <v>245205</v>
      </c>
    </row>
    <row r="73320" spans="1:10" x14ac:dyDescent="0.35">
      <c r="A73320" s="1" t="s">
        <v>142699</v>
      </c>
      <c r="B73320" s="1" t="s">
        <v>244913</v>
      </c>
      <c r="C73320" s="1" t="s">
        <v>135</v>
      </c>
      <c r="D73320" s="1" t="s">
        <v>71802</v>
      </c>
      <c r="E73320" s="1" t="s">
        <v>245206</v>
      </c>
      <c r="F73320" s="1" t="s">
        <v>245207</v>
      </c>
      <c r="G73320" s="1" t="s">
        <v>245130</v>
      </c>
      <c r="H73320" s="1" t="s">
        <v>245131</v>
      </c>
      <c r="I73320" s="1" t="s">
        <v>244917</v>
      </c>
      <c r="J73320" s="1" t="s">
        <v>245208</v>
      </c>
    </row>
    <row r="73321" spans="1:10" x14ac:dyDescent="0.35">
      <c r="A73321" s="1" t="s">
        <v>142699</v>
      </c>
      <c r="B73321" s="1" t="s">
        <v>244913</v>
      </c>
      <c r="C73321" s="1" t="s">
        <v>140</v>
      </c>
      <c r="D73321" s="1" t="s">
        <v>198092</v>
      </c>
      <c r="E73321" s="1" t="s">
        <v>245209</v>
      </c>
      <c r="F73321" s="1" t="s">
        <v>245210</v>
      </c>
      <c r="G73321" s="1" t="s">
        <v>245130</v>
      </c>
      <c r="H73321" s="1" t="s">
        <v>245131</v>
      </c>
      <c r="I73321" s="1" t="s">
        <v>244917</v>
      </c>
      <c r="J73321" s="1" t="s">
        <v>245211</v>
      </c>
    </row>
    <row r="73322" spans="1:10" x14ac:dyDescent="0.35">
      <c r="A73322" s="1" t="s">
        <v>142699</v>
      </c>
      <c r="B73322" s="1" t="s">
        <v>244913</v>
      </c>
      <c r="C73322" s="1" t="s">
        <v>145</v>
      </c>
      <c r="D73322" s="1" t="s">
        <v>52127</v>
      </c>
      <c r="E73322" s="1" t="s">
        <v>245212</v>
      </c>
      <c r="F73322" s="1" t="s">
        <v>245213</v>
      </c>
      <c r="G73322" s="1" t="s">
        <v>245130</v>
      </c>
      <c r="H73322" s="1" t="s">
        <v>245131</v>
      </c>
      <c r="I73322" s="1" t="s">
        <v>244917</v>
      </c>
      <c r="J73322" s="1" t="s">
        <v>245214</v>
      </c>
    </row>
    <row r="73323" spans="1:10" x14ac:dyDescent="0.35">
      <c r="A73323" s="1" t="s">
        <v>142699</v>
      </c>
      <c r="B73323" s="1" t="s">
        <v>244913</v>
      </c>
      <c r="C73323" s="1" t="s">
        <v>150</v>
      </c>
      <c r="D73323" s="1" t="s">
        <v>45504</v>
      </c>
      <c r="E73323" s="1" t="s">
        <v>245215</v>
      </c>
      <c r="F73323" s="1" t="s">
        <v>245216</v>
      </c>
      <c r="G73323" s="1" t="s">
        <v>245130</v>
      </c>
      <c r="H73323" s="1" t="s">
        <v>245131</v>
      </c>
      <c r="I73323" s="1" t="s">
        <v>244917</v>
      </c>
      <c r="J73323" s="1" t="s">
        <v>245217</v>
      </c>
    </row>
    <row r="73324" spans="1:10" x14ac:dyDescent="0.35">
      <c r="A73324" s="1" t="s">
        <v>142699</v>
      </c>
      <c r="B73324" s="1" t="s">
        <v>244913</v>
      </c>
      <c r="C73324" s="1" t="s">
        <v>155</v>
      </c>
      <c r="D73324" s="1" t="s">
        <v>143429</v>
      </c>
      <c r="E73324" s="1" t="s">
        <v>245218</v>
      </c>
      <c r="F73324" s="1" t="s">
        <v>245219</v>
      </c>
      <c r="G73324" s="1" t="s">
        <v>245130</v>
      </c>
      <c r="H73324" s="1" t="s">
        <v>245131</v>
      </c>
      <c r="I73324" s="1" t="s">
        <v>244917</v>
      </c>
      <c r="J73324" s="1" t="s">
        <v>245220</v>
      </c>
    </row>
    <row r="73325" spans="1:10" x14ac:dyDescent="0.35">
      <c r="A73325" s="1" t="s">
        <v>142699</v>
      </c>
      <c r="B73325" s="1" t="s">
        <v>244913</v>
      </c>
      <c r="C73325" s="1" t="s">
        <v>160</v>
      </c>
      <c r="D73325" s="1" t="s">
        <v>1663</v>
      </c>
      <c r="E73325" s="1" t="s">
        <v>245221</v>
      </c>
      <c r="F73325" s="1" t="s">
        <v>245222</v>
      </c>
      <c r="G73325" s="1" t="s">
        <v>245130</v>
      </c>
      <c r="H73325" s="1" t="s">
        <v>245131</v>
      </c>
      <c r="I73325" s="1" t="s">
        <v>244917</v>
      </c>
      <c r="J73325" s="1" t="s">
        <v>245223</v>
      </c>
    </row>
    <row r="73326" spans="1:10" x14ac:dyDescent="0.35">
      <c r="A73326" s="1" t="s">
        <v>142699</v>
      </c>
      <c r="B73326" s="1" t="s">
        <v>244913</v>
      </c>
      <c r="C73326" s="1" t="s">
        <v>165</v>
      </c>
      <c r="D73326" s="1" t="s">
        <v>4725</v>
      </c>
      <c r="E73326" s="1" t="s">
        <v>245224</v>
      </c>
      <c r="F73326" s="1" t="s">
        <v>245225</v>
      </c>
      <c r="G73326" s="1" t="s">
        <v>245130</v>
      </c>
      <c r="H73326" s="1" t="s">
        <v>245131</v>
      </c>
      <c r="I73326" s="1" t="s">
        <v>244917</v>
      </c>
      <c r="J73326" s="1" t="s">
        <v>245226</v>
      </c>
    </row>
    <row r="73327" spans="1:10" x14ac:dyDescent="0.35">
      <c r="A73327" s="1" t="s">
        <v>142699</v>
      </c>
      <c r="B73327" s="1" t="s">
        <v>244913</v>
      </c>
      <c r="C73327" s="1" t="s">
        <v>170</v>
      </c>
      <c r="D73327" s="1" t="s">
        <v>111195</v>
      </c>
      <c r="E73327" s="1" t="s">
        <v>245227</v>
      </c>
      <c r="F73327" s="1" t="s">
        <v>245228</v>
      </c>
      <c r="G73327" s="1" t="s">
        <v>245130</v>
      </c>
      <c r="H73327" s="1" t="s">
        <v>245131</v>
      </c>
      <c r="I73327" s="1" t="s">
        <v>244917</v>
      </c>
      <c r="J73327" s="1" t="s">
        <v>245229</v>
      </c>
    </row>
    <row r="73328" spans="1:10" x14ac:dyDescent="0.35">
      <c r="A73328" s="1" t="s">
        <v>10043</v>
      </c>
      <c r="B73328" s="1" t="s">
        <v>244913</v>
      </c>
      <c r="C73328" s="1" t="s">
        <v>8</v>
      </c>
      <c r="D73328" s="1" t="s">
        <v>82843</v>
      </c>
      <c r="E73328" s="1" t="s">
        <v>245230</v>
      </c>
      <c r="F73328" s="1" t="s">
        <v>245231</v>
      </c>
      <c r="G73328" s="1" t="s">
        <v>245232</v>
      </c>
      <c r="H73328" s="1" t="s">
        <v>245233</v>
      </c>
      <c r="I73328" s="1" t="s">
        <v>244917</v>
      </c>
      <c r="J73328" s="1" t="s">
        <v>13</v>
      </c>
    </row>
    <row r="73329" spans="1:10" x14ac:dyDescent="0.35">
      <c r="A73329" s="1" t="s">
        <v>10043</v>
      </c>
      <c r="B73329" s="1" t="s">
        <v>244913</v>
      </c>
      <c r="C73329" s="1" t="s">
        <v>15</v>
      </c>
      <c r="D73329" s="1" t="s">
        <v>245234</v>
      </c>
      <c r="E73329" s="1" t="s">
        <v>245235</v>
      </c>
      <c r="F73329" s="1" t="s">
        <v>245236</v>
      </c>
      <c r="G73329" s="1" t="s">
        <v>245232</v>
      </c>
      <c r="H73329" s="1" t="s">
        <v>245233</v>
      </c>
      <c r="I73329" s="1" t="s">
        <v>244917</v>
      </c>
      <c r="J73329" s="1" t="s">
        <v>245237</v>
      </c>
    </row>
    <row r="73330" spans="1:10" x14ac:dyDescent="0.35">
      <c r="A73330" s="1" t="s">
        <v>10043</v>
      </c>
      <c r="B73330" s="1" t="s">
        <v>244913</v>
      </c>
      <c r="C73330" s="1" t="s">
        <v>20</v>
      </c>
      <c r="D73330" s="1" t="s">
        <v>166390</v>
      </c>
      <c r="E73330" s="1" t="s">
        <v>245238</v>
      </c>
      <c r="F73330" s="1" t="s">
        <v>245239</v>
      </c>
      <c r="G73330" s="1" t="s">
        <v>245232</v>
      </c>
      <c r="H73330" s="1" t="s">
        <v>245233</v>
      </c>
      <c r="I73330" s="1" t="s">
        <v>244917</v>
      </c>
      <c r="J73330" s="1" t="s">
        <v>245240</v>
      </c>
    </row>
    <row r="73331" spans="1:10" x14ac:dyDescent="0.35">
      <c r="A73331" s="1" t="s">
        <v>10043</v>
      </c>
      <c r="B73331" s="1" t="s">
        <v>244913</v>
      </c>
      <c r="C73331" s="1" t="s">
        <v>25</v>
      </c>
      <c r="D73331" s="1" t="s">
        <v>206660</v>
      </c>
      <c r="E73331" s="1" t="s">
        <v>245241</v>
      </c>
      <c r="F73331" s="1" t="s">
        <v>245242</v>
      </c>
      <c r="G73331" s="1" t="s">
        <v>245232</v>
      </c>
      <c r="H73331" s="1" t="s">
        <v>245233</v>
      </c>
      <c r="I73331" s="1" t="s">
        <v>244917</v>
      </c>
      <c r="J73331" s="1" t="s">
        <v>245243</v>
      </c>
    </row>
    <row r="73332" spans="1:10" x14ac:dyDescent="0.35">
      <c r="A73332" s="1" t="s">
        <v>10043</v>
      </c>
      <c r="B73332" s="1" t="s">
        <v>244913</v>
      </c>
      <c r="C73332" s="1" t="s">
        <v>30</v>
      </c>
      <c r="D73332" s="1" t="s">
        <v>82250</v>
      </c>
      <c r="E73332" s="1" t="s">
        <v>245244</v>
      </c>
      <c r="F73332" s="1" t="s">
        <v>245245</v>
      </c>
      <c r="G73332" s="1" t="s">
        <v>245232</v>
      </c>
      <c r="H73332" s="1" t="s">
        <v>245233</v>
      </c>
      <c r="I73332" s="1" t="s">
        <v>244917</v>
      </c>
      <c r="J73332" s="1" t="s">
        <v>245246</v>
      </c>
    </row>
    <row r="73333" spans="1:10" x14ac:dyDescent="0.35">
      <c r="A73333" s="1" t="s">
        <v>10043</v>
      </c>
      <c r="B73333" s="1" t="s">
        <v>244913</v>
      </c>
      <c r="C73333" s="1" t="s">
        <v>35</v>
      </c>
      <c r="D73333" s="1" t="s">
        <v>185776</v>
      </c>
      <c r="E73333" s="1" t="s">
        <v>245247</v>
      </c>
      <c r="F73333" s="1" t="s">
        <v>245248</v>
      </c>
      <c r="G73333" s="1" t="s">
        <v>245232</v>
      </c>
      <c r="H73333" s="1" t="s">
        <v>245233</v>
      </c>
      <c r="I73333" s="1" t="s">
        <v>244917</v>
      </c>
      <c r="J73333" s="1" t="s">
        <v>245249</v>
      </c>
    </row>
    <row r="73334" spans="1:10" x14ac:dyDescent="0.35">
      <c r="A73334" s="1" t="s">
        <v>10043</v>
      </c>
      <c r="B73334" s="1" t="s">
        <v>244913</v>
      </c>
      <c r="C73334" s="1" t="s">
        <v>40</v>
      </c>
      <c r="D73334" s="1" t="s">
        <v>82749</v>
      </c>
      <c r="E73334" s="1" t="s">
        <v>245250</v>
      </c>
      <c r="F73334" s="1" t="s">
        <v>245251</v>
      </c>
      <c r="G73334" s="1" t="s">
        <v>245232</v>
      </c>
      <c r="H73334" s="1" t="s">
        <v>245233</v>
      </c>
      <c r="I73334" s="1" t="s">
        <v>244917</v>
      </c>
      <c r="J73334" s="1" t="s">
        <v>245252</v>
      </c>
    </row>
    <row r="73335" spans="1:10" x14ac:dyDescent="0.35">
      <c r="A73335" s="1" t="s">
        <v>10043</v>
      </c>
      <c r="B73335" s="1" t="s">
        <v>244913</v>
      </c>
      <c r="C73335" s="1" t="s">
        <v>45</v>
      </c>
      <c r="D73335" s="1" t="s">
        <v>179290</v>
      </c>
      <c r="E73335" s="1" t="s">
        <v>245253</v>
      </c>
      <c r="F73335" s="1" t="s">
        <v>245254</v>
      </c>
      <c r="G73335" s="1" t="s">
        <v>245232</v>
      </c>
      <c r="H73335" s="1" t="s">
        <v>245233</v>
      </c>
      <c r="I73335" s="1" t="s">
        <v>244917</v>
      </c>
      <c r="J73335" s="1" t="s">
        <v>245255</v>
      </c>
    </row>
    <row r="73336" spans="1:10" x14ac:dyDescent="0.35">
      <c r="A73336" s="1" t="s">
        <v>10043</v>
      </c>
      <c r="B73336" s="1" t="s">
        <v>244913</v>
      </c>
      <c r="C73336" s="1" t="s">
        <v>50</v>
      </c>
      <c r="D73336" s="1" t="s">
        <v>38091</v>
      </c>
      <c r="E73336" s="1" t="s">
        <v>245256</v>
      </c>
      <c r="F73336" s="1" t="s">
        <v>245257</v>
      </c>
      <c r="G73336" s="1" t="s">
        <v>245232</v>
      </c>
      <c r="H73336" s="1" t="s">
        <v>245233</v>
      </c>
      <c r="I73336" s="1" t="s">
        <v>244917</v>
      </c>
      <c r="J73336" s="1" t="s">
        <v>245258</v>
      </c>
    </row>
    <row r="73337" spans="1:10" x14ac:dyDescent="0.35">
      <c r="A73337" s="1" t="s">
        <v>10043</v>
      </c>
      <c r="B73337" s="1" t="s">
        <v>244913</v>
      </c>
      <c r="C73337" s="1" t="s">
        <v>55</v>
      </c>
      <c r="D73337" s="1" t="s">
        <v>245259</v>
      </c>
      <c r="E73337" s="1" t="s">
        <v>245260</v>
      </c>
      <c r="F73337" s="1" t="s">
        <v>245261</v>
      </c>
      <c r="G73337" s="1" t="s">
        <v>245232</v>
      </c>
      <c r="H73337" s="1" t="s">
        <v>245233</v>
      </c>
      <c r="I73337" s="1" t="s">
        <v>244917</v>
      </c>
      <c r="J73337" s="1" t="s">
        <v>245262</v>
      </c>
    </row>
    <row r="73338" spans="1:10" x14ac:dyDescent="0.35">
      <c r="A73338" s="1" t="s">
        <v>10043</v>
      </c>
      <c r="B73338" s="1" t="s">
        <v>244913</v>
      </c>
      <c r="C73338" s="1" t="s">
        <v>60</v>
      </c>
      <c r="D73338" s="1" t="s">
        <v>245263</v>
      </c>
      <c r="E73338" s="1" t="s">
        <v>245264</v>
      </c>
      <c r="F73338" s="1" t="s">
        <v>245265</v>
      </c>
      <c r="G73338" s="1" t="s">
        <v>245232</v>
      </c>
      <c r="H73338" s="1" t="s">
        <v>245233</v>
      </c>
      <c r="I73338" s="1" t="s">
        <v>244917</v>
      </c>
      <c r="J73338" s="1" t="s">
        <v>245266</v>
      </c>
    </row>
    <row r="73339" spans="1:10" x14ac:dyDescent="0.35">
      <c r="A73339" s="1" t="s">
        <v>10043</v>
      </c>
      <c r="B73339" s="1" t="s">
        <v>244913</v>
      </c>
      <c r="C73339" s="1" t="s">
        <v>65</v>
      </c>
      <c r="D73339" s="1" t="s">
        <v>108354</v>
      </c>
      <c r="E73339" s="1" t="s">
        <v>245267</v>
      </c>
      <c r="F73339" s="1" t="s">
        <v>245268</v>
      </c>
      <c r="G73339" s="1" t="s">
        <v>245232</v>
      </c>
      <c r="H73339" s="1" t="s">
        <v>245233</v>
      </c>
      <c r="I73339" s="1" t="s">
        <v>244917</v>
      </c>
      <c r="J73339" s="1" t="s">
        <v>245269</v>
      </c>
    </row>
    <row r="73340" spans="1:10" x14ac:dyDescent="0.35">
      <c r="A73340" s="1" t="s">
        <v>10043</v>
      </c>
      <c r="B73340" s="1" t="s">
        <v>244913</v>
      </c>
      <c r="C73340" s="1" t="s">
        <v>70</v>
      </c>
      <c r="D73340" s="1" t="s">
        <v>212430</v>
      </c>
      <c r="E73340" s="1" t="s">
        <v>245270</v>
      </c>
      <c r="F73340" s="1" t="s">
        <v>245271</v>
      </c>
      <c r="G73340" s="1" t="s">
        <v>245232</v>
      </c>
      <c r="H73340" s="1" t="s">
        <v>245233</v>
      </c>
      <c r="I73340" s="1" t="s">
        <v>244917</v>
      </c>
      <c r="J73340" s="1" t="s">
        <v>245272</v>
      </c>
    </row>
    <row r="73341" spans="1:10" x14ac:dyDescent="0.35">
      <c r="A73341" s="1" t="s">
        <v>10043</v>
      </c>
      <c r="B73341" s="1" t="s">
        <v>244913</v>
      </c>
      <c r="C73341" s="1" t="s">
        <v>75</v>
      </c>
      <c r="D73341" s="1" t="s">
        <v>189934</v>
      </c>
      <c r="E73341" s="1" t="s">
        <v>245273</v>
      </c>
      <c r="F73341" s="1" t="s">
        <v>245274</v>
      </c>
      <c r="G73341" s="1" t="s">
        <v>245232</v>
      </c>
      <c r="H73341" s="1" t="s">
        <v>245233</v>
      </c>
      <c r="I73341" s="1" t="s">
        <v>244917</v>
      </c>
      <c r="J73341" s="1" t="s">
        <v>245275</v>
      </c>
    </row>
    <row r="73342" spans="1:10" x14ac:dyDescent="0.35">
      <c r="A73342" s="1" t="s">
        <v>10043</v>
      </c>
      <c r="B73342" s="1" t="s">
        <v>244913</v>
      </c>
      <c r="C73342" s="1" t="s">
        <v>80</v>
      </c>
      <c r="D73342" s="1" t="s">
        <v>245276</v>
      </c>
      <c r="E73342" s="1" t="s">
        <v>245277</v>
      </c>
      <c r="F73342" s="1" t="s">
        <v>245278</v>
      </c>
      <c r="G73342" s="1" t="s">
        <v>245232</v>
      </c>
      <c r="H73342" s="1" t="s">
        <v>245233</v>
      </c>
      <c r="I73342" s="1" t="s">
        <v>244917</v>
      </c>
      <c r="J73342" s="1" t="s">
        <v>245279</v>
      </c>
    </row>
    <row r="73343" spans="1:10" x14ac:dyDescent="0.35">
      <c r="A73343" s="1" t="s">
        <v>10043</v>
      </c>
      <c r="B73343" s="1" t="s">
        <v>244913</v>
      </c>
      <c r="C73343" s="1" t="s">
        <v>85</v>
      </c>
      <c r="D73343" s="1" t="s">
        <v>245280</v>
      </c>
      <c r="E73343" s="1" t="s">
        <v>245281</v>
      </c>
      <c r="F73343" s="1" t="s">
        <v>245282</v>
      </c>
      <c r="G73343" s="1" t="s">
        <v>245232</v>
      </c>
      <c r="H73343" s="1" t="s">
        <v>245233</v>
      </c>
      <c r="I73343" s="1" t="s">
        <v>244917</v>
      </c>
      <c r="J73343" s="1" t="s">
        <v>245283</v>
      </c>
    </row>
    <row r="73344" spans="1:10" x14ac:dyDescent="0.35">
      <c r="A73344" s="1" t="s">
        <v>10043</v>
      </c>
      <c r="B73344" s="1" t="s">
        <v>244913</v>
      </c>
      <c r="C73344" s="1" t="s">
        <v>90</v>
      </c>
      <c r="D73344" s="1" t="s">
        <v>222457</v>
      </c>
      <c r="E73344" s="1" t="s">
        <v>245284</v>
      </c>
      <c r="F73344" s="1" t="s">
        <v>245285</v>
      </c>
      <c r="G73344" s="1" t="s">
        <v>245232</v>
      </c>
      <c r="H73344" s="1" t="s">
        <v>245233</v>
      </c>
      <c r="I73344" s="1" t="s">
        <v>244917</v>
      </c>
      <c r="J73344" s="1" t="s">
        <v>245286</v>
      </c>
    </row>
    <row r="73345" spans="1:10" x14ac:dyDescent="0.35">
      <c r="A73345" s="1" t="s">
        <v>10043</v>
      </c>
      <c r="B73345" s="1" t="s">
        <v>244913</v>
      </c>
      <c r="C73345" s="1" t="s">
        <v>95</v>
      </c>
      <c r="D73345" s="1" t="s">
        <v>245287</v>
      </c>
      <c r="E73345" s="1" t="s">
        <v>245288</v>
      </c>
      <c r="F73345" s="1" t="s">
        <v>245289</v>
      </c>
      <c r="G73345" s="1" t="s">
        <v>245232</v>
      </c>
      <c r="H73345" s="1" t="s">
        <v>245233</v>
      </c>
      <c r="I73345" s="1" t="s">
        <v>244917</v>
      </c>
      <c r="J73345" s="1" t="s">
        <v>245290</v>
      </c>
    </row>
    <row r="73346" spans="1:10" x14ac:dyDescent="0.35">
      <c r="A73346" s="1" t="s">
        <v>10043</v>
      </c>
      <c r="B73346" s="1" t="s">
        <v>244913</v>
      </c>
      <c r="C73346" s="1" t="s">
        <v>100</v>
      </c>
      <c r="D73346" s="1" t="s">
        <v>245291</v>
      </c>
      <c r="E73346" s="1" t="s">
        <v>245292</v>
      </c>
      <c r="F73346" s="1" t="s">
        <v>245293</v>
      </c>
      <c r="G73346" s="1" t="s">
        <v>245232</v>
      </c>
      <c r="H73346" s="1" t="s">
        <v>245233</v>
      </c>
      <c r="I73346" s="1" t="s">
        <v>244917</v>
      </c>
      <c r="J73346" s="1" t="s">
        <v>245294</v>
      </c>
    </row>
    <row r="73347" spans="1:10" x14ac:dyDescent="0.35">
      <c r="A73347" s="1" t="s">
        <v>10043</v>
      </c>
      <c r="B73347" s="1" t="s">
        <v>244913</v>
      </c>
      <c r="C73347" s="1" t="s">
        <v>105</v>
      </c>
      <c r="D73347" s="1" t="s">
        <v>115180</v>
      </c>
      <c r="E73347" s="1" t="s">
        <v>245295</v>
      </c>
      <c r="F73347" s="1" t="s">
        <v>245296</v>
      </c>
      <c r="G73347" s="1" t="s">
        <v>245232</v>
      </c>
      <c r="H73347" s="1" t="s">
        <v>245233</v>
      </c>
      <c r="I73347" s="1" t="s">
        <v>244917</v>
      </c>
      <c r="J73347" s="1" t="s">
        <v>245297</v>
      </c>
    </row>
    <row r="73348" spans="1:10" x14ac:dyDescent="0.35">
      <c r="A73348" s="1" t="s">
        <v>10043</v>
      </c>
      <c r="B73348" s="1" t="s">
        <v>244913</v>
      </c>
      <c r="C73348" s="1" t="s">
        <v>110</v>
      </c>
      <c r="D73348" s="1" t="s">
        <v>24863</v>
      </c>
      <c r="E73348" s="1" t="s">
        <v>245298</v>
      </c>
      <c r="F73348" s="1" t="s">
        <v>245299</v>
      </c>
      <c r="G73348" s="1" t="s">
        <v>245232</v>
      </c>
      <c r="H73348" s="1" t="s">
        <v>245233</v>
      </c>
      <c r="I73348" s="1" t="s">
        <v>244917</v>
      </c>
      <c r="J73348" s="1" t="s">
        <v>245300</v>
      </c>
    </row>
    <row r="73349" spans="1:10" x14ac:dyDescent="0.35">
      <c r="A73349" s="1" t="s">
        <v>10043</v>
      </c>
      <c r="B73349" s="1" t="s">
        <v>244913</v>
      </c>
      <c r="C73349" s="1" t="s">
        <v>115</v>
      </c>
      <c r="D73349" s="1" t="s">
        <v>245301</v>
      </c>
      <c r="E73349" s="1" t="s">
        <v>245302</v>
      </c>
      <c r="F73349" s="1" t="s">
        <v>245303</v>
      </c>
      <c r="G73349" s="1" t="s">
        <v>245232</v>
      </c>
      <c r="H73349" s="1" t="s">
        <v>245233</v>
      </c>
      <c r="I73349" s="1" t="s">
        <v>244917</v>
      </c>
      <c r="J73349" s="1" t="s">
        <v>245304</v>
      </c>
    </row>
    <row r="73350" spans="1:10" x14ac:dyDescent="0.35">
      <c r="A73350" s="1" t="s">
        <v>10043</v>
      </c>
      <c r="B73350" s="1" t="s">
        <v>244913</v>
      </c>
      <c r="C73350" s="1" t="s">
        <v>120</v>
      </c>
      <c r="D73350" s="1" t="s">
        <v>63641</v>
      </c>
      <c r="E73350" s="1" t="s">
        <v>245305</v>
      </c>
      <c r="F73350" s="1" t="s">
        <v>245306</v>
      </c>
      <c r="G73350" s="1" t="s">
        <v>245232</v>
      </c>
      <c r="H73350" s="1" t="s">
        <v>245233</v>
      </c>
      <c r="I73350" s="1" t="s">
        <v>244917</v>
      </c>
      <c r="J73350" s="1" t="s">
        <v>245307</v>
      </c>
    </row>
    <row r="73351" spans="1:10" x14ac:dyDescent="0.35">
      <c r="A73351" s="1" t="s">
        <v>10043</v>
      </c>
      <c r="B73351" s="1" t="s">
        <v>244913</v>
      </c>
      <c r="C73351" s="1" t="s">
        <v>125</v>
      </c>
      <c r="D73351" s="1" t="s">
        <v>83861</v>
      </c>
      <c r="E73351" s="1" t="s">
        <v>245308</v>
      </c>
      <c r="F73351" s="1" t="s">
        <v>245309</v>
      </c>
      <c r="G73351" s="1" t="s">
        <v>245232</v>
      </c>
      <c r="H73351" s="1" t="s">
        <v>245233</v>
      </c>
      <c r="I73351" s="1" t="s">
        <v>244917</v>
      </c>
      <c r="J73351" s="1" t="s">
        <v>245310</v>
      </c>
    </row>
    <row r="73352" spans="1:10" x14ac:dyDescent="0.35">
      <c r="A73352" s="1" t="s">
        <v>10043</v>
      </c>
      <c r="B73352" s="1" t="s">
        <v>244913</v>
      </c>
      <c r="C73352" s="1" t="s">
        <v>130</v>
      </c>
      <c r="D73352" s="1" t="s">
        <v>151133</v>
      </c>
      <c r="E73352" s="1" t="s">
        <v>245311</v>
      </c>
      <c r="F73352" s="1" t="s">
        <v>245312</v>
      </c>
      <c r="G73352" s="1" t="s">
        <v>245232</v>
      </c>
      <c r="H73352" s="1" t="s">
        <v>245233</v>
      </c>
      <c r="I73352" s="1" t="s">
        <v>244917</v>
      </c>
      <c r="J73352" s="1" t="s">
        <v>245313</v>
      </c>
    </row>
    <row r="73353" spans="1:10" x14ac:dyDescent="0.35">
      <c r="A73353" s="1" t="s">
        <v>10043</v>
      </c>
      <c r="B73353" s="1" t="s">
        <v>244913</v>
      </c>
      <c r="C73353" s="1" t="s">
        <v>135</v>
      </c>
      <c r="D73353" s="1" t="s">
        <v>245314</v>
      </c>
      <c r="E73353" s="1" t="s">
        <v>245315</v>
      </c>
      <c r="F73353" s="1" t="s">
        <v>245316</v>
      </c>
      <c r="G73353" s="1" t="s">
        <v>245232</v>
      </c>
      <c r="H73353" s="1" t="s">
        <v>245233</v>
      </c>
      <c r="I73353" s="1" t="s">
        <v>244917</v>
      </c>
      <c r="J73353" s="1" t="s">
        <v>245317</v>
      </c>
    </row>
    <row r="73354" spans="1:10" x14ac:dyDescent="0.35">
      <c r="A73354" s="1" t="s">
        <v>10043</v>
      </c>
      <c r="B73354" s="1" t="s">
        <v>244913</v>
      </c>
      <c r="C73354" s="1" t="s">
        <v>140</v>
      </c>
      <c r="D73354" s="1" t="s">
        <v>245318</v>
      </c>
      <c r="E73354" s="1" t="s">
        <v>245319</v>
      </c>
      <c r="F73354" s="1" t="s">
        <v>245320</v>
      </c>
      <c r="G73354" s="1" t="s">
        <v>245232</v>
      </c>
      <c r="H73354" s="1" t="s">
        <v>245233</v>
      </c>
      <c r="I73354" s="1" t="s">
        <v>244917</v>
      </c>
      <c r="J73354" s="1" t="s">
        <v>245321</v>
      </c>
    </row>
    <row r="73355" spans="1:10" x14ac:dyDescent="0.35">
      <c r="A73355" s="1" t="s">
        <v>10043</v>
      </c>
      <c r="B73355" s="1" t="s">
        <v>244913</v>
      </c>
      <c r="C73355" s="1" t="s">
        <v>145</v>
      </c>
      <c r="D73355" s="1" t="s">
        <v>245322</v>
      </c>
      <c r="E73355" s="1" t="s">
        <v>245323</v>
      </c>
      <c r="F73355" s="1" t="s">
        <v>245324</v>
      </c>
      <c r="G73355" s="1" t="s">
        <v>245232</v>
      </c>
      <c r="H73355" s="1" t="s">
        <v>245233</v>
      </c>
      <c r="I73355" s="1" t="s">
        <v>244917</v>
      </c>
      <c r="J73355" s="1" t="s">
        <v>245325</v>
      </c>
    </row>
    <row r="73356" spans="1:10" x14ac:dyDescent="0.35">
      <c r="A73356" s="1" t="s">
        <v>10043</v>
      </c>
      <c r="B73356" s="1" t="s">
        <v>244913</v>
      </c>
      <c r="C73356" s="1" t="s">
        <v>150</v>
      </c>
      <c r="D73356" s="1" t="s">
        <v>245326</v>
      </c>
      <c r="E73356" s="1" t="s">
        <v>245327</v>
      </c>
      <c r="F73356" s="1" t="s">
        <v>245328</v>
      </c>
      <c r="G73356" s="1" t="s">
        <v>245232</v>
      </c>
      <c r="H73356" s="1" t="s">
        <v>245233</v>
      </c>
      <c r="I73356" s="1" t="s">
        <v>244917</v>
      </c>
      <c r="J73356" s="1" t="s">
        <v>245329</v>
      </c>
    </row>
    <row r="73357" spans="1:10" x14ac:dyDescent="0.35">
      <c r="A73357" s="1" t="s">
        <v>10043</v>
      </c>
      <c r="B73357" s="1" t="s">
        <v>244913</v>
      </c>
      <c r="C73357" s="1" t="s">
        <v>155</v>
      </c>
      <c r="D73357" s="1" t="s">
        <v>38296</v>
      </c>
      <c r="E73357" s="1" t="s">
        <v>245330</v>
      </c>
      <c r="F73357" s="1" t="s">
        <v>245331</v>
      </c>
      <c r="G73357" s="1" t="s">
        <v>245232</v>
      </c>
      <c r="H73357" s="1" t="s">
        <v>245233</v>
      </c>
      <c r="I73357" s="1" t="s">
        <v>244917</v>
      </c>
      <c r="J73357" s="1" t="s">
        <v>245332</v>
      </c>
    </row>
    <row r="73358" spans="1:10" x14ac:dyDescent="0.35">
      <c r="A73358" s="1" t="s">
        <v>10043</v>
      </c>
      <c r="B73358" s="1" t="s">
        <v>244913</v>
      </c>
      <c r="C73358" s="1" t="s">
        <v>160</v>
      </c>
      <c r="D73358" s="1" t="s">
        <v>245333</v>
      </c>
      <c r="E73358" s="1" t="s">
        <v>245334</v>
      </c>
      <c r="F73358" s="1" t="s">
        <v>245335</v>
      </c>
      <c r="G73358" s="1" t="s">
        <v>245232</v>
      </c>
      <c r="H73358" s="1" t="s">
        <v>245233</v>
      </c>
      <c r="I73358" s="1" t="s">
        <v>244917</v>
      </c>
      <c r="J73358" s="1" t="s">
        <v>245336</v>
      </c>
    </row>
    <row r="73359" spans="1:10" x14ac:dyDescent="0.35">
      <c r="A73359" s="1" t="s">
        <v>10043</v>
      </c>
      <c r="B73359" s="1" t="s">
        <v>244913</v>
      </c>
      <c r="C73359" s="1" t="s">
        <v>165</v>
      </c>
      <c r="D73359" s="1" t="s">
        <v>151302</v>
      </c>
      <c r="E73359" s="1" t="s">
        <v>245337</v>
      </c>
      <c r="F73359" s="1" t="s">
        <v>245338</v>
      </c>
      <c r="G73359" s="1" t="s">
        <v>245232</v>
      </c>
      <c r="H73359" s="1" t="s">
        <v>245233</v>
      </c>
      <c r="I73359" s="1" t="s">
        <v>244917</v>
      </c>
      <c r="J73359" s="1" t="s">
        <v>245339</v>
      </c>
    </row>
    <row r="73360" spans="1:10" x14ac:dyDescent="0.35">
      <c r="A73360" s="1" t="s">
        <v>10043</v>
      </c>
      <c r="B73360" s="1" t="s">
        <v>244913</v>
      </c>
      <c r="C73360" s="1" t="s">
        <v>170</v>
      </c>
      <c r="D73360" s="1" t="s">
        <v>4138</v>
      </c>
      <c r="E73360" s="1" t="s">
        <v>245340</v>
      </c>
      <c r="F73360" s="1" t="s">
        <v>245341</v>
      </c>
      <c r="G73360" s="1" t="s">
        <v>245232</v>
      </c>
      <c r="H73360" s="1" t="s">
        <v>245233</v>
      </c>
      <c r="I73360" s="1" t="s">
        <v>244917</v>
      </c>
      <c r="J73360" s="1" t="s">
        <v>245342</v>
      </c>
    </row>
    <row r="73361" spans="1:10" x14ac:dyDescent="0.35">
      <c r="A73361" s="1" t="s">
        <v>4058</v>
      </c>
      <c r="B73361" s="1" t="s">
        <v>244913</v>
      </c>
      <c r="C73361" s="1" t="s">
        <v>8</v>
      </c>
      <c r="D73361" s="1" t="s">
        <v>245343</v>
      </c>
      <c r="E73361" s="1" t="s">
        <v>245344</v>
      </c>
      <c r="F73361" s="1" t="s">
        <v>245345</v>
      </c>
      <c r="G73361" s="1" t="s">
        <v>245346</v>
      </c>
      <c r="H73361" s="1" t="s">
        <v>245347</v>
      </c>
      <c r="I73361" s="1" t="s">
        <v>244917</v>
      </c>
      <c r="J73361" s="1" t="s">
        <v>13</v>
      </c>
    </row>
    <row r="73362" spans="1:10" x14ac:dyDescent="0.35">
      <c r="A73362" s="1" t="s">
        <v>4058</v>
      </c>
      <c r="B73362" s="1" t="s">
        <v>244913</v>
      </c>
      <c r="C73362" s="1" t="s">
        <v>15</v>
      </c>
      <c r="D73362" s="1" t="s">
        <v>169594</v>
      </c>
      <c r="E73362" s="1" t="s">
        <v>245348</v>
      </c>
      <c r="F73362" s="1" t="s">
        <v>245349</v>
      </c>
      <c r="G73362" s="1" t="s">
        <v>245346</v>
      </c>
      <c r="H73362" s="1" t="s">
        <v>245347</v>
      </c>
      <c r="I73362" s="1" t="s">
        <v>244917</v>
      </c>
      <c r="J73362" s="1" t="s">
        <v>245350</v>
      </c>
    </row>
    <row r="73363" spans="1:10" x14ac:dyDescent="0.35">
      <c r="A73363" s="1" t="s">
        <v>4058</v>
      </c>
      <c r="B73363" s="1" t="s">
        <v>244913</v>
      </c>
      <c r="C73363" s="1" t="s">
        <v>20</v>
      </c>
      <c r="D73363" s="1" t="s">
        <v>245351</v>
      </c>
      <c r="E73363" s="1" t="s">
        <v>245352</v>
      </c>
      <c r="F73363" s="1" t="s">
        <v>245353</v>
      </c>
      <c r="G73363" s="1" t="s">
        <v>245346</v>
      </c>
      <c r="H73363" s="1" t="s">
        <v>245347</v>
      </c>
      <c r="I73363" s="1" t="s">
        <v>244917</v>
      </c>
      <c r="J73363" s="1" t="s">
        <v>245354</v>
      </c>
    </row>
    <row r="73364" spans="1:10" x14ac:dyDescent="0.35">
      <c r="A73364" s="1" t="s">
        <v>4058</v>
      </c>
      <c r="B73364" s="1" t="s">
        <v>244913</v>
      </c>
      <c r="C73364" s="1" t="s">
        <v>25</v>
      </c>
      <c r="D73364" s="1" t="s">
        <v>17698</v>
      </c>
      <c r="E73364" s="1" t="s">
        <v>245355</v>
      </c>
      <c r="F73364" s="1" t="s">
        <v>245356</v>
      </c>
      <c r="G73364" s="1" t="s">
        <v>245346</v>
      </c>
      <c r="H73364" s="1" t="s">
        <v>245347</v>
      </c>
      <c r="I73364" s="1" t="s">
        <v>244917</v>
      </c>
      <c r="J73364" s="1" t="s">
        <v>245357</v>
      </c>
    </row>
    <row r="73365" spans="1:10" x14ac:dyDescent="0.35">
      <c r="A73365" s="1" t="s">
        <v>4058</v>
      </c>
      <c r="B73365" s="1" t="s">
        <v>244913</v>
      </c>
      <c r="C73365" s="1" t="s">
        <v>30</v>
      </c>
      <c r="D73365" s="1" t="s">
        <v>245358</v>
      </c>
      <c r="E73365" s="1" t="s">
        <v>245359</v>
      </c>
      <c r="F73365" s="1" t="s">
        <v>245360</v>
      </c>
      <c r="G73365" s="1" t="s">
        <v>245346</v>
      </c>
      <c r="H73365" s="1" t="s">
        <v>245347</v>
      </c>
      <c r="I73365" s="1" t="s">
        <v>244917</v>
      </c>
      <c r="J73365" s="1" t="s">
        <v>245361</v>
      </c>
    </row>
    <row r="73366" spans="1:10" x14ac:dyDescent="0.35">
      <c r="A73366" s="1" t="s">
        <v>4058</v>
      </c>
      <c r="B73366" s="1" t="s">
        <v>244913</v>
      </c>
      <c r="C73366" s="1" t="s">
        <v>35</v>
      </c>
      <c r="D73366" s="1" t="s">
        <v>17983</v>
      </c>
      <c r="E73366" s="1" t="s">
        <v>245362</v>
      </c>
      <c r="F73366" s="1" t="s">
        <v>245363</v>
      </c>
      <c r="G73366" s="1" t="s">
        <v>245346</v>
      </c>
      <c r="H73366" s="1" t="s">
        <v>245347</v>
      </c>
      <c r="I73366" s="1" t="s">
        <v>244917</v>
      </c>
      <c r="J73366" s="1" t="s">
        <v>245364</v>
      </c>
    </row>
    <row r="73367" spans="1:10" x14ac:dyDescent="0.35">
      <c r="A73367" s="1" t="s">
        <v>4058</v>
      </c>
      <c r="B73367" s="1" t="s">
        <v>244913</v>
      </c>
      <c r="C73367" s="1" t="s">
        <v>40</v>
      </c>
      <c r="D73367" s="1" t="s">
        <v>121557</v>
      </c>
      <c r="E73367" s="1" t="s">
        <v>245365</v>
      </c>
      <c r="F73367" s="1" t="s">
        <v>245366</v>
      </c>
      <c r="G73367" s="1" t="s">
        <v>245346</v>
      </c>
      <c r="H73367" s="1" t="s">
        <v>245347</v>
      </c>
      <c r="I73367" s="1" t="s">
        <v>244917</v>
      </c>
      <c r="J73367" s="1" t="s">
        <v>245367</v>
      </c>
    </row>
    <row r="73368" spans="1:10" x14ac:dyDescent="0.35">
      <c r="A73368" s="1" t="s">
        <v>4058</v>
      </c>
      <c r="B73368" s="1" t="s">
        <v>244913</v>
      </c>
      <c r="C73368" s="1" t="s">
        <v>45</v>
      </c>
      <c r="D73368" s="1" t="s">
        <v>245368</v>
      </c>
      <c r="E73368" s="1" t="s">
        <v>245369</v>
      </c>
      <c r="F73368" s="1" t="s">
        <v>245370</v>
      </c>
      <c r="G73368" s="1" t="s">
        <v>245346</v>
      </c>
      <c r="H73368" s="1" t="s">
        <v>245347</v>
      </c>
      <c r="I73368" s="1" t="s">
        <v>244917</v>
      </c>
      <c r="J73368" s="1" t="s">
        <v>245371</v>
      </c>
    </row>
    <row r="73369" spans="1:10" x14ac:dyDescent="0.35">
      <c r="A73369" s="1" t="s">
        <v>4058</v>
      </c>
      <c r="B73369" s="1" t="s">
        <v>244913</v>
      </c>
      <c r="C73369" s="1" t="s">
        <v>50</v>
      </c>
      <c r="D73369" s="1" t="s">
        <v>192475</v>
      </c>
      <c r="E73369" s="1" t="s">
        <v>245372</v>
      </c>
      <c r="F73369" s="1" t="s">
        <v>245373</v>
      </c>
      <c r="G73369" s="1" t="s">
        <v>245346</v>
      </c>
      <c r="H73369" s="1" t="s">
        <v>245347</v>
      </c>
      <c r="I73369" s="1" t="s">
        <v>244917</v>
      </c>
      <c r="J73369" s="1" t="s">
        <v>245374</v>
      </c>
    </row>
    <row r="73370" spans="1:10" x14ac:dyDescent="0.35">
      <c r="A73370" s="1" t="s">
        <v>4058</v>
      </c>
      <c r="B73370" s="1" t="s">
        <v>244913</v>
      </c>
      <c r="C73370" s="1" t="s">
        <v>55</v>
      </c>
      <c r="D73370" s="1" t="s">
        <v>104694</v>
      </c>
      <c r="E73370" s="1" t="s">
        <v>245375</v>
      </c>
      <c r="F73370" s="1" t="s">
        <v>245376</v>
      </c>
      <c r="G73370" s="1" t="s">
        <v>245346</v>
      </c>
      <c r="H73370" s="1" t="s">
        <v>245347</v>
      </c>
      <c r="I73370" s="1" t="s">
        <v>244917</v>
      </c>
      <c r="J73370" s="1" t="s">
        <v>245377</v>
      </c>
    </row>
    <row r="73371" spans="1:10" x14ac:dyDescent="0.35">
      <c r="A73371" s="1" t="s">
        <v>4058</v>
      </c>
      <c r="B73371" s="1" t="s">
        <v>244913</v>
      </c>
      <c r="C73371" s="1" t="s">
        <v>60</v>
      </c>
      <c r="D73371" s="1" t="s">
        <v>212633</v>
      </c>
      <c r="E73371" s="1" t="s">
        <v>245378</v>
      </c>
      <c r="F73371" s="1" t="s">
        <v>245379</v>
      </c>
      <c r="G73371" s="1" t="s">
        <v>245346</v>
      </c>
      <c r="H73371" s="1" t="s">
        <v>245347</v>
      </c>
      <c r="I73371" s="1" t="s">
        <v>244917</v>
      </c>
      <c r="J73371" s="1" t="s">
        <v>245380</v>
      </c>
    </row>
    <row r="73372" spans="1:10" x14ac:dyDescent="0.35">
      <c r="A73372" s="1" t="s">
        <v>4058</v>
      </c>
      <c r="B73372" s="1" t="s">
        <v>244913</v>
      </c>
      <c r="C73372" s="1" t="s">
        <v>65</v>
      </c>
      <c r="D73372" s="1" t="s">
        <v>48127</v>
      </c>
      <c r="E73372" s="1" t="s">
        <v>245381</v>
      </c>
      <c r="F73372" s="1" t="s">
        <v>245382</v>
      </c>
      <c r="G73372" s="1" t="s">
        <v>245346</v>
      </c>
      <c r="H73372" s="1" t="s">
        <v>245347</v>
      </c>
      <c r="I73372" s="1" t="s">
        <v>244917</v>
      </c>
      <c r="J73372" s="1" t="s">
        <v>245383</v>
      </c>
    </row>
    <row r="73373" spans="1:10" x14ac:dyDescent="0.35">
      <c r="A73373" s="1" t="s">
        <v>4058</v>
      </c>
      <c r="B73373" s="1" t="s">
        <v>244913</v>
      </c>
      <c r="C73373" s="1" t="s">
        <v>70</v>
      </c>
      <c r="D73373" s="1" t="s">
        <v>154213</v>
      </c>
      <c r="E73373" s="1" t="s">
        <v>245384</v>
      </c>
      <c r="F73373" s="1" t="s">
        <v>245385</v>
      </c>
      <c r="G73373" s="1" t="s">
        <v>245346</v>
      </c>
      <c r="H73373" s="1" t="s">
        <v>245347</v>
      </c>
      <c r="I73373" s="1" t="s">
        <v>244917</v>
      </c>
      <c r="J73373" s="1" t="s">
        <v>245386</v>
      </c>
    </row>
    <row r="73374" spans="1:10" x14ac:dyDescent="0.35">
      <c r="A73374" s="1" t="s">
        <v>4058</v>
      </c>
      <c r="B73374" s="1" t="s">
        <v>244913</v>
      </c>
      <c r="C73374" s="1" t="s">
        <v>75</v>
      </c>
      <c r="D73374" s="1" t="s">
        <v>181555</v>
      </c>
      <c r="E73374" s="1" t="s">
        <v>245387</v>
      </c>
      <c r="F73374" s="1" t="s">
        <v>245388</v>
      </c>
      <c r="G73374" s="1" t="s">
        <v>245346</v>
      </c>
      <c r="H73374" s="1" t="s">
        <v>245347</v>
      </c>
      <c r="I73374" s="1" t="s">
        <v>244917</v>
      </c>
      <c r="J73374" s="1" t="s">
        <v>245389</v>
      </c>
    </row>
    <row r="73375" spans="1:10" x14ac:dyDescent="0.35">
      <c r="A73375" s="1" t="s">
        <v>4058</v>
      </c>
      <c r="B73375" s="1" t="s">
        <v>244913</v>
      </c>
      <c r="C73375" s="1" t="s">
        <v>80</v>
      </c>
      <c r="D73375" s="1" t="s">
        <v>7195</v>
      </c>
      <c r="E73375" s="1" t="s">
        <v>245390</v>
      </c>
      <c r="F73375" s="1" t="s">
        <v>245391</v>
      </c>
      <c r="G73375" s="1" t="s">
        <v>245346</v>
      </c>
      <c r="H73375" s="1" t="s">
        <v>245347</v>
      </c>
      <c r="I73375" s="1" t="s">
        <v>244917</v>
      </c>
      <c r="J73375" s="1" t="s">
        <v>245392</v>
      </c>
    </row>
    <row r="73376" spans="1:10" x14ac:dyDescent="0.35">
      <c r="A73376" s="1" t="s">
        <v>4058</v>
      </c>
      <c r="B73376" s="1" t="s">
        <v>244913</v>
      </c>
      <c r="C73376" s="1" t="s">
        <v>85</v>
      </c>
      <c r="D73376" s="1" t="s">
        <v>221797</v>
      </c>
      <c r="E73376" s="1" t="s">
        <v>245393</v>
      </c>
      <c r="F73376" s="1" t="s">
        <v>245394</v>
      </c>
      <c r="G73376" s="1" t="s">
        <v>245346</v>
      </c>
      <c r="H73376" s="1" t="s">
        <v>245347</v>
      </c>
      <c r="I73376" s="1" t="s">
        <v>244917</v>
      </c>
      <c r="J73376" s="1" t="s">
        <v>245395</v>
      </c>
    </row>
    <row r="73377" spans="1:10" x14ac:dyDescent="0.35">
      <c r="A73377" s="1" t="s">
        <v>4058</v>
      </c>
      <c r="B73377" s="1" t="s">
        <v>244913</v>
      </c>
      <c r="C73377" s="1" t="s">
        <v>90</v>
      </c>
      <c r="D73377" s="1" t="s">
        <v>70705</v>
      </c>
      <c r="E73377" s="1" t="s">
        <v>245396</v>
      </c>
      <c r="F73377" s="1" t="s">
        <v>245397</v>
      </c>
      <c r="G73377" s="1" t="s">
        <v>245346</v>
      </c>
      <c r="H73377" s="1" t="s">
        <v>245347</v>
      </c>
      <c r="I73377" s="1" t="s">
        <v>244917</v>
      </c>
      <c r="J73377" s="1" t="s">
        <v>245398</v>
      </c>
    </row>
    <row r="73378" spans="1:10" x14ac:dyDescent="0.35">
      <c r="A73378" s="1" t="s">
        <v>4058</v>
      </c>
      <c r="B73378" s="1" t="s">
        <v>244913</v>
      </c>
      <c r="C73378" s="1" t="s">
        <v>95</v>
      </c>
      <c r="D73378" s="1" t="s">
        <v>222538</v>
      </c>
      <c r="E73378" s="1" t="s">
        <v>245399</v>
      </c>
      <c r="F73378" s="1" t="s">
        <v>245400</v>
      </c>
      <c r="G73378" s="1" t="s">
        <v>245346</v>
      </c>
      <c r="H73378" s="1" t="s">
        <v>245347</v>
      </c>
      <c r="I73378" s="1" t="s">
        <v>244917</v>
      </c>
      <c r="J73378" s="1" t="s">
        <v>245401</v>
      </c>
    </row>
    <row r="73379" spans="1:10" x14ac:dyDescent="0.35">
      <c r="A73379" s="1" t="s">
        <v>4058</v>
      </c>
      <c r="B73379" s="1" t="s">
        <v>244913</v>
      </c>
      <c r="C73379" s="1" t="s">
        <v>100</v>
      </c>
      <c r="D73379" s="1" t="s">
        <v>176065</v>
      </c>
      <c r="E73379" s="1" t="s">
        <v>245402</v>
      </c>
      <c r="F73379" s="1" t="s">
        <v>245403</v>
      </c>
      <c r="G73379" s="1" t="s">
        <v>245346</v>
      </c>
      <c r="H73379" s="1" t="s">
        <v>245347</v>
      </c>
      <c r="I73379" s="1" t="s">
        <v>244917</v>
      </c>
      <c r="J73379" s="1" t="s">
        <v>245404</v>
      </c>
    </row>
    <row r="73380" spans="1:10" x14ac:dyDescent="0.35">
      <c r="A73380" s="1" t="s">
        <v>4058</v>
      </c>
      <c r="B73380" s="1" t="s">
        <v>244913</v>
      </c>
      <c r="C73380" s="1" t="s">
        <v>105</v>
      </c>
      <c r="D73380" s="1" t="s">
        <v>245405</v>
      </c>
      <c r="E73380" s="1" t="s">
        <v>245406</v>
      </c>
      <c r="F73380" s="1" t="s">
        <v>245407</v>
      </c>
      <c r="G73380" s="1" t="s">
        <v>245346</v>
      </c>
      <c r="H73380" s="1" t="s">
        <v>245347</v>
      </c>
      <c r="I73380" s="1" t="s">
        <v>244917</v>
      </c>
      <c r="J73380" s="1" t="s">
        <v>245408</v>
      </c>
    </row>
    <row r="73381" spans="1:10" x14ac:dyDescent="0.35">
      <c r="A73381" s="1" t="s">
        <v>4058</v>
      </c>
      <c r="B73381" s="1" t="s">
        <v>244913</v>
      </c>
      <c r="C73381" s="1" t="s">
        <v>110</v>
      </c>
      <c r="D73381" s="1" t="s">
        <v>10578</v>
      </c>
      <c r="E73381" s="1" t="s">
        <v>245409</v>
      </c>
      <c r="F73381" s="1" t="s">
        <v>245410</v>
      </c>
      <c r="G73381" s="1" t="s">
        <v>245346</v>
      </c>
      <c r="H73381" s="1" t="s">
        <v>245347</v>
      </c>
      <c r="I73381" s="1" t="s">
        <v>244917</v>
      </c>
      <c r="J73381" s="1" t="s">
        <v>245411</v>
      </c>
    </row>
    <row r="73382" spans="1:10" x14ac:dyDescent="0.35">
      <c r="A73382" s="1" t="s">
        <v>4058</v>
      </c>
      <c r="B73382" s="1" t="s">
        <v>244913</v>
      </c>
      <c r="C73382" s="1" t="s">
        <v>115</v>
      </c>
      <c r="D73382" s="1" t="s">
        <v>245412</v>
      </c>
      <c r="E73382" s="1" t="s">
        <v>245413</v>
      </c>
      <c r="F73382" s="1" t="s">
        <v>245414</v>
      </c>
      <c r="G73382" s="1" t="s">
        <v>245346</v>
      </c>
      <c r="H73382" s="1" t="s">
        <v>245347</v>
      </c>
      <c r="I73382" s="1" t="s">
        <v>244917</v>
      </c>
      <c r="J73382" s="1" t="s">
        <v>245415</v>
      </c>
    </row>
    <row r="73383" spans="1:10" x14ac:dyDescent="0.35">
      <c r="A73383" s="1" t="s">
        <v>4058</v>
      </c>
      <c r="B73383" s="1" t="s">
        <v>244913</v>
      </c>
      <c r="C73383" s="1" t="s">
        <v>120</v>
      </c>
      <c r="D73383" s="1" t="s">
        <v>175765</v>
      </c>
      <c r="E73383" s="1" t="s">
        <v>245416</v>
      </c>
      <c r="F73383" s="1" t="s">
        <v>245417</v>
      </c>
      <c r="G73383" s="1" t="s">
        <v>245346</v>
      </c>
      <c r="H73383" s="1" t="s">
        <v>245347</v>
      </c>
      <c r="I73383" s="1" t="s">
        <v>244917</v>
      </c>
      <c r="J73383" s="1" t="s">
        <v>245418</v>
      </c>
    </row>
    <row r="73384" spans="1:10" x14ac:dyDescent="0.35">
      <c r="A73384" s="1" t="s">
        <v>4058</v>
      </c>
      <c r="B73384" s="1" t="s">
        <v>244913</v>
      </c>
      <c r="C73384" s="1" t="s">
        <v>125</v>
      </c>
      <c r="D73384" s="1" t="s">
        <v>192583</v>
      </c>
      <c r="E73384" s="1" t="s">
        <v>245419</v>
      </c>
      <c r="F73384" s="1" t="s">
        <v>245420</v>
      </c>
      <c r="G73384" s="1" t="s">
        <v>245346</v>
      </c>
      <c r="H73384" s="1" t="s">
        <v>245347</v>
      </c>
      <c r="I73384" s="1" t="s">
        <v>244917</v>
      </c>
      <c r="J73384" s="1" t="s">
        <v>245421</v>
      </c>
    </row>
    <row r="73385" spans="1:10" x14ac:dyDescent="0.35">
      <c r="A73385" s="1" t="s">
        <v>4058</v>
      </c>
      <c r="B73385" s="1" t="s">
        <v>244913</v>
      </c>
      <c r="C73385" s="1" t="s">
        <v>130</v>
      </c>
      <c r="D73385" s="1" t="s">
        <v>202680</v>
      </c>
      <c r="E73385" s="1" t="s">
        <v>245422</v>
      </c>
      <c r="F73385" s="1" t="s">
        <v>245423</v>
      </c>
      <c r="G73385" s="1" t="s">
        <v>245346</v>
      </c>
      <c r="H73385" s="1" t="s">
        <v>245347</v>
      </c>
      <c r="I73385" s="1" t="s">
        <v>244917</v>
      </c>
      <c r="J73385" s="1" t="s">
        <v>245424</v>
      </c>
    </row>
    <row r="73386" spans="1:10" x14ac:dyDescent="0.35">
      <c r="A73386" s="1" t="s">
        <v>4058</v>
      </c>
      <c r="B73386" s="1" t="s">
        <v>244913</v>
      </c>
      <c r="C73386" s="1" t="s">
        <v>135</v>
      </c>
      <c r="D73386" s="1" t="s">
        <v>72598</v>
      </c>
      <c r="E73386" s="1" t="s">
        <v>245425</v>
      </c>
      <c r="F73386" s="1" t="s">
        <v>245426</v>
      </c>
      <c r="G73386" s="1" t="s">
        <v>245346</v>
      </c>
      <c r="H73386" s="1" t="s">
        <v>245347</v>
      </c>
      <c r="I73386" s="1" t="s">
        <v>244917</v>
      </c>
      <c r="J73386" s="1" t="s">
        <v>245427</v>
      </c>
    </row>
    <row r="73387" spans="1:10" x14ac:dyDescent="0.35">
      <c r="A73387" s="1" t="s">
        <v>4058</v>
      </c>
      <c r="B73387" s="1" t="s">
        <v>244913</v>
      </c>
      <c r="C73387" s="1" t="s">
        <v>140</v>
      </c>
      <c r="D73387" s="1" t="s">
        <v>44951</v>
      </c>
      <c r="E73387" s="1" t="s">
        <v>245428</v>
      </c>
      <c r="F73387" s="1" t="s">
        <v>245429</v>
      </c>
      <c r="G73387" s="1" t="s">
        <v>245346</v>
      </c>
      <c r="H73387" s="1" t="s">
        <v>245347</v>
      </c>
      <c r="I73387" s="1" t="s">
        <v>244917</v>
      </c>
      <c r="J73387" s="1" t="s">
        <v>245430</v>
      </c>
    </row>
    <row r="73388" spans="1:10" x14ac:dyDescent="0.35">
      <c r="A73388" s="1" t="s">
        <v>4058</v>
      </c>
      <c r="B73388" s="1" t="s">
        <v>244913</v>
      </c>
      <c r="C73388" s="1" t="s">
        <v>145</v>
      </c>
      <c r="D73388" s="1" t="s">
        <v>82980</v>
      </c>
      <c r="E73388" s="1" t="s">
        <v>245431</v>
      </c>
      <c r="F73388" s="1" t="s">
        <v>245432</v>
      </c>
      <c r="G73388" s="1" t="s">
        <v>245346</v>
      </c>
      <c r="H73388" s="1" t="s">
        <v>245347</v>
      </c>
      <c r="I73388" s="1" t="s">
        <v>244917</v>
      </c>
      <c r="J73388" s="1" t="s">
        <v>245433</v>
      </c>
    </row>
    <row r="73389" spans="1:10" x14ac:dyDescent="0.35">
      <c r="A73389" s="1" t="s">
        <v>4058</v>
      </c>
      <c r="B73389" s="1" t="s">
        <v>244913</v>
      </c>
      <c r="C73389" s="1" t="s">
        <v>150</v>
      </c>
      <c r="D73389" s="1" t="s">
        <v>71380</v>
      </c>
      <c r="E73389" s="1" t="s">
        <v>245434</v>
      </c>
      <c r="F73389" s="1" t="s">
        <v>245435</v>
      </c>
      <c r="G73389" s="1" t="s">
        <v>245346</v>
      </c>
      <c r="H73389" s="1" t="s">
        <v>245347</v>
      </c>
      <c r="I73389" s="1" t="s">
        <v>244917</v>
      </c>
      <c r="J73389" s="1" t="s">
        <v>245436</v>
      </c>
    </row>
    <row r="73390" spans="1:10" x14ac:dyDescent="0.35">
      <c r="A73390" s="1" t="s">
        <v>4058</v>
      </c>
      <c r="B73390" s="1" t="s">
        <v>244913</v>
      </c>
      <c r="C73390" s="1" t="s">
        <v>155</v>
      </c>
      <c r="D73390" s="1" t="s">
        <v>245437</v>
      </c>
      <c r="E73390" s="1" t="s">
        <v>245438</v>
      </c>
      <c r="F73390" s="1" t="s">
        <v>245439</v>
      </c>
      <c r="G73390" s="1" t="s">
        <v>245346</v>
      </c>
      <c r="H73390" s="1" t="s">
        <v>245347</v>
      </c>
      <c r="I73390" s="1" t="s">
        <v>244917</v>
      </c>
      <c r="J73390" s="1" t="s">
        <v>245440</v>
      </c>
    </row>
    <row r="73391" spans="1:10" x14ac:dyDescent="0.35">
      <c r="A73391" s="1" t="s">
        <v>4058</v>
      </c>
      <c r="B73391" s="1" t="s">
        <v>244913</v>
      </c>
      <c r="C73391" s="1" t="s">
        <v>160</v>
      </c>
      <c r="D73391" s="1" t="s">
        <v>245441</v>
      </c>
      <c r="E73391" s="1" t="s">
        <v>245442</v>
      </c>
      <c r="F73391" s="1" t="s">
        <v>245443</v>
      </c>
      <c r="G73391" s="1" t="s">
        <v>245346</v>
      </c>
      <c r="H73391" s="1" t="s">
        <v>245347</v>
      </c>
      <c r="I73391" s="1" t="s">
        <v>244917</v>
      </c>
      <c r="J73391" s="1" t="s">
        <v>245444</v>
      </c>
    </row>
    <row r="73392" spans="1:10" x14ac:dyDescent="0.35">
      <c r="A73392" s="1" t="s">
        <v>4058</v>
      </c>
      <c r="B73392" s="1" t="s">
        <v>244913</v>
      </c>
      <c r="C73392" s="1" t="s">
        <v>165</v>
      </c>
      <c r="D73392" s="1" t="s">
        <v>44390</v>
      </c>
      <c r="E73392" s="1" t="s">
        <v>245445</v>
      </c>
      <c r="F73392" s="1" t="s">
        <v>245446</v>
      </c>
      <c r="G73392" s="1" t="s">
        <v>245346</v>
      </c>
      <c r="H73392" s="1" t="s">
        <v>245347</v>
      </c>
      <c r="I73392" s="1" t="s">
        <v>244917</v>
      </c>
      <c r="J73392" s="1" t="s">
        <v>245447</v>
      </c>
    </row>
    <row r="73393" spans="1:10" x14ac:dyDescent="0.35">
      <c r="A73393" s="1" t="s">
        <v>4058</v>
      </c>
      <c r="B73393" s="1" t="s">
        <v>244913</v>
      </c>
      <c r="C73393" s="1" t="s">
        <v>170</v>
      </c>
      <c r="D73393" s="1" t="s">
        <v>29004</v>
      </c>
      <c r="E73393" s="1" t="s">
        <v>245448</v>
      </c>
      <c r="F73393" s="1" t="s">
        <v>245449</v>
      </c>
      <c r="G73393" s="1" t="s">
        <v>245346</v>
      </c>
      <c r="H73393" s="1" t="s">
        <v>245347</v>
      </c>
      <c r="I73393" s="1" t="s">
        <v>244917</v>
      </c>
      <c r="J73393" s="1" t="s">
        <v>245450</v>
      </c>
    </row>
    <row r="73394" spans="1:10" x14ac:dyDescent="0.35">
      <c r="A73394" s="1" t="s">
        <v>8337</v>
      </c>
      <c r="B73394" s="1" t="s">
        <v>244913</v>
      </c>
      <c r="C73394" s="1" t="s">
        <v>8</v>
      </c>
      <c r="D73394" s="1" t="s">
        <v>125932</v>
      </c>
      <c r="E73394" s="1" t="s">
        <v>245451</v>
      </c>
      <c r="F73394" s="1" t="s">
        <v>245452</v>
      </c>
      <c r="G73394" s="1" t="s">
        <v>245453</v>
      </c>
      <c r="H73394" s="1" t="s">
        <v>245454</v>
      </c>
      <c r="I73394" s="1" t="s">
        <v>244917</v>
      </c>
      <c r="J73394" s="1" t="s">
        <v>13</v>
      </c>
    </row>
    <row r="73395" spans="1:10" x14ac:dyDescent="0.35">
      <c r="A73395" s="1" t="s">
        <v>8337</v>
      </c>
      <c r="B73395" s="1" t="s">
        <v>244913</v>
      </c>
      <c r="C73395" s="1" t="s">
        <v>15</v>
      </c>
      <c r="D73395" s="1" t="s">
        <v>114801</v>
      </c>
      <c r="E73395" s="1" t="s">
        <v>245455</v>
      </c>
      <c r="F73395" s="1" t="s">
        <v>245456</v>
      </c>
      <c r="G73395" s="1" t="s">
        <v>245453</v>
      </c>
      <c r="H73395" s="1" t="s">
        <v>245454</v>
      </c>
      <c r="I73395" s="1" t="s">
        <v>244917</v>
      </c>
      <c r="J73395" s="1" t="s">
        <v>245457</v>
      </c>
    </row>
    <row r="73396" spans="1:10" x14ac:dyDescent="0.35">
      <c r="A73396" s="1" t="s">
        <v>8337</v>
      </c>
      <c r="B73396" s="1" t="s">
        <v>244913</v>
      </c>
      <c r="C73396" s="1" t="s">
        <v>20</v>
      </c>
      <c r="D73396" s="1" t="s">
        <v>42837</v>
      </c>
      <c r="E73396" s="1" t="s">
        <v>245458</v>
      </c>
      <c r="F73396" s="1" t="s">
        <v>245459</v>
      </c>
      <c r="G73396" s="1" t="s">
        <v>245453</v>
      </c>
      <c r="H73396" s="1" t="s">
        <v>245454</v>
      </c>
      <c r="I73396" s="1" t="s">
        <v>244917</v>
      </c>
      <c r="J73396" s="1" t="s">
        <v>245460</v>
      </c>
    </row>
    <row r="73397" spans="1:10" x14ac:dyDescent="0.35">
      <c r="A73397" s="1" t="s">
        <v>8337</v>
      </c>
      <c r="B73397" s="1" t="s">
        <v>244913</v>
      </c>
      <c r="C73397" s="1" t="s">
        <v>25</v>
      </c>
      <c r="D73397" s="1" t="s">
        <v>184335</v>
      </c>
      <c r="E73397" s="1" t="s">
        <v>245461</v>
      </c>
      <c r="F73397" s="1" t="s">
        <v>245462</v>
      </c>
      <c r="G73397" s="1" t="s">
        <v>245453</v>
      </c>
      <c r="H73397" s="1" t="s">
        <v>245454</v>
      </c>
      <c r="I73397" s="1" t="s">
        <v>244917</v>
      </c>
      <c r="J73397" s="1" t="s">
        <v>245463</v>
      </c>
    </row>
    <row r="73398" spans="1:10" x14ac:dyDescent="0.35">
      <c r="A73398" s="1" t="s">
        <v>8337</v>
      </c>
      <c r="B73398" s="1" t="s">
        <v>244913</v>
      </c>
      <c r="C73398" s="1" t="s">
        <v>30</v>
      </c>
      <c r="D73398" s="1" t="s">
        <v>114191</v>
      </c>
      <c r="E73398" s="1" t="s">
        <v>245464</v>
      </c>
      <c r="F73398" s="1" t="s">
        <v>245465</v>
      </c>
      <c r="G73398" s="1" t="s">
        <v>245453</v>
      </c>
      <c r="H73398" s="1" t="s">
        <v>245454</v>
      </c>
      <c r="I73398" s="1" t="s">
        <v>244917</v>
      </c>
      <c r="J73398" s="1" t="s">
        <v>245466</v>
      </c>
    </row>
    <row r="73399" spans="1:10" x14ac:dyDescent="0.35">
      <c r="A73399" s="1" t="s">
        <v>8337</v>
      </c>
      <c r="B73399" s="1" t="s">
        <v>244913</v>
      </c>
      <c r="C73399" s="1" t="s">
        <v>35</v>
      </c>
      <c r="D73399" s="1" t="s">
        <v>154704</v>
      </c>
      <c r="E73399" s="1" t="s">
        <v>245467</v>
      </c>
      <c r="F73399" s="1" t="s">
        <v>245468</v>
      </c>
      <c r="G73399" s="1" t="s">
        <v>245453</v>
      </c>
      <c r="H73399" s="1" t="s">
        <v>245454</v>
      </c>
      <c r="I73399" s="1" t="s">
        <v>244917</v>
      </c>
      <c r="J73399" s="1" t="s">
        <v>245469</v>
      </c>
    </row>
    <row r="73400" spans="1:10" x14ac:dyDescent="0.35">
      <c r="A73400" s="1" t="s">
        <v>8337</v>
      </c>
      <c r="B73400" s="1" t="s">
        <v>244913</v>
      </c>
      <c r="C73400" s="1" t="s">
        <v>40</v>
      </c>
      <c r="D73400" s="1" t="s">
        <v>245470</v>
      </c>
      <c r="E73400" s="1" t="s">
        <v>245471</v>
      </c>
      <c r="F73400" s="1" t="s">
        <v>245472</v>
      </c>
      <c r="G73400" s="1" t="s">
        <v>245453</v>
      </c>
      <c r="H73400" s="1" t="s">
        <v>245454</v>
      </c>
      <c r="I73400" s="1" t="s">
        <v>244917</v>
      </c>
      <c r="J73400" s="1" t="s">
        <v>245473</v>
      </c>
    </row>
    <row r="73401" spans="1:10" x14ac:dyDescent="0.35">
      <c r="A73401" s="1" t="s">
        <v>8337</v>
      </c>
      <c r="B73401" s="1" t="s">
        <v>244913</v>
      </c>
      <c r="C73401" s="1" t="s">
        <v>45</v>
      </c>
      <c r="D73401" s="1" t="s">
        <v>187498</v>
      </c>
      <c r="E73401" s="1" t="s">
        <v>245474</v>
      </c>
      <c r="F73401" s="1" t="s">
        <v>245475</v>
      </c>
      <c r="G73401" s="1" t="s">
        <v>245453</v>
      </c>
      <c r="H73401" s="1" t="s">
        <v>245454</v>
      </c>
      <c r="I73401" s="1" t="s">
        <v>244917</v>
      </c>
      <c r="J73401" s="1" t="s">
        <v>245476</v>
      </c>
    </row>
    <row r="73402" spans="1:10" x14ac:dyDescent="0.35">
      <c r="A73402" s="1" t="s">
        <v>8337</v>
      </c>
      <c r="B73402" s="1" t="s">
        <v>244913</v>
      </c>
      <c r="C73402" s="1" t="s">
        <v>50</v>
      </c>
      <c r="D73402" s="1" t="s">
        <v>181115</v>
      </c>
      <c r="E73402" s="1" t="s">
        <v>245477</v>
      </c>
      <c r="F73402" s="1" t="s">
        <v>245478</v>
      </c>
      <c r="G73402" s="1" t="s">
        <v>245453</v>
      </c>
      <c r="H73402" s="1" t="s">
        <v>245454</v>
      </c>
      <c r="I73402" s="1" t="s">
        <v>244917</v>
      </c>
      <c r="J73402" s="1" t="s">
        <v>245479</v>
      </c>
    </row>
    <row r="73403" spans="1:10" x14ac:dyDescent="0.35">
      <c r="A73403" s="1" t="s">
        <v>8337</v>
      </c>
      <c r="B73403" s="1" t="s">
        <v>244913</v>
      </c>
      <c r="C73403" s="1" t="s">
        <v>55</v>
      </c>
      <c r="D73403" s="1" t="s">
        <v>34368</v>
      </c>
      <c r="E73403" s="1" t="s">
        <v>245480</v>
      </c>
      <c r="F73403" s="1" t="s">
        <v>245481</v>
      </c>
      <c r="G73403" s="1" t="s">
        <v>245453</v>
      </c>
      <c r="H73403" s="1" t="s">
        <v>245454</v>
      </c>
      <c r="I73403" s="1" t="s">
        <v>244917</v>
      </c>
      <c r="J73403" s="1" t="s">
        <v>245482</v>
      </c>
    </row>
    <row r="73404" spans="1:10" x14ac:dyDescent="0.35">
      <c r="A73404" s="1" t="s">
        <v>8337</v>
      </c>
      <c r="B73404" s="1" t="s">
        <v>244913</v>
      </c>
      <c r="C73404" s="1" t="s">
        <v>60</v>
      </c>
      <c r="D73404" s="1" t="s">
        <v>43194</v>
      </c>
      <c r="E73404" s="1" t="s">
        <v>245483</v>
      </c>
      <c r="F73404" s="1" t="s">
        <v>245484</v>
      </c>
      <c r="G73404" s="1" t="s">
        <v>245453</v>
      </c>
      <c r="H73404" s="1" t="s">
        <v>245454</v>
      </c>
      <c r="I73404" s="1" t="s">
        <v>244917</v>
      </c>
      <c r="J73404" s="1" t="s">
        <v>245485</v>
      </c>
    </row>
    <row r="73405" spans="1:10" x14ac:dyDescent="0.35">
      <c r="A73405" s="1" t="s">
        <v>8337</v>
      </c>
      <c r="B73405" s="1" t="s">
        <v>244913</v>
      </c>
      <c r="C73405" s="1" t="s">
        <v>65</v>
      </c>
      <c r="D73405" s="1" t="s">
        <v>210074</v>
      </c>
      <c r="E73405" s="1" t="s">
        <v>245486</v>
      </c>
      <c r="F73405" s="1" t="s">
        <v>245487</v>
      </c>
      <c r="G73405" s="1" t="s">
        <v>245453</v>
      </c>
      <c r="H73405" s="1" t="s">
        <v>245454</v>
      </c>
      <c r="I73405" s="1" t="s">
        <v>244917</v>
      </c>
      <c r="J73405" s="1" t="s">
        <v>245488</v>
      </c>
    </row>
    <row r="73406" spans="1:10" x14ac:dyDescent="0.35">
      <c r="A73406" s="1" t="s">
        <v>8337</v>
      </c>
      <c r="B73406" s="1" t="s">
        <v>244913</v>
      </c>
      <c r="C73406" s="1" t="s">
        <v>70</v>
      </c>
      <c r="D73406" s="1" t="s">
        <v>245489</v>
      </c>
      <c r="E73406" s="1" t="s">
        <v>245490</v>
      </c>
      <c r="F73406" s="1" t="s">
        <v>245491</v>
      </c>
      <c r="G73406" s="1" t="s">
        <v>245453</v>
      </c>
      <c r="H73406" s="1" t="s">
        <v>245454</v>
      </c>
      <c r="I73406" s="1" t="s">
        <v>244917</v>
      </c>
      <c r="J73406" s="1" t="s">
        <v>245492</v>
      </c>
    </row>
    <row r="73407" spans="1:10" x14ac:dyDescent="0.35">
      <c r="A73407" s="1" t="s">
        <v>8337</v>
      </c>
      <c r="B73407" s="1" t="s">
        <v>244913</v>
      </c>
      <c r="C73407" s="1" t="s">
        <v>75</v>
      </c>
      <c r="D73407" s="1" t="s">
        <v>245493</v>
      </c>
      <c r="E73407" s="1" t="s">
        <v>245494</v>
      </c>
      <c r="F73407" s="1" t="s">
        <v>245495</v>
      </c>
      <c r="G73407" s="1" t="s">
        <v>245453</v>
      </c>
      <c r="H73407" s="1" t="s">
        <v>245454</v>
      </c>
      <c r="I73407" s="1" t="s">
        <v>244917</v>
      </c>
      <c r="J73407" s="1" t="s">
        <v>245496</v>
      </c>
    </row>
    <row r="73408" spans="1:10" x14ac:dyDescent="0.35">
      <c r="A73408" s="1" t="s">
        <v>8337</v>
      </c>
      <c r="B73408" s="1" t="s">
        <v>244913</v>
      </c>
      <c r="C73408" s="1" t="s">
        <v>80</v>
      </c>
      <c r="D73408" s="1" t="s">
        <v>10610</v>
      </c>
      <c r="E73408" s="1" t="s">
        <v>245497</v>
      </c>
      <c r="F73408" s="1" t="s">
        <v>245498</v>
      </c>
      <c r="G73408" s="1" t="s">
        <v>245453</v>
      </c>
      <c r="H73408" s="1" t="s">
        <v>245454</v>
      </c>
      <c r="I73408" s="1" t="s">
        <v>244917</v>
      </c>
      <c r="J73408" s="1" t="s">
        <v>245499</v>
      </c>
    </row>
    <row r="73409" spans="1:10" x14ac:dyDescent="0.35">
      <c r="A73409" s="1" t="s">
        <v>8337</v>
      </c>
      <c r="B73409" s="1" t="s">
        <v>244913</v>
      </c>
      <c r="C73409" s="1" t="s">
        <v>85</v>
      </c>
      <c r="D73409" s="1" t="s">
        <v>245500</v>
      </c>
      <c r="E73409" s="1" t="s">
        <v>245501</v>
      </c>
      <c r="F73409" s="1" t="s">
        <v>245502</v>
      </c>
      <c r="G73409" s="1" t="s">
        <v>245453</v>
      </c>
      <c r="H73409" s="1" t="s">
        <v>245454</v>
      </c>
      <c r="I73409" s="1" t="s">
        <v>244917</v>
      </c>
      <c r="J73409" s="1" t="s">
        <v>245503</v>
      </c>
    </row>
    <row r="73410" spans="1:10" x14ac:dyDescent="0.35">
      <c r="A73410" s="1" t="s">
        <v>8337</v>
      </c>
      <c r="B73410" s="1" t="s">
        <v>244913</v>
      </c>
      <c r="C73410" s="1" t="s">
        <v>90</v>
      </c>
      <c r="D73410" s="1" t="s">
        <v>212213</v>
      </c>
      <c r="E73410" s="1" t="s">
        <v>245504</v>
      </c>
      <c r="F73410" s="1" t="s">
        <v>245505</v>
      </c>
      <c r="G73410" s="1" t="s">
        <v>245453</v>
      </c>
      <c r="H73410" s="1" t="s">
        <v>245454</v>
      </c>
      <c r="I73410" s="1" t="s">
        <v>244917</v>
      </c>
      <c r="J73410" s="1" t="s">
        <v>245506</v>
      </c>
    </row>
    <row r="73411" spans="1:10" x14ac:dyDescent="0.35">
      <c r="A73411" s="1" t="s">
        <v>8337</v>
      </c>
      <c r="B73411" s="1" t="s">
        <v>244913</v>
      </c>
      <c r="C73411" s="1" t="s">
        <v>95</v>
      </c>
      <c r="D73411" s="1" t="s">
        <v>245507</v>
      </c>
      <c r="E73411" s="1" t="s">
        <v>245508</v>
      </c>
      <c r="F73411" s="1" t="s">
        <v>245509</v>
      </c>
      <c r="G73411" s="1" t="s">
        <v>245453</v>
      </c>
      <c r="H73411" s="1" t="s">
        <v>245454</v>
      </c>
      <c r="I73411" s="1" t="s">
        <v>244917</v>
      </c>
      <c r="J73411" s="1" t="s">
        <v>245510</v>
      </c>
    </row>
    <row r="73412" spans="1:10" x14ac:dyDescent="0.35">
      <c r="A73412" s="1" t="s">
        <v>8337</v>
      </c>
      <c r="B73412" s="1" t="s">
        <v>244913</v>
      </c>
      <c r="C73412" s="1" t="s">
        <v>100</v>
      </c>
      <c r="D73412" s="1" t="s">
        <v>245511</v>
      </c>
      <c r="E73412" s="1" t="s">
        <v>245512</v>
      </c>
      <c r="F73412" s="1" t="s">
        <v>245513</v>
      </c>
      <c r="G73412" s="1" t="s">
        <v>245453</v>
      </c>
      <c r="H73412" s="1" t="s">
        <v>245454</v>
      </c>
      <c r="I73412" s="1" t="s">
        <v>244917</v>
      </c>
      <c r="J73412" s="1" t="s">
        <v>245514</v>
      </c>
    </row>
    <row r="73413" spans="1:10" x14ac:dyDescent="0.35">
      <c r="A73413" s="1" t="s">
        <v>8337</v>
      </c>
      <c r="B73413" s="1" t="s">
        <v>244913</v>
      </c>
      <c r="C73413" s="1" t="s">
        <v>105</v>
      </c>
      <c r="D73413" s="1" t="s">
        <v>245515</v>
      </c>
      <c r="E73413" s="1" t="s">
        <v>245516</v>
      </c>
      <c r="F73413" s="1" t="s">
        <v>245517</v>
      </c>
      <c r="G73413" s="1" t="s">
        <v>245453</v>
      </c>
      <c r="H73413" s="1" t="s">
        <v>245454</v>
      </c>
      <c r="I73413" s="1" t="s">
        <v>244917</v>
      </c>
      <c r="J73413" s="1" t="s">
        <v>245518</v>
      </c>
    </row>
    <row r="73414" spans="1:10" x14ac:dyDescent="0.35">
      <c r="A73414" s="1" t="s">
        <v>8337</v>
      </c>
      <c r="B73414" s="1" t="s">
        <v>244913</v>
      </c>
      <c r="C73414" s="1" t="s">
        <v>110</v>
      </c>
      <c r="D73414" s="1" t="s">
        <v>174105</v>
      </c>
      <c r="E73414" s="1" t="s">
        <v>245519</v>
      </c>
      <c r="F73414" s="1" t="s">
        <v>245520</v>
      </c>
      <c r="G73414" s="1" t="s">
        <v>245453</v>
      </c>
      <c r="H73414" s="1" t="s">
        <v>245454</v>
      </c>
      <c r="I73414" s="1" t="s">
        <v>244917</v>
      </c>
      <c r="J73414" s="1" t="s">
        <v>245521</v>
      </c>
    </row>
    <row r="73415" spans="1:10" x14ac:dyDescent="0.35">
      <c r="A73415" s="1" t="s">
        <v>8337</v>
      </c>
      <c r="B73415" s="1" t="s">
        <v>244913</v>
      </c>
      <c r="C73415" s="1" t="s">
        <v>115</v>
      </c>
      <c r="D73415" s="1" t="s">
        <v>245522</v>
      </c>
      <c r="E73415" s="1" t="s">
        <v>245523</v>
      </c>
      <c r="F73415" s="1" t="s">
        <v>245524</v>
      </c>
      <c r="G73415" s="1" t="s">
        <v>245453</v>
      </c>
      <c r="H73415" s="1" t="s">
        <v>245454</v>
      </c>
      <c r="I73415" s="1" t="s">
        <v>244917</v>
      </c>
      <c r="J73415" s="1" t="s">
        <v>245525</v>
      </c>
    </row>
    <row r="73416" spans="1:10" x14ac:dyDescent="0.35">
      <c r="A73416" s="1" t="s">
        <v>8337</v>
      </c>
      <c r="B73416" s="1" t="s">
        <v>244913</v>
      </c>
      <c r="C73416" s="1" t="s">
        <v>120</v>
      </c>
      <c r="D73416" s="1" t="s">
        <v>245526</v>
      </c>
      <c r="E73416" s="1" t="s">
        <v>245527</v>
      </c>
      <c r="F73416" s="1" t="s">
        <v>245528</v>
      </c>
      <c r="G73416" s="1" t="s">
        <v>245453</v>
      </c>
      <c r="H73416" s="1" t="s">
        <v>245454</v>
      </c>
      <c r="I73416" s="1" t="s">
        <v>244917</v>
      </c>
      <c r="J73416" s="1" t="s">
        <v>245529</v>
      </c>
    </row>
    <row r="73417" spans="1:10" x14ac:dyDescent="0.35">
      <c r="A73417" s="1" t="s">
        <v>8337</v>
      </c>
      <c r="B73417" s="1" t="s">
        <v>244913</v>
      </c>
      <c r="C73417" s="1" t="s">
        <v>125</v>
      </c>
      <c r="D73417" s="1" t="s">
        <v>174176</v>
      </c>
      <c r="E73417" s="1" t="s">
        <v>245530</v>
      </c>
      <c r="F73417" s="1" t="s">
        <v>245531</v>
      </c>
      <c r="G73417" s="1" t="s">
        <v>245453</v>
      </c>
      <c r="H73417" s="1" t="s">
        <v>245454</v>
      </c>
      <c r="I73417" s="1" t="s">
        <v>244917</v>
      </c>
      <c r="J73417" s="1" t="s">
        <v>245532</v>
      </c>
    </row>
    <row r="73418" spans="1:10" x14ac:dyDescent="0.35">
      <c r="A73418" s="1" t="s">
        <v>8337</v>
      </c>
      <c r="B73418" s="1" t="s">
        <v>244913</v>
      </c>
      <c r="C73418" s="1" t="s">
        <v>130</v>
      </c>
      <c r="D73418" s="1" t="s">
        <v>245533</v>
      </c>
      <c r="E73418" s="1" t="s">
        <v>245534</v>
      </c>
      <c r="F73418" s="1" t="s">
        <v>245535</v>
      </c>
      <c r="G73418" s="1" t="s">
        <v>245453</v>
      </c>
      <c r="H73418" s="1" t="s">
        <v>245454</v>
      </c>
      <c r="I73418" s="1" t="s">
        <v>244917</v>
      </c>
      <c r="J73418" s="1" t="s">
        <v>245536</v>
      </c>
    </row>
    <row r="73419" spans="1:10" x14ac:dyDescent="0.35">
      <c r="A73419" s="1" t="s">
        <v>8337</v>
      </c>
      <c r="B73419" s="1" t="s">
        <v>244913</v>
      </c>
      <c r="C73419" s="1" t="s">
        <v>135</v>
      </c>
      <c r="D73419" s="1" t="s">
        <v>188303</v>
      </c>
      <c r="E73419" s="1" t="s">
        <v>245537</v>
      </c>
      <c r="F73419" s="1" t="s">
        <v>245538</v>
      </c>
      <c r="G73419" s="1" t="s">
        <v>245453</v>
      </c>
      <c r="H73419" s="1" t="s">
        <v>245454</v>
      </c>
      <c r="I73419" s="1" t="s">
        <v>244917</v>
      </c>
      <c r="J73419" s="1" t="s">
        <v>245539</v>
      </c>
    </row>
    <row r="73420" spans="1:10" x14ac:dyDescent="0.35">
      <c r="A73420" s="1" t="s">
        <v>8337</v>
      </c>
      <c r="B73420" s="1" t="s">
        <v>244913</v>
      </c>
      <c r="C73420" s="1" t="s">
        <v>140</v>
      </c>
      <c r="D73420" s="1" t="s">
        <v>114843</v>
      </c>
      <c r="E73420" s="1" t="s">
        <v>245540</v>
      </c>
      <c r="F73420" s="1" t="s">
        <v>245541</v>
      </c>
      <c r="G73420" s="1" t="s">
        <v>245453</v>
      </c>
      <c r="H73420" s="1" t="s">
        <v>245454</v>
      </c>
      <c r="I73420" s="1" t="s">
        <v>244917</v>
      </c>
      <c r="J73420" s="1" t="s">
        <v>245542</v>
      </c>
    </row>
    <row r="73421" spans="1:10" x14ac:dyDescent="0.35">
      <c r="A73421" s="1" t="s">
        <v>8337</v>
      </c>
      <c r="B73421" s="1" t="s">
        <v>244913</v>
      </c>
      <c r="C73421" s="1" t="s">
        <v>145</v>
      </c>
      <c r="D73421" s="1" t="s">
        <v>50001</v>
      </c>
      <c r="E73421" s="1" t="s">
        <v>245543</v>
      </c>
      <c r="F73421" s="1" t="s">
        <v>245544</v>
      </c>
      <c r="G73421" s="1" t="s">
        <v>245453</v>
      </c>
      <c r="H73421" s="1" t="s">
        <v>245454</v>
      </c>
      <c r="I73421" s="1" t="s">
        <v>244917</v>
      </c>
      <c r="J73421" s="1" t="s">
        <v>245545</v>
      </c>
    </row>
    <row r="73422" spans="1:10" x14ac:dyDescent="0.35">
      <c r="A73422" s="1" t="s">
        <v>8337</v>
      </c>
      <c r="B73422" s="1" t="s">
        <v>244913</v>
      </c>
      <c r="C73422" s="1" t="s">
        <v>150</v>
      </c>
      <c r="D73422" s="1" t="s">
        <v>124211</v>
      </c>
      <c r="E73422" s="1" t="s">
        <v>245546</v>
      </c>
      <c r="F73422" s="1" t="s">
        <v>245547</v>
      </c>
      <c r="G73422" s="1" t="s">
        <v>245453</v>
      </c>
      <c r="H73422" s="1" t="s">
        <v>245454</v>
      </c>
      <c r="I73422" s="1" t="s">
        <v>244917</v>
      </c>
      <c r="J73422" s="1" t="s">
        <v>245548</v>
      </c>
    </row>
    <row r="73423" spans="1:10" x14ac:dyDescent="0.35">
      <c r="A73423" s="1" t="s">
        <v>8337</v>
      </c>
      <c r="B73423" s="1" t="s">
        <v>244913</v>
      </c>
      <c r="C73423" s="1" t="s">
        <v>155</v>
      </c>
      <c r="D73423" s="1" t="s">
        <v>123819</v>
      </c>
      <c r="E73423" s="1" t="s">
        <v>245549</v>
      </c>
      <c r="F73423" s="1" t="s">
        <v>245550</v>
      </c>
      <c r="G73423" s="1" t="s">
        <v>245453</v>
      </c>
      <c r="H73423" s="1" t="s">
        <v>245454</v>
      </c>
      <c r="I73423" s="1" t="s">
        <v>244917</v>
      </c>
      <c r="J73423" s="1" t="s">
        <v>245551</v>
      </c>
    </row>
    <row r="73424" spans="1:10" x14ac:dyDescent="0.35">
      <c r="A73424" s="1" t="s">
        <v>8337</v>
      </c>
      <c r="B73424" s="1" t="s">
        <v>244913</v>
      </c>
      <c r="C73424" s="1" t="s">
        <v>160</v>
      </c>
      <c r="D73424" s="1" t="s">
        <v>202833</v>
      </c>
      <c r="E73424" s="1" t="s">
        <v>245552</v>
      </c>
      <c r="F73424" s="1" t="s">
        <v>245553</v>
      </c>
      <c r="G73424" s="1" t="s">
        <v>245453</v>
      </c>
      <c r="H73424" s="1" t="s">
        <v>245454</v>
      </c>
      <c r="I73424" s="1" t="s">
        <v>244917</v>
      </c>
      <c r="J73424" s="1" t="s">
        <v>245554</v>
      </c>
    </row>
    <row r="73425" spans="1:10" x14ac:dyDescent="0.35">
      <c r="A73425" s="1" t="s">
        <v>8337</v>
      </c>
      <c r="B73425" s="1" t="s">
        <v>244913</v>
      </c>
      <c r="C73425" s="1" t="s">
        <v>165</v>
      </c>
      <c r="D73425" s="1" t="s">
        <v>3375</v>
      </c>
      <c r="E73425" s="1" t="s">
        <v>245555</v>
      </c>
      <c r="F73425" s="1" t="s">
        <v>245556</v>
      </c>
      <c r="G73425" s="1" t="s">
        <v>245453</v>
      </c>
      <c r="H73425" s="1" t="s">
        <v>245454</v>
      </c>
      <c r="I73425" s="1" t="s">
        <v>244917</v>
      </c>
      <c r="J73425" s="1" t="s">
        <v>245557</v>
      </c>
    </row>
    <row r="73426" spans="1:10" x14ac:dyDescent="0.35">
      <c r="A73426" s="1" t="s">
        <v>8337</v>
      </c>
      <c r="B73426" s="1" t="s">
        <v>244913</v>
      </c>
      <c r="C73426" s="1" t="s">
        <v>170</v>
      </c>
      <c r="D73426" s="1" t="s">
        <v>151703</v>
      </c>
      <c r="E73426" s="1" t="s">
        <v>245558</v>
      </c>
      <c r="F73426" s="1" t="s">
        <v>245559</v>
      </c>
      <c r="G73426" s="1" t="s">
        <v>245453</v>
      </c>
      <c r="H73426" s="1" t="s">
        <v>245454</v>
      </c>
      <c r="I73426" s="1" t="s">
        <v>244917</v>
      </c>
      <c r="J73426" s="1" t="s">
        <v>245560</v>
      </c>
    </row>
    <row r="73427" spans="1:10" x14ac:dyDescent="0.35">
      <c r="A73427" s="1" t="s">
        <v>117499</v>
      </c>
      <c r="B73427" s="1" t="s">
        <v>244913</v>
      </c>
      <c r="C73427" s="1" t="s">
        <v>8</v>
      </c>
      <c r="D73427" s="1" t="s">
        <v>183381</v>
      </c>
      <c r="E73427" s="1" t="s">
        <v>245561</v>
      </c>
      <c r="F73427" s="1" t="s">
        <v>245562</v>
      </c>
      <c r="G73427" s="1" t="s">
        <v>245563</v>
      </c>
      <c r="H73427" s="1" t="s">
        <v>245564</v>
      </c>
      <c r="I73427" s="1" t="s">
        <v>244917</v>
      </c>
      <c r="J73427" s="1" t="s">
        <v>13</v>
      </c>
    </row>
    <row r="73428" spans="1:10" x14ac:dyDescent="0.35">
      <c r="A73428" s="1" t="s">
        <v>117499</v>
      </c>
      <c r="B73428" s="1" t="s">
        <v>244913</v>
      </c>
      <c r="C73428" s="1" t="s">
        <v>15</v>
      </c>
      <c r="D73428" s="1" t="s">
        <v>34023</v>
      </c>
      <c r="E73428" s="1" t="s">
        <v>245565</v>
      </c>
      <c r="F73428" s="1" t="s">
        <v>245566</v>
      </c>
      <c r="G73428" s="1" t="s">
        <v>245563</v>
      </c>
      <c r="H73428" s="1" t="s">
        <v>245564</v>
      </c>
      <c r="I73428" s="1" t="s">
        <v>244917</v>
      </c>
      <c r="J73428" s="1" t="s">
        <v>245567</v>
      </c>
    </row>
    <row r="73429" spans="1:10" x14ac:dyDescent="0.35">
      <c r="A73429" s="1" t="s">
        <v>117499</v>
      </c>
      <c r="B73429" s="1" t="s">
        <v>244913</v>
      </c>
      <c r="C73429" s="1" t="s">
        <v>20</v>
      </c>
      <c r="D73429" s="1" t="s">
        <v>208466</v>
      </c>
      <c r="E73429" s="1" t="s">
        <v>245568</v>
      </c>
      <c r="F73429" s="1" t="s">
        <v>245569</v>
      </c>
      <c r="G73429" s="1" t="s">
        <v>245563</v>
      </c>
      <c r="H73429" s="1" t="s">
        <v>245564</v>
      </c>
      <c r="I73429" s="1" t="s">
        <v>244917</v>
      </c>
      <c r="J73429" s="1" t="s">
        <v>245570</v>
      </c>
    </row>
    <row r="73430" spans="1:10" x14ac:dyDescent="0.35">
      <c r="A73430" s="1" t="s">
        <v>117499</v>
      </c>
      <c r="B73430" s="1" t="s">
        <v>244913</v>
      </c>
      <c r="C73430" s="1" t="s">
        <v>25</v>
      </c>
      <c r="D73430" s="1" t="s">
        <v>245571</v>
      </c>
      <c r="E73430" s="1" t="s">
        <v>245572</v>
      </c>
      <c r="F73430" s="1" t="s">
        <v>245573</v>
      </c>
      <c r="G73430" s="1" t="s">
        <v>245563</v>
      </c>
      <c r="H73430" s="1" t="s">
        <v>245564</v>
      </c>
      <c r="I73430" s="1" t="s">
        <v>244917</v>
      </c>
      <c r="J73430" s="1" t="s">
        <v>245574</v>
      </c>
    </row>
    <row r="73431" spans="1:10" x14ac:dyDescent="0.35">
      <c r="A73431" s="1" t="s">
        <v>117499</v>
      </c>
      <c r="B73431" s="1" t="s">
        <v>244913</v>
      </c>
      <c r="C73431" s="1" t="s">
        <v>30</v>
      </c>
      <c r="D73431" s="1" t="s">
        <v>9145</v>
      </c>
      <c r="E73431" s="1" t="s">
        <v>245575</v>
      </c>
      <c r="F73431" s="1" t="s">
        <v>245576</v>
      </c>
      <c r="G73431" s="1" t="s">
        <v>245563</v>
      </c>
      <c r="H73431" s="1" t="s">
        <v>245564</v>
      </c>
      <c r="I73431" s="1" t="s">
        <v>244917</v>
      </c>
      <c r="J73431" s="1" t="s">
        <v>245577</v>
      </c>
    </row>
    <row r="73432" spans="1:10" x14ac:dyDescent="0.35">
      <c r="A73432" s="1" t="s">
        <v>117499</v>
      </c>
      <c r="B73432" s="1" t="s">
        <v>244913</v>
      </c>
      <c r="C73432" s="1" t="s">
        <v>35</v>
      </c>
      <c r="D73432" s="1" t="s">
        <v>154331</v>
      </c>
      <c r="E73432" s="1" t="s">
        <v>245578</v>
      </c>
      <c r="F73432" s="1" t="s">
        <v>245579</v>
      </c>
      <c r="G73432" s="1" t="s">
        <v>245563</v>
      </c>
      <c r="H73432" s="1" t="s">
        <v>245564</v>
      </c>
      <c r="I73432" s="1" t="s">
        <v>244917</v>
      </c>
      <c r="J73432" s="1" t="s">
        <v>245580</v>
      </c>
    </row>
    <row r="73433" spans="1:10" x14ac:dyDescent="0.35">
      <c r="A73433" s="1" t="s">
        <v>117499</v>
      </c>
      <c r="B73433" s="1" t="s">
        <v>244913</v>
      </c>
      <c r="C73433" s="1" t="s">
        <v>40</v>
      </c>
      <c r="D73433" s="1" t="s">
        <v>113735</v>
      </c>
      <c r="E73433" s="1" t="s">
        <v>245581</v>
      </c>
      <c r="F73433" s="1" t="s">
        <v>245582</v>
      </c>
      <c r="G73433" s="1" t="s">
        <v>245563</v>
      </c>
      <c r="H73433" s="1" t="s">
        <v>245564</v>
      </c>
      <c r="I73433" s="1" t="s">
        <v>244917</v>
      </c>
      <c r="J73433" s="1" t="s">
        <v>245583</v>
      </c>
    </row>
    <row r="73434" spans="1:10" x14ac:dyDescent="0.35">
      <c r="A73434" s="1" t="s">
        <v>117499</v>
      </c>
      <c r="B73434" s="1" t="s">
        <v>244913</v>
      </c>
      <c r="C73434" s="1" t="s">
        <v>45</v>
      </c>
      <c r="D73434" s="1" t="s">
        <v>134626</v>
      </c>
      <c r="E73434" s="1" t="s">
        <v>245584</v>
      </c>
      <c r="F73434" s="1" t="s">
        <v>245585</v>
      </c>
      <c r="G73434" s="1" t="s">
        <v>245563</v>
      </c>
      <c r="H73434" s="1" t="s">
        <v>245564</v>
      </c>
      <c r="I73434" s="1" t="s">
        <v>244917</v>
      </c>
      <c r="J73434" s="1" t="s">
        <v>245586</v>
      </c>
    </row>
    <row r="73435" spans="1:10" x14ac:dyDescent="0.35">
      <c r="A73435" s="1" t="s">
        <v>117499</v>
      </c>
      <c r="B73435" s="1" t="s">
        <v>244913</v>
      </c>
      <c r="C73435" s="1" t="s">
        <v>50</v>
      </c>
      <c r="D73435" s="1" t="s">
        <v>47006</v>
      </c>
      <c r="E73435" s="1" t="s">
        <v>245587</v>
      </c>
      <c r="F73435" s="1" t="s">
        <v>245588</v>
      </c>
      <c r="G73435" s="1" t="s">
        <v>245563</v>
      </c>
      <c r="H73435" s="1" t="s">
        <v>245564</v>
      </c>
      <c r="I73435" s="1" t="s">
        <v>244917</v>
      </c>
      <c r="J73435" s="1" t="s">
        <v>245589</v>
      </c>
    </row>
    <row r="73436" spans="1:10" x14ac:dyDescent="0.35">
      <c r="A73436" s="1" t="s">
        <v>117499</v>
      </c>
      <c r="B73436" s="1" t="s">
        <v>244913</v>
      </c>
      <c r="C73436" s="1" t="s">
        <v>55</v>
      </c>
      <c r="D73436" s="1" t="s">
        <v>198764</v>
      </c>
      <c r="E73436" s="1" t="s">
        <v>245590</v>
      </c>
      <c r="F73436" s="1" t="s">
        <v>245591</v>
      </c>
      <c r="G73436" s="1" t="s">
        <v>245563</v>
      </c>
      <c r="H73436" s="1" t="s">
        <v>245564</v>
      </c>
      <c r="I73436" s="1" t="s">
        <v>244917</v>
      </c>
      <c r="J73436" s="1" t="s">
        <v>245592</v>
      </c>
    </row>
    <row r="73437" spans="1:10" x14ac:dyDescent="0.35">
      <c r="A73437" s="1" t="s">
        <v>117499</v>
      </c>
      <c r="B73437" s="1" t="s">
        <v>244913</v>
      </c>
      <c r="C73437" s="1" t="s">
        <v>60</v>
      </c>
      <c r="D73437" s="1" t="s">
        <v>43421</v>
      </c>
      <c r="E73437" s="1" t="s">
        <v>245593</v>
      </c>
      <c r="F73437" s="1" t="s">
        <v>245594</v>
      </c>
      <c r="G73437" s="1" t="s">
        <v>245563</v>
      </c>
      <c r="H73437" s="1" t="s">
        <v>245564</v>
      </c>
      <c r="I73437" s="1" t="s">
        <v>244917</v>
      </c>
      <c r="J73437" s="1" t="s">
        <v>245595</v>
      </c>
    </row>
    <row r="73438" spans="1:10" x14ac:dyDescent="0.35">
      <c r="A73438" s="1" t="s">
        <v>117499</v>
      </c>
      <c r="B73438" s="1" t="s">
        <v>244913</v>
      </c>
      <c r="C73438" s="1" t="s">
        <v>65</v>
      </c>
      <c r="D73438" s="1" t="s">
        <v>245596</v>
      </c>
      <c r="E73438" s="1" t="s">
        <v>245597</v>
      </c>
      <c r="F73438" s="1" t="s">
        <v>245598</v>
      </c>
      <c r="G73438" s="1" t="s">
        <v>245563</v>
      </c>
      <c r="H73438" s="1" t="s">
        <v>245564</v>
      </c>
      <c r="I73438" s="1" t="s">
        <v>244917</v>
      </c>
      <c r="J73438" s="1" t="s">
        <v>245599</v>
      </c>
    </row>
    <row r="73439" spans="1:10" x14ac:dyDescent="0.35">
      <c r="A73439" s="1" t="s">
        <v>117499</v>
      </c>
      <c r="B73439" s="1" t="s">
        <v>244913</v>
      </c>
      <c r="C73439" s="1" t="s">
        <v>70</v>
      </c>
      <c r="D73439" s="1" t="s">
        <v>195681</v>
      </c>
      <c r="E73439" s="1" t="s">
        <v>245600</v>
      </c>
      <c r="F73439" s="1" t="s">
        <v>245601</v>
      </c>
      <c r="G73439" s="1" t="s">
        <v>245563</v>
      </c>
      <c r="H73439" s="1" t="s">
        <v>245564</v>
      </c>
      <c r="I73439" s="1" t="s">
        <v>244917</v>
      </c>
      <c r="J73439" s="1" t="s">
        <v>245602</v>
      </c>
    </row>
    <row r="73440" spans="1:10" x14ac:dyDescent="0.35">
      <c r="A73440" s="1" t="s">
        <v>117499</v>
      </c>
      <c r="B73440" s="1" t="s">
        <v>244913</v>
      </c>
      <c r="C73440" s="1" t="s">
        <v>75</v>
      </c>
      <c r="D73440" s="1" t="s">
        <v>44108</v>
      </c>
      <c r="E73440" s="1" t="s">
        <v>245603</v>
      </c>
      <c r="F73440" s="1" t="s">
        <v>245604</v>
      </c>
      <c r="G73440" s="1" t="s">
        <v>245563</v>
      </c>
      <c r="H73440" s="1" t="s">
        <v>245564</v>
      </c>
      <c r="I73440" s="1" t="s">
        <v>244917</v>
      </c>
      <c r="J73440" s="1" t="s">
        <v>245605</v>
      </c>
    </row>
    <row r="73441" spans="1:10" x14ac:dyDescent="0.35">
      <c r="A73441" s="1" t="s">
        <v>117499</v>
      </c>
      <c r="B73441" s="1" t="s">
        <v>244913</v>
      </c>
      <c r="C73441" s="1" t="s">
        <v>80</v>
      </c>
      <c r="D73441" s="1" t="s">
        <v>213363</v>
      </c>
      <c r="E73441" s="1" t="s">
        <v>245606</v>
      </c>
      <c r="F73441" s="1" t="s">
        <v>245607</v>
      </c>
      <c r="G73441" s="1" t="s">
        <v>245563</v>
      </c>
      <c r="H73441" s="1" t="s">
        <v>245564</v>
      </c>
      <c r="I73441" s="1" t="s">
        <v>244917</v>
      </c>
      <c r="J73441" s="1" t="s">
        <v>245608</v>
      </c>
    </row>
    <row r="73442" spans="1:10" x14ac:dyDescent="0.35">
      <c r="A73442" s="1" t="s">
        <v>117499</v>
      </c>
      <c r="B73442" s="1" t="s">
        <v>244913</v>
      </c>
      <c r="C73442" s="1" t="s">
        <v>85</v>
      </c>
      <c r="D73442" s="1" t="s">
        <v>245609</v>
      </c>
      <c r="E73442" s="1" t="s">
        <v>245610</v>
      </c>
      <c r="F73442" s="1" t="s">
        <v>245611</v>
      </c>
      <c r="G73442" s="1" t="s">
        <v>245563</v>
      </c>
      <c r="H73442" s="1" t="s">
        <v>245564</v>
      </c>
      <c r="I73442" s="1" t="s">
        <v>244917</v>
      </c>
      <c r="J73442" s="1" t="s">
        <v>245612</v>
      </c>
    </row>
    <row r="73443" spans="1:10" x14ac:dyDescent="0.35">
      <c r="A73443" s="1" t="s">
        <v>117499</v>
      </c>
      <c r="B73443" s="1" t="s">
        <v>244913</v>
      </c>
      <c r="C73443" s="1" t="s">
        <v>90</v>
      </c>
      <c r="D73443" s="1" t="s">
        <v>245613</v>
      </c>
      <c r="E73443" s="1" t="s">
        <v>245614</v>
      </c>
      <c r="F73443" s="1" t="s">
        <v>245615</v>
      </c>
      <c r="G73443" s="1" t="s">
        <v>245563</v>
      </c>
      <c r="H73443" s="1" t="s">
        <v>245564</v>
      </c>
      <c r="I73443" s="1" t="s">
        <v>244917</v>
      </c>
      <c r="J73443" s="1" t="s">
        <v>245616</v>
      </c>
    </row>
    <row r="73444" spans="1:10" x14ac:dyDescent="0.35">
      <c r="A73444" s="1" t="s">
        <v>117499</v>
      </c>
      <c r="B73444" s="1" t="s">
        <v>244913</v>
      </c>
      <c r="C73444" s="1" t="s">
        <v>95</v>
      </c>
      <c r="D73444" s="1" t="s">
        <v>245617</v>
      </c>
      <c r="E73444" s="1" t="s">
        <v>245618</v>
      </c>
      <c r="F73444" s="1" t="s">
        <v>245619</v>
      </c>
      <c r="G73444" s="1" t="s">
        <v>245563</v>
      </c>
      <c r="H73444" s="1" t="s">
        <v>245564</v>
      </c>
      <c r="I73444" s="1" t="s">
        <v>244917</v>
      </c>
      <c r="J73444" s="1" t="s">
        <v>245620</v>
      </c>
    </row>
    <row r="73445" spans="1:10" x14ac:dyDescent="0.35">
      <c r="A73445" s="1" t="s">
        <v>117499</v>
      </c>
      <c r="B73445" s="1" t="s">
        <v>244913</v>
      </c>
      <c r="C73445" s="1" t="s">
        <v>100</v>
      </c>
      <c r="D73445" s="1" t="s">
        <v>108739</v>
      </c>
      <c r="E73445" s="1" t="s">
        <v>245621</v>
      </c>
      <c r="F73445" s="1" t="s">
        <v>245622</v>
      </c>
      <c r="G73445" s="1" t="s">
        <v>245563</v>
      </c>
      <c r="H73445" s="1" t="s">
        <v>245564</v>
      </c>
      <c r="I73445" s="1" t="s">
        <v>244917</v>
      </c>
      <c r="J73445" s="1" t="s">
        <v>245623</v>
      </c>
    </row>
    <row r="73446" spans="1:10" x14ac:dyDescent="0.35">
      <c r="A73446" s="1" t="s">
        <v>117499</v>
      </c>
      <c r="B73446" s="1" t="s">
        <v>244913</v>
      </c>
      <c r="C73446" s="1" t="s">
        <v>105</v>
      </c>
      <c r="D73446" s="1" t="s">
        <v>155108</v>
      </c>
      <c r="E73446" s="1" t="s">
        <v>245624</v>
      </c>
      <c r="F73446" s="1" t="s">
        <v>245625</v>
      </c>
      <c r="G73446" s="1" t="s">
        <v>245563</v>
      </c>
      <c r="H73446" s="1" t="s">
        <v>245564</v>
      </c>
      <c r="I73446" s="1" t="s">
        <v>244917</v>
      </c>
      <c r="J73446" s="1" t="s">
        <v>245626</v>
      </c>
    </row>
    <row r="73447" spans="1:10" x14ac:dyDescent="0.35">
      <c r="A73447" s="1" t="s">
        <v>117499</v>
      </c>
      <c r="B73447" s="1" t="s">
        <v>244913</v>
      </c>
      <c r="C73447" s="1" t="s">
        <v>110</v>
      </c>
      <c r="D73447" s="1" t="s">
        <v>245627</v>
      </c>
      <c r="E73447" s="1" t="s">
        <v>245628</v>
      </c>
      <c r="F73447" s="1" t="s">
        <v>245629</v>
      </c>
      <c r="G73447" s="1" t="s">
        <v>245563</v>
      </c>
      <c r="H73447" s="1" t="s">
        <v>245564</v>
      </c>
      <c r="I73447" s="1" t="s">
        <v>244917</v>
      </c>
      <c r="J73447" s="1" t="s">
        <v>245630</v>
      </c>
    </row>
    <row r="73448" spans="1:10" x14ac:dyDescent="0.35">
      <c r="A73448" s="1" t="s">
        <v>117499</v>
      </c>
      <c r="B73448" s="1" t="s">
        <v>244913</v>
      </c>
      <c r="C73448" s="1" t="s">
        <v>115</v>
      </c>
      <c r="D73448" s="1" t="s">
        <v>245631</v>
      </c>
      <c r="E73448" s="1" t="s">
        <v>245632</v>
      </c>
      <c r="F73448" s="1" t="s">
        <v>245633</v>
      </c>
      <c r="G73448" s="1" t="s">
        <v>245563</v>
      </c>
      <c r="H73448" s="1" t="s">
        <v>245564</v>
      </c>
      <c r="I73448" s="1" t="s">
        <v>244917</v>
      </c>
      <c r="J73448" s="1" t="s">
        <v>245634</v>
      </c>
    </row>
    <row r="73449" spans="1:10" x14ac:dyDescent="0.35">
      <c r="A73449" s="1" t="s">
        <v>117499</v>
      </c>
      <c r="B73449" s="1" t="s">
        <v>244913</v>
      </c>
      <c r="C73449" s="1" t="s">
        <v>120</v>
      </c>
      <c r="D73449" s="1" t="s">
        <v>245635</v>
      </c>
      <c r="E73449" s="1" t="s">
        <v>245636</v>
      </c>
      <c r="F73449" s="1" t="s">
        <v>245637</v>
      </c>
      <c r="G73449" s="1" t="s">
        <v>245563</v>
      </c>
      <c r="H73449" s="1" t="s">
        <v>245564</v>
      </c>
      <c r="I73449" s="1" t="s">
        <v>244917</v>
      </c>
      <c r="J73449" s="1" t="s">
        <v>245638</v>
      </c>
    </row>
    <row r="73450" spans="1:10" x14ac:dyDescent="0.35">
      <c r="A73450" s="1" t="s">
        <v>117499</v>
      </c>
      <c r="B73450" s="1" t="s">
        <v>244913</v>
      </c>
      <c r="C73450" s="1" t="s">
        <v>125</v>
      </c>
      <c r="D73450" s="1" t="s">
        <v>53923</v>
      </c>
      <c r="E73450" s="1" t="s">
        <v>245639</v>
      </c>
      <c r="F73450" s="1" t="s">
        <v>245640</v>
      </c>
      <c r="G73450" s="1" t="s">
        <v>245563</v>
      </c>
      <c r="H73450" s="1" t="s">
        <v>245564</v>
      </c>
      <c r="I73450" s="1" t="s">
        <v>244917</v>
      </c>
      <c r="J73450" s="1" t="s">
        <v>245641</v>
      </c>
    </row>
    <row r="73451" spans="1:10" x14ac:dyDescent="0.35">
      <c r="A73451" s="1" t="s">
        <v>117499</v>
      </c>
      <c r="B73451" s="1" t="s">
        <v>244913</v>
      </c>
      <c r="C73451" s="1" t="s">
        <v>130</v>
      </c>
      <c r="D73451" s="1" t="s">
        <v>60295</v>
      </c>
      <c r="E73451" s="1" t="s">
        <v>245642</v>
      </c>
      <c r="F73451" s="1" t="s">
        <v>245643</v>
      </c>
      <c r="G73451" s="1" t="s">
        <v>245563</v>
      </c>
      <c r="H73451" s="1" t="s">
        <v>245564</v>
      </c>
      <c r="I73451" s="1" t="s">
        <v>244917</v>
      </c>
      <c r="J73451" s="1" t="s">
        <v>245644</v>
      </c>
    </row>
    <row r="73452" spans="1:10" x14ac:dyDescent="0.35">
      <c r="A73452" s="1" t="s">
        <v>117499</v>
      </c>
      <c r="B73452" s="1" t="s">
        <v>244913</v>
      </c>
      <c r="C73452" s="1" t="s">
        <v>135</v>
      </c>
      <c r="D73452" s="1" t="s">
        <v>220891</v>
      </c>
      <c r="E73452" s="1" t="s">
        <v>245645</v>
      </c>
      <c r="F73452" s="1" t="s">
        <v>245646</v>
      </c>
      <c r="G73452" s="1" t="s">
        <v>245563</v>
      </c>
      <c r="H73452" s="1" t="s">
        <v>245564</v>
      </c>
      <c r="I73452" s="1" t="s">
        <v>244917</v>
      </c>
      <c r="J73452" s="1" t="s">
        <v>245647</v>
      </c>
    </row>
    <row r="73453" spans="1:10" x14ac:dyDescent="0.35">
      <c r="A73453" s="1" t="s">
        <v>117499</v>
      </c>
      <c r="B73453" s="1" t="s">
        <v>244913</v>
      </c>
      <c r="C73453" s="1" t="s">
        <v>140</v>
      </c>
      <c r="D73453" s="1" t="s">
        <v>245648</v>
      </c>
      <c r="E73453" s="1" t="s">
        <v>245649</v>
      </c>
      <c r="F73453" s="1" t="s">
        <v>245650</v>
      </c>
      <c r="G73453" s="1" t="s">
        <v>245563</v>
      </c>
      <c r="H73453" s="1" t="s">
        <v>245564</v>
      </c>
      <c r="I73453" s="1" t="s">
        <v>244917</v>
      </c>
      <c r="J73453" s="1" t="s">
        <v>245651</v>
      </c>
    </row>
    <row r="73454" spans="1:10" x14ac:dyDescent="0.35">
      <c r="A73454" s="1" t="s">
        <v>117499</v>
      </c>
      <c r="B73454" s="1" t="s">
        <v>244913</v>
      </c>
      <c r="C73454" s="1" t="s">
        <v>145</v>
      </c>
      <c r="D73454" s="1" t="s">
        <v>245652</v>
      </c>
      <c r="E73454" s="1" t="s">
        <v>245653</v>
      </c>
      <c r="F73454" s="1" t="s">
        <v>245654</v>
      </c>
      <c r="G73454" s="1" t="s">
        <v>245563</v>
      </c>
      <c r="H73454" s="1" t="s">
        <v>245564</v>
      </c>
      <c r="I73454" s="1" t="s">
        <v>244917</v>
      </c>
      <c r="J73454" s="1" t="s">
        <v>245655</v>
      </c>
    </row>
    <row r="73455" spans="1:10" x14ac:dyDescent="0.35">
      <c r="A73455" s="1" t="s">
        <v>117499</v>
      </c>
      <c r="B73455" s="1" t="s">
        <v>244913</v>
      </c>
      <c r="C73455" s="1" t="s">
        <v>150</v>
      </c>
      <c r="D73455" s="1" t="s">
        <v>46288</v>
      </c>
      <c r="E73455" s="1" t="s">
        <v>245656</v>
      </c>
      <c r="F73455" s="1" t="s">
        <v>245657</v>
      </c>
      <c r="G73455" s="1" t="s">
        <v>245563</v>
      </c>
      <c r="H73455" s="1" t="s">
        <v>245564</v>
      </c>
      <c r="I73455" s="1" t="s">
        <v>244917</v>
      </c>
      <c r="J73455" s="1" t="s">
        <v>245658</v>
      </c>
    </row>
    <row r="73456" spans="1:10" x14ac:dyDescent="0.35">
      <c r="A73456" s="1" t="s">
        <v>117499</v>
      </c>
      <c r="B73456" s="1" t="s">
        <v>244913</v>
      </c>
      <c r="C73456" s="1" t="s">
        <v>155</v>
      </c>
      <c r="D73456" s="1" t="s">
        <v>104596</v>
      </c>
      <c r="E73456" s="1" t="s">
        <v>245659</v>
      </c>
      <c r="F73456" s="1" t="s">
        <v>245660</v>
      </c>
      <c r="G73456" s="1" t="s">
        <v>245563</v>
      </c>
      <c r="H73456" s="1" t="s">
        <v>245564</v>
      </c>
      <c r="I73456" s="1" t="s">
        <v>244917</v>
      </c>
      <c r="J73456" s="1" t="s">
        <v>245661</v>
      </c>
    </row>
    <row r="73457" spans="1:10" x14ac:dyDescent="0.35">
      <c r="A73457" s="1" t="s">
        <v>117499</v>
      </c>
      <c r="B73457" s="1" t="s">
        <v>244913</v>
      </c>
      <c r="C73457" s="1" t="s">
        <v>160</v>
      </c>
      <c r="D73457" s="1" t="s">
        <v>135610</v>
      </c>
      <c r="E73457" s="1" t="s">
        <v>245662</v>
      </c>
      <c r="F73457" s="1" t="s">
        <v>245663</v>
      </c>
      <c r="G73457" s="1" t="s">
        <v>245563</v>
      </c>
      <c r="H73457" s="1" t="s">
        <v>245564</v>
      </c>
      <c r="I73457" s="1" t="s">
        <v>244917</v>
      </c>
      <c r="J73457" s="1" t="s">
        <v>245664</v>
      </c>
    </row>
    <row r="73458" spans="1:10" x14ac:dyDescent="0.35">
      <c r="A73458" s="1" t="s">
        <v>117499</v>
      </c>
      <c r="B73458" s="1" t="s">
        <v>244913</v>
      </c>
      <c r="C73458" s="1" t="s">
        <v>165</v>
      </c>
      <c r="D73458" s="1" t="s">
        <v>142914</v>
      </c>
      <c r="E73458" s="1" t="s">
        <v>245665</v>
      </c>
      <c r="F73458" s="1" t="s">
        <v>245666</v>
      </c>
      <c r="G73458" s="1" t="s">
        <v>245563</v>
      </c>
      <c r="H73458" s="1" t="s">
        <v>245564</v>
      </c>
      <c r="I73458" s="1" t="s">
        <v>244917</v>
      </c>
      <c r="J73458" s="1" t="s">
        <v>245667</v>
      </c>
    </row>
    <row r="73459" spans="1:10" x14ac:dyDescent="0.35">
      <c r="A73459" s="1" t="s">
        <v>117499</v>
      </c>
      <c r="B73459" s="1" t="s">
        <v>244913</v>
      </c>
      <c r="C73459" s="1" t="s">
        <v>170</v>
      </c>
      <c r="D73459" s="1" t="s">
        <v>12996</v>
      </c>
      <c r="E73459" s="1" t="s">
        <v>245668</v>
      </c>
      <c r="F73459" s="1" t="s">
        <v>245666</v>
      </c>
      <c r="G73459" s="1" t="s">
        <v>245563</v>
      </c>
      <c r="H73459" s="1" t="s">
        <v>245564</v>
      </c>
      <c r="I73459" s="1" t="s">
        <v>244917</v>
      </c>
      <c r="J73459" s="1" t="s">
        <v>245669</v>
      </c>
    </row>
    <row r="73460" spans="1:10" x14ac:dyDescent="0.35">
      <c r="A73460" s="1" t="s">
        <v>27414</v>
      </c>
      <c r="B73460" s="1" t="s">
        <v>244913</v>
      </c>
      <c r="C73460" s="1" t="s">
        <v>8</v>
      </c>
      <c r="D73460" s="1" t="s">
        <v>245670</v>
      </c>
      <c r="E73460" s="1" t="s">
        <v>245671</v>
      </c>
      <c r="F73460" s="1" t="s">
        <v>245672</v>
      </c>
      <c r="G73460" s="1" t="s">
        <v>245673</v>
      </c>
      <c r="H73460" s="1" t="s">
        <v>245674</v>
      </c>
      <c r="I73460" s="1" t="s">
        <v>244917</v>
      </c>
      <c r="J73460" s="1" t="s">
        <v>13</v>
      </c>
    </row>
    <row r="73461" spans="1:10" x14ac:dyDescent="0.35">
      <c r="A73461" s="1" t="s">
        <v>27414</v>
      </c>
      <c r="B73461" s="1" t="s">
        <v>244913</v>
      </c>
      <c r="C73461" s="1" t="s">
        <v>15</v>
      </c>
      <c r="D73461" s="1" t="s">
        <v>245675</v>
      </c>
      <c r="E73461" s="1" t="s">
        <v>245676</v>
      </c>
      <c r="F73461" s="1" t="s">
        <v>245677</v>
      </c>
      <c r="G73461" s="1" t="s">
        <v>245673</v>
      </c>
      <c r="H73461" s="1" t="s">
        <v>245674</v>
      </c>
      <c r="I73461" s="1" t="s">
        <v>244917</v>
      </c>
      <c r="J73461" s="1" t="s">
        <v>245678</v>
      </c>
    </row>
    <row r="73462" spans="1:10" x14ac:dyDescent="0.35">
      <c r="A73462" s="1" t="s">
        <v>27414</v>
      </c>
      <c r="B73462" s="1" t="s">
        <v>244913</v>
      </c>
      <c r="C73462" s="1" t="s">
        <v>20</v>
      </c>
      <c r="D73462" s="1" t="s">
        <v>245679</v>
      </c>
      <c r="E73462" s="1" t="s">
        <v>245680</v>
      </c>
      <c r="F73462" s="1" t="s">
        <v>245681</v>
      </c>
      <c r="G73462" s="1" t="s">
        <v>245673</v>
      </c>
      <c r="H73462" s="1" t="s">
        <v>245674</v>
      </c>
      <c r="I73462" s="1" t="s">
        <v>244917</v>
      </c>
      <c r="J73462" s="1" t="s">
        <v>245682</v>
      </c>
    </row>
    <row r="73463" spans="1:10" x14ac:dyDescent="0.35">
      <c r="A73463" s="1" t="s">
        <v>27414</v>
      </c>
      <c r="B73463" s="1" t="s">
        <v>244913</v>
      </c>
      <c r="C73463" s="1" t="s">
        <v>25</v>
      </c>
      <c r="D73463" s="1" t="s">
        <v>428</v>
      </c>
      <c r="E73463" s="1" t="s">
        <v>245683</v>
      </c>
      <c r="F73463" s="1" t="s">
        <v>245684</v>
      </c>
      <c r="G73463" s="1" t="s">
        <v>245673</v>
      </c>
      <c r="H73463" s="1" t="s">
        <v>245674</v>
      </c>
      <c r="I73463" s="1" t="s">
        <v>244917</v>
      </c>
      <c r="J73463" s="1" t="s">
        <v>245685</v>
      </c>
    </row>
    <row r="73464" spans="1:10" x14ac:dyDescent="0.35">
      <c r="A73464" s="1" t="s">
        <v>27414</v>
      </c>
      <c r="B73464" s="1" t="s">
        <v>244913</v>
      </c>
      <c r="C73464" s="1" t="s">
        <v>30</v>
      </c>
      <c r="D73464" s="1" t="s">
        <v>245686</v>
      </c>
      <c r="E73464" s="1" t="s">
        <v>245687</v>
      </c>
      <c r="F73464" s="1" t="s">
        <v>245688</v>
      </c>
      <c r="G73464" s="1" t="s">
        <v>245673</v>
      </c>
      <c r="H73464" s="1" t="s">
        <v>245674</v>
      </c>
      <c r="I73464" s="1" t="s">
        <v>244917</v>
      </c>
      <c r="J73464" s="1" t="s">
        <v>245689</v>
      </c>
    </row>
    <row r="73465" spans="1:10" x14ac:dyDescent="0.35">
      <c r="A73465" s="1" t="s">
        <v>27414</v>
      </c>
      <c r="B73465" s="1" t="s">
        <v>244913</v>
      </c>
      <c r="C73465" s="1" t="s">
        <v>35</v>
      </c>
      <c r="D73465" s="1" t="s">
        <v>3877</v>
      </c>
      <c r="E73465" s="1" t="s">
        <v>245690</v>
      </c>
      <c r="F73465" s="1" t="s">
        <v>245691</v>
      </c>
      <c r="G73465" s="1" t="s">
        <v>245673</v>
      </c>
      <c r="H73465" s="1" t="s">
        <v>245674</v>
      </c>
      <c r="I73465" s="1" t="s">
        <v>244917</v>
      </c>
      <c r="J73465" s="1" t="s">
        <v>245692</v>
      </c>
    </row>
    <row r="73466" spans="1:10" x14ac:dyDescent="0.35">
      <c r="A73466" s="1" t="s">
        <v>27414</v>
      </c>
      <c r="B73466" s="1" t="s">
        <v>244913</v>
      </c>
      <c r="C73466" s="1" t="s">
        <v>40</v>
      </c>
      <c r="D73466" s="1" t="s">
        <v>4218</v>
      </c>
      <c r="E73466" s="1" t="s">
        <v>245693</v>
      </c>
      <c r="F73466" s="1" t="s">
        <v>245694</v>
      </c>
      <c r="G73466" s="1" t="s">
        <v>245673</v>
      </c>
      <c r="H73466" s="1" t="s">
        <v>245674</v>
      </c>
      <c r="I73466" s="1" t="s">
        <v>244917</v>
      </c>
      <c r="J73466" s="1" t="s">
        <v>245695</v>
      </c>
    </row>
    <row r="73467" spans="1:10" x14ac:dyDescent="0.35">
      <c r="A73467" s="1" t="s">
        <v>27414</v>
      </c>
      <c r="B73467" s="1" t="s">
        <v>244913</v>
      </c>
      <c r="C73467" s="1" t="s">
        <v>45</v>
      </c>
      <c r="D73467" s="1" t="s">
        <v>193128</v>
      </c>
      <c r="E73467" s="1" t="s">
        <v>245696</v>
      </c>
      <c r="F73467" s="1" t="s">
        <v>245697</v>
      </c>
      <c r="G73467" s="1" t="s">
        <v>245673</v>
      </c>
      <c r="H73467" s="1" t="s">
        <v>245674</v>
      </c>
      <c r="I73467" s="1" t="s">
        <v>244917</v>
      </c>
      <c r="J73467" s="1" t="s">
        <v>245698</v>
      </c>
    </row>
    <row r="73468" spans="1:10" x14ac:dyDescent="0.35">
      <c r="A73468" s="1" t="s">
        <v>27414</v>
      </c>
      <c r="B73468" s="1" t="s">
        <v>244913</v>
      </c>
      <c r="C73468" s="1" t="s">
        <v>50</v>
      </c>
      <c r="D73468" s="1" t="s">
        <v>13418</v>
      </c>
      <c r="E73468" s="1" t="s">
        <v>245699</v>
      </c>
      <c r="F73468" s="1" t="s">
        <v>245700</v>
      </c>
      <c r="G73468" s="1" t="s">
        <v>245673</v>
      </c>
      <c r="H73468" s="1" t="s">
        <v>245674</v>
      </c>
      <c r="I73468" s="1" t="s">
        <v>244917</v>
      </c>
      <c r="J73468" s="1" t="s">
        <v>245701</v>
      </c>
    </row>
    <row r="73469" spans="1:10" x14ac:dyDescent="0.35">
      <c r="A73469" s="1" t="s">
        <v>27414</v>
      </c>
      <c r="B73469" s="1" t="s">
        <v>244913</v>
      </c>
      <c r="C73469" s="1" t="s">
        <v>55</v>
      </c>
      <c r="D73469" s="1" t="s">
        <v>18247</v>
      </c>
      <c r="E73469" s="1" t="s">
        <v>245702</v>
      </c>
      <c r="F73469" s="1" t="s">
        <v>245703</v>
      </c>
      <c r="G73469" s="1" t="s">
        <v>245673</v>
      </c>
      <c r="H73469" s="1" t="s">
        <v>245674</v>
      </c>
      <c r="I73469" s="1" t="s">
        <v>244917</v>
      </c>
      <c r="J73469" s="1" t="s">
        <v>245704</v>
      </c>
    </row>
    <row r="73470" spans="1:10" x14ac:dyDescent="0.35">
      <c r="A73470" s="1" t="s">
        <v>27414</v>
      </c>
      <c r="B73470" s="1" t="s">
        <v>244913</v>
      </c>
      <c r="C73470" s="1" t="s">
        <v>60</v>
      </c>
      <c r="D73470" s="1" t="s">
        <v>176815</v>
      </c>
      <c r="E73470" s="1" t="s">
        <v>245705</v>
      </c>
      <c r="F73470" s="1" t="s">
        <v>245706</v>
      </c>
      <c r="G73470" s="1" t="s">
        <v>245673</v>
      </c>
      <c r="H73470" s="1" t="s">
        <v>245674</v>
      </c>
      <c r="I73470" s="1" t="s">
        <v>244917</v>
      </c>
      <c r="J73470" s="1" t="s">
        <v>245707</v>
      </c>
    </row>
    <row r="73471" spans="1:10" x14ac:dyDescent="0.35">
      <c r="A73471" s="1" t="s">
        <v>27414</v>
      </c>
      <c r="B73471" s="1" t="s">
        <v>244913</v>
      </c>
      <c r="C73471" s="1" t="s">
        <v>65</v>
      </c>
      <c r="D73471" s="1" t="s">
        <v>153068</v>
      </c>
      <c r="E73471" s="1" t="s">
        <v>245708</v>
      </c>
      <c r="F73471" s="1" t="s">
        <v>245709</v>
      </c>
      <c r="G73471" s="1" t="s">
        <v>245673</v>
      </c>
      <c r="H73471" s="1" t="s">
        <v>245674</v>
      </c>
      <c r="I73471" s="1" t="s">
        <v>244917</v>
      </c>
      <c r="J73471" s="1" t="s">
        <v>245710</v>
      </c>
    </row>
    <row r="73472" spans="1:10" x14ac:dyDescent="0.35">
      <c r="A73472" s="1" t="s">
        <v>27414</v>
      </c>
      <c r="B73472" s="1" t="s">
        <v>244913</v>
      </c>
      <c r="C73472" s="1" t="s">
        <v>70</v>
      </c>
      <c r="D73472" s="1" t="s">
        <v>245711</v>
      </c>
      <c r="E73472" s="1" t="s">
        <v>245712</v>
      </c>
      <c r="F73472" s="1" t="s">
        <v>245713</v>
      </c>
      <c r="G73472" s="1" t="s">
        <v>245673</v>
      </c>
      <c r="H73472" s="1" t="s">
        <v>245674</v>
      </c>
      <c r="I73472" s="1" t="s">
        <v>244917</v>
      </c>
      <c r="J73472" s="1" t="s">
        <v>245714</v>
      </c>
    </row>
    <row r="73473" spans="1:10" x14ac:dyDescent="0.35">
      <c r="A73473" s="1" t="s">
        <v>27414</v>
      </c>
      <c r="B73473" s="1" t="s">
        <v>244913</v>
      </c>
      <c r="C73473" s="1" t="s">
        <v>75</v>
      </c>
      <c r="D73473" s="1" t="s">
        <v>9644</v>
      </c>
      <c r="E73473" s="1" t="s">
        <v>245715</v>
      </c>
      <c r="F73473" s="1" t="s">
        <v>245716</v>
      </c>
      <c r="G73473" s="1" t="s">
        <v>245673</v>
      </c>
      <c r="H73473" s="1" t="s">
        <v>245674</v>
      </c>
      <c r="I73473" s="1" t="s">
        <v>244917</v>
      </c>
      <c r="J73473" s="1" t="s">
        <v>245717</v>
      </c>
    </row>
    <row r="73474" spans="1:10" x14ac:dyDescent="0.35">
      <c r="A73474" s="1" t="s">
        <v>27414</v>
      </c>
      <c r="B73474" s="1" t="s">
        <v>244913</v>
      </c>
      <c r="C73474" s="1" t="s">
        <v>80</v>
      </c>
      <c r="D73474" s="1" t="s">
        <v>214884</v>
      </c>
      <c r="E73474" s="1" t="s">
        <v>245718</v>
      </c>
      <c r="F73474" s="1" t="s">
        <v>245719</v>
      </c>
      <c r="G73474" s="1" t="s">
        <v>245673</v>
      </c>
      <c r="H73474" s="1" t="s">
        <v>245674</v>
      </c>
      <c r="I73474" s="1" t="s">
        <v>244917</v>
      </c>
      <c r="J73474" s="1" t="s">
        <v>245720</v>
      </c>
    </row>
    <row r="73475" spans="1:10" x14ac:dyDescent="0.35">
      <c r="A73475" s="1" t="s">
        <v>27414</v>
      </c>
      <c r="B73475" s="1" t="s">
        <v>244913</v>
      </c>
      <c r="C73475" s="1" t="s">
        <v>85</v>
      </c>
      <c r="D73475" s="1" t="s">
        <v>245721</v>
      </c>
      <c r="E73475" s="1" t="s">
        <v>245722</v>
      </c>
      <c r="F73475" s="1" t="s">
        <v>245723</v>
      </c>
      <c r="G73475" s="1" t="s">
        <v>245673</v>
      </c>
      <c r="H73475" s="1" t="s">
        <v>245674</v>
      </c>
      <c r="I73475" s="1" t="s">
        <v>244917</v>
      </c>
      <c r="J73475" s="1" t="s">
        <v>245724</v>
      </c>
    </row>
    <row r="73476" spans="1:10" x14ac:dyDescent="0.35">
      <c r="A73476" s="1" t="s">
        <v>27414</v>
      </c>
      <c r="B73476" s="1" t="s">
        <v>244913</v>
      </c>
      <c r="C73476" s="1" t="s">
        <v>90</v>
      </c>
      <c r="D73476" s="1" t="s">
        <v>185196</v>
      </c>
      <c r="E73476" s="1" t="s">
        <v>245725</v>
      </c>
      <c r="F73476" s="1" t="s">
        <v>245726</v>
      </c>
      <c r="G73476" s="1" t="s">
        <v>245673</v>
      </c>
      <c r="H73476" s="1" t="s">
        <v>245674</v>
      </c>
      <c r="I73476" s="1" t="s">
        <v>244917</v>
      </c>
      <c r="J73476" s="1" t="s">
        <v>245727</v>
      </c>
    </row>
    <row r="73477" spans="1:10" x14ac:dyDescent="0.35">
      <c r="A73477" s="1" t="s">
        <v>27414</v>
      </c>
      <c r="B73477" s="1" t="s">
        <v>244913</v>
      </c>
      <c r="C73477" s="1" t="s">
        <v>95</v>
      </c>
      <c r="D73477" s="1" t="s">
        <v>30327</v>
      </c>
      <c r="E73477" s="1" t="s">
        <v>245728</v>
      </c>
      <c r="F73477" s="1" t="s">
        <v>245729</v>
      </c>
      <c r="G73477" s="1" t="s">
        <v>245673</v>
      </c>
      <c r="H73477" s="1" t="s">
        <v>245674</v>
      </c>
      <c r="I73477" s="1" t="s">
        <v>244917</v>
      </c>
      <c r="J73477" s="1" t="s">
        <v>13423</v>
      </c>
    </row>
    <row r="73478" spans="1:10" x14ac:dyDescent="0.35">
      <c r="A73478" s="1" t="s">
        <v>27414</v>
      </c>
      <c r="B73478" s="1" t="s">
        <v>244913</v>
      </c>
      <c r="C73478" s="1" t="s">
        <v>100</v>
      </c>
      <c r="D73478" s="1" t="s">
        <v>31673</v>
      </c>
      <c r="E73478" s="1" t="s">
        <v>245730</v>
      </c>
      <c r="F73478" s="1" t="s">
        <v>245731</v>
      </c>
      <c r="G73478" s="1" t="s">
        <v>245673</v>
      </c>
      <c r="H73478" s="1" t="s">
        <v>245674</v>
      </c>
      <c r="I73478" s="1" t="s">
        <v>244917</v>
      </c>
      <c r="J73478" s="1" t="s">
        <v>245732</v>
      </c>
    </row>
    <row r="73479" spans="1:10" x14ac:dyDescent="0.35">
      <c r="A73479" s="1" t="s">
        <v>27414</v>
      </c>
      <c r="B73479" s="1" t="s">
        <v>244913</v>
      </c>
      <c r="C73479" s="1" t="s">
        <v>105</v>
      </c>
      <c r="D73479" s="1" t="s">
        <v>245733</v>
      </c>
      <c r="E73479" s="1" t="s">
        <v>245734</v>
      </c>
      <c r="F73479" s="1" t="s">
        <v>245735</v>
      </c>
      <c r="G73479" s="1" t="s">
        <v>245673</v>
      </c>
      <c r="H73479" s="1" t="s">
        <v>245674</v>
      </c>
      <c r="I73479" s="1" t="s">
        <v>244917</v>
      </c>
      <c r="J73479" s="1" t="s">
        <v>245736</v>
      </c>
    </row>
    <row r="73480" spans="1:10" x14ac:dyDescent="0.35">
      <c r="A73480" s="1" t="s">
        <v>27414</v>
      </c>
      <c r="B73480" s="1" t="s">
        <v>244913</v>
      </c>
      <c r="C73480" s="1" t="s">
        <v>110</v>
      </c>
      <c r="D73480" s="1" t="s">
        <v>245737</v>
      </c>
      <c r="E73480" s="1" t="s">
        <v>245738</v>
      </c>
      <c r="F73480" s="1" t="s">
        <v>245739</v>
      </c>
      <c r="G73480" s="1" t="s">
        <v>245673</v>
      </c>
      <c r="H73480" s="1" t="s">
        <v>245674</v>
      </c>
      <c r="I73480" s="1" t="s">
        <v>244917</v>
      </c>
      <c r="J73480" s="1" t="s">
        <v>245740</v>
      </c>
    </row>
    <row r="73481" spans="1:10" x14ac:dyDescent="0.35">
      <c r="A73481" s="1" t="s">
        <v>27414</v>
      </c>
      <c r="B73481" s="1" t="s">
        <v>244913</v>
      </c>
      <c r="C73481" s="1" t="s">
        <v>115</v>
      </c>
      <c r="D73481" s="1" t="s">
        <v>83538</v>
      </c>
      <c r="E73481" s="1" t="s">
        <v>245741</v>
      </c>
      <c r="F73481" s="1" t="s">
        <v>245742</v>
      </c>
      <c r="G73481" s="1" t="s">
        <v>245673</v>
      </c>
      <c r="H73481" s="1" t="s">
        <v>245674</v>
      </c>
      <c r="I73481" s="1" t="s">
        <v>244917</v>
      </c>
      <c r="J73481" s="1" t="s">
        <v>245743</v>
      </c>
    </row>
    <row r="73482" spans="1:10" x14ac:dyDescent="0.35">
      <c r="A73482" s="1" t="s">
        <v>27414</v>
      </c>
      <c r="B73482" s="1" t="s">
        <v>244913</v>
      </c>
      <c r="C73482" s="1" t="s">
        <v>120</v>
      </c>
      <c r="D73482" s="1" t="s">
        <v>114507</v>
      </c>
      <c r="E73482" s="1" t="s">
        <v>245744</v>
      </c>
      <c r="F73482" s="1" t="s">
        <v>245745</v>
      </c>
      <c r="G73482" s="1" t="s">
        <v>245673</v>
      </c>
      <c r="H73482" s="1" t="s">
        <v>245674</v>
      </c>
      <c r="I73482" s="1" t="s">
        <v>244917</v>
      </c>
      <c r="J73482" s="1" t="s">
        <v>245746</v>
      </c>
    </row>
    <row r="73483" spans="1:10" x14ac:dyDescent="0.35">
      <c r="A73483" s="1" t="s">
        <v>27414</v>
      </c>
      <c r="B73483" s="1" t="s">
        <v>244913</v>
      </c>
      <c r="C73483" s="1" t="s">
        <v>125</v>
      </c>
      <c r="D73483" s="1" t="s">
        <v>245747</v>
      </c>
      <c r="E73483" s="1" t="s">
        <v>245748</v>
      </c>
      <c r="F73483" s="1" t="s">
        <v>245749</v>
      </c>
      <c r="G73483" s="1" t="s">
        <v>245673</v>
      </c>
      <c r="H73483" s="1" t="s">
        <v>245674</v>
      </c>
      <c r="I73483" s="1" t="s">
        <v>244917</v>
      </c>
      <c r="J73483" s="1" t="s">
        <v>245750</v>
      </c>
    </row>
    <row r="73484" spans="1:10" x14ac:dyDescent="0.35">
      <c r="A73484" s="1" t="s">
        <v>27414</v>
      </c>
      <c r="B73484" s="1" t="s">
        <v>244913</v>
      </c>
      <c r="C73484" s="1" t="s">
        <v>130</v>
      </c>
      <c r="D73484" s="1" t="s">
        <v>180707</v>
      </c>
      <c r="E73484" s="1" t="s">
        <v>245751</v>
      </c>
      <c r="F73484" s="1" t="s">
        <v>245752</v>
      </c>
      <c r="G73484" s="1" t="s">
        <v>245673</v>
      </c>
      <c r="H73484" s="1" t="s">
        <v>245674</v>
      </c>
      <c r="I73484" s="1" t="s">
        <v>244917</v>
      </c>
      <c r="J73484" s="1" t="s">
        <v>245753</v>
      </c>
    </row>
    <row r="73485" spans="1:10" x14ac:dyDescent="0.35">
      <c r="A73485" s="1" t="s">
        <v>27414</v>
      </c>
      <c r="B73485" s="1" t="s">
        <v>244913</v>
      </c>
      <c r="C73485" s="1" t="s">
        <v>135</v>
      </c>
      <c r="D73485" s="1" t="s">
        <v>173079</v>
      </c>
      <c r="E73485" s="1" t="s">
        <v>245754</v>
      </c>
      <c r="F73485" s="1" t="s">
        <v>245755</v>
      </c>
      <c r="G73485" s="1" t="s">
        <v>245673</v>
      </c>
      <c r="H73485" s="1" t="s">
        <v>245674</v>
      </c>
      <c r="I73485" s="1" t="s">
        <v>244917</v>
      </c>
      <c r="J73485" s="1" t="s">
        <v>245756</v>
      </c>
    </row>
    <row r="73486" spans="1:10" x14ac:dyDescent="0.35">
      <c r="A73486" s="1" t="s">
        <v>27414</v>
      </c>
      <c r="B73486" s="1" t="s">
        <v>244913</v>
      </c>
      <c r="C73486" s="1" t="s">
        <v>140</v>
      </c>
      <c r="D73486" s="1" t="s">
        <v>114165</v>
      </c>
      <c r="E73486" s="1" t="s">
        <v>245757</v>
      </c>
      <c r="F73486" s="1" t="s">
        <v>245758</v>
      </c>
      <c r="G73486" s="1" t="s">
        <v>245673</v>
      </c>
      <c r="H73486" s="1" t="s">
        <v>245674</v>
      </c>
      <c r="I73486" s="1" t="s">
        <v>244917</v>
      </c>
      <c r="J73486" s="1" t="s">
        <v>245759</v>
      </c>
    </row>
    <row r="73487" spans="1:10" x14ac:dyDescent="0.35">
      <c r="A73487" s="1" t="s">
        <v>27414</v>
      </c>
      <c r="B73487" s="1" t="s">
        <v>244913</v>
      </c>
      <c r="C73487" s="1" t="s">
        <v>145</v>
      </c>
      <c r="D73487" s="1" t="s">
        <v>13090</v>
      </c>
      <c r="E73487" s="1" t="s">
        <v>245760</v>
      </c>
      <c r="F73487" s="1" t="s">
        <v>245761</v>
      </c>
      <c r="G73487" s="1" t="s">
        <v>245673</v>
      </c>
      <c r="H73487" s="1" t="s">
        <v>245674</v>
      </c>
      <c r="I73487" s="1" t="s">
        <v>244917</v>
      </c>
      <c r="J73487" s="1" t="s">
        <v>245762</v>
      </c>
    </row>
    <row r="73488" spans="1:10" x14ac:dyDescent="0.35">
      <c r="A73488" s="1" t="s">
        <v>27414</v>
      </c>
      <c r="B73488" s="1" t="s">
        <v>244913</v>
      </c>
      <c r="C73488" s="1" t="s">
        <v>150</v>
      </c>
      <c r="D73488" s="1" t="s">
        <v>245763</v>
      </c>
      <c r="E73488" s="1" t="s">
        <v>245764</v>
      </c>
      <c r="F73488" s="1" t="s">
        <v>245765</v>
      </c>
      <c r="G73488" s="1" t="s">
        <v>245673</v>
      </c>
      <c r="H73488" s="1" t="s">
        <v>245674</v>
      </c>
      <c r="I73488" s="1" t="s">
        <v>244917</v>
      </c>
      <c r="J73488" s="1" t="s">
        <v>245766</v>
      </c>
    </row>
    <row r="73489" spans="1:10" x14ac:dyDescent="0.35">
      <c r="A73489" s="1" t="s">
        <v>27414</v>
      </c>
      <c r="B73489" s="1" t="s">
        <v>244913</v>
      </c>
      <c r="C73489" s="1" t="s">
        <v>155</v>
      </c>
      <c r="D73489" s="1" t="s">
        <v>120600</v>
      </c>
      <c r="E73489" s="1" t="s">
        <v>245767</v>
      </c>
      <c r="F73489" s="1" t="s">
        <v>245768</v>
      </c>
      <c r="G73489" s="1" t="s">
        <v>245673</v>
      </c>
      <c r="H73489" s="1" t="s">
        <v>245674</v>
      </c>
      <c r="I73489" s="1" t="s">
        <v>244917</v>
      </c>
      <c r="J73489" s="1" t="s">
        <v>245769</v>
      </c>
    </row>
    <row r="73490" spans="1:10" x14ac:dyDescent="0.35">
      <c r="A73490" s="1" t="s">
        <v>27414</v>
      </c>
      <c r="B73490" s="1" t="s">
        <v>244913</v>
      </c>
      <c r="C73490" s="1" t="s">
        <v>160</v>
      </c>
      <c r="D73490" s="1" t="s">
        <v>142985</v>
      </c>
      <c r="E73490" s="1" t="s">
        <v>245770</v>
      </c>
      <c r="F73490" s="1" t="s">
        <v>245771</v>
      </c>
      <c r="G73490" s="1" t="s">
        <v>245673</v>
      </c>
      <c r="H73490" s="1" t="s">
        <v>245674</v>
      </c>
      <c r="I73490" s="1" t="s">
        <v>244917</v>
      </c>
      <c r="J73490" s="1" t="s">
        <v>245772</v>
      </c>
    </row>
    <row r="73491" spans="1:10" x14ac:dyDescent="0.35">
      <c r="A73491" s="1" t="s">
        <v>27414</v>
      </c>
      <c r="B73491" s="1" t="s">
        <v>244913</v>
      </c>
      <c r="C73491" s="1" t="s">
        <v>165</v>
      </c>
      <c r="D73491" s="1" t="s">
        <v>74186</v>
      </c>
      <c r="E73491" s="1" t="s">
        <v>245773</v>
      </c>
      <c r="F73491" s="1" t="s">
        <v>245774</v>
      </c>
      <c r="G73491" s="1" t="s">
        <v>245673</v>
      </c>
      <c r="H73491" s="1" t="s">
        <v>245674</v>
      </c>
      <c r="I73491" s="1" t="s">
        <v>244917</v>
      </c>
      <c r="J73491" s="1" t="s">
        <v>245775</v>
      </c>
    </row>
    <row r="73492" spans="1:10" x14ac:dyDescent="0.35">
      <c r="A73492" s="1" t="s">
        <v>27414</v>
      </c>
      <c r="B73492" s="1" t="s">
        <v>244913</v>
      </c>
      <c r="C73492" s="1" t="s">
        <v>170</v>
      </c>
      <c r="D73492" s="1" t="s">
        <v>7916</v>
      </c>
      <c r="E73492" s="1" t="s">
        <v>245776</v>
      </c>
      <c r="F73492" s="1" t="s">
        <v>245777</v>
      </c>
      <c r="G73492" s="1" t="s">
        <v>245673</v>
      </c>
      <c r="H73492" s="1" t="s">
        <v>245674</v>
      </c>
      <c r="I73492" s="1" t="s">
        <v>244917</v>
      </c>
      <c r="J73492" s="1" t="s">
        <v>245778</v>
      </c>
    </row>
    <row r="73493" spans="1:10" x14ac:dyDescent="0.35">
      <c r="A73493" s="1" t="s">
        <v>8361</v>
      </c>
      <c r="B73493" s="1" t="s">
        <v>244913</v>
      </c>
      <c r="C73493" s="1" t="s">
        <v>8</v>
      </c>
      <c r="D73493" s="1" t="s">
        <v>245127</v>
      </c>
      <c r="E73493" s="1" t="s">
        <v>245779</v>
      </c>
      <c r="F73493" s="1" t="s">
        <v>245780</v>
      </c>
      <c r="G73493" s="1" t="s">
        <v>245781</v>
      </c>
      <c r="H73493" s="1" t="s">
        <v>245782</v>
      </c>
      <c r="I73493" s="1" t="s">
        <v>244917</v>
      </c>
      <c r="J73493" s="1" t="s">
        <v>13</v>
      </c>
    </row>
    <row r="73494" spans="1:10" x14ac:dyDescent="0.35">
      <c r="A73494" s="1" t="s">
        <v>8361</v>
      </c>
      <c r="B73494" s="1" t="s">
        <v>244913</v>
      </c>
      <c r="C73494" s="1" t="s">
        <v>15</v>
      </c>
      <c r="D73494" s="1" t="s">
        <v>202648</v>
      </c>
      <c r="E73494" s="1" t="s">
        <v>245783</v>
      </c>
      <c r="F73494" s="1" t="s">
        <v>245784</v>
      </c>
      <c r="G73494" s="1" t="s">
        <v>245781</v>
      </c>
      <c r="H73494" s="1" t="s">
        <v>245782</v>
      </c>
      <c r="I73494" s="1" t="s">
        <v>244917</v>
      </c>
      <c r="J73494" s="1" t="s">
        <v>245134</v>
      </c>
    </row>
    <row r="73495" spans="1:10" x14ac:dyDescent="0.35">
      <c r="A73495" s="1" t="s">
        <v>8361</v>
      </c>
      <c r="B73495" s="1" t="s">
        <v>244913</v>
      </c>
      <c r="C73495" s="1" t="s">
        <v>20</v>
      </c>
      <c r="D73495" s="1" t="s">
        <v>155712</v>
      </c>
      <c r="E73495" s="1" t="s">
        <v>245785</v>
      </c>
      <c r="F73495" s="1" t="s">
        <v>245786</v>
      </c>
      <c r="G73495" s="1" t="s">
        <v>245781</v>
      </c>
      <c r="H73495" s="1" t="s">
        <v>245782</v>
      </c>
      <c r="I73495" s="1" t="s">
        <v>244917</v>
      </c>
      <c r="J73495" s="1" t="s">
        <v>245137</v>
      </c>
    </row>
    <row r="73496" spans="1:10" x14ac:dyDescent="0.35">
      <c r="A73496" s="1" t="s">
        <v>8361</v>
      </c>
      <c r="B73496" s="1" t="s">
        <v>244913</v>
      </c>
      <c r="C73496" s="1" t="s">
        <v>25</v>
      </c>
      <c r="D73496" s="1" t="s">
        <v>3128</v>
      </c>
      <c r="E73496" s="1" t="s">
        <v>245787</v>
      </c>
      <c r="F73496" s="1" t="s">
        <v>245788</v>
      </c>
      <c r="G73496" s="1" t="s">
        <v>245781</v>
      </c>
      <c r="H73496" s="1" t="s">
        <v>245782</v>
      </c>
      <c r="I73496" s="1" t="s">
        <v>244917</v>
      </c>
      <c r="J73496" s="1" t="s">
        <v>245140</v>
      </c>
    </row>
    <row r="73497" spans="1:10" x14ac:dyDescent="0.35">
      <c r="A73497" s="1" t="s">
        <v>8361</v>
      </c>
      <c r="B73497" s="1" t="s">
        <v>244913</v>
      </c>
      <c r="C73497" s="1" t="s">
        <v>30</v>
      </c>
      <c r="D73497" s="1" t="s">
        <v>37852</v>
      </c>
      <c r="E73497" s="1" t="s">
        <v>245789</v>
      </c>
      <c r="F73497" s="1" t="s">
        <v>245790</v>
      </c>
      <c r="G73497" s="1" t="s">
        <v>245781</v>
      </c>
      <c r="H73497" s="1" t="s">
        <v>245782</v>
      </c>
      <c r="I73497" s="1" t="s">
        <v>244917</v>
      </c>
      <c r="J73497" s="1" t="s">
        <v>245143</v>
      </c>
    </row>
    <row r="73498" spans="1:10" x14ac:dyDescent="0.35">
      <c r="A73498" s="1" t="s">
        <v>8361</v>
      </c>
      <c r="B73498" s="1" t="s">
        <v>244913</v>
      </c>
      <c r="C73498" s="1" t="s">
        <v>35</v>
      </c>
      <c r="D73498" s="1" t="s">
        <v>3473</v>
      </c>
      <c r="E73498" s="1" t="s">
        <v>245791</v>
      </c>
      <c r="F73498" s="1" t="s">
        <v>245792</v>
      </c>
      <c r="G73498" s="1" t="s">
        <v>245781</v>
      </c>
      <c r="H73498" s="1" t="s">
        <v>245782</v>
      </c>
      <c r="I73498" s="1" t="s">
        <v>244917</v>
      </c>
      <c r="J73498" s="1" t="s">
        <v>245146</v>
      </c>
    </row>
    <row r="73499" spans="1:10" x14ac:dyDescent="0.35">
      <c r="A73499" s="1" t="s">
        <v>8361</v>
      </c>
      <c r="B73499" s="1" t="s">
        <v>244913</v>
      </c>
      <c r="C73499" s="1" t="s">
        <v>40</v>
      </c>
      <c r="D73499" s="1" t="s">
        <v>135198</v>
      </c>
      <c r="E73499" s="1" t="s">
        <v>245793</v>
      </c>
      <c r="F73499" s="1" t="s">
        <v>245794</v>
      </c>
      <c r="G73499" s="1" t="s">
        <v>245781</v>
      </c>
      <c r="H73499" s="1" t="s">
        <v>245782</v>
      </c>
      <c r="I73499" s="1" t="s">
        <v>244917</v>
      </c>
      <c r="J73499" s="1" t="s">
        <v>245149</v>
      </c>
    </row>
    <row r="73500" spans="1:10" x14ac:dyDescent="0.35">
      <c r="A73500" s="1" t="s">
        <v>8361</v>
      </c>
      <c r="B73500" s="1" t="s">
        <v>244913</v>
      </c>
      <c r="C73500" s="1" t="s">
        <v>45</v>
      </c>
      <c r="D73500" s="1" t="s">
        <v>160465</v>
      </c>
      <c r="E73500" s="1" t="s">
        <v>245795</v>
      </c>
      <c r="F73500" s="1" t="s">
        <v>245796</v>
      </c>
      <c r="G73500" s="1" t="s">
        <v>245781</v>
      </c>
      <c r="H73500" s="1" t="s">
        <v>245782</v>
      </c>
      <c r="I73500" s="1" t="s">
        <v>244917</v>
      </c>
      <c r="J73500" s="1" t="s">
        <v>245152</v>
      </c>
    </row>
    <row r="73501" spans="1:10" x14ac:dyDescent="0.35">
      <c r="A73501" s="1" t="s">
        <v>8361</v>
      </c>
      <c r="B73501" s="1" t="s">
        <v>244913</v>
      </c>
      <c r="C73501" s="1" t="s">
        <v>50</v>
      </c>
      <c r="D73501" s="1" t="s">
        <v>171830</v>
      </c>
      <c r="E73501" s="1" t="s">
        <v>245797</v>
      </c>
      <c r="F73501" s="1" t="s">
        <v>245798</v>
      </c>
      <c r="G73501" s="1" t="s">
        <v>245781</v>
      </c>
      <c r="H73501" s="1" t="s">
        <v>245782</v>
      </c>
      <c r="I73501" s="1" t="s">
        <v>244917</v>
      </c>
      <c r="J73501" s="1" t="s">
        <v>245155</v>
      </c>
    </row>
    <row r="73502" spans="1:10" x14ac:dyDescent="0.35">
      <c r="A73502" s="1" t="s">
        <v>8361</v>
      </c>
      <c r="B73502" s="1" t="s">
        <v>244913</v>
      </c>
      <c r="C73502" s="1" t="s">
        <v>55</v>
      </c>
      <c r="D73502" s="1" t="s">
        <v>245156</v>
      </c>
      <c r="E73502" s="1" t="s">
        <v>245799</v>
      </c>
      <c r="F73502" s="1" t="s">
        <v>245800</v>
      </c>
      <c r="G73502" s="1" t="s">
        <v>245781</v>
      </c>
      <c r="H73502" s="1" t="s">
        <v>245782</v>
      </c>
      <c r="I73502" s="1" t="s">
        <v>244917</v>
      </c>
      <c r="J73502" s="1" t="s">
        <v>245159</v>
      </c>
    </row>
    <row r="73503" spans="1:10" x14ac:dyDescent="0.35">
      <c r="A73503" s="1" t="s">
        <v>8361</v>
      </c>
      <c r="B73503" s="1" t="s">
        <v>244913</v>
      </c>
      <c r="C73503" s="1" t="s">
        <v>60</v>
      </c>
      <c r="D73503" s="1" t="s">
        <v>45071</v>
      </c>
      <c r="E73503" s="1" t="s">
        <v>245801</v>
      </c>
      <c r="F73503" s="1" t="s">
        <v>245802</v>
      </c>
      <c r="G73503" s="1" t="s">
        <v>245781</v>
      </c>
      <c r="H73503" s="1" t="s">
        <v>245782</v>
      </c>
      <c r="I73503" s="1" t="s">
        <v>244917</v>
      </c>
      <c r="J73503" s="1" t="s">
        <v>245162</v>
      </c>
    </row>
    <row r="73504" spans="1:10" x14ac:dyDescent="0.35">
      <c r="A73504" s="1" t="s">
        <v>8361</v>
      </c>
      <c r="B73504" s="1" t="s">
        <v>244913</v>
      </c>
      <c r="C73504" s="1" t="s">
        <v>65</v>
      </c>
      <c r="D73504" s="1" t="s">
        <v>150228</v>
      </c>
      <c r="E73504" s="1" t="s">
        <v>245803</v>
      </c>
      <c r="F73504" s="1" t="s">
        <v>245804</v>
      </c>
      <c r="G73504" s="1" t="s">
        <v>245781</v>
      </c>
      <c r="H73504" s="1" t="s">
        <v>245782</v>
      </c>
      <c r="I73504" s="1" t="s">
        <v>244917</v>
      </c>
      <c r="J73504" s="1" t="s">
        <v>245165</v>
      </c>
    </row>
    <row r="73505" spans="1:10" x14ac:dyDescent="0.35">
      <c r="A73505" s="1" t="s">
        <v>8361</v>
      </c>
      <c r="B73505" s="1" t="s">
        <v>244913</v>
      </c>
      <c r="C73505" s="1" t="s">
        <v>70</v>
      </c>
      <c r="D73505" s="1" t="s">
        <v>154103</v>
      </c>
      <c r="E73505" s="1" t="s">
        <v>245805</v>
      </c>
      <c r="F73505" s="1" t="s">
        <v>245806</v>
      </c>
      <c r="G73505" s="1" t="s">
        <v>245781</v>
      </c>
      <c r="H73505" s="1" t="s">
        <v>245782</v>
      </c>
      <c r="I73505" s="1" t="s">
        <v>244917</v>
      </c>
      <c r="J73505" s="1" t="s">
        <v>245168</v>
      </c>
    </row>
    <row r="73506" spans="1:10" x14ac:dyDescent="0.35">
      <c r="A73506" s="1" t="s">
        <v>8361</v>
      </c>
      <c r="B73506" s="1" t="s">
        <v>244913</v>
      </c>
      <c r="C73506" s="1" t="s">
        <v>75</v>
      </c>
      <c r="D73506" s="1" t="s">
        <v>245169</v>
      </c>
      <c r="E73506" s="1" t="s">
        <v>245807</v>
      </c>
      <c r="F73506" s="1" t="s">
        <v>245808</v>
      </c>
      <c r="G73506" s="1" t="s">
        <v>245781</v>
      </c>
      <c r="H73506" s="1" t="s">
        <v>245782</v>
      </c>
      <c r="I73506" s="1" t="s">
        <v>244917</v>
      </c>
      <c r="J73506" s="1" t="s">
        <v>245172</v>
      </c>
    </row>
    <row r="73507" spans="1:10" x14ac:dyDescent="0.35">
      <c r="A73507" s="1" t="s">
        <v>8361</v>
      </c>
      <c r="B73507" s="1" t="s">
        <v>244913</v>
      </c>
      <c r="C73507" s="1" t="s">
        <v>80</v>
      </c>
      <c r="D73507" s="1" t="s">
        <v>17179</v>
      </c>
      <c r="E73507" s="1" t="s">
        <v>245809</v>
      </c>
      <c r="F73507" s="1" t="s">
        <v>245810</v>
      </c>
      <c r="G73507" s="1" t="s">
        <v>245781</v>
      </c>
      <c r="H73507" s="1" t="s">
        <v>245782</v>
      </c>
      <c r="I73507" s="1" t="s">
        <v>244917</v>
      </c>
      <c r="J73507" s="1" t="s">
        <v>245175</v>
      </c>
    </row>
    <row r="73508" spans="1:10" x14ac:dyDescent="0.35">
      <c r="A73508" s="1" t="s">
        <v>8361</v>
      </c>
      <c r="B73508" s="1" t="s">
        <v>244913</v>
      </c>
      <c r="C73508" s="1" t="s">
        <v>85</v>
      </c>
      <c r="D73508" s="1" t="s">
        <v>135764</v>
      </c>
      <c r="E73508" s="1" t="s">
        <v>245811</v>
      </c>
      <c r="F73508" s="1" t="s">
        <v>245812</v>
      </c>
      <c r="G73508" s="1" t="s">
        <v>245781</v>
      </c>
      <c r="H73508" s="1" t="s">
        <v>245782</v>
      </c>
      <c r="I73508" s="1" t="s">
        <v>244917</v>
      </c>
      <c r="J73508" s="1" t="s">
        <v>245178</v>
      </c>
    </row>
    <row r="73509" spans="1:10" x14ac:dyDescent="0.35">
      <c r="A73509" s="1" t="s">
        <v>8361</v>
      </c>
      <c r="B73509" s="1" t="s">
        <v>244913</v>
      </c>
      <c r="C73509" s="1" t="s">
        <v>90</v>
      </c>
      <c r="D73509" s="1" t="s">
        <v>74331</v>
      </c>
      <c r="E73509" s="1" t="s">
        <v>245813</v>
      </c>
      <c r="F73509" s="1" t="s">
        <v>245814</v>
      </c>
      <c r="G73509" s="1" t="s">
        <v>245781</v>
      </c>
      <c r="H73509" s="1" t="s">
        <v>245782</v>
      </c>
      <c r="I73509" s="1" t="s">
        <v>244917</v>
      </c>
      <c r="J73509" s="1" t="s">
        <v>245181</v>
      </c>
    </row>
    <row r="73510" spans="1:10" x14ac:dyDescent="0.35">
      <c r="A73510" s="1" t="s">
        <v>8361</v>
      </c>
      <c r="B73510" s="1" t="s">
        <v>244913</v>
      </c>
      <c r="C73510" s="1" t="s">
        <v>95</v>
      </c>
      <c r="D73510" s="1" t="s">
        <v>33207</v>
      </c>
      <c r="E73510" s="1" t="s">
        <v>245815</v>
      </c>
      <c r="F73510" s="1" t="s">
        <v>245816</v>
      </c>
      <c r="G73510" s="1" t="s">
        <v>245781</v>
      </c>
      <c r="H73510" s="1" t="s">
        <v>245782</v>
      </c>
      <c r="I73510" s="1" t="s">
        <v>244917</v>
      </c>
      <c r="J73510" s="1" t="s">
        <v>245184</v>
      </c>
    </row>
    <row r="73511" spans="1:10" x14ac:dyDescent="0.35">
      <c r="A73511" s="1" t="s">
        <v>8361</v>
      </c>
      <c r="B73511" s="1" t="s">
        <v>244913</v>
      </c>
      <c r="C73511" s="1" t="s">
        <v>100</v>
      </c>
      <c r="D73511" s="1" t="s">
        <v>75074</v>
      </c>
      <c r="E73511" s="1" t="s">
        <v>245817</v>
      </c>
      <c r="F73511" s="1" t="s">
        <v>245818</v>
      </c>
      <c r="G73511" s="1" t="s">
        <v>245781</v>
      </c>
      <c r="H73511" s="1" t="s">
        <v>245782</v>
      </c>
      <c r="I73511" s="1" t="s">
        <v>244917</v>
      </c>
      <c r="J73511" s="1" t="s">
        <v>245187</v>
      </c>
    </row>
    <row r="73512" spans="1:10" x14ac:dyDescent="0.35">
      <c r="A73512" s="1" t="s">
        <v>8361</v>
      </c>
      <c r="B73512" s="1" t="s">
        <v>244913</v>
      </c>
      <c r="C73512" s="1" t="s">
        <v>105</v>
      </c>
      <c r="D73512" s="1" t="s">
        <v>74912</v>
      </c>
      <c r="E73512" s="1" t="s">
        <v>245819</v>
      </c>
      <c r="F73512" s="1" t="s">
        <v>245820</v>
      </c>
      <c r="G73512" s="1" t="s">
        <v>245781</v>
      </c>
      <c r="H73512" s="1" t="s">
        <v>245782</v>
      </c>
      <c r="I73512" s="1" t="s">
        <v>244917</v>
      </c>
      <c r="J73512" s="1" t="s">
        <v>245190</v>
      </c>
    </row>
    <row r="73513" spans="1:10" x14ac:dyDescent="0.35">
      <c r="A73513" s="1" t="s">
        <v>8361</v>
      </c>
      <c r="B73513" s="1" t="s">
        <v>244913</v>
      </c>
      <c r="C73513" s="1" t="s">
        <v>110</v>
      </c>
      <c r="D73513" s="1" t="s">
        <v>5421</v>
      </c>
      <c r="E73513" s="1" t="s">
        <v>245821</v>
      </c>
      <c r="F73513" s="1" t="s">
        <v>245822</v>
      </c>
      <c r="G73513" s="1" t="s">
        <v>245781</v>
      </c>
      <c r="H73513" s="1" t="s">
        <v>245782</v>
      </c>
      <c r="I73513" s="1" t="s">
        <v>244917</v>
      </c>
      <c r="J73513" s="1" t="s">
        <v>245193</v>
      </c>
    </row>
    <row r="73514" spans="1:10" x14ac:dyDescent="0.35">
      <c r="A73514" s="1" t="s">
        <v>8361</v>
      </c>
      <c r="B73514" s="1" t="s">
        <v>244913</v>
      </c>
      <c r="C73514" s="1" t="s">
        <v>115</v>
      </c>
      <c r="D73514" s="1" t="s">
        <v>173576</v>
      </c>
      <c r="E73514" s="1" t="s">
        <v>245823</v>
      </c>
      <c r="F73514" s="1" t="s">
        <v>245824</v>
      </c>
      <c r="G73514" s="1" t="s">
        <v>245781</v>
      </c>
      <c r="H73514" s="1" t="s">
        <v>245782</v>
      </c>
      <c r="I73514" s="1" t="s">
        <v>244917</v>
      </c>
      <c r="J73514" s="1" t="s">
        <v>245196</v>
      </c>
    </row>
    <row r="73515" spans="1:10" x14ac:dyDescent="0.35">
      <c r="A73515" s="1" t="s">
        <v>8361</v>
      </c>
      <c r="B73515" s="1" t="s">
        <v>244913</v>
      </c>
      <c r="C73515" s="1" t="s">
        <v>120</v>
      </c>
      <c r="D73515" s="1" t="s">
        <v>30676</v>
      </c>
      <c r="E73515" s="1" t="s">
        <v>245825</v>
      </c>
      <c r="F73515" s="1" t="s">
        <v>245826</v>
      </c>
      <c r="G73515" s="1" t="s">
        <v>245781</v>
      </c>
      <c r="H73515" s="1" t="s">
        <v>245782</v>
      </c>
      <c r="I73515" s="1" t="s">
        <v>244917</v>
      </c>
      <c r="J73515" s="1" t="s">
        <v>245199</v>
      </c>
    </row>
    <row r="73516" spans="1:10" x14ac:dyDescent="0.35">
      <c r="A73516" s="1" t="s">
        <v>8361</v>
      </c>
      <c r="B73516" s="1" t="s">
        <v>244913</v>
      </c>
      <c r="C73516" s="1" t="s">
        <v>125</v>
      </c>
      <c r="D73516" s="1" t="s">
        <v>157842</v>
      </c>
      <c r="E73516" s="1" t="s">
        <v>245827</v>
      </c>
      <c r="F73516" s="1" t="s">
        <v>245828</v>
      </c>
      <c r="G73516" s="1" t="s">
        <v>245781</v>
      </c>
      <c r="H73516" s="1" t="s">
        <v>245782</v>
      </c>
      <c r="I73516" s="1" t="s">
        <v>244917</v>
      </c>
      <c r="J73516" s="1" t="s">
        <v>245202</v>
      </c>
    </row>
    <row r="73517" spans="1:10" x14ac:dyDescent="0.35">
      <c r="A73517" s="1" t="s">
        <v>8361</v>
      </c>
      <c r="B73517" s="1" t="s">
        <v>244913</v>
      </c>
      <c r="C73517" s="1" t="s">
        <v>130</v>
      </c>
      <c r="D73517" s="1" t="s">
        <v>113309</v>
      </c>
      <c r="E73517" s="1" t="s">
        <v>245829</v>
      </c>
      <c r="F73517" s="1" t="s">
        <v>245830</v>
      </c>
      <c r="G73517" s="1" t="s">
        <v>245781</v>
      </c>
      <c r="H73517" s="1" t="s">
        <v>245782</v>
      </c>
      <c r="I73517" s="1" t="s">
        <v>244917</v>
      </c>
      <c r="J73517" s="1" t="s">
        <v>245205</v>
      </c>
    </row>
    <row r="73518" spans="1:10" x14ac:dyDescent="0.35">
      <c r="A73518" s="1" t="s">
        <v>8361</v>
      </c>
      <c r="B73518" s="1" t="s">
        <v>244913</v>
      </c>
      <c r="C73518" s="1" t="s">
        <v>135</v>
      </c>
      <c r="D73518" s="1" t="s">
        <v>71802</v>
      </c>
      <c r="E73518" s="1" t="s">
        <v>245831</v>
      </c>
      <c r="F73518" s="1" t="s">
        <v>245832</v>
      </c>
      <c r="G73518" s="1" t="s">
        <v>245781</v>
      </c>
      <c r="H73518" s="1" t="s">
        <v>245782</v>
      </c>
      <c r="I73518" s="1" t="s">
        <v>244917</v>
      </c>
      <c r="J73518" s="1" t="s">
        <v>245208</v>
      </c>
    </row>
    <row r="73519" spans="1:10" x14ac:dyDescent="0.35">
      <c r="A73519" s="1" t="s">
        <v>8361</v>
      </c>
      <c r="B73519" s="1" t="s">
        <v>244913</v>
      </c>
      <c r="C73519" s="1" t="s">
        <v>140</v>
      </c>
      <c r="D73519" s="1" t="s">
        <v>198092</v>
      </c>
      <c r="E73519" s="1" t="s">
        <v>245833</v>
      </c>
      <c r="F73519" s="1" t="s">
        <v>245834</v>
      </c>
      <c r="G73519" s="1" t="s">
        <v>245781</v>
      </c>
      <c r="H73519" s="1" t="s">
        <v>245782</v>
      </c>
      <c r="I73519" s="1" t="s">
        <v>244917</v>
      </c>
      <c r="J73519" s="1" t="s">
        <v>245211</v>
      </c>
    </row>
    <row r="73520" spans="1:10" x14ac:dyDescent="0.35">
      <c r="A73520" s="1" t="s">
        <v>8361</v>
      </c>
      <c r="B73520" s="1" t="s">
        <v>244913</v>
      </c>
      <c r="C73520" s="1" t="s">
        <v>145</v>
      </c>
      <c r="D73520" s="1" t="s">
        <v>52127</v>
      </c>
      <c r="E73520" s="1" t="s">
        <v>245835</v>
      </c>
      <c r="F73520" s="1" t="s">
        <v>245836</v>
      </c>
      <c r="G73520" s="1" t="s">
        <v>245781</v>
      </c>
      <c r="H73520" s="1" t="s">
        <v>245782</v>
      </c>
      <c r="I73520" s="1" t="s">
        <v>244917</v>
      </c>
      <c r="J73520" s="1" t="s">
        <v>245214</v>
      </c>
    </row>
    <row r="73521" spans="1:10" x14ac:dyDescent="0.35">
      <c r="A73521" s="1" t="s">
        <v>8361</v>
      </c>
      <c r="B73521" s="1" t="s">
        <v>244913</v>
      </c>
      <c r="C73521" s="1" t="s">
        <v>150</v>
      </c>
      <c r="D73521" s="1" t="s">
        <v>45504</v>
      </c>
      <c r="E73521" s="1" t="s">
        <v>245837</v>
      </c>
      <c r="F73521" s="1" t="s">
        <v>245838</v>
      </c>
      <c r="G73521" s="1" t="s">
        <v>245781</v>
      </c>
      <c r="H73521" s="1" t="s">
        <v>245782</v>
      </c>
      <c r="I73521" s="1" t="s">
        <v>244917</v>
      </c>
      <c r="J73521" s="1" t="s">
        <v>245217</v>
      </c>
    </row>
    <row r="73522" spans="1:10" x14ac:dyDescent="0.35">
      <c r="A73522" s="1" t="s">
        <v>8361</v>
      </c>
      <c r="B73522" s="1" t="s">
        <v>244913</v>
      </c>
      <c r="C73522" s="1" t="s">
        <v>155</v>
      </c>
      <c r="D73522" s="1" t="s">
        <v>143429</v>
      </c>
      <c r="E73522" s="1" t="s">
        <v>245839</v>
      </c>
      <c r="F73522" s="1" t="s">
        <v>245840</v>
      </c>
      <c r="G73522" s="1" t="s">
        <v>245781</v>
      </c>
      <c r="H73522" s="1" t="s">
        <v>245782</v>
      </c>
      <c r="I73522" s="1" t="s">
        <v>244917</v>
      </c>
      <c r="J73522" s="1" t="s">
        <v>245220</v>
      </c>
    </row>
    <row r="73523" spans="1:10" x14ac:dyDescent="0.35">
      <c r="A73523" s="1" t="s">
        <v>8361</v>
      </c>
      <c r="B73523" s="1" t="s">
        <v>244913</v>
      </c>
      <c r="C73523" s="1" t="s">
        <v>160</v>
      </c>
      <c r="D73523" s="1" t="s">
        <v>1663</v>
      </c>
      <c r="E73523" s="1" t="s">
        <v>245841</v>
      </c>
      <c r="F73523" s="1" t="s">
        <v>245842</v>
      </c>
      <c r="G73523" s="1" t="s">
        <v>245781</v>
      </c>
      <c r="H73523" s="1" t="s">
        <v>245782</v>
      </c>
      <c r="I73523" s="1" t="s">
        <v>244917</v>
      </c>
      <c r="J73523" s="1" t="s">
        <v>245223</v>
      </c>
    </row>
    <row r="73524" spans="1:10" x14ac:dyDescent="0.35">
      <c r="A73524" s="1" t="s">
        <v>8361</v>
      </c>
      <c r="B73524" s="1" t="s">
        <v>244913</v>
      </c>
      <c r="C73524" s="1" t="s">
        <v>165</v>
      </c>
      <c r="D73524" s="1" t="s">
        <v>4725</v>
      </c>
      <c r="E73524" s="1" t="s">
        <v>245843</v>
      </c>
      <c r="F73524" s="1" t="s">
        <v>245844</v>
      </c>
      <c r="G73524" s="1" t="s">
        <v>245781</v>
      </c>
      <c r="H73524" s="1" t="s">
        <v>245782</v>
      </c>
      <c r="I73524" s="1" t="s">
        <v>244917</v>
      </c>
      <c r="J73524" s="1" t="s">
        <v>245226</v>
      </c>
    </row>
    <row r="73525" spans="1:10" x14ac:dyDescent="0.35">
      <c r="A73525" s="1" t="s">
        <v>8361</v>
      </c>
      <c r="B73525" s="1" t="s">
        <v>244913</v>
      </c>
      <c r="C73525" s="1" t="s">
        <v>170</v>
      </c>
      <c r="D73525" s="1" t="s">
        <v>111195</v>
      </c>
      <c r="E73525" s="1" t="s">
        <v>245845</v>
      </c>
      <c r="F73525" s="1" t="s">
        <v>245846</v>
      </c>
      <c r="G73525" s="1" t="s">
        <v>245781</v>
      </c>
      <c r="H73525" s="1" t="s">
        <v>245782</v>
      </c>
      <c r="I73525" s="1" t="s">
        <v>244917</v>
      </c>
      <c r="J73525" s="1" t="s">
        <v>245229</v>
      </c>
    </row>
    <row r="73526" spans="1:10" x14ac:dyDescent="0.35">
      <c r="A73526" s="1" t="s">
        <v>29787</v>
      </c>
      <c r="B73526" s="1" t="s">
        <v>244913</v>
      </c>
      <c r="C73526" s="1" t="s">
        <v>8</v>
      </c>
      <c r="D73526" s="1" t="s">
        <v>153508</v>
      </c>
      <c r="E73526" s="1" t="s">
        <v>245847</v>
      </c>
      <c r="F73526" s="1" t="s">
        <v>245848</v>
      </c>
      <c r="G73526" s="1" t="s">
        <v>245849</v>
      </c>
      <c r="H73526" s="1" t="s">
        <v>245850</v>
      </c>
      <c r="I73526" s="1" t="s">
        <v>244917</v>
      </c>
      <c r="J73526" s="1" t="s">
        <v>13</v>
      </c>
    </row>
    <row r="73527" spans="1:10" x14ac:dyDescent="0.35">
      <c r="A73527" s="1" t="s">
        <v>29787</v>
      </c>
      <c r="B73527" s="1" t="s">
        <v>244913</v>
      </c>
      <c r="C73527" s="1" t="s">
        <v>15</v>
      </c>
      <c r="D73527" s="1" t="s">
        <v>32643</v>
      </c>
      <c r="E73527" s="1" t="s">
        <v>245851</v>
      </c>
      <c r="F73527" s="1" t="s">
        <v>245852</v>
      </c>
      <c r="G73527" s="1" t="s">
        <v>245849</v>
      </c>
      <c r="H73527" s="1" t="s">
        <v>245850</v>
      </c>
      <c r="I73527" s="1" t="s">
        <v>244917</v>
      </c>
      <c r="J73527" s="1" t="s">
        <v>245853</v>
      </c>
    </row>
    <row r="73528" spans="1:10" x14ac:dyDescent="0.35">
      <c r="A73528" s="1" t="s">
        <v>29787</v>
      </c>
      <c r="B73528" s="1" t="s">
        <v>244913</v>
      </c>
      <c r="C73528" s="1" t="s">
        <v>20</v>
      </c>
      <c r="D73528" s="1" t="s">
        <v>245500</v>
      </c>
      <c r="E73528" s="1" t="s">
        <v>245854</v>
      </c>
      <c r="F73528" s="1" t="s">
        <v>245855</v>
      </c>
      <c r="G73528" s="1" t="s">
        <v>245849</v>
      </c>
      <c r="H73528" s="1" t="s">
        <v>245850</v>
      </c>
      <c r="I73528" s="1" t="s">
        <v>244917</v>
      </c>
      <c r="J73528" s="1" t="s">
        <v>245856</v>
      </c>
    </row>
    <row r="73529" spans="1:10" x14ac:dyDescent="0.35">
      <c r="A73529" s="1" t="s">
        <v>29787</v>
      </c>
      <c r="B73529" s="1" t="s">
        <v>244913</v>
      </c>
      <c r="C73529" s="1" t="s">
        <v>25</v>
      </c>
      <c r="D73529" s="1" t="s">
        <v>191188</v>
      </c>
      <c r="E73529" s="1" t="s">
        <v>245857</v>
      </c>
      <c r="F73529" s="1" t="s">
        <v>245858</v>
      </c>
      <c r="G73529" s="1" t="s">
        <v>245849</v>
      </c>
      <c r="H73529" s="1" t="s">
        <v>245850</v>
      </c>
      <c r="I73529" s="1" t="s">
        <v>244917</v>
      </c>
      <c r="J73529" s="1" t="s">
        <v>245859</v>
      </c>
    </row>
    <row r="73530" spans="1:10" x14ac:dyDescent="0.35">
      <c r="A73530" s="1" t="s">
        <v>29787</v>
      </c>
      <c r="B73530" s="1" t="s">
        <v>244913</v>
      </c>
      <c r="C73530" s="1" t="s">
        <v>30</v>
      </c>
      <c r="D73530" s="1" t="s">
        <v>193290</v>
      </c>
      <c r="E73530" s="1" t="s">
        <v>245860</v>
      </c>
      <c r="F73530" s="1" t="s">
        <v>245861</v>
      </c>
      <c r="G73530" s="1" t="s">
        <v>245849</v>
      </c>
      <c r="H73530" s="1" t="s">
        <v>245850</v>
      </c>
      <c r="I73530" s="1" t="s">
        <v>244917</v>
      </c>
      <c r="J73530" s="1" t="s">
        <v>245862</v>
      </c>
    </row>
    <row r="73531" spans="1:10" x14ac:dyDescent="0.35">
      <c r="A73531" s="1" t="s">
        <v>29787</v>
      </c>
      <c r="B73531" s="1" t="s">
        <v>244913</v>
      </c>
      <c r="C73531" s="1" t="s">
        <v>35</v>
      </c>
      <c r="D73531" s="1" t="s">
        <v>245863</v>
      </c>
      <c r="E73531" s="1" t="s">
        <v>245864</v>
      </c>
      <c r="F73531" s="1" t="s">
        <v>245865</v>
      </c>
      <c r="G73531" s="1" t="s">
        <v>245849</v>
      </c>
      <c r="H73531" s="1" t="s">
        <v>245850</v>
      </c>
      <c r="I73531" s="1" t="s">
        <v>244917</v>
      </c>
      <c r="J73531" s="1" t="s">
        <v>245866</v>
      </c>
    </row>
    <row r="73532" spans="1:10" x14ac:dyDescent="0.35">
      <c r="A73532" s="1" t="s">
        <v>29787</v>
      </c>
      <c r="B73532" s="1" t="s">
        <v>244913</v>
      </c>
      <c r="C73532" s="1" t="s">
        <v>40</v>
      </c>
      <c r="D73532" s="1" t="s">
        <v>113372</v>
      </c>
      <c r="E73532" s="1" t="s">
        <v>245867</v>
      </c>
      <c r="F73532" s="1" t="s">
        <v>245868</v>
      </c>
      <c r="G73532" s="1" t="s">
        <v>245849</v>
      </c>
      <c r="H73532" s="1" t="s">
        <v>245850</v>
      </c>
      <c r="I73532" s="1" t="s">
        <v>244917</v>
      </c>
      <c r="J73532" s="1" t="s">
        <v>245869</v>
      </c>
    </row>
    <row r="73533" spans="1:10" x14ac:dyDescent="0.35">
      <c r="A73533" s="1" t="s">
        <v>29787</v>
      </c>
      <c r="B73533" s="1" t="s">
        <v>244913</v>
      </c>
      <c r="C73533" s="1" t="s">
        <v>45</v>
      </c>
      <c r="D73533" s="1" t="s">
        <v>197719</v>
      </c>
      <c r="E73533" s="1" t="s">
        <v>245870</v>
      </c>
      <c r="F73533" s="1" t="s">
        <v>245871</v>
      </c>
      <c r="G73533" s="1" t="s">
        <v>245849</v>
      </c>
      <c r="H73533" s="1" t="s">
        <v>245850</v>
      </c>
      <c r="I73533" s="1" t="s">
        <v>244917</v>
      </c>
      <c r="J73533" s="1" t="s">
        <v>245872</v>
      </c>
    </row>
    <row r="73534" spans="1:10" x14ac:dyDescent="0.35">
      <c r="A73534" s="1" t="s">
        <v>29787</v>
      </c>
      <c r="B73534" s="1" t="s">
        <v>244913</v>
      </c>
      <c r="C73534" s="1" t="s">
        <v>50</v>
      </c>
      <c r="D73534" s="1" t="s">
        <v>150989</v>
      </c>
      <c r="E73534" s="1" t="s">
        <v>245873</v>
      </c>
      <c r="F73534" s="1" t="s">
        <v>245874</v>
      </c>
      <c r="G73534" s="1" t="s">
        <v>245849</v>
      </c>
      <c r="H73534" s="1" t="s">
        <v>245850</v>
      </c>
      <c r="I73534" s="1" t="s">
        <v>244917</v>
      </c>
      <c r="J73534" s="1" t="s">
        <v>245875</v>
      </c>
    </row>
    <row r="73535" spans="1:10" x14ac:dyDescent="0.35">
      <c r="A73535" s="1" t="s">
        <v>29787</v>
      </c>
      <c r="B73535" s="1" t="s">
        <v>244913</v>
      </c>
      <c r="C73535" s="1" t="s">
        <v>55</v>
      </c>
      <c r="D73535" s="1" t="s">
        <v>191792</v>
      </c>
      <c r="E73535" s="1" t="s">
        <v>245876</v>
      </c>
      <c r="F73535" s="1" t="s">
        <v>245877</v>
      </c>
      <c r="G73535" s="1" t="s">
        <v>245849</v>
      </c>
      <c r="H73535" s="1" t="s">
        <v>245850</v>
      </c>
      <c r="I73535" s="1" t="s">
        <v>244917</v>
      </c>
      <c r="J73535" s="1" t="s">
        <v>245878</v>
      </c>
    </row>
    <row r="73536" spans="1:10" x14ac:dyDescent="0.35">
      <c r="A73536" s="1" t="s">
        <v>29787</v>
      </c>
      <c r="B73536" s="1" t="s">
        <v>244913</v>
      </c>
      <c r="C73536" s="1" t="s">
        <v>60</v>
      </c>
      <c r="D73536" s="1" t="s">
        <v>153959</v>
      </c>
      <c r="E73536" s="1" t="s">
        <v>245879</v>
      </c>
      <c r="F73536" s="1" t="s">
        <v>245880</v>
      </c>
      <c r="G73536" s="1" t="s">
        <v>245849</v>
      </c>
      <c r="H73536" s="1" t="s">
        <v>245850</v>
      </c>
      <c r="I73536" s="1" t="s">
        <v>244917</v>
      </c>
      <c r="J73536" s="1" t="s">
        <v>245881</v>
      </c>
    </row>
    <row r="73537" spans="1:10" x14ac:dyDescent="0.35">
      <c r="A73537" s="1" t="s">
        <v>29787</v>
      </c>
      <c r="B73537" s="1" t="s">
        <v>244913</v>
      </c>
      <c r="C73537" s="1" t="s">
        <v>65</v>
      </c>
      <c r="D73537" s="1" t="s">
        <v>32634</v>
      </c>
      <c r="E73537" s="1" t="s">
        <v>245882</v>
      </c>
      <c r="F73537" s="1" t="s">
        <v>245883</v>
      </c>
      <c r="G73537" s="1" t="s">
        <v>245849</v>
      </c>
      <c r="H73537" s="1" t="s">
        <v>245850</v>
      </c>
      <c r="I73537" s="1" t="s">
        <v>244917</v>
      </c>
      <c r="J73537" s="1" t="s">
        <v>245884</v>
      </c>
    </row>
    <row r="73538" spans="1:10" x14ac:dyDescent="0.35">
      <c r="A73538" s="1" t="s">
        <v>29787</v>
      </c>
      <c r="B73538" s="1" t="s">
        <v>244913</v>
      </c>
      <c r="C73538" s="1" t="s">
        <v>70</v>
      </c>
      <c r="D73538" s="1" t="s">
        <v>30538</v>
      </c>
      <c r="E73538" s="1" t="s">
        <v>245885</v>
      </c>
      <c r="F73538" s="1" t="s">
        <v>245886</v>
      </c>
      <c r="G73538" s="1" t="s">
        <v>245849</v>
      </c>
      <c r="H73538" s="1" t="s">
        <v>245850</v>
      </c>
      <c r="I73538" s="1" t="s">
        <v>244917</v>
      </c>
      <c r="J73538" s="1" t="s">
        <v>245887</v>
      </c>
    </row>
    <row r="73539" spans="1:10" x14ac:dyDescent="0.35">
      <c r="A73539" s="1" t="s">
        <v>29787</v>
      </c>
      <c r="B73539" s="1" t="s">
        <v>244913</v>
      </c>
      <c r="C73539" s="1" t="s">
        <v>75</v>
      </c>
      <c r="D73539" s="1" t="s">
        <v>245888</v>
      </c>
      <c r="E73539" s="1" t="s">
        <v>245889</v>
      </c>
      <c r="F73539" s="1" t="s">
        <v>245890</v>
      </c>
      <c r="G73539" s="1" t="s">
        <v>245849</v>
      </c>
      <c r="H73539" s="1" t="s">
        <v>245850</v>
      </c>
      <c r="I73539" s="1" t="s">
        <v>244917</v>
      </c>
      <c r="J73539" s="1" t="s">
        <v>245891</v>
      </c>
    </row>
    <row r="73540" spans="1:10" x14ac:dyDescent="0.35">
      <c r="A73540" s="1" t="s">
        <v>29787</v>
      </c>
      <c r="B73540" s="1" t="s">
        <v>244913</v>
      </c>
      <c r="C73540" s="1" t="s">
        <v>80</v>
      </c>
      <c r="D73540" s="1" t="s">
        <v>245892</v>
      </c>
      <c r="E73540" s="1" t="s">
        <v>245893</v>
      </c>
      <c r="F73540" s="1" t="s">
        <v>245894</v>
      </c>
      <c r="G73540" s="1" t="s">
        <v>245849</v>
      </c>
      <c r="H73540" s="1" t="s">
        <v>245850</v>
      </c>
      <c r="I73540" s="1" t="s">
        <v>244917</v>
      </c>
      <c r="J73540" s="1" t="s">
        <v>245895</v>
      </c>
    </row>
    <row r="73541" spans="1:10" x14ac:dyDescent="0.35">
      <c r="A73541" s="1" t="s">
        <v>29787</v>
      </c>
      <c r="B73541" s="1" t="s">
        <v>244913</v>
      </c>
      <c r="C73541" s="1" t="s">
        <v>85</v>
      </c>
      <c r="D73541" s="1" t="s">
        <v>104166</v>
      </c>
      <c r="E73541" s="1" t="s">
        <v>245896</v>
      </c>
      <c r="F73541" s="1" t="s">
        <v>245897</v>
      </c>
      <c r="G73541" s="1" t="s">
        <v>245849</v>
      </c>
      <c r="H73541" s="1" t="s">
        <v>245850</v>
      </c>
      <c r="I73541" s="1" t="s">
        <v>244917</v>
      </c>
      <c r="J73541" s="1" t="s">
        <v>245898</v>
      </c>
    </row>
    <row r="73542" spans="1:10" x14ac:dyDescent="0.35">
      <c r="A73542" s="1" t="s">
        <v>29787</v>
      </c>
      <c r="B73542" s="1" t="s">
        <v>244913</v>
      </c>
      <c r="C73542" s="1" t="s">
        <v>90</v>
      </c>
      <c r="D73542" s="1" t="s">
        <v>245899</v>
      </c>
      <c r="E73542" s="1" t="s">
        <v>245900</v>
      </c>
      <c r="F73542" s="1" t="s">
        <v>245901</v>
      </c>
      <c r="G73542" s="1" t="s">
        <v>245849</v>
      </c>
      <c r="H73542" s="1" t="s">
        <v>245850</v>
      </c>
      <c r="I73542" s="1" t="s">
        <v>244917</v>
      </c>
      <c r="J73542" s="1" t="s">
        <v>245902</v>
      </c>
    </row>
    <row r="73543" spans="1:10" x14ac:dyDescent="0.35">
      <c r="A73543" s="1" t="s">
        <v>29787</v>
      </c>
      <c r="B73543" s="1" t="s">
        <v>244913</v>
      </c>
      <c r="C73543" s="1" t="s">
        <v>95</v>
      </c>
      <c r="D73543" s="1" t="s">
        <v>245903</v>
      </c>
      <c r="E73543" s="1" t="s">
        <v>245904</v>
      </c>
      <c r="F73543" s="1" t="s">
        <v>245905</v>
      </c>
      <c r="G73543" s="1" t="s">
        <v>245849</v>
      </c>
      <c r="H73543" s="1" t="s">
        <v>245850</v>
      </c>
      <c r="I73543" s="1" t="s">
        <v>244917</v>
      </c>
      <c r="J73543" s="1" t="s">
        <v>245906</v>
      </c>
    </row>
    <row r="73544" spans="1:10" x14ac:dyDescent="0.35">
      <c r="A73544" s="1" t="s">
        <v>29787</v>
      </c>
      <c r="B73544" s="1" t="s">
        <v>244913</v>
      </c>
      <c r="C73544" s="1" t="s">
        <v>100</v>
      </c>
      <c r="D73544" s="1" t="s">
        <v>192778</v>
      </c>
      <c r="E73544" s="1" t="s">
        <v>245907</v>
      </c>
      <c r="F73544" s="1" t="s">
        <v>245908</v>
      </c>
      <c r="G73544" s="1" t="s">
        <v>245849</v>
      </c>
      <c r="H73544" s="1" t="s">
        <v>245850</v>
      </c>
      <c r="I73544" s="1" t="s">
        <v>244917</v>
      </c>
      <c r="J73544" s="1" t="s">
        <v>245909</v>
      </c>
    </row>
    <row r="73545" spans="1:10" x14ac:dyDescent="0.35">
      <c r="A73545" s="1" t="s">
        <v>29787</v>
      </c>
      <c r="B73545" s="1" t="s">
        <v>244913</v>
      </c>
      <c r="C73545" s="1" t="s">
        <v>105</v>
      </c>
      <c r="D73545" s="1" t="s">
        <v>151090</v>
      </c>
      <c r="E73545" s="1" t="s">
        <v>245910</v>
      </c>
      <c r="F73545" s="1" t="s">
        <v>245911</v>
      </c>
      <c r="G73545" s="1" t="s">
        <v>245849</v>
      </c>
      <c r="H73545" s="1" t="s">
        <v>245850</v>
      </c>
      <c r="I73545" s="1" t="s">
        <v>244917</v>
      </c>
      <c r="J73545" s="1" t="s">
        <v>245912</v>
      </c>
    </row>
    <row r="73546" spans="1:10" x14ac:dyDescent="0.35">
      <c r="A73546" s="1" t="s">
        <v>29787</v>
      </c>
      <c r="B73546" s="1" t="s">
        <v>244913</v>
      </c>
      <c r="C73546" s="1" t="s">
        <v>110</v>
      </c>
      <c r="D73546" s="1" t="s">
        <v>245913</v>
      </c>
      <c r="E73546" s="1" t="s">
        <v>245914</v>
      </c>
      <c r="F73546" s="1" t="s">
        <v>245915</v>
      </c>
      <c r="G73546" s="1" t="s">
        <v>245849</v>
      </c>
      <c r="H73546" s="1" t="s">
        <v>245850</v>
      </c>
      <c r="I73546" s="1" t="s">
        <v>244917</v>
      </c>
      <c r="J73546" s="1" t="s">
        <v>245916</v>
      </c>
    </row>
    <row r="73547" spans="1:10" x14ac:dyDescent="0.35">
      <c r="A73547" s="1" t="s">
        <v>29787</v>
      </c>
      <c r="B73547" s="1" t="s">
        <v>244913</v>
      </c>
      <c r="C73547" s="1" t="s">
        <v>115</v>
      </c>
      <c r="D73547" s="1" t="s">
        <v>82906</v>
      </c>
      <c r="E73547" s="1" t="s">
        <v>245917</v>
      </c>
      <c r="F73547" s="1" t="s">
        <v>245918</v>
      </c>
      <c r="G73547" s="1" t="s">
        <v>245849</v>
      </c>
      <c r="H73547" s="1" t="s">
        <v>245850</v>
      </c>
      <c r="I73547" s="1" t="s">
        <v>244917</v>
      </c>
      <c r="J73547" s="1" t="s">
        <v>245919</v>
      </c>
    </row>
    <row r="73548" spans="1:10" x14ac:dyDescent="0.35">
      <c r="A73548" s="1" t="s">
        <v>29787</v>
      </c>
      <c r="B73548" s="1" t="s">
        <v>244913</v>
      </c>
      <c r="C73548" s="1" t="s">
        <v>120</v>
      </c>
      <c r="D73548" s="1" t="s">
        <v>245920</v>
      </c>
      <c r="E73548" s="1" t="s">
        <v>245921</v>
      </c>
      <c r="F73548" s="1" t="s">
        <v>245922</v>
      </c>
      <c r="G73548" s="1" t="s">
        <v>245849</v>
      </c>
      <c r="H73548" s="1" t="s">
        <v>245850</v>
      </c>
      <c r="I73548" s="1" t="s">
        <v>244917</v>
      </c>
      <c r="J73548" s="1" t="s">
        <v>245923</v>
      </c>
    </row>
    <row r="73549" spans="1:10" x14ac:dyDescent="0.35">
      <c r="A73549" s="1" t="s">
        <v>29787</v>
      </c>
      <c r="B73549" s="1" t="s">
        <v>244913</v>
      </c>
      <c r="C73549" s="1" t="s">
        <v>125</v>
      </c>
      <c r="D73549" s="1" t="s">
        <v>245924</v>
      </c>
      <c r="E73549" s="1" t="s">
        <v>245925</v>
      </c>
      <c r="F73549" s="1" t="s">
        <v>245926</v>
      </c>
      <c r="G73549" s="1" t="s">
        <v>245849</v>
      </c>
      <c r="H73549" s="1" t="s">
        <v>245850</v>
      </c>
      <c r="I73549" s="1" t="s">
        <v>244917</v>
      </c>
      <c r="J73549" s="1" t="s">
        <v>245927</v>
      </c>
    </row>
    <row r="73550" spans="1:10" x14ac:dyDescent="0.35">
      <c r="A73550" s="1" t="s">
        <v>29787</v>
      </c>
      <c r="B73550" s="1" t="s">
        <v>244913</v>
      </c>
      <c r="C73550" s="1" t="s">
        <v>130</v>
      </c>
      <c r="D73550" s="1" t="s">
        <v>198336</v>
      </c>
      <c r="E73550" s="1" t="s">
        <v>245928</v>
      </c>
      <c r="F73550" s="1" t="s">
        <v>245929</v>
      </c>
      <c r="G73550" s="1" t="s">
        <v>245849</v>
      </c>
      <c r="H73550" s="1" t="s">
        <v>245850</v>
      </c>
      <c r="I73550" s="1" t="s">
        <v>244917</v>
      </c>
      <c r="J73550" s="1" t="s">
        <v>245930</v>
      </c>
    </row>
    <row r="73551" spans="1:10" x14ac:dyDescent="0.35">
      <c r="A73551" s="1" t="s">
        <v>29787</v>
      </c>
      <c r="B73551" s="1" t="s">
        <v>244913</v>
      </c>
      <c r="C73551" s="1" t="s">
        <v>135</v>
      </c>
      <c r="D73551" s="1" t="s">
        <v>245931</v>
      </c>
      <c r="E73551" s="1" t="s">
        <v>245932</v>
      </c>
      <c r="F73551" s="1" t="s">
        <v>245933</v>
      </c>
      <c r="G73551" s="1" t="s">
        <v>245849</v>
      </c>
      <c r="H73551" s="1" t="s">
        <v>245850</v>
      </c>
      <c r="I73551" s="1" t="s">
        <v>244917</v>
      </c>
      <c r="J73551" s="1" t="s">
        <v>245934</v>
      </c>
    </row>
    <row r="73552" spans="1:10" x14ac:dyDescent="0.35">
      <c r="A73552" s="1" t="s">
        <v>29787</v>
      </c>
      <c r="B73552" s="1" t="s">
        <v>244913</v>
      </c>
      <c r="C73552" s="1" t="s">
        <v>140</v>
      </c>
      <c r="D73552" s="1" t="s">
        <v>124297</v>
      </c>
      <c r="E73552" s="1" t="s">
        <v>245935</v>
      </c>
      <c r="F73552" s="1" t="s">
        <v>245936</v>
      </c>
      <c r="G73552" s="1" t="s">
        <v>245849</v>
      </c>
      <c r="H73552" s="1" t="s">
        <v>245850</v>
      </c>
      <c r="I73552" s="1" t="s">
        <v>244917</v>
      </c>
      <c r="J73552" s="1" t="s">
        <v>245937</v>
      </c>
    </row>
    <row r="73553" spans="1:10" x14ac:dyDescent="0.35">
      <c r="A73553" s="1" t="s">
        <v>29787</v>
      </c>
      <c r="B73553" s="1" t="s">
        <v>244913</v>
      </c>
      <c r="C73553" s="1" t="s">
        <v>145</v>
      </c>
      <c r="D73553" s="1" t="s">
        <v>30917</v>
      </c>
      <c r="E73553" s="1" t="s">
        <v>245938</v>
      </c>
      <c r="F73553" s="1" t="s">
        <v>245939</v>
      </c>
      <c r="G73553" s="1" t="s">
        <v>245849</v>
      </c>
      <c r="H73553" s="1" t="s">
        <v>245850</v>
      </c>
      <c r="I73553" s="1" t="s">
        <v>244917</v>
      </c>
      <c r="J73553" s="1" t="s">
        <v>245940</v>
      </c>
    </row>
    <row r="73554" spans="1:10" x14ac:dyDescent="0.35">
      <c r="A73554" s="1" t="s">
        <v>29787</v>
      </c>
      <c r="B73554" s="1" t="s">
        <v>244913</v>
      </c>
      <c r="C73554" s="1" t="s">
        <v>150</v>
      </c>
      <c r="D73554" s="1" t="s">
        <v>37058</v>
      </c>
      <c r="E73554" s="1" t="s">
        <v>245941</v>
      </c>
      <c r="F73554" s="1" t="s">
        <v>245942</v>
      </c>
      <c r="G73554" s="1" t="s">
        <v>245849</v>
      </c>
      <c r="H73554" s="1" t="s">
        <v>245850</v>
      </c>
      <c r="I73554" s="1" t="s">
        <v>244917</v>
      </c>
      <c r="J73554" s="1" t="s">
        <v>245943</v>
      </c>
    </row>
    <row r="73555" spans="1:10" x14ac:dyDescent="0.35">
      <c r="A73555" s="1" t="s">
        <v>29787</v>
      </c>
      <c r="B73555" s="1" t="s">
        <v>244913</v>
      </c>
      <c r="C73555" s="1" t="s">
        <v>155</v>
      </c>
      <c r="D73555" s="1" t="s">
        <v>118417</v>
      </c>
      <c r="E73555" s="1" t="s">
        <v>245944</v>
      </c>
      <c r="F73555" s="1" t="s">
        <v>245945</v>
      </c>
      <c r="G73555" s="1" t="s">
        <v>245849</v>
      </c>
      <c r="H73555" s="1" t="s">
        <v>245850</v>
      </c>
      <c r="I73555" s="1" t="s">
        <v>244917</v>
      </c>
      <c r="J73555" s="1" t="s">
        <v>245946</v>
      </c>
    </row>
    <row r="73556" spans="1:10" x14ac:dyDescent="0.35">
      <c r="A73556" s="1" t="s">
        <v>29787</v>
      </c>
      <c r="B73556" s="1" t="s">
        <v>244913</v>
      </c>
      <c r="C73556" s="1" t="s">
        <v>160</v>
      </c>
      <c r="D73556" s="1" t="s">
        <v>3363</v>
      </c>
      <c r="E73556" s="1" t="s">
        <v>245947</v>
      </c>
      <c r="F73556" s="1" t="s">
        <v>245948</v>
      </c>
      <c r="G73556" s="1" t="s">
        <v>245849</v>
      </c>
      <c r="H73556" s="1" t="s">
        <v>245850</v>
      </c>
      <c r="I73556" s="1" t="s">
        <v>244917</v>
      </c>
      <c r="J73556" s="1" t="s">
        <v>245949</v>
      </c>
    </row>
    <row r="73557" spans="1:10" x14ac:dyDescent="0.35">
      <c r="A73557" s="1" t="s">
        <v>29787</v>
      </c>
      <c r="B73557" s="1" t="s">
        <v>244913</v>
      </c>
      <c r="C73557" s="1" t="s">
        <v>165</v>
      </c>
      <c r="D73557" s="1" t="s">
        <v>148633</v>
      </c>
      <c r="E73557" s="1" t="s">
        <v>245950</v>
      </c>
      <c r="F73557" s="1" t="s">
        <v>245951</v>
      </c>
      <c r="G73557" s="1" t="s">
        <v>245849</v>
      </c>
      <c r="H73557" s="1" t="s">
        <v>245850</v>
      </c>
      <c r="I73557" s="1" t="s">
        <v>244917</v>
      </c>
      <c r="J73557" s="1" t="s">
        <v>245952</v>
      </c>
    </row>
    <row r="73558" spans="1:10" x14ac:dyDescent="0.35">
      <c r="A73558" s="1" t="s">
        <v>29787</v>
      </c>
      <c r="B73558" s="1" t="s">
        <v>244913</v>
      </c>
      <c r="C73558" s="1" t="s">
        <v>170</v>
      </c>
      <c r="D73558" s="1" t="s">
        <v>245953</v>
      </c>
      <c r="E73558" s="1" t="s">
        <v>245954</v>
      </c>
      <c r="F73558" s="1" t="s">
        <v>245955</v>
      </c>
      <c r="G73558" s="1" t="s">
        <v>245849</v>
      </c>
      <c r="H73558" s="1" t="s">
        <v>245850</v>
      </c>
      <c r="I73558" s="1" t="s">
        <v>244917</v>
      </c>
      <c r="J73558" s="1" t="s">
        <v>245956</v>
      </c>
    </row>
    <row r="73559" spans="1:10" x14ac:dyDescent="0.35">
      <c r="A73559" s="1" t="s">
        <v>51820</v>
      </c>
      <c r="B73559" s="1" t="s">
        <v>244913</v>
      </c>
      <c r="C73559" s="1" t="s">
        <v>8</v>
      </c>
      <c r="D73559" s="1" t="s">
        <v>245957</v>
      </c>
      <c r="E73559" s="1" t="s">
        <v>245958</v>
      </c>
      <c r="F73559" s="1" t="s">
        <v>245959</v>
      </c>
      <c r="G73559" s="1" t="s">
        <v>245960</v>
      </c>
      <c r="H73559" s="1" t="s">
        <v>245961</v>
      </c>
      <c r="I73559" s="1" t="s">
        <v>244917</v>
      </c>
      <c r="J73559" s="1" t="s">
        <v>13</v>
      </c>
    </row>
    <row r="73560" spans="1:10" x14ac:dyDescent="0.35">
      <c r="A73560" s="1" t="s">
        <v>51820</v>
      </c>
      <c r="B73560" s="1" t="s">
        <v>244913</v>
      </c>
      <c r="C73560" s="1" t="s">
        <v>15</v>
      </c>
      <c r="D73560" s="1" t="s">
        <v>150350</v>
      </c>
      <c r="E73560" s="1" t="s">
        <v>245962</v>
      </c>
      <c r="F73560" s="1" t="s">
        <v>245963</v>
      </c>
      <c r="G73560" s="1" t="s">
        <v>245960</v>
      </c>
      <c r="H73560" s="1" t="s">
        <v>245961</v>
      </c>
      <c r="I73560" s="1" t="s">
        <v>244917</v>
      </c>
      <c r="J73560" s="1" t="s">
        <v>245964</v>
      </c>
    </row>
    <row r="73561" spans="1:10" x14ac:dyDescent="0.35">
      <c r="A73561" s="1" t="s">
        <v>51820</v>
      </c>
      <c r="B73561" s="1" t="s">
        <v>244913</v>
      </c>
      <c r="C73561" s="1" t="s">
        <v>20</v>
      </c>
      <c r="D73561" s="1" t="s">
        <v>34395</v>
      </c>
      <c r="E73561" s="1" t="s">
        <v>245965</v>
      </c>
      <c r="F73561" s="1" t="s">
        <v>245966</v>
      </c>
      <c r="G73561" s="1" t="s">
        <v>245960</v>
      </c>
      <c r="H73561" s="1" t="s">
        <v>245961</v>
      </c>
      <c r="I73561" s="1" t="s">
        <v>244917</v>
      </c>
      <c r="J73561" s="1" t="s">
        <v>245967</v>
      </c>
    </row>
    <row r="73562" spans="1:10" x14ac:dyDescent="0.35">
      <c r="A73562" s="1" t="s">
        <v>51820</v>
      </c>
      <c r="B73562" s="1" t="s">
        <v>244913</v>
      </c>
      <c r="C73562" s="1" t="s">
        <v>25</v>
      </c>
      <c r="D73562" s="1" t="s">
        <v>31646</v>
      </c>
      <c r="E73562" s="1" t="s">
        <v>245968</v>
      </c>
      <c r="F73562" s="1" t="s">
        <v>245969</v>
      </c>
      <c r="G73562" s="1" t="s">
        <v>245960</v>
      </c>
      <c r="H73562" s="1" t="s">
        <v>245961</v>
      </c>
      <c r="I73562" s="1" t="s">
        <v>244917</v>
      </c>
      <c r="J73562" s="1" t="s">
        <v>245970</v>
      </c>
    </row>
    <row r="73563" spans="1:10" x14ac:dyDescent="0.35">
      <c r="A73563" s="1" t="s">
        <v>51820</v>
      </c>
      <c r="B73563" s="1" t="s">
        <v>244913</v>
      </c>
      <c r="C73563" s="1" t="s">
        <v>30</v>
      </c>
      <c r="D73563" s="1" t="s">
        <v>104162</v>
      </c>
      <c r="E73563" s="1" t="s">
        <v>245971</v>
      </c>
      <c r="F73563" s="1" t="s">
        <v>245972</v>
      </c>
      <c r="G73563" s="1" t="s">
        <v>245960</v>
      </c>
      <c r="H73563" s="1" t="s">
        <v>245961</v>
      </c>
      <c r="I73563" s="1" t="s">
        <v>244917</v>
      </c>
      <c r="J73563" s="1" t="s">
        <v>245973</v>
      </c>
    </row>
    <row r="73564" spans="1:10" x14ac:dyDescent="0.35">
      <c r="A73564" s="1" t="s">
        <v>51820</v>
      </c>
      <c r="B73564" s="1" t="s">
        <v>244913</v>
      </c>
      <c r="C73564" s="1" t="s">
        <v>35</v>
      </c>
      <c r="D73564" s="1" t="s">
        <v>141462</v>
      </c>
      <c r="E73564" s="1" t="s">
        <v>245974</v>
      </c>
      <c r="F73564" s="1" t="s">
        <v>245975</v>
      </c>
      <c r="G73564" s="1" t="s">
        <v>245960</v>
      </c>
      <c r="H73564" s="1" t="s">
        <v>245961</v>
      </c>
      <c r="I73564" s="1" t="s">
        <v>244917</v>
      </c>
      <c r="J73564" s="1" t="s">
        <v>245976</v>
      </c>
    </row>
    <row r="73565" spans="1:10" x14ac:dyDescent="0.35">
      <c r="A73565" s="1" t="s">
        <v>51820</v>
      </c>
      <c r="B73565" s="1" t="s">
        <v>244913</v>
      </c>
      <c r="C73565" s="1" t="s">
        <v>40</v>
      </c>
      <c r="D73565" s="1" t="s">
        <v>123204</v>
      </c>
      <c r="E73565" s="1" t="s">
        <v>245977</v>
      </c>
      <c r="F73565" s="1" t="s">
        <v>245978</v>
      </c>
      <c r="G73565" s="1" t="s">
        <v>245960</v>
      </c>
      <c r="H73565" s="1" t="s">
        <v>245961</v>
      </c>
      <c r="I73565" s="1" t="s">
        <v>244917</v>
      </c>
      <c r="J73565" s="1" t="s">
        <v>245979</v>
      </c>
    </row>
    <row r="73566" spans="1:10" x14ac:dyDescent="0.35">
      <c r="A73566" s="1" t="s">
        <v>51820</v>
      </c>
      <c r="B73566" s="1" t="s">
        <v>244913</v>
      </c>
      <c r="C73566" s="1" t="s">
        <v>45</v>
      </c>
      <c r="D73566" s="1" t="s">
        <v>37946</v>
      </c>
      <c r="E73566" s="1" t="s">
        <v>245980</v>
      </c>
      <c r="F73566" s="1" t="s">
        <v>245981</v>
      </c>
      <c r="G73566" s="1" t="s">
        <v>245960</v>
      </c>
      <c r="H73566" s="1" t="s">
        <v>245961</v>
      </c>
      <c r="I73566" s="1" t="s">
        <v>244917</v>
      </c>
      <c r="J73566" s="1" t="s">
        <v>245982</v>
      </c>
    </row>
    <row r="73567" spans="1:10" x14ac:dyDescent="0.35">
      <c r="A73567" s="1" t="s">
        <v>51820</v>
      </c>
      <c r="B73567" s="1" t="s">
        <v>244913</v>
      </c>
      <c r="C73567" s="1" t="s">
        <v>50</v>
      </c>
      <c r="D73567" s="1" t="s">
        <v>173595</v>
      </c>
      <c r="E73567" s="1" t="s">
        <v>245983</v>
      </c>
      <c r="F73567" s="1" t="s">
        <v>245984</v>
      </c>
      <c r="G73567" s="1" t="s">
        <v>245960</v>
      </c>
      <c r="H73567" s="1" t="s">
        <v>245961</v>
      </c>
      <c r="I73567" s="1" t="s">
        <v>244917</v>
      </c>
      <c r="J73567" s="1" t="s">
        <v>245985</v>
      </c>
    </row>
    <row r="73568" spans="1:10" x14ac:dyDescent="0.35">
      <c r="A73568" s="1" t="s">
        <v>51820</v>
      </c>
      <c r="B73568" s="1" t="s">
        <v>244913</v>
      </c>
      <c r="C73568" s="1" t="s">
        <v>55</v>
      </c>
      <c r="D73568" s="1" t="s">
        <v>187732</v>
      </c>
      <c r="E73568" s="1" t="s">
        <v>245986</v>
      </c>
      <c r="F73568" s="1" t="s">
        <v>245987</v>
      </c>
      <c r="G73568" s="1" t="s">
        <v>245960</v>
      </c>
      <c r="H73568" s="1" t="s">
        <v>245961</v>
      </c>
      <c r="I73568" s="1" t="s">
        <v>244917</v>
      </c>
      <c r="J73568" s="1" t="s">
        <v>245988</v>
      </c>
    </row>
    <row r="73569" spans="1:10" x14ac:dyDescent="0.35">
      <c r="A73569" s="1" t="s">
        <v>51820</v>
      </c>
      <c r="B73569" s="1" t="s">
        <v>244913</v>
      </c>
      <c r="C73569" s="1" t="s">
        <v>60</v>
      </c>
      <c r="D73569" s="1" t="s">
        <v>154299</v>
      </c>
      <c r="E73569" s="1" t="s">
        <v>245989</v>
      </c>
      <c r="F73569" s="1" t="s">
        <v>245990</v>
      </c>
      <c r="G73569" s="1" t="s">
        <v>245960</v>
      </c>
      <c r="H73569" s="1" t="s">
        <v>245961</v>
      </c>
      <c r="I73569" s="1" t="s">
        <v>244917</v>
      </c>
      <c r="J73569" s="1" t="s">
        <v>245991</v>
      </c>
    </row>
    <row r="73570" spans="1:10" x14ac:dyDescent="0.35">
      <c r="A73570" s="1" t="s">
        <v>51820</v>
      </c>
      <c r="B73570" s="1" t="s">
        <v>244913</v>
      </c>
      <c r="C73570" s="1" t="s">
        <v>65</v>
      </c>
      <c r="D73570" s="1" t="s">
        <v>220658</v>
      </c>
      <c r="E73570" s="1" t="s">
        <v>245992</v>
      </c>
      <c r="F73570" s="1" t="s">
        <v>245993</v>
      </c>
      <c r="G73570" s="1" t="s">
        <v>245960</v>
      </c>
      <c r="H73570" s="1" t="s">
        <v>245961</v>
      </c>
      <c r="I73570" s="1" t="s">
        <v>244917</v>
      </c>
      <c r="J73570" s="1" t="s">
        <v>245994</v>
      </c>
    </row>
    <row r="73571" spans="1:10" x14ac:dyDescent="0.35">
      <c r="A73571" s="1" t="s">
        <v>51820</v>
      </c>
      <c r="B73571" s="1" t="s">
        <v>244913</v>
      </c>
      <c r="C73571" s="1" t="s">
        <v>70</v>
      </c>
      <c r="D73571" s="1" t="s">
        <v>114607</v>
      </c>
      <c r="E73571" s="1" t="s">
        <v>245995</v>
      </c>
      <c r="F73571" s="1" t="s">
        <v>245996</v>
      </c>
      <c r="G73571" s="1" t="s">
        <v>245960</v>
      </c>
      <c r="H73571" s="1" t="s">
        <v>245961</v>
      </c>
      <c r="I73571" s="1" t="s">
        <v>244917</v>
      </c>
      <c r="J73571" s="1" t="s">
        <v>245997</v>
      </c>
    </row>
    <row r="73572" spans="1:10" x14ac:dyDescent="0.35">
      <c r="A73572" s="1" t="s">
        <v>51820</v>
      </c>
      <c r="B73572" s="1" t="s">
        <v>244913</v>
      </c>
      <c r="C73572" s="1" t="s">
        <v>75</v>
      </c>
      <c r="D73572" s="1" t="s">
        <v>19814</v>
      </c>
      <c r="E73572" s="1" t="s">
        <v>245998</v>
      </c>
      <c r="F73572" s="1" t="s">
        <v>245999</v>
      </c>
      <c r="G73572" s="1" t="s">
        <v>245960</v>
      </c>
      <c r="H73572" s="1" t="s">
        <v>245961</v>
      </c>
      <c r="I73572" s="1" t="s">
        <v>244917</v>
      </c>
      <c r="J73572" s="1" t="s">
        <v>246000</v>
      </c>
    </row>
    <row r="73573" spans="1:10" x14ac:dyDescent="0.35">
      <c r="A73573" s="1" t="s">
        <v>51820</v>
      </c>
      <c r="B73573" s="1" t="s">
        <v>244913</v>
      </c>
      <c r="C73573" s="1" t="s">
        <v>80</v>
      </c>
      <c r="D73573" s="1" t="s">
        <v>192620</v>
      </c>
      <c r="E73573" s="1" t="s">
        <v>246001</v>
      </c>
      <c r="F73573" s="1" t="s">
        <v>246002</v>
      </c>
      <c r="G73573" s="1" t="s">
        <v>245960</v>
      </c>
      <c r="H73573" s="1" t="s">
        <v>245961</v>
      </c>
      <c r="I73573" s="1" t="s">
        <v>244917</v>
      </c>
      <c r="J73573" s="1" t="s">
        <v>246003</v>
      </c>
    </row>
    <row r="73574" spans="1:10" x14ac:dyDescent="0.35">
      <c r="A73574" s="1" t="s">
        <v>51820</v>
      </c>
      <c r="B73574" s="1" t="s">
        <v>244913</v>
      </c>
      <c r="C73574" s="1" t="s">
        <v>85</v>
      </c>
      <c r="D73574" s="1" t="s">
        <v>169766</v>
      </c>
      <c r="E73574" s="1" t="s">
        <v>246004</v>
      </c>
      <c r="F73574" s="1" t="s">
        <v>246005</v>
      </c>
      <c r="G73574" s="1" t="s">
        <v>245960</v>
      </c>
      <c r="H73574" s="1" t="s">
        <v>245961</v>
      </c>
      <c r="I73574" s="1" t="s">
        <v>244917</v>
      </c>
      <c r="J73574" s="1" t="s">
        <v>246006</v>
      </c>
    </row>
    <row r="73575" spans="1:10" x14ac:dyDescent="0.35">
      <c r="A73575" s="1" t="s">
        <v>51820</v>
      </c>
      <c r="B73575" s="1" t="s">
        <v>244913</v>
      </c>
      <c r="C73575" s="1" t="s">
        <v>90</v>
      </c>
      <c r="D73575" s="1" t="s">
        <v>246007</v>
      </c>
      <c r="E73575" s="1" t="s">
        <v>246008</v>
      </c>
      <c r="F73575" s="1" t="s">
        <v>246009</v>
      </c>
      <c r="G73575" s="1" t="s">
        <v>245960</v>
      </c>
      <c r="H73575" s="1" t="s">
        <v>245961</v>
      </c>
      <c r="I73575" s="1" t="s">
        <v>244917</v>
      </c>
      <c r="J73575" s="1" t="s">
        <v>246010</v>
      </c>
    </row>
    <row r="73576" spans="1:10" x14ac:dyDescent="0.35">
      <c r="A73576" s="1" t="s">
        <v>51820</v>
      </c>
      <c r="B73576" s="1" t="s">
        <v>244913</v>
      </c>
      <c r="C73576" s="1" t="s">
        <v>95</v>
      </c>
      <c r="D73576" s="1" t="s">
        <v>147949</v>
      </c>
      <c r="E73576" s="1" t="s">
        <v>246011</v>
      </c>
      <c r="F73576" s="1" t="s">
        <v>246012</v>
      </c>
      <c r="G73576" s="1" t="s">
        <v>245960</v>
      </c>
      <c r="H73576" s="1" t="s">
        <v>245961</v>
      </c>
      <c r="I73576" s="1" t="s">
        <v>244917</v>
      </c>
      <c r="J73576" s="1" t="s">
        <v>246013</v>
      </c>
    </row>
    <row r="73577" spans="1:10" x14ac:dyDescent="0.35">
      <c r="A73577" s="1" t="s">
        <v>51820</v>
      </c>
      <c r="B73577" s="1" t="s">
        <v>244913</v>
      </c>
      <c r="C73577" s="1" t="s">
        <v>100</v>
      </c>
      <c r="D73577" s="1" t="s">
        <v>218394</v>
      </c>
      <c r="E73577" s="1" t="s">
        <v>246014</v>
      </c>
      <c r="F73577" s="1" t="s">
        <v>246015</v>
      </c>
      <c r="G73577" s="1" t="s">
        <v>245960</v>
      </c>
      <c r="H73577" s="1" t="s">
        <v>245961</v>
      </c>
      <c r="I73577" s="1" t="s">
        <v>244917</v>
      </c>
      <c r="J73577" s="1" t="s">
        <v>246016</v>
      </c>
    </row>
    <row r="73578" spans="1:10" x14ac:dyDescent="0.35">
      <c r="A73578" s="1" t="s">
        <v>51820</v>
      </c>
      <c r="B73578" s="1" t="s">
        <v>244913</v>
      </c>
      <c r="C73578" s="1" t="s">
        <v>105</v>
      </c>
      <c r="D73578" s="1" t="s">
        <v>246017</v>
      </c>
      <c r="E73578" s="1" t="s">
        <v>246018</v>
      </c>
      <c r="F73578" s="1" t="s">
        <v>246019</v>
      </c>
      <c r="G73578" s="1" t="s">
        <v>245960</v>
      </c>
      <c r="H73578" s="1" t="s">
        <v>245961</v>
      </c>
      <c r="I73578" s="1" t="s">
        <v>244917</v>
      </c>
      <c r="J73578" s="1" t="s">
        <v>246020</v>
      </c>
    </row>
    <row r="73579" spans="1:10" x14ac:dyDescent="0.35">
      <c r="A73579" s="1" t="s">
        <v>51820</v>
      </c>
      <c r="B73579" s="1" t="s">
        <v>244913</v>
      </c>
      <c r="C73579" s="1" t="s">
        <v>110</v>
      </c>
      <c r="D73579" s="1" t="s">
        <v>154665</v>
      </c>
      <c r="E73579" s="1" t="s">
        <v>246021</v>
      </c>
      <c r="F73579" s="1" t="s">
        <v>246022</v>
      </c>
      <c r="G73579" s="1" t="s">
        <v>245960</v>
      </c>
      <c r="H73579" s="1" t="s">
        <v>245961</v>
      </c>
      <c r="I73579" s="1" t="s">
        <v>244917</v>
      </c>
      <c r="J73579" s="1" t="s">
        <v>246023</v>
      </c>
    </row>
    <row r="73580" spans="1:10" x14ac:dyDescent="0.35">
      <c r="A73580" s="1" t="s">
        <v>51820</v>
      </c>
      <c r="B73580" s="1" t="s">
        <v>244913</v>
      </c>
      <c r="C73580" s="1" t="s">
        <v>115</v>
      </c>
      <c r="D73580" s="1" t="s">
        <v>246024</v>
      </c>
      <c r="E73580" s="1" t="s">
        <v>246025</v>
      </c>
      <c r="F73580" s="1" t="s">
        <v>246026</v>
      </c>
      <c r="G73580" s="1" t="s">
        <v>245960</v>
      </c>
      <c r="H73580" s="1" t="s">
        <v>245961</v>
      </c>
      <c r="I73580" s="1" t="s">
        <v>244917</v>
      </c>
      <c r="J73580" s="1" t="s">
        <v>246027</v>
      </c>
    </row>
    <row r="73581" spans="1:10" x14ac:dyDescent="0.35">
      <c r="A73581" s="1" t="s">
        <v>51820</v>
      </c>
      <c r="B73581" s="1" t="s">
        <v>244913</v>
      </c>
      <c r="C73581" s="1" t="s">
        <v>120</v>
      </c>
      <c r="D73581" s="1" t="s">
        <v>114797</v>
      </c>
      <c r="E73581" s="1" t="s">
        <v>246028</v>
      </c>
      <c r="F73581" s="1" t="s">
        <v>246029</v>
      </c>
      <c r="G73581" s="1" t="s">
        <v>245960</v>
      </c>
      <c r="H73581" s="1" t="s">
        <v>245961</v>
      </c>
      <c r="I73581" s="1" t="s">
        <v>244917</v>
      </c>
      <c r="J73581" s="1" t="s">
        <v>246030</v>
      </c>
    </row>
    <row r="73582" spans="1:10" x14ac:dyDescent="0.35">
      <c r="A73582" s="1" t="s">
        <v>51820</v>
      </c>
      <c r="B73582" s="1" t="s">
        <v>244913</v>
      </c>
      <c r="C73582" s="1" t="s">
        <v>125</v>
      </c>
      <c r="D73582" s="1" t="s">
        <v>125596</v>
      </c>
      <c r="E73582" s="1" t="s">
        <v>246031</v>
      </c>
      <c r="F73582" s="1" t="s">
        <v>246032</v>
      </c>
      <c r="G73582" s="1" t="s">
        <v>245960</v>
      </c>
      <c r="H73582" s="1" t="s">
        <v>245961</v>
      </c>
      <c r="I73582" s="1" t="s">
        <v>244917</v>
      </c>
      <c r="J73582" s="1" t="s">
        <v>246033</v>
      </c>
    </row>
    <row r="73583" spans="1:10" x14ac:dyDescent="0.35">
      <c r="A73583" s="1" t="s">
        <v>51820</v>
      </c>
      <c r="B73583" s="1" t="s">
        <v>244913</v>
      </c>
      <c r="C73583" s="1" t="s">
        <v>130</v>
      </c>
      <c r="D73583" s="1" t="s">
        <v>33107</v>
      </c>
      <c r="E73583" s="1" t="s">
        <v>246034</v>
      </c>
      <c r="F73583" s="1" t="s">
        <v>246035</v>
      </c>
      <c r="G73583" s="1" t="s">
        <v>245960</v>
      </c>
      <c r="H73583" s="1" t="s">
        <v>245961</v>
      </c>
      <c r="I73583" s="1" t="s">
        <v>244917</v>
      </c>
      <c r="J73583" s="1" t="s">
        <v>246036</v>
      </c>
    </row>
    <row r="73584" spans="1:10" x14ac:dyDescent="0.35">
      <c r="A73584" s="1" t="s">
        <v>51820</v>
      </c>
      <c r="B73584" s="1" t="s">
        <v>244913</v>
      </c>
      <c r="C73584" s="1" t="s">
        <v>135</v>
      </c>
      <c r="D73584" s="1" t="s">
        <v>246037</v>
      </c>
      <c r="E73584" s="1" t="s">
        <v>246038</v>
      </c>
      <c r="F73584" s="1" t="s">
        <v>246039</v>
      </c>
      <c r="G73584" s="1" t="s">
        <v>245960</v>
      </c>
      <c r="H73584" s="1" t="s">
        <v>245961</v>
      </c>
      <c r="I73584" s="1" t="s">
        <v>244917</v>
      </c>
      <c r="J73584" s="1" t="s">
        <v>246040</v>
      </c>
    </row>
    <row r="73585" spans="1:10" x14ac:dyDescent="0.35">
      <c r="A73585" s="1" t="s">
        <v>51820</v>
      </c>
      <c r="B73585" s="1" t="s">
        <v>244913</v>
      </c>
      <c r="C73585" s="1" t="s">
        <v>140</v>
      </c>
      <c r="D73585" s="1" t="s">
        <v>148459</v>
      </c>
      <c r="E73585" s="1" t="s">
        <v>246041</v>
      </c>
      <c r="F73585" s="1" t="s">
        <v>246042</v>
      </c>
      <c r="G73585" s="1" t="s">
        <v>245960</v>
      </c>
      <c r="H73585" s="1" t="s">
        <v>245961</v>
      </c>
      <c r="I73585" s="1" t="s">
        <v>244917</v>
      </c>
      <c r="J73585" s="1" t="s">
        <v>246043</v>
      </c>
    </row>
    <row r="73586" spans="1:10" x14ac:dyDescent="0.35">
      <c r="A73586" s="1" t="s">
        <v>51820</v>
      </c>
      <c r="B73586" s="1" t="s">
        <v>244913</v>
      </c>
      <c r="C73586" s="1" t="s">
        <v>145</v>
      </c>
      <c r="D73586" s="1" t="s">
        <v>135398</v>
      </c>
      <c r="E73586" s="1" t="s">
        <v>246044</v>
      </c>
      <c r="F73586" s="1" t="s">
        <v>246045</v>
      </c>
      <c r="G73586" s="1" t="s">
        <v>245960</v>
      </c>
      <c r="H73586" s="1" t="s">
        <v>245961</v>
      </c>
      <c r="I73586" s="1" t="s">
        <v>244917</v>
      </c>
      <c r="J73586" s="1" t="s">
        <v>246046</v>
      </c>
    </row>
    <row r="73587" spans="1:10" x14ac:dyDescent="0.35">
      <c r="A73587" s="1" t="s">
        <v>51820</v>
      </c>
      <c r="B73587" s="1" t="s">
        <v>244913</v>
      </c>
      <c r="C73587" s="1" t="s">
        <v>150</v>
      </c>
      <c r="D73587" s="1" t="s">
        <v>43136</v>
      </c>
      <c r="E73587" s="1" t="s">
        <v>246047</v>
      </c>
      <c r="F73587" s="1" t="s">
        <v>246048</v>
      </c>
      <c r="G73587" s="1" t="s">
        <v>245960</v>
      </c>
      <c r="H73587" s="1" t="s">
        <v>245961</v>
      </c>
      <c r="I73587" s="1" t="s">
        <v>244917</v>
      </c>
      <c r="J73587" s="1" t="s">
        <v>246049</v>
      </c>
    </row>
    <row r="73588" spans="1:10" x14ac:dyDescent="0.35">
      <c r="A73588" s="1" t="s">
        <v>51820</v>
      </c>
      <c r="B73588" s="1" t="s">
        <v>244913</v>
      </c>
      <c r="C73588" s="1" t="s">
        <v>155</v>
      </c>
      <c r="D73588" s="1" t="s">
        <v>72299</v>
      </c>
      <c r="E73588" s="1" t="s">
        <v>246050</v>
      </c>
      <c r="F73588" s="1" t="s">
        <v>246051</v>
      </c>
      <c r="G73588" s="1" t="s">
        <v>245960</v>
      </c>
      <c r="H73588" s="1" t="s">
        <v>245961</v>
      </c>
      <c r="I73588" s="1" t="s">
        <v>244917</v>
      </c>
      <c r="J73588" s="1" t="s">
        <v>246052</v>
      </c>
    </row>
    <row r="73589" spans="1:10" x14ac:dyDescent="0.35">
      <c r="A73589" s="1" t="s">
        <v>51820</v>
      </c>
      <c r="B73589" s="1" t="s">
        <v>244913</v>
      </c>
      <c r="C73589" s="1" t="s">
        <v>160</v>
      </c>
      <c r="D73589" s="1" t="s">
        <v>6645</v>
      </c>
      <c r="E73589" s="1" t="s">
        <v>246053</v>
      </c>
      <c r="F73589" s="1" t="s">
        <v>246054</v>
      </c>
      <c r="G73589" s="1" t="s">
        <v>245960</v>
      </c>
      <c r="H73589" s="1" t="s">
        <v>245961</v>
      </c>
      <c r="I73589" s="1" t="s">
        <v>244917</v>
      </c>
      <c r="J73589" s="1" t="s">
        <v>246055</v>
      </c>
    </row>
    <row r="73590" spans="1:10" x14ac:dyDescent="0.35">
      <c r="A73590" s="1" t="s">
        <v>51820</v>
      </c>
      <c r="B73590" s="1" t="s">
        <v>244913</v>
      </c>
      <c r="C73590" s="1" t="s">
        <v>165</v>
      </c>
      <c r="D73590" s="1" t="s">
        <v>9690</v>
      </c>
      <c r="E73590" s="1" t="s">
        <v>246056</v>
      </c>
      <c r="F73590" s="1" t="s">
        <v>246057</v>
      </c>
      <c r="G73590" s="1" t="s">
        <v>245960</v>
      </c>
      <c r="H73590" s="1" t="s">
        <v>245961</v>
      </c>
      <c r="I73590" s="1" t="s">
        <v>244917</v>
      </c>
      <c r="J73590" s="1" t="s">
        <v>246058</v>
      </c>
    </row>
    <row r="73591" spans="1:10" x14ac:dyDescent="0.35">
      <c r="A73591" s="1" t="s">
        <v>51820</v>
      </c>
      <c r="B73591" s="1" t="s">
        <v>244913</v>
      </c>
      <c r="C73591" s="1" t="s">
        <v>170</v>
      </c>
      <c r="D73591" s="1" t="s">
        <v>111947</v>
      </c>
      <c r="E73591" s="1" t="s">
        <v>246059</v>
      </c>
      <c r="F73591" s="1" t="s">
        <v>246060</v>
      </c>
      <c r="G73591" s="1" t="s">
        <v>245960</v>
      </c>
      <c r="H73591" s="1" t="s">
        <v>245961</v>
      </c>
      <c r="I73591" s="1" t="s">
        <v>244917</v>
      </c>
      <c r="J73591" s="1" t="s">
        <v>246061</v>
      </c>
    </row>
    <row r="73592" spans="1:10" x14ac:dyDescent="0.35">
      <c r="A73592" s="1" t="s">
        <v>24982</v>
      </c>
      <c r="B73592" s="1" t="s">
        <v>244913</v>
      </c>
      <c r="C73592" s="1" t="s">
        <v>8</v>
      </c>
      <c r="D73592" s="1" t="s">
        <v>153919</v>
      </c>
      <c r="E73592" s="1" t="s">
        <v>246062</v>
      </c>
      <c r="F73592" s="1" t="s">
        <v>246063</v>
      </c>
      <c r="G73592" s="1" t="s">
        <v>246064</v>
      </c>
      <c r="H73592" s="1" t="s">
        <v>246065</v>
      </c>
      <c r="I73592" s="1" t="s">
        <v>244917</v>
      </c>
      <c r="J73592" s="1" t="s">
        <v>13</v>
      </c>
    </row>
    <row r="73593" spans="1:10" x14ac:dyDescent="0.35">
      <c r="A73593" s="1" t="s">
        <v>24982</v>
      </c>
      <c r="B73593" s="1" t="s">
        <v>244913</v>
      </c>
      <c r="C73593" s="1" t="s">
        <v>15</v>
      </c>
      <c r="D73593" s="1" t="s">
        <v>222263</v>
      </c>
      <c r="E73593" s="1" t="s">
        <v>246066</v>
      </c>
      <c r="F73593" s="1" t="s">
        <v>246067</v>
      </c>
      <c r="G73593" s="1" t="s">
        <v>246064</v>
      </c>
      <c r="H73593" s="1" t="s">
        <v>246065</v>
      </c>
      <c r="I73593" s="1" t="s">
        <v>244917</v>
      </c>
      <c r="J73593" s="1" t="s">
        <v>246068</v>
      </c>
    </row>
    <row r="73594" spans="1:10" x14ac:dyDescent="0.35">
      <c r="A73594" s="1" t="s">
        <v>24982</v>
      </c>
      <c r="B73594" s="1" t="s">
        <v>244913</v>
      </c>
      <c r="C73594" s="1" t="s">
        <v>20</v>
      </c>
      <c r="D73594" s="1" t="s">
        <v>43936</v>
      </c>
      <c r="E73594" s="1" t="s">
        <v>246069</v>
      </c>
      <c r="F73594" s="1" t="s">
        <v>246070</v>
      </c>
      <c r="G73594" s="1" t="s">
        <v>246064</v>
      </c>
      <c r="H73594" s="1" t="s">
        <v>246065</v>
      </c>
      <c r="I73594" s="1" t="s">
        <v>244917</v>
      </c>
      <c r="J73594" s="1" t="s">
        <v>246071</v>
      </c>
    </row>
    <row r="73595" spans="1:10" x14ac:dyDescent="0.35">
      <c r="A73595" s="1" t="s">
        <v>24982</v>
      </c>
      <c r="B73595" s="1" t="s">
        <v>244913</v>
      </c>
      <c r="C73595" s="1" t="s">
        <v>25</v>
      </c>
      <c r="D73595" s="1" t="s">
        <v>246072</v>
      </c>
      <c r="E73595" s="1" t="s">
        <v>246073</v>
      </c>
      <c r="F73595" s="1" t="s">
        <v>246074</v>
      </c>
      <c r="G73595" s="1" t="s">
        <v>246064</v>
      </c>
      <c r="H73595" s="1" t="s">
        <v>246065</v>
      </c>
      <c r="I73595" s="1" t="s">
        <v>244917</v>
      </c>
      <c r="J73595" s="1" t="s">
        <v>246075</v>
      </c>
    </row>
    <row r="73596" spans="1:10" x14ac:dyDescent="0.35">
      <c r="A73596" s="1" t="s">
        <v>24982</v>
      </c>
      <c r="B73596" s="1" t="s">
        <v>244913</v>
      </c>
      <c r="C73596" s="1" t="s">
        <v>30</v>
      </c>
      <c r="D73596" s="1" t="s">
        <v>83459</v>
      </c>
      <c r="E73596" s="1" t="s">
        <v>246076</v>
      </c>
      <c r="F73596" s="1" t="s">
        <v>246077</v>
      </c>
      <c r="G73596" s="1" t="s">
        <v>246064</v>
      </c>
      <c r="H73596" s="1" t="s">
        <v>246065</v>
      </c>
      <c r="I73596" s="1" t="s">
        <v>244917</v>
      </c>
      <c r="J73596" s="1" t="s">
        <v>246078</v>
      </c>
    </row>
    <row r="73597" spans="1:10" x14ac:dyDescent="0.35">
      <c r="A73597" s="1" t="s">
        <v>24982</v>
      </c>
      <c r="B73597" s="1" t="s">
        <v>244913</v>
      </c>
      <c r="C73597" s="1" t="s">
        <v>35</v>
      </c>
      <c r="D73597" s="1" t="s">
        <v>246079</v>
      </c>
      <c r="E73597" s="1" t="s">
        <v>246080</v>
      </c>
      <c r="F73597" s="1" t="s">
        <v>246081</v>
      </c>
      <c r="G73597" s="1" t="s">
        <v>246064</v>
      </c>
      <c r="H73597" s="1" t="s">
        <v>246065</v>
      </c>
      <c r="I73597" s="1" t="s">
        <v>244917</v>
      </c>
      <c r="J73597" s="1" t="s">
        <v>246082</v>
      </c>
    </row>
    <row r="73598" spans="1:10" x14ac:dyDescent="0.35">
      <c r="A73598" s="1" t="s">
        <v>24982</v>
      </c>
      <c r="B73598" s="1" t="s">
        <v>244913</v>
      </c>
      <c r="C73598" s="1" t="s">
        <v>40</v>
      </c>
      <c r="D73598" s="1" t="s">
        <v>191792</v>
      </c>
      <c r="E73598" s="1" t="s">
        <v>246083</v>
      </c>
      <c r="F73598" s="1" t="s">
        <v>246084</v>
      </c>
      <c r="G73598" s="1" t="s">
        <v>246064</v>
      </c>
      <c r="H73598" s="1" t="s">
        <v>246065</v>
      </c>
      <c r="I73598" s="1" t="s">
        <v>244917</v>
      </c>
      <c r="J73598" s="1" t="s">
        <v>246085</v>
      </c>
    </row>
    <row r="73599" spans="1:10" x14ac:dyDescent="0.35">
      <c r="A73599" s="1" t="s">
        <v>24982</v>
      </c>
      <c r="B73599" s="1" t="s">
        <v>244913</v>
      </c>
      <c r="C73599" s="1" t="s">
        <v>45</v>
      </c>
      <c r="D73599" s="1" t="s">
        <v>246086</v>
      </c>
      <c r="E73599" s="1" t="s">
        <v>246087</v>
      </c>
      <c r="F73599" s="1" t="s">
        <v>246088</v>
      </c>
      <c r="G73599" s="1" t="s">
        <v>246064</v>
      </c>
      <c r="H73599" s="1" t="s">
        <v>246065</v>
      </c>
      <c r="I73599" s="1" t="s">
        <v>244917</v>
      </c>
      <c r="J73599" s="1" t="s">
        <v>246089</v>
      </c>
    </row>
    <row r="73600" spans="1:10" x14ac:dyDescent="0.35">
      <c r="A73600" s="1" t="s">
        <v>24982</v>
      </c>
      <c r="B73600" s="1" t="s">
        <v>244913</v>
      </c>
      <c r="C73600" s="1" t="s">
        <v>50</v>
      </c>
      <c r="D73600" s="1" t="s">
        <v>246090</v>
      </c>
      <c r="E73600" s="1" t="s">
        <v>246091</v>
      </c>
      <c r="F73600" s="1" t="s">
        <v>246092</v>
      </c>
      <c r="G73600" s="1" t="s">
        <v>246064</v>
      </c>
      <c r="H73600" s="1" t="s">
        <v>246065</v>
      </c>
      <c r="I73600" s="1" t="s">
        <v>244917</v>
      </c>
      <c r="J73600" s="1" t="s">
        <v>246093</v>
      </c>
    </row>
    <row r="73601" spans="1:10" x14ac:dyDescent="0.35">
      <c r="A73601" s="1" t="s">
        <v>24982</v>
      </c>
      <c r="B73601" s="1" t="s">
        <v>244913</v>
      </c>
      <c r="C73601" s="1" t="s">
        <v>55</v>
      </c>
      <c r="D73601" s="1" t="s">
        <v>246094</v>
      </c>
      <c r="E73601" s="1" t="s">
        <v>246095</v>
      </c>
      <c r="F73601" s="1" t="s">
        <v>246096</v>
      </c>
      <c r="G73601" s="1" t="s">
        <v>246064</v>
      </c>
      <c r="H73601" s="1" t="s">
        <v>246065</v>
      </c>
      <c r="I73601" s="1" t="s">
        <v>244917</v>
      </c>
      <c r="J73601" s="1" t="s">
        <v>246097</v>
      </c>
    </row>
    <row r="73602" spans="1:10" x14ac:dyDescent="0.35">
      <c r="A73602" s="1" t="s">
        <v>24982</v>
      </c>
      <c r="B73602" s="1" t="s">
        <v>244913</v>
      </c>
      <c r="C73602" s="1" t="s">
        <v>60</v>
      </c>
      <c r="D73602" s="1" t="s">
        <v>245412</v>
      </c>
      <c r="E73602" s="1" t="s">
        <v>246098</v>
      </c>
      <c r="F73602" s="1" t="s">
        <v>246099</v>
      </c>
      <c r="G73602" s="1" t="s">
        <v>246064</v>
      </c>
      <c r="H73602" s="1" t="s">
        <v>246065</v>
      </c>
      <c r="I73602" s="1" t="s">
        <v>244917</v>
      </c>
      <c r="J73602" s="1" t="s">
        <v>246100</v>
      </c>
    </row>
    <row r="73603" spans="1:10" x14ac:dyDescent="0.35">
      <c r="A73603" s="1" t="s">
        <v>24982</v>
      </c>
      <c r="B73603" s="1" t="s">
        <v>244913</v>
      </c>
      <c r="C73603" s="1" t="s">
        <v>65</v>
      </c>
      <c r="D73603" s="1" t="s">
        <v>432</v>
      </c>
      <c r="E73603" s="1" t="s">
        <v>246101</v>
      </c>
      <c r="F73603" s="1" t="s">
        <v>246102</v>
      </c>
      <c r="G73603" s="1" t="s">
        <v>246064</v>
      </c>
      <c r="H73603" s="1" t="s">
        <v>246065</v>
      </c>
      <c r="I73603" s="1" t="s">
        <v>244917</v>
      </c>
      <c r="J73603" s="1" t="s">
        <v>246103</v>
      </c>
    </row>
    <row r="73604" spans="1:10" x14ac:dyDescent="0.35">
      <c r="A73604" s="1" t="s">
        <v>24982</v>
      </c>
      <c r="B73604" s="1" t="s">
        <v>244913</v>
      </c>
      <c r="C73604" s="1" t="s">
        <v>70</v>
      </c>
      <c r="D73604" s="1" t="s">
        <v>246104</v>
      </c>
      <c r="E73604" s="1" t="s">
        <v>246105</v>
      </c>
      <c r="F73604" s="1" t="s">
        <v>246106</v>
      </c>
      <c r="G73604" s="1" t="s">
        <v>246064</v>
      </c>
      <c r="H73604" s="1" t="s">
        <v>246065</v>
      </c>
      <c r="I73604" s="1" t="s">
        <v>244917</v>
      </c>
      <c r="J73604" s="1" t="s">
        <v>246107</v>
      </c>
    </row>
    <row r="73605" spans="1:10" x14ac:dyDescent="0.35">
      <c r="A73605" s="1" t="s">
        <v>24982</v>
      </c>
      <c r="B73605" s="1" t="s">
        <v>244913</v>
      </c>
      <c r="C73605" s="1" t="s">
        <v>75</v>
      </c>
      <c r="D73605" s="1" t="s">
        <v>178148</v>
      </c>
      <c r="E73605" s="1" t="s">
        <v>246108</v>
      </c>
      <c r="F73605" s="1" t="s">
        <v>246109</v>
      </c>
      <c r="G73605" s="1" t="s">
        <v>246064</v>
      </c>
      <c r="H73605" s="1" t="s">
        <v>246065</v>
      </c>
      <c r="I73605" s="1" t="s">
        <v>244917</v>
      </c>
      <c r="J73605" s="1" t="s">
        <v>246110</v>
      </c>
    </row>
    <row r="73606" spans="1:10" x14ac:dyDescent="0.35">
      <c r="A73606" s="1" t="s">
        <v>24982</v>
      </c>
      <c r="B73606" s="1" t="s">
        <v>244913</v>
      </c>
      <c r="C73606" s="1" t="s">
        <v>80</v>
      </c>
      <c r="D73606" s="1" t="s">
        <v>173466</v>
      </c>
      <c r="E73606" s="1" t="s">
        <v>246111</v>
      </c>
      <c r="F73606" s="1" t="s">
        <v>246112</v>
      </c>
      <c r="G73606" s="1" t="s">
        <v>246064</v>
      </c>
      <c r="H73606" s="1" t="s">
        <v>246065</v>
      </c>
      <c r="I73606" s="1" t="s">
        <v>244917</v>
      </c>
      <c r="J73606" s="1" t="s">
        <v>246113</v>
      </c>
    </row>
    <row r="73607" spans="1:10" x14ac:dyDescent="0.35">
      <c r="A73607" s="1" t="s">
        <v>24982</v>
      </c>
      <c r="B73607" s="1" t="s">
        <v>244913</v>
      </c>
      <c r="C73607" s="1" t="s">
        <v>85</v>
      </c>
      <c r="D73607" s="1" t="s">
        <v>189392</v>
      </c>
      <c r="E73607" s="1" t="s">
        <v>246114</v>
      </c>
      <c r="F73607" s="1" t="s">
        <v>246115</v>
      </c>
      <c r="G73607" s="1" t="s">
        <v>246064</v>
      </c>
      <c r="H73607" s="1" t="s">
        <v>246065</v>
      </c>
      <c r="I73607" s="1" t="s">
        <v>244917</v>
      </c>
      <c r="J73607" s="1" t="s">
        <v>246116</v>
      </c>
    </row>
    <row r="73608" spans="1:10" x14ac:dyDescent="0.35">
      <c r="A73608" s="1" t="s">
        <v>24982</v>
      </c>
      <c r="B73608" s="1" t="s">
        <v>244913</v>
      </c>
      <c r="C73608" s="1" t="s">
        <v>90</v>
      </c>
      <c r="D73608" s="1" t="s">
        <v>246117</v>
      </c>
      <c r="E73608" s="1" t="s">
        <v>246118</v>
      </c>
      <c r="F73608" s="1" t="s">
        <v>246119</v>
      </c>
      <c r="G73608" s="1" t="s">
        <v>246064</v>
      </c>
      <c r="H73608" s="1" t="s">
        <v>246065</v>
      </c>
      <c r="I73608" s="1" t="s">
        <v>244917</v>
      </c>
      <c r="J73608" s="1" t="s">
        <v>246120</v>
      </c>
    </row>
    <row r="73609" spans="1:10" x14ac:dyDescent="0.35">
      <c r="A73609" s="1" t="s">
        <v>24982</v>
      </c>
      <c r="B73609" s="1" t="s">
        <v>244913</v>
      </c>
      <c r="C73609" s="1" t="s">
        <v>95</v>
      </c>
      <c r="D73609" s="1" t="s">
        <v>178182</v>
      </c>
      <c r="E73609" s="1" t="s">
        <v>246121</v>
      </c>
      <c r="F73609" s="1" t="s">
        <v>246122</v>
      </c>
      <c r="G73609" s="1" t="s">
        <v>246064</v>
      </c>
      <c r="H73609" s="1" t="s">
        <v>246065</v>
      </c>
      <c r="I73609" s="1" t="s">
        <v>244917</v>
      </c>
      <c r="J73609" s="1" t="s">
        <v>246123</v>
      </c>
    </row>
    <row r="73610" spans="1:10" x14ac:dyDescent="0.35">
      <c r="A73610" s="1" t="s">
        <v>24982</v>
      </c>
      <c r="B73610" s="1" t="s">
        <v>244913</v>
      </c>
      <c r="C73610" s="1" t="s">
        <v>100</v>
      </c>
      <c r="D73610" s="1" t="s">
        <v>174088</v>
      </c>
      <c r="E73610" s="1" t="s">
        <v>246124</v>
      </c>
      <c r="F73610" s="1" t="s">
        <v>246125</v>
      </c>
      <c r="G73610" s="1" t="s">
        <v>246064</v>
      </c>
      <c r="H73610" s="1" t="s">
        <v>246065</v>
      </c>
      <c r="I73610" s="1" t="s">
        <v>244917</v>
      </c>
      <c r="J73610" s="1" t="s">
        <v>246126</v>
      </c>
    </row>
    <row r="73611" spans="1:10" x14ac:dyDescent="0.35">
      <c r="A73611" s="1" t="s">
        <v>24982</v>
      </c>
      <c r="B73611" s="1" t="s">
        <v>244913</v>
      </c>
      <c r="C73611" s="1" t="s">
        <v>105</v>
      </c>
      <c r="D73611" s="1" t="s">
        <v>246127</v>
      </c>
      <c r="E73611" s="1" t="s">
        <v>246128</v>
      </c>
      <c r="F73611" s="1" t="s">
        <v>246129</v>
      </c>
      <c r="G73611" s="1" t="s">
        <v>246064</v>
      </c>
      <c r="H73611" s="1" t="s">
        <v>246065</v>
      </c>
      <c r="I73611" s="1" t="s">
        <v>244917</v>
      </c>
      <c r="J73611" s="1" t="s">
        <v>246130</v>
      </c>
    </row>
    <row r="73612" spans="1:10" x14ac:dyDescent="0.35">
      <c r="A73612" s="1" t="s">
        <v>24982</v>
      </c>
      <c r="B73612" s="1" t="s">
        <v>244913</v>
      </c>
      <c r="C73612" s="1" t="s">
        <v>110</v>
      </c>
      <c r="D73612" s="1" t="s">
        <v>246131</v>
      </c>
      <c r="E73612" s="1" t="s">
        <v>246132</v>
      </c>
      <c r="F73612" s="1" t="s">
        <v>246133</v>
      </c>
      <c r="G73612" s="1" t="s">
        <v>246064</v>
      </c>
      <c r="H73612" s="1" t="s">
        <v>246065</v>
      </c>
      <c r="I73612" s="1" t="s">
        <v>244917</v>
      </c>
      <c r="J73612" s="1" t="s">
        <v>246134</v>
      </c>
    </row>
    <row r="73613" spans="1:10" x14ac:dyDescent="0.35">
      <c r="A73613" s="1" t="s">
        <v>24982</v>
      </c>
      <c r="B73613" s="1" t="s">
        <v>244913</v>
      </c>
      <c r="C73613" s="1" t="s">
        <v>115</v>
      </c>
      <c r="D73613" s="1" t="s">
        <v>194400</v>
      </c>
      <c r="E73613" s="1" t="s">
        <v>3269</v>
      </c>
      <c r="F73613" s="1" t="s">
        <v>246135</v>
      </c>
      <c r="G73613" s="1" t="s">
        <v>246064</v>
      </c>
      <c r="H73613" s="1" t="s">
        <v>246065</v>
      </c>
      <c r="I73613" s="1" t="s">
        <v>244917</v>
      </c>
      <c r="J73613" s="1" t="s">
        <v>246136</v>
      </c>
    </row>
    <row r="73614" spans="1:10" x14ac:dyDescent="0.35">
      <c r="A73614" s="1" t="s">
        <v>24982</v>
      </c>
      <c r="B73614" s="1" t="s">
        <v>244913</v>
      </c>
      <c r="C73614" s="1" t="s">
        <v>120</v>
      </c>
      <c r="D73614" s="1" t="s">
        <v>246137</v>
      </c>
      <c r="E73614" s="1" t="s">
        <v>246138</v>
      </c>
      <c r="F73614" s="1" t="s">
        <v>246139</v>
      </c>
      <c r="G73614" s="1" t="s">
        <v>246064</v>
      </c>
      <c r="H73614" s="1" t="s">
        <v>246065</v>
      </c>
      <c r="I73614" s="1" t="s">
        <v>244917</v>
      </c>
      <c r="J73614" s="1" t="s">
        <v>246140</v>
      </c>
    </row>
    <row r="73615" spans="1:10" x14ac:dyDescent="0.35">
      <c r="A73615" s="1" t="s">
        <v>24982</v>
      </c>
      <c r="B73615" s="1" t="s">
        <v>244913</v>
      </c>
      <c r="C73615" s="1" t="s">
        <v>125</v>
      </c>
      <c r="D73615" s="1" t="s">
        <v>17554</v>
      </c>
      <c r="E73615" s="1" t="s">
        <v>246141</v>
      </c>
      <c r="F73615" s="1" t="s">
        <v>246142</v>
      </c>
      <c r="G73615" s="1" t="s">
        <v>246064</v>
      </c>
      <c r="H73615" s="1" t="s">
        <v>246065</v>
      </c>
      <c r="I73615" s="1" t="s">
        <v>244917</v>
      </c>
      <c r="J73615" s="1" t="s">
        <v>246143</v>
      </c>
    </row>
    <row r="73616" spans="1:10" x14ac:dyDescent="0.35">
      <c r="A73616" s="1" t="s">
        <v>24982</v>
      </c>
      <c r="B73616" s="1" t="s">
        <v>244913</v>
      </c>
      <c r="C73616" s="1" t="s">
        <v>130</v>
      </c>
      <c r="D73616" s="1" t="s">
        <v>32894</v>
      </c>
      <c r="E73616" s="1" t="s">
        <v>246144</v>
      </c>
      <c r="F73616" s="1" t="s">
        <v>246145</v>
      </c>
      <c r="G73616" s="1" t="s">
        <v>246064</v>
      </c>
      <c r="H73616" s="1" t="s">
        <v>246065</v>
      </c>
      <c r="I73616" s="1" t="s">
        <v>244917</v>
      </c>
      <c r="J73616" s="1" t="s">
        <v>246146</v>
      </c>
    </row>
    <row r="73617" spans="1:10" x14ac:dyDescent="0.35">
      <c r="A73617" s="1" t="s">
        <v>24982</v>
      </c>
      <c r="B73617" s="1" t="s">
        <v>244913</v>
      </c>
      <c r="C73617" s="1" t="s">
        <v>135</v>
      </c>
      <c r="D73617" s="1" t="s">
        <v>246147</v>
      </c>
      <c r="E73617" s="1" t="s">
        <v>246148</v>
      </c>
      <c r="F73617" s="1" t="s">
        <v>246149</v>
      </c>
      <c r="G73617" s="1" t="s">
        <v>246064</v>
      </c>
      <c r="H73617" s="1" t="s">
        <v>246065</v>
      </c>
      <c r="I73617" s="1" t="s">
        <v>244917</v>
      </c>
      <c r="J73617" s="1" t="s">
        <v>246150</v>
      </c>
    </row>
    <row r="73618" spans="1:10" x14ac:dyDescent="0.35">
      <c r="A73618" s="1" t="s">
        <v>24982</v>
      </c>
      <c r="B73618" s="1" t="s">
        <v>244913</v>
      </c>
      <c r="C73618" s="1" t="s">
        <v>140</v>
      </c>
      <c r="D73618" s="1" t="s">
        <v>148447</v>
      </c>
      <c r="E73618" s="1" t="s">
        <v>246151</v>
      </c>
      <c r="F73618" s="1" t="s">
        <v>246152</v>
      </c>
      <c r="G73618" s="1" t="s">
        <v>246064</v>
      </c>
      <c r="H73618" s="1" t="s">
        <v>246065</v>
      </c>
      <c r="I73618" s="1" t="s">
        <v>244917</v>
      </c>
      <c r="J73618" s="1" t="s">
        <v>246153</v>
      </c>
    </row>
    <row r="73619" spans="1:10" x14ac:dyDescent="0.35">
      <c r="A73619" s="1" t="s">
        <v>24982</v>
      </c>
      <c r="B73619" s="1" t="s">
        <v>244913</v>
      </c>
      <c r="C73619" s="1" t="s">
        <v>145</v>
      </c>
      <c r="D73619" s="1" t="s">
        <v>17921</v>
      </c>
      <c r="E73619" s="1" t="s">
        <v>246154</v>
      </c>
      <c r="F73619" s="1" t="s">
        <v>246155</v>
      </c>
      <c r="G73619" s="1" t="s">
        <v>246064</v>
      </c>
      <c r="H73619" s="1" t="s">
        <v>246065</v>
      </c>
      <c r="I73619" s="1" t="s">
        <v>244917</v>
      </c>
      <c r="J73619" s="1" t="s">
        <v>246156</v>
      </c>
    </row>
    <row r="73620" spans="1:10" x14ac:dyDescent="0.35">
      <c r="A73620" s="1" t="s">
        <v>24982</v>
      </c>
      <c r="B73620" s="1" t="s">
        <v>244913</v>
      </c>
      <c r="C73620" s="1" t="s">
        <v>150</v>
      </c>
      <c r="D73620" s="1" t="s">
        <v>48081</v>
      </c>
      <c r="E73620" s="1" t="s">
        <v>246157</v>
      </c>
      <c r="F73620" s="1" t="s">
        <v>246158</v>
      </c>
      <c r="G73620" s="1" t="s">
        <v>246064</v>
      </c>
      <c r="H73620" s="1" t="s">
        <v>246065</v>
      </c>
      <c r="I73620" s="1" t="s">
        <v>244917</v>
      </c>
      <c r="J73620" s="1" t="s">
        <v>246159</v>
      </c>
    </row>
    <row r="73621" spans="1:10" x14ac:dyDescent="0.35">
      <c r="A73621" s="1" t="s">
        <v>24982</v>
      </c>
      <c r="B73621" s="1" t="s">
        <v>244913</v>
      </c>
      <c r="C73621" s="1" t="s">
        <v>155</v>
      </c>
      <c r="D73621" s="1" t="s">
        <v>35107</v>
      </c>
      <c r="E73621" s="1" t="s">
        <v>246160</v>
      </c>
      <c r="F73621" s="1" t="s">
        <v>246161</v>
      </c>
      <c r="G73621" s="1" t="s">
        <v>246064</v>
      </c>
      <c r="H73621" s="1" t="s">
        <v>246065</v>
      </c>
      <c r="I73621" s="1" t="s">
        <v>244917</v>
      </c>
      <c r="J73621" s="1" t="s">
        <v>246162</v>
      </c>
    </row>
    <row r="73622" spans="1:10" x14ac:dyDescent="0.35">
      <c r="A73622" s="1" t="s">
        <v>24982</v>
      </c>
      <c r="B73622" s="1" t="s">
        <v>244913</v>
      </c>
      <c r="C73622" s="1" t="s">
        <v>160</v>
      </c>
      <c r="D73622" s="1" t="s">
        <v>135475</v>
      </c>
      <c r="E73622" s="1" t="s">
        <v>246163</v>
      </c>
      <c r="F73622" s="1" t="s">
        <v>246164</v>
      </c>
      <c r="G73622" s="1" t="s">
        <v>246064</v>
      </c>
      <c r="H73622" s="1" t="s">
        <v>246065</v>
      </c>
      <c r="I73622" s="1" t="s">
        <v>244917</v>
      </c>
      <c r="J73622" s="1" t="s">
        <v>246165</v>
      </c>
    </row>
    <row r="73623" spans="1:10" x14ac:dyDescent="0.35">
      <c r="A73623" s="1" t="s">
        <v>24982</v>
      </c>
      <c r="B73623" s="1" t="s">
        <v>244913</v>
      </c>
      <c r="C73623" s="1" t="s">
        <v>165</v>
      </c>
      <c r="D73623" s="1" t="s">
        <v>148287</v>
      </c>
      <c r="E73623" s="1" t="s">
        <v>246166</v>
      </c>
      <c r="F73623" s="1" t="s">
        <v>246167</v>
      </c>
      <c r="G73623" s="1" t="s">
        <v>246064</v>
      </c>
      <c r="H73623" s="1" t="s">
        <v>246065</v>
      </c>
      <c r="I73623" s="1" t="s">
        <v>244917</v>
      </c>
      <c r="J73623" s="1" t="s">
        <v>246168</v>
      </c>
    </row>
    <row r="73624" spans="1:10" x14ac:dyDescent="0.35">
      <c r="A73624" s="1" t="s">
        <v>24982</v>
      </c>
      <c r="B73624" s="1" t="s">
        <v>244913</v>
      </c>
      <c r="C73624" s="1" t="s">
        <v>170</v>
      </c>
      <c r="D73624" s="1" t="s">
        <v>246169</v>
      </c>
      <c r="E73624" s="1" t="s">
        <v>246170</v>
      </c>
      <c r="F73624" s="1" t="s">
        <v>246171</v>
      </c>
      <c r="G73624" s="1" t="s">
        <v>246064</v>
      </c>
      <c r="H73624" s="1" t="s">
        <v>246065</v>
      </c>
      <c r="I73624" s="1" t="s">
        <v>244917</v>
      </c>
      <c r="J73624" s="1" t="s">
        <v>246172</v>
      </c>
    </row>
    <row r="73625" spans="1:10" x14ac:dyDescent="0.35">
      <c r="A73625" s="1" t="s">
        <v>27440</v>
      </c>
      <c r="B73625" s="1" t="s">
        <v>244913</v>
      </c>
      <c r="C73625" s="1" t="s">
        <v>8</v>
      </c>
      <c r="D73625" s="1" t="s">
        <v>246173</v>
      </c>
      <c r="E73625" s="1" t="s">
        <v>246174</v>
      </c>
      <c r="F73625" s="1" t="s">
        <v>246175</v>
      </c>
      <c r="G73625" s="1" t="s">
        <v>246176</v>
      </c>
      <c r="H73625" s="1" t="s">
        <v>246177</v>
      </c>
      <c r="I73625" s="1" t="s">
        <v>244917</v>
      </c>
      <c r="J73625" s="1" t="s">
        <v>13</v>
      </c>
    </row>
    <row r="73626" spans="1:10" x14ac:dyDescent="0.35">
      <c r="A73626" s="1" t="s">
        <v>27440</v>
      </c>
      <c r="B73626" s="1" t="s">
        <v>244913</v>
      </c>
      <c r="C73626" s="1" t="s">
        <v>15</v>
      </c>
      <c r="D73626" s="1" t="s">
        <v>159565</v>
      </c>
      <c r="E73626" s="1" t="s">
        <v>246178</v>
      </c>
      <c r="F73626" s="1" t="s">
        <v>246179</v>
      </c>
      <c r="G73626" s="1" t="s">
        <v>246176</v>
      </c>
      <c r="H73626" s="1" t="s">
        <v>246177</v>
      </c>
      <c r="I73626" s="1" t="s">
        <v>244917</v>
      </c>
      <c r="J73626" s="1" t="s">
        <v>246180</v>
      </c>
    </row>
    <row r="73627" spans="1:10" x14ac:dyDescent="0.35">
      <c r="A73627" s="1" t="s">
        <v>27440</v>
      </c>
      <c r="B73627" s="1" t="s">
        <v>244913</v>
      </c>
      <c r="C73627" s="1" t="s">
        <v>20</v>
      </c>
      <c r="D73627" s="1" t="s">
        <v>246181</v>
      </c>
      <c r="E73627" s="1" t="s">
        <v>246182</v>
      </c>
      <c r="F73627" s="1" t="s">
        <v>246183</v>
      </c>
      <c r="G73627" s="1" t="s">
        <v>246176</v>
      </c>
      <c r="H73627" s="1" t="s">
        <v>246177</v>
      </c>
      <c r="I73627" s="1" t="s">
        <v>244917</v>
      </c>
      <c r="J73627" s="1" t="s">
        <v>246184</v>
      </c>
    </row>
    <row r="73628" spans="1:10" x14ac:dyDescent="0.35">
      <c r="A73628" s="1" t="s">
        <v>27440</v>
      </c>
      <c r="B73628" s="1" t="s">
        <v>244913</v>
      </c>
      <c r="C73628" s="1" t="s">
        <v>25</v>
      </c>
      <c r="D73628" s="1" t="s">
        <v>246185</v>
      </c>
      <c r="E73628" s="1" t="s">
        <v>246186</v>
      </c>
      <c r="F73628" s="1" t="s">
        <v>246187</v>
      </c>
      <c r="G73628" s="1" t="s">
        <v>246176</v>
      </c>
      <c r="H73628" s="1" t="s">
        <v>246177</v>
      </c>
      <c r="I73628" s="1" t="s">
        <v>244917</v>
      </c>
      <c r="J73628" s="1" t="s">
        <v>246188</v>
      </c>
    </row>
    <row r="73629" spans="1:10" x14ac:dyDescent="0.35">
      <c r="A73629" s="1" t="s">
        <v>27440</v>
      </c>
      <c r="B73629" s="1" t="s">
        <v>244913</v>
      </c>
      <c r="C73629" s="1" t="s">
        <v>30</v>
      </c>
      <c r="D73629" s="1" t="s">
        <v>246189</v>
      </c>
      <c r="E73629" s="1" t="s">
        <v>246190</v>
      </c>
      <c r="F73629" s="1" t="s">
        <v>246191</v>
      </c>
      <c r="G73629" s="1" t="s">
        <v>246176</v>
      </c>
      <c r="H73629" s="1" t="s">
        <v>246177</v>
      </c>
      <c r="I73629" s="1" t="s">
        <v>244917</v>
      </c>
      <c r="J73629" s="1" t="s">
        <v>246192</v>
      </c>
    </row>
    <row r="73630" spans="1:10" x14ac:dyDescent="0.35">
      <c r="A73630" s="1" t="s">
        <v>27440</v>
      </c>
      <c r="B73630" s="1" t="s">
        <v>244913</v>
      </c>
      <c r="C73630" s="1" t="s">
        <v>35</v>
      </c>
      <c r="D73630" s="1" t="s">
        <v>175198</v>
      </c>
      <c r="E73630" s="1" t="s">
        <v>246193</v>
      </c>
      <c r="F73630" s="1" t="s">
        <v>246194</v>
      </c>
      <c r="G73630" s="1" t="s">
        <v>246176</v>
      </c>
      <c r="H73630" s="1" t="s">
        <v>246177</v>
      </c>
      <c r="I73630" s="1" t="s">
        <v>244917</v>
      </c>
      <c r="J73630" s="1" t="s">
        <v>246195</v>
      </c>
    </row>
    <row r="73631" spans="1:10" x14ac:dyDescent="0.35">
      <c r="A73631" s="1" t="s">
        <v>27440</v>
      </c>
      <c r="B73631" s="1" t="s">
        <v>244913</v>
      </c>
      <c r="C73631" s="1" t="s">
        <v>40</v>
      </c>
      <c r="D73631" s="1" t="s">
        <v>155047</v>
      </c>
      <c r="E73631" s="1" t="s">
        <v>246196</v>
      </c>
      <c r="F73631" s="1" t="s">
        <v>246197</v>
      </c>
      <c r="G73631" s="1" t="s">
        <v>246176</v>
      </c>
      <c r="H73631" s="1" t="s">
        <v>246177</v>
      </c>
      <c r="I73631" s="1" t="s">
        <v>244917</v>
      </c>
      <c r="J73631" s="1" t="s">
        <v>246198</v>
      </c>
    </row>
    <row r="73632" spans="1:10" x14ac:dyDescent="0.35">
      <c r="A73632" s="1" t="s">
        <v>27440</v>
      </c>
      <c r="B73632" s="1" t="s">
        <v>244913</v>
      </c>
      <c r="C73632" s="1" t="s">
        <v>45</v>
      </c>
      <c r="D73632" s="1" t="s">
        <v>57403</v>
      </c>
      <c r="E73632" s="1" t="s">
        <v>246199</v>
      </c>
      <c r="F73632" s="1" t="s">
        <v>246200</v>
      </c>
      <c r="G73632" s="1" t="s">
        <v>246176</v>
      </c>
      <c r="H73632" s="1" t="s">
        <v>246177</v>
      </c>
      <c r="I73632" s="1" t="s">
        <v>244917</v>
      </c>
      <c r="J73632" s="1" t="s">
        <v>246201</v>
      </c>
    </row>
    <row r="73633" spans="1:10" x14ac:dyDescent="0.35">
      <c r="A73633" s="1" t="s">
        <v>27440</v>
      </c>
      <c r="B73633" s="1" t="s">
        <v>244913</v>
      </c>
      <c r="C73633" s="1" t="s">
        <v>50</v>
      </c>
      <c r="D73633" s="1" t="s">
        <v>71562</v>
      </c>
      <c r="E73633" s="1" t="s">
        <v>246202</v>
      </c>
      <c r="F73633" s="1" t="s">
        <v>246203</v>
      </c>
      <c r="G73633" s="1" t="s">
        <v>246176</v>
      </c>
      <c r="H73633" s="1" t="s">
        <v>246177</v>
      </c>
      <c r="I73633" s="1" t="s">
        <v>244917</v>
      </c>
      <c r="J73633" s="1" t="s">
        <v>246204</v>
      </c>
    </row>
    <row r="73634" spans="1:10" x14ac:dyDescent="0.35">
      <c r="A73634" s="1" t="s">
        <v>27440</v>
      </c>
      <c r="B73634" s="1" t="s">
        <v>244913</v>
      </c>
      <c r="C73634" s="1" t="s">
        <v>55</v>
      </c>
      <c r="D73634" s="1" t="s">
        <v>183289</v>
      </c>
      <c r="E73634" s="1" t="s">
        <v>246205</v>
      </c>
      <c r="F73634" s="1" t="s">
        <v>246206</v>
      </c>
      <c r="G73634" s="1" t="s">
        <v>246176</v>
      </c>
      <c r="H73634" s="1" t="s">
        <v>246177</v>
      </c>
      <c r="I73634" s="1" t="s">
        <v>244917</v>
      </c>
      <c r="J73634" s="1" t="s">
        <v>246207</v>
      </c>
    </row>
    <row r="73635" spans="1:10" x14ac:dyDescent="0.35">
      <c r="A73635" s="1" t="s">
        <v>27440</v>
      </c>
      <c r="B73635" s="1" t="s">
        <v>244913</v>
      </c>
      <c r="C73635" s="1" t="s">
        <v>60</v>
      </c>
      <c r="D73635" s="1" t="s">
        <v>170860</v>
      </c>
      <c r="E73635" s="1" t="s">
        <v>246208</v>
      </c>
      <c r="F73635" s="1" t="s">
        <v>246209</v>
      </c>
      <c r="G73635" s="1" t="s">
        <v>246176</v>
      </c>
      <c r="H73635" s="1" t="s">
        <v>246177</v>
      </c>
      <c r="I73635" s="1" t="s">
        <v>244917</v>
      </c>
      <c r="J73635" s="1" t="s">
        <v>246210</v>
      </c>
    </row>
    <row r="73636" spans="1:10" x14ac:dyDescent="0.35">
      <c r="A73636" s="1" t="s">
        <v>27440</v>
      </c>
      <c r="B73636" s="1" t="s">
        <v>244913</v>
      </c>
      <c r="C73636" s="1" t="s">
        <v>65</v>
      </c>
      <c r="D73636" s="1" t="s">
        <v>3324</v>
      </c>
      <c r="E73636" s="1" t="s">
        <v>246211</v>
      </c>
      <c r="F73636" s="1" t="s">
        <v>246212</v>
      </c>
      <c r="G73636" s="1" t="s">
        <v>246176</v>
      </c>
      <c r="H73636" s="1" t="s">
        <v>246177</v>
      </c>
      <c r="I73636" s="1" t="s">
        <v>244917</v>
      </c>
      <c r="J73636" s="1" t="s">
        <v>246213</v>
      </c>
    </row>
    <row r="73637" spans="1:10" x14ac:dyDescent="0.35">
      <c r="A73637" s="1" t="s">
        <v>27440</v>
      </c>
      <c r="B73637" s="1" t="s">
        <v>244913</v>
      </c>
      <c r="C73637" s="1" t="s">
        <v>70</v>
      </c>
      <c r="D73637" s="1" t="s">
        <v>149943</v>
      </c>
      <c r="E73637" s="1" t="s">
        <v>246214</v>
      </c>
      <c r="F73637" s="1" t="s">
        <v>246215</v>
      </c>
      <c r="G73637" s="1" t="s">
        <v>246176</v>
      </c>
      <c r="H73637" s="1" t="s">
        <v>246177</v>
      </c>
      <c r="I73637" s="1" t="s">
        <v>244917</v>
      </c>
      <c r="J73637" s="1" t="s">
        <v>246216</v>
      </c>
    </row>
    <row r="73638" spans="1:10" x14ac:dyDescent="0.35">
      <c r="A73638" s="1" t="s">
        <v>27440</v>
      </c>
      <c r="B73638" s="1" t="s">
        <v>244913</v>
      </c>
      <c r="C73638" s="1" t="s">
        <v>75</v>
      </c>
      <c r="D73638" s="1" t="s">
        <v>11628</v>
      </c>
      <c r="E73638" s="1" t="s">
        <v>246217</v>
      </c>
      <c r="F73638" s="1" t="s">
        <v>246218</v>
      </c>
      <c r="G73638" s="1" t="s">
        <v>246176</v>
      </c>
      <c r="H73638" s="1" t="s">
        <v>246177</v>
      </c>
      <c r="I73638" s="1" t="s">
        <v>244917</v>
      </c>
      <c r="J73638" s="1" t="s">
        <v>246219</v>
      </c>
    </row>
    <row r="73639" spans="1:10" x14ac:dyDescent="0.35">
      <c r="A73639" s="1" t="s">
        <v>27440</v>
      </c>
      <c r="B73639" s="1" t="s">
        <v>244913</v>
      </c>
      <c r="C73639" s="1" t="s">
        <v>80</v>
      </c>
      <c r="D73639" s="1" t="s">
        <v>246220</v>
      </c>
      <c r="E73639" s="1" t="s">
        <v>246221</v>
      </c>
      <c r="F73639" s="1" t="s">
        <v>246222</v>
      </c>
      <c r="G73639" s="1" t="s">
        <v>246176</v>
      </c>
      <c r="H73639" s="1" t="s">
        <v>246177</v>
      </c>
      <c r="I73639" s="1" t="s">
        <v>244917</v>
      </c>
      <c r="J73639" s="1" t="s">
        <v>246223</v>
      </c>
    </row>
    <row r="73640" spans="1:10" x14ac:dyDescent="0.35">
      <c r="A73640" s="1" t="s">
        <v>27440</v>
      </c>
      <c r="B73640" s="1" t="s">
        <v>244913</v>
      </c>
      <c r="C73640" s="1" t="s">
        <v>85</v>
      </c>
      <c r="D73640" s="1" t="s">
        <v>198773</v>
      </c>
      <c r="E73640" s="1" t="s">
        <v>246224</v>
      </c>
      <c r="F73640" s="1" t="s">
        <v>246225</v>
      </c>
      <c r="G73640" s="1" t="s">
        <v>246176</v>
      </c>
      <c r="H73640" s="1" t="s">
        <v>246177</v>
      </c>
      <c r="I73640" s="1" t="s">
        <v>244917</v>
      </c>
      <c r="J73640" s="1" t="s">
        <v>246226</v>
      </c>
    </row>
    <row r="73641" spans="1:10" x14ac:dyDescent="0.35">
      <c r="A73641" s="1" t="s">
        <v>27440</v>
      </c>
      <c r="B73641" s="1" t="s">
        <v>244913</v>
      </c>
      <c r="C73641" s="1" t="s">
        <v>90</v>
      </c>
      <c r="D73641" s="1" t="s">
        <v>246227</v>
      </c>
      <c r="E73641" s="1" t="s">
        <v>246228</v>
      </c>
      <c r="F73641" s="1" t="s">
        <v>246229</v>
      </c>
      <c r="G73641" s="1" t="s">
        <v>246176</v>
      </c>
      <c r="H73641" s="1" t="s">
        <v>246177</v>
      </c>
      <c r="I73641" s="1" t="s">
        <v>244917</v>
      </c>
      <c r="J73641" s="1" t="s">
        <v>246230</v>
      </c>
    </row>
    <row r="73642" spans="1:10" x14ac:dyDescent="0.35">
      <c r="A73642" s="1" t="s">
        <v>27440</v>
      </c>
      <c r="B73642" s="1" t="s">
        <v>244913</v>
      </c>
      <c r="C73642" s="1" t="s">
        <v>95</v>
      </c>
      <c r="D73642" s="1" t="s">
        <v>14303</v>
      </c>
      <c r="E73642" s="1" t="s">
        <v>246231</v>
      </c>
      <c r="F73642" s="1" t="s">
        <v>246232</v>
      </c>
      <c r="G73642" s="1" t="s">
        <v>246176</v>
      </c>
      <c r="H73642" s="1" t="s">
        <v>246177</v>
      </c>
      <c r="I73642" s="1" t="s">
        <v>244917</v>
      </c>
      <c r="J73642" s="1" t="s">
        <v>246233</v>
      </c>
    </row>
    <row r="73643" spans="1:10" x14ac:dyDescent="0.35">
      <c r="A73643" s="1" t="s">
        <v>27440</v>
      </c>
      <c r="B73643" s="1" t="s">
        <v>244913</v>
      </c>
      <c r="C73643" s="1" t="s">
        <v>100</v>
      </c>
      <c r="D73643" s="1" t="s">
        <v>52488</v>
      </c>
      <c r="E73643" s="1" t="s">
        <v>246234</v>
      </c>
      <c r="F73643" s="1" t="s">
        <v>246235</v>
      </c>
      <c r="G73643" s="1" t="s">
        <v>246176</v>
      </c>
      <c r="H73643" s="1" t="s">
        <v>246177</v>
      </c>
      <c r="I73643" s="1" t="s">
        <v>244917</v>
      </c>
      <c r="J73643" s="1" t="s">
        <v>246236</v>
      </c>
    </row>
    <row r="73644" spans="1:10" x14ac:dyDescent="0.35">
      <c r="A73644" s="1" t="s">
        <v>27440</v>
      </c>
      <c r="B73644" s="1" t="s">
        <v>244913</v>
      </c>
      <c r="C73644" s="1" t="s">
        <v>105</v>
      </c>
      <c r="D73644" s="1" t="s">
        <v>12698</v>
      </c>
      <c r="E73644" s="1" t="s">
        <v>246237</v>
      </c>
      <c r="F73644" s="1" t="s">
        <v>246238</v>
      </c>
      <c r="G73644" s="1" t="s">
        <v>246176</v>
      </c>
      <c r="H73644" s="1" t="s">
        <v>246177</v>
      </c>
      <c r="I73644" s="1" t="s">
        <v>244917</v>
      </c>
      <c r="J73644" s="1" t="s">
        <v>246239</v>
      </c>
    </row>
    <row r="73645" spans="1:10" x14ac:dyDescent="0.35">
      <c r="A73645" s="1" t="s">
        <v>27440</v>
      </c>
      <c r="B73645" s="1" t="s">
        <v>244913</v>
      </c>
      <c r="C73645" s="1" t="s">
        <v>110</v>
      </c>
      <c r="D73645" s="1" t="s">
        <v>246240</v>
      </c>
      <c r="E73645" s="1" t="s">
        <v>246241</v>
      </c>
      <c r="F73645" s="1" t="s">
        <v>246242</v>
      </c>
      <c r="G73645" s="1" t="s">
        <v>246176</v>
      </c>
      <c r="H73645" s="1" t="s">
        <v>246177</v>
      </c>
      <c r="I73645" s="1" t="s">
        <v>244917</v>
      </c>
      <c r="J73645" s="1" t="s">
        <v>246243</v>
      </c>
    </row>
    <row r="73646" spans="1:10" x14ac:dyDescent="0.35">
      <c r="A73646" s="1" t="s">
        <v>27440</v>
      </c>
      <c r="B73646" s="1" t="s">
        <v>244913</v>
      </c>
      <c r="C73646" s="1" t="s">
        <v>115</v>
      </c>
      <c r="D73646" s="1" t="s">
        <v>154989</v>
      </c>
      <c r="E73646" s="1" t="s">
        <v>246244</v>
      </c>
      <c r="F73646" s="1" t="s">
        <v>246245</v>
      </c>
      <c r="G73646" s="1" t="s">
        <v>246176</v>
      </c>
      <c r="H73646" s="1" t="s">
        <v>246177</v>
      </c>
      <c r="I73646" s="1" t="s">
        <v>244917</v>
      </c>
      <c r="J73646" s="1" t="s">
        <v>246246</v>
      </c>
    </row>
    <row r="73647" spans="1:10" x14ac:dyDescent="0.35">
      <c r="A73647" s="1" t="s">
        <v>27440</v>
      </c>
      <c r="B73647" s="1" t="s">
        <v>244913</v>
      </c>
      <c r="C73647" s="1" t="s">
        <v>120</v>
      </c>
      <c r="D73647" s="1" t="s">
        <v>19479</v>
      </c>
      <c r="E73647" s="1" t="s">
        <v>246247</v>
      </c>
      <c r="F73647" s="1" t="s">
        <v>246248</v>
      </c>
      <c r="G73647" s="1" t="s">
        <v>246176</v>
      </c>
      <c r="H73647" s="1" t="s">
        <v>246177</v>
      </c>
      <c r="I73647" s="1" t="s">
        <v>244917</v>
      </c>
      <c r="J73647" s="1" t="s">
        <v>246249</v>
      </c>
    </row>
    <row r="73648" spans="1:10" x14ac:dyDescent="0.35">
      <c r="A73648" s="1" t="s">
        <v>27440</v>
      </c>
      <c r="B73648" s="1" t="s">
        <v>244913</v>
      </c>
      <c r="C73648" s="1" t="s">
        <v>125</v>
      </c>
      <c r="D73648" s="1" t="s">
        <v>11551</v>
      </c>
      <c r="E73648" s="1" t="s">
        <v>246250</v>
      </c>
      <c r="F73648" s="1" t="s">
        <v>246251</v>
      </c>
      <c r="G73648" s="1" t="s">
        <v>246176</v>
      </c>
      <c r="H73648" s="1" t="s">
        <v>246177</v>
      </c>
      <c r="I73648" s="1" t="s">
        <v>244917</v>
      </c>
      <c r="J73648" s="1" t="s">
        <v>246252</v>
      </c>
    </row>
    <row r="73649" spans="1:10" x14ac:dyDescent="0.35">
      <c r="A73649" s="1" t="s">
        <v>27440</v>
      </c>
      <c r="B73649" s="1" t="s">
        <v>244913</v>
      </c>
      <c r="C73649" s="1" t="s">
        <v>130</v>
      </c>
      <c r="D73649" s="1" t="s">
        <v>97705</v>
      </c>
      <c r="E73649" s="1" t="s">
        <v>246253</v>
      </c>
      <c r="F73649" s="1" t="s">
        <v>246254</v>
      </c>
      <c r="G73649" s="1" t="s">
        <v>246176</v>
      </c>
      <c r="H73649" s="1" t="s">
        <v>246177</v>
      </c>
      <c r="I73649" s="1" t="s">
        <v>244917</v>
      </c>
      <c r="J73649" s="1" t="s">
        <v>246255</v>
      </c>
    </row>
    <row r="73650" spans="1:10" x14ac:dyDescent="0.35">
      <c r="A73650" s="1" t="s">
        <v>27440</v>
      </c>
      <c r="B73650" s="1" t="s">
        <v>244913</v>
      </c>
      <c r="C73650" s="1" t="s">
        <v>135</v>
      </c>
      <c r="D73650" s="1" t="s">
        <v>211088</v>
      </c>
      <c r="E73650" s="1" t="s">
        <v>246256</v>
      </c>
      <c r="F73650" s="1" t="s">
        <v>246257</v>
      </c>
      <c r="G73650" s="1" t="s">
        <v>246176</v>
      </c>
      <c r="H73650" s="1" t="s">
        <v>246177</v>
      </c>
      <c r="I73650" s="1" t="s">
        <v>244917</v>
      </c>
      <c r="J73650" s="1" t="s">
        <v>246258</v>
      </c>
    </row>
    <row r="73651" spans="1:10" x14ac:dyDescent="0.35">
      <c r="A73651" s="1" t="s">
        <v>27440</v>
      </c>
      <c r="B73651" s="1" t="s">
        <v>244913</v>
      </c>
      <c r="C73651" s="1" t="s">
        <v>140</v>
      </c>
      <c r="D73651" s="1" t="s">
        <v>245026</v>
      </c>
      <c r="E73651" s="1" t="s">
        <v>246259</v>
      </c>
      <c r="F73651" s="1" t="s">
        <v>246260</v>
      </c>
      <c r="G73651" s="1" t="s">
        <v>246176</v>
      </c>
      <c r="H73651" s="1" t="s">
        <v>246177</v>
      </c>
      <c r="I73651" s="1" t="s">
        <v>244917</v>
      </c>
      <c r="J73651" s="1" t="s">
        <v>246261</v>
      </c>
    </row>
    <row r="73652" spans="1:10" x14ac:dyDescent="0.35">
      <c r="A73652" s="1" t="s">
        <v>27440</v>
      </c>
      <c r="B73652" s="1" t="s">
        <v>244913</v>
      </c>
      <c r="C73652" s="1" t="s">
        <v>145</v>
      </c>
      <c r="D73652" s="1" t="s">
        <v>196240</v>
      </c>
      <c r="E73652" s="1" t="s">
        <v>246262</v>
      </c>
      <c r="F73652" s="1" t="s">
        <v>246263</v>
      </c>
      <c r="G73652" s="1" t="s">
        <v>246176</v>
      </c>
      <c r="H73652" s="1" t="s">
        <v>246177</v>
      </c>
      <c r="I73652" s="1" t="s">
        <v>244917</v>
      </c>
      <c r="J73652" s="1" t="s">
        <v>246264</v>
      </c>
    </row>
    <row r="73653" spans="1:10" x14ac:dyDescent="0.35">
      <c r="A73653" s="1" t="s">
        <v>27440</v>
      </c>
      <c r="B73653" s="1" t="s">
        <v>244913</v>
      </c>
      <c r="C73653" s="1" t="s">
        <v>150</v>
      </c>
      <c r="D73653" s="1" t="s">
        <v>191369</v>
      </c>
      <c r="E73653" s="1" t="s">
        <v>246265</v>
      </c>
      <c r="F73653" s="1" t="s">
        <v>246266</v>
      </c>
      <c r="G73653" s="1" t="s">
        <v>246176</v>
      </c>
      <c r="H73653" s="1" t="s">
        <v>246177</v>
      </c>
      <c r="I73653" s="1" t="s">
        <v>244917</v>
      </c>
      <c r="J73653" s="1" t="s">
        <v>246267</v>
      </c>
    </row>
    <row r="73654" spans="1:10" x14ac:dyDescent="0.35">
      <c r="A73654" s="1" t="s">
        <v>27440</v>
      </c>
      <c r="B73654" s="1" t="s">
        <v>244913</v>
      </c>
      <c r="C73654" s="1" t="s">
        <v>155</v>
      </c>
      <c r="D73654" s="1" t="s">
        <v>185825</v>
      </c>
      <c r="E73654" s="1" t="s">
        <v>246268</v>
      </c>
      <c r="F73654" s="1" t="s">
        <v>246269</v>
      </c>
      <c r="G73654" s="1" t="s">
        <v>246176</v>
      </c>
      <c r="H73654" s="1" t="s">
        <v>246177</v>
      </c>
      <c r="I73654" s="1" t="s">
        <v>244917</v>
      </c>
      <c r="J73654" s="1" t="s">
        <v>246270</v>
      </c>
    </row>
    <row r="73655" spans="1:10" x14ac:dyDescent="0.35">
      <c r="A73655" s="1" t="s">
        <v>27440</v>
      </c>
      <c r="B73655" s="1" t="s">
        <v>244913</v>
      </c>
      <c r="C73655" s="1" t="s">
        <v>160</v>
      </c>
      <c r="D73655" s="1" t="s">
        <v>33937</v>
      </c>
      <c r="E73655" s="1" t="s">
        <v>246271</v>
      </c>
      <c r="F73655" s="1" t="s">
        <v>246272</v>
      </c>
      <c r="G73655" s="1" t="s">
        <v>246176</v>
      </c>
      <c r="H73655" s="1" t="s">
        <v>246177</v>
      </c>
      <c r="I73655" s="1" t="s">
        <v>244917</v>
      </c>
      <c r="J73655" s="1" t="s">
        <v>246273</v>
      </c>
    </row>
    <row r="73656" spans="1:10" x14ac:dyDescent="0.35">
      <c r="A73656" s="1" t="s">
        <v>27440</v>
      </c>
      <c r="B73656" s="1" t="s">
        <v>244913</v>
      </c>
      <c r="C73656" s="1" t="s">
        <v>165</v>
      </c>
      <c r="D73656" s="1" t="s">
        <v>111294</v>
      </c>
      <c r="E73656" s="1" t="s">
        <v>246274</v>
      </c>
      <c r="F73656" s="1" t="s">
        <v>246275</v>
      </c>
      <c r="G73656" s="1" t="s">
        <v>246176</v>
      </c>
      <c r="H73656" s="1" t="s">
        <v>246177</v>
      </c>
      <c r="I73656" s="1" t="s">
        <v>244917</v>
      </c>
      <c r="J73656" s="1" t="s">
        <v>246276</v>
      </c>
    </row>
    <row r="73657" spans="1:10" x14ac:dyDescent="0.35">
      <c r="A73657" s="1" t="s">
        <v>27440</v>
      </c>
      <c r="B73657" s="1" t="s">
        <v>244913</v>
      </c>
      <c r="C73657" s="1" t="s">
        <v>170</v>
      </c>
      <c r="D73657" s="1" t="s">
        <v>72483</v>
      </c>
      <c r="E73657" s="1" t="s">
        <v>246277</v>
      </c>
      <c r="F73657" s="1" t="s">
        <v>246275</v>
      </c>
      <c r="G73657" s="1" t="s">
        <v>246176</v>
      </c>
      <c r="H73657" s="1" t="s">
        <v>246177</v>
      </c>
      <c r="I73657" s="1" t="s">
        <v>244917</v>
      </c>
      <c r="J73657" s="1" t="s">
        <v>246278</v>
      </c>
    </row>
    <row r="73658" spans="1:10" x14ac:dyDescent="0.35">
      <c r="A73658" s="1" t="s">
        <v>28256</v>
      </c>
      <c r="B73658" s="1" t="s">
        <v>244913</v>
      </c>
      <c r="C73658" s="1" t="s">
        <v>8</v>
      </c>
      <c r="D73658" s="1" t="s">
        <v>30702</v>
      </c>
      <c r="E73658" s="1" t="s">
        <v>246279</v>
      </c>
      <c r="F73658" s="1" t="s">
        <v>246280</v>
      </c>
      <c r="G73658" s="1" t="s">
        <v>246281</v>
      </c>
      <c r="H73658" s="1" t="s">
        <v>246282</v>
      </c>
      <c r="I73658" s="1" t="s">
        <v>244917</v>
      </c>
      <c r="J73658" s="1" t="s">
        <v>13</v>
      </c>
    </row>
    <row r="73659" spans="1:10" x14ac:dyDescent="0.35">
      <c r="A73659" s="1" t="s">
        <v>28256</v>
      </c>
      <c r="B73659" s="1" t="s">
        <v>244913</v>
      </c>
      <c r="C73659" s="1" t="s">
        <v>15</v>
      </c>
      <c r="D73659" s="1" t="s">
        <v>246283</v>
      </c>
      <c r="E73659" s="1" t="s">
        <v>246284</v>
      </c>
      <c r="F73659" s="1" t="s">
        <v>246285</v>
      </c>
      <c r="G73659" s="1" t="s">
        <v>246281</v>
      </c>
      <c r="H73659" s="1" t="s">
        <v>246282</v>
      </c>
      <c r="I73659" s="1" t="s">
        <v>244917</v>
      </c>
      <c r="J73659" s="1" t="s">
        <v>246286</v>
      </c>
    </row>
    <row r="73660" spans="1:10" x14ac:dyDescent="0.35">
      <c r="A73660" s="1" t="s">
        <v>28256</v>
      </c>
      <c r="B73660" s="1" t="s">
        <v>244913</v>
      </c>
      <c r="C73660" s="1" t="s">
        <v>20</v>
      </c>
      <c r="D73660" s="1" t="s">
        <v>33880</v>
      </c>
      <c r="E73660" s="1" t="s">
        <v>246287</v>
      </c>
      <c r="F73660" s="1" t="s">
        <v>246288</v>
      </c>
      <c r="G73660" s="1" t="s">
        <v>246281</v>
      </c>
      <c r="H73660" s="1" t="s">
        <v>246282</v>
      </c>
      <c r="I73660" s="1" t="s">
        <v>244917</v>
      </c>
      <c r="J73660" s="1" t="s">
        <v>246289</v>
      </c>
    </row>
    <row r="73661" spans="1:10" x14ac:dyDescent="0.35">
      <c r="A73661" s="1" t="s">
        <v>28256</v>
      </c>
      <c r="B73661" s="1" t="s">
        <v>244913</v>
      </c>
      <c r="C73661" s="1" t="s">
        <v>25</v>
      </c>
      <c r="D73661" s="1" t="s">
        <v>142047</v>
      </c>
      <c r="E73661" s="1" t="s">
        <v>246290</v>
      </c>
      <c r="F73661" s="1" t="s">
        <v>246291</v>
      </c>
      <c r="G73661" s="1" t="s">
        <v>246281</v>
      </c>
      <c r="H73661" s="1" t="s">
        <v>246282</v>
      </c>
      <c r="I73661" s="1" t="s">
        <v>244917</v>
      </c>
      <c r="J73661" s="1" t="s">
        <v>246292</v>
      </c>
    </row>
    <row r="73662" spans="1:10" x14ac:dyDescent="0.35">
      <c r="A73662" s="1" t="s">
        <v>28256</v>
      </c>
      <c r="B73662" s="1" t="s">
        <v>244913</v>
      </c>
      <c r="C73662" s="1" t="s">
        <v>30</v>
      </c>
      <c r="D73662" s="1" t="s">
        <v>125585</v>
      </c>
      <c r="E73662" s="1" t="s">
        <v>246293</v>
      </c>
      <c r="F73662" s="1" t="s">
        <v>246294</v>
      </c>
      <c r="G73662" s="1" t="s">
        <v>246281</v>
      </c>
      <c r="H73662" s="1" t="s">
        <v>246282</v>
      </c>
      <c r="I73662" s="1" t="s">
        <v>244917</v>
      </c>
      <c r="J73662" s="1" t="s">
        <v>246295</v>
      </c>
    </row>
    <row r="73663" spans="1:10" x14ac:dyDescent="0.35">
      <c r="A73663" s="1" t="s">
        <v>28256</v>
      </c>
      <c r="B73663" s="1" t="s">
        <v>244913</v>
      </c>
      <c r="C73663" s="1" t="s">
        <v>35</v>
      </c>
      <c r="D73663" s="1" t="s">
        <v>44220</v>
      </c>
      <c r="E73663" s="1" t="s">
        <v>246296</v>
      </c>
      <c r="F73663" s="1" t="s">
        <v>246297</v>
      </c>
      <c r="G73663" s="1" t="s">
        <v>246281</v>
      </c>
      <c r="H73663" s="1" t="s">
        <v>246282</v>
      </c>
      <c r="I73663" s="1" t="s">
        <v>244917</v>
      </c>
      <c r="J73663" s="1" t="s">
        <v>246298</v>
      </c>
    </row>
    <row r="73664" spans="1:10" x14ac:dyDescent="0.35">
      <c r="A73664" s="1" t="s">
        <v>28256</v>
      </c>
      <c r="B73664" s="1" t="s">
        <v>244913</v>
      </c>
      <c r="C73664" s="1" t="s">
        <v>40</v>
      </c>
      <c r="D73664" s="1" t="s">
        <v>155345</v>
      </c>
      <c r="E73664" s="1" t="s">
        <v>246299</v>
      </c>
      <c r="F73664" s="1" t="s">
        <v>246300</v>
      </c>
      <c r="G73664" s="1" t="s">
        <v>246281</v>
      </c>
      <c r="H73664" s="1" t="s">
        <v>246282</v>
      </c>
      <c r="I73664" s="1" t="s">
        <v>244917</v>
      </c>
      <c r="J73664" s="1" t="s">
        <v>246301</v>
      </c>
    </row>
    <row r="73665" spans="1:10" x14ac:dyDescent="0.35">
      <c r="A73665" s="1" t="s">
        <v>28256</v>
      </c>
      <c r="B73665" s="1" t="s">
        <v>244913</v>
      </c>
      <c r="C73665" s="1" t="s">
        <v>45</v>
      </c>
      <c r="D73665" s="1" t="s">
        <v>155390</v>
      </c>
      <c r="E73665" s="1" t="s">
        <v>246302</v>
      </c>
      <c r="F73665" s="1" t="s">
        <v>246303</v>
      </c>
      <c r="G73665" s="1" t="s">
        <v>246281</v>
      </c>
      <c r="H73665" s="1" t="s">
        <v>246282</v>
      </c>
      <c r="I73665" s="1" t="s">
        <v>244917</v>
      </c>
      <c r="J73665" s="1" t="s">
        <v>246304</v>
      </c>
    </row>
    <row r="73666" spans="1:10" x14ac:dyDescent="0.35">
      <c r="A73666" s="1" t="s">
        <v>28256</v>
      </c>
      <c r="B73666" s="1" t="s">
        <v>244913</v>
      </c>
      <c r="C73666" s="1" t="s">
        <v>50</v>
      </c>
      <c r="D73666" s="1" t="s">
        <v>43194</v>
      </c>
      <c r="E73666" s="1" t="s">
        <v>246305</v>
      </c>
      <c r="F73666" s="1" t="s">
        <v>246306</v>
      </c>
      <c r="G73666" s="1" t="s">
        <v>246281</v>
      </c>
      <c r="H73666" s="1" t="s">
        <v>246282</v>
      </c>
      <c r="I73666" s="1" t="s">
        <v>244917</v>
      </c>
      <c r="J73666" s="1" t="s">
        <v>246307</v>
      </c>
    </row>
    <row r="73667" spans="1:10" x14ac:dyDescent="0.35">
      <c r="A73667" s="1" t="s">
        <v>28256</v>
      </c>
      <c r="B73667" s="1" t="s">
        <v>244913</v>
      </c>
      <c r="C73667" s="1" t="s">
        <v>55</v>
      </c>
      <c r="D73667" s="1" t="s">
        <v>210060</v>
      </c>
      <c r="E73667" s="1" t="s">
        <v>246308</v>
      </c>
      <c r="F73667" s="1" t="s">
        <v>246309</v>
      </c>
      <c r="G73667" s="1" t="s">
        <v>246281</v>
      </c>
      <c r="H73667" s="1" t="s">
        <v>246282</v>
      </c>
      <c r="I73667" s="1" t="s">
        <v>244917</v>
      </c>
      <c r="J73667" s="1" t="s">
        <v>246310</v>
      </c>
    </row>
    <row r="73668" spans="1:10" x14ac:dyDescent="0.35">
      <c r="A73668" s="1" t="s">
        <v>28256</v>
      </c>
      <c r="B73668" s="1" t="s">
        <v>244913</v>
      </c>
      <c r="C73668" s="1" t="s">
        <v>60</v>
      </c>
      <c r="D73668" s="1" t="s">
        <v>18177</v>
      </c>
      <c r="E73668" s="1" t="s">
        <v>246311</v>
      </c>
      <c r="F73668" s="1" t="s">
        <v>246312</v>
      </c>
      <c r="G73668" s="1" t="s">
        <v>246281</v>
      </c>
      <c r="H73668" s="1" t="s">
        <v>246282</v>
      </c>
      <c r="I73668" s="1" t="s">
        <v>244917</v>
      </c>
      <c r="J73668" s="1" t="s">
        <v>246313</v>
      </c>
    </row>
    <row r="73669" spans="1:10" x14ac:dyDescent="0.35">
      <c r="A73669" s="1" t="s">
        <v>28256</v>
      </c>
      <c r="B73669" s="1" t="s">
        <v>244913</v>
      </c>
      <c r="C73669" s="1" t="s">
        <v>65</v>
      </c>
      <c r="D73669" s="1" t="s">
        <v>184437</v>
      </c>
      <c r="E73669" s="1" t="s">
        <v>246314</v>
      </c>
      <c r="F73669" s="1" t="s">
        <v>246315</v>
      </c>
      <c r="G73669" s="1" t="s">
        <v>246281</v>
      </c>
      <c r="H73669" s="1" t="s">
        <v>246282</v>
      </c>
      <c r="I73669" s="1" t="s">
        <v>244917</v>
      </c>
      <c r="J73669" s="1" t="s">
        <v>246316</v>
      </c>
    </row>
    <row r="73670" spans="1:10" x14ac:dyDescent="0.35">
      <c r="A73670" s="1" t="s">
        <v>28256</v>
      </c>
      <c r="B73670" s="1" t="s">
        <v>244913</v>
      </c>
      <c r="C73670" s="1" t="s">
        <v>70</v>
      </c>
      <c r="D73670" s="1" t="s">
        <v>173701</v>
      </c>
      <c r="E73670" s="1" t="s">
        <v>246317</v>
      </c>
      <c r="F73670" s="1" t="s">
        <v>246318</v>
      </c>
      <c r="G73670" s="1" t="s">
        <v>246281</v>
      </c>
      <c r="H73670" s="1" t="s">
        <v>246282</v>
      </c>
      <c r="I73670" s="1" t="s">
        <v>244917</v>
      </c>
      <c r="J73670" s="1" t="s">
        <v>246319</v>
      </c>
    </row>
    <row r="73671" spans="1:10" x14ac:dyDescent="0.35">
      <c r="A73671" s="1" t="s">
        <v>28256</v>
      </c>
      <c r="B73671" s="1" t="s">
        <v>244913</v>
      </c>
      <c r="C73671" s="1" t="s">
        <v>75</v>
      </c>
      <c r="D73671" s="1" t="s">
        <v>184631</v>
      </c>
      <c r="E73671" s="1" t="s">
        <v>246320</v>
      </c>
      <c r="F73671" s="1" t="s">
        <v>246321</v>
      </c>
      <c r="G73671" s="1" t="s">
        <v>246281</v>
      </c>
      <c r="H73671" s="1" t="s">
        <v>246282</v>
      </c>
      <c r="I73671" s="1" t="s">
        <v>244917</v>
      </c>
      <c r="J73671" s="1" t="s">
        <v>246322</v>
      </c>
    </row>
    <row r="73672" spans="1:10" x14ac:dyDescent="0.35">
      <c r="A73672" s="1" t="s">
        <v>28256</v>
      </c>
      <c r="B73672" s="1" t="s">
        <v>244913</v>
      </c>
      <c r="C73672" s="1" t="s">
        <v>80</v>
      </c>
      <c r="D73672" s="1" t="s">
        <v>36973</v>
      </c>
      <c r="E73672" s="1" t="s">
        <v>246323</v>
      </c>
      <c r="F73672" s="1" t="s">
        <v>246324</v>
      </c>
      <c r="G73672" s="1" t="s">
        <v>246281</v>
      </c>
      <c r="H73672" s="1" t="s">
        <v>246282</v>
      </c>
      <c r="I73672" s="1" t="s">
        <v>244917</v>
      </c>
      <c r="J73672" s="1" t="s">
        <v>246325</v>
      </c>
    </row>
    <row r="73673" spans="1:10" x14ac:dyDescent="0.35">
      <c r="A73673" s="1" t="s">
        <v>28256</v>
      </c>
      <c r="B73673" s="1" t="s">
        <v>244913</v>
      </c>
      <c r="C73673" s="1" t="s">
        <v>85</v>
      </c>
      <c r="D73673" s="1" t="s">
        <v>72606</v>
      </c>
      <c r="E73673" s="1" t="s">
        <v>246326</v>
      </c>
      <c r="F73673" s="1" t="s">
        <v>246327</v>
      </c>
      <c r="G73673" s="1" t="s">
        <v>246281</v>
      </c>
      <c r="H73673" s="1" t="s">
        <v>246282</v>
      </c>
      <c r="I73673" s="1" t="s">
        <v>244917</v>
      </c>
      <c r="J73673" s="1" t="s">
        <v>246328</v>
      </c>
    </row>
    <row r="73674" spans="1:10" x14ac:dyDescent="0.35">
      <c r="A73674" s="1" t="s">
        <v>28256</v>
      </c>
      <c r="B73674" s="1" t="s">
        <v>244913</v>
      </c>
      <c r="C73674" s="1" t="s">
        <v>90</v>
      </c>
      <c r="D73674" s="1" t="s">
        <v>15566</v>
      </c>
      <c r="E73674" s="1" t="s">
        <v>246329</v>
      </c>
      <c r="F73674" s="1" t="s">
        <v>246330</v>
      </c>
      <c r="G73674" s="1" t="s">
        <v>246281</v>
      </c>
      <c r="H73674" s="1" t="s">
        <v>246282</v>
      </c>
      <c r="I73674" s="1" t="s">
        <v>244917</v>
      </c>
      <c r="J73674" s="1" t="s">
        <v>246331</v>
      </c>
    </row>
    <row r="73675" spans="1:10" x14ac:dyDescent="0.35">
      <c r="A73675" s="1" t="s">
        <v>28256</v>
      </c>
      <c r="B73675" s="1" t="s">
        <v>244913</v>
      </c>
      <c r="C73675" s="1" t="s">
        <v>95</v>
      </c>
      <c r="D73675" s="1" t="s">
        <v>246332</v>
      </c>
      <c r="E73675" s="1" t="s">
        <v>246333</v>
      </c>
      <c r="F73675" s="1" t="s">
        <v>246334</v>
      </c>
      <c r="G73675" s="1" t="s">
        <v>246281</v>
      </c>
      <c r="H73675" s="1" t="s">
        <v>246282</v>
      </c>
      <c r="I73675" s="1" t="s">
        <v>244917</v>
      </c>
      <c r="J73675" s="1" t="s">
        <v>246335</v>
      </c>
    </row>
    <row r="73676" spans="1:10" x14ac:dyDescent="0.35">
      <c r="A73676" s="1" t="s">
        <v>28256</v>
      </c>
      <c r="B73676" s="1" t="s">
        <v>244913</v>
      </c>
      <c r="C73676" s="1" t="s">
        <v>100</v>
      </c>
      <c r="D73676" s="1" t="s">
        <v>173212</v>
      </c>
      <c r="E73676" s="1" t="s">
        <v>246336</v>
      </c>
      <c r="F73676" s="1" t="s">
        <v>246337</v>
      </c>
      <c r="G73676" s="1" t="s">
        <v>246281</v>
      </c>
      <c r="H73676" s="1" t="s">
        <v>246282</v>
      </c>
      <c r="I73676" s="1" t="s">
        <v>244917</v>
      </c>
      <c r="J73676" s="1" t="s">
        <v>246338</v>
      </c>
    </row>
    <row r="73677" spans="1:10" x14ac:dyDescent="0.35">
      <c r="A73677" s="1" t="s">
        <v>28256</v>
      </c>
      <c r="B73677" s="1" t="s">
        <v>244913</v>
      </c>
      <c r="C73677" s="1" t="s">
        <v>105</v>
      </c>
      <c r="D73677" s="1" t="s">
        <v>172686</v>
      </c>
      <c r="E73677" s="1" t="s">
        <v>246339</v>
      </c>
      <c r="F73677" s="1" t="s">
        <v>246340</v>
      </c>
      <c r="G73677" s="1" t="s">
        <v>246281</v>
      </c>
      <c r="H73677" s="1" t="s">
        <v>246282</v>
      </c>
      <c r="I73677" s="1" t="s">
        <v>244917</v>
      </c>
      <c r="J73677" s="1" t="s">
        <v>246341</v>
      </c>
    </row>
    <row r="73678" spans="1:10" x14ac:dyDescent="0.35">
      <c r="A73678" s="1" t="s">
        <v>28256</v>
      </c>
      <c r="B73678" s="1" t="s">
        <v>244913</v>
      </c>
      <c r="C73678" s="1" t="s">
        <v>110</v>
      </c>
      <c r="D73678" s="1" t="s">
        <v>147953</v>
      </c>
      <c r="E73678" s="1" t="s">
        <v>246342</v>
      </c>
      <c r="F73678" s="1" t="s">
        <v>246343</v>
      </c>
      <c r="G73678" s="1" t="s">
        <v>246281</v>
      </c>
      <c r="H73678" s="1" t="s">
        <v>246282</v>
      </c>
      <c r="I73678" s="1" t="s">
        <v>244917</v>
      </c>
      <c r="J73678" s="1" t="s">
        <v>246344</v>
      </c>
    </row>
    <row r="73679" spans="1:10" x14ac:dyDescent="0.35">
      <c r="A73679" s="1" t="s">
        <v>28256</v>
      </c>
      <c r="B73679" s="1" t="s">
        <v>244913</v>
      </c>
      <c r="C73679" s="1" t="s">
        <v>115</v>
      </c>
      <c r="D73679" s="1" t="s">
        <v>246345</v>
      </c>
      <c r="E73679" s="1" t="s">
        <v>246346</v>
      </c>
      <c r="F73679" s="1" t="s">
        <v>246347</v>
      </c>
      <c r="G73679" s="1" t="s">
        <v>246281</v>
      </c>
      <c r="H73679" s="1" t="s">
        <v>246282</v>
      </c>
      <c r="I73679" s="1" t="s">
        <v>244917</v>
      </c>
      <c r="J73679" s="1" t="s">
        <v>246348</v>
      </c>
    </row>
    <row r="73680" spans="1:10" x14ac:dyDescent="0.35">
      <c r="A73680" s="1" t="s">
        <v>28256</v>
      </c>
      <c r="B73680" s="1" t="s">
        <v>244913</v>
      </c>
      <c r="C73680" s="1" t="s">
        <v>120</v>
      </c>
      <c r="D73680" s="1" t="s">
        <v>179897</v>
      </c>
      <c r="E73680" s="1" t="s">
        <v>246349</v>
      </c>
      <c r="F73680" s="1" t="s">
        <v>246350</v>
      </c>
      <c r="G73680" s="1" t="s">
        <v>246281</v>
      </c>
      <c r="H73680" s="1" t="s">
        <v>246282</v>
      </c>
      <c r="I73680" s="1" t="s">
        <v>244917</v>
      </c>
      <c r="J73680" s="1" t="s">
        <v>246351</v>
      </c>
    </row>
    <row r="73681" spans="1:10" x14ac:dyDescent="0.35">
      <c r="A73681" s="1" t="s">
        <v>28256</v>
      </c>
      <c r="B73681" s="1" t="s">
        <v>244913</v>
      </c>
      <c r="C73681" s="1" t="s">
        <v>125</v>
      </c>
      <c r="D73681" s="1" t="s">
        <v>184449</v>
      </c>
      <c r="E73681" s="1" t="s">
        <v>246352</v>
      </c>
      <c r="F73681" s="1" t="s">
        <v>246353</v>
      </c>
      <c r="G73681" s="1" t="s">
        <v>246281</v>
      </c>
      <c r="H73681" s="1" t="s">
        <v>246282</v>
      </c>
      <c r="I73681" s="1" t="s">
        <v>244917</v>
      </c>
      <c r="J73681" s="1" t="s">
        <v>246354</v>
      </c>
    </row>
    <row r="73682" spans="1:10" x14ac:dyDescent="0.35">
      <c r="A73682" s="1" t="s">
        <v>28256</v>
      </c>
      <c r="B73682" s="1" t="s">
        <v>244913</v>
      </c>
      <c r="C73682" s="1" t="s">
        <v>130</v>
      </c>
      <c r="D73682" s="1" t="s">
        <v>246355</v>
      </c>
      <c r="E73682" s="1" t="s">
        <v>246356</v>
      </c>
      <c r="F73682" s="1" t="s">
        <v>246357</v>
      </c>
      <c r="G73682" s="1" t="s">
        <v>246281</v>
      </c>
      <c r="H73682" s="1" t="s">
        <v>246282</v>
      </c>
      <c r="I73682" s="1" t="s">
        <v>244917</v>
      </c>
      <c r="J73682" s="1" t="s">
        <v>246358</v>
      </c>
    </row>
    <row r="73683" spans="1:10" x14ac:dyDescent="0.35">
      <c r="A73683" s="1" t="s">
        <v>28256</v>
      </c>
      <c r="B73683" s="1" t="s">
        <v>244913</v>
      </c>
      <c r="C73683" s="1" t="s">
        <v>135</v>
      </c>
      <c r="D73683" s="1" t="s">
        <v>219923</v>
      </c>
      <c r="E73683" s="1" t="s">
        <v>246359</v>
      </c>
      <c r="F73683" s="1" t="s">
        <v>246360</v>
      </c>
      <c r="G73683" s="1" t="s">
        <v>246281</v>
      </c>
      <c r="H73683" s="1" t="s">
        <v>246282</v>
      </c>
      <c r="I73683" s="1" t="s">
        <v>244917</v>
      </c>
      <c r="J73683" s="1" t="s">
        <v>246361</v>
      </c>
    </row>
    <row r="73684" spans="1:10" x14ac:dyDescent="0.35">
      <c r="A73684" s="1" t="s">
        <v>28256</v>
      </c>
      <c r="B73684" s="1" t="s">
        <v>244913</v>
      </c>
      <c r="C73684" s="1" t="s">
        <v>140</v>
      </c>
      <c r="D73684" s="1" t="s">
        <v>17242</v>
      </c>
      <c r="E73684" s="1" t="s">
        <v>246362</v>
      </c>
      <c r="F73684" s="1" t="s">
        <v>246363</v>
      </c>
      <c r="G73684" s="1" t="s">
        <v>246281</v>
      </c>
      <c r="H73684" s="1" t="s">
        <v>246282</v>
      </c>
      <c r="I73684" s="1" t="s">
        <v>244917</v>
      </c>
      <c r="J73684" s="1" t="s">
        <v>246364</v>
      </c>
    </row>
    <row r="73685" spans="1:10" x14ac:dyDescent="0.35">
      <c r="A73685" s="1" t="s">
        <v>28256</v>
      </c>
      <c r="B73685" s="1" t="s">
        <v>244913</v>
      </c>
      <c r="C73685" s="1" t="s">
        <v>145</v>
      </c>
      <c r="D73685" s="1" t="s">
        <v>15310</v>
      </c>
      <c r="E73685" s="1" t="s">
        <v>246365</v>
      </c>
      <c r="F73685" s="1" t="s">
        <v>246366</v>
      </c>
      <c r="G73685" s="1" t="s">
        <v>246281</v>
      </c>
      <c r="H73685" s="1" t="s">
        <v>246282</v>
      </c>
      <c r="I73685" s="1" t="s">
        <v>244917</v>
      </c>
      <c r="J73685" s="1" t="s">
        <v>246367</v>
      </c>
    </row>
    <row r="73686" spans="1:10" x14ac:dyDescent="0.35">
      <c r="A73686" s="1" t="s">
        <v>28256</v>
      </c>
      <c r="B73686" s="1" t="s">
        <v>244913</v>
      </c>
      <c r="C73686" s="1" t="s">
        <v>150</v>
      </c>
      <c r="D73686" s="1" t="s">
        <v>246368</v>
      </c>
      <c r="E73686" s="1" t="s">
        <v>246369</v>
      </c>
      <c r="F73686" s="1" t="s">
        <v>246370</v>
      </c>
      <c r="G73686" s="1" t="s">
        <v>246281</v>
      </c>
      <c r="H73686" s="1" t="s">
        <v>246282</v>
      </c>
      <c r="I73686" s="1" t="s">
        <v>244917</v>
      </c>
      <c r="J73686" s="1" t="s">
        <v>246371</v>
      </c>
    </row>
    <row r="73687" spans="1:10" x14ac:dyDescent="0.35">
      <c r="A73687" s="1" t="s">
        <v>28256</v>
      </c>
      <c r="B73687" s="1" t="s">
        <v>244913</v>
      </c>
      <c r="C73687" s="1" t="s">
        <v>155</v>
      </c>
      <c r="D73687" s="1" t="s">
        <v>31257</v>
      </c>
      <c r="E73687" s="1" t="s">
        <v>246372</v>
      </c>
      <c r="F73687" s="1" t="s">
        <v>246373</v>
      </c>
      <c r="G73687" s="1" t="s">
        <v>246281</v>
      </c>
      <c r="H73687" s="1" t="s">
        <v>246282</v>
      </c>
      <c r="I73687" s="1" t="s">
        <v>244917</v>
      </c>
      <c r="J73687" s="1" t="s">
        <v>246374</v>
      </c>
    </row>
    <row r="73688" spans="1:10" x14ac:dyDescent="0.35">
      <c r="A73688" s="1" t="s">
        <v>28256</v>
      </c>
      <c r="B73688" s="1" t="s">
        <v>244913</v>
      </c>
      <c r="C73688" s="1" t="s">
        <v>160</v>
      </c>
      <c r="D73688" s="1" t="s">
        <v>206</v>
      </c>
      <c r="E73688" s="1" t="s">
        <v>246375</v>
      </c>
      <c r="F73688" s="1" t="s">
        <v>246376</v>
      </c>
      <c r="G73688" s="1" t="s">
        <v>246281</v>
      </c>
      <c r="H73688" s="1" t="s">
        <v>246282</v>
      </c>
      <c r="I73688" s="1" t="s">
        <v>244917</v>
      </c>
      <c r="J73688" s="1" t="s">
        <v>246377</v>
      </c>
    </row>
    <row r="73689" spans="1:10" x14ac:dyDescent="0.35">
      <c r="A73689" s="1" t="s">
        <v>28256</v>
      </c>
      <c r="B73689" s="1" t="s">
        <v>244913</v>
      </c>
      <c r="C73689" s="1" t="s">
        <v>165</v>
      </c>
      <c r="D73689" s="1" t="s">
        <v>116502</v>
      </c>
      <c r="E73689" s="1" t="s">
        <v>246378</v>
      </c>
      <c r="F73689" s="1" t="s">
        <v>246379</v>
      </c>
      <c r="G73689" s="1" t="s">
        <v>246281</v>
      </c>
      <c r="H73689" s="1" t="s">
        <v>246282</v>
      </c>
      <c r="I73689" s="1" t="s">
        <v>244917</v>
      </c>
      <c r="J73689" s="1" t="s">
        <v>246380</v>
      </c>
    </row>
    <row r="73690" spans="1:10" x14ac:dyDescent="0.35">
      <c r="A73690" s="1" t="s">
        <v>28256</v>
      </c>
      <c r="B73690" s="1" t="s">
        <v>244913</v>
      </c>
      <c r="C73690" s="1" t="s">
        <v>170</v>
      </c>
      <c r="D73690" s="1" t="s">
        <v>27491</v>
      </c>
      <c r="E73690" s="1" t="s">
        <v>148864</v>
      </c>
      <c r="F73690" s="1" t="s">
        <v>246381</v>
      </c>
      <c r="G73690" s="1" t="s">
        <v>246281</v>
      </c>
      <c r="H73690" s="1" t="s">
        <v>246282</v>
      </c>
      <c r="I73690" s="1" t="s">
        <v>244917</v>
      </c>
      <c r="J73690" s="1" t="s">
        <v>246382</v>
      </c>
    </row>
    <row r="73691" spans="1:10" x14ac:dyDescent="0.35">
      <c r="A73691" s="1" t="s">
        <v>1655</v>
      </c>
      <c r="B73691" s="1" t="s">
        <v>244913</v>
      </c>
      <c r="C73691" s="1" t="s">
        <v>8</v>
      </c>
      <c r="D73691" s="1" t="s">
        <v>75131</v>
      </c>
      <c r="E73691" s="1" t="s">
        <v>246383</v>
      </c>
      <c r="F73691" s="1" t="s">
        <v>246384</v>
      </c>
      <c r="G73691" s="1" t="s">
        <v>246385</v>
      </c>
      <c r="H73691" s="1" t="s">
        <v>246386</v>
      </c>
      <c r="I73691" s="1" t="s">
        <v>244917</v>
      </c>
      <c r="J73691" s="1" t="s">
        <v>13</v>
      </c>
    </row>
    <row r="73692" spans="1:10" x14ac:dyDescent="0.35">
      <c r="A73692" s="1" t="s">
        <v>1655</v>
      </c>
      <c r="B73692" s="1" t="s">
        <v>244913</v>
      </c>
      <c r="C73692" s="1" t="s">
        <v>15</v>
      </c>
      <c r="D73692" s="1" t="s">
        <v>155820</v>
      </c>
      <c r="E73692" s="1" t="s">
        <v>246387</v>
      </c>
      <c r="F73692" s="1" t="s">
        <v>246388</v>
      </c>
      <c r="G73692" s="1" t="s">
        <v>246385</v>
      </c>
      <c r="H73692" s="1" t="s">
        <v>246386</v>
      </c>
      <c r="I73692" s="1" t="s">
        <v>244917</v>
      </c>
      <c r="J73692" s="1" t="s">
        <v>246389</v>
      </c>
    </row>
    <row r="73693" spans="1:10" x14ac:dyDescent="0.35">
      <c r="A73693" s="1" t="s">
        <v>1655</v>
      </c>
      <c r="B73693" s="1" t="s">
        <v>244913</v>
      </c>
      <c r="C73693" s="1" t="s">
        <v>20</v>
      </c>
      <c r="D73693" s="1" t="s">
        <v>187080</v>
      </c>
      <c r="E73693" s="1" t="s">
        <v>246390</v>
      </c>
      <c r="F73693" s="1" t="s">
        <v>246391</v>
      </c>
      <c r="G73693" s="1" t="s">
        <v>246385</v>
      </c>
      <c r="H73693" s="1" t="s">
        <v>246386</v>
      </c>
      <c r="I73693" s="1" t="s">
        <v>244917</v>
      </c>
      <c r="J73693" s="1" t="s">
        <v>246392</v>
      </c>
    </row>
    <row r="73694" spans="1:10" x14ac:dyDescent="0.35">
      <c r="A73694" s="1" t="s">
        <v>1655</v>
      </c>
      <c r="B73694" s="1" t="s">
        <v>244913</v>
      </c>
      <c r="C73694" s="1" t="s">
        <v>25</v>
      </c>
      <c r="D73694" s="1" t="s">
        <v>195327</v>
      </c>
      <c r="E73694" s="1" t="s">
        <v>246393</v>
      </c>
      <c r="F73694" s="1" t="s">
        <v>246394</v>
      </c>
      <c r="G73694" s="1" t="s">
        <v>246385</v>
      </c>
      <c r="H73694" s="1" t="s">
        <v>246386</v>
      </c>
      <c r="I73694" s="1" t="s">
        <v>244917</v>
      </c>
      <c r="J73694" s="1" t="s">
        <v>246395</v>
      </c>
    </row>
    <row r="73695" spans="1:10" x14ac:dyDescent="0.35">
      <c r="A73695" s="1" t="s">
        <v>1655</v>
      </c>
      <c r="B73695" s="1" t="s">
        <v>244913</v>
      </c>
      <c r="C73695" s="1" t="s">
        <v>30</v>
      </c>
      <c r="D73695" s="1" t="s">
        <v>155502</v>
      </c>
      <c r="E73695" s="1" t="s">
        <v>246396</v>
      </c>
      <c r="F73695" s="1" t="s">
        <v>246397</v>
      </c>
      <c r="G73695" s="1" t="s">
        <v>246385</v>
      </c>
      <c r="H73695" s="1" t="s">
        <v>246386</v>
      </c>
      <c r="I73695" s="1" t="s">
        <v>244917</v>
      </c>
      <c r="J73695" s="1" t="s">
        <v>246398</v>
      </c>
    </row>
    <row r="73696" spans="1:10" x14ac:dyDescent="0.35">
      <c r="A73696" s="1" t="s">
        <v>1655</v>
      </c>
      <c r="B73696" s="1" t="s">
        <v>244913</v>
      </c>
      <c r="C73696" s="1" t="s">
        <v>35</v>
      </c>
      <c r="D73696" s="1" t="s">
        <v>246399</v>
      </c>
      <c r="E73696" s="1" t="s">
        <v>246400</v>
      </c>
      <c r="F73696" s="1" t="s">
        <v>246401</v>
      </c>
      <c r="G73696" s="1" t="s">
        <v>246385</v>
      </c>
      <c r="H73696" s="1" t="s">
        <v>246386</v>
      </c>
      <c r="I73696" s="1" t="s">
        <v>244917</v>
      </c>
      <c r="J73696" s="1" t="s">
        <v>246402</v>
      </c>
    </row>
    <row r="73697" spans="1:10" x14ac:dyDescent="0.35">
      <c r="A73697" s="1" t="s">
        <v>1655</v>
      </c>
      <c r="B73697" s="1" t="s">
        <v>244913</v>
      </c>
      <c r="C73697" s="1" t="s">
        <v>40</v>
      </c>
      <c r="D73697" s="1" t="s">
        <v>74601</v>
      </c>
      <c r="E73697" s="1" t="s">
        <v>246403</v>
      </c>
      <c r="F73697" s="1" t="s">
        <v>246404</v>
      </c>
      <c r="G73697" s="1" t="s">
        <v>246385</v>
      </c>
      <c r="H73697" s="1" t="s">
        <v>246386</v>
      </c>
      <c r="I73697" s="1" t="s">
        <v>244917</v>
      </c>
      <c r="J73697" s="1" t="s">
        <v>246405</v>
      </c>
    </row>
    <row r="73698" spans="1:10" x14ac:dyDescent="0.35">
      <c r="A73698" s="1" t="s">
        <v>1655</v>
      </c>
      <c r="B73698" s="1" t="s">
        <v>244913</v>
      </c>
      <c r="C73698" s="1" t="s">
        <v>45</v>
      </c>
      <c r="D73698" s="1" t="s">
        <v>210098</v>
      </c>
      <c r="E73698" s="1" t="s">
        <v>246406</v>
      </c>
      <c r="F73698" s="1" t="s">
        <v>246407</v>
      </c>
      <c r="G73698" s="1" t="s">
        <v>246385</v>
      </c>
      <c r="H73698" s="1" t="s">
        <v>246386</v>
      </c>
      <c r="I73698" s="1" t="s">
        <v>244917</v>
      </c>
      <c r="J73698" s="1" t="s">
        <v>246408</v>
      </c>
    </row>
    <row r="73699" spans="1:10" x14ac:dyDescent="0.35">
      <c r="A73699" s="1" t="s">
        <v>1655</v>
      </c>
      <c r="B73699" s="1" t="s">
        <v>244913</v>
      </c>
      <c r="C73699" s="1" t="s">
        <v>50</v>
      </c>
      <c r="D73699" s="1" t="s">
        <v>33261</v>
      </c>
      <c r="E73699" s="1" t="s">
        <v>246409</v>
      </c>
      <c r="F73699" s="1" t="s">
        <v>246410</v>
      </c>
      <c r="G73699" s="1" t="s">
        <v>246385</v>
      </c>
      <c r="H73699" s="1" t="s">
        <v>246386</v>
      </c>
      <c r="I73699" s="1" t="s">
        <v>244917</v>
      </c>
      <c r="J73699" s="1" t="s">
        <v>246411</v>
      </c>
    </row>
    <row r="73700" spans="1:10" x14ac:dyDescent="0.35">
      <c r="A73700" s="1" t="s">
        <v>1655</v>
      </c>
      <c r="B73700" s="1" t="s">
        <v>244913</v>
      </c>
      <c r="C73700" s="1" t="s">
        <v>55</v>
      </c>
      <c r="D73700" s="1" t="s">
        <v>246412</v>
      </c>
      <c r="E73700" s="1" t="s">
        <v>246413</v>
      </c>
      <c r="F73700" s="1" t="s">
        <v>246414</v>
      </c>
      <c r="G73700" s="1" t="s">
        <v>246385</v>
      </c>
      <c r="H73700" s="1" t="s">
        <v>246386</v>
      </c>
      <c r="I73700" s="1" t="s">
        <v>244917</v>
      </c>
      <c r="J73700" s="1" t="s">
        <v>246415</v>
      </c>
    </row>
    <row r="73701" spans="1:10" x14ac:dyDescent="0.35">
      <c r="A73701" s="1" t="s">
        <v>1655</v>
      </c>
      <c r="B73701" s="1" t="s">
        <v>244913</v>
      </c>
      <c r="C73701" s="1" t="s">
        <v>60</v>
      </c>
      <c r="D73701" s="1" t="s">
        <v>150776</v>
      </c>
      <c r="E73701" s="1" t="s">
        <v>246416</v>
      </c>
      <c r="F73701" s="1" t="s">
        <v>246417</v>
      </c>
      <c r="G73701" s="1" t="s">
        <v>246385</v>
      </c>
      <c r="H73701" s="1" t="s">
        <v>246386</v>
      </c>
      <c r="I73701" s="1" t="s">
        <v>244917</v>
      </c>
      <c r="J73701" s="1" t="s">
        <v>246418</v>
      </c>
    </row>
    <row r="73702" spans="1:10" x14ac:dyDescent="0.35">
      <c r="A73702" s="1" t="s">
        <v>1655</v>
      </c>
      <c r="B73702" s="1" t="s">
        <v>244913</v>
      </c>
      <c r="C73702" s="1" t="s">
        <v>65</v>
      </c>
      <c r="D73702" s="1" t="s">
        <v>182522</v>
      </c>
      <c r="E73702" s="1" t="s">
        <v>246419</v>
      </c>
      <c r="F73702" s="1" t="s">
        <v>246420</v>
      </c>
      <c r="G73702" s="1" t="s">
        <v>246385</v>
      </c>
      <c r="H73702" s="1" t="s">
        <v>246386</v>
      </c>
      <c r="I73702" s="1" t="s">
        <v>244917</v>
      </c>
      <c r="J73702" s="1" t="s">
        <v>246421</v>
      </c>
    </row>
    <row r="73703" spans="1:10" x14ac:dyDescent="0.35">
      <c r="A73703" s="1" t="s">
        <v>1655</v>
      </c>
      <c r="B73703" s="1" t="s">
        <v>244913</v>
      </c>
      <c r="C73703" s="1" t="s">
        <v>70</v>
      </c>
      <c r="D73703" s="1" t="s">
        <v>185569</v>
      </c>
      <c r="E73703" s="1" t="s">
        <v>246422</v>
      </c>
      <c r="F73703" s="1" t="s">
        <v>246423</v>
      </c>
      <c r="G73703" s="1" t="s">
        <v>246385</v>
      </c>
      <c r="H73703" s="1" t="s">
        <v>246386</v>
      </c>
      <c r="I73703" s="1" t="s">
        <v>244917</v>
      </c>
      <c r="J73703" s="1" t="s">
        <v>246424</v>
      </c>
    </row>
    <row r="73704" spans="1:10" x14ac:dyDescent="0.35">
      <c r="A73704" s="1" t="s">
        <v>1655</v>
      </c>
      <c r="B73704" s="1" t="s">
        <v>244913</v>
      </c>
      <c r="C73704" s="1" t="s">
        <v>75</v>
      </c>
      <c r="D73704" s="1" t="s">
        <v>147624</v>
      </c>
      <c r="E73704" s="1" t="s">
        <v>246425</v>
      </c>
      <c r="F73704" s="1" t="s">
        <v>246426</v>
      </c>
      <c r="G73704" s="1" t="s">
        <v>246385</v>
      </c>
      <c r="H73704" s="1" t="s">
        <v>246386</v>
      </c>
      <c r="I73704" s="1" t="s">
        <v>244917</v>
      </c>
      <c r="J73704" s="1" t="s">
        <v>246427</v>
      </c>
    </row>
    <row r="73705" spans="1:10" x14ac:dyDescent="0.35">
      <c r="A73705" s="1" t="s">
        <v>1655</v>
      </c>
      <c r="B73705" s="1" t="s">
        <v>244913</v>
      </c>
      <c r="C73705" s="1" t="s">
        <v>80</v>
      </c>
      <c r="D73705" s="1" t="s">
        <v>50027</v>
      </c>
      <c r="E73705" s="1" t="s">
        <v>246428</v>
      </c>
      <c r="F73705" s="1" t="s">
        <v>246429</v>
      </c>
      <c r="G73705" s="1" t="s">
        <v>246385</v>
      </c>
      <c r="H73705" s="1" t="s">
        <v>246386</v>
      </c>
      <c r="I73705" s="1" t="s">
        <v>244917</v>
      </c>
      <c r="J73705" s="1" t="s">
        <v>246430</v>
      </c>
    </row>
    <row r="73706" spans="1:10" x14ac:dyDescent="0.35">
      <c r="A73706" s="1" t="s">
        <v>1655</v>
      </c>
      <c r="B73706" s="1" t="s">
        <v>244913</v>
      </c>
      <c r="C73706" s="1" t="s">
        <v>85</v>
      </c>
      <c r="D73706" s="1" t="s">
        <v>186181</v>
      </c>
      <c r="E73706" s="1" t="s">
        <v>246431</v>
      </c>
      <c r="F73706" s="1" t="s">
        <v>246432</v>
      </c>
      <c r="G73706" s="1" t="s">
        <v>246385</v>
      </c>
      <c r="H73706" s="1" t="s">
        <v>246386</v>
      </c>
      <c r="I73706" s="1" t="s">
        <v>244917</v>
      </c>
      <c r="J73706" s="1" t="s">
        <v>246433</v>
      </c>
    </row>
    <row r="73707" spans="1:10" x14ac:dyDescent="0.35">
      <c r="A73707" s="1" t="s">
        <v>1655</v>
      </c>
      <c r="B73707" s="1" t="s">
        <v>244913</v>
      </c>
      <c r="C73707" s="1" t="s">
        <v>90</v>
      </c>
      <c r="D73707" s="1" t="s">
        <v>13330</v>
      </c>
      <c r="E73707" s="1" t="s">
        <v>246434</v>
      </c>
      <c r="F73707" s="1" t="s">
        <v>246435</v>
      </c>
      <c r="G73707" s="1" t="s">
        <v>246385</v>
      </c>
      <c r="H73707" s="1" t="s">
        <v>246386</v>
      </c>
      <c r="I73707" s="1" t="s">
        <v>244917</v>
      </c>
      <c r="J73707" s="1" t="s">
        <v>246436</v>
      </c>
    </row>
    <row r="73708" spans="1:10" x14ac:dyDescent="0.35">
      <c r="A73708" s="1" t="s">
        <v>1655</v>
      </c>
      <c r="B73708" s="1" t="s">
        <v>244913</v>
      </c>
      <c r="C73708" s="1" t="s">
        <v>95</v>
      </c>
      <c r="D73708" s="1" t="s">
        <v>107887</v>
      </c>
      <c r="E73708" s="1" t="s">
        <v>246437</v>
      </c>
      <c r="F73708" s="1" t="s">
        <v>246438</v>
      </c>
      <c r="G73708" s="1" t="s">
        <v>246385</v>
      </c>
      <c r="H73708" s="1" t="s">
        <v>246386</v>
      </c>
      <c r="I73708" s="1" t="s">
        <v>244917</v>
      </c>
      <c r="J73708" s="1" t="s">
        <v>246439</v>
      </c>
    </row>
    <row r="73709" spans="1:10" x14ac:dyDescent="0.35">
      <c r="A73709" s="1" t="s">
        <v>1655</v>
      </c>
      <c r="B73709" s="1" t="s">
        <v>244913</v>
      </c>
      <c r="C73709" s="1" t="s">
        <v>100</v>
      </c>
      <c r="D73709" s="1" t="s">
        <v>151917</v>
      </c>
      <c r="E73709" s="1" t="s">
        <v>246440</v>
      </c>
      <c r="F73709" s="1" t="s">
        <v>246441</v>
      </c>
      <c r="G73709" s="1" t="s">
        <v>246385</v>
      </c>
      <c r="H73709" s="1" t="s">
        <v>246386</v>
      </c>
      <c r="I73709" s="1" t="s">
        <v>244917</v>
      </c>
      <c r="J73709" s="1" t="s">
        <v>246442</v>
      </c>
    </row>
    <row r="73710" spans="1:10" x14ac:dyDescent="0.35">
      <c r="A73710" s="1" t="s">
        <v>1655</v>
      </c>
      <c r="B73710" s="1" t="s">
        <v>244913</v>
      </c>
      <c r="C73710" s="1" t="s">
        <v>105</v>
      </c>
      <c r="D73710" s="1" t="s">
        <v>246443</v>
      </c>
      <c r="E73710" s="1" t="s">
        <v>246444</v>
      </c>
      <c r="F73710" s="1" t="s">
        <v>246445</v>
      </c>
      <c r="G73710" s="1" t="s">
        <v>246385</v>
      </c>
      <c r="H73710" s="1" t="s">
        <v>246386</v>
      </c>
      <c r="I73710" s="1" t="s">
        <v>244917</v>
      </c>
      <c r="J73710" s="1" t="s">
        <v>246446</v>
      </c>
    </row>
    <row r="73711" spans="1:10" x14ac:dyDescent="0.35">
      <c r="A73711" s="1" t="s">
        <v>1655</v>
      </c>
      <c r="B73711" s="1" t="s">
        <v>244913</v>
      </c>
      <c r="C73711" s="1" t="s">
        <v>110</v>
      </c>
      <c r="D73711" s="1" t="s">
        <v>246447</v>
      </c>
      <c r="E73711" s="1" t="s">
        <v>246448</v>
      </c>
      <c r="F73711" s="1" t="s">
        <v>246449</v>
      </c>
      <c r="G73711" s="1" t="s">
        <v>246385</v>
      </c>
      <c r="H73711" s="1" t="s">
        <v>246386</v>
      </c>
      <c r="I73711" s="1" t="s">
        <v>244917</v>
      </c>
      <c r="J73711" s="1" t="s">
        <v>246450</v>
      </c>
    </row>
    <row r="73712" spans="1:10" x14ac:dyDescent="0.35">
      <c r="A73712" s="1" t="s">
        <v>1655</v>
      </c>
      <c r="B73712" s="1" t="s">
        <v>244913</v>
      </c>
      <c r="C73712" s="1" t="s">
        <v>115</v>
      </c>
      <c r="D73712" s="1" t="s">
        <v>246451</v>
      </c>
      <c r="E73712" s="1" t="s">
        <v>246452</v>
      </c>
      <c r="F73712" s="1" t="s">
        <v>246453</v>
      </c>
      <c r="G73712" s="1" t="s">
        <v>246385</v>
      </c>
      <c r="H73712" s="1" t="s">
        <v>246386</v>
      </c>
      <c r="I73712" s="1" t="s">
        <v>244917</v>
      </c>
      <c r="J73712" s="1" t="s">
        <v>246454</v>
      </c>
    </row>
    <row r="73713" spans="1:10" x14ac:dyDescent="0.35">
      <c r="A73713" s="1" t="s">
        <v>1655</v>
      </c>
      <c r="B73713" s="1" t="s">
        <v>244913</v>
      </c>
      <c r="C73713" s="1" t="s">
        <v>120</v>
      </c>
      <c r="D73713" s="1" t="s">
        <v>246455</v>
      </c>
      <c r="E73713" s="1" t="s">
        <v>246456</v>
      </c>
      <c r="F73713" s="1" t="s">
        <v>246457</v>
      </c>
      <c r="G73713" s="1" t="s">
        <v>246385</v>
      </c>
      <c r="H73713" s="1" t="s">
        <v>246386</v>
      </c>
      <c r="I73713" s="1" t="s">
        <v>244917</v>
      </c>
      <c r="J73713" s="1" t="s">
        <v>246458</v>
      </c>
    </row>
    <row r="73714" spans="1:10" x14ac:dyDescent="0.35">
      <c r="A73714" s="1" t="s">
        <v>1655</v>
      </c>
      <c r="B73714" s="1" t="s">
        <v>244913</v>
      </c>
      <c r="C73714" s="1" t="s">
        <v>125</v>
      </c>
      <c r="D73714" s="1" t="s">
        <v>185554</v>
      </c>
      <c r="E73714" s="1" t="s">
        <v>246459</v>
      </c>
      <c r="F73714" s="1" t="s">
        <v>246460</v>
      </c>
      <c r="G73714" s="1" t="s">
        <v>246385</v>
      </c>
      <c r="H73714" s="1" t="s">
        <v>246386</v>
      </c>
      <c r="I73714" s="1" t="s">
        <v>244917</v>
      </c>
      <c r="J73714" s="1" t="s">
        <v>246461</v>
      </c>
    </row>
    <row r="73715" spans="1:10" x14ac:dyDescent="0.35">
      <c r="A73715" s="1" t="s">
        <v>1655</v>
      </c>
      <c r="B73715" s="1" t="s">
        <v>244913</v>
      </c>
      <c r="C73715" s="1" t="s">
        <v>130</v>
      </c>
      <c r="D73715" s="1" t="s">
        <v>52681</v>
      </c>
      <c r="E73715" s="1" t="s">
        <v>246462</v>
      </c>
      <c r="F73715" s="1" t="s">
        <v>246463</v>
      </c>
      <c r="G73715" s="1" t="s">
        <v>246385</v>
      </c>
      <c r="H73715" s="1" t="s">
        <v>246386</v>
      </c>
      <c r="I73715" s="1" t="s">
        <v>244917</v>
      </c>
      <c r="J73715" s="1" t="s">
        <v>246464</v>
      </c>
    </row>
    <row r="73716" spans="1:10" x14ac:dyDescent="0.35">
      <c r="A73716" s="1" t="s">
        <v>1655</v>
      </c>
      <c r="B73716" s="1" t="s">
        <v>244913</v>
      </c>
      <c r="C73716" s="1" t="s">
        <v>135</v>
      </c>
      <c r="D73716" s="1" t="s">
        <v>246465</v>
      </c>
      <c r="E73716" s="1" t="s">
        <v>246466</v>
      </c>
      <c r="F73716" s="1" t="s">
        <v>246467</v>
      </c>
      <c r="G73716" s="1" t="s">
        <v>246385</v>
      </c>
      <c r="H73716" s="1" t="s">
        <v>246386</v>
      </c>
      <c r="I73716" s="1" t="s">
        <v>244917</v>
      </c>
      <c r="J73716" s="1" t="s">
        <v>246468</v>
      </c>
    </row>
    <row r="73717" spans="1:10" x14ac:dyDescent="0.35">
      <c r="A73717" s="1" t="s">
        <v>1655</v>
      </c>
      <c r="B73717" s="1" t="s">
        <v>244913</v>
      </c>
      <c r="C73717" s="1" t="s">
        <v>140</v>
      </c>
      <c r="D73717" s="1" t="s">
        <v>141462</v>
      </c>
      <c r="E73717" s="1" t="s">
        <v>246469</v>
      </c>
      <c r="F73717" s="1" t="s">
        <v>246470</v>
      </c>
      <c r="G73717" s="1" t="s">
        <v>246385</v>
      </c>
      <c r="H73717" s="1" t="s">
        <v>246386</v>
      </c>
      <c r="I73717" s="1" t="s">
        <v>244917</v>
      </c>
      <c r="J73717" s="1" t="s">
        <v>246471</v>
      </c>
    </row>
    <row r="73718" spans="1:10" x14ac:dyDescent="0.35">
      <c r="A73718" s="1" t="s">
        <v>1655</v>
      </c>
      <c r="B73718" s="1" t="s">
        <v>244913</v>
      </c>
      <c r="C73718" s="1" t="s">
        <v>145</v>
      </c>
      <c r="D73718" s="1" t="s">
        <v>155945</v>
      </c>
      <c r="E73718" s="1" t="s">
        <v>246472</v>
      </c>
      <c r="F73718" s="1" t="s">
        <v>246473</v>
      </c>
      <c r="G73718" s="1" t="s">
        <v>246385</v>
      </c>
      <c r="H73718" s="1" t="s">
        <v>246386</v>
      </c>
      <c r="I73718" s="1" t="s">
        <v>244917</v>
      </c>
      <c r="J73718" s="1" t="s">
        <v>246474</v>
      </c>
    </row>
    <row r="73719" spans="1:10" x14ac:dyDescent="0.35">
      <c r="A73719" s="1" t="s">
        <v>1655</v>
      </c>
      <c r="B73719" s="1" t="s">
        <v>244913</v>
      </c>
      <c r="C73719" s="1" t="s">
        <v>150</v>
      </c>
      <c r="D73719" s="1" t="s">
        <v>212040</v>
      </c>
      <c r="E73719" s="1" t="s">
        <v>246475</v>
      </c>
      <c r="F73719" s="1" t="s">
        <v>246476</v>
      </c>
      <c r="G73719" s="1" t="s">
        <v>246385</v>
      </c>
      <c r="H73719" s="1" t="s">
        <v>246386</v>
      </c>
      <c r="I73719" s="1" t="s">
        <v>244917</v>
      </c>
      <c r="J73719" s="1" t="s">
        <v>246477</v>
      </c>
    </row>
    <row r="73720" spans="1:10" x14ac:dyDescent="0.35">
      <c r="A73720" s="1" t="s">
        <v>1655</v>
      </c>
      <c r="B73720" s="1" t="s">
        <v>244913</v>
      </c>
      <c r="C73720" s="1" t="s">
        <v>155</v>
      </c>
      <c r="D73720" s="1" t="s">
        <v>35780</v>
      </c>
      <c r="E73720" s="1" t="s">
        <v>246478</v>
      </c>
      <c r="F73720" s="1" t="s">
        <v>246479</v>
      </c>
      <c r="G73720" s="1" t="s">
        <v>246385</v>
      </c>
      <c r="H73720" s="1" t="s">
        <v>246386</v>
      </c>
      <c r="I73720" s="1" t="s">
        <v>244917</v>
      </c>
      <c r="J73720" s="1" t="s">
        <v>246480</v>
      </c>
    </row>
    <row r="73721" spans="1:10" x14ac:dyDescent="0.35">
      <c r="A73721" s="1" t="s">
        <v>1655</v>
      </c>
      <c r="B73721" s="1" t="s">
        <v>244913</v>
      </c>
      <c r="C73721" s="1" t="s">
        <v>160</v>
      </c>
      <c r="D73721" s="1" t="s">
        <v>246481</v>
      </c>
      <c r="E73721" s="1" t="s">
        <v>246482</v>
      </c>
      <c r="F73721" s="1" t="s">
        <v>246483</v>
      </c>
      <c r="G73721" s="1" t="s">
        <v>246385</v>
      </c>
      <c r="H73721" s="1" t="s">
        <v>246386</v>
      </c>
      <c r="I73721" s="1" t="s">
        <v>244917</v>
      </c>
      <c r="J73721" s="1" t="s">
        <v>246484</v>
      </c>
    </row>
    <row r="73722" spans="1:10" x14ac:dyDescent="0.35">
      <c r="A73722" s="1" t="s">
        <v>1655</v>
      </c>
      <c r="B73722" s="1" t="s">
        <v>244913</v>
      </c>
      <c r="C73722" s="1" t="s">
        <v>165</v>
      </c>
      <c r="D73722" s="1" t="s">
        <v>116248</v>
      </c>
      <c r="E73722" s="1" t="s">
        <v>246485</v>
      </c>
      <c r="F73722" s="1" t="s">
        <v>246486</v>
      </c>
      <c r="G73722" s="1" t="s">
        <v>246385</v>
      </c>
      <c r="H73722" s="1" t="s">
        <v>246386</v>
      </c>
      <c r="I73722" s="1" t="s">
        <v>244917</v>
      </c>
      <c r="J73722" s="1" t="s">
        <v>246487</v>
      </c>
    </row>
    <row r="73723" spans="1:10" x14ac:dyDescent="0.35">
      <c r="A73723" s="1" t="s">
        <v>1655</v>
      </c>
      <c r="B73723" s="1" t="s">
        <v>244913</v>
      </c>
      <c r="C73723" s="1" t="s">
        <v>170</v>
      </c>
      <c r="D73723" s="1" t="s">
        <v>204604</v>
      </c>
      <c r="E73723" s="1" t="s">
        <v>246488</v>
      </c>
      <c r="F73723" s="1" t="s">
        <v>246489</v>
      </c>
      <c r="G73723" s="1" t="s">
        <v>246385</v>
      </c>
      <c r="H73723" s="1" t="s">
        <v>246386</v>
      </c>
      <c r="I73723" s="1" t="s">
        <v>244917</v>
      </c>
      <c r="J73723" s="1" t="s">
        <v>246490</v>
      </c>
    </row>
    <row r="73724" spans="1:10" x14ac:dyDescent="0.35">
      <c r="A73724" s="1" t="s">
        <v>29907</v>
      </c>
      <c r="B73724" s="1" t="s">
        <v>244913</v>
      </c>
      <c r="C73724" s="1" t="s">
        <v>8</v>
      </c>
      <c r="D73724" s="1" t="s">
        <v>31018</v>
      </c>
      <c r="E73724" s="1" t="s">
        <v>246491</v>
      </c>
      <c r="F73724" s="1" t="s">
        <v>246492</v>
      </c>
      <c r="G73724" s="1" t="s">
        <v>246493</v>
      </c>
      <c r="H73724" s="1" t="s">
        <v>246494</v>
      </c>
      <c r="I73724" s="1" t="s">
        <v>244917</v>
      </c>
      <c r="J73724" s="1" t="s">
        <v>13</v>
      </c>
    </row>
    <row r="73725" spans="1:10" x14ac:dyDescent="0.35">
      <c r="A73725" s="1" t="s">
        <v>29907</v>
      </c>
      <c r="B73725" s="1" t="s">
        <v>244913</v>
      </c>
      <c r="C73725" s="1" t="s">
        <v>15</v>
      </c>
      <c r="D73725" s="1" t="s">
        <v>156073</v>
      </c>
      <c r="E73725" s="1" t="s">
        <v>246495</v>
      </c>
      <c r="F73725" s="1" t="s">
        <v>246496</v>
      </c>
      <c r="G73725" s="1" t="s">
        <v>246493</v>
      </c>
      <c r="H73725" s="1" t="s">
        <v>246494</v>
      </c>
      <c r="I73725" s="1" t="s">
        <v>244917</v>
      </c>
      <c r="J73725" s="1" t="s">
        <v>246497</v>
      </c>
    </row>
    <row r="73726" spans="1:10" x14ac:dyDescent="0.35">
      <c r="A73726" s="1" t="s">
        <v>29907</v>
      </c>
      <c r="B73726" s="1" t="s">
        <v>244913</v>
      </c>
      <c r="C73726" s="1" t="s">
        <v>20</v>
      </c>
      <c r="D73726" s="1" t="s">
        <v>9774</v>
      </c>
      <c r="E73726" s="1" t="s">
        <v>246498</v>
      </c>
      <c r="F73726" s="1" t="s">
        <v>246499</v>
      </c>
      <c r="G73726" s="1" t="s">
        <v>246493</v>
      </c>
      <c r="H73726" s="1" t="s">
        <v>246494</v>
      </c>
      <c r="I73726" s="1" t="s">
        <v>244917</v>
      </c>
      <c r="J73726" s="1" t="s">
        <v>246500</v>
      </c>
    </row>
    <row r="73727" spans="1:10" x14ac:dyDescent="0.35">
      <c r="A73727" s="1" t="s">
        <v>29907</v>
      </c>
      <c r="B73727" s="1" t="s">
        <v>244913</v>
      </c>
      <c r="C73727" s="1" t="s">
        <v>25</v>
      </c>
      <c r="D73727" s="1" t="s">
        <v>82664</v>
      </c>
      <c r="E73727" s="1" t="s">
        <v>246501</v>
      </c>
      <c r="F73727" s="1" t="s">
        <v>246502</v>
      </c>
      <c r="G73727" s="1" t="s">
        <v>246493</v>
      </c>
      <c r="H73727" s="1" t="s">
        <v>246494</v>
      </c>
      <c r="I73727" s="1" t="s">
        <v>244917</v>
      </c>
      <c r="J73727" s="1" t="s">
        <v>246503</v>
      </c>
    </row>
    <row r="73728" spans="1:10" x14ac:dyDescent="0.35">
      <c r="A73728" s="1" t="s">
        <v>29907</v>
      </c>
      <c r="B73728" s="1" t="s">
        <v>244913</v>
      </c>
      <c r="C73728" s="1" t="s">
        <v>30</v>
      </c>
      <c r="D73728" s="1" t="s">
        <v>8860</v>
      </c>
      <c r="E73728" s="1" t="s">
        <v>246504</v>
      </c>
      <c r="F73728" s="1" t="s">
        <v>246505</v>
      </c>
      <c r="G73728" s="1" t="s">
        <v>246493</v>
      </c>
      <c r="H73728" s="1" t="s">
        <v>246494</v>
      </c>
      <c r="I73728" s="1" t="s">
        <v>244917</v>
      </c>
      <c r="J73728" s="1" t="s">
        <v>246506</v>
      </c>
    </row>
    <row r="73729" spans="1:10" x14ac:dyDescent="0.35">
      <c r="A73729" s="1" t="s">
        <v>29907</v>
      </c>
      <c r="B73729" s="1" t="s">
        <v>244913</v>
      </c>
      <c r="C73729" s="1" t="s">
        <v>35</v>
      </c>
      <c r="D73729" s="1" t="s">
        <v>246507</v>
      </c>
      <c r="E73729" s="1" t="s">
        <v>246508</v>
      </c>
      <c r="F73729" s="1" t="s">
        <v>246509</v>
      </c>
      <c r="G73729" s="1" t="s">
        <v>246493</v>
      </c>
      <c r="H73729" s="1" t="s">
        <v>246494</v>
      </c>
      <c r="I73729" s="1" t="s">
        <v>244917</v>
      </c>
      <c r="J73729" s="1" t="s">
        <v>246510</v>
      </c>
    </row>
    <row r="73730" spans="1:10" x14ac:dyDescent="0.35">
      <c r="A73730" s="1" t="s">
        <v>29907</v>
      </c>
      <c r="B73730" s="1" t="s">
        <v>244913</v>
      </c>
      <c r="C73730" s="1" t="s">
        <v>40</v>
      </c>
      <c r="D73730" s="1" t="s">
        <v>169368</v>
      </c>
      <c r="E73730" s="1" t="s">
        <v>246511</v>
      </c>
      <c r="F73730" s="1" t="s">
        <v>246512</v>
      </c>
      <c r="G73730" s="1" t="s">
        <v>246493</v>
      </c>
      <c r="H73730" s="1" t="s">
        <v>246494</v>
      </c>
      <c r="I73730" s="1" t="s">
        <v>244917</v>
      </c>
      <c r="J73730" s="1" t="s">
        <v>246513</v>
      </c>
    </row>
    <row r="73731" spans="1:10" x14ac:dyDescent="0.35">
      <c r="A73731" s="1" t="s">
        <v>29907</v>
      </c>
      <c r="B73731" s="1" t="s">
        <v>244913</v>
      </c>
      <c r="C73731" s="1" t="s">
        <v>45</v>
      </c>
      <c r="D73731" s="1" t="s">
        <v>191133</v>
      </c>
      <c r="E73731" s="1" t="s">
        <v>246514</v>
      </c>
      <c r="F73731" s="1" t="s">
        <v>246515</v>
      </c>
      <c r="G73731" s="1" t="s">
        <v>246493</v>
      </c>
      <c r="H73731" s="1" t="s">
        <v>246494</v>
      </c>
      <c r="I73731" s="1" t="s">
        <v>244917</v>
      </c>
      <c r="J73731" s="1" t="s">
        <v>246516</v>
      </c>
    </row>
    <row r="73732" spans="1:10" x14ac:dyDescent="0.35">
      <c r="A73732" s="1" t="s">
        <v>29907</v>
      </c>
      <c r="B73732" s="1" t="s">
        <v>244913</v>
      </c>
      <c r="C73732" s="1" t="s">
        <v>50</v>
      </c>
      <c r="D73732" s="1" t="s">
        <v>113192</v>
      </c>
      <c r="E73732" s="1" t="s">
        <v>246517</v>
      </c>
      <c r="F73732" s="1" t="s">
        <v>246518</v>
      </c>
      <c r="G73732" s="1" t="s">
        <v>246493</v>
      </c>
      <c r="H73732" s="1" t="s">
        <v>246494</v>
      </c>
      <c r="I73732" s="1" t="s">
        <v>244917</v>
      </c>
      <c r="J73732" s="1" t="s">
        <v>246519</v>
      </c>
    </row>
    <row r="73733" spans="1:10" x14ac:dyDescent="0.35">
      <c r="A73733" s="1" t="s">
        <v>29907</v>
      </c>
      <c r="B73733" s="1" t="s">
        <v>244913</v>
      </c>
      <c r="C73733" s="1" t="s">
        <v>55</v>
      </c>
      <c r="D73733" s="1" t="s">
        <v>30483</v>
      </c>
      <c r="E73733" s="1" t="s">
        <v>246520</v>
      </c>
      <c r="F73733" s="1" t="s">
        <v>246521</v>
      </c>
      <c r="G73733" s="1" t="s">
        <v>246493</v>
      </c>
      <c r="H73733" s="1" t="s">
        <v>246494</v>
      </c>
      <c r="I73733" s="1" t="s">
        <v>244917</v>
      </c>
      <c r="J73733" s="1" t="s">
        <v>246522</v>
      </c>
    </row>
    <row r="73734" spans="1:10" x14ac:dyDescent="0.35">
      <c r="A73734" s="1" t="s">
        <v>29907</v>
      </c>
      <c r="B73734" s="1" t="s">
        <v>244913</v>
      </c>
      <c r="C73734" s="1" t="s">
        <v>60</v>
      </c>
      <c r="D73734" s="1" t="s">
        <v>32009</v>
      </c>
      <c r="E73734" s="1" t="s">
        <v>246523</v>
      </c>
      <c r="F73734" s="1" t="s">
        <v>246524</v>
      </c>
      <c r="G73734" s="1" t="s">
        <v>246493</v>
      </c>
      <c r="H73734" s="1" t="s">
        <v>246494</v>
      </c>
      <c r="I73734" s="1" t="s">
        <v>244917</v>
      </c>
      <c r="J73734" s="1" t="s">
        <v>246525</v>
      </c>
    </row>
    <row r="73735" spans="1:10" x14ac:dyDescent="0.35">
      <c r="A73735" s="1" t="s">
        <v>29907</v>
      </c>
      <c r="B73735" s="1" t="s">
        <v>244913</v>
      </c>
      <c r="C73735" s="1" t="s">
        <v>65</v>
      </c>
      <c r="D73735" s="1" t="s">
        <v>221242</v>
      </c>
      <c r="E73735" s="1" t="s">
        <v>246526</v>
      </c>
      <c r="F73735" s="1" t="s">
        <v>246527</v>
      </c>
      <c r="G73735" s="1" t="s">
        <v>246493</v>
      </c>
      <c r="H73735" s="1" t="s">
        <v>246494</v>
      </c>
      <c r="I73735" s="1" t="s">
        <v>244917</v>
      </c>
      <c r="J73735" s="1" t="s">
        <v>246528</v>
      </c>
    </row>
    <row r="73736" spans="1:10" x14ac:dyDescent="0.35">
      <c r="A73736" s="1" t="s">
        <v>29907</v>
      </c>
      <c r="B73736" s="1" t="s">
        <v>244913</v>
      </c>
      <c r="C73736" s="1" t="s">
        <v>70</v>
      </c>
      <c r="D73736" s="1" t="s">
        <v>104393</v>
      </c>
      <c r="E73736" s="1" t="s">
        <v>246529</v>
      </c>
      <c r="F73736" s="1" t="s">
        <v>246530</v>
      </c>
      <c r="G73736" s="1" t="s">
        <v>246493</v>
      </c>
      <c r="H73736" s="1" t="s">
        <v>246494</v>
      </c>
      <c r="I73736" s="1" t="s">
        <v>244917</v>
      </c>
      <c r="J73736" s="1" t="s">
        <v>246531</v>
      </c>
    </row>
    <row r="73737" spans="1:10" x14ac:dyDescent="0.35">
      <c r="A73737" s="1" t="s">
        <v>29907</v>
      </c>
      <c r="B73737" s="1" t="s">
        <v>244913</v>
      </c>
      <c r="C73737" s="1" t="s">
        <v>75</v>
      </c>
      <c r="D73737" s="1" t="s">
        <v>173148</v>
      </c>
      <c r="E73737" s="1" t="s">
        <v>246532</v>
      </c>
      <c r="F73737" s="1" t="s">
        <v>246533</v>
      </c>
      <c r="G73737" s="1" t="s">
        <v>246493</v>
      </c>
      <c r="H73737" s="1" t="s">
        <v>246494</v>
      </c>
      <c r="I73737" s="1" t="s">
        <v>244917</v>
      </c>
      <c r="J73737" s="1" t="s">
        <v>246534</v>
      </c>
    </row>
    <row r="73738" spans="1:10" x14ac:dyDescent="0.35">
      <c r="A73738" s="1" t="s">
        <v>29907</v>
      </c>
      <c r="B73738" s="1" t="s">
        <v>244913</v>
      </c>
      <c r="C73738" s="1" t="s">
        <v>80</v>
      </c>
      <c r="D73738" s="1" t="s">
        <v>71627</v>
      </c>
      <c r="E73738" s="1" t="s">
        <v>246535</v>
      </c>
      <c r="F73738" s="1" t="s">
        <v>246536</v>
      </c>
      <c r="G73738" s="1" t="s">
        <v>246493</v>
      </c>
      <c r="H73738" s="1" t="s">
        <v>246494</v>
      </c>
      <c r="I73738" s="1" t="s">
        <v>244917</v>
      </c>
      <c r="J73738" s="1" t="s">
        <v>246537</v>
      </c>
    </row>
    <row r="73739" spans="1:10" x14ac:dyDescent="0.35">
      <c r="A73739" s="1" t="s">
        <v>29907</v>
      </c>
      <c r="B73739" s="1" t="s">
        <v>244913</v>
      </c>
      <c r="C73739" s="1" t="s">
        <v>85</v>
      </c>
      <c r="D73739" s="1" t="s">
        <v>213836</v>
      </c>
      <c r="E73739" s="1" t="s">
        <v>246538</v>
      </c>
      <c r="F73739" s="1" t="s">
        <v>246539</v>
      </c>
      <c r="G73739" s="1" t="s">
        <v>246493</v>
      </c>
      <c r="H73739" s="1" t="s">
        <v>246494</v>
      </c>
      <c r="I73739" s="1" t="s">
        <v>244917</v>
      </c>
      <c r="J73739" s="1" t="s">
        <v>246540</v>
      </c>
    </row>
    <row r="73740" spans="1:10" x14ac:dyDescent="0.35">
      <c r="A73740" s="1" t="s">
        <v>29907</v>
      </c>
      <c r="B73740" s="1" t="s">
        <v>244913</v>
      </c>
      <c r="C73740" s="1" t="s">
        <v>90</v>
      </c>
      <c r="D73740" s="1" t="s">
        <v>147285</v>
      </c>
      <c r="E73740" s="1" t="s">
        <v>246541</v>
      </c>
      <c r="F73740" s="1" t="s">
        <v>246542</v>
      </c>
      <c r="G73740" s="1" t="s">
        <v>246493</v>
      </c>
      <c r="H73740" s="1" t="s">
        <v>246494</v>
      </c>
      <c r="I73740" s="1" t="s">
        <v>244917</v>
      </c>
      <c r="J73740" s="1" t="s">
        <v>246543</v>
      </c>
    </row>
    <row r="73741" spans="1:10" x14ac:dyDescent="0.35">
      <c r="A73741" s="1" t="s">
        <v>29907</v>
      </c>
      <c r="B73741" s="1" t="s">
        <v>244913</v>
      </c>
      <c r="C73741" s="1" t="s">
        <v>95</v>
      </c>
      <c r="D73741" s="1" t="s">
        <v>15558</v>
      </c>
      <c r="E73741" s="1" t="s">
        <v>246544</v>
      </c>
      <c r="F73741" s="1" t="s">
        <v>246545</v>
      </c>
      <c r="G73741" s="1" t="s">
        <v>246493</v>
      </c>
      <c r="H73741" s="1" t="s">
        <v>246494</v>
      </c>
      <c r="I73741" s="1" t="s">
        <v>244917</v>
      </c>
      <c r="J73741" s="1" t="s">
        <v>246546</v>
      </c>
    </row>
    <row r="73742" spans="1:10" x14ac:dyDescent="0.35">
      <c r="A73742" s="1" t="s">
        <v>29907</v>
      </c>
      <c r="B73742" s="1" t="s">
        <v>244913</v>
      </c>
      <c r="C73742" s="1" t="s">
        <v>100</v>
      </c>
      <c r="D73742" s="1" t="s">
        <v>30822</v>
      </c>
      <c r="E73742" s="1" t="s">
        <v>246547</v>
      </c>
      <c r="F73742" s="1" t="s">
        <v>246548</v>
      </c>
      <c r="G73742" s="1" t="s">
        <v>246493</v>
      </c>
      <c r="H73742" s="1" t="s">
        <v>246494</v>
      </c>
      <c r="I73742" s="1" t="s">
        <v>244917</v>
      </c>
      <c r="J73742" s="1" t="s">
        <v>246549</v>
      </c>
    </row>
    <row r="73743" spans="1:10" x14ac:dyDescent="0.35">
      <c r="A73743" s="1" t="s">
        <v>29907</v>
      </c>
      <c r="B73743" s="1" t="s">
        <v>244913</v>
      </c>
      <c r="C73743" s="1" t="s">
        <v>105</v>
      </c>
      <c r="D73743" s="1" t="s">
        <v>246550</v>
      </c>
      <c r="E73743" s="1" t="s">
        <v>246551</v>
      </c>
      <c r="F73743" s="1" t="s">
        <v>246552</v>
      </c>
      <c r="G73743" s="1" t="s">
        <v>246493</v>
      </c>
      <c r="H73743" s="1" t="s">
        <v>246494</v>
      </c>
      <c r="I73743" s="1" t="s">
        <v>244917</v>
      </c>
      <c r="J73743" s="1" t="s">
        <v>246553</v>
      </c>
    </row>
    <row r="73744" spans="1:10" x14ac:dyDescent="0.35">
      <c r="A73744" s="1" t="s">
        <v>29907</v>
      </c>
      <c r="B73744" s="1" t="s">
        <v>244913</v>
      </c>
      <c r="C73744" s="1" t="s">
        <v>110</v>
      </c>
      <c r="D73744" s="1" t="s">
        <v>31786</v>
      </c>
      <c r="E73744" s="1" t="s">
        <v>246554</v>
      </c>
      <c r="F73744" s="1" t="s">
        <v>246555</v>
      </c>
      <c r="G73744" s="1" t="s">
        <v>246493</v>
      </c>
      <c r="H73744" s="1" t="s">
        <v>246494</v>
      </c>
      <c r="I73744" s="1" t="s">
        <v>244917</v>
      </c>
      <c r="J73744" s="1" t="s">
        <v>246556</v>
      </c>
    </row>
    <row r="73745" spans="1:10" x14ac:dyDescent="0.35">
      <c r="A73745" s="1" t="s">
        <v>29907</v>
      </c>
      <c r="B73745" s="1" t="s">
        <v>244913</v>
      </c>
      <c r="C73745" s="1" t="s">
        <v>115</v>
      </c>
      <c r="D73745" s="1" t="s">
        <v>33253</v>
      </c>
      <c r="E73745" s="1" t="s">
        <v>246557</v>
      </c>
      <c r="F73745" s="1" t="s">
        <v>246558</v>
      </c>
      <c r="G73745" s="1" t="s">
        <v>246493</v>
      </c>
      <c r="H73745" s="1" t="s">
        <v>246494</v>
      </c>
      <c r="I73745" s="1" t="s">
        <v>244917</v>
      </c>
      <c r="J73745" s="1" t="s">
        <v>246559</v>
      </c>
    </row>
    <row r="73746" spans="1:10" x14ac:dyDescent="0.35">
      <c r="A73746" s="1" t="s">
        <v>29907</v>
      </c>
      <c r="B73746" s="1" t="s">
        <v>244913</v>
      </c>
      <c r="C73746" s="1" t="s">
        <v>120</v>
      </c>
      <c r="D73746" s="1" t="s">
        <v>904</v>
      </c>
      <c r="E73746" s="1" t="s">
        <v>246560</v>
      </c>
      <c r="F73746" s="1" t="s">
        <v>246561</v>
      </c>
      <c r="G73746" s="1" t="s">
        <v>246493</v>
      </c>
      <c r="H73746" s="1" t="s">
        <v>246494</v>
      </c>
      <c r="I73746" s="1" t="s">
        <v>244917</v>
      </c>
      <c r="J73746" s="1" t="s">
        <v>246562</v>
      </c>
    </row>
    <row r="73747" spans="1:10" x14ac:dyDescent="0.35">
      <c r="A73747" s="1" t="s">
        <v>29907</v>
      </c>
      <c r="B73747" s="1" t="s">
        <v>244913</v>
      </c>
      <c r="C73747" s="1" t="s">
        <v>125</v>
      </c>
      <c r="D73747" s="1" t="s">
        <v>3877</v>
      </c>
      <c r="E73747" s="1" t="s">
        <v>246563</v>
      </c>
      <c r="F73747" s="1" t="s">
        <v>246564</v>
      </c>
      <c r="G73747" s="1" t="s">
        <v>246493</v>
      </c>
      <c r="H73747" s="1" t="s">
        <v>246494</v>
      </c>
      <c r="I73747" s="1" t="s">
        <v>244917</v>
      </c>
      <c r="J73747" s="1" t="s">
        <v>246565</v>
      </c>
    </row>
    <row r="73748" spans="1:10" x14ac:dyDescent="0.35">
      <c r="A73748" s="1" t="s">
        <v>29907</v>
      </c>
      <c r="B73748" s="1" t="s">
        <v>244913</v>
      </c>
      <c r="C73748" s="1" t="s">
        <v>130</v>
      </c>
      <c r="D73748" s="1" t="s">
        <v>125375</v>
      </c>
      <c r="E73748" s="1" t="s">
        <v>246566</v>
      </c>
      <c r="F73748" s="1" t="s">
        <v>246567</v>
      </c>
      <c r="G73748" s="1" t="s">
        <v>246493</v>
      </c>
      <c r="H73748" s="1" t="s">
        <v>246494</v>
      </c>
      <c r="I73748" s="1" t="s">
        <v>244917</v>
      </c>
      <c r="J73748" s="1" t="s">
        <v>246568</v>
      </c>
    </row>
    <row r="73749" spans="1:10" x14ac:dyDescent="0.35">
      <c r="A73749" s="1" t="s">
        <v>29907</v>
      </c>
      <c r="B73749" s="1" t="s">
        <v>244913</v>
      </c>
      <c r="C73749" s="1" t="s">
        <v>135</v>
      </c>
      <c r="D73749" s="1" t="s">
        <v>246569</v>
      </c>
      <c r="E73749" s="1" t="s">
        <v>246570</v>
      </c>
      <c r="F73749" s="1" t="s">
        <v>246571</v>
      </c>
      <c r="G73749" s="1" t="s">
        <v>246493</v>
      </c>
      <c r="H73749" s="1" t="s">
        <v>246494</v>
      </c>
      <c r="I73749" s="1" t="s">
        <v>244917</v>
      </c>
      <c r="J73749" s="1" t="s">
        <v>246572</v>
      </c>
    </row>
    <row r="73750" spans="1:10" x14ac:dyDescent="0.35">
      <c r="A73750" s="1" t="s">
        <v>29907</v>
      </c>
      <c r="B73750" s="1" t="s">
        <v>244913</v>
      </c>
      <c r="C73750" s="1" t="s">
        <v>140</v>
      </c>
      <c r="D73750" s="1" t="s">
        <v>173045</v>
      </c>
      <c r="E73750" s="1" t="s">
        <v>246573</v>
      </c>
      <c r="F73750" s="1" t="s">
        <v>246574</v>
      </c>
      <c r="G73750" s="1" t="s">
        <v>246493</v>
      </c>
      <c r="H73750" s="1" t="s">
        <v>246494</v>
      </c>
      <c r="I73750" s="1" t="s">
        <v>244917</v>
      </c>
      <c r="J73750" s="1" t="s">
        <v>246575</v>
      </c>
    </row>
    <row r="73751" spans="1:10" x14ac:dyDescent="0.35">
      <c r="A73751" s="1" t="s">
        <v>29907</v>
      </c>
      <c r="B73751" s="1" t="s">
        <v>244913</v>
      </c>
      <c r="C73751" s="1" t="s">
        <v>145</v>
      </c>
      <c r="D73751" s="1" t="s">
        <v>45519</v>
      </c>
      <c r="E73751" s="1" t="s">
        <v>246576</v>
      </c>
      <c r="F73751" s="1" t="s">
        <v>246577</v>
      </c>
      <c r="G73751" s="1" t="s">
        <v>246493</v>
      </c>
      <c r="H73751" s="1" t="s">
        <v>246494</v>
      </c>
      <c r="I73751" s="1" t="s">
        <v>244917</v>
      </c>
      <c r="J73751" s="1" t="s">
        <v>246578</v>
      </c>
    </row>
    <row r="73752" spans="1:10" x14ac:dyDescent="0.35">
      <c r="A73752" s="1" t="s">
        <v>29907</v>
      </c>
      <c r="B73752" s="1" t="s">
        <v>244913</v>
      </c>
      <c r="C73752" s="1" t="s">
        <v>150</v>
      </c>
      <c r="D73752" s="1" t="s">
        <v>49572</v>
      </c>
      <c r="E73752" s="1" t="s">
        <v>246579</v>
      </c>
      <c r="F73752" s="1" t="s">
        <v>246580</v>
      </c>
      <c r="G73752" s="1" t="s">
        <v>246493</v>
      </c>
      <c r="H73752" s="1" t="s">
        <v>246494</v>
      </c>
      <c r="I73752" s="1" t="s">
        <v>244917</v>
      </c>
      <c r="J73752" s="1" t="s">
        <v>246581</v>
      </c>
    </row>
    <row r="73753" spans="1:10" x14ac:dyDescent="0.35">
      <c r="A73753" s="1" t="s">
        <v>29907</v>
      </c>
      <c r="B73753" s="1" t="s">
        <v>244913</v>
      </c>
      <c r="C73753" s="1" t="s">
        <v>155</v>
      </c>
      <c r="D73753" s="1" t="s">
        <v>48595</v>
      </c>
      <c r="E73753" s="1" t="s">
        <v>246582</v>
      </c>
      <c r="F73753" s="1" t="s">
        <v>246583</v>
      </c>
      <c r="G73753" s="1" t="s">
        <v>246493</v>
      </c>
      <c r="H73753" s="1" t="s">
        <v>246494</v>
      </c>
      <c r="I73753" s="1" t="s">
        <v>244917</v>
      </c>
      <c r="J73753" s="1" t="s">
        <v>246584</v>
      </c>
    </row>
    <row r="73754" spans="1:10" x14ac:dyDescent="0.35">
      <c r="A73754" s="1" t="s">
        <v>29907</v>
      </c>
      <c r="B73754" s="1" t="s">
        <v>244913</v>
      </c>
      <c r="C73754" s="1" t="s">
        <v>160</v>
      </c>
      <c r="D73754" s="1" t="s">
        <v>109598</v>
      </c>
      <c r="E73754" s="1" t="s">
        <v>246585</v>
      </c>
      <c r="F73754" s="1" t="s">
        <v>246586</v>
      </c>
      <c r="G73754" s="1" t="s">
        <v>246493</v>
      </c>
      <c r="H73754" s="1" t="s">
        <v>246494</v>
      </c>
      <c r="I73754" s="1" t="s">
        <v>244917</v>
      </c>
      <c r="J73754" s="1" t="s">
        <v>246587</v>
      </c>
    </row>
    <row r="73755" spans="1:10" x14ac:dyDescent="0.35">
      <c r="A73755" s="1" t="s">
        <v>29907</v>
      </c>
      <c r="B73755" s="1" t="s">
        <v>244913</v>
      </c>
      <c r="C73755" s="1" t="s">
        <v>165</v>
      </c>
      <c r="D73755" s="1" t="s">
        <v>14037</v>
      </c>
      <c r="E73755" s="1" t="s">
        <v>246588</v>
      </c>
      <c r="F73755" s="1" t="s">
        <v>246589</v>
      </c>
      <c r="G73755" s="1" t="s">
        <v>246493</v>
      </c>
      <c r="H73755" s="1" t="s">
        <v>246494</v>
      </c>
      <c r="I73755" s="1" t="s">
        <v>244917</v>
      </c>
      <c r="J73755" s="1" t="s">
        <v>146074</v>
      </c>
    </row>
    <row r="73756" spans="1:10" x14ac:dyDescent="0.35">
      <c r="A73756" s="1" t="s">
        <v>29907</v>
      </c>
      <c r="B73756" s="1" t="s">
        <v>244913</v>
      </c>
      <c r="C73756" s="1" t="s">
        <v>170</v>
      </c>
      <c r="D73756" s="1" t="s">
        <v>6900</v>
      </c>
      <c r="E73756" s="1" t="s">
        <v>246590</v>
      </c>
      <c r="F73756" s="1" t="s">
        <v>246591</v>
      </c>
      <c r="G73756" s="1" t="s">
        <v>246493</v>
      </c>
      <c r="H73756" s="1" t="s">
        <v>246494</v>
      </c>
      <c r="I73756" s="1" t="s">
        <v>244917</v>
      </c>
      <c r="J73756" s="1" t="s">
        <v>246592</v>
      </c>
    </row>
    <row r="73757" spans="1:10" x14ac:dyDescent="0.35">
      <c r="A73757" s="1" t="s">
        <v>157286</v>
      </c>
      <c r="B73757" s="1" t="s">
        <v>244913</v>
      </c>
      <c r="C73757" s="1" t="s">
        <v>8</v>
      </c>
      <c r="D73757" s="1" t="s">
        <v>125379</v>
      </c>
      <c r="E73757" s="1" t="s">
        <v>246593</v>
      </c>
      <c r="F73757" s="1" t="s">
        <v>246594</v>
      </c>
      <c r="G73757" s="1" t="s">
        <v>246595</v>
      </c>
      <c r="H73757" s="1" t="s">
        <v>50094</v>
      </c>
      <c r="I73757" s="1" t="s">
        <v>244917</v>
      </c>
      <c r="J73757" s="1" t="s">
        <v>13</v>
      </c>
    </row>
    <row r="73758" spans="1:10" x14ac:dyDescent="0.35">
      <c r="A73758" s="1" t="s">
        <v>157286</v>
      </c>
      <c r="B73758" s="1" t="s">
        <v>244913</v>
      </c>
      <c r="C73758" s="1" t="s">
        <v>15</v>
      </c>
      <c r="D73758" s="1" t="s">
        <v>198008</v>
      </c>
      <c r="E73758" s="1" t="s">
        <v>246596</v>
      </c>
      <c r="F73758" s="1" t="s">
        <v>246597</v>
      </c>
      <c r="G73758" s="1" t="s">
        <v>246595</v>
      </c>
      <c r="H73758" s="1" t="s">
        <v>50094</v>
      </c>
      <c r="I73758" s="1" t="s">
        <v>244917</v>
      </c>
      <c r="J73758" s="1" t="s">
        <v>246598</v>
      </c>
    </row>
    <row r="73759" spans="1:10" x14ac:dyDescent="0.35">
      <c r="A73759" s="1" t="s">
        <v>157286</v>
      </c>
      <c r="B73759" s="1" t="s">
        <v>244913</v>
      </c>
      <c r="C73759" s="1" t="s">
        <v>20</v>
      </c>
      <c r="D73759" s="1" t="s">
        <v>182208</v>
      </c>
      <c r="E73759" s="1" t="s">
        <v>246599</v>
      </c>
      <c r="F73759" s="1" t="s">
        <v>246600</v>
      </c>
      <c r="G73759" s="1" t="s">
        <v>246595</v>
      </c>
      <c r="H73759" s="1" t="s">
        <v>50094</v>
      </c>
      <c r="I73759" s="1" t="s">
        <v>244917</v>
      </c>
      <c r="J73759" s="1" t="s">
        <v>246601</v>
      </c>
    </row>
    <row r="73760" spans="1:10" x14ac:dyDescent="0.35">
      <c r="A73760" s="1" t="s">
        <v>157286</v>
      </c>
      <c r="B73760" s="1" t="s">
        <v>244913</v>
      </c>
      <c r="C73760" s="1" t="s">
        <v>25</v>
      </c>
      <c r="D73760" s="1" t="s">
        <v>155253</v>
      </c>
      <c r="E73760" s="1" t="s">
        <v>246602</v>
      </c>
      <c r="F73760" s="1" t="s">
        <v>246603</v>
      </c>
      <c r="G73760" s="1" t="s">
        <v>246595</v>
      </c>
      <c r="H73760" s="1" t="s">
        <v>50094</v>
      </c>
      <c r="I73760" s="1" t="s">
        <v>244917</v>
      </c>
      <c r="J73760" s="1" t="s">
        <v>246604</v>
      </c>
    </row>
    <row r="73761" spans="1:10" x14ac:dyDescent="0.35">
      <c r="A73761" s="1" t="s">
        <v>157286</v>
      </c>
      <c r="B73761" s="1" t="s">
        <v>244913</v>
      </c>
      <c r="C73761" s="1" t="s">
        <v>30</v>
      </c>
      <c r="D73761" s="1" t="s">
        <v>246605</v>
      </c>
      <c r="E73761" s="1" t="s">
        <v>246606</v>
      </c>
      <c r="F73761" s="1" t="s">
        <v>246607</v>
      </c>
      <c r="G73761" s="1" t="s">
        <v>246595</v>
      </c>
      <c r="H73761" s="1" t="s">
        <v>50094</v>
      </c>
      <c r="I73761" s="1" t="s">
        <v>244917</v>
      </c>
      <c r="J73761" s="1" t="s">
        <v>246608</v>
      </c>
    </row>
    <row r="73762" spans="1:10" x14ac:dyDescent="0.35">
      <c r="A73762" s="1" t="s">
        <v>157286</v>
      </c>
      <c r="B73762" s="1" t="s">
        <v>244913</v>
      </c>
      <c r="C73762" s="1" t="s">
        <v>35</v>
      </c>
      <c r="D73762" s="1" t="s">
        <v>18692</v>
      </c>
      <c r="E73762" s="1" t="s">
        <v>246609</v>
      </c>
      <c r="F73762" s="1" t="s">
        <v>246610</v>
      </c>
      <c r="G73762" s="1" t="s">
        <v>246595</v>
      </c>
      <c r="H73762" s="1" t="s">
        <v>50094</v>
      </c>
      <c r="I73762" s="1" t="s">
        <v>244917</v>
      </c>
      <c r="J73762" s="1" t="s">
        <v>246611</v>
      </c>
    </row>
    <row r="73763" spans="1:10" x14ac:dyDescent="0.35">
      <c r="A73763" s="1" t="s">
        <v>157286</v>
      </c>
      <c r="B73763" s="1" t="s">
        <v>244913</v>
      </c>
      <c r="C73763" s="1" t="s">
        <v>40</v>
      </c>
      <c r="D73763" s="1" t="s">
        <v>74178</v>
      </c>
      <c r="E73763" s="1" t="s">
        <v>246612</v>
      </c>
      <c r="F73763" s="1" t="s">
        <v>246613</v>
      </c>
      <c r="G73763" s="1" t="s">
        <v>246595</v>
      </c>
      <c r="H73763" s="1" t="s">
        <v>50094</v>
      </c>
      <c r="I73763" s="1" t="s">
        <v>244917</v>
      </c>
      <c r="J73763" s="1" t="s">
        <v>246614</v>
      </c>
    </row>
    <row r="73764" spans="1:10" x14ac:dyDescent="0.35">
      <c r="A73764" s="1" t="s">
        <v>157286</v>
      </c>
      <c r="B73764" s="1" t="s">
        <v>244913</v>
      </c>
      <c r="C73764" s="1" t="s">
        <v>45</v>
      </c>
      <c r="D73764" s="1" t="s">
        <v>246615</v>
      </c>
      <c r="E73764" s="1" t="s">
        <v>246616</v>
      </c>
      <c r="F73764" s="1" t="s">
        <v>246617</v>
      </c>
      <c r="G73764" s="1" t="s">
        <v>246595</v>
      </c>
      <c r="H73764" s="1" t="s">
        <v>50094</v>
      </c>
      <c r="I73764" s="1" t="s">
        <v>244917</v>
      </c>
      <c r="J73764" s="1" t="s">
        <v>246618</v>
      </c>
    </row>
    <row r="73765" spans="1:10" x14ac:dyDescent="0.35">
      <c r="A73765" s="1" t="s">
        <v>157286</v>
      </c>
      <c r="B73765" s="1" t="s">
        <v>244913</v>
      </c>
      <c r="C73765" s="1" t="s">
        <v>50</v>
      </c>
      <c r="D73765" s="1" t="s">
        <v>81950</v>
      </c>
      <c r="E73765" s="1" t="s">
        <v>246619</v>
      </c>
      <c r="F73765" s="1" t="s">
        <v>246620</v>
      </c>
      <c r="G73765" s="1" t="s">
        <v>246595</v>
      </c>
      <c r="H73765" s="1" t="s">
        <v>50094</v>
      </c>
      <c r="I73765" s="1" t="s">
        <v>244917</v>
      </c>
      <c r="J73765" s="1" t="s">
        <v>246621</v>
      </c>
    </row>
    <row r="73766" spans="1:10" x14ac:dyDescent="0.35">
      <c r="A73766" s="1" t="s">
        <v>157286</v>
      </c>
      <c r="B73766" s="1" t="s">
        <v>244913</v>
      </c>
      <c r="C73766" s="1" t="s">
        <v>55</v>
      </c>
      <c r="D73766" s="1" t="s">
        <v>82942</v>
      </c>
      <c r="E73766" s="1" t="s">
        <v>246622</v>
      </c>
      <c r="F73766" s="1" t="s">
        <v>246623</v>
      </c>
      <c r="G73766" s="1" t="s">
        <v>246595</v>
      </c>
      <c r="H73766" s="1" t="s">
        <v>50094</v>
      </c>
      <c r="I73766" s="1" t="s">
        <v>244917</v>
      </c>
      <c r="J73766" s="1" t="s">
        <v>246624</v>
      </c>
    </row>
    <row r="73767" spans="1:10" x14ac:dyDescent="0.35">
      <c r="A73767" s="1" t="s">
        <v>157286</v>
      </c>
      <c r="B73767" s="1" t="s">
        <v>244913</v>
      </c>
      <c r="C73767" s="1" t="s">
        <v>60</v>
      </c>
      <c r="D73767" s="1" t="s">
        <v>32685</v>
      </c>
      <c r="E73767" s="1" t="s">
        <v>246625</v>
      </c>
      <c r="F73767" s="1" t="s">
        <v>246626</v>
      </c>
      <c r="G73767" s="1" t="s">
        <v>246595</v>
      </c>
      <c r="H73767" s="1" t="s">
        <v>50094</v>
      </c>
      <c r="I73767" s="1" t="s">
        <v>244917</v>
      </c>
      <c r="J73767" s="1" t="s">
        <v>246627</v>
      </c>
    </row>
    <row r="73768" spans="1:10" x14ac:dyDescent="0.35">
      <c r="A73768" s="1" t="s">
        <v>157286</v>
      </c>
      <c r="B73768" s="1" t="s">
        <v>244913</v>
      </c>
      <c r="C73768" s="1" t="s">
        <v>65</v>
      </c>
      <c r="D73768" s="1" t="s">
        <v>9051</v>
      </c>
      <c r="E73768" s="1" t="s">
        <v>246628</v>
      </c>
      <c r="F73768" s="1" t="s">
        <v>246629</v>
      </c>
      <c r="G73768" s="1" t="s">
        <v>246595</v>
      </c>
      <c r="H73768" s="1" t="s">
        <v>50094</v>
      </c>
      <c r="I73768" s="1" t="s">
        <v>244917</v>
      </c>
      <c r="J73768" s="1" t="s">
        <v>246630</v>
      </c>
    </row>
    <row r="73769" spans="1:10" x14ac:dyDescent="0.35">
      <c r="A73769" s="1" t="s">
        <v>157286</v>
      </c>
      <c r="B73769" s="1" t="s">
        <v>244913</v>
      </c>
      <c r="C73769" s="1" t="s">
        <v>70</v>
      </c>
      <c r="D73769" s="1" t="s">
        <v>125871</v>
      </c>
      <c r="E73769" s="1" t="s">
        <v>244976</v>
      </c>
      <c r="F73769" s="1" t="s">
        <v>246631</v>
      </c>
      <c r="G73769" s="1" t="s">
        <v>246595</v>
      </c>
      <c r="H73769" s="1" t="s">
        <v>50094</v>
      </c>
      <c r="I73769" s="1" t="s">
        <v>244917</v>
      </c>
      <c r="J73769" s="1" t="s">
        <v>246632</v>
      </c>
    </row>
    <row r="73770" spans="1:10" x14ac:dyDescent="0.35">
      <c r="A73770" s="1" t="s">
        <v>157286</v>
      </c>
      <c r="B73770" s="1" t="s">
        <v>244913</v>
      </c>
      <c r="C73770" s="1" t="s">
        <v>75</v>
      </c>
      <c r="D73770" s="1" t="s">
        <v>177457</v>
      </c>
      <c r="E73770" s="1" t="s">
        <v>246633</v>
      </c>
      <c r="F73770" s="1" t="s">
        <v>246634</v>
      </c>
      <c r="G73770" s="1" t="s">
        <v>246595</v>
      </c>
      <c r="H73770" s="1" t="s">
        <v>50094</v>
      </c>
      <c r="I73770" s="1" t="s">
        <v>244917</v>
      </c>
      <c r="J73770" s="1" t="s">
        <v>246635</v>
      </c>
    </row>
    <row r="73771" spans="1:10" x14ac:dyDescent="0.35">
      <c r="A73771" s="1" t="s">
        <v>157286</v>
      </c>
      <c r="B73771" s="1" t="s">
        <v>244913</v>
      </c>
      <c r="C73771" s="1" t="s">
        <v>80</v>
      </c>
      <c r="D73771" s="1" t="s">
        <v>31288</v>
      </c>
      <c r="E73771" s="1" t="s">
        <v>246636</v>
      </c>
      <c r="F73771" s="1" t="s">
        <v>246637</v>
      </c>
      <c r="G73771" s="1" t="s">
        <v>246595</v>
      </c>
      <c r="H73771" s="1" t="s">
        <v>50094</v>
      </c>
      <c r="I73771" s="1" t="s">
        <v>244917</v>
      </c>
      <c r="J73771" s="1" t="s">
        <v>246638</v>
      </c>
    </row>
    <row r="73772" spans="1:10" x14ac:dyDescent="0.35">
      <c r="A73772" s="1" t="s">
        <v>157286</v>
      </c>
      <c r="B73772" s="1" t="s">
        <v>244913</v>
      </c>
      <c r="C73772" s="1" t="s">
        <v>85</v>
      </c>
      <c r="D73772" s="1" t="s">
        <v>896</v>
      </c>
      <c r="E73772" s="1" t="s">
        <v>246639</v>
      </c>
      <c r="F73772" s="1" t="s">
        <v>246640</v>
      </c>
      <c r="G73772" s="1" t="s">
        <v>246595</v>
      </c>
      <c r="H73772" s="1" t="s">
        <v>50094</v>
      </c>
      <c r="I73772" s="1" t="s">
        <v>244917</v>
      </c>
      <c r="J73772" s="1" t="s">
        <v>246641</v>
      </c>
    </row>
    <row r="73773" spans="1:10" x14ac:dyDescent="0.35">
      <c r="A73773" s="1" t="s">
        <v>157286</v>
      </c>
      <c r="B73773" s="1" t="s">
        <v>244913</v>
      </c>
      <c r="C73773" s="1" t="s">
        <v>90</v>
      </c>
      <c r="D73773" s="1" t="s">
        <v>182204</v>
      </c>
      <c r="E73773" s="1" t="s">
        <v>246642</v>
      </c>
      <c r="F73773" s="1" t="s">
        <v>246643</v>
      </c>
      <c r="G73773" s="1" t="s">
        <v>246595</v>
      </c>
      <c r="H73773" s="1" t="s">
        <v>50094</v>
      </c>
      <c r="I73773" s="1" t="s">
        <v>244917</v>
      </c>
      <c r="J73773" s="1" t="s">
        <v>246644</v>
      </c>
    </row>
    <row r="73774" spans="1:10" x14ac:dyDescent="0.35">
      <c r="A73774" s="1" t="s">
        <v>157286</v>
      </c>
      <c r="B73774" s="1" t="s">
        <v>244913</v>
      </c>
      <c r="C73774" s="1" t="s">
        <v>95</v>
      </c>
      <c r="D73774" s="1" t="s">
        <v>246645</v>
      </c>
      <c r="E73774" s="1" t="s">
        <v>246646</v>
      </c>
      <c r="F73774" s="1" t="s">
        <v>246647</v>
      </c>
      <c r="G73774" s="1" t="s">
        <v>246595</v>
      </c>
      <c r="H73774" s="1" t="s">
        <v>50094</v>
      </c>
      <c r="I73774" s="1" t="s">
        <v>244917</v>
      </c>
      <c r="J73774" s="1" t="s">
        <v>246648</v>
      </c>
    </row>
    <row r="73775" spans="1:10" x14ac:dyDescent="0.35">
      <c r="A73775" s="1" t="s">
        <v>157286</v>
      </c>
      <c r="B73775" s="1" t="s">
        <v>244913</v>
      </c>
      <c r="C73775" s="1" t="s">
        <v>100</v>
      </c>
      <c r="D73775" s="1" t="s">
        <v>246649</v>
      </c>
      <c r="E73775" s="1" t="s">
        <v>246650</v>
      </c>
      <c r="F73775" s="1" t="s">
        <v>246651</v>
      </c>
      <c r="G73775" s="1" t="s">
        <v>246595</v>
      </c>
      <c r="H73775" s="1" t="s">
        <v>50094</v>
      </c>
      <c r="I73775" s="1" t="s">
        <v>244917</v>
      </c>
      <c r="J73775" s="1" t="s">
        <v>1820</v>
      </c>
    </row>
    <row r="73776" spans="1:10" x14ac:dyDescent="0.35">
      <c r="A73776" s="1" t="s">
        <v>157286</v>
      </c>
      <c r="B73776" s="1" t="s">
        <v>244913</v>
      </c>
      <c r="C73776" s="1" t="s">
        <v>105</v>
      </c>
      <c r="D73776" s="1" t="s">
        <v>246652</v>
      </c>
      <c r="E73776" s="1" t="s">
        <v>246653</v>
      </c>
      <c r="F73776" s="1" t="s">
        <v>246654</v>
      </c>
      <c r="G73776" s="1" t="s">
        <v>246595</v>
      </c>
      <c r="H73776" s="1" t="s">
        <v>50094</v>
      </c>
      <c r="I73776" s="1" t="s">
        <v>244917</v>
      </c>
      <c r="J73776" s="1" t="s">
        <v>246655</v>
      </c>
    </row>
    <row r="73777" spans="1:10" x14ac:dyDescent="0.35">
      <c r="A73777" s="1" t="s">
        <v>157286</v>
      </c>
      <c r="B73777" s="1" t="s">
        <v>244913</v>
      </c>
      <c r="C73777" s="1" t="s">
        <v>110</v>
      </c>
      <c r="D73777" s="1" t="s">
        <v>42412</v>
      </c>
      <c r="E73777" s="1" t="s">
        <v>246656</v>
      </c>
      <c r="F73777" s="1" t="s">
        <v>246657</v>
      </c>
      <c r="G73777" s="1" t="s">
        <v>246595</v>
      </c>
      <c r="H73777" s="1" t="s">
        <v>50094</v>
      </c>
      <c r="I73777" s="1" t="s">
        <v>244917</v>
      </c>
      <c r="J73777" s="1" t="s">
        <v>246658</v>
      </c>
    </row>
    <row r="73778" spans="1:10" x14ac:dyDescent="0.35">
      <c r="A73778" s="1" t="s">
        <v>157286</v>
      </c>
      <c r="B73778" s="1" t="s">
        <v>244913</v>
      </c>
      <c r="C73778" s="1" t="s">
        <v>115</v>
      </c>
      <c r="D73778" s="1" t="s">
        <v>246659</v>
      </c>
      <c r="E73778" s="1" t="s">
        <v>246660</v>
      </c>
      <c r="F73778" s="1" t="s">
        <v>246661</v>
      </c>
      <c r="G73778" s="1" t="s">
        <v>246595</v>
      </c>
      <c r="H73778" s="1" t="s">
        <v>50094</v>
      </c>
      <c r="I73778" s="1" t="s">
        <v>244917</v>
      </c>
      <c r="J73778" s="1" t="s">
        <v>110994</v>
      </c>
    </row>
    <row r="73779" spans="1:10" x14ac:dyDescent="0.35">
      <c r="A73779" s="1" t="s">
        <v>157286</v>
      </c>
      <c r="B73779" s="1" t="s">
        <v>244913</v>
      </c>
      <c r="C73779" s="1" t="s">
        <v>120</v>
      </c>
      <c r="D73779" s="1" t="s">
        <v>47480</v>
      </c>
      <c r="E73779" s="1" t="s">
        <v>246662</v>
      </c>
      <c r="F73779" s="1" t="s">
        <v>246663</v>
      </c>
      <c r="G73779" s="1" t="s">
        <v>246595</v>
      </c>
      <c r="H73779" s="1" t="s">
        <v>50094</v>
      </c>
      <c r="I73779" s="1" t="s">
        <v>244917</v>
      </c>
      <c r="J73779" s="1" t="s">
        <v>246664</v>
      </c>
    </row>
    <row r="73780" spans="1:10" x14ac:dyDescent="0.35">
      <c r="A73780" s="1" t="s">
        <v>157286</v>
      </c>
      <c r="B73780" s="1" t="s">
        <v>244913</v>
      </c>
      <c r="C73780" s="1" t="s">
        <v>125</v>
      </c>
      <c r="D73780" s="1" t="s">
        <v>246665</v>
      </c>
      <c r="E73780" s="1" t="s">
        <v>246666</v>
      </c>
      <c r="F73780" s="1" t="s">
        <v>246667</v>
      </c>
      <c r="G73780" s="1" t="s">
        <v>246595</v>
      </c>
      <c r="H73780" s="1" t="s">
        <v>50094</v>
      </c>
      <c r="I73780" s="1" t="s">
        <v>244917</v>
      </c>
      <c r="J73780" s="1" t="s">
        <v>246668</v>
      </c>
    </row>
    <row r="73781" spans="1:10" x14ac:dyDescent="0.35">
      <c r="A73781" s="1" t="s">
        <v>157286</v>
      </c>
      <c r="B73781" s="1" t="s">
        <v>244913</v>
      </c>
      <c r="C73781" s="1" t="s">
        <v>130</v>
      </c>
      <c r="D73781" s="1" t="s">
        <v>246669</v>
      </c>
      <c r="E73781" s="1" t="s">
        <v>246670</v>
      </c>
      <c r="F73781" s="1" t="s">
        <v>246671</v>
      </c>
      <c r="G73781" s="1" t="s">
        <v>246595</v>
      </c>
      <c r="H73781" s="1" t="s">
        <v>50094</v>
      </c>
      <c r="I73781" s="1" t="s">
        <v>244917</v>
      </c>
      <c r="J73781" s="1" t="s">
        <v>246672</v>
      </c>
    </row>
    <row r="73782" spans="1:10" x14ac:dyDescent="0.35">
      <c r="A73782" s="1" t="s">
        <v>157286</v>
      </c>
      <c r="B73782" s="1" t="s">
        <v>244913</v>
      </c>
      <c r="C73782" s="1" t="s">
        <v>135</v>
      </c>
      <c r="D73782" s="1" t="s">
        <v>141912</v>
      </c>
      <c r="E73782" s="1" t="s">
        <v>246673</v>
      </c>
      <c r="F73782" s="1" t="s">
        <v>246674</v>
      </c>
      <c r="G73782" s="1" t="s">
        <v>246595</v>
      </c>
      <c r="H73782" s="1" t="s">
        <v>50094</v>
      </c>
      <c r="I73782" s="1" t="s">
        <v>244917</v>
      </c>
      <c r="J73782" s="1" t="s">
        <v>246675</v>
      </c>
    </row>
    <row r="73783" spans="1:10" x14ac:dyDescent="0.35">
      <c r="A73783" s="1" t="s">
        <v>157286</v>
      </c>
      <c r="B73783" s="1" t="s">
        <v>244913</v>
      </c>
      <c r="C73783" s="1" t="s">
        <v>140</v>
      </c>
      <c r="D73783" s="1" t="s">
        <v>246676</v>
      </c>
      <c r="E73783" s="1" t="s">
        <v>246677</v>
      </c>
      <c r="F73783" s="1" t="s">
        <v>246678</v>
      </c>
      <c r="G73783" s="1" t="s">
        <v>246595</v>
      </c>
      <c r="H73783" s="1" t="s">
        <v>50094</v>
      </c>
      <c r="I73783" s="1" t="s">
        <v>244917</v>
      </c>
      <c r="J73783" s="1" t="s">
        <v>246679</v>
      </c>
    </row>
    <row r="73784" spans="1:10" x14ac:dyDescent="0.35">
      <c r="A73784" s="1" t="s">
        <v>157286</v>
      </c>
      <c r="B73784" s="1" t="s">
        <v>244913</v>
      </c>
      <c r="C73784" s="1" t="s">
        <v>145</v>
      </c>
      <c r="D73784" s="1" t="s">
        <v>42630</v>
      </c>
      <c r="E73784" s="1" t="s">
        <v>246680</v>
      </c>
      <c r="F73784" s="1" t="s">
        <v>246681</v>
      </c>
      <c r="G73784" s="1" t="s">
        <v>246595</v>
      </c>
      <c r="H73784" s="1" t="s">
        <v>50094</v>
      </c>
      <c r="I73784" s="1" t="s">
        <v>244917</v>
      </c>
      <c r="J73784" s="1" t="s">
        <v>246682</v>
      </c>
    </row>
    <row r="73785" spans="1:10" x14ac:dyDescent="0.35">
      <c r="A73785" s="1" t="s">
        <v>157286</v>
      </c>
      <c r="B73785" s="1" t="s">
        <v>244913</v>
      </c>
      <c r="C73785" s="1" t="s">
        <v>150</v>
      </c>
      <c r="D73785" s="1" t="s">
        <v>31728</v>
      </c>
      <c r="E73785" s="1" t="s">
        <v>246683</v>
      </c>
      <c r="F73785" s="1" t="s">
        <v>246684</v>
      </c>
      <c r="G73785" s="1" t="s">
        <v>246595</v>
      </c>
      <c r="H73785" s="1" t="s">
        <v>50094</v>
      </c>
      <c r="I73785" s="1" t="s">
        <v>244917</v>
      </c>
      <c r="J73785" s="1" t="s">
        <v>246685</v>
      </c>
    </row>
    <row r="73786" spans="1:10" x14ac:dyDescent="0.35">
      <c r="A73786" s="1" t="s">
        <v>157286</v>
      </c>
      <c r="B73786" s="1" t="s">
        <v>244913</v>
      </c>
      <c r="C73786" s="1" t="s">
        <v>155</v>
      </c>
      <c r="D73786" s="1" t="s">
        <v>181484</v>
      </c>
      <c r="E73786" s="1" t="s">
        <v>246686</v>
      </c>
      <c r="F73786" s="1" t="s">
        <v>246687</v>
      </c>
      <c r="G73786" s="1" t="s">
        <v>246595</v>
      </c>
      <c r="H73786" s="1" t="s">
        <v>50094</v>
      </c>
      <c r="I73786" s="1" t="s">
        <v>244917</v>
      </c>
      <c r="J73786" s="1" t="s">
        <v>246688</v>
      </c>
    </row>
    <row r="73787" spans="1:10" x14ac:dyDescent="0.35">
      <c r="A73787" s="1" t="s">
        <v>157286</v>
      </c>
      <c r="B73787" s="1" t="s">
        <v>244913</v>
      </c>
      <c r="C73787" s="1" t="s">
        <v>160</v>
      </c>
      <c r="D73787" s="1" t="s">
        <v>2551</v>
      </c>
      <c r="E73787" s="1" t="s">
        <v>246689</v>
      </c>
      <c r="F73787" s="1" t="s">
        <v>246690</v>
      </c>
      <c r="G73787" s="1" t="s">
        <v>246595</v>
      </c>
      <c r="H73787" s="1" t="s">
        <v>50094</v>
      </c>
      <c r="I73787" s="1" t="s">
        <v>244917</v>
      </c>
      <c r="J73787" s="1" t="s">
        <v>246691</v>
      </c>
    </row>
    <row r="73788" spans="1:10" x14ac:dyDescent="0.35">
      <c r="A73788" s="1" t="s">
        <v>157286</v>
      </c>
      <c r="B73788" s="1" t="s">
        <v>244913</v>
      </c>
      <c r="C73788" s="1" t="s">
        <v>165</v>
      </c>
      <c r="D73788" s="1" t="s">
        <v>27519</v>
      </c>
      <c r="E73788" s="1" t="s">
        <v>246692</v>
      </c>
      <c r="F73788" s="1" t="s">
        <v>246693</v>
      </c>
      <c r="G73788" s="1" t="s">
        <v>246595</v>
      </c>
      <c r="H73788" s="1" t="s">
        <v>50094</v>
      </c>
      <c r="I73788" s="1" t="s">
        <v>244917</v>
      </c>
      <c r="J73788" s="1" t="s">
        <v>246694</v>
      </c>
    </row>
    <row r="73789" spans="1:10" x14ac:dyDescent="0.35">
      <c r="A73789" s="1" t="s">
        <v>157286</v>
      </c>
      <c r="B73789" s="1" t="s">
        <v>244913</v>
      </c>
      <c r="C73789" s="1" t="s">
        <v>170</v>
      </c>
      <c r="D73789" s="1" t="s">
        <v>246695</v>
      </c>
      <c r="E73789" s="1" t="s">
        <v>246696</v>
      </c>
      <c r="F73789" s="1" t="s">
        <v>246697</v>
      </c>
      <c r="G73789" s="1" t="s">
        <v>246595</v>
      </c>
      <c r="H73789" s="1" t="s">
        <v>50094</v>
      </c>
      <c r="I73789" s="1" t="s">
        <v>244917</v>
      </c>
      <c r="J73789" s="1" t="s">
        <v>246698</v>
      </c>
    </row>
    <row r="73790" spans="1:10" x14ac:dyDescent="0.35">
      <c r="A73790" s="1" t="s">
        <v>104801</v>
      </c>
      <c r="B73790" s="1" t="s">
        <v>244913</v>
      </c>
      <c r="C73790" s="1" t="s">
        <v>8</v>
      </c>
      <c r="D73790" s="1" t="s">
        <v>245957</v>
      </c>
      <c r="E73790" s="1" t="s">
        <v>246699</v>
      </c>
      <c r="F73790" s="1" t="s">
        <v>246700</v>
      </c>
      <c r="G73790" s="1" t="s">
        <v>246701</v>
      </c>
      <c r="H73790" s="1" t="s">
        <v>246702</v>
      </c>
      <c r="I73790" s="1" t="s">
        <v>244917</v>
      </c>
      <c r="J73790" s="1" t="s">
        <v>13</v>
      </c>
    </row>
    <row r="73791" spans="1:10" x14ac:dyDescent="0.35">
      <c r="A73791" s="1" t="s">
        <v>104801</v>
      </c>
      <c r="B73791" s="1" t="s">
        <v>244913</v>
      </c>
      <c r="C73791" s="1" t="s">
        <v>15</v>
      </c>
      <c r="D73791" s="1" t="s">
        <v>150350</v>
      </c>
      <c r="E73791" s="1" t="s">
        <v>246703</v>
      </c>
      <c r="F73791" s="1" t="s">
        <v>246704</v>
      </c>
      <c r="G73791" s="1" t="s">
        <v>246701</v>
      </c>
      <c r="H73791" s="1" t="s">
        <v>246702</v>
      </c>
      <c r="I73791" s="1" t="s">
        <v>244917</v>
      </c>
      <c r="J73791" s="1" t="s">
        <v>245964</v>
      </c>
    </row>
    <row r="73792" spans="1:10" x14ac:dyDescent="0.35">
      <c r="A73792" s="1" t="s">
        <v>104801</v>
      </c>
      <c r="B73792" s="1" t="s">
        <v>244913</v>
      </c>
      <c r="C73792" s="1" t="s">
        <v>20</v>
      </c>
      <c r="D73792" s="1" t="s">
        <v>34395</v>
      </c>
      <c r="E73792" s="1" t="s">
        <v>246705</v>
      </c>
      <c r="F73792" s="1" t="s">
        <v>246706</v>
      </c>
      <c r="G73792" s="1" t="s">
        <v>246701</v>
      </c>
      <c r="H73792" s="1" t="s">
        <v>246702</v>
      </c>
      <c r="I73792" s="1" t="s">
        <v>244917</v>
      </c>
      <c r="J73792" s="1" t="s">
        <v>245967</v>
      </c>
    </row>
    <row r="73793" spans="1:10" x14ac:dyDescent="0.35">
      <c r="A73793" s="1" t="s">
        <v>104801</v>
      </c>
      <c r="B73793" s="1" t="s">
        <v>244913</v>
      </c>
      <c r="C73793" s="1" t="s">
        <v>25</v>
      </c>
      <c r="D73793" s="1" t="s">
        <v>31646</v>
      </c>
      <c r="E73793" s="1" t="s">
        <v>246707</v>
      </c>
      <c r="F73793" s="1" t="s">
        <v>246708</v>
      </c>
      <c r="G73793" s="1" t="s">
        <v>246701</v>
      </c>
      <c r="H73793" s="1" t="s">
        <v>246702</v>
      </c>
      <c r="I73793" s="1" t="s">
        <v>244917</v>
      </c>
      <c r="J73793" s="1" t="s">
        <v>245970</v>
      </c>
    </row>
    <row r="73794" spans="1:10" x14ac:dyDescent="0.35">
      <c r="A73794" s="1" t="s">
        <v>104801</v>
      </c>
      <c r="B73794" s="1" t="s">
        <v>244913</v>
      </c>
      <c r="C73794" s="1" t="s">
        <v>30</v>
      </c>
      <c r="D73794" s="1" t="s">
        <v>104162</v>
      </c>
      <c r="E73794" s="1" t="s">
        <v>246709</v>
      </c>
      <c r="F73794" s="1" t="s">
        <v>246710</v>
      </c>
      <c r="G73794" s="1" t="s">
        <v>246701</v>
      </c>
      <c r="H73794" s="1" t="s">
        <v>246702</v>
      </c>
      <c r="I73794" s="1" t="s">
        <v>244917</v>
      </c>
      <c r="J73794" s="1" t="s">
        <v>245973</v>
      </c>
    </row>
    <row r="73795" spans="1:10" x14ac:dyDescent="0.35">
      <c r="A73795" s="1" t="s">
        <v>104801</v>
      </c>
      <c r="B73795" s="1" t="s">
        <v>244913</v>
      </c>
      <c r="C73795" s="1" t="s">
        <v>35</v>
      </c>
      <c r="D73795" s="1" t="s">
        <v>141462</v>
      </c>
      <c r="E73795" s="1" t="s">
        <v>246711</v>
      </c>
      <c r="F73795" s="1" t="s">
        <v>246712</v>
      </c>
      <c r="G73795" s="1" t="s">
        <v>246701</v>
      </c>
      <c r="H73795" s="1" t="s">
        <v>246702</v>
      </c>
      <c r="I73795" s="1" t="s">
        <v>244917</v>
      </c>
      <c r="J73795" s="1" t="s">
        <v>245976</v>
      </c>
    </row>
    <row r="73796" spans="1:10" x14ac:dyDescent="0.35">
      <c r="A73796" s="1" t="s">
        <v>104801</v>
      </c>
      <c r="B73796" s="1" t="s">
        <v>244913</v>
      </c>
      <c r="C73796" s="1" t="s">
        <v>40</v>
      </c>
      <c r="D73796" s="1" t="s">
        <v>123204</v>
      </c>
      <c r="E73796" s="1" t="s">
        <v>246713</v>
      </c>
      <c r="F73796" s="1" t="s">
        <v>246714</v>
      </c>
      <c r="G73796" s="1" t="s">
        <v>246701</v>
      </c>
      <c r="H73796" s="1" t="s">
        <v>246702</v>
      </c>
      <c r="I73796" s="1" t="s">
        <v>244917</v>
      </c>
      <c r="J73796" s="1" t="s">
        <v>245979</v>
      </c>
    </row>
    <row r="73797" spans="1:10" x14ac:dyDescent="0.35">
      <c r="A73797" s="1" t="s">
        <v>104801</v>
      </c>
      <c r="B73797" s="1" t="s">
        <v>244913</v>
      </c>
      <c r="C73797" s="1" t="s">
        <v>45</v>
      </c>
      <c r="D73797" s="1" t="s">
        <v>37946</v>
      </c>
      <c r="E73797" s="1" t="s">
        <v>246715</v>
      </c>
      <c r="F73797" s="1" t="s">
        <v>246716</v>
      </c>
      <c r="G73797" s="1" t="s">
        <v>246701</v>
      </c>
      <c r="H73797" s="1" t="s">
        <v>246702</v>
      </c>
      <c r="I73797" s="1" t="s">
        <v>244917</v>
      </c>
      <c r="J73797" s="1" t="s">
        <v>245982</v>
      </c>
    </row>
    <row r="73798" spans="1:10" x14ac:dyDescent="0.35">
      <c r="A73798" s="1" t="s">
        <v>104801</v>
      </c>
      <c r="B73798" s="1" t="s">
        <v>244913</v>
      </c>
      <c r="C73798" s="1" t="s">
        <v>50</v>
      </c>
      <c r="D73798" s="1" t="s">
        <v>173595</v>
      </c>
      <c r="E73798" s="1" t="s">
        <v>246717</v>
      </c>
      <c r="F73798" s="1" t="s">
        <v>246718</v>
      </c>
      <c r="G73798" s="1" t="s">
        <v>246701</v>
      </c>
      <c r="H73798" s="1" t="s">
        <v>246702</v>
      </c>
      <c r="I73798" s="1" t="s">
        <v>244917</v>
      </c>
      <c r="J73798" s="1" t="s">
        <v>245985</v>
      </c>
    </row>
    <row r="73799" spans="1:10" x14ac:dyDescent="0.35">
      <c r="A73799" s="1" t="s">
        <v>104801</v>
      </c>
      <c r="B73799" s="1" t="s">
        <v>244913</v>
      </c>
      <c r="C73799" s="1" t="s">
        <v>55</v>
      </c>
      <c r="D73799" s="1" t="s">
        <v>187732</v>
      </c>
      <c r="E73799" s="1" t="s">
        <v>246719</v>
      </c>
      <c r="F73799" s="1" t="s">
        <v>246720</v>
      </c>
      <c r="G73799" s="1" t="s">
        <v>246701</v>
      </c>
      <c r="H73799" s="1" t="s">
        <v>246702</v>
      </c>
      <c r="I73799" s="1" t="s">
        <v>244917</v>
      </c>
      <c r="J73799" s="1" t="s">
        <v>245988</v>
      </c>
    </row>
    <row r="73800" spans="1:10" x14ac:dyDescent="0.35">
      <c r="A73800" s="1" t="s">
        <v>104801</v>
      </c>
      <c r="B73800" s="1" t="s">
        <v>244913</v>
      </c>
      <c r="C73800" s="1" t="s">
        <v>60</v>
      </c>
      <c r="D73800" s="1" t="s">
        <v>154299</v>
      </c>
      <c r="E73800" s="1" t="s">
        <v>246721</v>
      </c>
      <c r="F73800" s="1" t="s">
        <v>246722</v>
      </c>
      <c r="G73800" s="1" t="s">
        <v>246701</v>
      </c>
      <c r="H73800" s="1" t="s">
        <v>246702</v>
      </c>
      <c r="I73800" s="1" t="s">
        <v>244917</v>
      </c>
      <c r="J73800" s="1" t="s">
        <v>245991</v>
      </c>
    </row>
    <row r="73801" spans="1:10" x14ac:dyDescent="0.35">
      <c r="A73801" s="1" t="s">
        <v>104801</v>
      </c>
      <c r="B73801" s="1" t="s">
        <v>244913</v>
      </c>
      <c r="C73801" s="1" t="s">
        <v>65</v>
      </c>
      <c r="D73801" s="1" t="s">
        <v>220658</v>
      </c>
      <c r="E73801" s="1" t="s">
        <v>246723</v>
      </c>
      <c r="F73801" s="1" t="s">
        <v>246724</v>
      </c>
      <c r="G73801" s="1" t="s">
        <v>246701</v>
      </c>
      <c r="H73801" s="1" t="s">
        <v>246702</v>
      </c>
      <c r="I73801" s="1" t="s">
        <v>244917</v>
      </c>
      <c r="J73801" s="1" t="s">
        <v>245994</v>
      </c>
    </row>
    <row r="73802" spans="1:10" x14ac:dyDescent="0.35">
      <c r="A73802" s="1" t="s">
        <v>104801</v>
      </c>
      <c r="B73802" s="1" t="s">
        <v>244913</v>
      </c>
      <c r="C73802" s="1" t="s">
        <v>70</v>
      </c>
      <c r="D73802" s="1" t="s">
        <v>114607</v>
      </c>
      <c r="E73802" s="1" t="s">
        <v>246725</v>
      </c>
      <c r="F73802" s="1" t="s">
        <v>246726</v>
      </c>
      <c r="G73802" s="1" t="s">
        <v>246701</v>
      </c>
      <c r="H73802" s="1" t="s">
        <v>246702</v>
      </c>
      <c r="I73802" s="1" t="s">
        <v>244917</v>
      </c>
      <c r="J73802" s="1" t="s">
        <v>245997</v>
      </c>
    </row>
    <row r="73803" spans="1:10" x14ac:dyDescent="0.35">
      <c r="A73803" s="1" t="s">
        <v>104801</v>
      </c>
      <c r="B73803" s="1" t="s">
        <v>244913</v>
      </c>
      <c r="C73803" s="1" t="s">
        <v>75</v>
      </c>
      <c r="D73803" s="1" t="s">
        <v>19814</v>
      </c>
      <c r="E73803" s="1" t="s">
        <v>246727</v>
      </c>
      <c r="F73803" s="1" t="s">
        <v>246728</v>
      </c>
      <c r="G73803" s="1" t="s">
        <v>246701</v>
      </c>
      <c r="H73803" s="1" t="s">
        <v>246702</v>
      </c>
      <c r="I73803" s="1" t="s">
        <v>244917</v>
      </c>
      <c r="J73803" s="1" t="s">
        <v>246000</v>
      </c>
    </row>
    <row r="73804" spans="1:10" x14ac:dyDescent="0.35">
      <c r="A73804" s="1" t="s">
        <v>104801</v>
      </c>
      <c r="B73804" s="1" t="s">
        <v>244913</v>
      </c>
      <c r="C73804" s="1" t="s">
        <v>80</v>
      </c>
      <c r="D73804" s="1" t="s">
        <v>192620</v>
      </c>
      <c r="E73804" s="1" t="s">
        <v>246729</v>
      </c>
      <c r="F73804" s="1" t="s">
        <v>246730</v>
      </c>
      <c r="G73804" s="1" t="s">
        <v>246701</v>
      </c>
      <c r="H73804" s="1" t="s">
        <v>246702</v>
      </c>
      <c r="I73804" s="1" t="s">
        <v>244917</v>
      </c>
      <c r="J73804" s="1" t="s">
        <v>246003</v>
      </c>
    </row>
    <row r="73805" spans="1:10" x14ac:dyDescent="0.35">
      <c r="A73805" s="1" t="s">
        <v>104801</v>
      </c>
      <c r="B73805" s="1" t="s">
        <v>244913</v>
      </c>
      <c r="C73805" s="1" t="s">
        <v>85</v>
      </c>
      <c r="D73805" s="1" t="s">
        <v>169766</v>
      </c>
      <c r="E73805" s="1" t="s">
        <v>246731</v>
      </c>
      <c r="F73805" s="1" t="s">
        <v>246732</v>
      </c>
      <c r="G73805" s="1" t="s">
        <v>246701</v>
      </c>
      <c r="H73805" s="1" t="s">
        <v>246702</v>
      </c>
      <c r="I73805" s="1" t="s">
        <v>244917</v>
      </c>
      <c r="J73805" s="1" t="s">
        <v>246006</v>
      </c>
    </row>
    <row r="73806" spans="1:10" x14ac:dyDescent="0.35">
      <c r="A73806" s="1" t="s">
        <v>104801</v>
      </c>
      <c r="B73806" s="1" t="s">
        <v>244913</v>
      </c>
      <c r="C73806" s="1" t="s">
        <v>90</v>
      </c>
      <c r="D73806" s="1" t="s">
        <v>246007</v>
      </c>
      <c r="E73806" s="1" t="s">
        <v>246733</v>
      </c>
      <c r="F73806" s="1" t="s">
        <v>246734</v>
      </c>
      <c r="G73806" s="1" t="s">
        <v>246701</v>
      </c>
      <c r="H73806" s="1" t="s">
        <v>246702</v>
      </c>
      <c r="I73806" s="1" t="s">
        <v>244917</v>
      </c>
      <c r="J73806" s="1" t="s">
        <v>246010</v>
      </c>
    </row>
    <row r="73807" spans="1:10" x14ac:dyDescent="0.35">
      <c r="A73807" s="1" t="s">
        <v>104801</v>
      </c>
      <c r="B73807" s="1" t="s">
        <v>244913</v>
      </c>
      <c r="C73807" s="1" t="s">
        <v>95</v>
      </c>
      <c r="D73807" s="1" t="s">
        <v>147949</v>
      </c>
      <c r="E73807" s="1" t="s">
        <v>246735</v>
      </c>
      <c r="F73807" s="1" t="s">
        <v>246736</v>
      </c>
      <c r="G73807" s="1" t="s">
        <v>246701</v>
      </c>
      <c r="H73807" s="1" t="s">
        <v>246702</v>
      </c>
      <c r="I73807" s="1" t="s">
        <v>244917</v>
      </c>
      <c r="J73807" s="1" t="s">
        <v>246013</v>
      </c>
    </row>
    <row r="73808" spans="1:10" x14ac:dyDescent="0.35">
      <c r="A73808" s="1" t="s">
        <v>104801</v>
      </c>
      <c r="B73808" s="1" t="s">
        <v>244913</v>
      </c>
      <c r="C73808" s="1" t="s">
        <v>100</v>
      </c>
      <c r="D73808" s="1" t="s">
        <v>218394</v>
      </c>
      <c r="E73808" s="1" t="s">
        <v>246737</v>
      </c>
      <c r="F73808" s="1" t="s">
        <v>246738</v>
      </c>
      <c r="G73808" s="1" t="s">
        <v>246701</v>
      </c>
      <c r="H73808" s="1" t="s">
        <v>246702</v>
      </c>
      <c r="I73808" s="1" t="s">
        <v>244917</v>
      </c>
      <c r="J73808" s="1" t="s">
        <v>246016</v>
      </c>
    </row>
    <row r="73809" spans="1:10" x14ac:dyDescent="0.35">
      <c r="A73809" s="1" t="s">
        <v>104801</v>
      </c>
      <c r="B73809" s="1" t="s">
        <v>244913</v>
      </c>
      <c r="C73809" s="1" t="s">
        <v>105</v>
      </c>
      <c r="D73809" s="1" t="s">
        <v>246017</v>
      </c>
      <c r="E73809" s="1" t="s">
        <v>246739</v>
      </c>
      <c r="F73809" s="1" t="s">
        <v>246740</v>
      </c>
      <c r="G73809" s="1" t="s">
        <v>246701</v>
      </c>
      <c r="H73809" s="1" t="s">
        <v>246702</v>
      </c>
      <c r="I73809" s="1" t="s">
        <v>244917</v>
      </c>
      <c r="J73809" s="1" t="s">
        <v>246020</v>
      </c>
    </row>
    <row r="73810" spans="1:10" x14ac:dyDescent="0.35">
      <c r="A73810" s="1" t="s">
        <v>104801</v>
      </c>
      <c r="B73810" s="1" t="s">
        <v>244913</v>
      </c>
      <c r="C73810" s="1" t="s">
        <v>110</v>
      </c>
      <c r="D73810" s="1" t="s">
        <v>154665</v>
      </c>
      <c r="E73810" s="1" t="s">
        <v>246741</v>
      </c>
      <c r="F73810" s="1" t="s">
        <v>246742</v>
      </c>
      <c r="G73810" s="1" t="s">
        <v>246701</v>
      </c>
      <c r="H73810" s="1" t="s">
        <v>246702</v>
      </c>
      <c r="I73810" s="1" t="s">
        <v>244917</v>
      </c>
      <c r="J73810" s="1" t="s">
        <v>246023</v>
      </c>
    </row>
    <row r="73811" spans="1:10" x14ac:dyDescent="0.35">
      <c r="A73811" s="1" t="s">
        <v>104801</v>
      </c>
      <c r="B73811" s="1" t="s">
        <v>244913</v>
      </c>
      <c r="C73811" s="1" t="s">
        <v>115</v>
      </c>
      <c r="D73811" s="1" t="s">
        <v>246024</v>
      </c>
      <c r="E73811" s="1" t="s">
        <v>246743</v>
      </c>
      <c r="F73811" s="1" t="s">
        <v>246744</v>
      </c>
      <c r="G73811" s="1" t="s">
        <v>246701</v>
      </c>
      <c r="H73811" s="1" t="s">
        <v>246702</v>
      </c>
      <c r="I73811" s="1" t="s">
        <v>244917</v>
      </c>
      <c r="J73811" s="1" t="s">
        <v>246027</v>
      </c>
    </row>
    <row r="73812" spans="1:10" x14ac:dyDescent="0.35">
      <c r="A73812" s="1" t="s">
        <v>104801</v>
      </c>
      <c r="B73812" s="1" t="s">
        <v>244913</v>
      </c>
      <c r="C73812" s="1" t="s">
        <v>120</v>
      </c>
      <c r="D73812" s="1" t="s">
        <v>114797</v>
      </c>
      <c r="E73812" s="1" t="s">
        <v>246745</v>
      </c>
      <c r="F73812" s="1" t="s">
        <v>246746</v>
      </c>
      <c r="G73812" s="1" t="s">
        <v>246701</v>
      </c>
      <c r="H73812" s="1" t="s">
        <v>246702</v>
      </c>
      <c r="I73812" s="1" t="s">
        <v>244917</v>
      </c>
      <c r="J73812" s="1" t="s">
        <v>246030</v>
      </c>
    </row>
    <row r="73813" spans="1:10" x14ac:dyDescent="0.35">
      <c r="A73813" s="1" t="s">
        <v>104801</v>
      </c>
      <c r="B73813" s="1" t="s">
        <v>244913</v>
      </c>
      <c r="C73813" s="1" t="s">
        <v>125</v>
      </c>
      <c r="D73813" s="1" t="s">
        <v>125596</v>
      </c>
      <c r="E73813" s="1" t="s">
        <v>246747</v>
      </c>
      <c r="F73813" s="1" t="s">
        <v>246748</v>
      </c>
      <c r="G73813" s="1" t="s">
        <v>246701</v>
      </c>
      <c r="H73813" s="1" t="s">
        <v>246702</v>
      </c>
      <c r="I73813" s="1" t="s">
        <v>244917</v>
      </c>
      <c r="J73813" s="1" t="s">
        <v>246033</v>
      </c>
    </row>
    <row r="73814" spans="1:10" x14ac:dyDescent="0.35">
      <c r="A73814" s="1" t="s">
        <v>104801</v>
      </c>
      <c r="B73814" s="1" t="s">
        <v>244913</v>
      </c>
      <c r="C73814" s="1" t="s">
        <v>130</v>
      </c>
      <c r="D73814" s="1" t="s">
        <v>33107</v>
      </c>
      <c r="E73814" s="1" t="s">
        <v>246749</v>
      </c>
      <c r="F73814" s="1" t="s">
        <v>246750</v>
      </c>
      <c r="G73814" s="1" t="s">
        <v>246701</v>
      </c>
      <c r="H73814" s="1" t="s">
        <v>246702</v>
      </c>
      <c r="I73814" s="1" t="s">
        <v>244917</v>
      </c>
      <c r="J73814" s="1" t="s">
        <v>246036</v>
      </c>
    </row>
    <row r="73815" spans="1:10" x14ac:dyDescent="0.35">
      <c r="A73815" s="1" t="s">
        <v>104801</v>
      </c>
      <c r="B73815" s="1" t="s">
        <v>244913</v>
      </c>
      <c r="C73815" s="1" t="s">
        <v>135</v>
      </c>
      <c r="D73815" s="1" t="s">
        <v>246037</v>
      </c>
      <c r="E73815" s="1" t="s">
        <v>246751</v>
      </c>
      <c r="F73815" s="1" t="s">
        <v>246752</v>
      </c>
      <c r="G73815" s="1" t="s">
        <v>246701</v>
      </c>
      <c r="H73815" s="1" t="s">
        <v>246702</v>
      </c>
      <c r="I73815" s="1" t="s">
        <v>244917</v>
      </c>
      <c r="J73815" s="1" t="s">
        <v>246040</v>
      </c>
    </row>
    <row r="73816" spans="1:10" x14ac:dyDescent="0.35">
      <c r="A73816" s="1" t="s">
        <v>104801</v>
      </c>
      <c r="B73816" s="1" t="s">
        <v>244913</v>
      </c>
      <c r="C73816" s="1" t="s">
        <v>140</v>
      </c>
      <c r="D73816" s="1" t="s">
        <v>148459</v>
      </c>
      <c r="E73816" s="1" t="s">
        <v>246753</v>
      </c>
      <c r="F73816" s="1" t="s">
        <v>246754</v>
      </c>
      <c r="G73816" s="1" t="s">
        <v>246701</v>
      </c>
      <c r="H73816" s="1" t="s">
        <v>246702</v>
      </c>
      <c r="I73816" s="1" t="s">
        <v>244917</v>
      </c>
      <c r="J73816" s="1" t="s">
        <v>246043</v>
      </c>
    </row>
    <row r="73817" spans="1:10" x14ac:dyDescent="0.35">
      <c r="A73817" s="1" t="s">
        <v>104801</v>
      </c>
      <c r="B73817" s="1" t="s">
        <v>244913</v>
      </c>
      <c r="C73817" s="1" t="s">
        <v>145</v>
      </c>
      <c r="D73817" s="1" t="s">
        <v>135398</v>
      </c>
      <c r="E73817" s="1" t="s">
        <v>246755</v>
      </c>
      <c r="F73817" s="1" t="s">
        <v>246756</v>
      </c>
      <c r="G73817" s="1" t="s">
        <v>246701</v>
      </c>
      <c r="H73817" s="1" t="s">
        <v>246702</v>
      </c>
      <c r="I73817" s="1" t="s">
        <v>244917</v>
      </c>
      <c r="J73817" s="1" t="s">
        <v>246046</v>
      </c>
    </row>
    <row r="73818" spans="1:10" x14ac:dyDescent="0.35">
      <c r="A73818" s="1" t="s">
        <v>104801</v>
      </c>
      <c r="B73818" s="1" t="s">
        <v>244913</v>
      </c>
      <c r="C73818" s="1" t="s">
        <v>150</v>
      </c>
      <c r="D73818" s="1" t="s">
        <v>43136</v>
      </c>
      <c r="E73818" s="1" t="s">
        <v>246757</v>
      </c>
      <c r="F73818" s="1" t="s">
        <v>246758</v>
      </c>
      <c r="G73818" s="1" t="s">
        <v>246701</v>
      </c>
      <c r="H73818" s="1" t="s">
        <v>246702</v>
      </c>
      <c r="I73818" s="1" t="s">
        <v>244917</v>
      </c>
      <c r="J73818" s="1" t="s">
        <v>246049</v>
      </c>
    </row>
    <row r="73819" spans="1:10" x14ac:dyDescent="0.35">
      <c r="A73819" s="1" t="s">
        <v>104801</v>
      </c>
      <c r="B73819" s="1" t="s">
        <v>244913</v>
      </c>
      <c r="C73819" s="1" t="s">
        <v>155</v>
      </c>
      <c r="D73819" s="1" t="s">
        <v>72299</v>
      </c>
      <c r="E73819" s="1" t="s">
        <v>246759</v>
      </c>
      <c r="F73819" s="1" t="s">
        <v>246760</v>
      </c>
      <c r="G73819" s="1" t="s">
        <v>246701</v>
      </c>
      <c r="H73819" s="1" t="s">
        <v>246702</v>
      </c>
      <c r="I73819" s="1" t="s">
        <v>244917</v>
      </c>
      <c r="J73819" s="1" t="s">
        <v>246052</v>
      </c>
    </row>
    <row r="73820" spans="1:10" x14ac:dyDescent="0.35">
      <c r="A73820" s="1" t="s">
        <v>104801</v>
      </c>
      <c r="B73820" s="1" t="s">
        <v>244913</v>
      </c>
      <c r="C73820" s="1" t="s">
        <v>160</v>
      </c>
      <c r="D73820" s="1" t="s">
        <v>6645</v>
      </c>
      <c r="E73820" s="1" t="s">
        <v>246761</v>
      </c>
      <c r="F73820" s="1" t="s">
        <v>246762</v>
      </c>
      <c r="G73820" s="1" t="s">
        <v>246701</v>
      </c>
      <c r="H73820" s="1" t="s">
        <v>246702</v>
      </c>
      <c r="I73820" s="1" t="s">
        <v>244917</v>
      </c>
      <c r="J73820" s="1" t="s">
        <v>246055</v>
      </c>
    </row>
    <row r="73821" spans="1:10" x14ac:dyDescent="0.35">
      <c r="A73821" s="1" t="s">
        <v>104801</v>
      </c>
      <c r="B73821" s="1" t="s">
        <v>244913</v>
      </c>
      <c r="C73821" s="1" t="s">
        <v>165</v>
      </c>
      <c r="D73821" s="1" t="s">
        <v>9690</v>
      </c>
      <c r="E73821" s="1" t="s">
        <v>246763</v>
      </c>
      <c r="F73821" s="1" t="s">
        <v>246764</v>
      </c>
      <c r="G73821" s="1" t="s">
        <v>246701</v>
      </c>
      <c r="H73821" s="1" t="s">
        <v>246702</v>
      </c>
      <c r="I73821" s="1" t="s">
        <v>244917</v>
      </c>
      <c r="J73821" s="1" t="s">
        <v>246058</v>
      </c>
    </row>
    <row r="73822" spans="1:10" x14ac:dyDescent="0.35">
      <c r="A73822" s="1" t="s">
        <v>104801</v>
      </c>
      <c r="B73822" s="1" t="s">
        <v>244913</v>
      </c>
      <c r="C73822" s="1" t="s">
        <v>170</v>
      </c>
      <c r="D73822" s="1" t="s">
        <v>111947</v>
      </c>
      <c r="E73822" s="1" t="s">
        <v>246765</v>
      </c>
      <c r="F73822" s="1" t="s">
        <v>246766</v>
      </c>
      <c r="G73822" s="1" t="s">
        <v>246701</v>
      </c>
      <c r="H73822" s="1" t="s">
        <v>246702</v>
      </c>
      <c r="I73822" s="1" t="s">
        <v>244917</v>
      </c>
      <c r="J73822" s="1" t="s">
        <v>246061</v>
      </c>
    </row>
    <row r="73823" spans="1:10" x14ac:dyDescent="0.35">
      <c r="A73823" s="1" t="s">
        <v>14755</v>
      </c>
      <c r="B73823" s="1" t="s">
        <v>244913</v>
      </c>
      <c r="C73823" s="1" t="s">
        <v>8</v>
      </c>
      <c r="D73823" s="1" t="s">
        <v>246767</v>
      </c>
      <c r="E73823" s="1" t="s">
        <v>246768</v>
      </c>
      <c r="F73823" s="1" t="s">
        <v>246769</v>
      </c>
      <c r="G73823" s="1" t="s">
        <v>246770</v>
      </c>
      <c r="H73823" s="1" t="s">
        <v>246771</v>
      </c>
      <c r="I73823" s="1" t="s">
        <v>244917</v>
      </c>
      <c r="J73823" s="1" t="s">
        <v>13</v>
      </c>
    </row>
    <row r="73824" spans="1:10" x14ac:dyDescent="0.35">
      <c r="A73824" s="1" t="s">
        <v>14755</v>
      </c>
      <c r="B73824" s="1" t="s">
        <v>244913</v>
      </c>
      <c r="C73824" s="1" t="s">
        <v>15</v>
      </c>
      <c r="D73824" s="1" t="s">
        <v>246772</v>
      </c>
      <c r="E73824" s="1" t="s">
        <v>246773</v>
      </c>
      <c r="F73824" s="1" t="s">
        <v>246774</v>
      </c>
      <c r="G73824" s="1" t="s">
        <v>246770</v>
      </c>
      <c r="H73824" s="1" t="s">
        <v>246771</v>
      </c>
      <c r="I73824" s="1" t="s">
        <v>244917</v>
      </c>
      <c r="J73824" s="1" t="s">
        <v>246775</v>
      </c>
    </row>
    <row r="73825" spans="1:10" x14ac:dyDescent="0.35">
      <c r="A73825" s="1" t="s">
        <v>14755</v>
      </c>
      <c r="B73825" s="1" t="s">
        <v>244913</v>
      </c>
      <c r="C73825" s="1" t="s">
        <v>20</v>
      </c>
      <c r="D73825" s="1" t="s">
        <v>14283</v>
      </c>
      <c r="E73825" s="1" t="s">
        <v>246776</v>
      </c>
      <c r="F73825" s="1" t="s">
        <v>246777</v>
      </c>
      <c r="G73825" s="1" t="s">
        <v>246770</v>
      </c>
      <c r="H73825" s="1" t="s">
        <v>246771</v>
      </c>
      <c r="I73825" s="1" t="s">
        <v>244917</v>
      </c>
      <c r="J73825" s="1" t="s">
        <v>246778</v>
      </c>
    </row>
    <row r="73826" spans="1:10" x14ac:dyDescent="0.35">
      <c r="A73826" s="1" t="s">
        <v>14755</v>
      </c>
      <c r="B73826" s="1" t="s">
        <v>244913</v>
      </c>
      <c r="C73826" s="1" t="s">
        <v>25</v>
      </c>
      <c r="D73826" s="1" t="s">
        <v>209458</v>
      </c>
      <c r="E73826" s="1" t="s">
        <v>246779</v>
      </c>
      <c r="F73826" s="1" t="s">
        <v>246780</v>
      </c>
      <c r="G73826" s="1" t="s">
        <v>246770</v>
      </c>
      <c r="H73826" s="1" t="s">
        <v>246771</v>
      </c>
      <c r="I73826" s="1" t="s">
        <v>244917</v>
      </c>
      <c r="J73826" s="1" t="s">
        <v>246781</v>
      </c>
    </row>
    <row r="73827" spans="1:10" x14ac:dyDescent="0.35">
      <c r="A73827" s="1" t="s">
        <v>14755</v>
      </c>
      <c r="B73827" s="1" t="s">
        <v>244913</v>
      </c>
      <c r="C73827" s="1" t="s">
        <v>30</v>
      </c>
      <c r="D73827" s="1" t="s">
        <v>43409</v>
      </c>
      <c r="E73827" s="1" t="s">
        <v>246782</v>
      </c>
      <c r="F73827" s="1" t="s">
        <v>246783</v>
      </c>
      <c r="G73827" s="1" t="s">
        <v>246770</v>
      </c>
      <c r="H73827" s="1" t="s">
        <v>246771</v>
      </c>
      <c r="I73827" s="1" t="s">
        <v>244917</v>
      </c>
      <c r="J73827" s="1" t="s">
        <v>246784</v>
      </c>
    </row>
    <row r="73828" spans="1:10" x14ac:dyDescent="0.35">
      <c r="A73828" s="1" t="s">
        <v>14755</v>
      </c>
      <c r="B73828" s="1" t="s">
        <v>244913</v>
      </c>
      <c r="C73828" s="1" t="s">
        <v>35</v>
      </c>
      <c r="D73828" s="1" t="s">
        <v>180072</v>
      </c>
      <c r="E73828" s="1" t="s">
        <v>246785</v>
      </c>
      <c r="F73828" s="1" t="s">
        <v>246786</v>
      </c>
      <c r="G73828" s="1" t="s">
        <v>246770</v>
      </c>
      <c r="H73828" s="1" t="s">
        <v>246771</v>
      </c>
      <c r="I73828" s="1" t="s">
        <v>244917</v>
      </c>
      <c r="J73828" s="1" t="s">
        <v>246787</v>
      </c>
    </row>
    <row r="73829" spans="1:10" x14ac:dyDescent="0.35">
      <c r="A73829" s="1" t="s">
        <v>14755</v>
      </c>
      <c r="B73829" s="1" t="s">
        <v>244913</v>
      </c>
      <c r="C73829" s="1" t="s">
        <v>40</v>
      </c>
      <c r="D73829" s="1" t="s">
        <v>246788</v>
      </c>
      <c r="E73829" s="1" t="s">
        <v>246789</v>
      </c>
      <c r="F73829" s="1" t="s">
        <v>246790</v>
      </c>
      <c r="G73829" s="1" t="s">
        <v>246770</v>
      </c>
      <c r="H73829" s="1" t="s">
        <v>246771</v>
      </c>
      <c r="I73829" s="1" t="s">
        <v>244917</v>
      </c>
      <c r="J73829" s="1" t="s">
        <v>246791</v>
      </c>
    </row>
    <row r="73830" spans="1:10" x14ac:dyDescent="0.35">
      <c r="A73830" s="1" t="s">
        <v>14755</v>
      </c>
      <c r="B73830" s="1" t="s">
        <v>244913</v>
      </c>
      <c r="C73830" s="1" t="s">
        <v>45</v>
      </c>
      <c r="D73830" s="1" t="s">
        <v>173495</v>
      </c>
      <c r="E73830" s="1" t="s">
        <v>246792</v>
      </c>
      <c r="F73830" s="1" t="s">
        <v>246793</v>
      </c>
      <c r="G73830" s="1" t="s">
        <v>246770</v>
      </c>
      <c r="H73830" s="1" t="s">
        <v>246771</v>
      </c>
      <c r="I73830" s="1" t="s">
        <v>244917</v>
      </c>
      <c r="J73830" s="1" t="s">
        <v>246794</v>
      </c>
    </row>
    <row r="73831" spans="1:10" x14ac:dyDescent="0.35">
      <c r="A73831" s="1" t="s">
        <v>14755</v>
      </c>
      <c r="B73831" s="1" t="s">
        <v>244913</v>
      </c>
      <c r="C73831" s="1" t="s">
        <v>50</v>
      </c>
      <c r="D73831" s="1" t="s">
        <v>160907</v>
      </c>
      <c r="E73831" s="1" t="s">
        <v>246795</v>
      </c>
      <c r="F73831" s="1" t="s">
        <v>246796</v>
      </c>
      <c r="G73831" s="1" t="s">
        <v>246770</v>
      </c>
      <c r="H73831" s="1" t="s">
        <v>246771</v>
      </c>
      <c r="I73831" s="1" t="s">
        <v>244917</v>
      </c>
      <c r="J73831" s="1" t="s">
        <v>246797</v>
      </c>
    </row>
    <row r="73832" spans="1:10" x14ac:dyDescent="0.35">
      <c r="A73832" s="1" t="s">
        <v>14755</v>
      </c>
      <c r="B73832" s="1" t="s">
        <v>244913</v>
      </c>
      <c r="C73832" s="1" t="s">
        <v>55</v>
      </c>
      <c r="D73832" s="1" t="s">
        <v>14410</v>
      </c>
      <c r="E73832" s="1" t="s">
        <v>246798</v>
      </c>
      <c r="F73832" s="1" t="s">
        <v>246799</v>
      </c>
      <c r="G73832" s="1" t="s">
        <v>246770</v>
      </c>
      <c r="H73832" s="1" t="s">
        <v>246771</v>
      </c>
      <c r="I73832" s="1" t="s">
        <v>244917</v>
      </c>
      <c r="J73832" s="1" t="s">
        <v>246800</v>
      </c>
    </row>
    <row r="73833" spans="1:10" x14ac:dyDescent="0.35">
      <c r="A73833" s="1" t="s">
        <v>14755</v>
      </c>
      <c r="B73833" s="1" t="s">
        <v>244913</v>
      </c>
      <c r="C73833" s="1" t="s">
        <v>60</v>
      </c>
      <c r="D73833" s="1" t="s">
        <v>246801</v>
      </c>
      <c r="E73833" s="1" t="s">
        <v>246802</v>
      </c>
      <c r="F73833" s="1" t="s">
        <v>246803</v>
      </c>
      <c r="G73833" s="1" t="s">
        <v>246770</v>
      </c>
      <c r="H73833" s="1" t="s">
        <v>246771</v>
      </c>
      <c r="I73833" s="1" t="s">
        <v>244917</v>
      </c>
      <c r="J73833" s="1" t="s">
        <v>246804</v>
      </c>
    </row>
    <row r="73834" spans="1:10" x14ac:dyDescent="0.35">
      <c r="A73834" s="1" t="s">
        <v>14755</v>
      </c>
      <c r="B73834" s="1" t="s">
        <v>244913</v>
      </c>
      <c r="C73834" s="1" t="s">
        <v>65</v>
      </c>
      <c r="D73834" s="1" t="s">
        <v>246805</v>
      </c>
      <c r="E73834" s="1" t="s">
        <v>246806</v>
      </c>
      <c r="F73834" s="1" t="s">
        <v>246807</v>
      </c>
      <c r="G73834" s="1" t="s">
        <v>246770</v>
      </c>
      <c r="H73834" s="1" t="s">
        <v>246771</v>
      </c>
      <c r="I73834" s="1" t="s">
        <v>244917</v>
      </c>
      <c r="J73834" s="1" t="s">
        <v>246808</v>
      </c>
    </row>
    <row r="73835" spans="1:10" x14ac:dyDescent="0.35">
      <c r="A73835" s="1" t="s">
        <v>14755</v>
      </c>
      <c r="B73835" s="1" t="s">
        <v>244913</v>
      </c>
      <c r="C73835" s="1" t="s">
        <v>70</v>
      </c>
      <c r="D73835" s="1" t="s">
        <v>187064</v>
      </c>
      <c r="E73835" s="1" t="s">
        <v>246809</v>
      </c>
      <c r="F73835" s="1" t="s">
        <v>246810</v>
      </c>
      <c r="G73835" s="1" t="s">
        <v>246770</v>
      </c>
      <c r="H73835" s="1" t="s">
        <v>246771</v>
      </c>
      <c r="I73835" s="1" t="s">
        <v>244917</v>
      </c>
      <c r="J73835" s="1" t="s">
        <v>246811</v>
      </c>
    </row>
    <row r="73836" spans="1:10" x14ac:dyDescent="0.35">
      <c r="A73836" s="1" t="s">
        <v>14755</v>
      </c>
      <c r="B73836" s="1" t="s">
        <v>244913</v>
      </c>
      <c r="C73836" s="1" t="s">
        <v>75</v>
      </c>
      <c r="D73836" s="1" t="s">
        <v>10678</v>
      </c>
      <c r="E73836" s="1" t="s">
        <v>246812</v>
      </c>
      <c r="F73836" s="1" t="s">
        <v>246813</v>
      </c>
      <c r="G73836" s="1" t="s">
        <v>246770</v>
      </c>
      <c r="H73836" s="1" t="s">
        <v>246771</v>
      </c>
      <c r="I73836" s="1" t="s">
        <v>244917</v>
      </c>
      <c r="J73836" s="1" t="s">
        <v>246814</v>
      </c>
    </row>
    <row r="73837" spans="1:10" x14ac:dyDescent="0.35">
      <c r="A73837" s="1" t="s">
        <v>14755</v>
      </c>
      <c r="B73837" s="1" t="s">
        <v>244913</v>
      </c>
      <c r="C73837" s="1" t="s">
        <v>80</v>
      </c>
      <c r="D73837" s="1" t="s">
        <v>42250</v>
      </c>
      <c r="E73837" s="1" t="s">
        <v>246815</v>
      </c>
      <c r="F73837" s="1" t="s">
        <v>119125</v>
      </c>
      <c r="G73837" s="1" t="s">
        <v>246770</v>
      </c>
      <c r="H73837" s="1" t="s">
        <v>246771</v>
      </c>
      <c r="I73837" s="1" t="s">
        <v>244917</v>
      </c>
      <c r="J73837" s="1" t="s">
        <v>246816</v>
      </c>
    </row>
    <row r="73838" spans="1:10" x14ac:dyDescent="0.35">
      <c r="A73838" s="1" t="s">
        <v>14755</v>
      </c>
      <c r="B73838" s="1" t="s">
        <v>244913</v>
      </c>
      <c r="C73838" s="1" t="s">
        <v>85</v>
      </c>
      <c r="D73838" s="1" t="s">
        <v>104279</v>
      </c>
      <c r="E73838" s="1" t="s">
        <v>246817</v>
      </c>
      <c r="F73838" s="1" t="s">
        <v>246818</v>
      </c>
      <c r="G73838" s="1" t="s">
        <v>246770</v>
      </c>
      <c r="H73838" s="1" t="s">
        <v>246771</v>
      </c>
      <c r="I73838" s="1" t="s">
        <v>244917</v>
      </c>
      <c r="J73838" s="1" t="s">
        <v>246819</v>
      </c>
    </row>
    <row r="73839" spans="1:10" x14ac:dyDescent="0.35">
      <c r="A73839" s="1" t="s">
        <v>14755</v>
      </c>
      <c r="B73839" s="1" t="s">
        <v>244913</v>
      </c>
      <c r="C73839" s="1" t="s">
        <v>90</v>
      </c>
      <c r="D73839" s="1" t="s">
        <v>155018</v>
      </c>
      <c r="E73839" s="1" t="s">
        <v>246820</v>
      </c>
      <c r="F73839" s="1" t="s">
        <v>246821</v>
      </c>
      <c r="G73839" s="1" t="s">
        <v>246770</v>
      </c>
      <c r="H73839" s="1" t="s">
        <v>246771</v>
      </c>
      <c r="I73839" s="1" t="s">
        <v>244917</v>
      </c>
      <c r="J73839" s="1" t="s">
        <v>246822</v>
      </c>
    </row>
    <row r="73840" spans="1:10" x14ac:dyDescent="0.35">
      <c r="A73840" s="1" t="s">
        <v>14755</v>
      </c>
      <c r="B73840" s="1" t="s">
        <v>244913</v>
      </c>
      <c r="C73840" s="1" t="s">
        <v>95</v>
      </c>
      <c r="D73840" s="1" t="s">
        <v>246823</v>
      </c>
      <c r="E73840" s="1" t="s">
        <v>246824</v>
      </c>
      <c r="F73840" s="1" t="s">
        <v>246825</v>
      </c>
      <c r="G73840" s="1" t="s">
        <v>246770</v>
      </c>
      <c r="H73840" s="1" t="s">
        <v>246771</v>
      </c>
      <c r="I73840" s="1" t="s">
        <v>244917</v>
      </c>
      <c r="J73840" s="1" t="s">
        <v>246826</v>
      </c>
    </row>
    <row r="73841" spans="1:10" x14ac:dyDescent="0.35">
      <c r="A73841" s="1" t="s">
        <v>14755</v>
      </c>
      <c r="B73841" s="1" t="s">
        <v>244913</v>
      </c>
      <c r="C73841" s="1" t="s">
        <v>100</v>
      </c>
      <c r="D73841" s="1" t="s">
        <v>150658</v>
      </c>
      <c r="E73841" s="1" t="s">
        <v>246827</v>
      </c>
      <c r="F73841" s="1" t="s">
        <v>246828</v>
      </c>
      <c r="G73841" s="1" t="s">
        <v>246770</v>
      </c>
      <c r="H73841" s="1" t="s">
        <v>246771</v>
      </c>
      <c r="I73841" s="1" t="s">
        <v>244917</v>
      </c>
      <c r="J73841" s="1" t="s">
        <v>246829</v>
      </c>
    </row>
    <row r="73842" spans="1:10" x14ac:dyDescent="0.35">
      <c r="A73842" s="1" t="s">
        <v>14755</v>
      </c>
      <c r="B73842" s="1" t="s">
        <v>244913</v>
      </c>
      <c r="C73842" s="1" t="s">
        <v>105</v>
      </c>
      <c r="D73842" s="1" t="s">
        <v>174116</v>
      </c>
      <c r="E73842" s="1" t="s">
        <v>246830</v>
      </c>
      <c r="F73842" s="1" t="s">
        <v>246831</v>
      </c>
      <c r="G73842" s="1" t="s">
        <v>246770</v>
      </c>
      <c r="H73842" s="1" t="s">
        <v>246771</v>
      </c>
      <c r="I73842" s="1" t="s">
        <v>244917</v>
      </c>
      <c r="J73842" s="1" t="s">
        <v>246832</v>
      </c>
    </row>
    <row r="73843" spans="1:10" x14ac:dyDescent="0.35">
      <c r="A73843" s="1" t="s">
        <v>14755</v>
      </c>
      <c r="B73843" s="1" t="s">
        <v>244913</v>
      </c>
      <c r="C73843" s="1" t="s">
        <v>110</v>
      </c>
      <c r="D73843" s="1" t="s">
        <v>246833</v>
      </c>
      <c r="E73843" s="1" t="s">
        <v>246834</v>
      </c>
      <c r="F73843" s="1" t="s">
        <v>246835</v>
      </c>
      <c r="G73843" s="1" t="s">
        <v>246770</v>
      </c>
      <c r="H73843" s="1" t="s">
        <v>246771</v>
      </c>
      <c r="I73843" s="1" t="s">
        <v>244917</v>
      </c>
      <c r="J73843" s="1" t="s">
        <v>246836</v>
      </c>
    </row>
    <row r="73844" spans="1:10" x14ac:dyDescent="0.35">
      <c r="A73844" s="1" t="s">
        <v>14755</v>
      </c>
      <c r="B73844" s="1" t="s">
        <v>244913</v>
      </c>
      <c r="C73844" s="1" t="s">
        <v>115</v>
      </c>
      <c r="D73844" s="1" t="s">
        <v>9114</v>
      </c>
      <c r="E73844" s="1" t="s">
        <v>246837</v>
      </c>
      <c r="F73844" s="1" t="s">
        <v>246838</v>
      </c>
      <c r="G73844" s="1" t="s">
        <v>246770</v>
      </c>
      <c r="H73844" s="1" t="s">
        <v>246771</v>
      </c>
      <c r="I73844" s="1" t="s">
        <v>244917</v>
      </c>
      <c r="J73844" s="1" t="s">
        <v>246839</v>
      </c>
    </row>
    <row r="73845" spans="1:10" x14ac:dyDescent="0.35">
      <c r="A73845" s="1" t="s">
        <v>14755</v>
      </c>
      <c r="B73845" s="1" t="s">
        <v>244913</v>
      </c>
      <c r="C73845" s="1" t="s">
        <v>120</v>
      </c>
      <c r="D73845" s="1" t="s">
        <v>246840</v>
      </c>
      <c r="E73845" s="1" t="s">
        <v>246841</v>
      </c>
      <c r="F73845" s="1" t="s">
        <v>246842</v>
      </c>
      <c r="G73845" s="1" t="s">
        <v>246770</v>
      </c>
      <c r="H73845" s="1" t="s">
        <v>246771</v>
      </c>
      <c r="I73845" s="1" t="s">
        <v>244917</v>
      </c>
      <c r="J73845" s="1" t="s">
        <v>246843</v>
      </c>
    </row>
    <row r="73846" spans="1:10" x14ac:dyDescent="0.35">
      <c r="A73846" s="1" t="s">
        <v>14755</v>
      </c>
      <c r="B73846" s="1" t="s">
        <v>244913</v>
      </c>
      <c r="C73846" s="1" t="s">
        <v>125</v>
      </c>
      <c r="D73846" s="1" t="s">
        <v>52969</v>
      </c>
      <c r="E73846" s="1" t="s">
        <v>246844</v>
      </c>
      <c r="F73846" s="1" t="s">
        <v>246845</v>
      </c>
      <c r="G73846" s="1" t="s">
        <v>246770</v>
      </c>
      <c r="H73846" s="1" t="s">
        <v>246771</v>
      </c>
      <c r="I73846" s="1" t="s">
        <v>244917</v>
      </c>
      <c r="J73846" s="1" t="s">
        <v>246846</v>
      </c>
    </row>
    <row r="73847" spans="1:10" x14ac:dyDescent="0.35">
      <c r="A73847" s="1" t="s">
        <v>14755</v>
      </c>
      <c r="B73847" s="1" t="s">
        <v>244913</v>
      </c>
      <c r="C73847" s="1" t="s">
        <v>130</v>
      </c>
      <c r="D73847" s="1" t="s">
        <v>47006</v>
      </c>
      <c r="E73847" s="1" t="s">
        <v>246847</v>
      </c>
      <c r="F73847" s="1" t="s">
        <v>246848</v>
      </c>
      <c r="G73847" s="1" t="s">
        <v>246770</v>
      </c>
      <c r="H73847" s="1" t="s">
        <v>246771</v>
      </c>
      <c r="I73847" s="1" t="s">
        <v>244917</v>
      </c>
      <c r="J73847" s="1" t="s">
        <v>246849</v>
      </c>
    </row>
    <row r="73848" spans="1:10" x14ac:dyDescent="0.35">
      <c r="A73848" s="1" t="s">
        <v>14755</v>
      </c>
      <c r="B73848" s="1" t="s">
        <v>244913</v>
      </c>
      <c r="C73848" s="1" t="s">
        <v>135</v>
      </c>
      <c r="D73848" s="1" t="s">
        <v>246850</v>
      </c>
      <c r="E73848" s="1" t="s">
        <v>246851</v>
      </c>
      <c r="F73848" s="1" t="s">
        <v>246852</v>
      </c>
      <c r="G73848" s="1" t="s">
        <v>246770</v>
      </c>
      <c r="H73848" s="1" t="s">
        <v>246771</v>
      </c>
      <c r="I73848" s="1" t="s">
        <v>244917</v>
      </c>
      <c r="J73848" s="1" t="s">
        <v>246853</v>
      </c>
    </row>
    <row r="73849" spans="1:10" x14ac:dyDescent="0.35">
      <c r="A73849" s="1" t="s">
        <v>14755</v>
      </c>
      <c r="B73849" s="1" t="s">
        <v>244913</v>
      </c>
      <c r="C73849" s="1" t="s">
        <v>140</v>
      </c>
      <c r="D73849" s="1" t="s">
        <v>212723</v>
      </c>
      <c r="E73849" s="1" t="s">
        <v>246854</v>
      </c>
      <c r="F73849" s="1" t="s">
        <v>246855</v>
      </c>
      <c r="G73849" s="1" t="s">
        <v>246770</v>
      </c>
      <c r="H73849" s="1" t="s">
        <v>246771</v>
      </c>
      <c r="I73849" s="1" t="s">
        <v>244917</v>
      </c>
      <c r="J73849" s="1" t="s">
        <v>246856</v>
      </c>
    </row>
    <row r="73850" spans="1:10" x14ac:dyDescent="0.35">
      <c r="A73850" s="1" t="s">
        <v>14755</v>
      </c>
      <c r="B73850" s="1" t="s">
        <v>244913</v>
      </c>
      <c r="C73850" s="1" t="s">
        <v>145</v>
      </c>
      <c r="D73850" s="1" t="s">
        <v>32422</v>
      </c>
      <c r="E73850" s="1" t="s">
        <v>246857</v>
      </c>
      <c r="F73850" s="1" t="s">
        <v>246858</v>
      </c>
      <c r="G73850" s="1" t="s">
        <v>246770</v>
      </c>
      <c r="H73850" s="1" t="s">
        <v>246771</v>
      </c>
      <c r="I73850" s="1" t="s">
        <v>244917</v>
      </c>
      <c r="J73850" s="1" t="s">
        <v>246859</v>
      </c>
    </row>
    <row r="73851" spans="1:10" x14ac:dyDescent="0.35">
      <c r="A73851" s="1" t="s">
        <v>14755</v>
      </c>
      <c r="B73851" s="1" t="s">
        <v>244913</v>
      </c>
      <c r="C73851" s="1" t="s">
        <v>150</v>
      </c>
      <c r="D73851" s="1" t="s">
        <v>246860</v>
      </c>
      <c r="E73851" s="1" t="s">
        <v>246861</v>
      </c>
      <c r="F73851" s="1" t="s">
        <v>246862</v>
      </c>
      <c r="G73851" s="1" t="s">
        <v>246770</v>
      </c>
      <c r="H73851" s="1" t="s">
        <v>246771</v>
      </c>
      <c r="I73851" s="1" t="s">
        <v>244917</v>
      </c>
      <c r="J73851" s="1" t="s">
        <v>246863</v>
      </c>
    </row>
    <row r="73852" spans="1:10" x14ac:dyDescent="0.35">
      <c r="A73852" s="1" t="s">
        <v>14755</v>
      </c>
      <c r="B73852" s="1" t="s">
        <v>244913</v>
      </c>
      <c r="C73852" s="1" t="s">
        <v>155</v>
      </c>
      <c r="D73852" s="1" t="s">
        <v>38855</v>
      </c>
      <c r="E73852" s="1" t="s">
        <v>246864</v>
      </c>
      <c r="F73852" s="1" t="s">
        <v>246865</v>
      </c>
      <c r="G73852" s="1" t="s">
        <v>246770</v>
      </c>
      <c r="H73852" s="1" t="s">
        <v>246771</v>
      </c>
      <c r="I73852" s="1" t="s">
        <v>244917</v>
      </c>
      <c r="J73852" s="1" t="s">
        <v>246866</v>
      </c>
    </row>
    <row r="73853" spans="1:10" x14ac:dyDescent="0.35">
      <c r="A73853" s="1" t="s">
        <v>14755</v>
      </c>
      <c r="B73853" s="1" t="s">
        <v>244913</v>
      </c>
      <c r="C73853" s="1" t="s">
        <v>160</v>
      </c>
      <c r="D73853" s="1" t="s">
        <v>156908</v>
      </c>
      <c r="E73853" s="1" t="s">
        <v>246867</v>
      </c>
      <c r="F73853" s="1" t="s">
        <v>246868</v>
      </c>
      <c r="G73853" s="1" t="s">
        <v>246770</v>
      </c>
      <c r="H73853" s="1" t="s">
        <v>246771</v>
      </c>
      <c r="I73853" s="1" t="s">
        <v>244917</v>
      </c>
      <c r="J73853" s="1" t="s">
        <v>246869</v>
      </c>
    </row>
    <row r="73854" spans="1:10" x14ac:dyDescent="0.35">
      <c r="A73854" s="1" t="s">
        <v>14755</v>
      </c>
      <c r="B73854" s="1" t="s">
        <v>244913</v>
      </c>
      <c r="C73854" s="1" t="s">
        <v>165</v>
      </c>
      <c r="D73854" s="1" t="s">
        <v>204887</v>
      </c>
      <c r="E73854" s="1" t="s">
        <v>246870</v>
      </c>
      <c r="F73854" s="1" t="s">
        <v>246871</v>
      </c>
      <c r="G73854" s="1" t="s">
        <v>246770</v>
      </c>
      <c r="H73854" s="1" t="s">
        <v>246771</v>
      </c>
      <c r="I73854" s="1" t="s">
        <v>244917</v>
      </c>
      <c r="J73854" s="1" t="s">
        <v>246872</v>
      </c>
    </row>
    <row r="73855" spans="1:10" x14ac:dyDescent="0.35">
      <c r="A73855" s="1" t="s">
        <v>14755</v>
      </c>
      <c r="B73855" s="1" t="s">
        <v>244913</v>
      </c>
      <c r="C73855" s="1" t="s">
        <v>170</v>
      </c>
      <c r="D73855" s="1" t="s">
        <v>111661</v>
      </c>
      <c r="E73855" s="1" t="s">
        <v>246873</v>
      </c>
      <c r="F73855" s="1" t="s">
        <v>246874</v>
      </c>
      <c r="G73855" s="1" t="s">
        <v>246770</v>
      </c>
      <c r="H73855" s="1" t="s">
        <v>246771</v>
      </c>
      <c r="I73855" s="1" t="s">
        <v>244917</v>
      </c>
      <c r="J73855" s="1" t="s">
        <v>246875</v>
      </c>
    </row>
    <row r="73856" spans="1:10" x14ac:dyDescent="0.35">
      <c r="A73856" s="1" t="s">
        <v>109585</v>
      </c>
      <c r="B73856" s="1" t="s">
        <v>244913</v>
      </c>
      <c r="C73856" s="1" t="s">
        <v>8</v>
      </c>
      <c r="D73856" s="1" t="s">
        <v>246876</v>
      </c>
      <c r="E73856" s="1" t="s">
        <v>246877</v>
      </c>
      <c r="F73856" s="1" t="s">
        <v>246878</v>
      </c>
      <c r="G73856" s="1" t="s">
        <v>246879</v>
      </c>
      <c r="H73856" s="1" t="s">
        <v>246880</v>
      </c>
      <c r="I73856" s="1" t="s">
        <v>244917</v>
      </c>
      <c r="J73856" s="1" t="s">
        <v>13</v>
      </c>
    </row>
    <row r="73857" spans="1:10" x14ac:dyDescent="0.35">
      <c r="A73857" s="1" t="s">
        <v>109585</v>
      </c>
      <c r="B73857" s="1" t="s">
        <v>244913</v>
      </c>
      <c r="C73857" s="1" t="s">
        <v>15</v>
      </c>
      <c r="D73857" s="1" t="s">
        <v>114404</v>
      </c>
      <c r="E73857" s="1" t="s">
        <v>246881</v>
      </c>
      <c r="F73857" s="1" t="s">
        <v>246882</v>
      </c>
      <c r="G73857" s="1" t="s">
        <v>246879</v>
      </c>
      <c r="H73857" s="1" t="s">
        <v>246880</v>
      </c>
      <c r="I73857" s="1" t="s">
        <v>244917</v>
      </c>
      <c r="J73857" s="1" t="s">
        <v>246883</v>
      </c>
    </row>
    <row r="73858" spans="1:10" x14ac:dyDescent="0.35">
      <c r="A73858" s="1" t="s">
        <v>109585</v>
      </c>
      <c r="B73858" s="1" t="s">
        <v>244913</v>
      </c>
      <c r="C73858" s="1" t="s">
        <v>20</v>
      </c>
      <c r="D73858" s="1" t="s">
        <v>123730</v>
      </c>
      <c r="E73858" s="1" t="s">
        <v>246884</v>
      </c>
      <c r="F73858" s="1" t="s">
        <v>246885</v>
      </c>
      <c r="G73858" s="1" t="s">
        <v>246879</v>
      </c>
      <c r="H73858" s="1" t="s">
        <v>246880</v>
      </c>
      <c r="I73858" s="1" t="s">
        <v>244917</v>
      </c>
      <c r="J73858" s="1" t="s">
        <v>246886</v>
      </c>
    </row>
    <row r="73859" spans="1:10" x14ac:dyDescent="0.35">
      <c r="A73859" s="1" t="s">
        <v>109585</v>
      </c>
      <c r="B73859" s="1" t="s">
        <v>244913</v>
      </c>
      <c r="C73859" s="1" t="s">
        <v>25</v>
      </c>
      <c r="D73859" s="1" t="s">
        <v>114407</v>
      </c>
      <c r="E73859" s="1" t="s">
        <v>246887</v>
      </c>
      <c r="F73859" s="1" t="s">
        <v>246888</v>
      </c>
      <c r="G73859" s="1" t="s">
        <v>246879</v>
      </c>
      <c r="H73859" s="1" t="s">
        <v>246880</v>
      </c>
      <c r="I73859" s="1" t="s">
        <v>244917</v>
      </c>
      <c r="J73859" s="1" t="s">
        <v>246889</v>
      </c>
    </row>
    <row r="73860" spans="1:10" x14ac:dyDescent="0.35">
      <c r="A73860" s="1" t="s">
        <v>109585</v>
      </c>
      <c r="B73860" s="1" t="s">
        <v>244913</v>
      </c>
      <c r="C73860" s="1" t="s">
        <v>30</v>
      </c>
      <c r="D73860" s="1" t="s">
        <v>114839</v>
      </c>
      <c r="E73860" s="1" t="s">
        <v>246890</v>
      </c>
      <c r="F73860" s="1" t="s">
        <v>246891</v>
      </c>
      <c r="G73860" s="1" t="s">
        <v>246879</v>
      </c>
      <c r="H73860" s="1" t="s">
        <v>246880</v>
      </c>
      <c r="I73860" s="1" t="s">
        <v>244917</v>
      </c>
      <c r="J73860" s="1" t="s">
        <v>246892</v>
      </c>
    </row>
    <row r="73861" spans="1:10" x14ac:dyDescent="0.35">
      <c r="A73861" s="1" t="s">
        <v>109585</v>
      </c>
      <c r="B73861" s="1" t="s">
        <v>244913</v>
      </c>
      <c r="C73861" s="1" t="s">
        <v>35</v>
      </c>
      <c r="D73861" s="1" t="s">
        <v>210056</v>
      </c>
      <c r="E73861" s="1" t="s">
        <v>246893</v>
      </c>
      <c r="F73861" s="1" t="s">
        <v>246894</v>
      </c>
      <c r="G73861" s="1" t="s">
        <v>246879</v>
      </c>
      <c r="H73861" s="1" t="s">
        <v>246880</v>
      </c>
      <c r="I73861" s="1" t="s">
        <v>244917</v>
      </c>
      <c r="J73861" s="1" t="s">
        <v>246895</v>
      </c>
    </row>
    <row r="73862" spans="1:10" x14ac:dyDescent="0.35">
      <c r="A73862" s="1" t="s">
        <v>109585</v>
      </c>
      <c r="B73862" s="1" t="s">
        <v>244913</v>
      </c>
      <c r="C73862" s="1" t="s">
        <v>40</v>
      </c>
      <c r="D73862" s="1" t="s">
        <v>83554</v>
      </c>
      <c r="E73862" s="1" t="s">
        <v>246896</v>
      </c>
      <c r="F73862" s="1" t="s">
        <v>246897</v>
      </c>
      <c r="G73862" s="1" t="s">
        <v>246879</v>
      </c>
      <c r="H73862" s="1" t="s">
        <v>246880</v>
      </c>
      <c r="I73862" s="1" t="s">
        <v>244917</v>
      </c>
      <c r="J73862" s="1" t="s">
        <v>246898</v>
      </c>
    </row>
    <row r="73863" spans="1:10" x14ac:dyDescent="0.35">
      <c r="A73863" s="1" t="s">
        <v>109585</v>
      </c>
      <c r="B73863" s="1" t="s">
        <v>244913</v>
      </c>
      <c r="C73863" s="1" t="s">
        <v>45</v>
      </c>
      <c r="D73863" s="1" t="s">
        <v>18907</v>
      </c>
      <c r="E73863" s="1" t="s">
        <v>246899</v>
      </c>
      <c r="F73863" s="1" t="s">
        <v>246900</v>
      </c>
      <c r="G73863" s="1" t="s">
        <v>246879</v>
      </c>
      <c r="H73863" s="1" t="s">
        <v>246880</v>
      </c>
      <c r="I73863" s="1" t="s">
        <v>244917</v>
      </c>
      <c r="J73863" s="1" t="s">
        <v>246901</v>
      </c>
    </row>
    <row r="73864" spans="1:10" x14ac:dyDescent="0.35">
      <c r="A73864" s="1" t="s">
        <v>109585</v>
      </c>
      <c r="B73864" s="1" t="s">
        <v>244913</v>
      </c>
      <c r="C73864" s="1" t="s">
        <v>50</v>
      </c>
      <c r="D73864" s="1" t="s">
        <v>222151</v>
      </c>
      <c r="E73864" s="1" t="s">
        <v>246902</v>
      </c>
      <c r="F73864" s="1" t="s">
        <v>246903</v>
      </c>
      <c r="G73864" s="1" t="s">
        <v>246879</v>
      </c>
      <c r="H73864" s="1" t="s">
        <v>246880</v>
      </c>
      <c r="I73864" s="1" t="s">
        <v>244917</v>
      </c>
      <c r="J73864" s="1" t="s">
        <v>246904</v>
      </c>
    </row>
    <row r="73865" spans="1:10" x14ac:dyDescent="0.35">
      <c r="A73865" s="1" t="s">
        <v>109585</v>
      </c>
      <c r="B73865" s="1" t="s">
        <v>244913</v>
      </c>
      <c r="C73865" s="1" t="s">
        <v>55</v>
      </c>
      <c r="D73865" s="1" t="s">
        <v>160820</v>
      </c>
      <c r="E73865" s="1" t="s">
        <v>246905</v>
      </c>
      <c r="F73865" s="1" t="s">
        <v>246906</v>
      </c>
      <c r="G73865" s="1" t="s">
        <v>246879</v>
      </c>
      <c r="H73865" s="1" t="s">
        <v>246880</v>
      </c>
      <c r="I73865" s="1" t="s">
        <v>244917</v>
      </c>
      <c r="J73865" s="1" t="s">
        <v>246907</v>
      </c>
    </row>
    <row r="73866" spans="1:10" x14ac:dyDescent="0.35">
      <c r="A73866" s="1" t="s">
        <v>109585</v>
      </c>
      <c r="B73866" s="1" t="s">
        <v>244913</v>
      </c>
      <c r="C73866" s="1" t="s">
        <v>60</v>
      </c>
      <c r="D73866" s="1" t="s">
        <v>83123</v>
      </c>
      <c r="E73866" s="1" t="s">
        <v>246908</v>
      </c>
      <c r="F73866" s="1" t="s">
        <v>246909</v>
      </c>
      <c r="G73866" s="1" t="s">
        <v>246879</v>
      </c>
      <c r="H73866" s="1" t="s">
        <v>246880</v>
      </c>
      <c r="I73866" s="1" t="s">
        <v>244917</v>
      </c>
      <c r="J73866" s="1" t="s">
        <v>246910</v>
      </c>
    </row>
    <row r="73867" spans="1:10" x14ac:dyDescent="0.35">
      <c r="A73867" s="1" t="s">
        <v>109585</v>
      </c>
      <c r="B73867" s="1" t="s">
        <v>244913</v>
      </c>
      <c r="C73867" s="1" t="s">
        <v>65</v>
      </c>
      <c r="D73867" s="1" t="s">
        <v>193515</v>
      </c>
      <c r="E73867" s="1" t="s">
        <v>246911</v>
      </c>
      <c r="F73867" s="1" t="s">
        <v>246912</v>
      </c>
      <c r="G73867" s="1" t="s">
        <v>246879</v>
      </c>
      <c r="H73867" s="1" t="s">
        <v>246880</v>
      </c>
      <c r="I73867" s="1" t="s">
        <v>244917</v>
      </c>
      <c r="J73867" s="1" t="s">
        <v>246913</v>
      </c>
    </row>
    <row r="73868" spans="1:10" x14ac:dyDescent="0.35">
      <c r="A73868" s="1" t="s">
        <v>109585</v>
      </c>
      <c r="B73868" s="1" t="s">
        <v>244913</v>
      </c>
      <c r="C73868" s="1" t="s">
        <v>70</v>
      </c>
      <c r="D73868" s="1" t="s">
        <v>19844</v>
      </c>
      <c r="E73868" s="1" t="s">
        <v>246914</v>
      </c>
      <c r="F73868" s="1" t="s">
        <v>246915</v>
      </c>
      <c r="G73868" s="1" t="s">
        <v>246879</v>
      </c>
      <c r="H73868" s="1" t="s">
        <v>246880</v>
      </c>
      <c r="I73868" s="1" t="s">
        <v>244917</v>
      </c>
      <c r="J73868" s="1" t="s">
        <v>246916</v>
      </c>
    </row>
    <row r="73869" spans="1:10" x14ac:dyDescent="0.35">
      <c r="A73869" s="1" t="s">
        <v>109585</v>
      </c>
      <c r="B73869" s="1" t="s">
        <v>244913</v>
      </c>
      <c r="C73869" s="1" t="s">
        <v>75</v>
      </c>
      <c r="D73869" s="1" t="s">
        <v>194847</v>
      </c>
      <c r="E73869" s="1" t="s">
        <v>246917</v>
      </c>
      <c r="F73869" s="1" t="s">
        <v>246918</v>
      </c>
      <c r="G73869" s="1" t="s">
        <v>246879</v>
      </c>
      <c r="H73869" s="1" t="s">
        <v>246880</v>
      </c>
      <c r="I73869" s="1" t="s">
        <v>244917</v>
      </c>
      <c r="J73869" s="1" t="s">
        <v>246919</v>
      </c>
    </row>
    <row r="73870" spans="1:10" x14ac:dyDescent="0.35">
      <c r="A73870" s="1" t="s">
        <v>109585</v>
      </c>
      <c r="B73870" s="1" t="s">
        <v>244913</v>
      </c>
      <c r="C73870" s="1" t="s">
        <v>80</v>
      </c>
      <c r="D73870" s="1" t="s">
        <v>173980</v>
      </c>
      <c r="E73870" s="1" t="s">
        <v>246920</v>
      </c>
      <c r="F73870" s="1" t="s">
        <v>246921</v>
      </c>
      <c r="G73870" s="1" t="s">
        <v>246879</v>
      </c>
      <c r="H73870" s="1" t="s">
        <v>246880</v>
      </c>
      <c r="I73870" s="1" t="s">
        <v>244917</v>
      </c>
      <c r="J73870" s="1" t="s">
        <v>246922</v>
      </c>
    </row>
    <row r="73871" spans="1:10" x14ac:dyDescent="0.35">
      <c r="A73871" s="1" t="s">
        <v>109585</v>
      </c>
      <c r="B73871" s="1" t="s">
        <v>244913</v>
      </c>
      <c r="C73871" s="1" t="s">
        <v>85</v>
      </c>
      <c r="D73871" s="1" t="s">
        <v>10421</v>
      </c>
      <c r="E73871" s="1" t="s">
        <v>246923</v>
      </c>
      <c r="F73871" s="1" t="s">
        <v>246924</v>
      </c>
      <c r="G73871" s="1" t="s">
        <v>246879</v>
      </c>
      <c r="H73871" s="1" t="s">
        <v>246880</v>
      </c>
      <c r="I73871" s="1" t="s">
        <v>244917</v>
      </c>
      <c r="J73871" s="1" t="s">
        <v>246925</v>
      </c>
    </row>
    <row r="73872" spans="1:10" x14ac:dyDescent="0.35">
      <c r="A73872" s="1" t="s">
        <v>109585</v>
      </c>
      <c r="B73872" s="1" t="s">
        <v>244913</v>
      </c>
      <c r="C73872" s="1" t="s">
        <v>90</v>
      </c>
      <c r="D73872" s="1" t="s">
        <v>185610</v>
      </c>
      <c r="E73872" s="1" t="s">
        <v>246926</v>
      </c>
      <c r="F73872" s="1" t="s">
        <v>246927</v>
      </c>
      <c r="G73872" s="1" t="s">
        <v>246879</v>
      </c>
      <c r="H73872" s="1" t="s">
        <v>246880</v>
      </c>
      <c r="I73872" s="1" t="s">
        <v>244917</v>
      </c>
      <c r="J73872" s="1" t="s">
        <v>246928</v>
      </c>
    </row>
    <row r="73873" spans="1:10" x14ac:dyDescent="0.35">
      <c r="A73873" s="1" t="s">
        <v>109585</v>
      </c>
      <c r="B73873" s="1" t="s">
        <v>244913</v>
      </c>
      <c r="C73873" s="1" t="s">
        <v>95</v>
      </c>
      <c r="D73873" s="1" t="s">
        <v>246929</v>
      </c>
      <c r="E73873" s="1" t="s">
        <v>246930</v>
      </c>
      <c r="F73873" s="1" t="s">
        <v>246931</v>
      </c>
      <c r="G73873" s="1" t="s">
        <v>246879</v>
      </c>
      <c r="H73873" s="1" t="s">
        <v>246880</v>
      </c>
      <c r="I73873" s="1" t="s">
        <v>244917</v>
      </c>
      <c r="J73873" s="1" t="s">
        <v>246932</v>
      </c>
    </row>
    <row r="73874" spans="1:10" x14ac:dyDescent="0.35">
      <c r="A73874" s="1" t="s">
        <v>109585</v>
      </c>
      <c r="B73874" s="1" t="s">
        <v>244913</v>
      </c>
      <c r="C73874" s="1" t="s">
        <v>100</v>
      </c>
      <c r="D73874" s="1" t="s">
        <v>246933</v>
      </c>
      <c r="E73874" s="1" t="s">
        <v>246934</v>
      </c>
      <c r="F73874" s="1" t="s">
        <v>246935</v>
      </c>
      <c r="G73874" s="1" t="s">
        <v>246879</v>
      </c>
      <c r="H73874" s="1" t="s">
        <v>246880</v>
      </c>
      <c r="I73874" s="1" t="s">
        <v>244917</v>
      </c>
      <c r="J73874" s="1" t="s">
        <v>246936</v>
      </c>
    </row>
    <row r="73875" spans="1:10" x14ac:dyDescent="0.35">
      <c r="A73875" s="1" t="s">
        <v>109585</v>
      </c>
      <c r="B73875" s="1" t="s">
        <v>244913</v>
      </c>
      <c r="C73875" s="1" t="s">
        <v>105</v>
      </c>
      <c r="D73875" s="1" t="s">
        <v>175285</v>
      </c>
      <c r="E73875" s="1" t="s">
        <v>246937</v>
      </c>
      <c r="F73875" s="1" t="s">
        <v>246938</v>
      </c>
      <c r="G73875" s="1" t="s">
        <v>246879</v>
      </c>
      <c r="H73875" s="1" t="s">
        <v>246880</v>
      </c>
      <c r="I73875" s="1" t="s">
        <v>244917</v>
      </c>
      <c r="J73875" s="1" t="s">
        <v>246939</v>
      </c>
    </row>
    <row r="73876" spans="1:10" x14ac:dyDescent="0.35">
      <c r="A73876" s="1" t="s">
        <v>109585</v>
      </c>
      <c r="B73876" s="1" t="s">
        <v>244913</v>
      </c>
      <c r="C73876" s="1" t="s">
        <v>110</v>
      </c>
      <c r="D73876" s="1" t="s">
        <v>126161</v>
      </c>
      <c r="E73876" s="1" t="s">
        <v>246940</v>
      </c>
      <c r="F73876" s="1" t="s">
        <v>246941</v>
      </c>
      <c r="G73876" s="1" t="s">
        <v>246879</v>
      </c>
      <c r="H73876" s="1" t="s">
        <v>246880</v>
      </c>
      <c r="I73876" s="1" t="s">
        <v>244917</v>
      </c>
      <c r="J73876" s="1" t="s">
        <v>246942</v>
      </c>
    </row>
    <row r="73877" spans="1:10" x14ac:dyDescent="0.35">
      <c r="A73877" s="1" t="s">
        <v>109585</v>
      </c>
      <c r="B73877" s="1" t="s">
        <v>244913</v>
      </c>
      <c r="C73877" s="1" t="s">
        <v>115</v>
      </c>
      <c r="D73877" s="1" t="s">
        <v>173606</v>
      </c>
      <c r="E73877" s="1" t="s">
        <v>246943</v>
      </c>
      <c r="F73877" s="1" t="s">
        <v>246944</v>
      </c>
      <c r="G73877" s="1" t="s">
        <v>246879</v>
      </c>
      <c r="H73877" s="1" t="s">
        <v>246880</v>
      </c>
      <c r="I73877" s="1" t="s">
        <v>244917</v>
      </c>
      <c r="J73877" s="1" t="s">
        <v>246945</v>
      </c>
    </row>
    <row r="73878" spans="1:10" x14ac:dyDescent="0.35">
      <c r="A73878" s="1" t="s">
        <v>109585</v>
      </c>
      <c r="B73878" s="1" t="s">
        <v>244913</v>
      </c>
      <c r="C73878" s="1" t="s">
        <v>120</v>
      </c>
      <c r="D73878" s="1" t="s">
        <v>246946</v>
      </c>
      <c r="E73878" s="1" t="s">
        <v>246947</v>
      </c>
      <c r="F73878" s="1" t="s">
        <v>246948</v>
      </c>
      <c r="G73878" s="1" t="s">
        <v>246879</v>
      </c>
      <c r="H73878" s="1" t="s">
        <v>246880</v>
      </c>
      <c r="I73878" s="1" t="s">
        <v>244917</v>
      </c>
      <c r="J73878" s="1" t="s">
        <v>246949</v>
      </c>
    </row>
    <row r="73879" spans="1:10" x14ac:dyDescent="0.35">
      <c r="A73879" s="1" t="s">
        <v>109585</v>
      </c>
      <c r="B73879" s="1" t="s">
        <v>244913</v>
      </c>
      <c r="C73879" s="1" t="s">
        <v>125</v>
      </c>
      <c r="D73879" s="1" t="s">
        <v>33880</v>
      </c>
      <c r="E73879" s="1" t="s">
        <v>246950</v>
      </c>
      <c r="F73879" s="1" t="s">
        <v>246951</v>
      </c>
      <c r="G73879" s="1" t="s">
        <v>246879</v>
      </c>
      <c r="H73879" s="1" t="s">
        <v>246880</v>
      </c>
      <c r="I73879" s="1" t="s">
        <v>244917</v>
      </c>
      <c r="J73879" s="1" t="s">
        <v>246952</v>
      </c>
    </row>
    <row r="73880" spans="1:10" x14ac:dyDescent="0.35">
      <c r="A73880" s="1" t="s">
        <v>109585</v>
      </c>
      <c r="B73880" s="1" t="s">
        <v>244913</v>
      </c>
      <c r="C73880" s="1" t="s">
        <v>130</v>
      </c>
      <c r="D73880" s="1" t="s">
        <v>246953</v>
      </c>
      <c r="E73880" s="1" t="s">
        <v>246954</v>
      </c>
      <c r="F73880" s="1" t="s">
        <v>246955</v>
      </c>
      <c r="G73880" s="1" t="s">
        <v>246879</v>
      </c>
      <c r="H73880" s="1" t="s">
        <v>246880</v>
      </c>
      <c r="I73880" s="1" t="s">
        <v>244917</v>
      </c>
      <c r="J73880" s="1" t="s">
        <v>246956</v>
      </c>
    </row>
    <row r="73881" spans="1:10" x14ac:dyDescent="0.35">
      <c r="A73881" s="1" t="s">
        <v>109585</v>
      </c>
      <c r="B73881" s="1" t="s">
        <v>244913</v>
      </c>
      <c r="C73881" s="1" t="s">
        <v>135</v>
      </c>
      <c r="D73881" s="1" t="s">
        <v>184638</v>
      </c>
      <c r="E73881" s="1" t="s">
        <v>246957</v>
      </c>
      <c r="F73881" s="1" t="s">
        <v>246958</v>
      </c>
      <c r="G73881" s="1" t="s">
        <v>246879</v>
      </c>
      <c r="H73881" s="1" t="s">
        <v>246880</v>
      </c>
      <c r="I73881" s="1" t="s">
        <v>244917</v>
      </c>
      <c r="J73881" s="1" t="s">
        <v>246959</v>
      </c>
    </row>
    <row r="73882" spans="1:10" x14ac:dyDescent="0.35">
      <c r="A73882" s="1" t="s">
        <v>109585</v>
      </c>
      <c r="B73882" s="1" t="s">
        <v>244913</v>
      </c>
      <c r="C73882" s="1" t="s">
        <v>140</v>
      </c>
      <c r="D73882" s="1" t="s">
        <v>11856</v>
      </c>
      <c r="E73882" s="1" t="s">
        <v>246960</v>
      </c>
      <c r="F73882" s="1" t="s">
        <v>246961</v>
      </c>
      <c r="G73882" s="1" t="s">
        <v>246879</v>
      </c>
      <c r="H73882" s="1" t="s">
        <v>246880</v>
      </c>
      <c r="I73882" s="1" t="s">
        <v>244917</v>
      </c>
      <c r="J73882" s="1" t="s">
        <v>246962</v>
      </c>
    </row>
    <row r="73883" spans="1:10" x14ac:dyDescent="0.35">
      <c r="A73883" s="1" t="s">
        <v>109585</v>
      </c>
      <c r="B73883" s="1" t="s">
        <v>244913</v>
      </c>
      <c r="C73883" s="1" t="s">
        <v>145</v>
      </c>
      <c r="D73883" s="1" t="s">
        <v>50330</v>
      </c>
      <c r="E73883" s="1" t="s">
        <v>246963</v>
      </c>
      <c r="F73883" s="1" t="s">
        <v>246964</v>
      </c>
      <c r="G73883" s="1" t="s">
        <v>246879</v>
      </c>
      <c r="H73883" s="1" t="s">
        <v>246880</v>
      </c>
      <c r="I73883" s="1" t="s">
        <v>244917</v>
      </c>
      <c r="J73883" s="1" t="s">
        <v>246965</v>
      </c>
    </row>
    <row r="73884" spans="1:10" x14ac:dyDescent="0.35">
      <c r="A73884" s="1" t="s">
        <v>109585</v>
      </c>
      <c r="B73884" s="1" t="s">
        <v>244913</v>
      </c>
      <c r="C73884" s="1" t="s">
        <v>150</v>
      </c>
      <c r="D73884" s="1" t="s">
        <v>46272</v>
      </c>
      <c r="E73884" s="1" t="s">
        <v>246966</v>
      </c>
      <c r="F73884" s="1" t="s">
        <v>246967</v>
      </c>
      <c r="G73884" s="1" t="s">
        <v>246879</v>
      </c>
      <c r="H73884" s="1" t="s">
        <v>246880</v>
      </c>
      <c r="I73884" s="1" t="s">
        <v>244917</v>
      </c>
      <c r="J73884" s="1" t="s">
        <v>246968</v>
      </c>
    </row>
    <row r="73885" spans="1:10" x14ac:dyDescent="0.35">
      <c r="A73885" s="1" t="s">
        <v>109585</v>
      </c>
      <c r="B73885" s="1" t="s">
        <v>244913</v>
      </c>
      <c r="C73885" s="1" t="s">
        <v>155</v>
      </c>
      <c r="D73885" s="1" t="s">
        <v>15255</v>
      </c>
      <c r="E73885" s="1" t="s">
        <v>246969</v>
      </c>
      <c r="F73885" s="1" t="s">
        <v>246970</v>
      </c>
      <c r="G73885" s="1" t="s">
        <v>246879</v>
      </c>
      <c r="H73885" s="1" t="s">
        <v>246880</v>
      </c>
      <c r="I73885" s="1" t="s">
        <v>244917</v>
      </c>
      <c r="J73885" s="1" t="s">
        <v>246971</v>
      </c>
    </row>
    <row r="73886" spans="1:10" x14ac:dyDescent="0.35">
      <c r="A73886" s="1" t="s">
        <v>109585</v>
      </c>
      <c r="B73886" s="1" t="s">
        <v>244913</v>
      </c>
      <c r="C73886" s="1" t="s">
        <v>160</v>
      </c>
      <c r="D73886" s="1" t="s">
        <v>6608</v>
      </c>
      <c r="E73886" s="1" t="s">
        <v>246972</v>
      </c>
      <c r="F73886" s="1" t="s">
        <v>246973</v>
      </c>
      <c r="G73886" s="1" t="s">
        <v>246879</v>
      </c>
      <c r="H73886" s="1" t="s">
        <v>246880</v>
      </c>
      <c r="I73886" s="1" t="s">
        <v>244917</v>
      </c>
      <c r="J73886" s="1" t="s">
        <v>246974</v>
      </c>
    </row>
    <row r="73887" spans="1:10" x14ac:dyDescent="0.35">
      <c r="A73887" s="1" t="s">
        <v>109585</v>
      </c>
      <c r="B73887" s="1" t="s">
        <v>244913</v>
      </c>
      <c r="C73887" s="1" t="s">
        <v>165</v>
      </c>
      <c r="D73887" s="1" t="s">
        <v>118904</v>
      </c>
      <c r="E73887" s="1" t="s">
        <v>246975</v>
      </c>
      <c r="F73887" s="1" t="s">
        <v>246976</v>
      </c>
      <c r="G73887" s="1" t="s">
        <v>246879</v>
      </c>
      <c r="H73887" s="1" t="s">
        <v>246880</v>
      </c>
      <c r="I73887" s="1" t="s">
        <v>244917</v>
      </c>
      <c r="J73887" s="1" t="s">
        <v>246977</v>
      </c>
    </row>
    <row r="73888" spans="1:10" x14ac:dyDescent="0.35">
      <c r="A73888" s="1" t="s">
        <v>109585</v>
      </c>
      <c r="B73888" s="1" t="s">
        <v>244913</v>
      </c>
      <c r="C73888" s="1" t="s">
        <v>170</v>
      </c>
      <c r="D73888" s="1" t="s">
        <v>245441</v>
      </c>
      <c r="E73888" s="1" t="s">
        <v>246978</v>
      </c>
      <c r="F73888" s="1" t="s">
        <v>246976</v>
      </c>
      <c r="G73888" s="1" t="s">
        <v>246879</v>
      </c>
      <c r="H73888" s="1" t="s">
        <v>246880</v>
      </c>
      <c r="I73888" s="1" t="s">
        <v>244917</v>
      </c>
      <c r="J73888" s="1" t="s">
        <v>246979</v>
      </c>
    </row>
    <row r="73889" spans="1:10" x14ac:dyDescent="0.35">
      <c r="A73889" s="1" t="s">
        <v>117028</v>
      </c>
      <c r="B73889" s="1" t="s">
        <v>244913</v>
      </c>
      <c r="C73889" s="1" t="s">
        <v>8</v>
      </c>
      <c r="D73889" s="1" t="s">
        <v>246173</v>
      </c>
      <c r="E73889" s="1" t="s">
        <v>246980</v>
      </c>
      <c r="F73889" s="1" t="s">
        <v>246981</v>
      </c>
      <c r="G73889" s="1" t="s">
        <v>246982</v>
      </c>
      <c r="H73889" s="1" t="s">
        <v>246983</v>
      </c>
      <c r="I73889" s="1" t="s">
        <v>244917</v>
      </c>
      <c r="J73889" s="1" t="s">
        <v>13</v>
      </c>
    </row>
    <row r="73890" spans="1:10" x14ac:dyDescent="0.35">
      <c r="A73890" s="1" t="s">
        <v>117028</v>
      </c>
      <c r="B73890" s="1" t="s">
        <v>244913</v>
      </c>
      <c r="C73890" s="1" t="s">
        <v>15</v>
      </c>
      <c r="D73890" s="1" t="s">
        <v>159565</v>
      </c>
      <c r="E73890" s="1" t="s">
        <v>246984</v>
      </c>
      <c r="F73890" s="1" t="s">
        <v>246985</v>
      </c>
      <c r="G73890" s="1" t="s">
        <v>246982</v>
      </c>
      <c r="H73890" s="1" t="s">
        <v>246983</v>
      </c>
      <c r="I73890" s="1" t="s">
        <v>244917</v>
      </c>
      <c r="J73890" s="1" t="s">
        <v>246180</v>
      </c>
    </row>
    <row r="73891" spans="1:10" x14ac:dyDescent="0.35">
      <c r="A73891" s="1" t="s">
        <v>117028</v>
      </c>
      <c r="B73891" s="1" t="s">
        <v>244913</v>
      </c>
      <c r="C73891" s="1" t="s">
        <v>20</v>
      </c>
      <c r="D73891" s="1" t="s">
        <v>246181</v>
      </c>
      <c r="E73891" s="1" t="s">
        <v>246986</v>
      </c>
      <c r="F73891" s="1" t="s">
        <v>246987</v>
      </c>
      <c r="G73891" s="1" t="s">
        <v>246982</v>
      </c>
      <c r="H73891" s="1" t="s">
        <v>246983</v>
      </c>
      <c r="I73891" s="1" t="s">
        <v>244917</v>
      </c>
      <c r="J73891" s="1" t="s">
        <v>246184</v>
      </c>
    </row>
    <row r="73892" spans="1:10" x14ac:dyDescent="0.35">
      <c r="A73892" s="1" t="s">
        <v>117028</v>
      </c>
      <c r="B73892" s="1" t="s">
        <v>244913</v>
      </c>
      <c r="C73892" s="1" t="s">
        <v>25</v>
      </c>
      <c r="D73892" s="1" t="s">
        <v>246185</v>
      </c>
      <c r="E73892" s="1" t="s">
        <v>246988</v>
      </c>
      <c r="F73892" s="1" t="s">
        <v>246989</v>
      </c>
      <c r="G73892" s="1" t="s">
        <v>246982</v>
      </c>
      <c r="H73892" s="1" t="s">
        <v>246983</v>
      </c>
      <c r="I73892" s="1" t="s">
        <v>244917</v>
      </c>
      <c r="J73892" s="1" t="s">
        <v>246188</v>
      </c>
    </row>
    <row r="73893" spans="1:10" x14ac:dyDescent="0.35">
      <c r="A73893" s="1" t="s">
        <v>117028</v>
      </c>
      <c r="B73893" s="1" t="s">
        <v>244913</v>
      </c>
      <c r="C73893" s="1" t="s">
        <v>30</v>
      </c>
      <c r="D73893" s="1" t="s">
        <v>246189</v>
      </c>
      <c r="E73893" s="1" t="s">
        <v>246990</v>
      </c>
      <c r="F73893" s="1" t="s">
        <v>246991</v>
      </c>
      <c r="G73893" s="1" t="s">
        <v>246982</v>
      </c>
      <c r="H73893" s="1" t="s">
        <v>246983</v>
      </c>
      <c r="I73893" s="1" t="s">
        <v>244917</v>
      </c>
      <c r="J73893" s="1" t="s">
        <v>246192</v>
      </c>
    </row>
    <row r="73894" spans="1:10" x14ac:dyDescent="0.35">
      <c r="A73894" s="1" t="s">
        <v>117028</v>
      </c>
      <c r="B73894" s="1" t="s">
        <v>244913</v>
      </c>
      <c r="C73894" s="1" t="s">
        <v>35</v>
      </c>
      <c r="D73894" s="1" t="s">
        <v>175198</v>
      </c>
      <c r="E73894" s="1" t="s">
        <v>246992</v>
      </c>
      <c r="F73894" s="1" t="s">
        <v>246993</v>
      </c>
      <c r="G73894" s="1" t="s">
        <v>246982</v>
      </c>
      <c r="H73894" s="1" t="s">
        <v>246983</v>
      </c>
      <c r="I73894" s="1" t="s">
        <v>244917</v>
      </c>
      <c r="J73894" s="1" t="s">
        <v>246195</v>
      </c>
    </row>
    <row r="73895" spans="1:10" x14ac:dyDescent="0.35">
      <c r="A73895" s="1" t="s">
        <v>117028</v>
      </c>
      <c r="B73895" s="1" t="s">
        <v>244913</v>
      </c>
      <c r="C73895" s="1" t="s">
        <v>40</v>
      </c>
      <c r="D73895" s="1" t="s">
        <v>155047</v>
      </c>
      <c r="E73895" s="1" t="s">
        <v>246994</v>
      </c>
      <c r="F73895" s="1" t="s">
        <v>246995</v>
      </c>
      <c r="G73895" s="1" t="s">
        <v>246982</v>
      </c>
      <c r="H73895" s="1" t="s">
        <v>246983</v>
      </c>
      <c r="I73895" s="1" t="s">
        <v>244917</v>
      </c>
      <c r="J73895" s="1" t="s">
        <v>246198</v>
      </c>
    </row>
    <row r="73896" spans="1:10" x14ac:dyDescent="0.35">
      <c r="A73896" s="1" t="s">
        <v>117028</v>
      </c>
      <c r="B73896" s="1" t="s">
        <v>244913</v>
      </c>
      <c r="C73896" s="1" t="s">
        <v>45</v>
      </c>
      <c r="D73896" s="1" t="s">
        <v>57403</v>
      </c>
      <c r="E73896" s="1" t="s">
        <v>246996</v>
      </c>
      <c r="F73896" s="1" t="s">
        <v>246997</v>
      </c>
      <c r="G73896" s="1" t="s">
        <v>246982</v>
      </c>
      <c r="H73896" s="1" t="s">
        <v>246983</v>
      </c>
      <c r="I73896" s="1" t="s">
        <v>244917</v>
      </c>
      <c r="J73896" s="1" t="s">
        <v>246201</v>
      </c>
    </row>
    <row r="73897" spans="1:10" x14ac:dyDescent="0.35">
      <c r="A73897" s="1" t="s">
        <v>117028</v>
      </c>
      <c r="B73897" s="1" t="s">
        <v>244913</v>
      </c>
      <c r="C73897" s="1" t="s">
        <v>50</v>
      </c>
      <c r="D73897" s="1" t="s">
        <v>71562</v>
      </c>
      <c r="E73897" s="1" t="s">
        <v>246998</v>
      </c>
      <c r="F73897" s="1" t="s">
        <v>246999</v>
      </c>
      <c r="G73897" s="1" t="s">
        <v>246982</v>
      </c>
      <c r="H73897" s="1" t="s">
        <v>246983</v>
      </c>
      <c r="I73897" s="1" t="s">
        <v>244917</v>
      </c>
      <c r="J73897" s="1" t="s">
        <v>246204</v>
      </c>
    </row>
    <row r="73898" spans="1:10" x14ac:dyDescent="0.35">
      <c r="A73898" s="1" t="s">
        <v>117028</v>
      </c>
      <c r="B73898" s="1" t="s">
        <v>244913</v>
      </c>
      <c r="C73898" s="1" t="s">
        <v>55</v>
      </c>
      <c r="D73898" s="1" t="s">
        <v>183289</v>
      </c>
      <c r="E73898" s="1" t="s">
        <v>247000</v>
      </c>
      <c r="F73898" s="1" t="s">
        <v>247001</v>
      </c>
      <c r="G73898" s="1" t="s">
        <v>246982</v>
      </c>
      <c r="H73898" s="1" t="s">
        <v>246983</v>
      </c>
      <c r="I73898" s="1" t="s">
        <v>244917</v>
      </c>
      <c r="J73898" s="1" t="s">
        <v>246207</v>
      </c>
    </row>
    <row r="73899" spans="1:10" x14ac:dyDescent="0.35">
      <c r="A73899" s="1" t="s">
        <v>117028</v>
      </c>
      <c r="B73899" s="1" t="s">
        <v>244913</v>
      </c>
      <c r="C73899" s="1" t="s">
        <v>60</v>
      </c>
      <c r="D73899" s="1" t="s">
        <v>170860</v>
      </c>
      <c r="E73899" s="1" t="s">
        <v>247002</v>
      </c>
      <c r="F73899" s="1" t="s">
        <v>247003</v>
      </c>
      <c r="G73899" s="1" t="s">
        <v>246982</v>
      </c>
      <c r="H73899" s="1" t="s">
        <v>246983</v>
      </c>
      <c r="I73899" s="1" t="s">
        <v>244917</v>
      </c>
      <c r="J73899" s="1" t="s">
        <v>246210</v>
      </c>
    </row>
    <row r="73900" spans="1:10" x14ac:dyDescent="0.35">
      <c r="A73900" s="1" t="s">
        <v>117028</v>
      </c>
      <c r="B73900" s="1" t="s">
        <v>244913</v>
      </c>
      <c r="C73900" s="1" t="s">
        <v>65</v>
      </c>
      <c r="D73900" s="1" t="s">
        <v>3324</v>
      </c>
      <c r="E73900" s="1" t="s">
        <v>247004</v>
      </c>
      <c r="F73900" s="1" t="s">
        <v>247005</v>
      </c>
      <c r="G73900" s="1" t="s">
        <v>246982</v>
      </c>
      <c r="H73900" s="1" t="s">
        <v>246983</v>
      </c>
      <c r="I73900" s="1" t="s">
        <v>244917</v>
      </c>
      <c r="J73900" s="1" t="s">
        <v>246213</v>
      </c>
    </row>
    <row r="73901" spans="1:10" x14ac:dyDescent="0.35">
      <c r="A73901" s="1" t="s">
        <v>117028</v>
      </c>
      <c r="B73901" s="1" t="s">
        <v>244913</v>
      </c>
      <c r="C73901" s="1" t="s">
        <v>70</v>
      </c>
      <c r="D73901" s="1" t="s">
        <v>149943</v>
      </c>
      <c r="E73901" s="1" t="s">
        <v>247006</v>
      </c>
      <c r="F73901" s="1" t="s">
        <v>247007</v>
      </c>
      <c r="G73901" s="1" t="s">
        <v>246982</v>
      </c>
      <c r="H73901" s="1" t="s">
        <v>246983</v>
      </c>
      <c r="I73901" s="1" t="s">
        <v>244917</v>
      </c>
      <c r="J73901" s="1" t="s">
        <v>246216</v>
      </c>
    </row>
    <row r="73902" spans="1:10" x14ac:dyDescent="0.35">
      <c r="A73902" s="1" t="s">
        <v>117028</v>
      </c>
      <c r="B73902" s="1" t="s">
        <v>244913</v>
      </c>
      <c r="C73902" s="1" t="s">
        <v>75</v>
      </c>
      <c r="D73902" s="1" t="s">
        <v>11628</v>
      </c>
      <c r="E73902" s="1" t="s">
        <v>247008</v>
      </c>
      <c r="F73902" s="1" t="s">
        <v>247009</v>
      </c>
      <c r="G73902" s="1" t="s">
        <v>246982</v>
      </c>
      <c r="H73902" s="1" t="s">
        <v>246983</v>
      </c>
      <c r="I73902" s="1" t="s">
        <v>244917</v>
      </c>
      <c r="J73902" s="1" t="s">
        <v>246219</v>
      </c>
    </row>
    <row r="73903" spans="1:10" x14ac:dyDescent="0.35">
      <c r="A73903" s="1" t="s">
        <v>117028</v>
      </c>
      <c r="B73903" s="1" t="s">
        <v>244913</v>
      </c>
      <c r="C73903" s="1" t="s">
        <v>80</v>
      </c>
      <c r="D73903" s="1" t="s">
        <v>246220</v>
      </c>
      <c r="E73903" s="1" t="s">
        <v>247010</v>
      </c>
      <c r="F73903" s="1" t="s">
        <v>247011</v>
      </c>
      <c r="G73903" s="1" t="s">
        <v>246982</v>
      </c>
      <c r="H73903" s="1" t="s">
        <v>246983</v>
      </c>
      <c r="I73903" s="1" t="s">
        <v>244917</v>
      </c>
      <c r="J73903" s="1" t="s">
        <v>246223</v>
      </c>
    </row>
    <row r="73904" spans="1:10" x14ac:dyDescent="0.35">
      <c r="A73904" s="1" t="s">
        <v>117028</v>
      </c>
      <c r="B73904" s="1" t="s">
        <v>244913</v>
      </c>
      <c r="C73904" s="1" t="s">
        <v>85</v>
      </c>
      <c r="D73904" s="1" t="s">
        <v>198773</v>
      </c>
      <c r="E73904" s="1" t="s">
        <v>247012</v>
      </c>
      <c r="F73904" s="1" t="s">
        <v>247013</v>
      </c>
      <c r="G73904" s="1" t="s">
        <v>246982</v>
      </c>
      <c r="H73904" s="1" t="s">
        <v>246983</v>
      </c>
      <c r="I73904" s="1" t="s">
        <v>244917</v>
      </c>
      <c r="J73904" s="1" t="s">
        <v>246226</v>
      </c>
    </row>
    <row r="73905" spans="1:10" x14ac:dyDescent="0.35">
      <c r="A73905" s="1" t="s">
        <v>117028</v>
      </c>
      <c r="B73905" s="1" t="s">
        <v>244913</v>
      </c>
      <c r="C73905" s="1" t="s">
        <v>90</v>
      </c>
      <c r="D73905" s="1" t="s">
        <v>246227</v>
      </c>
      <c r="E73905" s="1" t="s">
        <v>247014</v>
      </c>
      <c r="F73905" s="1" t="s">
        <v>247015</v>
      </c>
      <c r="G73905" s="1" t="s">
        <v>246982</v>
      </c>
      <c r="H73905" s="1" t="s">
        <v>246983</v>
      </c>
      <c r="I73905" s="1" t="s">
        <v>244917</v>
      </c>
      <c r="J73905" s="1" t="s">
        <v>246230</v>
      </c>
    </row>
    <row r="73906" spans="1:10" x14ac:dyDescent="0.35">
      <c r="A73906" s="1" t="s">
        <v>117028</v>
      </c>
      <c r="B73906" s="1" t="s">
        <v>244913</v>
      </c>
      <c r="C73906" s="1" t="s">
        <v>95</v>
      </c>
      <c r="D73906" s="1" t="s">
        <v>14303</v>
      </c>
      <c r="E73906" s="1" t="s">
        <v>247016</v>
      </c>
      <c r="F73906" s="1" t="s">
        <v>247017</v>
      </c>
      <c r="G73906" s="1" t="s">
        <v>246982</v>
      </c>
      <c r="H73906" s="1" t="s">
        <v>246983</v>
      </c>
      <c r="I73906" s="1" t="s">
        <v>244917</v>
      </c>
      <c r="J73906" s="1" t="s">
        <v>246233</v>
      </c>
    </row>
    <row r="73907" spans="1:10" x14ac:dyDescent="0.35">
      <c r="A73907" s="1" t="s">
        <v>117028</v>
      </c>
      <c r="B73907" s="1" t="s">
        <v>244913</v>
      </c>
      <c r="C73907" s="1" t="s">
        <v>100</v>
      </c>
      <c r="D73907" s="1" t="s">
        <v>52488</v>
      </c>
      <c r="E73907" s="1" t="s">
        <v>247018</v>
      </c>
      <c r="F73907" s="1" t="s">
        <v>247019</v>
      </c>
      <c r="G73907" s="1" t="s">
        <v>246982</v>
      </c>
      <c r="H73907" s="1" t="s">
        <v>246983</v>
      </c>
      <c r="I73907" s="1" t="s">
        <v>244917</v>
      </c>
      <c r="J73907" s="1" t="s">
        <v>246236</v>
      </c>
    </row>
    <row r="73908" spans="1:10" x14ac:dyDescent="0.35">
      <c r="A73908" s="1" t="s">
        <v>117028</v>
      </c>
      <c r="B73908" s="1" t="s">
        <v>244913</v>
      </c>
      <c r="C73908" s="1" t="s">
        <v>105</v>
      </c>
      <c r="D73908" s="1" t="s">
        <v>12698</v>
      </c>
      <c r="E73908" s="1" t="s">
        <v>247020</v>
      </c>
      <c r="F73908" s="1" t="s">
        <v>247021</v>
      </c>
      <c r="G73908" s="1" t="s">
        <v>246982</v>
      </c>
      <c r="H73908" s="1" t="s">
        <v>246983</v>
      </c>
      <c r="I73908" s="1" t="s">
        <v>244917</v>
      </c>
      <c r="J73908" s="1" t="s">
        <v>246239</v>
      </c>
    </row>
    <row r="73909" spans="1:10" x14ac:dyDescent="0.35">
      <c r="A73909" s="1" t="s">
        <v>117028</v>
      </c>
      <c r="B73909" s="1" t="s">
        <v>244913</v>
      </c>
      <c r="C73909" s="1" t="s">
        <v>110</v>
      </c>
      <c r="D73909" s="1" t="s">
        <v>246240</v>
      </c>
      <c r="E73909" s="1" t="s">
        <v>247022</v>
      </c>
      <c r="F73909" s="1" t="s">
        <v>247023</v>
      </c>
      <c r="G73909" s="1" t="s">
        <v>246982</v>
      </c>
      <c r="H73909" s="1" t="s">
        <v>246983</v>
      </c>
      <c r="I73909" s="1" t="s">
        <v>244917</v>
      </c>
      <c r="J73909" s="1" t="s">
        <v>246243</v>
      </c>
    </row>
    <row r="73910" spans="1:10" x14ac:dyDescent="0.35">
      <c r="A73910" s="1" t="s">
        <v>117028</v>
      </c>
      <c r="B73910" s="1" t="s">
        <v>244913</v>
      </c>
      <c r="C73910" s="1" t="s">
        <v>115</v>
      </c>
      <c r="D73910" s="1" t="s">
        <v>154989</v>
      </c>
      <c r="E73910" s="1" t="s">
        <v>247024</v>
      </c>
      <c r="F73910" s="1" t="s">
        <v>247025</v>
      </c>
      <c r="G73910" s="1" t="s">
        <v>246982</v>
      </c>
      <c r="H73910" s="1" t="s">
        <v>246983</v>
      </c>
      <c r="I73910" s="1" t="s">
        <v>244917</v>
      </c>
      <c r="J73910" s="1" t="s">
        <v>246246</v>
      </c>
    </row>
    <row r="73911" spans="1:10" x14ac:dyDescent="0.35">
      <c r="A73911" s="1" t="s">
        <v>117028</v>
      </c>
      <c r="B73911" s="1" t="s">
        <v>244913</v>
      </c>
      <c r="C73911" s="1" t="s">
        <v>120</v>
      </c>
      <c r="D73911" s="1" t="s">
        <v>19479</v>
      </c>
      <c r="E73911" s="1" t="s">
        <v>247026</v>
      </c>
      <c r="F73911" s="1" t="s">
        <v>247027</v>
      </c>
      <c r="G73911" s="1" t="s">
        <v>246982</v>
      </c>
      <c r="H73911" s="1" t="s">
        <v>246983</v>
      </c>
      <c r="I73911" s="1" t="s">
        <v>244917</v>
      </c>
      <c r="J73911" s="1" t="s">
        <v>246249</v>
      </c>
    </row>
    <row r="73912" spans="1:10" x14ac:dyDescent="0.35">
      <c r="A73912" s="1" t="s">
        <v>117028</v>
      </c>
      <c r="B73912" s="1" t="s">
        <v>244913</v>
      </c>
      <c r="C73912" s="1" t="s">
        <v>125</v>
      </c>
      <c r="D73912" s="1" t="s">
        <v>11551</v>
      </c>
      <c r="E73912" s="1" t="s">
        <v>247028</v>
      </c>
      <c r="F73912" s="1" t="s">
        <v>247029</v>
      </c>
      <c r="G73912" s="1" t="s">
        <v>246982</v>
      </c>
      <c r="H73912" s="1" t="s">
        <v>246983</v>
      </c>
      <c r="I73912" s="1" t="s">
        <v>244917</v>
      </c>
      <c r="J73912" s="1" t="s">
        <v>246252</v>
      </c>
    </row>
    <row r="73913" spans="1:10" x14ac:dyDescent="0.35">
      <c r="A73913" s="1" t="s">
        <v>117028</v>
      </c>
      <c r="B73913" s="1" t="s">
        <v>244913</v>
      </c>
      <c r="C73913" s="1" t="s">
        <v>130</v>
      </c>
      <c r="D73913" s="1" t="s">
        <v>97705</v>
      </c>
      <c r="E73913" s="1" t="s">
        <v>247030</v>
      </c>
      <c r="F73913" s="1" t="s">
        <v>247031</v>
      </c>
      <c r="G73913" s="1" t="s">
        <v>246982</v>
      </c>
      <c r="H73913" s="1" t="s">
        <v>246983</v>
      </c>
      <c r="I73913" s="1" t="s">
        <v>244917</v>
      </c>
      <c r="J73913" s="1" t="s">
        <v>246255</v>
      </c>
    </row>
    <row r="73914" spans="1:10" x14ac:dyDescent="0.35">
      <c r="A73914" s="1" t="s">
        <v>117028</v>
      </c>
      <c r="B73914" s="1" t="s">
        <v>244913</v>
      </c>
      <c r="C73914" s="1" t="s">
        <v>135</v>
      </c>
      <c r="D73914" s="1" t="s">
        <v>211088</v>
      </c>
      <c r="E73914" s="1" t="s">
        <v>247032</v>
      </c>
      <c r="F73914" s="1" t="s">
        <v>247033</v>
      </c>
      <c r="G73914" s="1" t="s">
        <v>246982</v>
      </c>
      <c r="H73914" s="1" t="s">
        <v>246983</v>
      </c>
      <c r="I73914" s="1" t="s">
        <v>244917</v>
      </c>
      <c r="J73914" s="1" t="s">
        <v>246258</v>
      </c>
    </row>
    <row r="73915" spans="1:10" x14ac:dyDescent="0.35">
      <c r="A73915" s="1" t="s">
        <v>117028</v>
      </c>
      <c r="B73915" s="1" t="s">
        <v>244913</v>
      </c>
      <c r="C73915" s="1" t="s">
        <v>140</v>
      </c>
      <c r="D73915" s="1" t="s">
        <v>245026</v>
      </c>
      <c r="E73915" s="1" t="s">
        <v>247034</v>
      </c>
      <c r="F73915" s="1" t="s">
        <v>247035</v>
      </c>
      <c r="G73915" s="1" t="s">
        <v>246982</v>
      </c>
      <c r="H73915" s="1" t="s">
        <v>246983</v>
      </c>
      <c r="I73915" s="1" t="s">
        <v>244917</v>
      </c>
      <c r="J73915" s="1" t="s">
        <v>246261</v>
      </c>
    </row>
    <row r="73916" spans="1:10" x14ac:dyDescent="0.35">
      <c r="A73916" s="1" t="s">
        <v>117028</v>
      </c>
      <c r="B73916" s="1" t="s">
        <v>244913</v>
      </c>
      <c r="C73916" s="1" t="s">
        <v>145</v>
      </c>
      <c r="D73916" s="1" t="s">
        <v>196240</v>
      </c>
      <c r="E73916" s="1" t="s">
        <v>247036</v>
      </c>
      <c r="F73916" s="1" t="s">
        <v>247037</v>
      </c>
      <c r="G73916" s="1" t="s">
        <v>246982</v>
      </c>
      <c r="H73916" s="1" t="s">
        <v>246983</v>
      </c>
      <c r="I73916" s="1" t="s">
        <v>244917</v>
      </c>
      <c r="J73916" s="1" t="s">
        <v>246264</v>
      </c>
    </row>
    <row r="73917" spans="1:10" x14ac:dyDescent="0.35">
      <c r="A73917" s="1" t="s">
        <v>117028</v>
      </c>
      <c r="B73917" s="1" t="s">
        <v>244913</v>
      </c>
      <c r="C73917" s="1" t="s">
        <v>150</v>
      </c>
      <c r="D73917" s="1" t="s">
        <v>191369</v>
      </c>
      <c r="E73917" s="1" t="s">
        <v>247038</v>
      </c>
      <c r="F73917" s="1" t="s">
        <v>247039</v>
      </c>
      <c r="G73917" s="1" t="s">
        <v>246982</v>
      </c>
      <c r="H73917" s="1" t="s">
        <v>246983</v>
      </c>
      <c r="I73917" s="1" t="s">
        <v>244917</v>
      </c>
      <c r="J73917" s="1" t="s">
        <v>246267</v>
      </c>
    </row>
    <row r="73918" spans="1:10" x14ac:dyDescent="0.35">
      <c r="A73918" s="1" t="s">
        <v>117028</v>
      </c>
      <c r="B73918" s="1" t="s">
        <v>244913</v>
      </c>
      <c r="C73918" s="1" t="s">
        <v>155</v>
      </c>
      <c r="D73918" s="1" t="s">
        <v>185825</v>
      </c>
      <c r="E73918" s="1" t="s">
        <v>247040</v>
      </c>
      <c r="F73918" s="1" t="s">
        <v>247041</v>
      </c>
      <c r="G73918" s="1" t="s">
        <v>246982</v>
      </c>
      <c r="H73918" s="1" t="s">
        <v>246983</v>
      </c>
      <c r="I73918" s="1" t="s">
        <v>244917</v>
      </c>
      <c r="J73918" s="1" t="s">
        <v>246270</v>
      </c>
    </row>
    <row r="73919" spans="1:10" x14ac:dyDescent="0.35">
      <c r="A73919" s="1" t="s">
        <v>117028</v>
      </c>
      <c r="B73919" s="1" t="s">
        <v>244913</v>
      </c>
      <c r="C73919" s="1" t="s">
        <v>160</v>
      </c>
      <c r="D73919" s="1" t="s">
        <v>33937</v>
      </c>
      <c r="E73919" s="1" t="s">
        <v>247042</v>
      </c>
      <c r="F73919" s="1" t="s">
        <v>247043</v>
      </c>
      <c r="G73919" s="1" t="s">
        <v>246982</v>
      </c>
      <c r="H73919" s="1" t="s">
        <v>246983</v>
      </c>
      <c r="I73919" s="1" t="s">
        <v>244917</v>
      </c>
      <c r="J73919" s="1" t="s">
        <v>246273</v>
      </c>
    </row>
    <row r="73920" spans="1:10" x14ac:dyDescent="0.35">
      <c r="A73920" s="1" t="s">
        <v>117028</v>
      </c>
      <c r="B73920" s="1" t="s">
        <v>244913</v>
      </c>
      <c r="C73920" s="1" t="s">
        <v>165</v>
      </c>
      <c r="D73920" s="1" t="s">
        <v>111294</v>
      </c>
      <c r="E73920" s="1" t="s">
        <v>247044</v>
      </c>
      <c r="F73920" s="1" t="s">
        <v>247045</v>
      </c>
      <c r="G73920" s="1" t="s">
        <v>246982</v>
      </c>
      <c r="H73920" s="1" t="s">
        <v>246983</v>
      </c>
      <c r="I73920" s="1" t="s">
        <v>244917</v>
      </c>
      <c r="J73920" s="1" t="s">
        <v>246276</v>
      </c>
    </row>
    <row r="73921" spans="1:10" x14ac:dyDescent="0.35">
      <c r="A73921" s="1" t="s">
        <v>117028</v>
      </c>
      <c r="B73921" s="1" t="s">
        <v>244913</v>
      </c>
      <c r="C73921" s="1" t="s">
        <v>170</v>
      </c>
      <c r="D73921" s="1" t="s">
        <v>72483</v>
      </c>
      <c r="E73921" s="1" t="s">
        <v>247046</v>
      </c>
      <c r="F73921" s="1" t="s">
        <v>247047</v>
      </c>
      <c r="G73921" s="1" t="s">
        <v>246982</v>
      </c>
      <c r="H73921" s="1" t="s">
        <v>246983</v>
      </c>
      <c r="I73921" s="1" t="s">
        <v>244917</v>
      </c>
      <c r="J73921" s="1" t="s">
        <v>246278</v>
      </c>
    </row>
    <row r="73922" spans="1:10" x14ac:dyDescent="0.35">
      <c r="A73922" s="1" t="s">
        <v>7544</v>
      </c>
      <c r="B73922" s="1" t="s">
        <v>247048</v>
      </c>
      <c r="C73922" s="1" t="s">
        <v>8</v>
      </c>
      <c r="D73922" s="1" t="s">
        <v>51861</v>
      </c>
      <c r="E73922" s="1" t="s">
        <v>247049</v>
      </c>
      <c r="F73922" s="1" t="s">
        <v>247050</v>
      </c>
      <c r="G73922" s="1" t="s">
        <v>247051</v>
      </c>
      <c r="H73922" s="1" t="s">
        <v>247052</v>
      </c>
      <c r="I73922" s="1" t="s">
        <v>247053</v>
      </c>
      <c r="J73922" s="1" t="s">
        <v>13</v>
      </c>
    </row>
    <row r="73923" spans="1:10" x14ac:dyDescent="0.35">
      <c r="A73923" s="1" t="s">
        <v>7544</v>
      </c>
      <c r="B73923" s="1" t="s">
        <v>247048</v>
      </c>
      <c r="C73923" s="1" t="s">
        <v>15</v>
      </c>
      <c r="D73923" s="1" t="s">
        <v>3965</v>
      </c>
      <c r="E73923" s="1" t="s">
        <v>247054</v>
      </c>
      <c r="F73923" s="1" t="s">
        <v>247055</v>
      </c>
      <c r="G73923" s="1" t="s">
        <v>247051</v>
      </c>
      <c r="H73923" s="1" t="s">
        <v>247052</v>
      </c>
      <c r="I73923" s="1" t="s">
        <v>247053</v>
      </c>
      <c r="J73923" s="1" t="s">
        <v>247056</v>
      </c>
    </row>
    <row r="73924" spans="1:10" x14ac:dyDescent="0.35">
      <c r="A73924" s="1" t="s">
        <v>7544</v>
      </c>
      <c r="B73924" s="1" t="s">
        <v>247048</v>
      </c>
      <c r="C73924" s="1" t="s">
        <v>20</v>
      </c>
      <c r="D73924" s="1" t="s">
        <v>3924</v>
      </c>
      <c r="E73924" s="1" t="s">
        <v>247057</v>
      </c>
      <c r="F73924" s="1" t="s">
        <v>247058</v>
      </c>
      <c r="G73924" s="1" t="s">
        <v>247051</v>
      </c>
      <c r="H73924" s="1" t="s">
        <v>247052</v>
      </c>
      <c r="I73924" s="1" t="s">
        <v>247053</v>
      </c>
      <c r="J73924" s="1" t="s">
        <v>247059</v>
      </c>
    </row>
    <row r="73925" spans="1:10" x14ac:dyDescent="0.35">
      <c r="A73925" s="1" t="s">
        <v>7544</v>
      </c>
      <c r="B73925" s="1" t="s">
        <v>247048</v>
      </c>
      <c r="C73925" s="1" t="s">
        <v>25</v>
      </c>
      <c r="D73925" s="1" t="s">
        <v>187583</v>
      </c>
      <c r="E73925" s="1" t="s">
        <v>247060</v>
      </c>
      <c r="F73925" s="1" t="s">
        <v>247061</v>
      </c>
      <c r="G73925" s="1" t="s">
        <v>247051</v>
      </c>
      <c r="H73925" s="1" t="s">
        <v>247052</v>
      </c>
      <c r="I73925" s="1" t="s">
        <v>247053</v>
      </c>
      <c r="J73925" s="1" t="s">
        <v>247062</v>
      </c>
    </row>
    <row r="73926" spans="1:10" x14ac:dyDescent="0.35">
      <c r="A73926" s="1" t="s">
        <v>7544</v>
      </c>
      <c r="B73926" s="1" t="s">
        <v>247048</v>
      </c>
      <c r="C73926" s="1" t="s">
        <v>30</v>
      </c>
      <c r="D73926" s="1" t="s">
        <v>143069</v>
      </c>
      <c r="E73926" s="1" t="s">
        <v>247063</v>
      </c>
      <c r="F73926" s="1" t="s">
        <v>247064</v>
      </c>
      <c r="G73926" s="1" t="s">
        <v>247051</v>
      </c>
      <c r="H73926" s="1" t="s">
        <v>247052</v>
      </c>
      <c r="I73926" s="1" t="s">
        <v>247053</v>
      </c>
      <c r="J73926" s="1" t="s">
        <v>247065</v>
      </c>
    </row>
    <row r="73927" spans="1:10" x14ac:dyDescent="0.35">
      <c r="A73927" s="1" t="s">
        <v>7544</v>
      </c>
      <c r="B73927" s="1" t="s">
        <v>247048</v>
      </c>
      <c r="C73927" s="1" t="s">
        <v>35</v>
      </c>
      <c r="D73927" s="1" t="s">
        <v>8032</v>
      </c>
      <c r="E73927" s="1" t="s">
        <v>247066</v>
      </c>
      <c r="F73927" s="1" t="s">
        <v>247067</v>
      </c>
      <c r="G73927" s="1" t="s">
        <v>247051</v>
      </c>
      <c r="H73927" s="1" t="s">
        <v>247052</v>
      </c>
      <c r="I73927" s="1" t="s">
        <v>247053</v>
      </c>
      <c r="J73927" s="1" t="s">
        <v>247068</v>
      </c>
    </row>
    <row r="73928" spans="1:10" x14ac:dyDescent="0.35">
      <c r="A73928" s="1" t="s">
        <v>7544</v>
      </c>
      <c r="B73928" s="1" t="s">
        <v>247048</v>
      </c>
      <c r="C73928" s="1" t="s">
        <v>40</v>
      </c>
      <c r="D73928" s="1" t="s">
        <v>120494</v>
      </c>
      <c r="E73928" s="1" t="s">
        <v>247069</v>
      </c>
      <c r="F73928" s="1" t="s">
        <v>247070</v>
      </c>
      <c r="G73928" s="1" t="s">
        <v>247051</v>
      </c>
      <c r="H73928" s="1" t="s">
        <v>247052</v>
      </c>
      <c r="I73928" s="1" t="s">
        <v>247053</v>
      </c>
      <c r="J73928" s="1" t="s">
        <v>247071</v>
      </c>
    </row>
    <row r="73929" spans="1:10" x14ac:dyDescent="0.35">
      <c r="A73929" s="1" t="s">
        <v>7544</v>
      </c>
      <c r="B73929" s="1" t="s">
        <v>247048</v>
      </c>
      <c r="C73929" s="1" t="s">
        <v>45</v>
      </c>
      <c r="D73929" s="1" t="s">
        <v>111524</v>
      </c>
      <c r="E73929" s="1" t="s">
        <v>247072</v>
      </c>
      <c r="F73929" s="1" t="s">
        <v>247073</v>
      </c>
      <c r="G73929" s="1" t="s">
        <v>247051</v>
      </c>
      <c r="H73929" s="1" t="s">
        <v>247052</v>
      </c>
      <c r="I73929" s="1" t="s">
        <v>247053</v>
      </c>
      <c r="J73929" s="1" t="s">
        <v>247074</v>
      </c>
    </row>
    <row r="73930" spans="1:10" x14ac:dyDescent="0.35">
      <c r="A73930" s="1" t="s">
        <v>7544</v>
      </c>
      <c r="B73930" s="1" t="s">
        <v>247048</v>
      </c>
      <c r="C73930" s="1" t="s">
        <v>50</v>
      </c>
      <c r="D73930" s="1" t="s">
        <v>4701</v>
      </c>
      <c r="E73930" s="1" t="s">
        <v>247075</v>
      </c>
      <c r="F73930" s="1" t="s">
        <v>247076</v>
      </c>
      <c r="G73930" s="1" t="s">
        <v>247051</v>
      </c>
      <c r="H73930" s="1" t="s">
        <v>247052</v>
      </c>
      <c r="I73930" s="1" t="s">
        <v>247053</v>
      </c>
      <c r="J73930" s="1" t="s">
        <v>247077</v>
      </c>
    </row>
    <row r="73931" spans="1:10" x14ac:dyDescent="0.35">
      <c r="A73931" s="1" t="s">
        <v>7544</v>
      </c>
      <c r="B73931" s="1" t="s">
        <v>247048</v>
      </c>
      <c r="C73931" s="1" t="s">
        <v>55</v>
      </c>
      <c r="D73931" s="1" t="s">
        <v>28998</v>
      </c>
      <c r="E73931" s="1" t="s">
        <v>247078</v>
      </c>
      <c r="F73931" s="1" t="s">
        <v>247079</v>
      </c>
      <c r="G73931" s="1" t="s">
        <v>247051</v>
      </c>
      <c r="H73931" s="1" t="s">
        <v>247052</v>
      </c>
      <c r="I73931" s="1" t="s">
        <v>247053</v>
      </c>
      <c r="J73931" s="1" t="s">
        <v>247080</v>
      </c>
    </row>
    <row r="73932" spans="1:10" x14ac:dyDescent="0.35">
      <c r="A73932" s="1" t="s">
        <v>7544</v>
      </c>
      <c r="B73932" s="1" t="s">
        <v>247048</v>
      </c>
      <c r="C73932" s="1" t="s">
        <v>60</v>
      </c>
      <c r="D73932" s="1" t="s">
        <v>6500</v>
      </c>
      <c r="E73932" s="1" t="s">
        <v>247081</v>
      </c>
      <c r="F73932" s="1" t="s">
        <v>247082</v>
      </c>
      <c r="G73932" s="1" t="s">
        <v>247051</v>
      </c>
      <c r="H73932" s="1" t="s">
        <v>247052</v>
      </c>
      <c r="I73932" s="1" t="s">
        <v>247053</v>
      </c>
      <c r="J73932" s="1" t="s">
        <v>247083</v>
      </c>
    </row>
    <row r="73933" spans="1:10" x14ac:dyDescent="0.35">
      <c r="A73933" s="1" t="s">
        <v>7544</v>
      </c>
      <c r="B73933" s="1" t="s">
        <v>247048</v>
      </c>
      <c r="C73933" s="1" t="s">
        <v>65</v>
      </c>
      <c r="D73933" s="1" t="s">
        <v>37672</v>
      </c>
      <c r="E73933" s="1" t="s">
        <v>247084</v>
      </c>
      <c r="F73933" s="1" t="s">
        <v>247085</v>
      </c>
      <c r="G73933" s="1" t="s">
        <v>247051</v>
      </c>
      <c r="H73933" s="1" t="s">
        <v>247052</v>
      </c>
      <c r="I73933" s="1" t="s">
        <v>247053</v>
      </c>
      <c r="J73933" s="1" t="s">
        <v>247086</v>
      </c>
    </row>
    <row r="73934" spans="1:10" x14ac:dyDescent="0.35">
      <c r="A73934" s="1" t="s">
        <v>7544</v>
      </c>
      <c r="B73934" s="1" t="s">
        <v>247048</v>
      </c>
      <c r="C73934" s="1" t="s">
        <v>70</v>
      </c>
      <c r="D73934" s="1" t="s">
        <v>112735</v>
      </c>
      <c r="E73934" s="1" t="s">
        <v>247087</v>
      </c>
      <c r="F73934" s="1" t="s">
        <v>247088</v>
      </c>
      <c r="G73934" s="1" t="s">
        <v>247051</v>
      </c>
      <c r="H73934" s="1" t="s">
        <v>247052</v>
      </c>
      <c r="I73934" s="1" t="s">
        <v>247053</v>
      </c>
      <c r="J73934" s="1" t="s">
        <v>247089</v>
      </c>
    </row>
    <row r="73935" spans="1:10" x14ac:dyDescent="0.35">
      <c r="A73935" s="1" t="s">
        <v>7544</v>
      </c>
      <c r="B73935" s="1" t="s">
        <v>247048</v>
      </c>
      <c r="C73935" s="1" t="s">
        <v>75</v>
      </c>
      <c r="D73935" s="1" t="s">
        <v>6900</v>
      </c>
      <c r="E73935" s="1" t="s">
        <v>247090</v>
      </c>
      <c r="F73935" s="1" t="s">
        <v>247091</v>
      </c>
      <c r="G73935" s="1" t="s">
        <v>247051</v>
      </c>
      <c r="H73935" s="1" t="s">
        <v>247052</v>
      </c>
      <c r="I73935" s="1" t="s">
        <v>247053</v>
      </c>
      <c r="J73935" s="1" t="s">
        <v>247092</v>
      </c>
    </row>
    <row r="73936" spans="1:10" x14ac:dyDescent="0.35">
      <c r="A73936" s="1" t="s">
        <v>7544</v>
      </c>
      <c r="B73936" s="1" t="s">
        <v>247048</v>
      </c>
      <c r="C73936" s="1" t="s">
        <v>80</v>
      </c>
      <c r="D73936" s="1" t="s">
        <v>2607</v>
      </c>
      <c r="E73936" s="1" t="s">
        <v>247093</v>
      </c>
      <c r="F73936" s="1" t="s">
        <v>247094</v>
      </c>
      <c r="G73936" s="1" t="s">
        <v>247051</v>
      </c>
      <c r="H73936" s="1" t="s">
        <v>247052</v>
      </c>
      <c r="I73936" s="1" t="s">
        <v>247053</v>
      </c>
      <c r="J73936" s="1" t="s">
        <v>247095</v>
      </c>
    </row>
    <row r="73937" spans="1:10" x14ac:dyDescent="0.35">
      <c r="A73937" s="1" t="s">
        <v>7544</v>
      </c>
      <c r="B73937" s="1" t="s">
        <v>247048</v>
      </c>
      <c r="C73937" s="1" t="s">
        <v>85</v>
      </c>
      <c r="D73937" s="1" t="s">
        <v>10973</v>
      </c>
      <c r="E73937" s="1" t="s">
        <v>247096</v>
      </c>
      <c r="F73937" s="1" t="s">
        <v>247097</v>
      </c>
      <c r="G73937" s="1" t="s">
        <v>247051</v>
      </c>
      <c r="H73937" s="1" t="s">
        <v>247052</v>
      </c>
      <c r="I73937" s="1" t="s">
        <v>247053</v>
      </c>
      <c r="J73937" s="1" t="s">
        <v>247098</v>
      </c>
    </row>
    <row r="73938" spans="1:10" x14ac:dyDescent="0.35">
      <c r="A73938" s="1" t="s">
        <v>7544</v>
      </c>
      <c r="B73938" s="1" t="s">
        <v>247048</v>
      </c>
      <c r="C73938" s="1" t="s">
        <v>90</v>
      </c>
      <c r="D73938" s="1" t="s">
        <v>2406</v>
      </c>
      <c r="E73938" s="1" t="s">
        <v>247099</v>
      </c>
      <c r="F73938" s="1" t="s">
        <v>247100</v>
      </c>
      <c r="G73938" s="1" t="s">
        <v>247051</v>
      </c>
      <c r="H73938" s="1" t="s">
        <v>247052</v>
      </c>
      <c r="I73938" s="1" t="s">
        <v>247053</v>
      </c>
      <c r="J73938" s="1" t="s">
        <v>247101</v>
      </c>
    </row>
    <row r="73939" spans="1:10" x14ac:dyDescent="0.35">
      <c r="A73939" s="1" t="s">
        <v>7544</v>
      </c>
      <c r="B73939" s="1" t="s">
        <v>247048</v>
      </c>
      <c r="C73939" s="1" t="s">
        <v>95</v>
      </c>
      <c r="D73939" s="1" t="s">
        <v>49170</v>
      </c>
      <c r="E73939" s="1" t="s">
        <v>247102</v>
      </c>
      <c r="F73939" s="1" t="s">
        <v>247103</v>
      </c>
      <c r="G73939" s="1" t="s">
        <v>247051</v>
      </c>
      <c r="H73939" s="1" t="s">
        <v>247052</v>
      </c>
      <c r="I73939" s="1" t="s">
        <v>247053</v>
      </c>
      <c r="J73939" s="1" t="s">
        <v>247104</v>
      </c>
    </row>
    <row r="73940" spans="1:10" x14ac:dyDescent="0.35">
      <c r="A73940" s="1" t="s">
        <v>7544</v>
      </c>
      <c r="B73940" s="1" t="s">
        <v>247048</v>
      </c>
      <c r="C73940" s="1" t="s">
        <v>100</v>
      </c>
      <c r="D73940" s="1" t="s">
        <v>35291</v>
      </c>
      <c r="E73940" s="1" t="s">
        <v>247105</v>
      </c>
      <c r="F73940" s="1" t="s">
        <v>247106</v>
      </c>
      <c r="G73940" s="1" t="s">
        <v>247051</v>
      </c>
      <c r="H73940" s="1" t="s">
        <v>247052</v>
      </c>
      <c r="I73940" s="1" t="s">
        <v>247053</v>
      </c>
      <c r="J73940" s="1" t="s">
        <v>247107</v>
      </c>
    </row>
    <row r="73941" spans="1:10" x14ac:dyDescent="0.35">
      <c r="A73941" s="1" t="s">
        <v>7544</v>
      </c>
      <c r="B73941" s="1" t="s">
        <v>247048</v>
      </c>
      <c r="C73941" s="1" t="s">
        <v>105</v>
      </c>
      <c r="D73941" s="1" t="s">
        <v>247108</v>
      </c>
      <c r="E73941" s="1" t="s">
        <v>247109</v>
      </c>
      <c r="F73941" s="1" t="s">
        <v>247110</v>
      </c>
      <c r="G73941" s="1" t="s">
        <v>247051</v>
      </c>
      <c r="H73941" s="1" t="s">
        <v>247052</v>
      </c>
      <c r="I73941" s="1" t="s">
        <v>247053</v>
      </c>
      <c r="J73941" s="1" t="s">
        <v>247111</v>
      </c>
    </row>
    <row r="73942" spans="1:10" x14ac:dyDescent="0.35">
      <c r="A73942" s="1" t="s">
        <v>7544</v>
      </c>
      <c r="B73942" s="1" t="s">
        <v>247048</v>
      </c>
      <c r="C73942" s="1" t="s">
        <v>110</v>
      </c>
      <c r="D73942" s="1" t="s">
        <v>121459</v>
      </c>
      <c r="E73942" s="1" t="s">
        <v>247112</v>
      </c>
      <c r="F73942" s="1" t="s">
        <v>247113</v>
      </c>
      <c r="G73942" s="1" t="s">
        <v>247051</v>
      </c>
      <c r="H73942" s="1" t="s">
        <v>247052</v>
      </c>
      <c r="I73942" s="1" t="s">
        <v>247053</v>
      </c>
      <c r="J73942" s="1" t="s">
        <v>247114</v>
      </c>
    </row>
    <row r="73943" spans="1:10" x14ac:dyDescent="0.35">
      <c r="A73943" s="1" t="s">
        <v>7544</v>
      </c>
      <c r="B73943" s="1" t="s">
        <v>247048</v>
      </c>
      <c r="C73943" s="1" t="s">
        <v>115</v>
      </c>
      <c r="D73943" s="1" t="s">
        <v>120577</v>
      </c>
      <c r="E73943" s="1" t="s">
        <v>247115</v>
      </c>
      <c r="F73943" s="1" t="s">
        <v>247116</v>
      </c>
      <c r="G73943" s="1" t="s">
        <v>247051</v>
      </c>
      <c r="H73943" s="1" t="s">
        <v>247052</v>
      </c>
      <c r="I73943" s="1" t="s">
        <v>247053</v>
      </c>
      <c r="J73943" s="1" t="s">
        <v>247117</v>
      </c>
    </row>
    <row r="73944" spans="1:10" x14ac:dyDescent="0.35">
      <c r="A73944" s="1" t="s">
        <v>7544</v>
      </c>
      <c r="B73944" s="1" t="s">
        <v>247048</v>
      </c>
      <c r="C73944" s="1" t="s">
        <v>120</v>
      </c>
      <c r="D73944" s="1" t="s">
        <v>142938</v>
      </c>
      <c r="E73944" s="1" t="s">
        <v>247118</v>
      </c>
      <c r="F73944" s="1" t="s">
        <v>247119</v>
      </c>
      <c r="G73944" s="1" t="s">
        <v>247051</v>
      </c>
      <c r="H73944" s="1" t="s">
        <v>247052</v>
      </c>
      <c r="I73944" s="1" t="s">
        <v>247053</v>
      </c>
      <c r="J73944" s="1" t="s">
        <v>247120</v>
      </c>
    </row>
    <row r="73945" spans="1:10" x14ac:dyDescent="0.35">
      <c r="A73945" s="1" t="s">
        <v>7544</v>
      </c>
      <c r="B73945" s="1" t="s">
        <v>247048</v>
      </c>
      <c r="C73945" s="1" t="s">
        <v>125</v>
      </c>
      <c r="D73945" s="1" t="s">
        <v>247121</v>
      </c>
      <c r="E73945" s="1" t="s">
        <v>247122</v>
      </c>
      <c r="F73945" s="1" t="s">
        <v>247123</v>
      </c>
      <c r="G73945" s="1" t="s">
        <v>247051</v>
      </c>
      <c r="H73945" s="1" t="s">
        <v>247052</v>
      </c>
      <c r="I73945" s="1" t="s">
        <v>247053</v>
      </c>
      <c r="J73945" s="1" t="s">
        <v>247124</v>
      </c>
    </row>
    <row r="73946" spans="1:10" x14ac:dyDescent="0.35">
      <c r="A73946" s="1" t="s">
        <v>7544</v>
      </c>
      <c r="B73946" s="1" t="s">
        <v>247048</v>
      </c>
      <c r="C73946" s="1" t="s">
        <v>130</v>
      </c>
      <c r="D73946" s="1" t="s">
        <v>205250</v>
      </c>
      <c r="E73946" s="1" t="s">
        <v>247125</v>
      </c>
      <c r="F73946" s="1" t="s">
        <v>247126</v>
      </c>
      <c r="G73946" s="1" t="s">
        <v>247051</v>
      </c>
      <c r="H73946" s="1" t="s">
        <v>247052</v>
      </c>
      <c r="I73946" s="1" t="s">
        <v>247053</v>
      </c>
      <c r="J73946" s="1" t="s">
        <v>247127</v>
      </c>
    </row>
    <row r="73947" spans="1:10" x14ac:dyDescent="0.35">
      <c r="A73947" s="1" t="s">
        <v>7544</v>
      </c>
      <c r="B73947" s="1" t="s">
        <v>247048</v>
      </c>
      <c r="C73947" s="1" t="s">
        <v>135</v>
      </c>
      <c r="D73947" s="1" t="s">
        <v>44567</v>
      </c>
      <c r="E73947" s="1" t="s">
        <v>247128</v>
      </c>
      <c r="F73947" s="1" t="s">
        <v>247129</v>
      </c>
      <c r="G73947" s="1" t="s">
        <v>247051</v>
      </c>
      <c r="H73947" s="1" t="s">
        <v>247052</v>
      </c>
      <c r="I73947" s="1" t="s">
        <v>247053</v>
      </c>
      <c r="J73947" s="1" t="s">
        <v>247130</v>
      </c>
    </row>
    <row r="73948" spans="1:10" x14ac:dyDescent="0.35">
      <c r="A73948" s="1" t="s">
        <v>7544</v>
      </c>
      <c r="B73948" s="1" t="s">
        <v>247048</v>
      </c>
      <c r="C73948" s="1" t="s">
        <v>140</v>
      </c>
      <c r="D73948" s="1" t="s">
        <v>161097</v>
      </c>
      <c r="E73948" s="1" t="s">
        <v>247131</v>
      </c>
      <c r="F73948" s="1" t="s">
        <v>247132</v>
      </c>
      <c r="G73948" s="1" t="s">
        <v>247051</v>
      </c>
      <c r="H73948" s="1" t="s">
        <v>247052</v>
      </c>
      <c r="I73948" s="1" t="s">
        <v>247053</v>
      </c>
      <c r="J73948" s="1" t="s">
        <v>247133</v>
      </c>
    </row>
    <row r="73949" spans="1:10" x14ac:dyDescent="0.35">
      <c r="A73949" s="1" t="s">
        <v>7544</v>
      </c>
      <c r="B73949" s="1" t="s">
        <v>247048</v>
      </c>
      <c r="C73949" s="1" t="s">
        <v>145</v>
      </c>
      <c r="D73949" s="1" t="s">
        <v>37325</v>
      </c>
      <c r="E73949" s="1" t="s">
        <v>247134</v>
      </c>
      <c r="F73949" s="1" t="s">
        <v>247135</v>
      </c>
      <c r="G73949" s="1" t="s">
        <v>247051</v>
      </c>
      <c r="H73949" s="1" t="s">
        <v>247052</v>
      </c>
      <c r="I73949" s="1" t="s">
        <v>247053</v>
      </c>
      <c r="J73949" s="1" t="s">
        <v>208838</v>
      </c>
    </row>
    <row r="73950" spans="1:10" x14ac:dyDescent="0.35">
      <c r="A73950" s="1" t="s">
        <v>7544</v>
      </c>
      <c r="B73950" s="1" t="s">
        <v>247048</v>
      </c>
      <c r="C73950" s="1" t="s">
        <v>150</v>
      </c>
      <c r="D73950" s="1" t="s">
        <v>35255</v>
      </c>
      <c r="E73950" s="1" t="s">
        <v>247136</v>
      </c>
      <c r="F73950" s="1" t="s">
        <v>247137</v>
      </c>
      <c r="G73950" s="1" t="s">
        <v>247051</v>
      </c>
      <c r="H73950" s="1" t="s">
        <v>247052</v>
      </c>
      <c r="I73950" s="1" t="s">
        <v>247053</v>
      </c>
      <c r="J73950" s="1" t="s">
        <v>247138</v>
      </c>
    </row>
    <row r="73951" spans="1:10" x14ac:dyDescent="0.35">
      <c r="A73951" s="1" t="s">
        <v>7544</v>
      </c>
      <c r="B73951" s="1" t="s">
        <v>247048</v>
      </c>
      <c r="C73951" s="1" t="s">
        <v>155</v>
      </c>
      <c r="D73951" s="1" t="s">
        <v>48328</v>
      </c>
      <c r="E73951" s="1" t="s">
        <v>247139</v>
      </c>
      <c r="F73951" s="1" t="s">
        <v>247140</v>
      </c>
      <c r="G73951" s="1" t="s">
        <v>247051</v>
      </c>
      <c r="H73951" s="1" t="s">
        <v>247052</v>
      </c>
      <c r="I73951" s="1" t="s">
        <v>247053</v>
      </c>
      <c r="J73951" s="1" t="s">
        <v>247141</v>
      </c>
    </row>
    <row r="73952" spans="1:10" x14ac:dyDescent="0.35">
      <c r="A73952" s="1" t="s">
        <v>7544</v>
      </c>
      <c r="B73952" s="1" t="s">
        <v>247048</v>
      </c>
      <c r="C73952" s="1" t="s">
        <v>160</v>
      </c>
      <c r="D73952" s="1" t="s">
        <v>158211</v>
      </c>
      <c r="E73952" s="1" t="s">
        <v>247142</v>
      </c>
      <c r="F73952" s="1" t="s">
        <v>247143</v>
      </c>
      <c r="G73952" s="1" t="s">
        <v>247051</v>
      </c>
      <c r="H73952" s="1" t="s">
        <v>247052</v>
      </c>
      <c r="I73952" s="1" t="s">
        <v>247053</v>
      </c>
      <c r="J73952" s="1" t="s">
        <v>247144</v>
      </c>
    </row>
    <row r="73953" spans="1:10" x14ac:dyDescent="0.35">
      <c r="A73953" s="1" t="s">
        <v>7544</v>
      </c>
      <c r="B73953" s="1" t="s">
        <v>247048</v>
      </c>
      <c r="C73953" s="1" t="s">
        <v>165</v>
      </c>
      <c r="D73953" s="1" t="s">
        <v>118849</v>
      </c>
      <c r="E73953" s="1" t="s">
        <v>247145</v>
      </c>
      <c r="F73953" s="1" t="s">
        <v>247146</v>
      </c>
      <c r="G73953" s="1" t="s">
        <v>247051</v>
      </c>
      <c r="H73953" s="1" t="s">
        <v>247052</v>
      </c>
      <c r="I73953" s="1" t="s">
        <v>247053</v>
      </c>
      <c r="J73953" s="1" t="s">
        <v>247147</v>
      </c>
    </row>
    <row r="73954" spans="1:10" x14ac:dyDescent="0.35">
      <c r="A73954" s="1" t="s">
        <v>7544</v>
      </c>
      <c r="B73954" s="1" t="s">
        <v>247048</v>
      </c>
      <c r="C73954" s="1" t="s">
        <v>170</v>
      </c>
      <c r="D73954" s="1" t="s">
        <v>71085</v>
      </c>
      <c r="E73954" s="1" t="s">
        <v>247148</v>
      </c>
      <c r="F73954" s="1" t="s">
        <v>247149</v>
      </c>
      <c r="G73954" s="1" t="s">
        <v>247051</v>
      </c>
      <c r="H73954" s="1" t="s">
        <v>247052</v>
      </c>
      <c r="I73954" s="1" t="s">
        <v>247053</v>
      </c>
      <c r="J73954" s="1" t="s">
        <v>247150</v>
      </c>
    </row>
    <row r="73955" spans="1:10" x14ac:dyDescent="0.35">
      <c r="A73955" s="1" t="s">
        <v>28547</v>
      </c>
      <c r="B73955" s="1" t="s">
        <v>247048</v>
      </c>
      <c r="C73955" s="1" t="s">
        <v>8</v>
      </c>
      <c r="D73955" s="1" t="s">
        <v>109672</v>
      </c>
      <c r="E73955" s="1" t="s">
        <v>247151</v>
      </c>
      <c r="F73955" s="1" t="s">
        <v>247152</v>
      </c>
      <c r="G73955" s="1" t="s">
        <v>247153</v>
      </c>
      <c r="H73955" s="1" t="s">
        <v>247154</v>
      </c>
      <c r="I73955" s="1" t="s">
        <v>247053</v>
      </c>
      <c r="J73955" s="1" t="s">
        <v>13</v>
      </c>
    </row>
    <row r="73956" spans="1:10" x14ac:dyDescent="0.35">
      <c r="A73956" s="1" t="s">
        <v>28547</v>
      </c>
      <c r="B73956" s="1" t="s">
        <v>247048</v>
      </c>
      <c r="C73956" s="1" t="s">
        <v>15</v>
      </c>
      <c r="D73956" s="1" t="s">
        <v>28075</v>
      </c>
      <c r="E73956" s="1" t="s">
        <v>247155</v>
      </c>
      <c r="F73956" s="1" t="s">
        <v>247156</v>
      </c>
      <c r="G73956" s="1" t="s">
        <v>247153</v>
      </c>
      <c r="H73956" s="1" t="s">
        <v>247154</v>
      </c>
      <c r="I73956" s="1" t="s">
        <v>247053</v>
      </c>
      <c r="J73956" s="1" t="s">
        <v>247157</v>
      </c>
    </row>
    <row r="73957" spans="1:10" x14ac:dyDescent="0.35">
      <c r="A73957" s="1" t="s">
        <v>28547</v>
      </c>
      <c r="B73957" s="1" t="s">
        <v>247048</v>
      </c>
      <c r="C73957" s="1" t="s">
        <v>20</v>
      </c>
      <c r="D73957" s="1" t="s">
        <v>144582</v>
      </c>
      <c r="E73957" s="1" t="s">
        <v>247158</v>
      </c>
      <c r="F73957" s="1" t="s">
        <v>247159</v>
      </c>
      <c r="G73957" s="1" t="s">
        <v>247153</v>
      </c>
      <c r="H73957" s="1" t="s">
        <v>247154</v>
      </c>
      <c r="I73957" s="1" t="s">
        <v>247053</v>
      </c>
      <c r="J73957" s="1" t="s">
        <v>247160</v>
      </c>
    </row>
    <row r="73958" spans="1:10" x14ac:dyDescent="0.35">
      <c r="A73958" s="1" t="s">
        <v>28547</v>
      </c>
      <c r="B73958" s="1" t="s">
        <v>247048</v>
      </c>
      <c r="C73958" s="1" t="s">
        <v>25</v>
      </c>
      <c r="D73958" s="1" t="s">
        <v>217213</v>
      </c>
      <c r="E73958" s="1" t="s">
        <v>247161</v>
      </c>
      <c r="F73958" s="1" t="s">
        <v>247162</v>
      </c>
      <c r="G73958" s="1" t="s">
        <v>247153</v>
      </c>
      <c r="H73958" s="1" t="s">
        <v>247154</v>
      </c>
      <c r="I73958" s="1" t="s">
        <v>247053</v>
      </c>
      <c r="J73958" s="1" t="s">
        <v>247163</v>
      </c>
    </row>
    <row r="73959" spans="1:10" x14ac:dyDescent="0.35">
      <c r="A73959" s="1" t="s">
        <v>28547</v>
      </c>
      <c r="B73959" s="1" t="s">
        <v>247048</v>
      </c>
      <c r="C73959" s="1" t="s">
        <v>30</v>
      </c>
      <c r="D73959" s="1" t="s">
        <v>45252</v>
      </c>
      <c r="E73959" s="1" t="s">
        <v>247164</v>
      </c>
      <c r="F73959" s="1" t="s">
        <v>247165</v>
      </c>
      <c r="G73959" s="1" t="s">
        <v>247153</v>
      </c>
      <c r="H73959" s="1" t="s">
        <v>247154</v>
      </c>
      <c r="I73959" s="1" t="s">
        <v>247053</v>
      </c>
      <c r="J73959" s="1" t="s">
        <v>247166</v>
      </c>
    </row>
    <row r="73960" spans="1:10" x14ac:dyDescent="0.35">
      <c r="A73960" s="1" t="s">
        <v>28547</v>
      </c>
      <c r="B73960" s="1" t="s">
        <v>247048</v>
      </c>
      <c r="C73960" s="1" t="s">
        <v>35</v>
      </c>
      <c r="D73960" s="1" t="s">
        <v>10302</v>
      </c>
      <c r="E73960" s="1" t="s">
        <v>247167</v>
      </c>
      <c r="F73960" s="1" t="s">
        <v>247168</v>
      </c>
      <c r="G73960" s="1" t="s">
        <v>247153</v>
      </c>
      <c r="H73960" s="1" t="s">
        <v>247154</v>
      </c>
      <c r="I73960" s="1" t="s">
        <v>247053</v>
      </c>
      <c r="J73960" s="1" t="s">
        <v>247169</v>
      </c>
    </row>
    <row r="73961" spans="1:10" x14ac:dyDescent="0.35">
      <c r="A73961" s="1" t="s">
        <v>28547</v>
      </c>
      <c r="B73961" s="1" t="s">
        <v>247048</v>
      </c>
      <c r="C73961" s="1" t="s">
        <v>40</v>
      </c>
      <c r="D73961" s="1" t="s">
        <v>29093</v>
      </c>
      <c r="E73961" s="1" t="s">
        <v>247170</v>
      </c>
      <c r="F73961" s="1" t="s">
        <v>247171</v>
      </c>
      <c r="G73961" s="1" t="s">
        <v>247153</v>
      </c>
      <c r="H73961" s="1" t="s">
        <v>247154</v>
      </c>
      <c r="I73961" s="1" t="s">
        <v>247053</v>
      </c>
      <c r="J73961" s="1" t="s">
        <v>247172</v>
      </c>
    </row>
    <row r="73962" spans="1:10" x14ac:dyDescent="0.35">
      <c r="A73962" s="1" t="s">
        <v>28547</v>
      </c>
      <c r="B73962" s="1" t="s">
        <v>247048</v>
      </c>
      <c r="C73962" s="1" t="s">
        <v>45</v>
      </c>
      <c r="D73962" s="1" t="s">
        <v>2881</v>
      </c>
      <c r="E73962" s="1" t="s">
        <v>247173</v>
      </c>
      <c r="F73962" s="1" t="s">
        <v>247174</v>
      </c>
      <c r="G73962" s="1" t="s">
        <v>247153</v>
      </c>
      <c r="H73962" s="1" t="s">
        <v>247154</v>
      </c>
      <c r="I73962" s="1" t="s">
        <v>247053</v>
      </c>
      <c r="J73962" s="1" t="s">
        <v>247175</v>
      </c>
    </row>
    <row r="73963" spans="1:10" x14ac:dyDescent="0.35">
      <c r="A73963" s="1" t="s">
        <v>28547</v>
      </c>
      <c r="B73963" s="1" t="s">
        <v>247048</v>
      </c>
      <c r="C73963" s="1" t="s">
        <v>50</v>
      </c>
      <c r="D73963" s="1" t="s">
        <v>4078</v>
      </c>
      <c r="E73963" s="1" t="s">
        <v>247176</v>
      </c>
      <c r="F73963" s="1" t="s">
        <v>247177</v>
      </c>
      <c r="G73963" s="1" t="s">
        <v>247153</v>
      </c>
      <c r="H73963" s="1" t="s">
        <v>247154</v>
      </c>
      <c r="I73963" s="1" t="s">
        <v>247053</v>
      </c>
      <c r="J73963" s="1" t="s">
        <v>247178</v>
      </c>
    </row>
    <row r="73964" spans="1:10" x14ac:dyDescent="0.35">
      <c r="A73964" s="1" t="s">
        <v>28547</v>
      </c>
      <c r="B73964" s="1" t="s">
        <v>247048</v>
      </c>
      <c r="C73964" s="1" t="s">
        <v>55</v>
      </c>
      <c r="D73964" s="1" t="s">
        <v>2885</v>
      </c>
      <c r="E73964" s="1" t="s">
        <v>247179</v>
      </c>
      <c r="F73964" s="1" t="s">
        <v>247180</v>
      </c>
      <c r="G73964" s="1" t="s">
        <v>247153</v>
      </c>
      <c r="H73964" s="1" t="s">
        <v>247154</v>
      </c>
      <c r="I73964" s="1" t="s">
        <v>247053</v>
      </c>
      <c r="J73964" s="1" t="s">
        <v>247181</v>
      </c>
    </row>
    <row r="73965" spans="1:10" x14ac:dyDescent="0.35">
      <c r="A73965" s="1" t="s">
        <v>28547</v>
      </c>
      <c r="B73965" s="1" t="s">
        <v>247048</v>
      </c>
      <c r="C73965" s="1" t="s">
        <v>60</v>
      </c>
      <c r="D73965" s="1" t="s">
        <v>104092</v>
      </c>
      <c r="E73965" s="1" t="s">
        <v>247182</v>
      </c>
      <c r="F73965" s="1" t="s">
        <v>247183</v>
      </c>
      <c r="G73965" s="1" t="s">
        <v>247153</v>
      </c>
      <c r="H73965" s="1" t="s">
        <v>247154</v>
      </c>
      <c r="I73965" s="1" t="s">
        <v>247053</v>
      </c>
      <c r="J73965" s="1" t="s">
        <v>247184</v>
      </c>
    </row>
    <row r="73966" spans="1:10" x14ac:dyDescent="0.35">
      <c r="A73966" s="1" t="s">
        <v>28547</v>
      </c>
      <c r="B73966" s="1" t="s">
        <v>247048</v>
      </c>
      <c r="C73966" s="1" t="s">
        <v>65</v>
      </c>
      <c r="D73966" s="1" t="s">
        <v>161497</v>
      </c>
      <c r="E73966" s="1" t="s">
        <v>247185</v>
      </c>
      <c r="F73966" s="1" t="s">
        <v>247186</v>
      </c>
      <c r="G73966" s="1" t="s">
        <v>247153</v>
      </c>
      <c r="H73966" s="1" t="s">
        <v>247154</v>
      </c>
      <c r="I73966" s="1" t="s">
        <v>247053</v>
      </c>
      <c r="J73966" s="1" t="s">
        <v>247187</v>
      </c>
    </row>
    <row r="73967" spans="1:10" x14ac:dyDescent="0.35">
      <c r="A73967" s="1" t="s">
        <v>28547</v>
      </c>
      <c r="B73967" s="1" t="s">
        <v>247048</v>
      </c>
      <c r="C73967" s="1" t="s">
        <v>70</v>
      </c>
      <c r="D73967" s="1" t="s">
        <v>121897</v>
      </c>
      <c r="E73967" s="1" t="s">
        <v>247188</v>
      </c>
      <c r="F73967" s="1" t="s">
        <v>247189</v>
      </c>
      <c r="G73967" s="1" t="s">
        <v>247153</v>
      </c>
      <c r="H73967" s="1" t="s">
        <v>247154</v>
      </c>
      <c r="I73967" s="1" t="s">
        <v>247053</v>
      </c>
      <c r="J73967" s="1" t="s">
        <v>247190</v>
      </c>
    </row>
    <row r="73968" spans="1:10" x14ac:dyDescent="0.35">
      <c r="A73968" s="1" t="s">
        <v>28547</v>
      </c>
      <c r="B73968" s="1" t="s">
        <v>247048</v>
      </c>
      <c r="C73968" s="1" t="s">
        <v>75</v>
      </c>
      <c r="D73968" s="1" t="s">
        <v>50745</v>
      </c>
      <c r="E73968" s="1" t="s">
        <v>247191</v>
      </c>
      <c r="F73968" s="1" t="s">
        <v>247192</v>
      </c>
      <c r="G73968" s="1" t="s">
        <v>247153</v>
      </c>
      <c r="H73968" s="1" t="s">
        <v>247154</v>
      </c>
      <c r="I73968" s="1" t="s">
        <v>247053</v>
      </c>
      <c r="J73968" s="1" t="s">
        <v>247193</v>
      </c>
    </row>
    <row r="73969" spans="1:10" x14ac:dyDescent="0.35">
      <c r="A73969" s="1" t="s">
        <v>28547</v>
      </c>
      <c r="B73969" s="1" t="s">
        <v>247048</v>
      </c>
      <c r="C73969" s="1" t="s">
        <v>80</v>
      </c>
      <c r="D73969" s="1" t="s">
        <v>156250</v>
      </c>
      <c r="E73969" s="1" t="s">
        <v>247194</v>
      </c>
      <c r="F73969" s="1" t="s">
        <v>247195</v>
      </c>
      <c r="G73969" s="1" t="s">
        <v>247153</v>
      </c>
      <c r="H73969" s="1" t="s">
        <v>247154</v>
      </c>
      <c r="I73969" s="1" t="s">
        <v>247053</v>
      </c>
      <c r="J73969" s="1" t="s">
        <v>247196</v>
      </c>
    </row>
    <row r="73970" spans="1:10" x14ac:dyDescent="0.35">
      <c r="A73970" s="1" t="s">
        <v>28547</v>
      </c>
      <c r="B73970" s="1" t="s">
        <v>247048</v>
      </c>
      <c r="C73970" s="1" t="s">
        <v>85</v>
      </c>
      <c r="D73970" s="1" t="s">
        <v>104824</v>
      </c>
      <c r="E73970" s="1" t="s">
        <v>247197</v>
      </c>
      <c r="F73970" s="1" t="s">
        <v>247198</v>
      </c>
      <c r="G73970" s="1" t="s">
        <v>247153</v>
      </c>
      <c r="H73970" s="1" t="s">
        <v>247154</v>
      </c>
      <c r="I73970" s="1" t="s">
        <v>247053</v>
      </c>
      <c r="J73970" s="1" t="s">
        <v>247199</v>
      </c>
    </row>
    <row r="73971" spans="1:10" x14ac:dyDescent="0.35">
      <c r="A73971" s="1" t="s">
        <v>28547</v>
      </c>
      <c r="B73971" s="1" t="s">
        <v>247048</v>
      </c>
      <c r="C73971" s="1" t="s">
        <v>90</v>
      </c>
      <c r="D73971" s="1" t="s">
        <v>142972</v>
      </c>
      <c r="E73971" s="1" t="s">
        <v>247200</v>
      </c>
      <c r="F73971" s="1" t="s">
        <v>247201</v>
      </c>
      <c r="G73971" s="1" t="s">
        <v>247153</v>
      </c>
      <c r="H73971" s="1" t="s">
        <v>247154</v>
      </c>
      <c r="I73971" s="1" t="s">
        <v>247053</v>
      </c>
      <c r="J73971" s="1" t="s">
        <v>247202</v>
      </c>
    </row>
    <row r="73972" spans="1:10" x14ac:dyDescent="0.35">
      <c r="A73972" s="1" t="s">
        <v>28547</v>
      </c>
      <c r="B73972" s="1" t="s">
        <v>247048</v>
      </c>
      <c r="C73972" s="1" t="s">
        <v>95</v>
      </c>
      <c r="D73972" s="1" t="s">
        <v>73292</v>
      </c>
      <c r="E73972" s="1" t="s">
        <v>247203</v>
      </c>
      <c r="F73972" s="1" t="s">
        <v>247204</v>
      </c>
      <c r="G73972" s="1" t="s">
        <v>247153</v>
      </c>
      <c r="H73972" s="1" t="s">
        <v>247154</v>
      </c>
      <c r="I73972" s="1" t="s">
        <v>247053</v>
      </c>
      <c r="J73972" s="1" t="s">
        <v>247205</v>
      </c>
    </row>
    <row r="73973" spans="1:10" x14ac:dyDescent="0.35">
      <c r="A73973" s="1" t="s">
        <v>28547</v>
      </c>
      <c r="B73973" s="1" t="s">
        <v>247048</v>
      </c>
      <c r="C73973" s="1" t="s">
        <v>100</v>
      </c>
      <c r="D73973" s="1" t="s">
        <v>121142</v>
      </c>
      <c r="E73973" s="1" t="s">
        <v>247206</v>
      </c>
      <c r="F73973" s="1" t="s">
        <v>247207</v>
      </c>
      <c r="G73973" s="1" t="s">
        <v>247153</v>
      </c>
      <c r="H73973" s="1" t="s">
        <v>247154</v>
      </c>
      <c r="I73973" s="1" t="s">
        <v>247053</v>
      </c>
      <c r="J73973" s="1" t="s">
        <v>247208</v>
      </c>
    </row>
    <row r="73974" spans="1:10" x14ac:dyDescent="0.35">
      <c r="A73974" s="1" t="s">
        <v>28547</v>
      </c>
      <c r="B73974" s="1" t="s">
        <v>247048</v>
      </c>
      <c r="C73974" s="1" t="s">
        <v>105</v>
      </c>
      <c r="D73974" s="1" t="s">
        <v>2283</v>
      </c>
      <c r="E73974" s="1" t="s">
        <v>247209</v>
      </c>
      <c r="F73974" s="1" t="s">
        <v>247210</v>
      </c>
      <c r="G73974" s="1" t="s">
        <v>247153</v>
      </c>
      <c r="H73974" s="1" t="s">
        <v>247154</v>
      </c>
      <c r="I73974" s="1" t="s">
        <v>247053</v>
      </c>
      <c r="J73974" s="1" t="s">
        <v>247211</v>
      </c>
    </row>
    <row r="73975" spans="1:10" x14ac:dyDescent="0.35">
      <c r="A73975" s="1" t="s">
        <v>28547</v>
      </c>
      <c r="B73975" s="1" t="s">
        <v>247048</v>
      </c>
      <c r="C73975" s="1" t="s">
        <v>110</v>
      </c>
      <c r="D73975" s="1" t="s">
        <v>6600</v>
      </c>
      <c r="E73975" s="1" t="s">
        <v>247212</v>
      </c>
      <c r="F73975" s="1" t="s">
        <v>247213</v>
      </c>
      <c r="G73975" s="1" t="s">
        <v>247153</v>
      </c>
      <c r="H73975" s="1" t="s">
        <v>247154</v>
      </c>
      <c r="I73975" s="1" t="s">
        <v>247053</v>
      </c>
      <c r="J73975" s="1" t="s">
        <v>247214</v>
      </c>
    </row>
    <row r="73976" spans="1:10" x14ac:dyDescent="0.35">
      <c r="A73976" s="1" t="s">
        <v>28547</v>
      </c>
      <c r="B73976" s="1" t="s">
        <v>247048</v>
      </c>
      <c r="C73976" s="1" t="s">
        <v>115</v>
      </c>
      <c r="D73976" s="1" t="s">
        <v>6539</v>
      </c>
      <c r="E73976" s="1" t="s">
        <v>247215</v>
      </c>
      <c r="F73976" s="1" t="s">
        <v>247216</v>
      </c>
      <c r="G73976" s="1" t="s">
        <v>247153</v>
      </c>
      <c r="H73976" s="1" t="s">
        <v>247154</v>
      </c>
      <c r="I73976" s="1" t="s">
        <v>247053</v>
      </c>
      <c r="J73976" s="1" t="s">
        <v>247217</v>
      </c>
    </row>
    <row r="73977" spans="1:10" x14ac:dyDescent="0.35">
      <c r="A73977" s="1" t="s">
        <v>28547</v>
      </c>
      <c r="B73977" s="1" t="s">
        <v>247048</v>
      </c>
      <c r="C73977" s="1" t="s">
        <v>120</v>
      </c>
      <c r="D73977" s="1" t="s">
        <v>104820</v>
      </c>
      <c r="E73977" s="1" t="s">
        <v>247218</v>
      </c>
      <c r="F73977" s="1" t="s">
        <v>247219</v>
      </c>
      <c r="G73977" s="1" t="s">
        <v>247153</v>
      </c>
      <c r="H73977" s="1" t="s">
        <v>247154</v>
      </c>
      <c r="I73977" s="1" t="s">
        <v>247053</v>
      </c>
      <c r="J73977" s="1" t="s">
        <v>247220</v>
      </c>
    </row>
    <row r="73978" spans="1:10" x14ac:dyDescent="0.35">
      <c r="A73978" s="1" t="s">
        <v>28547</v>
      </c>
      <c r="B73978" s="1" t="s">
        <v>247048</v>
      </c>
      <c r="C73978" s="1" t="s">
        <v>125</v>
      </c>
      <c r="D73978" s="1" t="s">
        <v>247221</v>
      </c>
      <c r="E73978" s="1" t="s">
        <v>247222</v>
      </c>
      <c r="F73978" s="1" t="s">
        <v>247223</v>
      </c>
      <c r="G73978" s="1" t="s">
        <v>247153</v>
      </c>
      <c r="H73978" s="1" t="s">
        <v>247154</v>
      </c>
      <c r="I73978" s="1" t="s">
        <v>247053</v>
      </c>
      <c r="J73978" s="1" t="s">
        <v>247224</v>
      </c>
    </row>
    <row r="73979" spans="1:10" x14ac:dyDescent="0.35">
      <c r="A73979" s="1" t="s">
        <v>28547</v>
      </c>
      <c r="B73979" s="1" t="s">
        <v>247048</v>
      </c>
      <c r="C73979" s="1" t="s">
        <v>130</v>
      </c>
      <c r="D73979" s="1" t="s">
        <v>14057</v>
      </c>
      <c r="E73979" s="1" t="s">
        <v>247225</v>
      </c>
      <c r="F73979" s="1" t="s">
        <v>247226</v>
      </c>
      <c r="G73979" s="1" t="s">
        <v>247153</v>
      </c>
      <c r="H73979" s="1" t="s">
        <v>247154</v>
      </c>
      <c r="I73979" s="1" t="s">
        <v>247053</v>
      </c>
      <c r="J73979" s="1" t="s">
        <v>247227</v>
      </c>
    </row>
    <row r="73980" spans="1:10" x14ac:dyDescent="0.35">
      <c r="A73980" s="1" t="s">
        <v>28547</v>
      </c>
      <c r="B73980" s="1" t="s">
        <v>247048</v>
      </c>
      <c r="C73980" s="1" t="s">
        <v>135</v>
      </c>
      <c r="D73980" s="1" t="s">
        <v>121774</v>
      </c>
      <c r="E73980" s="1" t="s">
        <v>247228</v>
      </c>
      <c r="F73980" s="1" t="s">
        <v>247229</v>
      </c>
      <c r="G73980" s="1" t="s">
        <v>247153</v>
      </c>
      <c r="H73980" s="1" t="s">
        <v>247154</v>
      </c>
      <c r="I73980" s="1" t="s">
        <v>247053</v>
      </c>
      <c r="J73980" s="1" t="s">
        <v>247230</v>
      </c>
    </row>
    <row r="73981" spans="1:10" x14ac:dyDescent="0.35">
      <c r="A73981" s="1" t="s">
        <v>28547</v>
      </c>
      <c r="B73981" s="1" t="s">
        <v>247048</v>
      </c>
      <c r="C73981" s="1" t="s">
        <v>140</v>
      </c>
      <c r="D73981" s="1" t="s">
        <v>111866</v>
      </c>
      <c r="E73981" s="1" t="s">
        <v>247231</v>
      </c>
      <c r="F73981" s="1" t="s">
        <v>247232</v>
      </c>
      <c r="G73981" s="1" t="s">
        <v>247153</v>
      </c>
      <c r="H73981" s="1" t="s">
        <v>247154</v>
      </c>
      <c r="I73981" s="1" t="s">
        <v>247053</v>
      </c>
      <c r="J73981" s="1" t="s">
        <v>247233</v>
      </c>
    </row>
    <row r="73982" spans="1:10" x14ac:dyDescent="0.35">
      <c r="A73982" s="1" t="s">
        <v>28547</v>
      </c>
      <c r="B73982" s="1" t="s">
        <v>247048</v>
      </c>
      <c r="C73982" s="1" t="s">
        <v>145</v>
      </c>
      <c r="D73982" s="1" t="s">
        <v>75011</v>
      </c>
      <c r="E73982" s="1" t="s">
        <v>247234</v>
      </c>
      <c r="F73982" s="1" t="s">
        <v>247235</v>
      </c>
      <c r="G73982" s="1" t="s">
        <v>247153</v>
      </c>
      <c r="H73982" s="1" t="s">
        <v>247154</v>
      </c>
      <c r="I73982" s="1" t="s">
        <v>247053</v>
      </c>
      <c r="J73982" s="1" t="s">
        <v>247236</v>
      </c>
    </row>
    <row r="73983" spans="1:10" x14ac:dyDescent="0.35">
      <c r="A73983" s="1" t="s">
        <v>28547</v>
      </c>
      <c r="B73983" s="1" t="s">
        <v>247048</v>
      </c>
      <c r="C73983" s="1" t="s">
        <v>150</v>
      </c>
      <c r="D73983" s="1" t="s">
        <v>118410</v>
      </c>
      <c r="E73983" s="1" t="s">
        <v>247237</v>
      </c>
      <c r="F73983" s="1" t="s">
        <v>247238</v>
      </c>
      <c r="G73983" s="1" t="s">
        <v>247153</v>
      </c>
      <c r="H73983" s="1" t="s">
        <v>247154</v>
      </c>
      <c r="I73983" s="1" t="s">
        <v>247053</v>
      </c>
      <c r="J73983" s="1" t="s">
        <v>247239</v>
      </c>
    </row>
    <row r="73984" spans="1:10" x14ac:dyDescent="0.35">
      <c r="A73984" s="1" t="s">
        <v>28547</v>
      </c>
      <c r="B73984" s="1" t="s">
        <v>247048</v>
      </c>
      <c r="C73984" s="1" t="s">
        <v>155</v>
      </c>
      <c r="D73984" s="1" t="s">
        <v>49775</v>
      </c>
      <c r="E73984" s="1" t="s">
        <v>247240</v>
      </c>
      <c r="F73984" s="1" t="s">
        <v>247241</v>
      </c>
      <c r="G73984" s="1" t="s">
        <v>247153</v>
      </c>
      <c r="H73984" s="1" t="s">
        <v>247154</v>
      </c>
      <c r="I73984" s="1" t="s">
        <v>247053</v>
      </c>
      <c r="J73984" s="1" t="s">
        <v>247242</v>
      </c>
    </row>
    <row r="73985" spans="1:10" x14ac:dyDescent="0.35">
      <c r="A73985" s="1" t="s">
        <v>28547</v>
      </c>
      <c r="B73985" s="1" t="s">
        <v>247048</v>
      </c>
      <c r="C73985" s="1" t="s">
        <v>160</v>
      </c>
      <c r="D73985" s="1" t="s">
        <v>72195</v>
      </c>
      <c r="E73985" s="1" t="s">
        <v>247243</v>
      </c>
      <c r="F73985" s="1" t="s">
        <v>247244</v>
      </c>
      <c r="G73985" s="1" t="s">
        <v>247153</v>
      </c>
      <c r="H73985" s="1" t="s">
        <v>247154</v>
      </c>
      <c r="I73985" s="1" t="s">
        <v>247053</v>
      </c>
      <c r="J73985" s="1" t="s">
        <v>247245</v>
      </c>
    </row>
    <row r="73986" spans="1:10" x14ac:dyDescent="0.35">
      <c r="A73986" s="1" t="s">
        <v>28547</v>
      </c>
      <c r="B73986" s="1" t="s">
        <v>247048</v>
      </c>
      <c r="C73986" s="1" t="s">
        <v>165</v>
      </c>
      <c r="D73986" s="1" t="s">
        <v>211213</v>
      </c>
      <c r="E73986" s="1" t="s">
        <v>247246</v>
      </c>
      <c r="F73986" s="1" t="s">
        <v>247247</v>
      </c>
      <c r="G73986" s="1" t="s">
        <v>247153</v>
      </c>
      <c r="H73986" s="1" t="s">
        <v>247154</v>
      </c>
      <c r="I73986" s="1" t="s">
        <v>247053</v>
      </c>
      <c r="J73986" s="1" t="s">
        <v>247248</v>
      </c>
    </row>
    <row r="73987" spans="1:10" x14ac:dyDescent="0.35">
      <c r="A73987" s="1" t="s">
        <v>28547</v>
      </c>
      <c r="B73987" s="1" t="s">
        <v>247048</v>
      </c>
      <c r="C73987" s="1" t="s">
        <v>170</v>
      </c>
      <c r="D73987" s="1" t="s">
        <v>170673</v>
      </c>
      <c r="E73987" s="1" t="s">
        <v>247249</v>
      </c>
      <c r="F73987" s="1" t="s">
        <v>247250</v>
      </c>
      <c r="G73987" s="1" t="s">
        <v>247153</v>
      </c>
      <c r="H73987" s="1" t="s">
        <v>247154</v>
      </c>
      <c r="I73987" s="1" t="s">
        <v>247053</v>
      </c>
      <c r="J73987" s="1" t="s">
        <v>247251</v>
      </c>
    </row>
    <row r="73988" spans="1:10" x14ac:dyDescent="0.35">
      <c r="A73988" s="1" t="s">
        <v>110573</v>
      </c>
      <c r="B73988" s="1" t="s">
        <v>247048</v>
      </c>
      <c r="C73988" s="1" t="s">
        <v>8</v>
      </c>
      <c r="D73988" s="1" t="s">
        <v>80734</v>
      </c>
      <c r="E73988" s="1" t="s">
        <v>247252</v>
      </c>
      <c r="F73988" s="1" t="s">
        <v>247253</v>
      </c>
      <c r="G73988" s="1" t="s">
        <v>247254</v>
      </c>
      <c r="H73988" s="1" t="s">
        <v>247255</v>
      </c>
      <c r="I73988" s="1" t="s">
        <v>247053</v>
      </c>
      <c r="J73988" s="1" t="s">
        <v>13</v>
      </c>
    </row>
    <row r="73989" spans="1:10" x14ac:dyDescent="0.35">
      <c r="A73989" s="1" t="s">
        <v>110573</v>
      </c>
      <c r="B73989" s="1" t="s">
        <v>247048</v>
      </c>
      <c r="C73989" s="1" t="s">
        <v>15</v>
      </c>
      <c r="D73989" s="1" t="s">
        <v>45101</v>
      </c>
      <c r="E73989" s="1" t="s">
        <v>247256</v>
      </c>
      <c r="F73989" s="1" t="s">
        <v>247257</v>
      </c>
      <c r="G73989" s="1" t="s">
        <v>247254</v>
      </c>
      <c r="H73989" s="1" t="s">
        <v>247255</v>
      </c>
      <c r="I73989" s="1" t="s">
        <v>247053</v>
      </c>
      <c r="J73989" s="1" t="s">
        <v>247258</v>
      </c>
    </row>
    <row r="73990" spans="1:10" x14ac:dyDescent="0.35">
      <c r="A73990" s="1" t="s">
        <v>110573</v>
      </c>
      <c r="B73990" s="1" t="s">
        <v>247048</v>
      </c>
      <c r="C73990" s="1" t="s">
        <v>20</v>
      </c>
      <c r="D73990" s="1" t="s">
        <v>6263</v>
      </c>
      <c r="E73990" s="1" t="s">
        <v>247259</v>
      </c>
      <c r="F73990" s="1" t="s">
        <v>247260</v>
      </c>
      <c r="G73990" s="1" t="s">
        <v>247254</v>
      </c>
      <c r="H73990" s="1" t="s">
        <v>247255</v>
      </c>
      <c r="I73990" s="1" t="s">
        <v>247053</v>
      </c>
      <c r="J73990" s="1" t="s">
        <v>247261</v>
      </c>
    </row>
    <row r="73991" spans="1:10" x14ac:dyDescent="0.35">
      <c r="A73991" s="1" t="s">
        <v>110573</v>
      </c>
      <c r="B73991" s="1" t="s">
        <v>247048</v>
      </c>
      <c r="C73991" s="1" t="s">
        <v>25</v>
      </c>
      <c r="D73991" s="1" t="s">
        <v>159204</v>
      </c>
      <c r="E73991" s="1" t="s">
        <v>247262</v>
      </c>
      <c r="F73991" s="1" t="s">
        <v>247263</v>
      </c>
      <c r="G73991" s="1" t="s">
        <v>247254</v>
      </c>
      <c r="H73991" s="1" t="s">
        <v>247255</v>
      </c>
      <c r="I73991" s="1" t="s">
        <v>247053</v>
      </c>
      <c r="J73991" s="1" t="s">
        <v>247264</v>
      </c>
    </row>
    <row r="73992" spans="1:10" x14ac:dyDescent="0.35">
      <c r="A73992" s="1" t="s">
        <v>110573</v>
      </c>
      <c r="B73992" s="1" t="s">
        <v>247048</v>
      </c>
      <c r="C73992" s="1" t="s">
        <v>30</v>
      </c>
      <c r="D73992" s="1" t="s">
        <v>165646</v>
      </c>
      <c r="E73992" s="1" t="s">
        <v>247265</v>
      </c>
      <c r="F73992" s="1" t="s">
        <v>247266</v>
      </c>
      <c r="G73992" s="1" t="s">
        <v>247254</v>
      </c>
      <c r="H73992" s="1" t="s">
        <v>247255</v>
      </c>
      <c r="I73992" s="1" t="s">
        <v>247053</v>
      </c>
      <c r="J73992" s="1" t="s">
        <v>247267</v>
      </c>
    </row>
    <row r="73993" spans="1:10" x14ac:dyDescent="0.35">
      <c r="A73993" s="1" t="s">
        <v>110573</v>
      </c>
      <c r="B73993" s="1" t="s">
        <v>247048</v>
      </c>
      <c r="C73993" s="1" t="s">
        <v>35</v>
      </c>
      <c r="D73993" s="1" t="s">
        <v>9201</v>
      </c>
      <c r="E73993" s="1" t="s">
        <v>247268</v>
      </c>
      <c r="F73993" s="1" t="s">
        <v>247269</v>
      </c>
      <c r="G73993" s="1" t="s">
        <v>247254</v>
      </c>
      <c r="H73993" s="1" t="s">
        <v>247255</v>
      </c>
      <c r="I73993" s="1" t="s">
        <v>247053</v>
      </c>
      <c r="J73993" s="1" t="s">
        <v>247270</v>
      </c>
    </row>
    <row r="73994" spans="1:10" x14ac:dyDescent="0.35">
      <c r="A73994" s="1" t="s">
        <v>110573</v>
      </c>
      <c r="B73994" s="1" t="s">
        <v>247048</v>
      </c>
      <c r="C73994" s="1" t="s">
        <v>40</v>
      </c>
      <c r="D73994" s="1" t="s">
        <v>25218</v>
      </c>
      <c r="E73994" s="1" t="s">
        <v>7534</v>
      </c>
      <c r="F73994" s="1" t="s">
        <v>247271</v>
      </c>
      <c r="G73994" s="1" t="s">
        <v>247254</v>
      </c>
      <c r="H73994" s="1" t="s">
        <v>247255</v>
      </c>
      <c r="I73994" s="1" t="s">
        <v>247053</v>
      </c>
      <c r="J73994" s="1" t="s">
        <v>247272</v>
      </c>
    </row>
    <row r="73995" spans="1:10" x14ac:dyDescent="0.35">
      <c r="A73995" s="1" t="s">
        <v>110573</v>
      </c>
      <c r="B73995" s="1" t="s">
        <v>247048</v>
      </c>
      <c r="C73995" s="1" t="s">
        <v>45</v>
      </c>
      <c r="D73995" s="1" t="s">
        <v>6167</v>
      </c>
      <c r="E73995" s="1" t="s">
        <v>247273</v>
      </c>
      <c r="F73995" s="1" t="s">
        <v>247274</v>
      </c>
      <c r="G73995" s="1" t="s">
        <v>247254</v>
      </c>
      <c r="H73995" s="1" t="s">
        <v>247255</v>
      </c>
      <c r="I73995" s="1" t="s">
        <v>247053</v>
      </c>
      <c r="J73995" s="1" t="s">
        <v>247275</v>
      </c>
    </row>
    <row r="73996" spans="1:10" x14ac:dyDescent="0.35">
      <c r="A73996" s="1" t="s">
        <v>110573</v>
      </c>
      <c r="B73996" s="1" t="s">
        <v>247048</v>
      </c>
      <c r="C73996" s="1" t="s">
        <v>50</v>
      </c>
      <c r="D73996" s="1" t="s">
        <v>6190</v>
      </c>
      <c r="E73996" s="1" t="s">
        <v>247276</v>
      </c>
      <c r="F73996" s="1" t="s">
        <v>247277</v>
      </c>
      <c r="G73996" s="1" t="s">
        <v>247254</v>
      </c>
      <c r="H73996" s="1" t="s">
        <v>247255</v>
      </c>
      <c r="I73996" s="1" t="s">
        <v>247053</v>
      </c>
      <c r="J73996" s="1" t="s">
        <v>247278</v>
      </c>
    </row>
    <row r="73997" spans="1:10" x14ac:dyDescent="0.35">
      <c r="A73997" s="1" t="s">
        <v>110573</v>
      </c>
      <c r="B73997" s="1" t="s">
        <v>247048</v>
      </c>
      <c r="C73997" s="1" t="s">
        <v>55</v>
      </c>
      <c r="D73997" s="1" t="s">
        <v>117459</v>
      </c>
      <c r="E73997" s="1" t="s">
        <v>247279</v>
      </c>
      <c r="F73997" s="1" t="s">
        <v>247280</v>
      </c>
      <c r="G73997" s="1" t="s">
        <v>247254</v>
      </c>
      <c r="H73997" s="1" t="s">
        <v>247255</v>
      </c>
      <c r="I73997" s="1" t="s">
        <v>247053</v>
      </c>
      <c r="J73997" s="1" t="s">
        <v>247281</v>
      </c>
    </row>
    <row r="73998" spans="1:10" x14ac:dyDescent="0.35">
      <c r="A73998" s="1" t="s">
        <v>110573</v>
      </c>
      <c r="B73998" s="1" t="s">
        <v>247048</v>
      </c>
      <c r="C73998" s="1" t="s">
        <v>60</v>
      </c>
      <c r="D73998" s="1" t="s">
        <v>138495</v>
      </c>
      <c r="E73998" s="1" t="s">
        <v>247282</v>
      </c>
      <c r="F73998" s="1" t="s">
        <v>247283</v>
      </c>
      <c r="G73998" s="1" t="s">
        <v>247254</v>
      </c>
      <c r="H73998" s="1" t="s">
        <v>247255</v>
      </c>
      <c r="I73998" s="1" t="s">
        <v>247053</v>
      </c>
      <c r="J73998" s="1" t="s">
        <v>247284</v>
      </c>
    </row>
    <row r="73999" spans="1:10" x14ac:dyDescent="0.35">
      <c r="A73999" s="1" t="s">
        <v>110573</v>
      </c>
      <c r="B73999" s="1" t="s">
        <v>247048</v>
      </c>
      <c r="C73999" s="1" t="s">
        <v>65</v>
      </c>
      <c r="D73999" s="1" t="s">
        <v>13148</v>
      </c>
      <c r="E73999" s="1" t="s">
        <v>247285</v>
      </c>
      <c r="F73999" s="1" t="s">
        <v>247286</v>
      </c>
      <c r="G73999" s="1" t="s">
        <v>247254</v>
      </c>
      <c r="H73999" s="1" t="s">
        <v>247255</v>
      </c>
      <c r="I73999" s="1" t="s">
        <v>247053</v>
      </c>
      <c r="J73999" s="1" t="s">
        <v>247287</v>
      </c>
    </row>
    <row r="74000" spans="1:10" x14ac:dyDescent="0.35">
      <c r="A74000" s="1" t="s">
        <v>110573</v>
      </c>
      <c r="B74000" s="1" t="s">
        <v>247048</v>
      </c>
      <c r="C74000" s="1" t="s">
        <v>70</v>
      </c>
      <c r="D74000" s="1" t="s">
        <v>119006</v>
      </c>
      <c r="E74000" s="1" t="s">
        <v>247288</v>
      </c>
      <c r="F74000" s="1" t="s">
        <v>247289</v>
      </c>
      <c r="G74000" s="1" t="s">
        <v>247254</v>
      </c>
      <c r="H74000" s="1" t="s">
        <v>247255</v>
      </c>
      <c r="I74000" s="1" t="s">
        <v>247053</v>
      </c>
      <c r="J74000" s="1" t="s">
        <v>247290</v>
      </c>
    </row>
    <row r="74001" spans="1:10" x14ac:dyDescent="0.35">
      <c r="A74001" s="1" t="s">
        <v>110573</v>
      </c>
      <c r="B74001" s="1" t="s">
        <v>247048</v>
      </c>
      <c r="C74001" s="1" t="s">
        <v>75</v>
      </c>
      <c r="D74001" s="1" t="s">
        <v>27731</v>
      </c>
      <c r="E74001" s="1" t="s">
        <v>247291</v>
      </c>
      <c r="F74001" s="1" t="s">
        <v>247292</v>
      </c>
      <c r="G74001" s="1" t="s">
        <v>247254</v>
      </c>
      <c r="H74001" s="1" t="s">
        <v>247255</v>
      </c>
      <c r="I74001" s="1" t="s">
        <v>247053</v>
      </c>
      <c r="J74001" s="1" t="s">
        <v>247293</v>
      </c>
    </row>
    <row r="74002" spans="1:10" x14ac:dyDescent="0.35">
      <c r="A74002" s="1" t="s">
        <v>110573</v>
      </c>
      <c r="B74002" s="1" t="s">
        <v>247048</v>
      </c>
      <c r="C74002" s="1" t="s">
        <v>80</v>
      </c>
      <c r="D74002" s="1" t="s">
        <v>14013</v>
      </c>
      <c r="E74002" s="1" t="s">
        <v>247294</v>
      </c>
      <c r="F74002" s="1" t="s">
        <v>247295</v>
      </c>
      <c r="G74002" s="1" t="s">
        <v>247254</v>
      </c>
      <c r="H74002" s="1" t="s">
        <v>247255</v>
      </c>
      <c r="I74002" s="1" t="s">
        <v>247053</v>
      </c>
      <c r="J74002" s="1" t="s">
        <v>247296</v>
      </c>
    </row>
    <row r="74003" spans="1:10" x14ac:dyDescent="0.35">
      <c r="A74003" s="1" t="s">
        <v>110573</v>
      </c>
      <c r="B74003" s="1" t="s">
        <v>247048</v>
      </c>
      <c r="C74003" s="1" t="s">
        <v>85</v>
      </c>
      <c r="D74003" s="1" t="s">
        <v>171982</v>
      </c>
      <c r="E74003" s="1" t="s">
        <v>247297</v>
      </c>
      <c r="F74003" s="1" t="s">
        <v>247298</v>
      </c>
      <c r="G74003" s="1" t="s">
        <v>247254</v>
      </c>
      <c r="H74003" s="1" t="s">
        <v>247255</v>
      </c>
      <c r="I74003" s="1" t="s">
        <v>247053</v>
      </c>
      <c r="J74003" s="1" t="s">
        <v>247299</v>
      </c>
    </row>
    <row r="74004" spans="1:10" x14ac:dyDescent="0.35">
      <c r="A74004" s="1" t="s">
        <v>110573</v>
      </c>
      <c r="B74004" s="1" t="s">
        <v>247048</v>
      </c>
      <c r="C74004" s="1" t="s">
        <v>90</v>
      </c>
      <c r="D74004" s="1" t="s">
        <v>9241</v>
      </c>
      <c r="E74004" s="1" t="s">
        <v>247300</v>
      </c>
      <c r="F74004" s="1" t="s">
        <v>247301</v>
      </c>
      <c r="G74004" s="1" t="s">
        <v>247254</v>
      </c>
      <c r="H74004" s="1" t="s">
        <v>247255</v>
      </c>
      <c r="I74004" s="1" t="s">
        <v>247053</v>
      </c>
      <c r="J74004" s="1" t="s">
        <v>247302</v>
      </c>
    </row>
    <row r="74005" spans="1:10" x14ac:dyDescent="0.35">
      <c r="A74005" s="1" t="s">
        <v>110573</v>
      </c>
      <c r="B74005" s="1" t="s">
        <v>247048</v>
      </c>
      <c r="C74005" s="1" t="s">
        <v>95</v>
      </c>
      <c r="D74005" s="1" t="s">
        <v>15331</v>
      </c>
      <c r="E74005" s="1" t="s">
        <v>247303</v>
      </c>
      <c r="F74005" s="1" t="s">
        <v>247304</v>
      </c>
      <c r="G74005" s="1" t="s">
        <v>247254</v>
      </c>
      <c r="H74005" s="1" t="s">
        <v>247255</v>
      </c>
      <c r="I74005" s="1" t="s">
        <v>247053</v>
      </c>
      <c r="J74005" s="1" t="s">
        <v>247305</v>
      </c>
    </row>
    <row r="74006" spans="1:10" x14ac:dyDescent="0.35">
      <c r="A74006" s="1" t="s">
        <v>110573</v>
      </c>
      <c r="B74006" s="1" t="s">
        <v>247048</v>
      </c>
      <c r="C74006" s="1" t="s">
        <v>100</v>
      </c>
      <c r="D74006" s="1" t="s">
        <v>34818</v>
      </c>
      <c r="E74006" s="1" t="s">
        <v>247306</v>
      </c>
      <c r="F74006" s="1" t="s">
        <v>247307</v>
      </c>
      <c r="G74006" s="1" t="s">
        <v>247254</v>
      </c>
      <c r="H74006" s="1" t="s">
        <v>247255</v>
      </c>
      <c r="I74006" s="1" t="s">
        <v>247053</v>
      </c>
      <c r="J74006" s="1" t="s">
        <v>247308</v>
      </c>
    </row>
    <row r="74007" spans="1:10" x14ac:dyDescent="0.35">
      <c r="A74007" s="1" t="s">
        <v>110573</v>
      </c>
      <c r="B74007" s="1" t="s">
        <v>247048</v>
      </c>
      <c r="C74007" s="1" t="s">
        <v>105</v>
      </c>
      <c r="D74007" s="1" t="s">
        <v>110906</v>
      </c>
      <c r="E74007" s="1" t="s">
        <v>247309</v>
      </c>
      <c r="F74007" s="1" t="s">
        <v>247310</v>
      </c>
      <c r="G74007" s="1" t="s">
        <v>247254</v>
      </c>
      <c r="H74007" s="1" t="s">
        <v>247255</v>
      </c>
      <c r="I74007" s="1" t="s">
        <v>247053</v>
      </c>
      <c r="J74007" s="1" t="s">
        <v>247311</v>
      </c>
    </row>
    <row r="74008" spans="1:10" x14ac:dyDescent="0.35">
      <c r="A74008" s="1" t="s">
        <v>110573</v>
      </c>
      <c r="B74008" s="1" t="s">
        <v>247048</v>
      </c>
      <c r="C74008" s="1" t="s">
        <v>110</v>
      </c>
      <c r="D74008" s="1" t="s">
        <v>109899</v>
      </c>
      <c r="E74008" s="1" t="s">
        <v>247312</v>
      </c>
      <c r="F74008" s="1" t="s">
        <v>247313</v>
      </c>
      <c r="G74008" s="1" t="s">
        <v>247254</v>
      </c>
      <c r="H74008" s="1" t="s">
        <v>247255</v>
      </c>
      <c r="I74008" s="1" t="s">
        <v>247053</v>
      </c>
      <c r="J74008" s="1" t="s">
        <v>247314</v>
      </c>
    </row>
    <row r="74009" spans="1:10" x14ac:dyDescent="0.35">
      <c r="A74009" s="1" t="s">
        <v>110573</v>
      </c>
      <c r="B74009" s="1" t="s">
        <v>247048</v>
      </c>
      <c r="C74009" s="1" t="s">
        <v>115</v>
      </c>
      <c r="D74009" s="1" t="s">
        <v>15605</v>
      </c>
      <c r="E74009" s="1" t="s">
        <v>247315</v>
      </c>
      <c r="F74009" s="1" t="s">
        <v>247316</v>
      </c>
      <c r="G74009" s="1" t="s">
        <v>247254</v>
      </c>
      <c r="H74009" s="1" t="s">
        <v>247255</v>
      </c>
      <c r="I74009" s="1" t="s">
        <v>247053</v>
      </c>
      <c r="J74009" s="1" t="s">
        <v>247317</v>
      </c>
    </row>
    <row r="74010" spans="1:10" x14ac:dyDescent="0.35">
      <c r="A74010" s="1" t="s">
        <v>110573</v>
      </c>
      <c r="B74010" s="1" t="s">
        <v>247048</v>
      </c>
      <c r="C74010" s="1" t="s">
        <v>120</v>
      </c>
      <c r="D74010" s="1" t="s">
        <v>110754</v>
      </c>
      <c r="E74010" s="1" t="s">
        <v>247318</v>
      </c>
      <c r="F74010" s="1" t="s">
        <v>247319</v>
      </c>
      <c r="G74010" s="1" t="s">
        <v>247254</v>
      </c>
      <c r="H74010" s="1" t="s">
        <v>247255</v>
      </c>
      <c r="I74010" s="1" t="s">
        <v>247053</v>
      </c>
      <c r="J74010" s="1" t="s">
        <v>247320</v>
      </c>
    </row>
    <row r="74011" spans="1:10" x14ac:dyDescent="0.35">
      <c r="A74011" s="1" t="s">
        <v>110573</v>
      </c>
      <c r="B74011" s="1" t="s">
        <v>247048</v>
      </c>
      <c r="C74011" s="1" t="s">
        <v>125</v>
      </c>
      <c r="D74011" s="1" t="s">
        <v>36921</v>
      </c>
      <c r="E74011" s="1" t="s">
        <v>247321</v>
      </c>
      <c r="F74011" s="1" t="s">
        <v>247322</v>
      </c>
      <c r="G74011" s="1" t="s">
        <v>247254</v>
      </c>
      <c r="H74011" s="1" t="s">
        <v>247255</v>
      </c>
      <c r="I74011" s="1" t="s">
        <v>247053</v>
      </c>
      <c r="J74011" s="1" t="s">
        <v>247323</v>
      </c>
    </row>
    <row r="74012" spans="1:10" x14ac:dyDescent="0.35">
      <c r="A74012" s="1" t="s">
        <v>110573</v>
      </c>
      <c r="B74012" s="1" t="s">
        <v>247048</v>
      </c>
      <c r="C74012" s="1" t="s">
        <v>130</v>
      </c>
      <c r="D74012" s="1" t="s">
        <v>247324</v>
      </c>
      <c r="E74012" s="1" t="s">
        <v>247325</v>
      </c>
      <c r="F74012" s="1" t="s">
        <v>247326</v>
      </c>
      <c r="G74012" s="1" t="s">
        <v>247254</v>
      </c>
      <c r="H74012" s="1" t="s">
        <v>247255</v>
      </c>
      <c r="I74012" s="1" t="s">
        <v>247053</v>
      </c>
      <c r="J74012" s="1" t="s">
        <v>247327</v>
      </c>
    </row>
    <row r="74013" spans="1:10" x14ac:dyDescent="0.35">
      <c r="A74013" s="1" t="s">
        <v>110573</v>
      </c>
      <c r="B74013" s="1" t="s">
        <v>247048</v>
      </c>
      <c r="C74013" s="1" t="s">
        <v>135</v>
      </c>
      <c r="D74013" s="1" t="s">
        <v>118448</v>
      </c>
      <c r="E74013" s="1" t="s">
        <v>247328</v>
      </c>
      <c r="F74013" s="1" t="s">
        <v>247329</v>
      </c>
      <c r="G74013" s="1" t="s">
        <v>247254</v>
      </c>
      <c r="H74013" s="1" t="s">
        <v>247255</v>
      </c>
      <c r="I74013" s="1" t="s">
        <v>247053</v>
      </c>
      <c r="J74013" s="1" t="s">
        <v>247330</v>
      </c>
    </row>
    <row r="74014" spans="1:10" x14ac:dyDescent="0.35">
      <c r="A74014" s="1" t="s">
        <v>110573</v>
      </c>
      <c r="B74014" s="1" t="s">
        <v>247048</v>
      </c>
      <c r="C74014" s="1" t="s">
        <v>140</v>
      </c>
      <c r="D74014" s="1" t="s">
        <v>74156</v>
      </c>
      <c r="E74014" s="1" t="s">
        <v>247331</v>
      </c>
      <c r="F74014" s="1" t="s">
        <v>247332</v>
      </c>
      <c r="G74014" s="1" t="s">
        <v>247254</v>
      </c>
      <c r="H74014" s="1" t="s">
        <v>247255</v>
      </c>
      <c r="I74014" s="1" t="s">
        <v>247053</v>
      </c>
      <c r="J74014" s="1" t="s">
        <v>247333</v>
      </c>
    </row>
    <row r="74015" spans="1:10" x14ac:dyDescent="0.35">
      <c r="A74015" s="1" t="s">
        <v>110573</v>
      </c>
      <c r="B74015" s="1" t="s">
        <v>247048</v>
      </c>
      <c r="C74015" s="1" t="s">
        <v>145</v>
      </c>
      <c r="D74015" s="1" t="s">
        <v>209837</v>
      </c>
      <c r="E74015" s="1" t="s">
        <v>247334</v>
      </c>
      <c r="F74015" s="1" t="s">
        <v>247335</v>
      </c>
      <c r="G74015" s="1" t="s">
        <v>247254</v>
      </c>
      <c r="H74015" s="1" t="s">
        <v>247255</v>
      </c>
      <c r="I74015" s="1" t="s">
        <v>247053</v>
      </c>
      <c r="J74015" s="1" t="s">
        <v>247336</v>
      </c>
    </row>
    <row r="74016" spans="1:10" x14ac:dyDescent="0.35">
      <c r="A74016" s="1" t="s">
        <v>110573</v>
      </c>
      <c r="B74016" s="1" t="s">
        <v>247048</v>
      </c>
      <c r="C74016" s="1" t="s">
        <v>150</v>
      </c>
      <c r="D74016" s="1" t="s">
        <v>46176</v>
      </c>
      <c r="E74016" s="1" t="s">
        <v>247337</v>
      </c>
      <c r="F74016" s="1" t="s">
        <v>247338</v>
      </c>
      <c r="G74016" s="1" t="s">
        <v>247254</v>
      </c>
      <c r="H74016" s="1" t="s">
        <v>247255</v>
      </c>
      <c r="I74016" s="1" t="s">
        <v>247053</v>
      </c>
      <c r="J74016" s="1" t="s">
        <v>247339</v>
      </c>
    </row>
    <row r="74017" spans="1:10" x14ac:dyDescent="0.35">
      <c r="A74017" s="1" t="s">
        <v>110573</v>
      </c>
      <c r="B74017" s="1" t="s">
        <v>247048</v>
      </c>
      <c r="C74017" s="1" t="s">
        <v>155</v>
      </c>
      <c r="D74017" s="1" t="s">
        <v>37219</v>
      </c>
      <c r="E74017" s="1" t="s">
        <v>247340</v>
      </c>
      <c r="F74017" s="1" t="s">
        <v>247341</v>
      </c>
      <c r="G74017" s="1" t="s">
        <v>247254</v>
      </c>
      <c r="H74017" s="1" t="s">
        <v>247255</v>
      </c>
      <c r="I74017" s="1" t="s">
        <v>247053</v>
      </c>
      <c r="J74017" s="1" t="s">
        <v>247342</v>
      </c>
    </row>
    <row r="74018" spans="1:10" x14ac:dyDescent="0.35">
      <c r="A74018" s="1" t="s">
        <v>110573</v>
      </c>
      <c r="B74018" s="1" t="s">
        <v>247048</v>
      </c>
      <c r="C74018" s="1" t="s">
        <v>160</v>
      </c>
      <c r="D74018" s="1" t="s">
        <v>247343</v>
      </c>
      <c r="E74018" s="1" t="s">
        <v>247344</v>
      </c>
      <c r="F74018" s="1" t="s">
        <v>247345</v>
      </c>
      <c r="G74018" s="1" t="s">
        <v>247254</v>
      </c>
      <c r="H74018" s="1" t="s">
        <v>247255</v>
      </c>
      <c r="I74018" s="1" t="s">
        <v>247053</v>
      </c>
      <c r="J74018" s="1" t="s">
        <v>247346</v>
      </c>
    </row>
    <row r="74019" spans="1:10" x14ac:dyDescent="0.35">
      <c r="A74019" s="1" t="s">
        <v>110573</v>
      </c>
      <c r="B74019" s="1" t="s">
        <v>247048</v>
      </c>
      <c r="C74019" s="1" t="s">
        <v>165</v>
      </c>
      <c r="D74019" s="1" t="s">
        <v>115033</v>
      </c>
      <c r="E74019" s="1" t="s">
        <v>247347</v>
      </c>
      <c r="F74019" s="1" t="s">
        <v>247348</v>
      </c>
      <c r="G74019" s="1" t="s">
        <v>247254</v>
      </c>
      <c r="H74019" s="1" t="s">
        <v>247255</v>
      </c>
      <c r="I74019" s="1" t="s">
        <v>247053</v>
      </c>
      <c r="J74019" s="1" t="s">
        <v>247349</v>
      </c>
    </row>
    <row r="74020" spans="1:10" x14ac:dyDescent="0.35">
      <c r="A74020" s="1" t="s">
        <v>110573</v>
      </c>
      <c r="B74020" s="1" t="s">
        <v>247048</v>
      </c>
      <c r="C74020" s="1" t="s">
        <v>170</v>
      </c>
      <c r="D74020" s="1" t="s">
        <v>174738</v>
      </c>
      <c r="E74020" s="1" t="s">
        <v>247350</v>
      </c>
      <c r="F74020" s="1" t="s">
        <v>247351</v>
      </c>
      <c r="G74020" s="1" t="s">
        <v>247254</v>
      </c>
      <c r="H74020" s="1" t="s">
        <v>247255</v>
      </c>
      <c r="I74020" s="1" t="s">
        <v>247053</v>
      </c>
      <c r="J74020" s="1" t="s">
        <v>247352</v>
      </c>
    </row>
    <row r="74021" spans="1:10" x14ac:dyDescent="0.35">
      <c r="A74021" s="1" t="s">
        <v>8349</v>
      </c>
      <c r="B74021" s="1" t="s">
        <v>247048</v>
      </c>
      <c r="C74021" s="1" t="s">
        <v>8</v>
      </c>
      <c r="D74021" s="1" t="s">
        <v>6302</v>
      </c>
      <c r="E74021" s="1" t="s">
        <v>247353</v>
      </c>
      <c r="F74021" s="1" t="s">
        <v>247354</v>
      </c>
      <c r="G74021" s="1" t="s">
        <v>247355</v>
      </c>
      <c r="H74021" s="1" t="s">
        <v>247356</v>
      </c>
      <c r="I74021" s="1" t="s">
        <v>247053</v>
      </c>
      <c r="J74021" s="1" t="s">
        <v>13</v>
      </c>
    </row>
    <row r="74022" spans="1:10" x14ac:dyDescent="0.35">
      <c r="A74022" s="1" t="s">
        <v>8349</v>
      </c>
      <c r="B74022" s="1" t="s">
        <v>247048</v>
      </c>
      <c r="C74022" s="1" t="s">
        <v>15</v>
      </c>
      <c r="D74022" s="1" t="s">
        <v>13225</v>
      </c>
      <c r="E74022" s="1" t="s">
        <v>247357</v>
      </c>
      <c r="F74022" s="1" t="s">
        <v>247358</v>
      </c>
      <c r="G74022" s="1" t="s">
        <v>247355</v>
      </c>
      <c r="H74022" s="1" t="s">
        <v>247356</v>
      </c>
      <c r="I74022" s="1" t="s">
        <v>247053</v>
      </c>
      <c r="J74022" s="1" t="s">
        <v>247359</v>
      </c>
    </row>
    <row r="74023" spans="1:10" x14ac:dyDescent="0.35">
      <c r="A74023" s="1" t="s">
        <v>8349</v>
      </c>
      <c r="B74023" s="1" t="s">
        <v>247048</v>
      </c>
      <c r="C74023" s="1" t="s">
        <v>20</v>
      </c>
      <c r="D74023" s="1" t="s">
        <v>6105</v>
      </c>
      <c r="E74023" s="1" t="s">
        <v>247360</v>
      </c>
      <c r="F74023" s="1" t="s">
        <v>247361</v>
      </c>
      <c r="G74023" s="1" t="s">
        <v>247355</v>
      </c>
      <c r="H74023" s="1" t="s">
        <v>247356</v>
      </c>
      <c r="I74023" s="1" t="s">
        <v>247053</v>
      </c>
      <c r="J74023" s="1" t="s">
        <v>247362</v>
      </c>
    </row>
    <row r="74024" spans="1:10" x14ac:dyDescent="0.35">
      <c r="A74024" s="1" t="s">
        <v>8349</v>
      </c>
      <c r="B74024" s="1" t="s">
        <v>247048</v>
      </c>
      <c r="C74024" s="1" t="s">
        <v>25</v>
      </c>
      <c r="D74024" s="1" t="s">
        <v>6190</v>
      </c>
      <c r="E74024" s="1" t="s">
        <v>247357</v>
      </c>
      <c r="F74024" s="1" t="s">
        <v>247363</v>
      </c>
      <c r="G74024" s="1" t="s">
        <v>247355</v>
      </c>
      <c r="H74024" s="1" t="s">
        <v>247356</v>
      </c>
      <c r="I74024" s="1" t="s">
        <v>247053</v>
      </c>
      <c r="J74024" s="1" t="s">
        <v>247364</v>
      </c>
    </row>
    <row r="74025" spans="1:10" x14ac:dyDescent="0.35">
      <c r="A74025" s="1" t="s">
        <v>8349</v>
      </c>
      <c r="B74025" s="1" t="s">
        <v>247048</v>
      </c>
      <c r="C74025" s="1" t="s">
        <v>30</v>
      </c>
      <c r="D74025" s="1" t="s">
        <v>131720</v>
      </c>
      <c r="E74025" s="1" t="s">
        <v>247365</v>
      </c>
      <c r="F74025" s="1" t="s">
        <v>247366</v>
      </c>
      <c r="G74025" s="1" t="s">
        <v>247355</v>
      </c>
      <c r="H74025" s="1" t="s">
        <v>247356</v>
      </c>
      <c r="I74025" s="1" t="s">
        <v>247053</v>
      </c>
      <c r="J74025" s="1" t="s">
        <v>247367</v>
      </c>
    </row>
    <row r="74026" spans="1:10" x14ac:dyDescent="0.35">
      <c r="A74026" s="1" t="s">
        <v>8349</v>
      </c>
      <c r="B74026" s="1" t="s">
        <v>247048</v>
      </c>
      <c r="C74026" s="1" t="s">
        <v>35</v>
      </c>
      <c r="D74026" s="1" t="s">
        <v>138955</v>
      </c>
      <c r="E74026" s="1" t="s">
        <v>247368</v>
      </c>
      <c r="F74026" s="1" t="s">
        <v>247369</v>
      </c>
      <c r="G74026" s="1" t="s">
        <v>247355</v>
      </c>
      <c r="H74026" s="1" t="s">
        <v>247356</v>
      </c>
      <c r="I74026" s="1" t="s">
        <v>247053</v>
      </c>
      <c r="J74026" s="1" t="s">
        <v>247370</v>
      </c>
    </row>
    <row r="74027" spans="1:10" x14ac:dyDescent="0.35">
      <c r="A74027" s="1" t="s">
        <v>8349</v>
      </c>
      <c r="B74027" s="1" t="s">
        <v>247048</v>
      </c>
      <c r="C74027" s="1" t="s">
        <v>40</v>
      </c>
      <c r="D74027" s="1" t="s">
        <v>28045</v>
      </c>
      <c r="E74027" s="1" t="s">
        <v>247371</v>
      </c>
      <c r="F74027" s="1" t="s">
        <v>247372</v>
      </c>
      <c r="G74027" s="1" t="s">
        <v>247355</v>
      </c>
      <c r="H74027" s="1" t="s">
        <v>247356</v>
      </c>
      <c r="I74027" s="1" t="s">
        <v>247053</v>
      </c>
      <c r="J74027" s="1" t="s">
        <v>247373</v>
      </c>
    </row>
    <row r="74028" spans="1:10" x14ac:dyDescent="0.35">
      <c r="A74028" s="1" t="s">
        <v>8349</v>
      </c>
      <c r="B74028" s="1" t="s">
        <v>247048</v>
      </c>
      <c r="C74028" s="1" t="s">
        <v>45</v>
      </c>
      <c r="D74028" s="1" t="s">
        <v>27907</v>
      </c>
      <c r="E74028" s="1" t="s">
        <v>247374</v>
      </c>
      <c r="F74028" s="1" t="s">
        <v>247375</v>
      </c>
      <c r="G74028" s="1" t="s">
        <v>247355</v>
      </c>
      <c r="H74028" s="1" t="s">
        <v>247356</v>
      </c>
      <c r="I74028" s="1" t="s">
        <v>247053</v>
      </c>
      <c r="J74028" s="1" t="s">
        <v>247376</v>
      </c>
    </row>
    <row r="74029" spans="1:10" x14ac:dyDescent="0.35">
      <c r="A74029" s="1" t="s">
        <v>8349</v>
      </c>
      <c r="B74029" s="1" t="s">
        <v>247048</v>
      </c>
      <c r="C74029" s="1" t="s">
        <v>50</v>
      </c>
      <c r="D74029" s="1" t="s">
        <v>4532</v>
      </c>
      <c r="E74029" s="1" t="s">
        <v>247377</v>
      </c>
      <c r="F74029" s="1" t="s">
        <v>247378</v>
      </c>
      <c r="G74029" s="1" t="s">
        <v>247355</v>
      </c>
      <c r="H74029" s="1" t="s">
        <v>247356</v>
      </c>
      <c r="I74029" s="1" t="s">
        <v>247053</v>
      </c>
      <c r="J74029" s="1" t="s">
        <v>247379</v>
      </c>
    </row>
    <row r="74030" spans="1:10" x14ac:dyDescent="0.35">
      <c r="A74030" s="1" t="s">
        <v>8349</v>
      </c>
      <c r="B74030" s="1" t="s">
        <v>247048</v>
      </c>
      <c r="C74030" s="1" t="s">
        <v>55</v>
      </c>
      <c r="D74030" s="1" t="s">
        <v>28402</v>
      </c>
      <c r="E74030" s="1" t="s">
        <v>247380</v>
      </c>
      <c r="F74030" s="1" t="s">
        <v>247381</v>
      </c>
      <c r="G74030" s="1" t="s">
        <v>247355</v>
      </c>
      <c r="H74030" s="1" t="s">
        <v>247356</v>
      </c>
      <c r="I74030" s="1" t="s">
        <v>247053</v>
      </c>
      <c r="J74030" s="1" t="s">
        <v>247382</v>
      </c>
    </row>
    <row r="74031" spans="1:10" x14ac:dyDescent="0.35">
      <c r="A74031" s="1" t="s">
        <v>8349</v>
      </c>
      <c r="B74031" s="1" t="s">
        <v>247048</v>
      </c>
      <c r="C74031" s="1" t="s">
        <v>60</v>
      </c>
      <c r="D74031" s="1" t="s">
        <v>28879</v>
      </c>
      <c r="E74031" s="1" t="s">
        <v>247383</v>
      </c>
      <c r="F74031" s="1" t="s">
        <v>247384</v>
      </c>
      <c r="G74031" s="1" t="s">
        <v>247355</v>
      </c>
      <c r="H74031" s="1" t="s">
        <v>247356</v>
      </c>
      <c r="I74031" s="1" t="s">
        <v>247053</v>
      </c>
      <c r="J74031" s="1" t="s">
        <v>247385</v>
      </c>
    </row>
    <row r="74032" spans="1:10" x14ac:dyDescent="0.35">
      <c r="A74032" s="1" t="s">
        <v>8349</v>
      </c>
      <c r="B74032" s="1" t="s">
        <v>247048</v>
      </c>
      <c r="C74032" s="1" t="s">
        <v>65</v>
      </c>
      <c r="D74032" s="1" t="s">
        <v>5491</v>
      </c>
      <c r="E74032" s="1" t="s">
        <v>247386</v>
      </c>
      <c r="F74032" s="1" t="s">
        <v>247387</v>
      </c>
      <c r="G74032" s="1" t="s">
        <v>247355</v>
      </c>
      <c r="H74032" s="1" t="s">
        <v>247356</v>
      </c>
      <c r="I74032" s="1" t="s">
        <v>247053</v>
      </c>
      <c r="J74032" s="1" t="s">
        <v>247388</v>
      </c>
    </row>
    <row r="74033" spans="1:10" x14ac:dyDescent="0.35">
      <c r="A74033" s="1" t="s">
        <v>8349</v>
      </c>
      <c r="B74033" s="1" t="s">
        <v>247048</v>
      </c>
      <c r="C74033" s="1" t="s">
        <v>70</v>
      </c>
      <c r="D74033" s="1" t="s">
        <v>9893</v>
      </c>
      <c r="E74033" s="1" t="s">
        <v>247389</v>
      </c>
      <c r="F74033" s="1" t="s">
        <v>247390</v>
      </c>
      <c r="G74033" s="1" t="s">
        <v>247355</v>
      </c>
      <c r="H74033" s="1" t="s">
        <v>247356</v>
      </c>
      <c r="I74033" s="1" t="s">
        <v>247053</v>
      </c>
      <c r="J74033" s="1" t="s">
        <v>247391</v>
      </c>
    </row>
    <row r="74034" spans="1:10" x14ac:dyDescent="0.35">
      <c r="A74034" s="1" t="s">
        <v>8349</v>
      </c>
      <c r="B74034" s="1" t="s">
        <v>247048</v>
      </c>
      <c r="C74034" s="1" t="s">
        <v>75</v>
      </c>
      <c r="D74034" s="1" t="s">
        <v>14013</v>
      </c>
      <c r="E74034" s="1" t="s">
        <v>247392</v>
      </c>
      <c r="F74034" s="1" t="s">
        <v>247393</v>
      </c>
      <c r="G74034" s="1" t="s">
        <v>247355</v>
      </c>
      <c r="H74034" s="1" t="s">
        <v>247356</v>
      </c>
      <c r="I74034" s="1" t="s">
        <v>247053</v>
      </c>
      <c r="J74034" s="1" t="s">
        <v>247394</v>
      </c>
    </row>
    <row r="74035" spans="1:10" x14ac:dyDescent="0.35">
      <c r="A74035" s="1" t="s">
        <v>8349</v>
      </c>
      <c r="B74035" s="1" t="s">
        <v>247048</v>
      </c>
      <c r="C74035" s="1" t="s">
        <v>80</v>
      </c>
      <c r="D74035" s="1" t="s">
        <v>5701</v>
      </c>
      <c r="E74035" s="1" t="s">
        <v>247395</v>
      </c>
      <c r="F74035" s="1" t="s">
        <v>247396</v>
      </c>
      <c r="G74035" s="1" t="s">
        <v>247355</v>
      </c>
      <c r="H74035" s="1" t="s">
        <v>247356</v>
      </c>
      <c r="I74035" s="1" t="s">
        <v>247053</v>
      </c>
      <c r="J74035" s="1" t="s">
        <v>247397</v>
      </c>
    </row>
    <row r="74036" spans="1:10" x14ac:dyDescent="0.35">
      <c r="A74036" s="1" t="s">
        <v>8349</v>
      </c>
      <c r="B74036" s="1" t="s">
        <v>247048</v>
      </c>
      <c r="C74036" s="1" t="s">
        <v>85</v>
      </c>
      <c r="D74036" s="1" t="s">
        <v>30139</v>
      </c>
      <c r="E74036" s="1" t="s">
        <v>247398</v>
      </c>
      <c r="F74036" s="1" t="s">
        <v>247399</v>
      </c>
      <c r="G74036" s="1" t="s">
        <v>247355</v>
      </c>
      <c r="H74036" s="1" t="s">
        <v>247356</v>
      </c>
      <c r="I74036" s="1" t="s">
        <v>247053</v>
      </c>
      <c r="J74036" s="1" t="s">
        <v>247400</v>
      </c>
    </row>
    <row r="74037" spans="1:10" x14ac:dyDescent="0.35">
      <c r="A74037" s="1" t="s">
        <v>8349</v>
      </c>
      <c r="B74037" s="1" t="s">
        <v>247048</v>
      </c>
      <c r="C74037" s="1" t="s">
        <v>90</v>
      </c>
      <c r="D74037" s="1" t="s">
        <v>8702</v>
      </c>
      <c r="E74037" s="1" t="s">
        <v>247401</v>
      </c>
      <c r="F74037" s="1" t="s">
        <v>247402</v>
      </c>
      <c r="G74037" s="1" t="s">
        <v>247355</v>
      </c>
      <c r="H74037" s="1" t="s">
        <v>247356</v>
      </c>
      <c r="I74037" s="1" t="s">
        <v>247053</v>
      </c>
      <c r="J74037" s="1" t="s">
        <v>247403</v>
      </c>
    </row>
    <row r="74038" spans="1:10" x14ac:dyDescent="0.35">
      <c r="A74038" s="1" t="s">
        <v>8349</v>
      </c>
      <c r="B74038" s="1" t="s">
        <v>247048</v>
      </c>
      <c r="C74038" s="1" t="s">
        <v>95</v>
      </c>
      <c r="D74038" s="1" t="s">
        <v>4078</v>
      </c>
      <c r="E74038" s="1" t="s">
        <v>247404</v>
      </c>
      <c r="F74038" s="1" t="s">
        <v>247405</v>
      </c>
      <c r="G74038" s="1" t="s">
        <v>247355</v>
      </c>
      <c r="H74038" s="1" t="s">
        <v>247356</v>
      </c>
      <c r="I74038" s="1" t="s">
        <v>247053</v>
      </c>
      <c r="J74038" s="1" t="s">
        <v>247406</v>
      </c>
    </row>
    <row r="74039" spans="1:10" x14ac:dyDescent="0.35">
      <c r="A74039" s="1" t="s">
        <v>8349</v>
      </c>
      <c r="B74039" s="1" t="s">
        <v>247048</v>
      </c>
      <c r="C74039" s="1" t="s">
        <v>100</v>
      </c>
      <c r="D74039" s="1" t="s">
        <v>156250</v>
      </c>
      <c r="E74039" s="1" t="s">
        <v>247407</v>
      </c>
      <c r="F74039" s="1" t="s">
        <v>247408</v>
      </c>
      <c r="G74039" s="1" t="s">
        <v>247355</v>
      </c>
      <c r="H74039" s="1" t="s">
        <v>247356</v>
      </c>
      <c r="I74039" s="1" t="s">
        <v>247053</v>
      </c>
      <c r="J74039" s="1" t="s">
        <v>247409</v>
      </c>
    </row>
    <row r="74040" spans="1:10" x14ac:dyDescent="0.35">
      <c r="A74040" s="1" t="s">
        <v>8349</v>
      </c>
      <c r="B74040" s="1" t="s">
        <v>247048</v>
      </c>
      <c r="C74040" s="1" t="s">
        <v>105</v>
      </c>
      <c r="D74040" s="1" t="s">
        <v>5747</v>
      </c>
      <c r="E74040" s="1" t="s">
        <v>247410</v>
      </c>
      <c r="F74040" s="1" t="s">
        <v>247411</v>
      </c>
      <c r="G74040" s="1" t="s">
        <v>247355</v>
      </c>
      <c r="H74040" s="1" t="s">
        <v>247356</v>
      </c>
      <c r="I74040" s="1" t="s">
        <v>247053</v>
      </c>
      <c r="J74040" s="1" t="s">
        <v>247412</v>
      </c>
    </row>
    <row r="74041" spans="1:10" x14ac:dyDescent="0.35">
      <c r="A74041" s="1" t="s">
        <v>8349</v>
      </c>
      <c r="B74041" s="1" t="s">
        <v>247048</v>
      </c>
      <c r="C74041" s="1" t="s">
        <v>110</v>
      </c>
      <c r="D74041" s="1" t="s">
        <v>111631</v>
      </c>
      <c r="E74041" s="1" t="s">
        <v>247413</v>
      </c>
      <c r="F74041" s="1" t="s">
        <v>247414</v>
      </c>
      <c r="G74041" s="1" t="s">
        <v>247355</v>
      </c>
      <c r="H74041" s="1" t="s">
        <v>247356</v>
      </c>
      <c r="I74041" s="1" t="s">
        <v>247053</v>
      </c>
      <c r="J74041" s="1" t="s">
        <v>247415</v>
      </c>
    </row>
    <row r="74042" spans="1:10" x14ac:dyDescent="0.35">
      <c r="A74042" s="1" t="s">
        <v>8349</v>
      </c>
      <c r="B74042" s="1" t="s">
        <v>247048</v>
      </c>
      <c r="C74042" s="1" t="s">
        <v>115</v>
      </c>
      <c r="D74042" s="1" t="s">
        <v>8948</v>
      </c>
      <c r="E74042" s="1" t="s">
        <v>247416</v>
      </c>
      <c r="F74042" s="1" t="s">
        <v>247417</v>
      </c>
      <c r="G74042" s="1" t="s">
        <v>247355</v>
      </c>
      <c r="H74042" s="1" t="s">
        <v>247356</v>
      </c>
      <c r="I74042" s="1" t="s">
        <v>247053</v>
      </c>
      <c r="J74042" s="1" t="s">
        <v>247418</v>
      </c>
    </row>
    <row r="74043" spans="1:10" x14ac:dyDescent="0.35">
      <c r="A74043" s="1" t="s">
        <v>8349</v>
      </c>
      <c r="B74043" s="1" t="s">
        <v>247048</v>
      </c>
      <c r="C74043" s="1" t="s">
        <v>120</v>
      </c>
      <c r="D74043" s="1" t="s">
        <v>75377</v>
      </c>
      <c r="E74043" s="1" t="s">
        <v>247419</v>
      </c>
      <c r="F74043" s="1" t="s">
        <v>247420</v>
      </c>
      <c r="G74043" s="1" t="s">
        <v>247355</v>
      </c>
      <c r="H74043" s="1" t="s">
        <v>247356</v>
      </c>
      <c r="I74043" s="1" t="s">
        <v>247053</v>
      </c>
      <c r="J74043" s="1" t="s">
        <v>247421</v>
      </c>
    </row>
    <row r="74044" spans="1:10" x14ac:dyDescent="0.35">
      <c r="A74044" s="1" t="s">
        <v>8349</v>
      </c>
      <c r="B74044" s="1" t="s">
        <v>247048</v>
      </c>
      <c r="C74044" s="1" t="s">
        <v>125</v>
      </c>
      <c r="D74044" s="1" t="s">
        <v>28641</v>
      </c>
      <c r="E74044" s="1" t="s">
        <v>247422</v>
      </c>
      <c r="F74044" s="1" t="s">
        <v>247423</v>
      </c>
      <c r="G74044" s="1" t="s">
        <v>247355</v>
      </c>
      <c r="H74044" s="1" t="s">
        <v>247356</v>
      </c>
      <c r="I74044" s="1" t="s">
        <v>247053</v>
      </c>
      <c r="J74044" s="1" t="s">
        <v>247424</v>
      </c>
    </row>
    <row r="74045" spans="1:10" x14ac:dyDescent="0.35">
      <c r="A74045" s="1" t="s">
        <v>8349</v>
      </c>
      <c r="B74045" s="1" t="s">
        <v>247048</v>
      </c>
      <c r="C74045" s="1" t="s">
        <v>130</v>
      </c>
      <c r="D74045" s="1" t="s">
        <v>121922</v>
      </c>
      <c r="E74045" s="1" t="s">
        <v>247425</v>
      </c>
      <c r="F74045" s="1" t="s">
        <v>247426</v>
      </c>
      <c r="G74045" s="1" t="s">
        <v>247355</v>
      </c>
      <c r="H74045" s="1" t="s">
        <v>247356</v>
      </c>
      <c r="I74045" s="1" t="s">
        <v>247053</v>
      </c>
      <c r="J74045" s="1" t="s">
        <v>247427</v>
      </c>
    </row>
    <row r="74046" spans="1:10" x14ac:dyDescent="0.35">
      <c r="A74046" s="1" t="s">
        <v>8349</v>
      </c>
      <c r="B74046" s="1" t="s">
        <v>247048</v>
      </c>
      <c r="C74046" s="1" t="s">
        <v>135</v>
      </c>
      <c r="D74046" s="1" t="s">
        <v>32930</v>
      </c>
      <c r="E74046" s="1" t="s">
        <v>247428</v>
      </c>
      <c r="F74046" s="1" t="s">
        <v>247429</v>
      </c>
      <c r="G74046" s="1" t="s">
        <v>247355</v>
      </c>
      <c r="H74046" s="1" t="s">
        <v>247356</v>
      </c>
      <c r="I74046" s="1" t="s">
        <v>247053</v>
      </c>
      <c r="J74046" s="1" t="s">
        <v>247430</v>
      </c>
    </row>
    <row r="74047" spans="1:10" x14ac:dyDescent="0.35">
      <c r="A74047" s="1" t="s">
        <v>8349</v>
      </c>
      <c r="B74047" s="1" t="s">
        <v>247048</v>
      </c>
      <c r="C74047" s="1" t="s">
        <v>140</v>
      </c>
      <c r="D74047" s="1" t="s">
        <v>34173</v>
      </c>
      <c r="E74047" s="1" t="s">
        <v>247431</v>
      </c>
      <c r="F74047" s="1" t="s">
        <v>247432</v>
      </c>
      <c r="G74047" s="1" t="s">
        <v>247355</v>
      </c>
      <c r="H74047" s="1" t="s">
        <v>247356</v>
      </c>
      <c r="I74047" s="1" t="s">
        <v>247053</v>
      </c>
      <c r="J74047" s="1" t="s">
        <v>247433</v>
      </c>
    </row>
    <row r="74048" spans="1:10" x14ac:dyDescent="0.35">
      <c r="A74048" s="1" t="s">
        <v>8349</v>
      </c>
      <c r="B74048" s="1" t="s">
        <v>247048</v>
      </c>
      <c r="C74048" s="1" t="s">
        <v>145</v>
      </c>
      <c r="D74048" s="1" t="s">
        <v>152447</v>
      </c>
      <c r="E74048" s="1" t="s">
        <v>247434</v>
      </c>
      <c r="F74048" s="1" t="s">
        <v>247435</v>
      </c>
      <c r="G74048" s="1" t="s">
        <v>247355</v>
      </c>
      <c r="H74048" s="1" t="s">
        <v>247356</v>
      </c>
      <c r="I74048" s="1" t="s">
        <v>247053</v>
      </c>
      <c r="J74048" s="1" t="s">
        <v>247436</v>
      </c>
    </row>
    <row r="74049" spans="1:10" x14ac:dyDescent="0.35">
      <c r="A74049" s="1" t="s">
        <v>8349</v>
      </c>
      <c r="B74049" s="1" t="s">
        <v>247048</v>
      </c>
      <c r="C74049" s="1" t="s">
        <v>150</v>
      </c>
      <c r="D74049" s="1" t="s">
        <v>207427</v>
      </c>
      <c r="E74049" s="1" t="s">
        <v>247437</v>
      </c>
      <c r="F74049" s="1" t="s">
        <v>247438</v>
      </c>
      <c r="G74049" s="1" t="s">
        <v>247355</v>
      </c>
      <c r="H74049" s="1" t="s">
        <v>247356</v>
      </c>
      <c r="I74049" s="1" t="s">
        <v>247053</v>
      </c>
      <c r="J74049" s="1" t="s">
        <v>247439</v>
      </c>
    </row>
    <row r="74050" spans="1:10" x14ac:dyDescent="0.35">
      <c r="A74050" s="1" t="s">
        <v>8349</v>
      </c>
      <c r="B74050" s="1" t="s">
        <v>247048</v>
      </c>
      <c r="C74050" s="1" t="s">
        <v>155</v>
      </c>
      <c r="D74050" s="1" t="s">
        <v>186916</v>
      </c>
      <c r="E74050" s="1" t="s">
        <v>247440</v>
      </c>
      <c r="F74050" s="1" t="s">
        <v>247441</v>
      </c>
      <c r="G74050" s="1" t="s">
        <v>247355</v>
      </c>
      <c r="H74050" s="1" t="s">
        <v>247356</v>
      </c>
      <c r="I74050" s="1" t="s">
        <v>247053</v>
      </c>
      <c r="J74050" s="1" t="s">
        <v>247442</v>
      </c>
    </row>
    <row r="74051" spans="1:10" x14ac:dyDescent="0.35">
      <c r="A74051" s="1" t="s">
        <v>8349</v>
      </c>
      <c r="B74051" s="1" t="s">
        <v>247048</v>
      </c>
      <c r="C74051" s="1" t="s">
        <v>160</v>
      </c>
      <c r="D74051" s="1" t="s">
        <v>43853</v>
      </c>
      <c r="E74051" s="1" t="s">
        <v>247443</v>
      </c>
      <c r="F74051" s="1" t="s">
        <v>247444</v>
      </c>
      <c r="G74051" s="1" t="s">
        <v>247355</v>
      </c>
      <c r="H74051" s="1" t="s">
        <v>247356</v>
      </c>
      <c r="I74051" s="1" t="s">
        <v>247053</v>
      </c>
      <c r="J74051" s="1" t="s">
        <v>247445</v>
      </c>
    </row>
    <row r="74052" spans="1:10" x14ac:dyDescent="0.35">
      <c r="A74052" s="1" t="s">
        <v>8349</v>
      </c>
      <c r="B74052" s="1" t="s">
        <v>247048</v>
      </c>
      <c r="C74052" s="1" t="s">
        <v>165</v>
      </c>
      <c r="D74052" s="1" t="s">
        <v>142246</v>
      </c>
      <c r="E74052" s="1" t="s">
        <v>247446</v>
      </c>
      <c r="F74052" s="1" t="s">
        <v>247447</v>
      </c>
      <c r="G74052" s="1" t="s">
        <v>247355</v>
      </c>
      <c r="H74052" s="1" t="s">
        <v>247356</v>
      </c>
      <c r="I74052" s="1" t="s">
        <v>247053</v>
      </c>
      <c r="J74052" s="1" t="s">
        <v>247448</v>
      </c>
    </row>
    <row r="74053" spans="1:10" x14ac:dyDescent="0.35">
      <c r="A74053" s="1" t="s">
        <v>8349</v>
      </c>
      <c r="B74053" s="1" t="s">
        <v>247048</v>
      </c>
      <c r="C74053" s="1" t="s">
        <v>170</v>
      </c>
      <c r="D74053" s="1" t="s">
        <v>193256</v>
      </c>
      <c r="E74053" s="1" t="s">
        <v>247449</v>
      </c>
      <c r="F74053" s="1" t="s">
        <v>247450</v>
      </c>
      <c r="G74053" s="1" t="s">
        <v>247355</v>
      </c>
      <c r="H74053" s="1" t="s">
        <v>247356</v>
      </c>
      <c r="I74053" s="1" t="s">
        <v>247053</v>
      </c>
      <c r="J74053" s="1" t="s">
        <v>247451</v>
      </c>
    </row>
    <row r="74054" spans="1:10" x14ac:dyDescent="0.35">
      <c r="A74054" s="1" t="s">
        <v>104924</v>
      </c>
      <c r="B74054" s="1" t="s">
        <v>247048</v>
      </c>
      <c r="C74054" s="1" t="s">
        <v>8</v>
      </c>
      <c r="D74054" s="1" t="s">
        <v>28022</v>
      </c>
      <c r="E74054" s="1" t="s">
        <v>12234</v>
      </c>
      <c r="F74054" s="1" t="s">
        <v>247452</v>
      </c>
      <c r="G74054" s="1" t="s">
        <v>247453</v>
      </c>
      <c r="H74054" s="1" t="s">
        <v>247454</v>
      </c>
      <c r="I74054" s="1" t="s">
        <v>247053</v>
      </c>
      <c r="J74054" s="1" t="s">
        <v>13</v>
      </c>
    </row>
    <row r="74055" spans="1:10" x14ac:dyDescent="0.35">
      <c r="A74055" s="1" t="s">
        <v>104924</v>
      </c>
      <c r="B74055" s="1" t="s">
        <v>247048</v>
      </c>
      <c r="C74055" s="1" t="s">
        <v>15</v>
      </c>
      <c r="D74055" s="1" t="s">
        <v>4329</v>
      </c>
      <c r="E74055" s="1" t="s">
        <v>160407</v>
      </c>
      <c r="F74055" s="1" t="s">
        <v>247455</v>
      </c>
      <c r="G74055" s="1" t="s">
        <v>247453</v>
      </c>
      <c r="H74055" s="1" t="s">
        <v>247454</v>
      </c>
      <c r="I74055" s="1" t="s">
        <v>247053</v>
      </c>
      <c r="J74055" s="1" t="s">
        <v>247456</v>
      </c>
    </row>
    <row r="74056" spans="1:10" x14ac:dyDescent="0.35">
      <c r="A74056" s="1" t="s">
        <v>104924</v>
      </c>
      <c r="B74056" s="1" t="s">
        <v>247048</v>
      </c>
      <c r="C74056" s="1" t="s">
        <v>20</v>
      </c>
      <c r="D74056" s="1" t="s">
        <v>12966</v>
      </c>
      <c r="E74056" s="1" t="s">
        <v>8638</v>
      </c>
      <c r="F74056" s="1" t="s">
        <v>247457</v>
      </c>
      <c r="G74056" s="1" t="s">
        <v>247453</v>
      </c>
      <c r="H74056" s="1" t="s">
        <v>247454</v>
      </c>
      <c r="I74056" s="1" t="s">
        <v>247053</v>
      </c>
      <c r="J74056" s="1" t="s">
        <v>247458</v>
      </c>
    </row>
    <row r="74057" spans="1:10" x14ac:dyDescent="0.35">
      <c r="A74057" s="1" t="s">
        <v>104924</v>
      </c>
      <c r="B74057" s="1" t="s">
        <v>247048</v>
      </c>
      <c r="C74057" s="1" t="s">
        <v>25</v>
      </c>
      <c r="D74057" s="1" t="s">
        <v>40</v>
      </c>
      <c r="E74057" s="1" t="s">
        <v>535</v>
      </c>
      <c r="F74057" s="1" t="s">
        <v>247459</v>
      </c>
      <c r="G74057" s="1" t="s">
        <v>247453</v>
      </c>
      <c r="H74057" s="1" t="s">
        <v>247454</v>
      </c>
      <c r="I74057" s="1" t="s">
        <v>247053</v>
      </c>
      <c r="J74057" s="1" t="s">
        <v>247460</v>
      </c>
    </row>
    <row r="74058" spans="1:10" x14ac:dyDescent="0.35">
      <c r="A74058" s="1" t="s">
        <v>104924</v>
      </c>
      <c r="B74058" s="1" t="s">
        <v>247048</v>
      </c>
      <c r="C74058" s="1" t="s">
        <v>30</v>
      </c>
      <c r="D74058" s="1" t="s">
        <v>27973</v>
      </c>
      <c r="E74058" s="1" t="s">
        <v>247461</v>
      </c>
      <c r="F74058" s="1" t="s">
        <v>247462</v>
      </c>
      <c r="G74058" s="1" t="s">
        <v>247453</v>
      </c>
      <c r="H74058" s="1" t="s">
        <v>247454</v>
      </c>
      <c r="I74058" s="1" t="s">
        <v>247053</v>
      </c>
      <c r="J74058" s="1" t="s">
        <v>247463</v>
      </c>
    </row>
    <row r="74059" spans="1:10" x14ac:dyDescent="0.35">
      <c r="A74059" s="1" t="s">
        <v>104924</v>
      </c>
      <c r="B74059" s="1" t="s">
        <v>247048</v>
      </c>
      <c r="C74059" s="1" t="s">
        <v>35</v>
      </c>
      <c r="D74059" s="1" t="s">
        <v>195694</v>
      </c>
      <c r="E74059" s="1" t="s">
        <v>8646</v>
      </c>
      <c r="F74059" s="1" t="s">
        <v>247464</v>
      </c>
      <c r="G74059" s="1" t="s">
        <v>247453</v>
      </c>
      <c r="H74059" s="1" t="s">
        <v>247454</v>
      </c>
      <c r="I74059" s="1" t="s">
        <v>247053</v>
      </c>
      <c r="J74059" s="1" t="s">
        <v>247465</v>
      </c>
    </row>
    <row r="74060" spans="1:10" x14ac:dyDescent="0.35">
      <c r="A74060" s="1" t="s">
        <v>104924</v>
      </c>
      <c r="B74060" s="1" t="s">
        <v>247048</v>
      </c>
      <c r="C74060" s="1" t="s">
        <v>40</v>
      </c>
      <c r="D74060" s="1" t="s">
        <v>143905</v>
      </c>
      <c r="E74060" s="1" t="s">
        <v>12150</v>
      </c>
      <c r="F74060" s="1" t="s">
        <v>247466</v>
      </c>
      <c r="G74060" s="1" t="s">
        <v>247453</v>
      </c>
      <c r="H74060" s="1" t="s">
        <v>247454</v>
      </c>
      <c r="I74060" s="1" t="s">
        <v>247053</v>
      </c>
      <c r="J74060" s="1" t="s">
        <v>247467</v>
      </c>
    </row>
    <row r="74061" spans="1:10" x14ac:dyDescent="0.35">
      <c r="A74061" s="1" t="s">
        <v>104924</v>
      </c>
      <c r="B74061" s="1" t="s">
        <v>247048</v>
      </c>
      <c r="C74061" s="1" t="s">
        <v>45</v>
      </c>
      <c r="D74061" s="1" t="s">
        <v>222480</v>
      </c>
      <c r="E74061" s="1" t="s">
        <v>247468</v>
      </c>
      <c r="F74061" s="1" t="s">
        <v>247469</v>
      </c>
      <c r="G74061" s="1" t="s">
        <v>247453</v>
      </c>
      <c r="H74061" s="1" t="s">
        <v>247454</v>
      </c>
      <c r="I74061" s="1" t="s">
        <v>247053</v>
      </c>
      <c r="J74061" s="1" t="s">
        <v>247470</v>
      </c>
    </row>
    <row r="74062" spans="1:10" x14ac:dyDescent="0.35">
      <c r="A74062" s="1" t="s">
        <v>104924</v>
      </c>
      <c r="B74062" s="1" t="s">
        <v>247048</v>
      </c>
      <c r="C74062" s="1" t="s">
        <v>50</v>
      </c>
      <c r="D74062" s="1" t="s">
        <v>232540</v>
      </c>
      <c r="E74062" s="1" t="s">
        <v>159899</v>
      </c>
      <c r="F74062" s="1" t="s">
        <v>247471</v>
      </c>
      <c r="G74062" s="1" t="s">
        <v>247453</v>
      </c>
      <c r="H74062" s="1" t="s">
        <v>247454</v>
      </c>
      <c r="I74062" s="1" t="s">
        <v>247053</v>
      </c>
      <c r="J74062" s="1" t="s">
        <v>247472</v>
      </c>
    </row>
    <row r="74063" spans="1:10" x14ac:dyDescent="0.35">
      <c r="A74063" s="1" t="s">
        <v>104924</v>
      </c>
      <c r="B74063" s="1" t="s">
        <v>247048</v>
      </c>
      <c r="C74063" s="1" t="s">
        <v>55</v>
      </c>
      <c r="D74063" s="1" t="s">
        <v>143516</v>
      </c>
      <c r="E74063" s="1" t="s">
        <v>14795</v>
      </c>
      <c r="F74063" s="1" t="s">
        <v>247473</v>
      </c>
      <c r="G74063" s="1" t="s">
        <v>247453</v>
      </c>
      <c r="H74063" s="1" t="s">
        <v>247454</v>
      </c>
      <c r="I74063" s="1" t="s">
        <v>247053</v>
      </c>
      <c r="J74063" s="1" t="s">
        <v>247474</v>
      </c>
    </row>
    <row r="74064" spans="1:10" x14ac:dyDescent="0.35">
      <c r="A74064" s="1" t="s">
        <v>104924</v>
      </c>
      <c r="B74064" s="1" t="s">
        <v>247048</v>
      </c>
      <c r="C74064" s="1" t="s">
        <v>60</v>
      </c>
      <c r="D74064" s="1" t="s">
        <v>14251</v>
      </c>
      <c r="E74064" s="1" t="s">
        <v>110912</v>
      </c>
      <c r="F74064" s="1" t="s">
        <v>247475</v>
      </c>
      <c r="G74064" s="1" t="s">
        <v>247453</v>
      </c>
      <c r="H74064" s="1" t="s">
        <v>247454</v>
      </c>
      <c r="I74064" s="1" t="s">
        <v>247053</v>
      </c>
      <c r="J74064" s="1" t="s">
        <v>247476</v>
      </c>
    </row>
    <row r="74065" spans="1:10" x14ac:dyDescent="0.35">
      <c r="A74065" s="1" t="s">
        <v>104924</v>
      </c>
      <c r="B74065" s="1" t="s">
        <v>247048</v>
      </c>
      <c r="C74065" s="1" t="s">
        <v>65</v>
      </c>
      <c r="D74065" s="1" t="s">
        <v>4733</v>
      </c>
      <c r="E74065" s="1" t="s">
        <v>159829</v>
      </c>
      <c r="F74065" s="1" t="s">
        <v>247477</v>
      </c>
      <c r="G74065" s="1" t="s">
        <v>247453</v>
      </c>
      <c r="H74065" s="1" t="s">
        <v>247454</v>
      </c>
      <c r="I74065" s="1" t="s">
        <v>247053</v>
      </c>
      <c r="J74065" s="1" t="s">
        <v>247478</v>
      </c>
    </row>
    <row r="74066" spans="1:10" x14ac:dyDescent="0.35">
      <c r="A74066" s="1" t="s">
        <v>104924</v>
      </c>
      <c r="B74066" s="1" t="s">
        <v>247048</v>
      </c>
      <c r="C74066" s="1" t="s">
        <v>70</v>
      </c>
      <c r="D74066" s="1" t="s">
        <v>151398</v>
      </c>
      <c r="E74066" s="1" t="s">
        <v>247479</v>
      </c>
      <c r="F74066" s="1" t="s">
        <v>247480</v>
      </c>
      <c r="G74066" s="1" t="s">
        <v>247453</v>
      </c>
      <c r="H74066" s="1" t="s">
        <v>247454</v>
      </c>
      <c r="I74066" s="1" t="s">
        <v>247053</v>
      </c>
      <c r="J74066" s="1" t="s">
        <v>247481</v>
      </c>
    </row>
    <row r="74067" spans="1:10" x14ac:dyDescent="0.35">
      <c r="A74067" s="1" t="s">
        <v>104924</v>
      </c>
      <c r="B74067" s="1" t="s">
        <v>247048</v>
      </c>
      <c r="C74067" s="1" t="s">
        <v>75</v>
      </c>
      <c r="D74067" s="1" t="s">
        <v>37665</v>
      </c>
      <c r="E74067" s="1" t="s">
        <v>13712</v>
      </c>
      <c r="F74067" s="1" t="s">
        <v>247482</v>
      </c>
      <c r="G74067" s="1" t="s">
        <v>247453</v>
      </c>
      <c r="H74067" s="1" t="s">
        <v>247454</v>
      </c>
      <c r="I74067" s="1" t="s">
        <v>247053</v>
      </c>
      <c r="J74067" s="1" t="s">
        <v>247483</v>
      </c>
    </row>
    <row r="74068" spans="1:10" x14ac:dyDescent="0.35">
      <c r="A74068" s="1" t="s">
        <v>104924</v>
      </c>
      <c r="B74068" s="1" t="s">
        <v>247048</v>
      </c>
      <c r="C74068" s="1" t="s">
        <v>80</v>
      </c>
      <c r="D74068" s="1" t="s">
        <v>2105</v>
      </c>
      <c r="E74068" s="1" t="s">
        <v>159986</v>
      </c>
      <c r="F74068" s="1" t="s">
        <v>247484</v>
      </c>
      <c r="G74068" s="1" t="s">
        <v>247453</v>
      </c>
      <c r="H74068" s="1" t="s">
        <v>247454</v>
      </c>
      <c r="I74068" s="1" t="s">
        <v>247053</v>
      </c>
      <c r="J74068" s="1" t="s">
        <v>247485</v>
      </c>
    </row>
    <row r="74069" spans="1:10" x14ac:dyDescent="0.35">
      <c r="A74069" s="1" t="s">
        <v>104924</v>
      </c>
      <c r="B74069" s="1" t="s">
        <v>247048</v>
      </c>
      <c r="C74069" s="1" t="s">
        <v>85</v>
      </c>
      <c r="D74069" s="1" t="s">
        <v>247486</v>
      </c>
      <c r="E74069" s="1" t="s">
        <v>111462</v>
      </c>
      <c r="F74069" s="1" t="s">
        <v>247487</v>
      </c>
      <c r="G74069" s="1" t="s">
        <v>247453</v>
      </c>
      <c r="H74069" s="1" t="s">
        <v>247454</v>
      </c>
      <c r="I74069" s="1" t="s">
        <v>247053</v>
      </c>
      <c r="J74069" s="1" t="s">
        <v>247488</v>
      </c>
    </row>
    <row r="74070" spans="1:10" x14ac:dyDescent="0.35">
      <c r="A74070" s="1" t="s">
        <v>104924</v>
      </c>
      <c r="B74070" s="1" t="s">
        <v>247048</v>
      </c>
      <c r="C74070" s="1" t="s">
        <v>90</v>
      </c>
      <c r="D74070" s="1" t="s">
        <v>161048</v>
      </c>
      <c r="E74070" s="1" t="s">
        <v>12226</v>
      </c>
      <c r="F74070" s="1" t="s">
        <v>247477</v>
      </c>
      <c r="G74070" s="1" t="s">
        <v>247453</v>
      </c>
      <c r="H74070" s="1" t="s">
        <v>247454</v>
      </c>
      <c r="I74070" s="1" t="s">
        <v>247053</v>
      </c>
      <c r="J74070" s="1" t="s">
        <v>247489</v>
      </c>
    </row>
    <row r="74071" spans="1:10" x14ac:dyDescent="0.35">
      <c r="A74071" s="1" t="s">
        <v>104924</v>
      </c>
      <c r="B74071" s="1" t="s">
        <v>247048</v>
      </c>
      <c r="C74071" s="1" t="s">
        <v>95</v>
      </c>
      <c r="D74071" s="1" t="s">
        <v>120076</v>
      </c>
      <c r="E74071" s="1" t="s">
        <v>111480</v>
      </c>
      <c r="F74071" s="1" t="s">
        <v>247490</v>
      </c>
      <c r="G74071" s="1" t="s">
        <v>247453</v>
      </c>
      <c r="H74071" s="1" t="s">
        <v>247454</v>
      </c>
      <c r="I74071" s="1" t="s">
        <v>247053</v>
      </c>
      <c r="J74071" s="1" t="s">
        <v>247491</v>
      </c>
    </row>
    <row r="74072" spans="1:10" x14ac:dyDescent="0.35">
      <c r="A74072" s="1" t="s">
        <v>104924</v>
      </c>
      <c r="B74072" s="1" t="s">
        <v>247048</v>
      </c>
      <c r="C74072" s="1" t="s">
        <v>100</v>
      </c>
      <c r="D74072" s="1" t="s">
        <v>162040</v>
      </c>
      <c r="E74072" s="1" t="s">
        <v>7929</v>
      </c>
      <c r="F74072" s="1" t="s">
        <v>247492</v>
      </c>
      <c r="G74072" s="1" t="s">
        <v>247453</v>
      </c>
      <c r="H74072" s="1" t="s">
        <v>247454</v>
      </c>
      <c r="I74072" s="1" t="s">
        <v>247053</v>
      </c>
      <c r="J74072" s="1" t="s">
        <v>247493</v>
      </c>
    </row>
    <row r="74073" spans="1:10" x14ac:dyDescent="0.35">
      <c r="A74073" s="1" t="s">
        <v>104924</v>
      </c>
      <c r="B74073" s="1" t="s">
        <v>247048</v>
      </c>
      <c r="C74073" s="1" t="s">
        <v>105</v>
      </c>
      <c r="D74073" s="1" t="s">
        <v>197142</v>
      </c>
      <c r="E74073" s="1" t="s">
        <v>207042</v>
      </c>
      <c r="F74073" s="1" t="s">
        <v>247494</v>
      </c>
      <c r="G74073" s="1" t="s">
        <v>247453</v>
      </c>
      <c r="H74073" s="1" t="s">
        <v>247454</v>
      </c>
      <c r="I74073" s="1" t="s">
        <v>247053</v>
      </c>
      <c r="J74073" s="1" t="s">
        <v>247495</v>
      </c>
    </row>
    <row r="74074" spans="1:10" x14ac:dyDescent="0.35">
      <c r="A74074" s="1" t="s">
        <v>104924</v>
      </c>
      <c r="B74074" s="1" t="s">
        <v>247048</v>
      </c>
      <c r="C74074" s="1" t="s">
        <v>110</v>
      </c>
      <c r="D74074" s="1" t="s">
        <v>206937</v>
      </c>
      <c r="E74074" s="1" t="s">
        <v>551</v>
      </c>
      <c r="F74074" s="1" t="s">
        <v>247496</v>
      </c>
      <c r="G74074" s="1" t="s">
        <v>247453</v>
      </c>
      <c r="H74074" s="1" t="s">
        <v>247454</v>
      </c>
      <c r="I74074" s="1" t="s">
        <v>247053</v>
      </c>
      <c r="J74074" s="1" t="s">
        <v>247497</v>
      </c>
    </row>
    <row r="74075" spans="1:10" x14ac:dyDescent="0.35">
      <c r="A74075" s="1" t="s">
        <v>104924</v>
      </c>
      <c r="B74075" s="1" t="s">
        <v>247048</v>
      </c>
      <c r="C74075" s="1" t="s">
        <v>115</v>
      </c>
      <c r="D74075" s="1" t="s">
        <v>8389</v>
      </c>
      <c r="E74075" s="1" t="s">
        <v>8003</v>
      </c>
      <c r="F74075" s="1" t="s">
        <v>247498</v>
      </c>
      <c r="G74075" s="1" t="s">
        <v>247453</v>
      </c>
      <c r="H74075" s="1" t="s">
        <v>247454</v>
      </c>
      <c r="I74075" s="1" t="s">
        <v>247053</v>
      </c>
      <c r="J74075" s="1" t="s">
        <v>247499</v>
      </c>
    </row>
    <row r="74076" spans="1:10" x14ac:dyDescent="0.35">
      <c r="A74076" s="1" t="s">
        <v>104924</v>
      </c>
      <c r="B74076" s="1" t="s">
        <v>247048</v>
      </c>
      <c r="C74076" s="1" t="s">
        <v>120</v>
      </c>
      <c r="D74076" s="1" t="s">
        <v>29806</v>
      </c>
      <c r="E74076" s="1" t="s">
        <v>247500</v>
      </c>
      <c r="F74076" s="1" t="s">
        <v>247498</v>
      </c>
      <c r="G74076" s="1" t="s">
        <v>247453</v>
      </c>
      <c r="H74076" s="1" t="s">
        <v>247454</v>
      </c>
      <c r="I74076" s="1" t="s">
        <v>247053</v>
      </c>
      <c r="J74076" s="1" t="s">
        <v>247501</v>
      </c>
    </row>
    <row r="74077" spans="1:10" x14ac:dyDescent="0.35">
      <c r="A74077" s="1" t="s">
        <v>104924</v>
      </c>
      <c r="B74077" s="1" t="s">
        <v>247048</v>
      </c>
      <c r="C74077" s="1" t="s">
        <v>125</v>
      </c>
      <c r="D74077" s="1" t="s">
        <v>6486</v>
      </c>
      <c r="E74077" s="1" t="s">
        <v>205917</v>
      </c>
      <c r="F74077" s="1" t="s">
        <v>247498</v>
      </c>
      <c r="G74077" s="1" t="s">
        <v>247453</v>
      </c>
      <c r="H74077" s="1" t="s">
        <v>247454</v>
      </c>
      <c r="I74077" s="1" t="s">
        <v>247053</v>
      </c>
      <c r="J74077" s="1" t="s">
        <v>247502</v>
      </c>
    </row>
    <row r="74078" spans="1:10" x14ac:dyDescent="0.35">
      <c r="A74078" s="1" t="s">
        <v>104924</v>
      </c>
      <c r="B74078" s="1" t="s">
        <v>247048</v>
      </c>
      <c r="C74078" s="1" t="s">
        <v>130</v>
      </c>
      <c r="D74078" s="1" t="s">
        <v>115734</v>
      </c>
      <c r="E74078" s="1" t="s">
        <v>247479</v>
      </c>
      <c r="F74078" s="1" t="s">
        <v>247498</v>
      </c>
      <c r="G74078" s="1" t="s">
        <v>247453</v>
      </c>
      <c r="H74078" s="1" t="s">
        <v>247454</v>
      </c>
      <c r="I74078" s="1" t="s">
        <v>247053</v>
      </c>
      <c r="J74078" s="1" t="s">
        <v>247503</v>
      </c>
    </row>
    <row r="74079" spans="1:10" x14ac:dyDescent="0.35">
      <c r="A74079" s="1" t="s">
        <v>104924</v>
      </c>
      <c r="B74079" s="1" t="s">
        <v>247048</v>
      </c>
      <c r="C74079" s="1" t="s">
        <v>135</v>
      </c>
      <c r="D74079" s="1" t="s">
        <v>28457</v>
      </c>
      <c r="E74079" s="1" t="s">
        <v>247504</v>
      </c>
      <c r="F74079" s="1" t="s">
        <v>247498</v>
      </c>
      <c r="G74079" s="1" t="s">
        <v>247453</v>
      </c>
      <c r="H74079" s="1" t="s">
        <v>247454</v>
      </c>
      <c r="I74079" s="1" t="s">
        <v>247053</v>
      </c>
      <c r="J74079" s="1" t="s">
        <v>110659</v>
      </c>
    </row>
    <row r="74080" spans="1:10" x14ac:dyDescent="0.35">
      <c r="A74080" s="1" t="s">
        <v>104924</v>
      </c>
      <c r="B74080" s="1" t="s">
        <v>247048</v>
      </c>
      <c r="C74080" s="1" t="s">
        <v>140</v>
      </c>
      <c r="D74080" s="1" t="s">
        <v>142852</v>
      </c>
      <c r="E74080" s="1" t="s">
        <v>247505</v>
      </c>
      <c r="F74080" s="1" t="s">
        <v>247498</v>
      </c>
      <c r="G74080" s="1" t="s">
        <v>247453</v>
      </c>
      <c r="H74080" s="1" t="s">
        <v>247454</v>
      </c>
      <c r="I74080" s="1" t="s">
        <v>247053</v>
      </c>
      <c r="J74080" s="1" t="s">
        <v>247506</v>
      </c>
    </row>
    <row r="74081" spans="1:10" x14ac:dyDescent="0.35">
      <c r="A74081" s="1" t="s">
        <v>104924</v>
      </c>
      <c r="B74081" s="1" t="s">
        <v>247048</v>
      </c>
      <c r="C74081" s="1" t="s">
        <v>145</v>
      </c>
      <c r="D74081" s="1" t="s">
        <v>144250</v>
      </c>
      <c r="E74081" s="1" t="s">
        <v>8638</v>
      </c>
      <c r="F74081" s="1" t="s">
        <v>247498</v>
      </c>
      <c r="G74081" s="1" t="s">
        <v>247453</v>
      </c>
      <c r="H74081" s="1" t="s">
        <v>247454</v>
      </c>
      <c r="I74081" s="1" t="s">
        <v>247053</v>
      </c>
      <c r="J74081" s="1" t="s">
        <v>247507</v>
      </c>
    </row>
    <row r="74082" spans="1:10" x14ac:dyDescent="0.35">
      <c r="A74082" s="1" t="s">
        <v>104924</v>
      </c>
      <c r="B74082" s="1" t="s">
        <v>247048</v>
      </c>
      <c r="C74082" s="1" t="s">
        <v>150</v>
      </c>
      <c r="D74082" s="1" t="s">
        <v>2303</v>
      </c>
      <c r="E74082" s="1" t="s">
        <v>555</v>
      </c>
      <c r="F74082" s="1" t="s">
        <v>247498</v>
      </c>
      <c r="G74082" s="1" t="s">
        <v>247453</v>
      </c>
      <c r="H74082" s="1" t="s">
        <v>247454</v>
      </c>
      <c r="I74082" s="1" t="s">
        <v>247053</v>
      </c>
      <c r="J74082" s="1" t="s">
        <v>247508</v>
      </c>
    </row>
    <row r="74083" spans="1:10" x14ac:dyDescent="0.35">
      <c r="A74083" s="1" t="s">
        <v>104924</v>
      </c>
      <c r="B74083" s="1" t="s">
        <v>247048</v>
      </c>
      <c r="C74083" s="1" t="s">
        <v>155</v>
      </c>
      <c r="D74083" s="1" t="s">
        <v>247509</v>
      </c>
      <c r="E74083" s="1" t="s">
        <v>247510</v>
      </c>
      <c r="F74083" s="1" t="s">
        <v>247498</v>
      </c>
      <c r="G74083" s="1" t="s">
        <v>247453</v>
      </c>
      <c r="H74083" s="1" t="s">
        <v>247454</v>
      </c>
      <c r="I74083" s="1" t="s">
        <v>247053</v>
      </c>
      <c r="J74083" s="1" t="s">
        <v>247511</v>
      </c>
    </row>
    <row r="74084" spans="1:10" x14ac:dyDescent="0.35">
      <c r="A74084" s="1" t="s">
        <v>104924</v>
      </c>
      <c r="B74084" s="1" t="s">
        <v>247048</v>
      </c>
      <c r="C74084" s="1" t="s">
        <v>160</v>
      </c>
      <c r="D74084" s="1" t="s">
        <v>14214</v>
      </c>
      <c r="E74084" s="1" t="s">
        <v>159903</v>
      </c>
      <c r="F74084" s="1" t="s">
        <v>247498</v>
      </c>
      <c r="G74084" s="1" t="s">
        <v>247453</v>
      </c>
      <c r="H74084" s="1" t="s">
        <v>247454</v>
      </c>
      <c r="I74084" s="1" t="s">
        <v>247053</v>
      </c>
      <c r="J74084" s="1" t="s">
        <v>247512</v>
      </c>
    </row>
    <row r="74085" spans="1:10" x14ac:dyDescent="0.35">
      <c r="A74085" s="1" t="s">
        <v>104924</v>
      </c>
      <c r="B74085" s="1" t="s">
        <v>247048</v>
      </c>
      <c r="C74085" s="1" t="s">
        <v>165</v>
      </c>
      <c r="D74085" s="1" t="s">
        <v>49166</v>
      </c>
      <c r="E74085" s="1" t="s">
        <v>160407</v>
      </c>
      <c r="F74085" s="1" t="s">
        <v>247498</v>
      </c>
      <c r="G74085" s="1" t="s">
        <v>247453</v>
      </c>
      <c r="H74085" s="1" t="s">
        <v>247454</v>
      </c>
      <c r="I74085" s="1" t="s">
        <v>247053</v>
      </c>
      <c r="J74085" s="1" t="s">
        <v>247513</v>
      </c>
    </row>
    <row r="74086" spans="1:10" x14ac:dyDescent="0.35">
      <c r="A74086" s="1" t="s">
        <v>104924</v>
      </c>
      <c r="B74086" s="1" t="s">
        <v>247048</v>
      </c>
      <c r="C74086" s="1" t="s">
        <v>170</v>
      </c>
      <c r="D74086" s="1" t="s">
        <v>34639</v>
      </c>
      <c r="E74086" s="1" t="s">
        <v>12707</v>
      </c>
      <c r="F74086" s="1" t="s">
        <v>247498</v>
      </c>
      <c r="G74086" s="1" t="s">
        <v>247453</v>
      </c>
      <c r="H74086" s="1" t="s">
        <v>247454</v>
      </c>
      <c r="I74086" s="1" t="s">
        <v>247053</v>
      </c>
      <c r="J74086" s="1" t="s">
        <v>247514</v>
      </c>
    </row>
    <row r="74087" spans="1:10" x14ac:dyDescent="0.35">
      <c r="A74087" s="1" t="s">
        <v>8353</v>
      </c>
      <c r="B74087" s="1" t="s">
        <v>247048</v>
      </c>
      <c r="C74087" s="1" t="s">
        <v>8</v>
      </c>
      <c r="D74087" s="1" t="s">
        <v>115452</v>
      </c>
      <c r="E74087" s="1" t="s">
        <v>247515</v>
      </c>
      <c r="F74087" s="1" t="s">
        <v>247516</v>
      </c>
      <c r="G74087" s="1" t="s">
        <v>247517</v>
      </c>
      <c r="H74087" s="1" t="s">
        <v>247518</v>
      </c>
      <c r="I74087" s="1" t="s">
        <v>247053</v>
      </c>
      <c r="J74087" s="1" t="s">
        <v>13</v>
      </c>
    </row>
    <row r="74088" spans="1:10" x14ac:dyDescent="0.35">
      <c r="A74088" s="1" t="s">
        <v>8353</v>
      </c>
      <c r="B74088" s="1" t="s">
        <v>247048</v>
      </c>
      <c r="C74088" s="1" t="s">
        <v>15</v>
      </c>
      <c r="D74088" s="1" t="s">
        <v>45609</v>
      </c>
      <c r="E74088" s="1" t="s">
        <v>247519</v>
      </c>
      <c r="F74088" s="1" t="s">
        <v>247520</v>
      </c>
      <c r="G74088" s="1" t="s">
        <v>247517</v>
      </c>
      <c r="H74088" s="1" t="s">
        <v>247518</v>
      </c>
      <c r="I74088" s="1" t="s">
        <v>247053</v>
      </c>
      <c r="J74088" s="1" t="s">
        <v>247521</v>
      </c>
    </row>
    <row r="74089" spans="1:10" x14ac:dyDescent="0.35">
      <c r="A74089" s="1" t="s">
        <v>8353</v>
      </c>
      <c r="B74089" s="1" t="s">
        <v>247048</v>
      </c>
      <c r="C74089" s="1" t="s">
        <v>20</v>
      </c>
      <c r="D74089" s="1" t="s">
        <v>2160</v>
      </c>
      <c r="E74089" s="1" t="s">
        <v>247522</v>
      </c>
      <c r="F74089" s="1" t="s">
        <v>247523</v>
      </c>
      <c r="G74089" s="1" t="s">
        <v>247517</v>
      </c>
      <c r="H74089" s="1" t="s">
        <v>247518</v>
      </c>
      <c r="I74089" s="1" t="s">
        <v>247053</v>
      </c>
      <c r="J74089" s="1" t="s">
        <v>247524</v>
      </c>
    </row>
    <row r="74090" spans="1:10" x14ac:dyDescent="0.35">
      <c r="A74090" s="1" t="s">
        <v>8353</v>
      </c>
      <c r="B74090" s="1" t="s">
        <v>247048</v>
      </c>
      <c r="C74090" s="1" t="s">
        <v>25</v>
      </c>
      <c r="D74090" s="1" t="s">
        <v>4305</v>
      </c>
      <c r="E74090" s="1" t="s">
        <v>247525</v>
      </c>
      <c r="F74090" s="1" t="s">
        <v>247526</v>
      </c>
      <c r="G74090" s="1" t="s">
        <v>247517</v>
      </c>
      <c r="H74090" s="1" t="s">
        <v>247518</v>
      </c>
      <c r="I74090" s="1" t="s">
        <v>247053</v>
      </c>
      <c r="J74090" s="1" t="s">
        <v>247527</v>
      </c>
    </row>
    <row r="74091" spans="1:10" x14ac:dyDescent="0.35">
      <c r="A74091" s="1" t="s">
        <v>8353</v>
      </c>
      <c r="B74091" s="1" t="s">
        <v>247048</v>
      </c>
      <c r="C74091" s="1" t="s">
        <v>30</v>
      </c>
      <c r="D74091" s="1" t="s">
        <v>141073</v>
      </c>
      <c r="E74091" s="1" t="s">
        <v>247528</v>
      </c>
      <c r="F74091" s="1" t="s">
        <v>247529</v>
      </c>
      <c r="G74091" s="1" t="s">
        <v>247517</v>
      </c>
      <c r="H74091" s="1" t="s">
        <v>247518</v>
      </c>
      <c r="I74091" s="1" t="s">
        <v>247053</v>
      </c>
      <c r="J74091" s="1" t="s">
        <v>247530</v>
      </c>
    </row>
    <row r="74092" spans="1:10" x14ac:dyDescent="0.35">
      <c r="A74092" s="1" t="s">
        <v>8353</v>
      </c>
      <c r="B74092" s="1" t="s">
        <v>247048</v>
      </c>
      <c r="C74092" s="1" t="s">
        <v>35</v>
      </c>
      <c r="D74092" s="1" t="s">
        <v>27544</v>
      </c>
      <c r="E74092" s="1" t="s">
        <v>247531</v>
      </c>
      <c r="F74092" s="1" t="s">
        <v>247532</v>
      </c>
      <c r="G74092" s="1" t="s">
        <v>247517</v>
      </c>
      <c r="H74092" s="1" t="s">
        <v>247518</v>
      </c>
      <c r="I74092" s="1" t="s">
        <v>247053</v>
      </c>
      <c r="J74092" s="1" t="s">
        <v>247533</v>
      </c>
    </row>
    <row r="74093" spans="1:10" x14ac:dyDescent="0.35">
      <c r="A74093" s="1" t="s">
        <v>8353</v>
      </c>
      <c r="B74093" s="1" t="s">
        <v>247048</v>
      </c>
      <c r="C74093" s="1" t="s">
        <v>40</v>
      </c>
      <c r="D74093" s="1" t="s">
        <v>29875</v>
      </c>
      <c r="E74093" s="1" t="s">
        <v>247534</v>
      </c>
      <c r="F74093" s="1" t="s">
        <v>247535</v>
      </c>
      <c r="G74093" s="1" t="s">
        <v>247517</v>
      </c>
      <c r="H74093" s="1" t="s">
        <v>247518</v>
      </c>
      <c r="I74093" s="1" t="s">
        <v>247053</v>
      </c>
      <c r="J74093" s="1" t="s">
        <v>247536</v>
      </c>
    </row>
    <row r="74094" spans="1:10" x14ac:dyDescent="0.35">
      <c r="A74094" s="1" t="s">
        <v>8353</v>
      </c>
      <c r="B74094" s="1" t="s">
        <v>247048</v>
      </c>
      <c r="C74094" s="1" t="s">
        <v>45</v>
      </c>
      <c r="D74094" s="1" t="s">
        <v>100</v>
      </c>
      <c r="E74094" s="1" t="s">
        <v>247537</v>
      </c>
      <c r="F74094" s="1" t="s">
        <v>247538</v>
      </c>
      <c r="G74094" s="1" t="s">
        <v>247517</v>
      </c>
      <c r="H74094" s="1" t="s">
        <v>247518</v>
      </c>
      <c r="I74094" s="1" t="s">
        <v>247053</v>
      </c>
      <c r="J74094" s="1" t="s">
        <v>247539</v>
      </c>
    </row>
    <row r="74095" spans="1:10" x14ac:dyDescent="0.35">
      <c r="A74095" s="1" t="s">
        <v>8353</v>
      </c>
      <c r="B74095" s="1" t="s">
        <v>247048</v>
      </c>
      <c r="C74095" s="1" t="s">
        <v>50</v>
      </c>
      <c r="D74095" s="1" t="s">
        <v>29148</v>
      </c>
      <c r="E74095" s="1" t="s">
        <v>247540</v>
      </c>
      <c r="F74095" s="1" t="s">
        <v>247541</v>
      </c>
      <c r="G74095" s="1" t="s">
        <v>247517</v>
      </c>
      <c r="H74095" s="1" t="s">
        <v>247518</v>
      </c>
      <c r="I74095" s="1" t="s">
        <v>247053</v>
      </c>
      <c r="J74095" s="1" t="s">
        <v>247542</v>
      </c>
    </row>
    <row r="74096" spans="1:10" x14ac:dyDescent="0.35">
      <c r="A74096" s="1" t="s">
        <v>8353</v>
      </c>
      <c r="B74096" s="1" t="s">
        <v>247048</v>
      </c>
      <c r="C74096" s="1" t="s">
        <v>55</v>
      </c>
      <c r="D74096" s="1" t="s">
        <v>15005</v>
      </c>
      <c r="E74096" s="1" t="s">
        <v>247543</v>
      </c>
      <c r="F74096" s="1" t="s">
        <v>247544</v>
      </c>
      <c r="G74096" s="1" t="s">
        <v>247517</v>
      </c>
      <c r="H74096" s="1" t="s">
        <v>247518</v>
      </c>
      <c r="I74096" s="1" t="s">
        <v>247053</v>
      </c>
      <c r="J74096" s="1" t="s">
        <v>247545</v>
      </c>
    </row>
    <row r="74097" spans="1:10" x14ac:dyDescent="0.35">
      <c r="A74097" s="1" t="s">
        <v>8353</v>
      </c>
      <c r="B74097" s="1" t="s">
        <v>247048</v>
      </c>
      <c r="C74097" s="1" t="s">
        <v>60</v>
      </c>
      <c r="D74097" s="1" t="s">
        <v>119893</v>
      </c>
      <c r="E74097" s="1" t="s">
        <v>247546</v>
      </c>
      <c r="F74097" s="1" t="s">
        <v>247547</v>
      </c>
      <c r="G74097" s="1" t="s">
        <v>247517</v>
      </c>
      <c r="H74097" s="1" t="s">
        <v>247518</v>
      </c>
      <c r="I74097" s="1" t="s">
        <v>247053</v>
      </c>
      <c r="J74097" s="1" t="s">
        <v>247548</v>
      </c>
    </row>
    <row r="74098" spans="1:10" x14ac:dyDescent="0.35">
      <c r="A74098" s="1" t="s">
        <v>8353</v>
      </c>
      <c r="B74098" s="1" t="s">
        <v>247048</v>
      </c>
      <c r="C74098" s="1" t="s">
        <v>65</v>
      </c>
      <c r="D74098" s="1" t="s">
        <v>110642</v>
      </c>
      <c r="E74098" s="1" t="s">
        <v>247549</v>
      </c>
      <c r="F74098" s="1" t="s">
        <v>247550</v>
      </c>
      <c r="G74098" s="1" t="s">
        <v>247517</v>
      </c>
      <c r="H74098" s="1" t="s">
        <v>247518</v>
      </c>
      <c r="I74098" s="1" t="s">
        <v>247053</v>
      </c>
      <c r="J74098" s="1" t="s">
        <v>247551</v>
      </c>
    </row>
    <row r="74099" spans="1:10" x14ac:dyDescent="0.35">
      <c r="A74099" s="1" t="s">
        <v>8353</v>
      </c>
      <c r="B74099" s="1" t="s">
        <v>247048</v>
      </c>
      <c r="C74099" s="1" t="s">
        <v>70</v>
      </c>
      <c r="D74099" s="1" t="s">
        <v>143276</v>
      </c>
      <c r="E74099" s="1" t="s">
        <v>247552</v>
      </c>
      <c r="F74099" s="1" t="s">
        <v>247553</v>
      </c>
      <c r="G74099" s="1" t="s">
        <v>247517</v>
      </c>
      <c r="H74099" s="1" t="s">
        <v>247518</v>
      </c>
      <c r="I74099" s="1" t="s">
        <v>247053</v>
      </c>
      <c r="J74099" s="1" t="s">
        <v>247554</v>
      </c>
    </row>
    <row r="74100" spans="1:10" x14ac:dyDescent="0.35">
      <c r="A74100" s="1" t="s">
        <v>8353</v>
      </c>
      <c r="B74100" s="1" t="s">
        <v>247048</v>
      </c>
      <c r="C74100" s="1" t="s">
        <v>75</v>
      </c>
      <c r="D74100" s="1" t="s">
        <v>27403</v>
      </c>
      <c r="E74100" s="1" t="s">
        <v>247555</v>
      </c>
      <c r="F74100" s="1" t="s">
        <v>247556</v>
      </c>
      <c r="G74100" s="1" t="s">
        <v>247517</v>
      </c>
      <c r="H74100" s="1" t="s">
        <v>247518</v>
      </c>
      <c r="I74100" s="1" t="s">
        <v>247053</v>
      </c>
      <c r="J74100" s="1" t="s">
        <v>247557</v>
      </c>
    </row>
    <row r="74101" spans="1:10" x14ac:dyDescent="0.35">
      <c r="A74101" s="1" t="s">
        <v>8353</v>
      </c>
      <c r="B74101" s="1" t="s">
        <v>247048</v>
      </c>
      <c r="C74101" s="1" t="s">
        <v>80</v>
      </c>
      <c r="D74101" s="1" t="s">
        <v>27644</v>
      </c>
      <c r="E74101" s="1" t="s">
        <v>247558</v>
      </c>
      <c r="F74101" s="1" t="s">
        <v>247559</v>
      </c>
      <c r="G74101" s="1" t="s">
        <v>247517</v>
      </c>
      <c r="H74101" s="1" t="s">
        <v>247518</v>
      </c>
      <c r="I74101" s="1" t="s">
        <v>247053</v>
      </c>
      <c r="J74101" s="1" t="s">
        <v>247560</v>
      </c>
    </row>
    <row r="74102" spans="1:10" x14ac:dyDescent="0.35">
      <c r="A74102" s="1" t="s">
        <v>8353</v>
      </c>
      <c r="B74102" s="1" t="s">
        <v>247048</v>
      </c>
      <c r="C74102" s="1" t="s">
        <v>85</v>
      </c>
      <c r="D74102" s="1" t="s">
        <v>142694</v>
      </c>
      <c r="E74102" s="1" t="s">
        <v>247561</v>
      </c>
      <c r="F74102" s="1" t="s">
        <v>247562</v>
      </c>
      <c r="G74102" s="1" t="s">
        <v>247517</v>
      </c>
      <c r="H74102" s="1" t="s">
        <v>247518</v>
      </c>
      <c r="I74102" s="1" t="s">
        <v>247053</v>
      </c>
      <c r="J74102" s="1" t="s">
        <v>247563</v>
      </c>
    </row>
    <row r="74103" spans="1:10" x14ac:dyDescent="0.35">
      <c r="A74103" s="1" t="s">
        <v>8353</v>
      </c>
      <c r="B74103" s="1" t="s">
        <v>247048</v>
      </c>
      <c r="C74103" s="1" t="s">
        <v>90</v>
      </c>
      <c r="D74103" s="1" t="s">
        <v>143785</v>
      </c>
      <c r="E74103" s="1" t="s">
        <v>247564</v>
      </c>
      <c r="F74103" s="1" t="s">
        <v>247565</v>
      </c>
      <c r="G74103" s="1" t="s">
        <v>247517</v>
      </c>
      <c r="H74103" s="1" t="s">
        <v>247518</v>
      </c>
      <c r="I74103" s="1" t="s">
        <v>247053</v>
      </c>
      <c r="J74103" s="1" t="s">
        <v>247566</v>
      </c>
    </row>
    <row r="74104" spans="1:10" x14ac:dyDescent="0.35">
      <c r="A74104" s="1" t="s">
        <v>8353</v>
      </c>
      <c r="B74104" s="1" t="s">
        <v>247048</v>
      </c>
      <c r="C74104" s="1" t="s">
        <v>95</v>
      </c>
      <c r="D74104" s="1" t="s">
        <v>27476</v>
      </c>
      <c r="E74104" s="1" t="s">
        <v>247567</v>
      </c>
      <c r="F74104" s="1" t="s">
        <v>247568</v>
      </c>
      <c r="G74104" s="1" t="s">
        <v>247517</v>
      </c>
      <c r="H74104" s="1" t="s">
        <v>247518</v>
      </c>
      <c r="I74104" s="1" t="s">
        <v>247053</v>
      </c>
      <c r="J74104" s="1" t="s">
        <v>247569</v>
      </c>
    </row>
    <row r="74105" spans="1:10" x14ac:dyDescent="0.35">
      <c r="A74105" s="1" t="s">
        <v>8353</v>
      </c>
      <c r="B74105" s="1" t="s">
        <v>247048</v>
      </c>
      <c r="C74105" s="1" t="s">
        <v>100</v>
      </c>
      <c r="D74105" s="1" t="s">
        <v>247570</v>
      </c>
      <c r="E74105" s="1" t="s">
        <v>247571</v>
      </c>
      <c r="F74105" s="1" t="s">
        <v>247572</v>
      </c>
      <c r="G74105" s="1" t="s">
        <v>247517</v>
      </c>
      <c r="H74105" s="1" t="s">
        <v>247518</v>
      </c>
      <c r="I74105" s="1" t="s">
        <v>247053</v>
      </c>
      <c r="J74105" s="1" t="s">
        <v>247573</v>
      </c>
    </row>
    <row r="74106" spans="1:10" x14ac:dyDescent="0.35">
      <c r="A74106" s="1" t="s">
        <v>8353</v>
      </c>
      <c r="B74106" s="1" t="s">
        <v>247048</v>
      </c>
      <c r="C74106" s="1" t="s">
        <v>105</v>
      </c>
      <c r="D74106" s="1" t="s">
        <v>1612</v>
      </c>
      <c r="E74106" s="1" t="s">
        <v>247574</v>
      </c>
      <c r="F74106" s="1" t="s">
        <v>247575</v>
      </c>
      <c r="G74106" s="1" t="s">
        <v>247517</v>
      </c>
      <c r="H74106" s="1" t="s">
        <v>247518</v>
      </c>
      <c r="I74106" s="1" t="s">
        <v>247053</v>
      </c>
      <c r="J74106" s="1" t="s">
        <v>247576</v>
      </c>
    </row>
    <row r="74107" spans="1:10" x14ac:dyDescent="0.35">
      <c r="A74107" s="1" t="s">
        <v>8353</v>
      </c>
      <c r="B74107" s="1" t="s">
        <v>247048</v>
      </c>
      <c r="C74107" s="1" t="s">
        <v>110</v>
      </c>
      <c r="D74107" s="1" t="s">
        <v>29821</v>
      </c>
      <c r="E74107" s="1" t="s">
        <v>247577</v>
      </c>
      <c r="F74107" s="1" t="s">
        <v>247578</v>
      </c>
      <c r="G74107" s="1" t="s">
        <v>247517</v>
      </c>
      <c r="H74107" s="1" t="s">
        <v>247518</v>
      </c>
      <c r="I74107" s="1" t="s">
        <v>247053</v>
      </c>
      <c r="J74107" s="1" t="s">
        <v>247579</v>
      </c>
    </row>
    <row r="74108" spans="1:10" x14ac:dyDescent="0.35">
      <c r="A74108" s="1" t="s">
        <v>8353</v>
      </c>
      <c r="B74108" s="1" t="s">
        <v>247048</v>
      </c>
      <c r="C74108" s="1" t="s">
        <v>115</v>
      </c>
      <c r="D74108" s="1" t="s">
        <v>207829</v>
      </c>
      <c r="E74108" s="1" t="s">
        <v>247580</v>
      </c>
      <c r="F74108" s="1" t="s">
        <v>247581</v>
      </c>
      <c r="G74108" s="1" t="s">
        <v>247517</v>
      </c>
      <c r="H74108" s="1" t="s">
        <v>247518</v>
      </c>
      <c r="I74108" s="1" t="s">
        <v>247053</v>
      </c>
      <c r="J74108" s="1" t="s">
        <v>247582</v>
      </c>
    </row>
    <row r="74109" spans="1:10" x14ac:dyDescent="0.35">
      <c r="A74109" s="1" t="s">
        <v>8353</v>
      </c>
      <c r="B74109" s="1" t="s">
        <v>247048</v>
      </c>
      <c r="C74109" s="1" t="s">
        <v>120</v>
      </c>
      <c r="D74109" s="1" t="s">
        <v>122228</v>
      </c>
      <c r="E74109" s="1" t="s">
        <v>247583</v>
      </c>
      <c r="F74109" s="1" t="s">
        <v>247584</v>
      </c>
      <c r="G74109" s="1" t="s">
        <v>247517</v>
      </c>
      <c r="H74109" s="1" t="s">
        <v>247518</v>
      </c>
      <c r="I74109" s="1" t="s">
        <v>247053</v>
      </c>
      <c r="J74109" s="1" t="s">
        <v>247585</v>
      </c>
    </row>
    <row r="74110" spans="1:10" x14ac:dyDescent="0.35">
      <c r="A74110" s="1" t="s">
        <v>8353</v>
      </c>
      <c r="B74110" s="1" t="s">
        <v>247048</v>
      </c>
      <c r="C74110" s="1" t="s">
        <v>125</v>
      </c>
      <c r="D74110" s="1" t="s">
        <v>25135</v>
      </c>
      <c r="E74110" s="1" t="s">
        <v>247586</v>
      </c>
      <c r="F74110" s="1" t="s">
        <v>247587</v>
      </c>
      <c r="G74110" s="1" t="s">
        <v>247517</v>
      </c>
      <c r="H74110" s="1" t="s">
        <v>247518</v>
      </c>
      <c r="I74110" s="1" t="s">
        <v>247053</v>
      </c>
      <c r="J74110" s="1" t="s">
        <v>247588</v>
      </c>
    </row>
    <row r="74111" spans="1:10" x14ac:dyDescent="0.35">
      <c r="A74111" s="1" t="s">
        <v>8353</v>
      </c>
      <c r="B74111" s="1" t="s">
        <v>247048</v>
      </c>
      <c r="C74111" s="1" t="s">
        <v>130</v>
      </c>
      <c r="D74111" s="1" t="s">
        <v>9722</v>
      </c>
      <c r="E74111" s="1" t="s">
        <v>247589</v>
      </c>
      <c r="F74111" s="1" t="s">
        <v>247590</v>
      </c>
      <c r="G74111" s="1" t="s">
        <v>247517</v>
      </c>
      <c r="H74111" s="1" t="s">
        <v>247518</v>
      </c>
      <c r="I74111" s="1" t="s">
        <v>247053</v>
      </c>
      <c r="J74111" s="1" t="s">
        <v>247591</v>
      </c>
    </row>
    <row r="74112" spans="1:10" x14ac:dyDescent="0.35">
      <c r="A74112" s="1" t="s">
        <v>8353</v>
      </c>
      <c r="B74112" s="1" t="s">
        <v>247048</v>
      </c>
      <c r="C74112" s="1" t="s">
        <v>135</v>
      </c>
      <c r="D74112" s="1" t="s">
        <v>35648</v>
      </c>
      <c r="E74112" s="1" t="s">
        <v>247592</v>
      </c>
      <c r="F74112" s="1" t="s">
        <v>247593</v>
      </c>
      <c r="G74112" s="1" t="s">
        <v>247517</v>
      </c>
      <c r="H74112" s="1" t="s">
        <v>247518</v>
      </c>
      <c r="I74112" s="1" t="s">
        <v>247053</v>
      </c>
      <c r="J74112" s="1" t="s">
        <v>247594</v>
      </c>
    </row>
    <row r="74113" spans="1:10" x14ac:dyDescent="0.35">
      <c r="A74113" s="1" t="s">
        <v>8353</v>
      </c>
      <c r="B74113" s="1" t="s">
        <v>247048</v>
      </c>
      <c r="C74113" s="1" t="s">
        <v>140</v>
      </c>
      <c r="D74113" s="1" t="s">
        <v>37340</v>
      </c>
      <c r="E74113" s="1" t="s">
        <v>247595</v>
      </c>
      <c r="F74113" s="1" t="s">
        <v>247596</v>
      </c>
      <c r="G74113" s="1" t="s">
        <v>247517</v>
      </c>
      <c r="H74113" s="1" t="s">
        <v>247518</v>
      </c>
      <c r="I74113" s="1" t="s">
        <v>247053</v>
      </c>
      <c r="J74113" s="1" t="s">
        <v>247597</v>
      </c>
    </row>
    <row r="74114" spans="1:10" x14ac:dyDescent="0.35">
      <c r="A74114" s="1" t="s">
        <v>8353</v>
      </c>
      <c r="B74114" s="1" t="s">
        <v>247048</v>
      </c>
      <c r="C74114" s="1" t="s">
        <v>145</v>
      </c>
      <c r="D74114" s="1" t="s">
        <v>9682</v>
      </c>
      <c r="E74114" s="1" t="s">
        <v>247598</v>
      </c>
      <c r="F74114" s="1" t="s">
        <v>247599</v>
      </c>
      <c r="G74114" s="1" t="s">
        <v>247517</v>
      </c>
      <c r="H74114" s="1" t="s">
        <v>247518</v>
      </c>
      <c r="I74114" s="1" t="s">
        <v>247053</v>
      </c>
      <c r="J74114" s="1" t="s">
        <v>247600</v>
      </c>
    </row>
    <row r="74115" spans="1:10" x14ac:dyDescent="0.35">
      <c r="A74115" s="1" t="s">
        <v>8353</v>
      </c>
      <c r="B74115" s="1" t="s">
        <v>247048</v>
      </c>
      <c r="C74115" s="1" t="s">
        <v>150</v>
      </c>
      <c r="D74115" s="1" t="s">
        <v>15444</v>
      </c>
      <c r="E74115" s="1" t="s">
        <v>247601</v>
      </c>
      <c r="F74115" s="1" t="s">
        <v>247602</v>
      </c>
      <c r="G74115" s="1" t="s">
        <v>247517</v>
      </c>
      <c r="H74115" s="1" t="s">
        <v>247518</v>
      </c>
      <c r="I74115" s="1" t="s">
        <v>247053</v>
      </c>
      <c r="J74115" s="1" t="s">
        <v>247603</v>
      </c>
    </row>
    <row r="74116" spans="1:10" x14ac:dyDescent="0.35">
      <c r="A74116" s="1" t="s">
        <v>8353</v>
      </c>
      <c r="B74116" s="1" t="s">
        <v>247048</v>
      </c>
      <c r="C74116" s="1" t="s">
        <v>155</v>
      </c>
      <c r="D74116" s="1" t="s">
        <v>16124</v>
      </c>
      <c r="E74116" s="1" t="s">
        <v>247604</v>
      </c>
      <c r="F74116" s="1" t="s">
        <v>247605</v>
      </c>
      <c r="G74116" s="1" t="s">
        <v>247517</v>
      </c>
      <c r="H74116" s="1" t="s">
        <v>247518</v>
      </c>
      <c r="I74116" s="1" t="s">
        <v>247053</v>
      </c>
      <c r="J74116" s="1" t="s">
        <v>247606</v>
      </c>
    </row>
    <row r="74117" spans="1:10" x14ac:dyDescent="0.35">
      <c r="A74117" s="1" t="s">
        <v>8353</v>
      </c>
      <c r="B74117" s="1" t="s">
        <v>247048</v>
      </c>
      <c r="C74117" s="1" t="s">
        <v>160</v>
      </c>
      <c r="D74117" s="1" t="s">
        <v>28326</v>
      </c>
      <c r="E74117" s="1" t="s">
        <v>247607</v>
      </c>
      <c r="F74117" s="1" t="s">
        <v>247608</v>
      </c>
      <c r="G74117" s="1" t="s">
        <v>247517</v>
      </c>
      <c r="H74117" s="1" t="s">
        <v>247518</v>
      </c>
      <c r="I74117" s="1" t="s">
        <v>247053</v>
      </c>
      <c r="J74117" s="1" t="s">
        <v>247609</v>
      </c>
    </row>
    <row r="74118" spans="1:10" x14ac:dyDescent="0.35">
      <c r="A74118" s="1" t="s">
        <v>8353</v>
      </c>
      <c r="B74118" s="1" t="s">
        <v>247048</v>
      </c>
      <c r="C74118" s="1" t="s">
        <v>165</v>
      </c>
      <c r="D74118" s="1" t="s">
        <v>73539</v>
      </c>
      <c r="E74118" s="1" t="s">
        <v>247610</v>
      </c>
      <c r="F74118" s="1" t="s">
        <v>247611</v>
      </c>
      <c r="G74118" s="1" t="s">
        <v>247517</v>
      </c>
      <c r="H74118" s="1" t="s">
        <v>247518</v>
      </c>
      <c r="I74118" s="1" t="s">
        <v>247053</v>
      </c>
      <c r="J74118" s="1" t="s">
        <v>247612</v>
      </c>
    </row>
    <row r="74119" spans="1:10" x14ac:dyDescent="0.35">
      <c r="A74119" s="1" t="s">
        <v>8353</v>
      </c>
      <c r="B74119" s="1" t="s">
        <v>247048</v>
      </c>
      <c r="C74119" s="1" t="s">
        <v>170</v>
      </c>
      <c r="D74119" s="1" t="s">
        <v>115500</v>
      </c>
      <c r="E74119" s="1" t="s">
        <v>247613</v>
      </c>
      <c r="F74119" s="1" t="s">
        <v>247614</v>
      </c>
      <c r="G74119" s="1" t="s">
        <v>247517</v>
      </c>
      <c r="H74119" s="1" t="s">
        <v>247518</v>
      </c>
      <c r="I74119" s="1" t="s">
        <v>247053</v>
      </c>
      <c r="J74119" s="1" t="s">
        <v>247615</v>
      </c>
    </row>
    <row r="74120" spans="1:10" x14ac:dyDescent="0.35">
      <c r="A74120" s="1" t="s">
        <v>143520</v>
      </c>
      <c r="B74120" s="1" t="s">
        <v>247048</v>
      </c>
      <c r="C74120" s="1" t="s">
        <v>8</v>
      </c>
      <c r="D74120" s="1" t="s">
        <v>112606</v>
      </c>
      <c r="E74120" s="1" t="s">
        <v>247616</v>
      </c>
      <c r="F74120" s="1" t="s">
        <v>247617</v>
      </c>
      <c r="G74120" s="1" t="s">
        <v>247618</v>
      </c>
      <c r="H74120" s="1" t="s">
        <v>247619</v>
      </c>
      <c r="I74120" s="1" t="s">
        <v>247053</v>
      </c>
      <c r="J74120" s="1" t="s">
        <v>13</v>
      </c>
    </row>
    <row r="74121" spans="1:10" x14ac:dyDescent="0.35">
      <c r="A74121" s="1" t="s">
        <v>143520</v>
      </c>
      <c r="B74121" s="1" t="s">
        <v>247048</v>
      </c>
      <c r="C74121" s="1" t="s">
        <v>15</v>
      </c>
      <c r="D74121" s="1" t="s">
        <v>1150</v>
      </c>
      <c r="E74121" s="1" t="s">
        <v>247620</v>
      </c>
      <c r="F74121" s="1" t="s">
        <v>247621</v>
      </c>
      <c r="G74121" s="1" t="s">
        <v>247618</v>
      </c>
      <c r="H74121" s="1" t="s">
        <v>247619</v>
      </c>
      <c r="I74121" s="1" t="s">
        <v>247053</v>
      </c>
      <c r="J74121" s="1" t="s">
        <v>247622</v>
      </c>
    </row>
    <row r="74122" spans="1:10" x14ac:dyDescent="0.35">
      <c r="A74122" s="1" t="s">
        <v>143520</v>
      </c>
      <c r="B74122" s="1" t="s">
        <v>247048</v>
      </c>
      <c r="C74122" s="1" t="s">
        <v>20</v>
      </c>
      <c r="D74122" s="1" t="s">
        <v>102285</v>
      </c>
      <c r="E74122" s="1" t="s">
        <v>247623</v>
      </c>
      <c r="F74122" s="1" t="s">
        <v>247624</v>
      </c>
      <c r="G74122" s="1" t="s">
        <v>247618</v>
      </c>
      <c r="H74122" s="1" t="s">
        <v>247619</v>
      </c>
      <c r="I74122" s="1" t="s">
        <v>247053</v>
      </c>
      <c r="J74122" s="1" t="s">
        <v>247625</v>
      </c>
    </row>
    <row r="74123" spans="1:10" x14ac:dyDescent="0.35">
      <c r="A74123" s="1" t="s">
        <v>143520</v>
      </c>
      <c r="B74123" s="1" t="s">
        <v>247048</v>
      </c>
      <c r="C74123" s="1" t="s">
        <v>25</v>
      </c>
      <c r="D74123" s="1" t="s">
        <v>98652</v>
      </c>
      <c r="E74123" s="1" t="s">
        <v>247626</v>
      </c>
      <c r="F74123" s="1" t="s">
        <v>247627</v>
      </c>
      <c r="G74123" s="1" t="s">
        <v>247618</v>
      </c>
      <c r="H74123" s="1" t="s">
        <v>247619</v>
      </c>
      <c r="I74123" s="1" t="s">
        <v>247053</v>
      </c>
      <c r="J74123" s="1" t="s">
        <v>146531</v>
      </c>
    </row>
    <row r="74124" spans="1:10" x14ac:dyDescent="0.35">
      <c r="A74124" s="1" t="s">
        <v>143520</v>
      </c>
      <c r="B74124" s="1" t="s">
        <v>247048</v>
      </c>
      <c r="C74124" s="1" t="s">
        <v>30</v>
      </c>
      <c r="D74124" s="1" t="s">
        <v>6239</v>
      </c>
      <c r="E74124" s="1" t="s">
        <v>247628</v>
      </c>
      <c r="F74124" s="1" t="s">
        <v>247629</v>
      </c>
      <c r="G74124" s="1" t="s">
        <v>247618</v>
      </c>
      <c r="H74124" s="1" t="s">
        <v>247619</v>
      </c>
      <c r="I74124" s="1" t="s">
        <v>247053</v>
      </c>
      <c r="J74124" s="1" t="s">
        <v>247630</v>
      </c>
    </row>
    <row r="74125" spans="1:10" x14ac:dyDescent="0.35">
      <c r="A74125" s="1" t="s">
        <v>143520</v>
      </c>
      <c r="B74125" s="1" t="s">
        <v>247048</v>
      </c>
      <c r="C74125" s="1" t="s">
        <v>35</v>
      </c>
      <c r="D74125" s="1" t="s">
        <v>81704</v>
      </c>
      <c r="E74125" s="1" t="s">
        <v>247631</v>
      </c>
      <c r="F74125" s="1" t="s">
        <v>247632</v>
      </c>
      <c r="G74125" s="1" t="s">
        <v>247618</v>
      </c>
      <c r="H74125" s="1" t="s">
        <v>247619</v>
      </c>
      <c r="I74125" s="1" t="s">
        <v>247053</v>
      </c>
      <c r="J74125" s="1" t="s">
        <v>247633</v>
      </c>
    </row>
    <row r="74126" spans="1:10" x14ac:dyDescent="0.35">
      <c r="A74126" s="1" t="s">
        <v>143520</v>
      </c>
      <c r="B74126" s="1" t="s">
        <v>247048</v>
      </c>
      <c r="C74126" s="1" t="s">
        <v>40</v>
      </c>
      <c r="D74126" s="1" t="s">
        <v>122042</v>
      </c>
      <c r="E74126" s="1" t="s">
        <v>247634</v>
      </c>
      <c r="F74126" s="1" t="s">
        <v>247635</v>
      </c>
      <c r="G74126" s="1" t="s">
        <v>247618</v>
      </c>
      <c r="H74126" s="1" t="s">
        <v>247619</v>
      </c>
      <c r="I74126" s="1" t="s">
        <v>247053</v>
      </c>
      <c r="J74126" s="1" t="s">
        <v>247636</v>
      </c>
    </row>
    <row r="74127" spans="1:10" x14ac:dyDescent="0.35">
      <c r="A74127" s="1" t="s">
        <v>143520</v>
      </c>
      <c r="B74127" s="1" t="s">
        <v>247048</v>
      </c>
      <c r="C74127" s="1" t="s">
        <v>45</v>
      </c>
      <c r="D74127" s="1" t="s">
        <v>3942</v>
      </c>
      <c r="E74127" s="1" t="s">
        <v>247616</v>
      </c>
      <c r="F74127" s="1" t="s">
        <v>247637</v>
      </c>
      <c r="G74127" s="1" t="s">
        <v>247618</v>
      </c>
      <c r="H74127" s="1" t="s">
        <v>247619</v>
      </c>
      <c r="I74127" s="1" t="s">
        <v>247053</v>
      </c>
      <c r="J74127" s="1" t="s">
        <v>247638</v>
      </c>
    </row>
    <row r="74128" spans="1:10" x14ac:dyDescent="0.35">
      <c r="A74128" s="1" t="s">
        <v>143520</v>
      </c>
      <c r="B74128" s="1" t="s">
        <v>247048</v>
      </c>
      <c r="C74128" s="1" t="s">
        <v>50</v>
      </c>
      <c r="D74128" s="1" t="s">
        <v>8042</v>
      </c>
      <c r="E74128" s="1" t="s">
        <v>247639</v>
      </c>
      <c r="F74128" s="1" t="s">
        <v>247640</v>
      </c>
      <c r="G74128" s="1" t="s">
        <v>247618</v>
      </c>
      <c r="H74128" s="1" t="s">
        <v>247619</v>
      </c>
      <c r="I74128" s="1" t="s">
        <v>247053</v>
      </c>
      <c r="J74128" s="1" t="s">
        <v>247641</v>
      </c>
    </row>
    <row r="74129" spans="1:10" x14ac:dyDescent="0.35">
      <c r="A74129" s="1" t="s">
        <v>143520</v>
      </c>
      <c r="B74129" s="1" t="s">
        <v>247048</v>
      </c>
      <c r="C74129" s="1" t="s">
        <v>55</v>
      </c>
      <c r="D74129" s="1" t="s">
        <v>161048</v>
      </c>
      <c r="E74129" s="1" t="s">
        <v>247642</v>
      </c>
      <c r="F74129" s="1" t="s">
        <v>247643</v>
      </c>
      <c r="G74129" s="1" t="s">
        <v>247618</v>
      </c>
      <c r="H74129" s="1" t="s">
        <v>247619</v>
      </c>
      <c r="I74129" s="1" t="s">
        <v>247053</v>
      </c>
      <c r="J74129" s="1" t="s">
        <v>247644</v>
      </c>
    </row>
    <row r="74130" spans="1:10" x14ac:dyDescent="0.35">
      <c r="A74130" s="1" t="s">
        <v>143520</v>
      </c>
      <c r="B74130" s="1" t="s">
        <v>247048</v>
      </c>
      <c r="C74130" s="1" t="s">
        <v>60</v>
      </c>
      <c r="D74130" s="1" t="s">
        <v>2909</v>
      </c>
      <c r="E74130" s="1" t="s">
        <v>247645</v>
      </c>
      <c r="F74130" s="1" t="s">
        <v>247646</v>
      </c>
      <c r="G74130" s="1" t="s">
        <v>247618</v>
      </c>
      <c r="H74130" s="1" t="s">
        <v>247619</v>
      </c>
      <c r="I74130" s="1" t="s">
        <v>247053</v>
      </c>
      <c r="J74130" s="1" t="s">
        <v>247647</v>
      </c>
    </row>
    <row r="74131" spans="1:10" x14ac:dyDescent="0.35">
      <c r="A74131" s="1" t="s">
        <v>143520</v>
      </c>
      <c r="B74131" s="1" t="s">
        <v>247048</v>
      </c>
      <c r="C74131" s="1" t="s">
        <v>65</v>
      </c>
      <c r="D74131" s="1" t="s">
        <v>16100</v>
      </c>
      <c r="E74131" s="1" t="s">
        <v>247648</v>
      </c>
      <c r="F74131" s="1" t="s">
        <v>247649</v>
      </c>
      <c r="G74131" s="1" t="s">
        <v>247618</v>
      </c>
      <c r="H74131" s="1" t="s">
        <v>247619</v>
      </c>
      <c r="I74131" s="1" t="s">
        <v>247053</v>
      </c>
      <c r="J74131" s="1" t="s">
        <v>247650</v>
      </c>
    </row>
    <row r="74132" spans="1:10" x14ac:dyDescent="0.35">
      <c r="A74132" s="1" t="s">
        <v>143520</v>
      </c>
      <c r="B74132" s="1" t="s">
        <v>247048</v>
      </c>
      <c r="C74132" s="1" t="s">
        <v>70</v>
      </c>
      <c r="D74132" s="1" t="s">
        <v>112789</v>
      </c>
      <c r="E74132" s="1" t="s">
        <v>247651</v>
      </c>
      <c r="F74132" s="1" t="s">
        <v>247652</v>
      </c>
      <c r="G74132" s="1" t="s">
        <v>247618</v>
      </c>
      <c r="H74132" s="1" t="s">
        <v>247619</v>
      </c>
      <c r="I74132" s="1" t="s">
        <v>247053</v>
      </c>
      <c r="J74132" s="1" t="s">
        <v>247653</v>
      </c>
    </row>
    <row r="74133" spans="1:10" x14ac:dyDescent="0.35">
      <c r="A74133" s="1" t="s">
        <v>143520</v>
      </c>
      <c r="B74133" s="1" t="s">
        <v>247048</v>
      </c>
      <c r="C74133" s="1" t="s">
        <v>75</v>
      </c>
      <c r="D74133" s="1" t="s">
        <v>244643</v>
      </c>
      <c r="E74133" s="1" t="s">
        <v>247654</v>
      </c>
      <c r="F74133" s="1" t="s">
        <v>247655</v>
      </c>
      <c r="G74133" s="1" t="s">
        <v>247618</v>
      </c>
      <c r="H74133" s="1" t="s">
        <v>247619</v>
      </c>
      <c r="I74133" s="1" t="s">
        <v>247053</v>
      </c>
      <c r="J74133" s="1" t="s">
        <v>247656</v>
      </c>
    </row>
    <row r="74134" spans="1:10" x14ac:dyDescent="0.35">
      <c r="A74134" s="1" t="s">
        <v>143520</v>
      </c>
      <c r="B74134" s="1" t="s">
        <v>247048</v>
      </c>
      <c r="C74134" s="1" t="s">
        <v>80</v>
      </c>
      <c r="D74134" s="1" t="s">
        <v>247657</v>
      </c>
      <c r="E74134" s="1" t="s">
        <v>247658</v>
      </c>
      <c r="F74134" s="1" t="s">
        <v>247659</v>
      </c>
      <c r="G74134" s="1" t="s">
        <v>247618</v>
      </c>
      <c r="H74134" s="1" t="s">
        <v>247619</v>
      </c>
      <c r="I74134" s="1" t="s">
        <v>247053</v>
      </c>
      <c r="J74134" s="1" t="s">
        <v>247660</v>
      </c>
    </row>
    <row r="74135" spans="1:10" x14ac:dyDescent="0.35">
      <c r="A74135" s="1" t="s">
        <v>143520</v>
      </c>
      <c r="B74135" s="1" t="s">
        <v>247048</v>
      </c>
      <c r="C74135" s="1" t="s">
        <v>85</v>
      </c>
      <c r="D74135" s="1" t="s">
        <v>1430</v>
      </c>
      <c r="E74135" s="1" t="s">
        <v>247661</v>
      </c>
      <c r="F74135" s="1" t="s">
        <v>247662</v>
      </c>
      <c r="G74135" s="1" t="s">
        <v>247618</v>
      </c>
      <c r="H74135" s="1" t="s">
        <v>247619</v>
      </c>
      <c r="I74135" s="1" t="s">
        <v>247053</v>
      </c>
      <c r="J74135" s="1" t="s">
        <v>247663</v>
      </c>
    </row>
    <row r="74136" spans="1:10" x14ac:dyDescent="0.35">
      <c r="A74136" s="1" t="s">
        <v>143520</v>
      </c>
      <c r="B74136" s="1" t="s">
        <v>247048</v>
      </c>
      <c r="C74136" s="1" t="s">
        <v>90</v>
      </c>
      <c r="D74136" s="1" t="s">
        <v>70773</v>
      </c>
      <c r="E74136" s="1" t="s">
        <v>247664</v>
      </c>
      <c r="F74136" s="1" t="s">
        <v>247665</v>
      </c>
      <c r="G74136" s="1" t="s">
        <v>247618</v>
      </c>
      <c r="H74136" s="1" t="s">
        <v>247619</v>
      </c>
      <c r="I74136" s="1" t="s">
        <v>247053</v>
      </c>
      <c r="J74136" s="1" t="s">
        <v>247666</v>
      </c>
    </row>
    <row r="74137" spans="1:10" x14ac:dyDescent="0.35">
      <c r="A74137" s="1" t="s">
        <v>143520</v>
      </c>
      <c r="B74137" s="1" t="s">
        <v>247048</v>
      </c>
      <c r="C74137" s="1" t="s">
        <v>95</v>
      </c>
      <c r="D74137" s="1" t="s">
        <v>247667</v>
      </c>
      <c r="E74137" s="1" t="s">
        <v>247668</v>
      </c>
      <c r="F74137" s="1" t="s">
        <v>247669</v>
      </c>
      <c r="G74137" s="1" t="s">
        <v>247618</v>
      </c>
      <c r="H74137" s="1" t="s">
        <v>247619</v>
      </c>
      <c r="I74137" s="1" t="s">
        <v>247053</v>
      </c>
      <c r="J74137" s="1" t="s">
        <v>247670</v>
      </c>
    </row>
    <row r="74138" spans="1:10" x14ac:dyDescent="0.35">
      <c r="A74138" s="1" t="s">
        <v>143520</v>
      </c>
      <c r="B74138" s="1" t="s">
        <v>247048</v>
      </c>
      <c r="C74138" s="1" t="s">
        <v>100</v>
      </c>
      <c r="D74138" s="1" t="s">
        <v>233</v>
      </c>
      <c r="E74138" s="1" t="s">
        <v>247671</v>
      </c>
      <c r="F74138" s="1" t="s">
        <v>247672</v>
      </c>
      <c r="G74138" s="1" t="s">
        <v>247618</v>
      </c>
      <c r="H74138" s="1" t="s">
        <v>247619</v>
      </c>
      <c r="I74138" s="1" t="s">
        <v>247053</v>
      </c>
      <c r="J74138" s="1" t="s">
        <v>247673</v>
      </c>
    </row>
    <row r="74139" spans="1:10" x14ac:dyDescent="0.35">
      <c r="A74139" s="1" t="s">
        <v>143520</v>
      </c>
      <c r="B74139" s="1" t="s">
        <v>247048</v>
      </c>
      <c r="C74139" s="1" t="s">
        <v>105</v>
      </c>
      <c r="D74139" s="1" t="s">
        <v>47786</v>
      </c>
      <c r="E74139" s="1" t="s">
        <v>247674</v>
      </c>
      <c r="F74139" s="1" t="s">
        <v>247675</v>
      </c>
      <c r="G74139" s="1" t="s">
        <v>247618</v>
      </c>
      <c r="H74139" s="1" t="s">
        <v>247619</v>
      </c>
      <c r="I74139" s="1" t="s">
        <v>247053</v>
      </c>
      <c r="J74139" s="1" t="s">
        <v>247676</v>
      </c>
    </row>
    <row r="74140" spans="1:10" x14ac:dyDescent="0.35">
      <c r="A74140" s="1" t="s">
        <v>143520</v>
      </c>
      <c r="B74140" s="1" t="s">
        <v>247048</v>
      </c>
      <c r="C74140" s="1" t="s">
        <v>110</v>
      </c>
      <c r="D74140" s="1" t="s">
        <v>663</v>
      </c>
      <c r="E74140" s="1" t="s">
        <v>247677</v>
      </c>
      <c r="F74140" s="1" t="s">
        <v>247678</v>
      </c>
      <c r="G74140" s="1" t="s">
        <v>247618</v>
      </c>
      <c r="H74140" s="1" t="s">
        <v>247619</v>
      </c>
      <c r="I74140" s="1" t="s">
        <v>247053</v>
      </c>
      <c r="J74140" s="1" t="s">
        <v>247679</v>
      </c>
    </row>
    <row r="74141" spans="1:10" x14ac:dyDescent="0.35">
      <c r="A74141" s="1" t="s">
        <v>143520</v>
      </c>
      <c r="B74141" s="1" t="s">
        <v>247048</v>
      </c>
      <c r="C74141" s="1" t="s">
        <v>115</v>
      </c>
      <c r="D74141" s="1" t="s">
        <v>247680</v>
      </c>
      <c r="E74141" s="1" t="s">
        <v>247681</v>
      </c>
      <c r="F74141" s="1" t="s">
        <v>247682</v>
      </c>
      <c r="G74141" s="1" t="s">
        <v>247618</v>
      </c>
      <c r="H74141" s="1" t="s">
        <v>247619</v>
      </c>
      <c r="I74141" s="1" t="s">
        <v>247053</v>
      </c>
      <c r="J74141" s="1" t="s">
        <v>247683</v>
      </c>
    </row>
    <row r="74142" spans="1:10" x14ac:dyDescent="0.35">
      <c r="A74142" s="1" t="s">
        <v>143520</v>
      </c>
      <c r="B74142" s="1" t="s">
        <v>247048</v>
      </c>
      <c r="C74142" s="1" t="s">
        <v>120</v>
      </c>
      <c r="D74142" s="1" t="s">
        <v>148543</v>
      </c>
      <c r="E74142" s="1" t="s">
        <v>247684</v>
      </c>
      <c r="F74142" s="1" t="s">
        <v>247685</v>
      </c>
      <c r="G74142" s="1" t="s">
        <v>247618</v>
      </c>
      <c r="H74142" s="1" t="s">
        <v>247619</v>
      </c>
      <c r="I74142" s="1" t="s">
        <v>247053</v>
      </c>
      <c r="J74142" s="1" t="s">
        <v>247686</v>
      </c>
    </row>
    <row r="74143" spans="1:10" x14ac:dyDescent="0.35">
      <c r="A74143" s="1" t="s">
        <v>143520</v>
      </c>
      <c r="B74143" s="1" t="s">
        <v>247048</v>
      </c>
      <c r="C74143" s="1" t="s">
        <v>125</v>
      </c>
      <c r="D74143" s="1" t="s">
        <v>16420</v>
      </c>
      <c r="E74143" s="1" t="s">
        <v>247687</v>
      </c>
      <c r="F74143" s="1" t="s">
        <v>247688</v>
      </c>
      <c r="G74143" s="1" t="s">
        <v>247618</v>
      </c>
      <c r="H74143" s="1" t="s">
        <v>247619</v>
      </c>
      <c r="I74143" s="1" t="s">
        <v>247053</v>
      </c>
      <c r="J74143" s="1" t="s">
        <v>247689</v>
      </c>
    </row>
    <row r="74144" spans="1:10" x14ac:dyDescent="0.35">
      <c r="A74144" s="1" t="s">
        <v>143520</v>
      </c>
      <c r="B74144" s="1" t="s">
        <v>247048</v>
      </c>
      <c r="C74144" s="1" t="s">
        <v>130</v>
      </c>
      <c r="D74144" s="1" t="s">
        <v>73008</v>
      </c>
      <c r="E74144" s="1" t="s">
        <v>247690</v>
      </c>
      <c r="F74144" s="1" t="s">
        <v>247691</v>
      </c>
      <c r="G74144" s="1" t="s">
        <v>247618</v>
      </c>
      <c r="H74144" s="1" t="s">
        <v>247619</v>
      </c>
      <c r="I74144" s="1" t="s">
        <v>247053</v>
      </c>
      <c r="J74144" s="1" t="s">
        <v>247692</v>
      </c>
    </row>
    <row r="74145" spans="1:10" x14ac:dyDescent="0.35">
      <c r="A74145" s="1" t="s">
        <v>143520</v>
      </c>
      <c r="B74145" s="1" t="s">
        <v>247048</v>
      </c>
      <c r="C74145" s="1" t="s">
        <v>135</v>
      </c>
      <c r="D74145" s="1" t="s">
        <v>30530</v>
      </c>
      <c r="E74145" s="1" t="s">
        <v>247693</v>
      </c>
      <c r="F74145" s="1" t="s">
        <v>247694</v>
      </c>
      <c r="G74145" s="1" t="s">
        <v>247618</v>
      </c>
      <c r="H74145" s="1" t="s">
        <v>247619</v>
      </c>
      <c r="I74145" s="1" t="s">
        <v>247053</v>
      </c>
      <c r="J74145" s="1" t="s">
        <v>247695</v>
      </c>
    </row>
    <row r="74146" spans="1:10" x14ac:dyDescent="0.35">
      <c r="A74146" s="1" t="s">
        <v>143520</v>
      </c>
      <c r="B74146" s="1" t="s">
        <v>247048</v>
      </c>
      <c r="C74146" s="1" t="s">
        <v>140</v>
      </c>
      <c r="D74146" s="1" t="s">
        <v>71476</v>
      </c>
      <c r="E74146" s="1" t="s">
        <v>247696</v>
      </c>
      <c r="F74146" s="1" t="s">
        <v>247697</v>
      </c>
      <c r="G74146" s="1" t="s">
        <v>247618</v>
      </c>
      <c r="H74146" s="1" t="s">
        <v>247619</v>
      </c>
      <c r="I74146" s="1" t="s">
        <v>247053</v>
      </c>
      <c r="J74146" s="1" t="s">
        <v>247698</v>
      </c>
    </row>
    <row r="74147" spans="1:10" x14ac:dyDescent="0.35">
      <c r="A74147" s="1" t="s">
        <v>143520</v>
      </c>
      <c r="B74147" s="1" t="s">
        <v>247048</v>
      </c>
      <c r="C74147" s="1" t="s">
        <v>145</v>
      </c>
      <c r="D74147" s="1" t="s">
        <v>140962</v>
      </c>
      <c r="E74147" s="1" t="s">
        <v>247699</v>
      </c>
      <c r="F74147" s="1" t="s">
        <v>247700</v>
      </c>
      <c r="G74147" s="1" t="s">
        <v>247618</v>
      </c>
      <c r="H74147" s="1" t="s">
        <v>247619</v>
      </c>
      <c r="I74147" s="1" t="s">
        <v>247053</v>
      </c>
      <c r="J74147" s="1" t="s">
        <v>247701</v>
      </c>
    </row>
    <row r="74148" spans="1:10" x14ac:dyDescent="0.35">
      <c r="A74148" s="1" t="s">
        <v>143520</v>
      </c>
      <c r="B74148" s="1" t="s">
        <v>247048</v>
      </c>
      <c r="C74148" s="1" t="s">
        <v>150</v>
      </c>
      <c r="D74148" s="1" t="s">
        <v>8895</v>
      </c>
      <c r="E74148" s="1" t="s">
        <v>247702</v>
      </c>
      <c r="F74148" s="1" t="s">
        <v>247703</v>
      </c>
      <c r="G74148" s="1" t="s">
        <v>247618</v>
      </c>
      <c r="H74148" s="1" t="s">
        <v>247619</v>
      </c>
      <c r="I74148" s="1" t="s">
        <v>247053</v>
      </c>
      <c r="J74148" s="1" t="s">
        <v>247704</v>
      </c>
    </row>
    <row r="74149" spans="1:10" x14ac:dyDescent="0.35">
      <c r="A74149" s="1" t="s">
        <v>143520</v>
      </c>
      <c r="B74149" s="1" t="s">
        <v>247048</v>
      </c>
      <c r="C74149" s="1" t="s">
        <v>155</v>
      </c>
      <c r="D74149" s="1" t="s">
        <v>215287</v>
      </c>
      <c r="E74149" s="1" t="s">
        <v>247705</v>
      </c>
      <c r="F74149" s="1" t="s">
        <v>247706</v>
      </c>
      <c r="G74149" s="1" t="s">
        <v>247618</v>
      </c>
      <c r="H74149" s="1" t="s">
        <v>247619</v>
      </c>
      <c r="I74149" s="1" t="s">
        <v>247053</v>
      </c>
      <c r="J74149" s="1" t="s">
        <v>247707</v>
      </c>
    </row>
    <row r="74150" spans="1:10" x14ac:dyDescent="0.35">
      <c r="A74150" s="1" t="s">
        <v>143520</v>
      </c>
      <c r="B74150" s="1" t="s">
        <v>247048</v>
      </c>
      <c r="C74150" s="1" t="s">
        <v>160</v>
      </c>
      <c r="D74150" s="1" t="s">
        <v>114191</v>
      </c>
      <c r="E74150" s="1" t="s">
        <v>247708</v>
      </c>
      <c r="F74150" s="1" t="s">
        <v>247703</v>
      </c>
      <c r="G74150" s="1" t="s">
        <v>247618</v>
      </c>
      <c r="H74150" s="1" t="s">
        <v>247619</v>
      </c>
      <c r="I74150" s="1" t="s">
        <v>247053</v>
      </c>
      <c r="J74150" s="1" t="s">
        <v>247709</v>
      </c>
    </row>
    <row r="74151" spans="1:10" x14ac:dyDescent="0.35">
      <c r="A74151" s="1" t="s">
        <v>143520</v>
      </c>
      <c r="B74151" s="1" t="s">
        <v>247048</v>
      </c>
      <c r="C74151" s="1" t="s">
        <v>165</v>
      </c>
      <c r="D74151" s="1" t="s">
        <v>221066</v>
      </c>
      <c r="E74151" s="1" t="s">
        <v>247710</v>
      </c>
      <c r="F74151" s="1" t="s">
        <v>247711</v>
      </c>
      <c r="G74151" s="1" t="s">
        <v>247618</v>
      </c>
      <c r="H74151" s="1" t="s">
        <v>247619</v>
      </c>
      <c r="I74151" s="1" t="s">
        <v>247053</v>
      </c>
      <c r="J74151" s="1" t="s">
        <v>247712</v>
      </c>
    </row>
    <row r="74152" spans="1:10" x14ac:dyDescent="0.35">
      <c r="A74152" s="1" t="s">
        <v>143520</v>
      </c>
      <c r="B74152" s="1" t="s">
        <v>247048</v>
      </c>
      <c r="C74152" s="1" t="s">
        <v>170</v>
      </c>
      <c r="D74152" s="1" t="s">
        <v>178489</v>
      </c>
      <c r="E74152" s="1" t="s">
        <v>247713</v>
      </c>
      <c r="F74152" s="1" t="s">
        <v>247714</v>
      </c>
      <c r="G74152" s="1" t="s">
        <v>247618</v>
      </c>
      <c r="H74152" s="1" t="s">
        <v>247619</v>
      </c>
      <c r="I74152" s="1" t="s">
        <v>247053</v>
      </c>
      <c r="J74152" s="1" t="s">
        <v>247715</v>
      </c>
    </row>
    <row r="74153" spans="1:10" x14ac:dyDescent="0.35">
      <c r="A74153" s="1" t="s">
        <v>8369</v>
      </c>
      <c r="B74153" s="1" t="s">
        <v>247048</v>
      </c>
      <c r="C74153" s="1" t="s">
        <v>8</v>
      </c>
      <c r="D74153" s="1" t="s">
        <v>116122</v>
      </c>
      <c r="E74153" s="1" t="s">
        <v>247716</v>
      </c>
      <c r="F74153" s="1" t="s">
        <v>247717</v>
      </c>
      <c r="G74153" s="1" t="s">
        <v>247718</v>
      </c>
      <c r="H74153" s="1" t="s">
        <v>247719</v>
      </c>
      <c r="I74153" s="1" t="s">
        <v>247053</v>
      </c>
      <c r="J74153" s="1" t="s">
        <v>13</v>
      </c>
    </row>
    <row r="74154" spans="1:10" x14ac:dyDescent="0.35">
      <c r="A74154" s="1" t="s">
        <v>8369</v>
      </c>
      <c r="B74154" s="1" t="s">
        <v>247048</v>
      </c>
      <c r="C74154" s="1" t="s">
        <v>15</v>
      </c>
      <c r="D74154" s="1" t="s">
        <v>25576</v>
      </c>
      <c r="E74154" s="1" t="s">
        <v>247720</v>
      </c>
      <c r="F74154" s="1" t="s">
        <v>247721</v>
      </c>
      <c r="G74154" s="1" t="s">
        <v>247718</v>
      </c>
      <c r="H74154" s="1" t="s">
        <v>247719</v>
      </c>
      <c r="I74154" s="1" t="s">
        <v>247053</v>
      </c>
      <c r="J74154" s="1" t="s">
        <v>247722</v>
      </c>
    </row>
    <row r="74155" spans="1:10" x14ac:dyDescent="0.35">
      <c r="A74155" s="1" t="s">
        <v>8369</v>
      </c>
      <c r="B74155" s="1" t="s">
        <v>247048</v>
      </c>
      <c r="C74155" s="1" t="s">
        <v>20</v>
      </c>
      <c r="D74155" s="1" t="s">
        <v>25309</v>
      </c>
      <c r="E74155" s="1" t="s">
        <v>247723</v>
      </c>
      <c r="F74155" s="1" t="s">
        <v>247721</v>
      </c>
      <c r="G74155" s="1" t="s">
        <v>247718</v>
      </c>
      <c r="H74155" s="1" t="s">
        <v>247719</v>
      </c>
      <c r="I74155" s="1" t="s">
        <v>247053</v>
      </c>
      <c r="J74155" s="1" t="s">
        <v>13804</v>
      </c>
    </row>
    <row r="74156" spans="1:10" x14ac:dyDescent="0.35">
      <c r="A74156" s="1" t="s">
        <v>8369</v>
      </c>
      <c r="B74156" s="1" t="s">
        <v>247048</v>
      </c>
      <c r="C74156" s="1" t="s">
        <v>25</v>
      </c>
      <c r="D74156" s="1" t="s">
        <v>217656</v>
      </c>
      <c r="E74156" s="1" t="s">
        <v>247724</v>
      </c>
      <c r="F74156" s="1" t="s">
        <v>247721</v>
      </c>
      <c r="G74156" s="1" t="s">
        <v>247718</v>
      </c>
      <c r="H74156" s="1" t="s">
        <v>247719</v>
      </c>
      <c r="I74156" s="1" t="s">
        <v>247053</v>
      </c>
      <c r="J74156" s="1" t="s">
        <v>247725</v>
      </c>
    </row>
    <row r="74157" spans="1:10" x14ac:dyDescent="0.35">
      <c r="A74157" s="1" t="s">
        <v>8369</v>
      </c>
      <c r="B74157" s="1" t="s">
        <v>247048</v>
      </c>
      <c r="C74157" s="1" t="s">
        <v>30</v>
      </c>
      <c r="D74157" s="1" t="s">
        <v>52062</v>
      </c>
      <c r="E74157" s="1" t="s">
        <v>247726</v>
      </c>
      <c r="F74157" s="1" t="s">
        <v>247721</v>
      </c>
      <c r="G74157" s="1" t="s">
        <v>247718</v>
      </c>
      <c r="H74157" s="1" t="s">
        <v>247719</v>
      </c>
      <c r="I74157" s="1" t="s">
        <v>247053</v>
      </c>
      <c r="J74157" s="1" t="s">
        <v>149077</v>
      </c>
    </row>
    <row r="74158" spans="1:10" x14ac:dyDescent="0.35">
      <c r="A74158" s="1" t="s">
        <v>8369</v>
      </c>
      <c r="B74158" s="1" t="s">
        <v>247048</v>
      </c>
      <c r="C74158" s="1" t="s">
        <v>35</v>
      </c>
      <c r="D74158" s="1" t="s">
        <v>146613</v>
      </c>
      <c r="E74158" s="1" t="s">
        <v>247727</v>
      </c>
      <c r="F74158" s="1" t="s">
        <v>247721</v>
      </c>
      <c r="G74158" s="1" t="s">
        <v>247718</v>
      </c>
      <c r="H74158" s="1" t="s">
        <v>247719</v>
      </c>
      <c r="I74158" s="1" t="s">
        <v>247053</v>
      </c>
      <c r="J74158" s="1" t="s">
        <v>247728</v>
      </c>
    </row>
    <row r="74159" spans="1:10" x14ac:dyDescent="0.35">
      <c r="A74159" s="1" t="s">
        <v>8369</v>
      </c>
      <c r="B74159" s="1" t="s">
        <v>247048</v>
      </c>
      <c r="C74159" s="1" t="s">
        <v>40</v>
      </c>
      <c r="D74159" s="1" t="s">
        <v>27555</v>
      </c>
      <c r="E74159" s="1" t="s">
        <v>247729</v>
      </c>
      <c r="F74159" s="1" t="s">
        <v>247721</v>
      </c>
      <c r="G74159" s="1" t="s">
        <v>247718</v>
      </c>
      <c r="H74159" s="1" t="s">
        <v>247719</v>
      </c>
      <c r="I74159" s="1" t="s">
        <v>247053</v>
      </c>
      <c r="J74159" s="1" t="s">
        <v>247730</v>
      </c>
    </row>
    <row r="74160" spans="1:10" x14ac:dyDescent="0.35">
      <c r="A74160" s="1" t="s">
        <v>8369</v>
      </c>
      <c r="B74160" s="1" t="s">
        <v>247048</v>
      </c>
      <c r="C74160" s="1" t="s">
        <v>45</v>
      </c>
      <c r="D74160" s="1" t="s">
        <v>10224</v>
      </c>
      <c r="E74160" s="1" t="s">
        <v>247731</v>
      </c>
      <c r="F74160" s="1" t="s">
        <v>247721</v>
      </c>
      <c r="G74160" s="1" t="s">
        <v>247718</v>
      </c>
      <c r="H74160" s="1" t="s">
        <v>247719</v>
      </c>
      <c r="I74160" s="1" t="s">
        <v>247053</v>
      </c>
      <c r="J74160" s="1" t="s">
        <v>247732</v>
      </c>
    </row>
    <row r="74161" spans="1:10" x14ac:dyDescent="0.35">
      <c r="A74161" s="1" t="s">
        <v>8369</v>
      </c>
      <c r="B74161" s="1" t="s">
        <v>247048</v>
      </c>
      <c r="C74161" s="1" t="s">
        <v>50</v>
      </c>
      <c r="D74161" s="1" t="s">
        <v>12077</v>
      </c>
      <c r="E74161" s="1" t="s">
        <v>247733</v>
      </c>
      <c r="F74161" s="1" t="s">
        <v>247721</v>
      </c>
      <c r="G74161" s="1" t="s">
        <v>247718</v>
      </c>
      <c r="H74161" s="1" t="s">
        <v>247719</v>
      </c>
      <c r="I74161" s="1" t="s">
        <v>247053</v>
      </c>
      <c r="J74161" s="1" t="s">
        <v>247734</v>
      </c>
    </row>
    <row r="74162" spans="1:10" x14ac:dyDescent="0.35">
      <c r="A74162" s="1" t="s">
        <v>8369</v>
      </c>
      <c r="B74162" s="1" t="s">
        <v>247048</v>
      </c>
      <c r="C74162" s="1" t="s">
        <v>55</v>
      </c>
      <c r="D74162" s="1" t="s">
        <v>5518</v>
      </c>
      <c r="E74162" s="1" t="s">
        <v>247735</v>
      </c>
      <c r="F74162" s="1" t="s">
        <v>247721</v>
      </c>
      <c r="G74162" s="1" t="s">
        <v>247718</v>
      </c>
      <c r="H74162" s="1" t="s">
        <v>247719</v>
      </c>
      <c r="I74162" s="1" t="s">
        <v>247053</v>
      </c>
      <c r="J74162" s="1" t="s">
        <v>247736</v>
      </c>
    </row>
    <row r="74163" spans="1:10" x14ac:dyDescent="0.35">
      <c r="A74163" s="1" t="s">
        <v>8369</v>
      </c>
      <c r="B74163" s="1" t="s">
        <v>247048</v>
      </c>
      <c r="C74163" s="1" t="s">
        <v>60</v>
      </c>
      <c r="D74163" s="1" t="s">
        <v>160</v>
      </c>
      <c r="E74163" s="1" t="s">
        <v>247737</v>
      </c>
      <c r="F74163" s="1" t="s">
        <v>247721</v>
      </c>
      <c r="G74163" s="1" t="s">
        <v>247718</v>
      </c>
      <c r="H74163" s="1" t="s">
        <v>247719</v>
      </c>
      <c r="I74163" s="1" t="s">
        <v>247053</v>
      </c>
      <c r="J74163" s="1" t="s">
        <v>247738</v>
      </c>
    </row>
    <row r="74164" spans="1:10" x14ac:dyDescent="0.35">
      <c r="A74164" s="1" t="s">
        <v>8369</v>
      </c>
      <c r="B74164" s="1" t="s">
        <v>247048</v>
      </c>
      <c r="C74164" s="1" t="s">
        <v>65</v>
      </c>
      <c r="D74164" s="1" t="s">
        <v>10057</v>
      </c>
      <c r="E74164" s="1" t="s">
        <v>247739</v>
      </c>
      <c r="F74164" s="1" t="s">
        <v>247721</v>
      </c>
      <c r="G74164" s="1" t="s">
        <v>247718</v>
      </c>
      <c r="H74164" s="1" t="s">
        <v>247719</v>
      </c>
      <c r="I74164" s="1" t="s">
        <v>247053</v>
      </c>
      <c r="J74164" s="1" t="s">
        <v>247740</v>
      </c>
    </row>
    <row r="74165" spans="1:10" x14ac:dyDescent="0.35">
      <c r="A74165" s="1" t="s">
        <v>8369</v>
      </c>
      <c r="B74165" s="1" t="s">
        <v>247048</v>
      </c>
      <c r="C74165" s="1" t="s">
        <v>70</v>
      </c>
      <c r="D74165" s="1" t="s">
        <v>15840</v>
      </c>
      <c r="E74165" s="1" t="s">
        <v>247741</v>
      </c>
      <c r="F74165" s="1" t="s">
        <v>247721</v>
      </c>
      <c r="G74165" s="1" t="s">
        <v>247718</v>
      </c>
      <c r="H74165" s="1" t="s">
        <v>247719</v>
      </c>
      <c r="I74165" s="1" t="s">
        <v>247053</v>
      </c>
      <c r="J74165" s="1" t="s">
        <v>247742</v>
      </c>
    </row>
    <row r="74166" spans="1:10" x14ac:dyDescent="0.35">
      <c r="A74166" s="1" t="s">
        <v>8369</v>
      </c>
      <c r="B74166" s="1" t="s">
        <v>247048</v>
      </c>
      <c r="C74166" s="1" t="s">
        <v>75</v>
      </c>
      <c r="D74166" s="1" t="s">
        <v>8288</v>
      </c>
      <c r="E74166" s="1" t="s">
        <v>247743</v>
      </c>
      <c r="F74166" s="1" t="s">
        <v>247721</v>
      </c>
      <c r="G74166" s="1" t="s">
        <v>247718</v>
      </c>
      <c r="H74166" s="1" t="s">
        <v>247719</v>
      </c>
      <c r="I74166" s="1" t="s">
        <v>247053</v>
      </c>
      <c r="J74166" s="1" t="s">
        <v>247744</v>
      </c>
    </row>
    <row r="74167" spans="1:10" x14ac:dyDescent="0.35">
      <c r="A74167" s="1" t="s">
        <v>8369</v>
      </c>
      <c r="B74167" s="1" t="s">
        <v>247048</v>
      </c>
      <c r="C74167" s="1" t="s">
        <v>80</v>
      </c>
      <c r="D74167" s="1" t="s">
        <v>119140</v>
      </c>
      <c r="E74167" s="1" t="s">
        <v>247745</v>
      </c>
      <c r="F74167" s="1" t="s">
        <v>247721</v>
      </c>
      <c r="G74167" s="1" t="s">
        <v>247718</v>
      </c>
      <c r="H74167" s="1" t="s">
        <v>247719</v>
      </c>
      <c r="I74167" s="1" t="s">
        <v>247053</v>
      </c>
      <c r="J74167" s="1" t="s">
        <v>247746</v>
      </c>
    </row>
    <row r="74168" spans="1:10" x14ac:dyDescent="0.35">
      <c r="A74168" s="1" t="s">
        <v>8369</v>
      </c>
      <c r="B74168" s="1" t="s">
        <v>247048</v>
      </c>
      <c r="C74168" s="1" t="s">
        <v>85</v>
      </c>
      <c r="D74168" s="1" t="s">
        <v>104801</v>
      </c>
      <c r="E74168" s="1" t="s">
        <v>247747</v>
      </c>
      <c r="F74168" s="1" t="s">
        <v>247721</v>
      </c>
      <c r="G74168" s="1" t="s">
        <v>247718</v>
      </c>
      <c r="H74168" s="1" t="s">
        <v>247719</v>
      </c>
      <c r="I74168" s="1" t="s">
        <v>247053</v>
      </c>
      <c r="J74168" s="1" t="s">
        <v>247748</v>
      </c>
    </row>
    <row r="74169" spans="1:10" x14ac:dyDescent="0.35">
      <c r="A74169" s="1" t="s">
        <v>8369</v>
      </c>
      <c r="B74169" s="1" t="s">
        <v>247048</v>
      </c>
      <c r="C74169" s="1" t="s">
        <v>90</v>
      </c>
      <c r="D74169" s="1" t="s">
        <v>2869</v>
      </c>
      <c r="E74169" s="1" t="s">
        <v>247749</v>
      </c>
      <c r="F74169" s="1" t="s">
        <v>247721</v>
      </c>
      <c r="G74169" s="1" t="s">
        <v>247718</v>
      </c>
      <c r="H74169" s="1" t="s">
        <v>247719</v>
      </c>
      <c r="I74169" s="1" t="s">
        <v>247053</v>
      </c>
      <c r="J74169" s="1" t="s">
        <v>247750</v>
      </c>
    </row>
    <row r="74170" spans="1:10" x14ac:dyDescent="0.35">
      <c r="A74170" s="1" t="s">
        <v>8369</v>
      </c>
      <c r="B74170" s="1" t="s">
        <v>247048</v>
      </c>
      <c r="C74170" s="1" t="s">
        <v>95</v>
      </c>
      <c r="D74170" s="1" t="s">
        <v>104653</v>
      </c>
      <c r="E74170" s="1" t="s">
        <v>247751</v>
      </c>
      <c r="F74170" s="1" t="s">
        <v>247721</v>
      </c>
      <c r="G74170" s="1" t="s">
        <v>247718</v>
      </c>
      <c r="H74170" s="1" t="s">
        <v>247719</v>
      </c>
      <c r="I74170" s="1" t="s">
        <v>247053</v>
      </c>
      <c r="J74170" s="1" t="s">
        <v>247752</v>
      </c>
    </row>
    <row r="74171" spans="1:10" x14ac:dyDescent="0.35">
      <c r="A74171" s="1" t="s">
        <v>8369</v>
      </c>
      <c r="B74171" s="1" t="s">
        <v>247048</v>
      </c>
      <c r="C74171" s="1" t="s">
        <v>100</v>
      </c>
      <c r="D74171" s="1" t="s">
        <v>112770</v>
      </c>
      <c r="E74171" s="1" t="s">
        <v>247753</v>
      </c>
      <c r="F74171" s="1" t="s">
        <v>247721</v>
      </c>
      <c r="G74171" s="1" t="s">
        <v>247718</v>
      </c>
      <c r="H74171" s="1" t="s">
        <v>247719</v>
      </c>
      <c r="I74171" s="1" t="s">
        <v>247053</v>
      </c>
      <c r="J74171" s="1" t="s">
        <v>247754</v>
      </c>
    </row>
    <row r="74172" spans="1:10" x14ac:dyDescent="0.35">
      <c r="A74172" s="1" t="s">
        <v>8369</v>
      </c>
      <c r="B74172" s="1" t="s">
        <v>247048</v>
      </c>
      <c r="C74172" s="1" t="s">
        <v>105</v>
      </c>
      <c r="D74172" s="1" t="s">
        <v>104100</v>
      </c>
      <c r="E74172" s="1" t="s">
        <v>247755</v>
      </c>
      <c r="F74172" s="1" t="s">
        <v>247721</v>
      </c>
      <c r="G74172" s="1" t="s">
        <v>247718</v>
      </c>
      <c r="H74172" s="1" t="s">
        <v>247719</v>
      </c>
      <c r="I74172" s="1" t="s">
        <v>247053</v>
      </c>
      <c r="J74172" s="1" t="s">
        <v>247756</v>
      </c>
    </row>
    <row r="74173" spans="1:10" x14ac:dyDescent="0.35">
      <c r="A74173" s="1" t="s">
        <v>8369</v>
      </c>
      <c r="B74173" s="1" t="s">
        <v>247048</v>
      </c>
      <c r="C74173" s="1" t="s">
        <v>110</v>
      </c>
      <c r="D74173" s="1" t="s">
        <v>25734</v>
      </c>
      <c r="E74173" s="1" t="s">
        <v>247757</v>
      </c>
      <c r="F74173" s="1" t="s">
        <v>247721</v>
      </c>
      <c r="G74173" s="1" t="s">
        <v>247718</v>
      </c>
      <c r="H74173" s="1" t="s">
        <v>247719</v>
      </c>
      <c r="I74173" s="1" t="s">
        <v>247053</v>
      </c>
      <c r="J74173" s="1" t="s">
        <v>247758</v>
      </c>
    </row>
    <row r="74174" spans="1:10" x14ac:dyDescent="0.35">
      <c r="A74174" s="1" t="s">
        <v>8369</v>
      </c>
      <c r="B74174" s="1" t="s">
        <v>247048</v>
      </c>
      <c r="C74174" s="1" t="s">
        <v>115</v>
      </c>
      <c r="D74174" s="1" t="s">
        <v>142749</v>
      </c>
      <c r="E74174" s="1" t="s">
        <v>247759</v>
      </c>
      <c r="F74174" s="1" t="s">
        <v>247721</v>
      </c>
      <c r="G74174" s="1" t="s">
        <v>247718</v>
      </c>
      <c r="H74174" s="1" t="s">
        <v>247719</v>
      </c>
      <c r="I74174" s="1" t="s">
        <v>247053</v>
      </c>
      <c r="J74174" s="1" t="s">
        <v>247760</v>
      </c>
    </row>
    <row r="74175" spans="1:10" x14ac:dyDescent="0.35">
      <c r="A74175" s="1" t="s">
        <v>8369</v>
      </c>
      <c r="B74175" s="1" t="s">
        <v>247048</v>
      </c>
      <c r="C74175" s="1" t="s">
        <v>120</v>
      </c>
      <c r="D74175" s="1" t="s">
        <v>247761</v>
      </c>
      <c r="E74175" s="1" t="s">
        <v>247762</v>
      </c>
      <c r="F74175" s="1" t="s">
        <v>247721</v>
      </c>
      <c r="G74175" s="1" t="s">
        <v>247718</v>
      </c>
      <c r="H74175" s="1" t="s">
        <v>247719</v>
      </c>
      <c r="I74175" s="1" t="s">
        <v>247053</v>
      </c>
      <c r="J74175" s="1" t="s">
        <v>247763</v>
      </c>
    </row>
    <row r="74176" spans="1:10" x14ac:dyDescent="0.35">
      <c r="A74176" s="1" t="s">
        <v>8369</v>
      </c>
      <c r="B74176" s="1" t="s">
        <v>247048</v>
      </c>
      <c r="C74176" s="1" t="s">
        <v>125</v>
      </c>
      <c r="D74176" s="1" t="s">
        <v>142847</v>
      </c>
      <c r="E74176" s="1" t="s">
        <v>247764</v>
      </c>
      <c r="F74176" s="1" t="s">
        <v>247721</v>
      </c>
      <c r="G74176" s="1" t="s">
        <v>247718</v>
      </c>
      <c r="H74176" s="1" t="s">
        <v>247719</v>
      </c>
      <c r="I74176" s="1" t="s">
        <v>247053</v>
      </c>
      <c r="J74176" s="1" t="s">
        <v>247765</v>
      </c>
    </row>
    <row r="74177" spans="1:10" x14ac:dyDescent="0.35">
      <c r="A74177" s="1" t="s">
        <v>8369</v>
      </c>
      <c r="B74177" s="1" t="s">
        <v>247048</v>
      </c>
      <c r="C74177" s="1" t="s">
        <v>130</v>
      </c>
      <c r="D74177" s="1" t="s">
        <v>247766</v>
      </c>
      <c r="E74177" s="1" t="s">
        <v>247767</v>
      </c>
      <c r="F74177" s="1" t="s">
        <v>247721</v>
      </c>
      <c r="G74177" s="1" t="s">
        <v>247718</v>
      </c>
      <c r="H74177" s="1" t="s">
        <v>247719</v>
      </c>
      <c r="I74177" s="1" t="s">
        <v>247053</v>
      </c>
      <c r="J74177" s="1" t="s">
        <v>247768</v>
      </c>
    </row>
    <row r="74178" spans="1:10" x14ac:dyDescent="0.35">
      <c r="A74178" s="1" t="s">
        <v>8369</v>
      </c>
      <c r="B74178" s="1" t="s">
        <v>247048</v>
      </c>
      <c r="C74178" s="1" t="s">
        <v>135</v>
      </c>
      <c r="D74178" s="1" t="s">
        <v>162040</v>
      </c>
      <c r="E74178" s="1" t="s">
        <v>247769</v>
      </c>
      <c r="F74178" s="1" t="s">
        <v>247721</v>
      </c>
      <c r="G74178" s="1" t="s">
        <v>247718</v>
      </c>
      <c r="H74178" s="1" t="s">
        <v>247719</v>
      </c>
      <c r="I74178" s="1" t="s">
        <v>247053</v>
      </c>
      <c r="J74178" s="1" t="s">
        <v>247770</v>
      </c>
    </row>
    <row r="74179" spans="1:10" x14ac:dyDescent="0.35">
      <c r="A74179" s="1" t="s">
        <v>8369</v>
      </c>
      <c r="B74179" s="1" t="s">
        <v>247048</v>
      </c>
      <c r="C74179" s="1" t="s">
        <v>140</v>
      </c>
      <c r="D74179" s="1" t="s">
        <v>246481</v>
      </c>
      <c r="E74179" s="1" t="s">
        <v>247771</v>
      </c>
      <c r="F74179" s="1" t="s">
        <v>247721</v>
      </c>
      <c r="G74179" s="1" t="s">
        <v>247718</v>
      </c>
      <c r="H74179" s="1" t="s">
        <v>247719</v>
      </c>
      <c r="I74179" s="1" t="s">
        <v>247053</v>
      </c>
      <c r="J74179" s="1" t="s">
        <v>247772</v>
      </c>
    </row>
    <row r="74180" spans="1:10" x14ac:dyDescent="0.35">
      <c r="A74180" s="1" t="s">
        <v>8369</v>
      </c>
      <c r="B74180" s="1" t="s">
        <v>247048</v>
      </c>
      <c r="C74180" s="1" t="s">
        <v>145</v>
      </c>
      <c r="D74180" s="1" t="s">
        <v>35674</v>
      </c>
      <c r="E74180" s="1" t="s">
        <v>247773</v>
      </c>
      <c r="F74180" s="1" t="s">
        <v>247721</v>
      </c>
      <c r="G74180" s="1" t="s">
        <v>247718</v>
      </c>
      <c r="H74180" s="1" t="s">
        <v>247719</v>
      </c>
      <c r="I74180" s="1" t="s">
        <v>247053</v>
      </c>
      <c r="J74180" s="1" t="s">
        <v>247774</v>
      </c>
    </row>
    <row r="74181" spans="1:10" x14ac:dyDescent="0.35">
      <c r="A74181" s="1" t="s">
        <v>8369</v>
      </c>
      <c r="B74181" s="1" t="s">
        <v>247048</v>
      </c>
      <c r="C74181" s="1" t="s">
        <v>150</v>
      </c>
      <c r="D74181" s="1" t="s">
        <v>168291</v>
      </c>
      <c r="E74181" s="1" t="s">
        <v>247775</v>
      </c>
      <c r="F74181" s="1" t="s">
        <v>247721</v>
      </c>
      <c r="G74181" s="1" t="s">
        <v>247718</v>
      </c>
      <c r="H74181" s="1" t="s">
        <v>247719</v>
      </c>
      <c r="I74181" s="1" t="s">
        <v>247053</v>
      </c>
      <c r="J74181" s="1" t="s">
        <v>247776</v>
      </c>
    </row>
    <row r="74182" spans="1:10" x14ac:dyDescent="0.35">
      <c r="A74182" s="1" t="s">
        <v>8369</v>
      </c>
      <c r="B74182" s="1" t="s">
        <v>247048</v>
      </c>
      <c r="C74182" s="1" t="s">
        <v>155</v>
      </c>
      <c r="D74182" s="1" t="s">
        <v>148961</v>
      </c>
      <c r="E74182" s="1" t="s">
        <v>247777</v>
      </c>
      <c r="F74182" s="1" t="s">
        <v>247721</v>
      </c>
      <c r="G74182" s="1" t="s">
        <v>247718</v>
      </c>
      <c r="H74182" s="1" t="s">
        <v>247719</v>
      </c>
      <c r="I74182" s="1" t="s">
        <v>247053</v>
      </c>
      <c r="J74182" s="1" t="s">
        <v>247778</v>
      </c>
    </row>
    <row r="74183" spans="1:10" x14ac:dyDescent="0.35">
      <c r="A74183" s="1" t="s">
        <v>8369</v>
      </c>
      <c r="B74183" s="1" t="s">
        <v>247048</v>
      </c>
      <c r="C74183" s="1" t="s">
        <v>160</v>
      </c>
      <c r="D74183" s="1" t="s">
        <v>124021</v>
      </c>
      <c r="E74183" s="1" t="s">
        <v>247779</v>
      </c>
      <c r="F74183" s="1" t="s">
        <v>247721</v>
      </c>
      <c r="G74183" s="1" t="s">
        <v>247718</v>
      </c>
      <c r="H74183" s="1" t="s">
        <v>247719</v>
      </c>
      <c r="I74183" s="1" t="s">
        <v>247053</v>
      </c>
      <c r="J74183" s="1" t="s">
        <v>247780</v>
      </c>
    </row>
    <row r="74184" spans="1:10" x14ac:dyDescent="0.35">
      <c r="A74184" s="1" t="s">
        <v>8369</v>
      </c>
      <c r="B74184" s="1" t="s">
        <v>247048</v>
      </c>
      <c r="C74184" s="1" t="s">
        <v>165</v>
      </c>
      <c r="D74184" s="1" t="s">
        <v>189012</v>
      </c>
      <c r="E74184" s="1" t="s">
        <v>247781</v>
      </c>
      <c r="F74184" s="1" t="s">
        <v>247721</v>
      </c>
      <c r="G74184" s="1" t="s">
        <v>247718</v>
      </c>
      <c r="H74184" s="1" t="s">
        <v>247719</v>
      </c>
      <c r="I74184" s="1" t="s">
        <v>247053</v>
      </c>
      <c r="J74184" s="1" t="s">
        <v>247782</v>
      </c>
    </row>
    <row r="74185" spans="1:10" x14ac:dyDescent="0.35">
      <c r="A74185" s="1" t="s">
        <v>8369</v>
      </c>
      <c r="B74185" s="1" t="s">
        <v>247048</v>
      </c>
      <c r="C74185" s="1" t="s">
        <v>170</v>
      </c>
      <c r="D74185" s="1" t="s">
        <v>35322</v>
      </c>
      <c r="E74185" s="1" t="s">
        <v>247783</v>
      </c>
      <c r="F74185" s="1" t="s">
        <v>247721</v>
      </c>
      <c r="G74185" s="1" t="s">
        <v>247718</v>
      </c>
      <c r="H74185" s="1" t="s">
        <v>247719</v>
      </c>
      <c r="I74185" s="1" t="s">
        <v>247053</v>
      </c>
      <c r="J74185" s="1" t="s">
        <v>247784</v>
      </c>
    </row>
    <row r="74186" spans="1:10" x14ac:dyDescent="0.35">
      <c r="A74186" s="1" t="s">
        <v>142658</v>
      </c>
      <c r="B74186" s="1" t="s">
        <v>247048</v>
      </c>
      <c r="C74186" s="1" t="s">
        <v>8</v>
      </c>
      <c r="D74186" s="1" t="s">
        <v>69440</v>
      </c>
      <c r="E74186" s="1" t="s">
        <v>247785</v>
      </c>
      <c r="F74186" s="1" t="s">
        <v>247786</v>
      </c>
      <c r="G74186" s="1" t="s">
        <v>247787</v>
      </c>
      <c r="H74186" s="1" t="s">
        <v>247788</v>
      </c>
      <c r="I74186" s="1" t="s">
        <v>247053</v>
      </c>
      <c r="J74186" s="1" t="s">
        <v>13</v>
      </c>
    </row>
    <row r="74187" spans="1:10" x14ac:dyDescent="0.35">
      <c r="A74187" s="1" t="s">
        <v>142658</v>
      </c>
      <c r="B74187" s="1" t="s">
        <v>247048</v>
      </c>
      <c r="C74187" s="1" t="s">
        <v>15</v>
      </c>
      <c r="D74187" s="1" t="s">
        <v>74631</v>
      </c>
      <c r="E74187" s="1" t="s">
        <v>247789</v>
      </c>
      <c r="F74187" s="1" t="s">
        <v>247790</v>
      </c>
      <c r="G74187" s="1" t="s">
        <v>247787</v>
      </c>
      <c r="H74187" s="1" t="s">
        <v>247788</v>
      </c>
      <c r="I74187" s="1" t="s">
        <v>247053</v>
      </c>
      <c r="J74187" s="1" t="s">
        <v>247791</v>
      </c>
    </row>
    <row r="74188" spans="1:10" x14ac:dyDescent="0.35">
      <c r="A74188" s="1" t="s">
        <v>142658</v>
      </c>
      <c r="B74188" s="1" t="s">
        <v>247048</v>
      </c>
      <c r="C74188" s="1" t="s">
        <v>20</v>
      </c>
      <c r="D74188" s="1" t="s">
        <v>44642</v>
      </c>
      <c r="E74188" s="1" t="s">
        <v>247792</v>
      </c>
      <c r="F74188" s="1" t="s">
        <v>247793</v>
      </c>
      <c r="G74188" s="1" t="s">
        <v>247787</v>
      </c>
      <c r="H74188" s="1" t="s">
        <v>247788</v>
      </c>
      <c r="I74188" s="1" t="s">
        <v>247053</v>
      </c>
      <c r="J74188" s="1" t="s">
        <v>247794</v>
      </c>
    </row>
    <row r="74189" spans="1:10" x14ac:dyDescent="0.35">
      <c r="A74189" s="1" t="s">
        <v>142658</v>
      </c>
      <c r="B74189" s="1" t="s">
        <v>247048</v>
      </c>
      <c r="C74189" s="1" t="s">
        <v>25</v>
      </c>
      <c r="D74189" s="1" t="s">
        <v>247795</v>
      </c>
      <c r="E74189" s="1" t="s">
        <v>247796</v>
      </c>
      <c r="F74189" s="1" t="s">
        <v>247797</v>
      </c>
      <c r="G74189" s="1" t="s">
        <v>247787</v>
      </c>
      <c r="H74189" s="1" t="s">
        <v>247788</v>
      </c>
      <c r="I74189" s="1" t="s">
        <v>247053</v>
      </c>
      <c r="J74189" s="1" t="s">
        <v>247798</v>
      </c>
    </row>
    <row r="74190" spans="1:10" x14ac:dyDescent="0.35">
      <c r="A74190" s="1" t="s">
        <v>142658</v>
      </c>
      <c r="B74190" s="1" t="s">
        <v>247048</v>
      </c>
      <c r="C74190" s="1" t="s">
        <v>30</v>
      </c>
      <c r="D74190" s="1" t="s">
        <v>7342</v>
      </c>
      <c r="E74190" s="1" t="s">
        <v>247799</v>
      </c>
      <c r="F74190" s="1" t="s">
        <v>247800</v>
      </c>
      <c r="G74190" s="1" t="s">
        <v>247787</v>
      </c>
      <c r="H74190" s="1" t="s">
        <v>247788</v>
      </c>
      <c r="I74190" s="1" t="s">
        <v>247053</v>
      </c>
      <c r="J74190" s="1" t="s">
        <v>247801</v>
      </c>
    </row>
    <row r="74191" spans="1:10" x14ac:dyDescent="0.35">
      <c r="A74191" s="1" t="s">
        <v>142658</v>
      </c>
      <c r="B74191" s="1" t="s">
        <v>247048</v>
      </c>
      <c r="C74191" s="1" t="s">
        <v>35</v>
      </c>
      <c r="D74191" s="1" t="s">
        <v>25968</v>
      </c>
      <c r="E74191" s="1" t="s">
        <v>247802</v>
      </c>
      <c r="F74191" s="1" t="s">
        <v>247803</v>
      </c>
      <c r="G74191" s="1" t="s">
        <v>247787</v>
      </c>
      <c r="H74191" s="1" t="s">
        <v>247788</v>
      </c>
      <c r="I74191" s="1" t="s">
        <v>247053</v>
      </c>
      <c r="J74191" s="1" t="s">
        <v>247804</v>
      </c>
    </row>
    <row r="74192" spans="1:10" x14ac:dyDescent="0.35">
      <c r="A74192" s="1" t="s">
        <v>142658</v>
      </c>
      <c r="B74192" s="1" t="s">
        <v>247048</v>
      </c>
      <c r="C74192" s="1" t="s">
        <v>40</v>
      </c>
      <c r="D74192" s="1" t="s">
        <v>6330</v>
      </c>
      <c r="E74192" s="1" t="s">
        <v>247805</v>
      </c>
      <c r="F74192" s="1" t="s">
        <v>247806</v>
      </c>
      <c r="G74192" s="1" t="s">
        <v>247787</v>
      </c>
      <c r="H74192" s="1" t="s">
        <v>247788</v>
      </c>
      <c r="I74192" s="1" t="s">
        <v>247053</v>
      </c>
      <c r="J74192" s="1" t="s">
        <v>247807</v>
      </c>
    </row>
    <row r="74193" spans="1:10" x14ac:dyDescent="0.35">
      <c r="A74193" s="1" t="s">
        <v>142658</v>
      </c>
      <c r="B74193" s="1" t="s">
        <v>247048</v>
      </c>
      <c r="C74193" s="1" t="s">
        <v>45</v>
      </c>
      <c r="D74193" s="1" t="s">
        <v>9301</v>
      </c>
      <c r="E74193" s="1" t="s">
        <v>247808</v>
      </c>
      <c r="F74193" s="1" t="s">
        <v>247809</v>
      </c>
      <c r="G74193" s="1" t="s">
        <v>247787</v>
      </c>
      <c r="H74193" s="1" t="s">
        <v>247788</v>
      </c>
      <c r="I74193" s="1" t="s">
        <v>247053</v>
      </c>
      <c r="J74193" s="1" t="s">
        <v>247810</v>
      </c>
    </row>
    <row r="74194" spans="1:10" x14ac:dyDescent="0.35">
      <c r="A74194" s="1" t="s">
        <v>142658</v>
      </c>
      <c r="B74194" s="1" t="s">
        <v>247048</v>
      </c>
      <c r="C74194" s="1" t="s">
        <v>50</v>
      </c>
      <c r="D74194" s="1" t="s">
        <v>7025</v>
      </c>
      <c r="E74194" s="1" t="s">
        <v>247811</v>
      </c>
      <c r="F74194" s="1" t="s">
        <v>247812</v>
      </c>
      <c r="G74194" s="1" t="s">
        <v>247787</v>
      </c>
      <c r="H74194" s="1" t="s">
        <v>247788</v>
      </c>
      <c r="I74194" s="1" t="s">
        <v>247053</v>
      </c>
      <c r="J74194" s="1" t="s">
        <v>247813</v>
      </c>
    </row>
    <row r="74195" spans="1:10" x14ac:dyDescent="0.35">
      <c r="A74195" s="1" t="s">
        <v>142658</v>
      </c>
      <c r="B74195" s="1" t="s">
        <v>247048</v>
      </c>
      <c r="C74195" s="1" t="s">
        <v>55</v>
      </c>
      <c r="D74195" s="1" t="s">
        <v>28026</v>
      </c>
      <c r="E74195" s="1" t="s">
        <v>247814</v>
      </c>
      <c r="F74195" s="1" t="s">
        <v>247815</v>
      </c>
      <c r="G74195" s="1" t="s">
        <v>247787</v>
      </c>
      <c r="H74195" s="1" t="s">
        <v>247788</v>
      </c>
      <c r="I74195" s="1" t="s">
        <v>247053</v>
      </c>
      <c r="J74195" s="1" t="s">
        <v>247816</v>
      </c>
    </row>
    <row r="74196" spans="1:10" x14ac:dyDescent="0.35">
      <c r="A74196" s="1" t="s">
        <v>142658</v>
      </c>
      <c r="B74196" s="1" t="s">
        <v>247048</v>
      </c>
      <c r="C74196" s="1" t="s">
        <v>60</v>
      </c>
      <c r="D74196" s="1" t="s">
        <v>3984</v>
      </c>
      <c r="E74196" s="1" t="s">
        <v>247817</v>
      </c>
      <c r="F74196" s="1" t="s">
        <v>247818</v>
      </c>
      <c r="G74196" s="1" t="s">
        <v>247787</v>
      </c>
      <c r="H74196" s="1" t="s">
        <v>247788</v>
      </c>
      <c r="I74196" s="1" t="s">
        <v>247053</v>
      </c>
      <c r="J74196" s="1" t="s">
        <v>247819</v>
      </c>
    </row>
    <row r="74197" spans="1:10" x14ac:dyDescent="0.35">
      <c r="A74197" s="1" t="s">
        <v>142658</v>
      </c>
      <c r="B74197" s="1" t="s">
        <v>247048</v>
      </c>
      <c r="C74197" s="1" t="s">
        <v>65</v>
      </c>
      <c r="D74197" s="1" t="s">
        <v>1548</v>
      </c>
      <c r="E74197" s="1" t="s">
        <v>247820</v>
      </c>
      <c r="F74197" s="1" t="s">
        <v>247821</v>
      </c>
      <c r="G74197" s="1" t="s">
        <v>247787</v>
      </c>
      <c r="H74197" s="1" t="s">
        <v>247788</v>
      </c>
      <c r="I74197" s="1" t="s">
        <v>247053</v>
      </c>
      <c r="J74197" s="1" t="s">
        <v>247822</v>
      </c>
    </row>
    <row r="74198" spans="1:10" x14ac:dyDescent="0.35">
      <c r="A74198" s="1" t="s">
        <v>142658</v>
      </c>
      <c r="B74198" s="1" t="s">
        <v>247048</v>
      </c>
      <c r="C74198" s="1" t="s">
        <v>70</v>
      </c>
      <c r="D74198" s="1" t="s">
        <v>119464</v>
      </c>
      <c r="E74198" s="1" t="s">
        <v>247823</v>
      </c>
      <c r="F74198" s="1" t="s">
        <v>247824</v>
      </c>
      <c r="G74198" s="1" t="s">
        <v>247787</v>
      </c>
      <c r="H74198" s="1" t="s">
        <v>247788</v>
      </c>
      <c r="I74198" s="1" t="s">
        <v>247053</v>
      </c>
      <c r="J74198" s="1" t="s">
        <v>247825</v>
      </c>
    </row>
    <row r="74199" spans="1:10" x14ac:dyDescent="0.35">
      <c r="A74199" s="1" t="s">
        <v>142658</v>
      </c>
      <c r="B74199" s="1" t="s">
        <v>247048</v>
      </c>
      <c r="C74199" s="1" t="s">
        <v>75</v>
      </c>
      <c r="D74199" s="1" t="s">
        <v>44528</v>
      </c>
      <c r="E74199" s="1" t="s">
        <v>247826</v>
      </c>
      <c r="F74199" s="1" t="s">
        <v>247827</v>
      </c>
      <c r="G74199" s="1" t="s">
        <v>247787</v>
      </c>
      <c r="H74199" s="1" t="s">
        <v>247788</v>
      </c>
      <c r="I74199" s="1" t="s">
        <v>247053</v>
      </c>
      <c r="J74199" s="1" t="s">
        <v>247828</v>
      </c>
    </row>
    <row r="74200" spans="1:10" x14ac:dyDescent="0.35">
      <c r="A74200" s="1" t="s">
        <v>142658</v>
      </c>
      <c r="B74200" s="1" t="s">
        <v>247048</v>
      </c>
      <c r="C74200" s="1" t="s">
        <v>80</v>
      </c>
      <c r="D74200" s="1" t="s">
        <v>8</v>
      </c>
      <c r="E74200" s="1" t="s">
        <v>247829</v>
      </c>
      <c r="F74200" s="1" t="s">
        <v>247830</v>
      </c>
      <c r="G74200" s="1" t="s">
        <v>247787</v>
      </c>
      <c r="H74200" s="1" t="s">
        <v>247788</v>
      </c>
      <c r="I74200" s="1" t="s">
        <v>247053</v>
      </c>
      <c r="J74200" s="1" t="s">
        <v>247831</v>
      </c>
    </row>
    <row r="74201" spans="1:10" x14ac:dyDescent="0.35">
      <c r="A74201" s="1" t="s">
        <v>142658</v>
      </c>
      <c r="B74201" s="1" t="s">
        <v>247048</v>
      </c>
      <c r="C74201" s="1" t="s">
        <v>85</v>
      </c>
      <c r="D74201" s="1" t="s">
        <v>27731</v>
      </c>
      <c r="E74201" s="1" t="s">
        <v>247832</v>
      </c>
      <c r="F74201" s="1" t="s">
        <v>247833</v>
      </c>
      <c r="G74201" s="1" t="s">
        <v>247787</v>
      </c>
      <c r="H74201" s="1" t="s">
        <v>247788</v>
      </c>
      <c r="I74201" s="1" t="s">
        <v>247053</v>
      </c>
      <c r="J74201" s="1" t="s">
        <v>247834</v>
      </c>
    </row>
    <row r="74202" spans="1:10" x14ac:dyDescent="0.35">
      <c r="A74202" s="1" t="s">
        <v>142658</v>
      </c>
      <c r="B74202" s="1" t="s">
        <v>247048</v>
      </c>
      <c r="C74202" s="1" t="s">
        <v>90</v>
      </c>
      <c r="D74202" s="1" t="s">
        <v>5534</v>
      </c>
      <c r="E74202" s="1" t="s">
        <v>247835</v>
      </c>
      <c r="F74202" s="1" t="s">
        <v>247836</v>
      </c>
      <c r="G74202" s="1" t="s">
        <v>247787</v>
      </c>
      <c r="H74202" s="1" t="s">
        <v>247788</v>
      </c>
      <c r="I74202" s="1" t="s">
        <v>247053</v>
      </c>
      <c r="J74202" s="1" t="s">
        <v>29310</v>
      </c>
    </row>
    <row r="74203" spans="1:10" x14ac:dyDescent="0.35">
      <c r="A74203" s="1" t="s">
        <v>142658</v>
      </c>
      <c r="B74203" s="1" t="s">
        <v>247048</v>
      </c>
      <c r="C74203" s="1" t="s">
        <v>95</v>
      </c>
      <c r="D74203" s="1" t="s">
        <v>188154</v>
      </c>
      <c r="E74203" s="1" t="s">
        <v>247837</v>
      </c>
      <c r="F74203" s="1" t="s">
        <v>247838</v>
      </c>
      <c r="G74203" s="1" t="s">
        <v>247787</v>
      </c>
      <c r="H74203" s="1" t="s">
        <v>247788</v>
      </c>
      <c r="I74203" s="1" t="s">
        <v>247053</v>
      </c>
      <c r="J74203" s="1" t="s">
        <v>247839</v>
      </c>
    </row>
    <row r="74204" spans="1:10" x14ac:dyDescent="0.35">
      <c r="A74204" s="1" t="s">
        <v>142658</v>
      </c>
      <c r="B74204" s="1" t="s">
        <v>247048</v>
      </c>
      <c r="C74204" s="1" t="s">
        <v>100</v>
      </c>
      <c r="D74204" s="1" t="s">
        <v>26004</v>
      </c>
      <c r="E74204" s="1" t="s">
        <v>247840</v>
      </c>
      <c r="F74204" s="1" t="s">
        <v>247841</v>
      </c>
      <c r="G74204" s="1" t="s">
        <v>247787</v>
      </c>
      <c r="H74204" s="1" t="s">
        <v>247788</v>
      </c>
      <c r="I74204" s="1" t="s">
        <v>247053</v>
      </c>
      <c r="J74204" s="1" t="s">
        <v>247842</v>
      </c>
    </row>
    <row r="74205" spans="1:10" x14ac:dyDescent="0.35">
      <c r="A74205" s="1" t="s">
        <v>142658</v>
      </c>
      <c r="B74205" s="1" t="s">
        <v>247048</v>
      </c>
      <c r="C74205" s="1" t="s">
        <v>105</v>
      </c>
      <c r="D74205" s="1" t="s">
        <v>8361</v>
      </c>
      <c r="E74205" s="1" t="s">
        <v>247843</v>
      </c>
      <c r="F74205" s="1" t="s">
        <v>247844</v>
      </c>
      <c r="G74205" s="1" t="s">
        <v>247787</v>
      </c>
      <c r="H74205" s="1" t="s">
        <v>247788</v>
      </c>
      <c r="I74205" s="1" t="s">
        <v>247053</v>
      </c>
      <c r="J74205" s="1" t="s">
        <v>247845</v>
      </c>
    </row>
    <row r="74206" spans="1:10" x14ac:dyDescent="0.35">
      <c r="A74206" s="1" t="s">
        <v>142658</v>
      </c>
      <c r="B74206" s="1" t="s">
        <v>247048</v>
      </c>
      <c r="C74206" s="1" t="s">
        <v>110</v>
      </c>
      <c r="D74206" s="1" t="s">
        <v>8072</v>
      </c>
      <c r="E74206" s="1" t="s">
        <v>247846</v>
      </c>
      <c r="F74206" s="1" t="s">
        <v>247847</v>
      </c>
      <c r="G74206" s="1" t="s">
        <v>247787</v>
      </c>
      <c r="H74206" s="1" t="s">
        <v>247788</v>
      </c>
      <c r="I74206" s="1" t="s">
        <v>247053</v>
      </c>
      <c r="J74206" s="1" t="s">
        <v>247848</v>
      </c>
    </row>
    <row r="74207" spans="1:10" x14ac:dyDescent="0.35">
      <c r="A74207" s="1" t="s">
        <v>142658</v>
      </c>
      <c r="B74207" s="1" t="s">
        <v>247048</v>
      </c>
      <c r="C74207" s="1" t="s">
        <v>115</v>
      </c>
      <c r="D74207" s="1" t="s">
        <v>10258</v>
      </c>
      <c r="E74207" s="1" t="s">
        <v>247849</v>
      </c>
      <c r="F74207" s="1" t="s">
        <v>247850</v>
      </c>
      <c r="G74207" s="1" t="s">
        <v>247787</v>
      </c>
      <c r="H74207" s="1" t="s">
        <v>247788</v>
      </c>
      <c r="I74207" s="1" t="s">
        <v>247053</v>
      </c>
      <c r="J74207" s="1" t="s">
        <v>247851</v>
      </c>
    </row>
    <row r="74208" spans="1:10" x14ac:dyDescent="0.35">
      <c r="A74208" s="1" t="s">
        <v>142658</v>
      </c>
      <c r="B74208" s="1" t="s">
        <v>247048</v>
      </c>
      <c r="C74208" s="1" t="s">
        <v>120</v>
      </c>
      <c r="D74208" s="1" t="s">
        <v>14130</v>
      </c>
      <c r="E74208" s="1" t="s">
        <v>247852</v>
      </c>
      <c r="F74208" s="1" t="s">
        <v>247853</v>
      </c>
      <c r="G74208" s="1" t="s">
        <v>247787</v>
      </c>
      <c r="H74208" s="1" t="s">
        <v>247788</v>
      </c>
      <c r="I74208" s="1" t="s">
        <v>247053</v>
      </c>
      <c r="J74208" s="1" t="s">
        <v>247854</v>
      </c>
    </row>
    <row r="74209" spans="1:10" x14ac:dyDescent="0.35">
      <c r="A74209" s="1" t="s">
        <v>142658</v>
      </c>
      <c r="B74209" s="1" t="s">
        <v>247048</v>
      </c>
      <c r="C74209" s="1" t="s">
        <v>125</v>
      </c>
      <c r="D74209" s="1" t="s">
        <v>157500</v>
      </c>
      <c r="E74209" s="1" t="s">
        <v>247855</v>
      </c>
      <c r="F74209" s="1" t="s">
        <v>247856</v>
      </c>
      <c r="G74209" s="1" t="s">
        <v>247787</v>
      </c>
      <c r="H74209" s="1" t="s">
        <v>247788</v>
      </c>
      <c r="I74209" s="1" t="s">
        <v>247053</v>
      </c>
      <c r="J74209" s="1" t="s">
        <v>247857</v>
      </c>
    </row>
    <row r="74210" spans="1:10" x14ac:dyDescent="0.35">
      <c r="A74210" s="1" t="s">
        <v>142658</v>
      </c>
      <c r="B74210" s="1" t="s">
        <v>247048</v>
      </c>
      <c r="C74210" s="1" t="s">
        <v>130</v>
      </c>
      <c r="D74210" s="1" t="s">
        <v>202123</v>
      </c>
      <c r="E74210" s="1" t="s">
        <v>247858</v>
      </c>
      <c r="F74210" s="1" t="s">
        <v>247859</v>
      </c>
      <c r="G74210" s="1" t="s">
        <v>247787</v>
      </c>
      <c r="H74210" s="1" t="s">
        <v>247788</v>
      </c>
      <c r="I74210" s="1" t="s">
        <v>247053</v>
      </c>
      <c r="J74210" s="1" t="s">
        <v>247860</v>
      </c>
    </row>
    <row r="74211" spans="1:10" x14ac:dyDescent="0.35">
      <c r="A74211" s="1" t="s">
        <v>142658</v>
      </c>
      <c r="B74211" s="1" t="s">
        <v>247048</v>
      </c>
      <c r="C74211" s="1" t="s">
        <v>135</v>
      </c>
      <c r="D74211" s="1" t="s">
        <v>112210</v>
      </c>
      <c r="E74211" s="1" t="s">
        <v>247861</v>
      </c>
      <c r="F74211" s="1" t="s">
        <v>247862</v>
      </c>
      <c r="G74211" s="1" t="s">
        <v>247787</v>
      </c>
      <c r="H74211" s="1" t="s">
        <v>247788</v>
      </c>
      <c r="I74211" s="1" t="s">
        <v>247053</v>
      </c>
      <c r="J74211" s="1" t="s">
        <v>247863</v>
      </c>
    </row>
    <row r="74212" spans="1:10" x14ac:dyDescent="0.35">
      <c r="A74212" s="1" t="s">
        <v>142658</v>
      </c>
      <c r="B74212" s="1" t="s">
        <v>247048</v>
      </c>
      <c r="C74212" s="1" t="s">
        <v>140</v>
      </c>
      <c r="D74212" s="1" t="s">
        <v>112622</v>
      </c>
      <c r="E74212" s="1" t="s">
        <v>247864</v>
      </c>
      <c r="F74212" s="1" t="s">
        <v>247865</v>
      </c>
      <c r="G74212" s="1" t="s">
        <v>247787</v>
      </c>
      <c r="H74212" s="1" t="s">
        <v>247788</v>
      </c>
      <c r="I74212" s="1" t="s">
        <v>247053</v>
      </c>
      <c r="J74212" s="1" t="s">
        <v>247866</v>
      </c>
    </row>
    <row r="74213" spans="1:10" x14ac:dyDescent="0.35">
      <c r="A74213" s="1" t="s">
        <v>142658</v>
      </c>
      <c r="B74213" s="1" t="s">
        <v>247048</v>
      </c>
      <c r="C74213" s="1" t="s">
        <v>145</v>
      </c>
      <c r="D74213" s="1" t="s">
        <v>340</v>
      </c>
      <c r="E74213" s="1" t="s">
        <v>247867</v>
      </c>
      <c r="F74213" s="1" t="s">
        <v>247868</v>
      </c>
      <c r="G74213" s="1" t="s">
        <v>247787</v>
      </c>
      <c r="H74213" s="1" t="s">
        <v>247788</v>
      </c>
      <c r="I74213" s="1" t="s">
        <v>247053</v>
      </c>
      <c r="J74213" s="1" t="s">
        <v>247869</v>
      </c>
    </row>
    <row r="74214" spans="1:10" x14ac:dyDescent="0.35">
      <c r="A74214" s="1" t="s">
        <v>142658</v>
      </c>
      <c r="B74214" s="1" t="s">
        <v>247048</v>
      </c>
      <c r="C74214" s="1" t="s">
        <v>150</v>
      </c>
      <c r="D74214" s="1" t="s">
        <v>29589</v>
      </c>
      <c r="E74214" s="1" t="s">
        <v>247870</v>
      </c>
      <c r="F74214" s="1" t="s">
        <v>247871</v>
      </c>
      <c r="G74214" s="1" t="s">
        <v>247787</v>
      </c>
      <c r="H74214" s="1" t="s">
        <v>247788</v>
      </c>
      <c r="I74214" s="1" t="s">
        <v>247053</v>
      </c>
      <c r="J74214" s="1" t="s">
        <v>247872</v>
      </c>
    </row>
    <row r="74215" spans="1:10" x14ac:dyDescent="0.35">
      <c r="A74215" s="1" t="s">
        <v>142658</v>
      </c>
      <c r="B74215" s="1" t="s">
        <v>247048</v>
      </c>
      <c r="C74215" s="1" t="s">
        <v>155</v>
      </c>
      <c r="D74215" s="1" t="s">
        <v>157002</v>
      </c>
      <c r="E74215" s="1" t="s">
        <v>247873</v>
      </c>
      <c r="F74215" s="1" t="s">
        <v>247874</v>
      </c>
      <c r="G74215" s="1" t="s">
        <v>247787</v>
      </c>
      <c r="H74215" s="1" t="s">
        <v>247788</v>
      </c>
      <c r="I74215" s="1" t="s">
        <v>247053</v>
      </c>
      <c r="J74215" s="1" t="s">
        <v>247875</v>
      </c>
    </row>
    <row r="74216" spans="1:10" x14ac:dyDescent="0.35">
      <c r="A74216" s="1" t="s">
        <v>142658</v>
      </c>
      <c r="B74216" s="1" t="s">
        <v>247048</v>
      </c>
      <c r="C74216" s="1" t="s">
        <v>160</v>
      </c>
      <c r="D74216" s="1" t="s">
        <v>11028</v>
      </c>
      <c r="E74216" s="1" t="s">
        <v>247876</v>
      </c>
      <c r="F74216" s="1" t="s">
        <v>247877</v>
      </c>
      <c r="G74216" s="1" t="s">
        <v>247787</v>
      </c>
      <c r="H74216" s="1" t="s">
        <v>247788</v>
      </c>
      <c r="I74216" s="1" t="s">
        <v>247053</v>
      </c>
      <c r="J74216" s="1" t="s">
        <v>247878</v>
      </c>
    </row>
    <row r="74217" spans="1:10" x14ac:dyDescent="0.35">
      <c r="A74217" s="1" t="s">
        <v>142658</v>
      </c>
      <c r="B74217" s="1" t="s">
        <v>247048</v>
      </c>
      <c r="C74217" s="1" t="s">
        <v>165</v>
      </c>
      <c r="D74217" s="1" t="s">
        <v>145238</v>
      </c>
      <c r="E74217" s="1" t="s">
        <v>247879</v>
      </c>
      <c r="F74217" s="1" t="s">
        <v>247880</v>
      </c>
      <c r="G74217" s="1" t="s">
        <v>247787</v>
      </c>
      <c r="H74217" s="1" t="s">
        <v>247788</v>
      </c>
      <c r="I74217" s="1" t="s">
        <v>247053</v>
      </c>
      <c r="J74217" s="1" t="s">
        <v>247881</v>
      </c>
    </row>
    <row r="74218" spans="1:10" x14ac:dyDescent="0.35">
      <c r="A74218" s="1" t="s">
        <v>142658</v>
      </c>
      <c r="B74218" s="1" t="s">
        <v>247048</v>
      </c>
      <c r="C74218" s="1" t="s">
        <v>170</v>
      </c>
      <c r="D74218" s="1" t="s">
        <v>6551</v>
      </c>
      <c r="E74218" s="1" t="s">
        <v>247882</v>
      </c>
      <c r="F74218" s="1" t="s">
        <v>247883</v>
      </c>
      <c r="G74218" s="1" t="s">
        <v>247787</v>
      </c>
      <c r="H74218" s="1" t="s">
        <v>247788</v>
      </c>
      <c r="I74218" s="1" t="s">
        <v>247053</v>
      </c>
      <c r="J74218" s="1" t="s">
        <v>247884</v>
      </c>
    </row>
    <row r="74219" spans="1:10" x14ac:dyDescent="0.35">
      <c r="A74219" s="1" t="s">
        <v>145037</v>
      </c>
      <c r="B74219" s="1" t="s">
        <v>247048</v>
      </c>
      <c r="C74219" s="1" t="s">
        <v>8</v>
      </c>
      <c r="D74219" s="1" t="s">
        <v>110995</v>
      </c>
      <c r="E74219" s="1" t="s">
        <v>247885</v>
      </c>
      <c r="F74219" s="1" t="s">
        <v>247886</v>
      </c>
      <c r="G74219" s="1" t="s">
        <v>247887</v>
      </c>
      <c r="H74219" s="1" t="s">
        <v>247888</v>
      </c>
      <c r="I74219" s="1" t="s">
        <v>247053</v>
      </c>
      <c r="J74219" s="1" t="s">
        <v>13</v>
      </c>
    </row>
    <row r="74220" spans="1:10" x14ac:dyDescent="0.35">
      <c r="A74220" s="1" t="s">
        <v>145037</v>
      </c>
      <c r="B74220" s="1" t="s">
        <v>247048</v>
      </c>
      <c r="C74220" s="1" t="s">
        <v>15</v>
      </c>
      <c r="D74220" s="1" t="s">
        <v>247889</v>
      </c>
      <c r="E74220" s="1" t="s">
        <v>247890</v>
      </c>
      <c r="F74220" s="1" t="s">
        <v>247891</v>
      </c>
      <c r="G74220" s="1" t="s">
        <v>247887</v>
      </c>
      <c r="H74220" s="1" t="s">
        <v>247888</v>
      </c>
      <c r="I74220" s="1" t="s">
        <v>247053</v>
      </c>
      <c r="J74220" s="1" t="s">
        <v>247892</v>
      </c>
    </row>
    <row r="74221" spans="1:10" x14ac:dyDescent="0.35">
      <c r="A74221" s="1" t="s">
        <v>145037</v>
      </c>
      <c r="B74221" s="1" t="s">
        <v>247048</v>
      </c>
      <c r="C74221" s="1" t="s">
        <v>20</v>
      </c>
      <c r="D74221" s="1" t="s">
        <v>12040</v>
      </c>
      <c r="E74221" s="1" t="s">
        <v>247893</v>
      </c>
      <c r="F74221" s="1" t="s">
        <v>247894</v>
      </c>
      <c r="G74221" s="1" t="s">
        <v>247887</v>
      </c>
      <c r="H74221" s="1" t="s">
        <v>247888</v>
      </c>
      <c r="I74221" s="1" t="s">
        <v>247053</v>
      </c>
      <c r="J74221" s="1" t="s">
        <v>247895</v>
      </c>
    </row>
    <row r="74222" spans="1:10" x14ac:dyDescent="0.35">
      <c r="A74222" s="1" t="s">
        <v>145037</v>
      </c>
      <c r="B74222" s="1" t="s">
        <v>247048</v>
      </c>
      <c r="C74222" s="1" t="s">
        <v>25</v>
      </c>
      <c r="D74222" s="1" t="s">
        <v>46685</v>
      </c>
      <c r="E74222" s="1" t="s">
        <v>247896</v>
      </c>
      <c r="F74222" s="1" t="s">
        <v>247897</v>
      </c>
      <c r="G74222" s="1" t="s">
        <v>247887</v>
      </c>
      <c r="H74222" s="1" t="s">
        <v>247888</v>
      </c>
      <c r="I74222" s="1" t="s">
        <v>247053</v>
      </c>
      <c r="J74222" s="1" t="s">
        <v>159380</v>
      </c>
    </row>
    <row r="74223" spans="1:10" x14ac:dyDescent="0.35">
      <c r="A74223" s="1" t="s">
        <v>145037</v>
      </c>
      <c r="B74223" s="1" t="s">
        <v>247048</v>
      </c>
      <c r="C74223" s="1" t="s">
        <v>30</v>
      </c>
      <c r="D74223" s="1" t="s">
        <v>114267</v>
      </c>
      <c r="E74223" s="1" t="s">
        <v>247898</v>
      </c>
      <c r="F74223" s="1" t="s">
        <v>247899</v>
      </c>
      <c r="G74223" s="1" t="s">
        <v>247887</v>
      </c>
      <c r="H74223" s="1" t="s">
        <v>247888</v>
      </c>
      <c r="I74223" s="1" t="s">
        <v>247053</v>
      </c>
      <c r="J74223" s="1" t="s">
        <v>247900</v>
      </c>
    </row>
    <row r="74224" spans="1:10" x14ac:dyDescent="0.35">
      <c r="A74224" s="1" t="s">
        <v>145037</v>
      </c>
      <c r="B74224" s="1" t="s">
        <v>247048</v>
      </c>
      <c r="C74224" s="1" t="s">
        <v>35</v>
      </c>
      <c r="D74224" s="1" t="s">
        <v>2000</v>
      </c>
      <c r="E74224" s="1" t="s">
        <v>247901</v>
      </c>
      <c r="F74224" s="1" t="s">
        <v>247902</v>
      </c>
      <c r="G74224" s="1" t="s">
        <v>247887</v>
      </c>
      <c r="H74224" s="1" t="s">
        <v>247888</v>
      </c>
      <c r="I74224" s="1" t="s">
        <v>247053</v>
      </c>
      <c r="J74224" s="1" t="s">
        <v>247903</v>
      </c>
    </row>
    <row r="74225" spans="1:10" x14ac:dyDescent="0.35">
      <c r="A74225" s="1" t="s">
        <v>145037</v>
      </c>
      <c r="B74225" s="1" t="s">
        <v>247048</v>
      </c>
      <c r="C74225" s="1" t="s">
        <v>40</v>
      </c>
      <c r="D74225" s="1" t="s">
        <v>138725</v>
      </c>
      <c r="E74225" s="1" t="s">
        <v>247904</v>
      </c>
      <c r="F74225" s="1" t="s">
        <v>247905</v>
      </c>
      <c r="G74225" s="1" t="s">
        <v>247887</v>
      </c>
      <c r="H74225" s="1" t="s">
        <v>247888</v>
      </c>
      <c r="I74225" s="1" t="s">
        <v>247053</v>
      </c>
      <c r="J74225" s="1" t="s">
        <v>247906</v>
      </c>
    </row>
    <row r="74226" spans="1:10" x14ac:dyDescent="0.35">
      <c r="A74226" s="1" t="s">
        <v>145037</v>
      </c>
      <c r="B74226" s="1" t="s">
        <v>247048</v>
      </c>
      <c r="C74226" s="1" t="s">
        <v>45</v>
      </c>
      <c r="D74226" s="1" t="s">
        <v>1370</v>
      </c>
      <c r="E74226" s="1" t="s">
        <v>247907</v>
      </c>
      <c r="F74226" s="1" t="s">
        <v>247908</v>
      </c>
      <c r="G74226" s="1" t="s">
        <v>247887</v>
      </c>
      <c r="H74226" s="1" t="s">
        <v>247888</v>
      </c>
      <c r="I74226" s="1" t="s">
        <v>247053</v>
      </c>
      <c r="J74226" s="1" t="s">
        <v>247909</v>
      </c>
    </row>
    <row r="74227" spans="1:10" x14ac:dyDescent="0.35">
      <c r="A74227" s="1" t="s">
        <v>145037</v>
      </c>
      <c r="B74227" s="1" t="s">
        <v>247048</v>
      </c>
      <c r="C74227" s="1" t="s">
        <v>50</v>
      </c>
      <c r="D74227" s="1" t="s">
        <v>3980</v>
      </c>
      <c r="E74227" s="1" t="s">
        <v>247910</v>
      </c>
      <c r="F74227" s="1" t="s">
        <v>247911</v>
      </c>
      <c r="G74227" s="1" t="s">
        <v>247887</v>
      </c>
      <c r="H74227" s="1" t="s">
        <v>247888</v>
      </c>
      <c r="I74227" s="1" t="s">
        <v>247053</v>
      </c>
      <c r="J74227" s="1" t="s">
        <v>247912</v>
      </c>
    </row>
    <row r="74228" spans="1:10" x14ac:dyDescent="0.35">
      <c r="A74228" s="1" t="s">
        <v>145037</v>
      </c>
      <c r="B74228" s="1" t="s">
        <v>247048</v>
      </c>
      <c r="C74228" s="1" t="s">
        <v>55</v>
      </c>
      <c r="D74228" s="1" t="s">
        <v>25386</v>
      </c>
      <c r="E74228" s="1" t="s">
        <v>247913</v>
      </c>
      <c r="F74228" s="1" t="s">
        <v>247914</v>
      </c>
      <c r="G74228" s="1" t="s">
        <v>247887</v>
      </c>
      <c r="H74228" s="1" t="s">
        <v>247888</v>
      </c>
      <c r="I74228" s="1" t="s">
        <v>247053</v>
      </c>
      <c r="J74228" s="1" t="s">
        <v>247915</v>
      </c>
    </row>
    <row r="74229" spans="1:10" x14ac:dyDescent="0.35">
      <c r="A74229" s="1" t="s">
        <v>145037</v>
      </c>
      <c r="B74229" s="1" t="s">
        <v>247048</v>
      </c>
      <c r="C74229" s="1" t="s">
        <v>60</v>
      </c>
      <c r="D74229" s="1" t="s">
        <v>9897</v>
      </c>
      <c r="E74229" s="1" t="s">
        <v>247916</v>
      </c>
      <c r="F74229" s="1" t="s">
        <v>247917</v>
      </c>
      <c r="G74229" s="1" t="s">
        <v>247887</v>
      </c>
      <c r="H74229" s="1" t="s">
        <v>247888</v>
      </c>
      <c r="I74229" s="1" t="s">
        <v>247053</v>
      </c>
      <c r="J74229" s="1" t="s">
        <v>247918</v>
      </c>
    </row>
    <row r="74230" spans="1:10" x14ac:dyDescent="0.35">
      <c r="A74230" s="1" t="s">
        <v>145037</v>
      </c>
      <c r="B74230" s="1" t="s">
        <v>247048</v>
      </c>
      <c r="C74230" s="1" t="s">
        <v>65</v>
      </c>
      <c r="D74230" s="1" t="s">
        <v>146061</v>
      </c>
      <c r="E74230" s="1" t="s">
        <v>247919</v>
      </c>
      <c r="F74230" s="1" t="s">
        <v>247920</v>
      </c>
      <c r="G74230" s="1" t="s">
        <v>247887</v>
      </c>
      <c r="H74230" s="1" t="s">
        <v>247888</v>
      </c>
      <c r="I74230" s="1" t="s">
        <v>247053</v>
      </c>
      <c r="J74230" s="1" t="s">
        <v>247921</v>
      </c>
    </row>
    <row r="74231" spans="1:10" x14ac:dyDescent="0.35">
      <c r="A74231" s="1" t="s">
        <v>145037</v>
      </c>
      <c r="B74231" s="1" t="s">
        <v>247048</v>
      </c>
      <c r="C74231" s="1" t="s">
        <v>70</v>
      </c>
      <c r="D74231" s="1" t="s">
        <v>10048</v>
      </c>
      <c r="E74231" s="1" t="s">
        <v>247922</v>
      </c>
      <c r="F74231" s="1" t="s">
        <v>247923</v>
      </c>
      <c r="G74231" s="1" t="s">
        <v>247887</v>
      </c>
      <c r="H74231" s="1" t="s">
        <v>247888</v>
      </c>
      <c r="I74231" s="1" t="s">
        <v>247053</v>
      </c>
      <c r="J74231" s="1" t="s">
        <v>247924</v>
      </c>
    </row>
    <row r="74232" spans="1:10" x14ac:dyDescent="0.35">
      <c r="A74232" s="1" t="s">
        <v>145037</v>
      </c>
      <c r="B74232" s="1" t="s">
        <v>247048</v>
      </c>
      <c r="C74232" s="1" t="s">
        <v>75</v>
      </c>
      <c r="D74232" s="1" t="s">
        <v>8061</v>
      </c>
      <c r="E74232" s="1" t="s">
        <v>247925</v>
      </c>
      <c r="F74232" s="1" t="s">
        <v>247926</v>
      </c>
      <c r="G74232" s="1" t="s">
        <v>247887</v>
      </c>
      <c r="H74232" s="1" t="s">
        <v>247888</v>
      </c>
      <c r="I74232" s="1" t="s">
        <v>247053</v>
      </c>
      <c r="J74232" s="1" t="s">
        <v>247927</v>
      </c>
    </row>
    <row r="74233" spans="1:10" x14ac:dyDescent="0.35">
      <c r="A74233" s="1" t="s">
        <v>145037</v>
      </c>
      <c r="B74233" s="1" t="s">
        <v>247048</v>
      </c>
      <c r="C74233" s="1" t="s">
        <v>80</v>
      </c>
      <c r="D74233" s="1" t="s">
        <v>27767</v>
      </c>
      <c r="E74233" s="1" t="s">
        <v>247928</v>
      </c>
      <c r="F74233" s="1" t="s">
        <v>247929</v>
      </c>
      <c r="G74233" s="1" t="s">
        <v>247887</v>
      </c>
      <c r="H74233" s="1" t="s">
        <v>247888</v>
      </c>
      <c r="I74233" s="1" t="s">
        <v>247053</v>
      </c>
      <c r="J74233" s="1" t="s">
        <v>247930</v>
      </c>
    </row>
    <row r="74234" spans="1:10" x14ac:dyDescent="0.35">
      <c r="A74234" s="1" t="s">
        <v>145037</v>
      </c>
      <c r="B74234" s="1" t="s">
        <v>247048</v>
      </c>
      <c r="C74234" s="1" t="s">
        <v>85</v>
      </c>
      <c r="D74234" s="1" t="s">
        <v>112197</v>
      </c>
      <c r="E74234" s="1" t="s">
        <v>247931</v>
      </c>
      <c r="F74234" s="1" t="s">
        <v>247932</v>
      </c>
      <c r="G74234" s="1" t="s">
        <v>247887</v>
      </c>
      <c r="H74234" s="1" t="s">
        <v>247888</v>
      </c>
      <c r="I74234" s="1" t="s">
        <v>247053</v>
      </c>
      <c r="J74234" s="1" t="s">
        <v>247933</v>
      </c>
    </row>
    <row r="74235" spans="1:10" x14ac:dyDescent="0.35">
      <c r="A74235" s="1" t="s">
        <v>145037</v>
      </c>
      <c r="B74235" s="1" t="s">
        <v>247048</v>
      </c>
      <c r="C74235" s="1" t="s">
        <v>90</v>
      </c>
      <c r="D74235" s="1" t="s">
        <v>104801</v>
      </c>
      <c r="E74235" s="1" t="s">
        <v>247934</v>
      </c>
      <c r="F74235" s="1" t="s">
        <v>247935</v>
      </c>
      <c r="G74235" s="1" t="s">
        <v>247887</v>
      </c>
      <c r="H74235" s="1" t="s">
        <v>247888</v>
      </c>
      <c r="I74235" s="1" t="s">
        <v>247053</v>
      </c>
      <c r="J74235" s="1" t="s">
        <v>247936</v>
      </c>
    </row>
    <row r="74236" spans="1:10" x14ac:dyDescent="0.35">
      <c r="A74236" s="1" t="s">
        <v>145037</v>
      </c>
      <c r="B74236" s="1" t="s">
        <v>247048</v>
      </c>
      <c r="C74236" s="1" t="s">
        <v>95</v>
      </c>
      <c r="D74236" s="1" t="s">
        <v>157156</v>
      </c>
      <c r="E74236" s="1" t="s">
        <v>247937</v>
      </c>
      <c r="F74236" s="1" t="s">
        <v>247938</v>
      </c>
      <c r="G74236" s="1" t="s">
        <v>247887</v>
      </c>
      <c r="H74236" s="1" t="s">
        <v>247888</v>
      </c>
      <c r="I74236" s="1" t="s">
        <v>247053</v>
      </c>
      <c r="J74236" s="1" t="s">
        <v>247939</v>
      </c>
    </row>
    <row r="74237" spans="1:10" x14ac:dyDescent="0.35">
      <c r="A74237" s="1" t="s">
        <v>145037</v>
      </c>
      <c r="B74237" s="1" t="s">
        <v>247048</v>
      </c>
      <c r="C74237" s="1" t="s">
        <v>100</v>
      </c>
      <c r="D74237" s="1" t="s">
        <v>16104</v>
      </c>
      <c r="E74237" s="1" t="s">
        <v>247940</v>
      </c>
      <c r="F74237" s="1" t="s">
        <v>247941</v>
      </c>
      <c r="G74237" s="1" t="s">
        <v>247887</v>
      </c>
      <c r="H74237" s="1" t="s">
        <v>247888</v>
      </c>
      <c r="I74237" s="1" t="s">
        <v>247053</v>
      </c>
      <c r="J74237" s="1" t="s">
        <v>247942</v>
      </c>
    </row>
    <row r="74238" spans="1:10" x14ac:dyDescent="0.35">
      <c r="A74238" s="1" t="s">
        <v>145037</v>
      </c>
      <c r="B74238" s="1" t="s">
        <v>247048</v>
      </c>
      <c r="C74238" s="1" t="s">
        <v>105</v>
      </c>
      <c r="D74238" s="1" t="s">
        <v>48145</v>
      </c>
      <c r="E74238" s="1" t="s">
        <v>247943</v>
      </c>
      <c r="F74238" s="1" t="s">
        <v>247944</v>
      </c>
      <c r="G74238" s="1" t="s">
        <v>247887</v>
      </c>
      <c r="H74238" s="1" t="s">
        <v>247888</v>
      </c>
      <c r="I74238" s="1" t="s">
        <v>247053</v>
      </c>
      <c r="J74238" s="1" t="s">
        <v>247945</v>
      </c>
    </row>
    <row r="74239" spans="1:10" x14ac:dyDescent="0.35">
      <c r="A74239" s="1" t="s">
        <v>145037</v>
      </c>
      <c r="B74239" s="1" t="s">
        <v>247048</v>
      </c>
      <c r="C74239" s="1" t="s">
        <v>110</v>
      </c>
      <c r="D74239" s="1" t="s">
        <v>135693</v>
      </c>
      <c r="E74239" s="1" t="s">
        <v>247946</v>
      </c>
      <c r="F74239" s="1" t="s">
        <v>247947</v>
      </c>
      <c r="G74239" s="1" t="s">
        <v>247887</v>
      </c>
      <c r="H74239" s="1" t="s">
        <v>247888</v>
      </c>
      <c r="I74239" s="1" t="s">
        <v>247053</v>
      </c>
      <c r="J74239" s="1" t="s">
        <v>247948</v>
      </c>
    </row>
    <row r="74240" spans="1:10" x14ac:dyDescent="0.35">
      <c r="A74240" s="1" t="s">
        <v>145037</v>
      </c>
      <c r="B74240" s="1" t="s">
        <v>247048</v>
      </c>
      <c r="C74240" s="1" t="s">
        <v>115</v>
      </c>
      <c r="D74240" s="1" t="s">
        <v>51015</v>
      </c>
      <c r="E74240" s="1" t="s">
        <v>247949</v>
      </c>
      <c r="F74240" s="1" t="s">
        <v>247950</v>
      </c>
      <c r="G74240" s="1" t="s">
        <v>247887</v>
      </c>
      <c r="H74240" s="1" t="s">
        <v>247888</v>
      </c>
      <c r="I74240" s="1" t="s">
        <v>247053</v>
      </c>
      <c r="J74240" s="1" t="s">
        <v>247951</v>
      </c>
    </row>
    <row r="74241" spans="1:10" x14ac:dyDescent="0.35">
      <c r="A74241" s="1" t="s">
        <v>145037</v>
      </c>
      <c r="B74241" s="1" t="s">
        <v>247048</v>
      </c>
      <c r="C74241" s="1" t="s">
        <v>120</v>
      </c>
      <c r="D74241" s="1" t="s">
        <v>14572</v>
      </c>
      <c r="E74241" s="1" t="s">
        <v>247952</v>
      </c>
      <c r="F74241" s="1" t="s">
        <v>247953</v>
      </c>
      <c r="G74241" s="1" t="s">
        <v>247887</v>
      </c>
      <c r="H74241" s="1" t="s">
        <v>247888</v>
      </c>
      <c r="I74241" s="1" t="s">
        <v>247053</v>
      </c>
      <c r="J74241" s="1" t="s">
        <v>247954</v>
      </c>
    </row>
    <row r="74242" spans="1:10" x14ac:dyDescent="0.35">
      <c r="A74242" s="1" t="s">
        <v>145037</v>
      </c>
      <c r="B74242" s="1" t="s">
        <v>247048</v>
      </c>
      <c r="C74242" s="1" t="s">
        <v>125</v>
      </c>
      <c r="D74242" s="1" t="s">
        <v>48335</v>
      </c>
      <c r="E74242" s="1" t="s">
        <v>247955</v>
      </c>
      <c r="F74242" s="1" t="s">
        <v>247956</v>
      </c>
      <c r="G74242" s="1" t="s">
        <v>247887</v>
      </c>
      <c r="H74242" s="1" t="s">
        <v>247888</v>
      </c>
      <c r="I74242" s="1" t="s">
        <v>247053</v>
      </c>
      <c r="J74242" s="1" t="s">
        <v>247957</v>
      </c>
    </row>
    <row r="74243" spans="1:10" x14ac:dyDescent="0.35">
      <c r="A74243" s="1" t="s">
        <v>145037</v>
      </c>
      <c r="B74243" s="1" t="s">
        <v>247048</v>
      </c>
      <c r="C74243" s="1" t="s">
        <v>130</v>
      </c>
      <c r="D74243" s="1" t="s">
        <v>170366</v>
      </c>
      <c r="E74243" s="1" t="s">
        <v>247958</v>
      </c>
      <c r="F74243" s="1" t="s">
        <v>247959</v>
      </c>
      <c r="G74243" s="1" t="s">
        <v>247887</v>
      </c>
      <c r="H74243" s="1" t="s">
        <v>247888</v>
      </c>
      <c r="I74243" s="1" t="s">
        <v>247053</v>
      </c>
      <c r="J74243" s="1" t="s">
        <v>247960</v>
      </c>
    </row>
    <row r="74244" spans="1:10" x14ac:dyDescent="0.35">
      <c r="A74244" s="1" t="s">
        <v>145037</v>
      </c>
      <c r="B74244" s="1" t="s">
        <v>247048</v>
      </c>
      <c r="C74244" s="1" t="s">
        <v>135</v>
      </c>
      <c r="D74244" s="1" t="s">
        <v>50647</v>
      </c>
      <c r="E74244" s="1" t="s">
        <v>29247</v>
      </c>
      <c r="F74244" s="1" t="s">
        <v>247961</v>
      </c>
      <c r="G74244" s="1" t="s">
        <v>247887</v>
      </c>
      <c r="H74244" s="1" t="s">
        <v>247888</v>
      </c>
      <c r="I74244" s="1" t="s">
        <v>247053</v>
      </c>
      <c r="J74244" s="1" t="s">
        <v>247962</v>
      </c>
    </row>
    <row r="74245" spans="1:10" x14ac:dyDescent="0.35">
      <c r="A74245" s="1" t="s">
        <v>145037</v>
      </c>
      <c r="B74245" s="1" t="s">
        <v>247048</v>
      </c>
      <c r="C74245" s="1" t="s">
        <v>140</v>
      </c>
      <c r="D74245" s="1" t="s">
        <v>247963</v>
      </c>
      <c r="E74245" s="1" t="s">
        <v>247964</v>
      </c>
      <c r="F74245" s="1" t="s">
        <v>247965</v>
      </c>
      <c r="G74245" s="1" t="s">
        <v>247887</v>
      </c>
      <c r="H74245" s="1" t="s">
        <v>247888</v>
      </c>
      <c r="I74245" s="1" t="s">
        <v>247053</v>
      </c>
      <c r="J74245" s="1" t="s">
        <v>247966</v>
      </c>
    </row>
    <row r="74246" spans="1:10" x14ac:dyDescent="0.35">
      <c r="A74246" s="1" t="s">
        <v>145037</v>
      </c>
      <c r="B74246" s="1" t="s">
        <v>247048</v>
      </c>
      <c r="C74246" s="1" t="s">
        <v>145</v>
      </c>
      <c r="D74246" s="1" t="s">
        <v>36917</v>
      </c>
      <c r="E74246" s="1" t="s">
        <v>247967</v>
      </c>
      <c r="F74246" s="1" t="s">
        <v>247968</v>
      </c>
      <c r="G74246" s="1" t="s">
        <v>247887</v>
      </c>
      <c r="H74246" s="1" t="s">
        <v>247888</v>
      </c>
      <c r="I74246" s="1" t="s">
        <v>247053</v>
      </c>
      <c r="J74246" s="1" t="s">
        <v>247969</v>
      </c>
    </row>
    <row r="74247" spans="1:10" x14ac:dyDescent="0.35">
      <c r="A74247" s="1" t="s">
        <v>145037</v>
      </c>
      <c r="B74247" s="1" t="s">
        <v>247048</v>
      </c>
      <c r="C74247" s="1" t="s">
        <v>150</v>
      </c>
      <c r="D74247" s="1" t="s">
        <v>17629</v>
      </c>
      <c r="E74247" s="1" t="s">
        <v>247970</v>
      </c>
      <c r="F74247" s="1" t="s">
        <v>247971</v>
      </c>
      <c r="G74247" s="1" t="s">
        <v>247887</v>
      </c>
      <c r="H74247" s="1" t="s">
        <v>247888</v>
      </c>
      <c r="I74247" s="1" t="s">
        <v>247053</v>
      </c>
      <c r="J74247" s="1" t="s">
        <v>247972</v>
      </c>
    </row>
    <row r="74248" spans="1:10" x14ac:dyDescent="0.35">
      <c r="A74248" s="1" t="s">
        <v>145037</v>
      </c>
      <c r="B74248" s="1" t="s">
        <v>247048</v>
      </c>
      <c r="C74248" s="1" t="s">
        <v>155</v>
      </c>
      <c r="D74248" s="1" t="s">
        <v>5461</v>
      </c>
      <c r="E74248" s="1" t="s">
        <v>247973</v>
      </c>
      <c r="F74248" s="1" t="s">
        <v>247974</v>
      </c>
      <c r="G74248" s="1" t="s">
        <v>247887</v>
      </c>
      <c r="H74248" s="1" t="s">
        <v>247888</v>
      </c>
      <c r="I74248" s="1" t="s">
        <v>247053</v>
      </c>
      <c r="J74248" s="1" t="s">
        <v>247975</v>
      </c>
    </row>
    <row r="74249" spans="1:10" x14ac:dyDescent="0.35">
      <c r="A74249" s="1" t="s">
        <v>145037</v>
      </c>
      <c r="B74249" s="1" t="s">
        <v>247048</v>
      </c>
      <c r="C74249" s="1" t="s">
        <v>160</v>
      </c>
      <c r="D74249" s="1" t="s">
        <v>35384</v>
      </c>
      <c r="E74249" s="1" t="s">
        <v>247976</v>
      </c>
      <c r="F74249" s="1" t="s">
        <v>247977</v>
      </c>
      <c r="G74249" s="1" t="s">
        <v>247887</v>
      </c>
      <c r="H74249" s="1" t="s">
        <v>247888</v>
      </c>
      <c r="I74249" s="1" t="s">
        <v>247053</v>
      </c>
      <c r="J74249" s="1" t="s">
        <v>247978</v>
      </c>
    </row>
    <row r="74250" spans="1:10" x14ac:dyDescent="0.35">
      <c r="A74250" s="1" t="s">
        <v>145037</v>
      </c>
      <c r="B74250" s="1" t="s">
        <v>247048</v>
      </c>
      <c r="C74250" s="1" t="s">
        <v>165</v>
      </c>
      <c r="D74250" s="1" t="s">
        <v>30768</v>
      </c>
      <c r="E74250" s="1" t="s">
        <v>247979</v>
      </c>
      <c r="F74250" s="1" t="s">
        <v>247980</v>
      </c>
      <c r="G74250" s="1" t="s">
        <v>247887</v>
      </c>
      <c r="H74250" s="1" t="s">
        <v>247888</v>
      </c>
      <c r="I74250" s="1" t="s">
        <v>247053</v>
      </c>
      <c r="J74250" s="1" t="s">
        <v>247981</v>
      </c>
    </row>
    <row r="74251" spans="1:10" x14ac:dyDescent="0.35">
      <c r="A74251" s="1" t="s">
        <v>145037</v>
      </c>
      <c r="B74251" s="1" t="s">
        <v>247048</v>
      </c>
      <c r="C74251" s="1" t="s">
        <v>170</v>
      </c>
      <c r="D74251" s="1" t="s">
        <v>11214</v>
      </c>
      <c r="E74251" s="1" t="s">
        <v>247982</v>
      </c>
      <c r="F74251" s="1" t="s">
        <v>247983</v>
      </c>
      <c r="G74251" s="1" t="s">
        <v>247887</v>
      </c>
      <c r="H74251" s="1" t="s">
        <v>247888</v>
      </c>
      <c r="I74251" s="1" t="s">
        <v>247053</v>
      </c>
      <c r="J74251" s="1" t="s">
        <v>247984</v>
      </c>
    </row>
    <row r="74252" spans="1:10" x14ac:dyDescent="0.35">
      <c r="A74252" s="1" t="s">
        <v>143105</v>
      </c>
      <c r="B74252" s="1" t="s">
        <v>247048</v>
      </c>
      <c r="C74252" s="1" t="s">
        <v>8</v>
      </c>
      <c r="D74252" s="1" t="s">
        <v>8748</v>
      </c>
      <c r="E74252" s="1" t="s">
        <v>247985</v>
      </c>
      <c r="F74252" s="1" t="s">
        <v>247986</v>
      </c>
      <c r="G74252" s="1" t="s">
        <v>247987</v>
      </c>
      <c r="H74252" s="1" t="s">
        <v>247988</v>
      </c>
      <c r="I74252" s="1" t="s">
        <v>247053</v>
      </c>
      <c r="J74252" s="1" t="s">
        <v>13</v>
      </c>
    </row>
    <row r="74253" spans="1:10" x14ac:dyDescent="0.35">
      <c r="A74253" s="1" t="s">
        <v>143105</v>
      </c>
      <c r="B74253" s="1" t="s">
        <v>247048</v>
      </c>
      <c r="C74253" s="1" t="s">
        <v>15</v>
      </c>
      <c r="D74253" s="1" t="s">
        <v>43806</v>
      </c>
      <c r="E74253" s="1" t="s">
        <v>247989</v>
      </c>
      <c r="F74253" s="1" t="s">
        <v>247990</v>
      </c>
      <c r="G74253" s="1" t="s">
        <v>247987</v>
      </c>
      <c r="H74253" s="1" t="s">
        <v>247988</v>
      </c>
      <c r="I74253" s="1" t="s">
        <v>247053</v>
      </c>
      <c r="J74253" s="1" t="s">
        <v>247991</v>
      </c>
    </row>
    <row r="74254" spans="1:10" x14ac:dyDescent="0.35">
      <c r="A74254" s="1" t="s">
        <v>143105</v>
      </c>
      <c r="B74254" s="1" t="s">
        <v>247048</v>
      </c>
      <c r="C74254" s="1" t="s">
        <v>20</v>
      </c>
      <c r="D74254" s="1" t="s">
        <v>109978</v>
      </c>
      <c r="E74254" s="1" t="s">
        <v>247992</v>
      </c>
      <c r="F74254" s="1" t="s">
        <v>247993</v>
      </c>
      <c r="G74254" s="1" t="s">
        <v>247987</v>
      </c>
      <c r="H74254" s="1" t="s">
        <v>247988</v>
      </c>
      <c r="I74254" s="1" t="s">
        <v>247053</v>
      </c>
      <c r="J74254" s="1" t="s">
        <v>247994</v>
      </c>
    </row>
    <row r="74255" spans="1:10" x14ac:dyDescent="0.35">
      <c r="A74255" s="1" t="s">
        <v>143105</v>
      </c>
      <c r="B74255" s="1" t="s">
        <v>247048</v>
      </c>
      <c r="C74255" s="1" t="s">
        <v>25</v>
      </c>
      <c r="D74255" s="1" t="s">
        <v>27626</v>
      </c>
      <c r="E74255" s="1" t="s">
        <v>247995</v>
      </c>
      <c r="F74255" s="1" t="s">
        <v>247996</v>
      </c>
      <c r="G74255" s="1" t="s">
        <v>247987</v>
      </c>
      <c r="H74255" s="1" t="s">
        <v>247988</v>
      </c>
      <c r="I74255" s="1" t="s">
        <v>247053</v>
      </c>
      <c r="J74255" s="1" t="s">
        <v>247997</v>
      </c>
    </row>
    <row r="74256" spans="1:10" x14ac:dyDescent="0.35">
      <c r="A74256" s="1" t="s">
        <v>143105</v>
      </c>
      <c r="B74256" s="1" t="s">
        <v>247048</v>
      </c>
      <c r="C74256" s="1" t="s">
        <v>30</v>
      </c>
      <c r="D74256" s="1" t="s">
        <v>25060</v>
      </c>
      <c r="E74256" s="1" t="s">
        <v>247998</v>
      </c>
      <c r="F74256" s="1" t="s">
        <v>247999</v>
      </c>
      <c r="G74256" s="1" t="s">
        <v>247987</v>
      </c>
      <c r="H74256" s="1" t="s">
        <v>247988</v>
      </c>
      <c r="I74256" s="1" t="s">
        <v>247053</v>
      </c>
      <c r="J74256" s="1" t="s">
        <v>248000</v>
      </c>
    </row>
    <row r="74257" spans="1:10" x14ac:dyDescent="0.35">
      <c r="A74257" s="1" t="s">
        <v>143105</v>
      </c>
      <c r="B74257" s="1" t="s">
        <v>247048</v>
      </c>
      <c r="C74257" s="1" t="s">
        <v>35</v>
      </c>
      <c r="D74257" s="1" t="s">
        <v>29660</v>
      </c>
      <c r="E74257" s="1" t="s">
        <v>248001</v>
      </c>
      <c r="F74257" s="1" t="s">
        <v>248002</v>
      </c>
      <c r="G74257" s="1" t="s">
        <v>247987</v>
      </c>
      <c r="H74257" s="1" t="s">
        <v>247988</v>
      </c>
      <c r="I74257" s="1" t="s">
        <v>247053</v>
      </c>
      <c r="J74257" s="1" t="s">
        <v>248003</v>
      </c>
    </row>
    <row r="74258" spans="1:10" x14ac:dyDescent="0.35">
      <c r="A74258" s="1" t="s">
        <v>143105</v>
      </c>
      <c r="B74258" s="1" t="s">
        <v>247048</v>
      </c>
      <c r="C74258" s="1" t="s">
        <v>40</v>
      </c>
      <c r="D74258" s="1" t="s">
        <v>8303</v>
      </c>
      <c r="E74258" s="1" t="s">
        <v>248004</v>
      </c>
      <c r="F74258" s="1" t="s">
        <v>248005</v>
      </c>
      <c r="G74258" s="1" t="s">
        <v>247987</v>
      </c>
      <c r="H74258" s="1" t="s">
        <v>247988</v>
      </c>
      <c r="I74258" s="1" t="s">
        <v>247053</v>
      </c>
      <c r="J74258" s="1" t="s">
        <v>248006</v>
      </c>
    </row>
    <row r="74259" spans="1:10" x14ac:dyDescent="0.35">
      <c r="A74259" s="1" t="s">
        <v>143105</v>
      </c>
      <c r="B74259" s="1" t="s">
        <v>247048</v>
      </c>
      <c r="C74259" s="1" t="s">
        <v>45</v>
      </c>
      <c r="D74259" s="1" t="s">
        <v>25492</v>
      </c>
      <c r="E74259" s="1" t="s">
        <v>248007</v>
      </c>
      <c r="F74259" s="1" t="s">
        <v>248008</v>
      </c>
      <c r="G74259" s="1" t="s">
        <v>247987</v>
      </c>
      <c r="H74259" s="1" t="s">
        <v>247988</v>
      </c>
      <c r="I74259" s="1" t="s">
        <v>247053</v>
      </c>
      <c r="J74259" s="1" t="s">
        <v>248009</v>
      </c>
    </row>
    <row r="74260" spans="1:10" x14ac:dyDescent="0.35">
      <c r="A74260" s="1" t="s">
        <v>143105</v>
      </c>
      <c r="B74260" s="1" t="s">
        <v>247048</v>
      </c>
      <c r="C74260" s="1" t="s">
        <v>50</v>
      </c>
      <c r="D74260" s="1" t="s">
        <v>143489</v>
      </c>
      <c r="E74260" s="1" t="s">
        <v>248010</v>
      </c>
      <c r="F74260" s="1" t="s">
        <v>248011</v>
      </c>
      <c r="G74260" s="1" t="s">
        <v>247987</v>
      </c>
      <c r="H74260" s="1" t="s">
        <v>247988</v>
      </c>
      <c r="I74260" s="1" t="s">
        <v>247053</v>
      </c>
      <c r="J74260" s="1" t="s">
        <v>248012</v>
      </c>
    </row>
    <row r="74261" spans="1:10" x14ac:dyDescent="0.35">
      <c r="A74261" s="1" t="s">
        <v>143105</v>
      </c>
      <c r="B74261" s="1" t="s">
        <v>247048</v>
      </c>
      <c r="C74261" s="1" t="s">
        <v>55</v>
      </c>
      <c r="D74261" s="1" t="s">
        <v>3953</v>
      </c>
      <c r="E74261" s="1" t="s">
        <v>248013</v>
      </c>
      <c r="F74261" s="1" t="s">
        <v>248014</v>
      </c>
      <c r="G74261" s="1" t="s">
        <v>247987</v>
      </c>
      <c r="H74261" s="1" t="s">
        <v>247988</v>
      </c>
      <c r="I74261" s="1" t="s">
        <v>247053</v>
      </c>
      <c r="J74261" s="1" t="s">
        <v>248015</v>
      </c>
    </row>
    <row r="74262" spans="1:10" x14ac:dyDescent="0.35">
      <c r="A74262" s="1" t="s">
        <v>143105</v>
      </c>
      <c r="B74262" s="1" t="s">
        <v>247048</v>
      </c>
      <c r="C74262" s="1" t="s">
        <v>60</v>
      </c>
      <c r="D74262" s="1" t="s">
        <v>8499</v>
      </c>
      <c r="E74262" s="1" t="s">
        <v>248016</v>
      </c>
      <c r="F74262" s="1" t="s">
        <v>248017</v>
      </c>
      <c r="G74262" s="1" t="s">
        <v>247987</v>
      </c>
      <c r="H74262" s="1" t="s">
        <v>247988</v>
      </c>
      <c r="I74262" s="1" t="s">
        <v>247053</v>
      </c>
      <c r="J74262" s="1" t="s">
        <v>248018</v>
      </c>
    </row>
    <row r="74263" spans="1:10" x14ac:dyDescent="0.35">
      <c r="A74263" s="1" t="s">
        <v>143105</v>
      </c>
      <c r="B74263" s="1" t="s">
        <v>247048</v>
      </c>
      <c r="C74263" s="1" t="s">
        <v>65</v>
      </c>
      <c r="D74263" s="1" t="s">
        <v>12978</v>
      </c>
      <c r="E74263" s="1" t="s">
        <v>248019</v>
      </c>
      <c r="F74263" s="1" t="s">
        <v>248020</v>
      </c>
      <c r="G74263" s="1" t="s">
        <v>247987</v>
      </c>
      <c r="H74263" s="1" t="s">
        <v>247988</v>
      </c>
      <c r="I74263" s="1" t="s">
        <v>247053</v>
      </c>
      <c r="J74263" s="1" t="s">
        <v>248021</v>
      </c>
    </row>
    <row r="74264" spans="1:10" x14ac:dyDescent="0.35">
      <c r="A74264" s="1" t="s">
        <v>143105</v>
      </c>
      <c r="B74264" s="1" t="s">
        <v>247048</v>
      </c>
      <c r="C74264" s="1" t="s">
        <v>70</v>
      </c>
      <c r="D74264" s="1" t="s">
        <v>27723</v>
      </c>
      <c r="E74264" s="1" t="s">
        <v>248022</v>
      </c>
      <c r="F74264" s="1" t="s">
        <v>248023</v>
      </c>
      <c r="G74264" s="1" t="s">
        <v>247987</v>
      </c>
      <c r="H74264" s="1" t="s">
        <v>247988</v>
      </c>
      <c r="I74264" s="1" t="s">
        <v>247053</v>
      </c>
      <c r="J74264" s="1" t="s">
        <v>248024</v>
      </c>
    </row>
    <row r="74265" spans="1:10" x14ac:dyDescent="0.35">
      <c r="A74265" s="1" t="s">
        <v>143105</v>
      </c>
      <c r="B74265" s="1" t="s">
        <v>247048</v>
      </c>
      <c r="C74265" s="1" t="s">
        <v>75</v>
      </c>
      <c r="D74265" s="1" t="s">
        <v>119893</v>
      </c>
      <c r="E74265" s="1" t="s">
        <v>248025</v>
      </c>
      <c r="F74265" s="1" t="s">
        <v>248026</v>
      </c>
      <c r="G74265" s="1" t="s">
        <v>247987</v>
      </c>
      <c r="H74265" s="1" t="s">
        <v>247988</v>
      </c>
      <c r="I74265" s="1" t="s">
        <v>247053</v>
      </c>
      <c r="J74265" s="1" t="s">
        <v>248027</v>
      </c>
    </row>
    <row r="74266" spans="1:10" x14ac:dyDescent="0.35">
      <c r="A74266" s="1" t="s">
        <v>143105</v>
      </c>
      <c r="B74266" s="1" t="s">
        <v>247048</v>
      </c>
      <c r="C74266" s="1" t="s">
        <v>80</v>
      </c>
      <c r="D74266" s="1" t="s">
        <v>14968</v>
      </c>
      <c r="E74266" s="1" t="s">
        <v>248028</v>
      </c>
      <c r="F74266" s="1" t="s">
        <v>248029</v>
      </c>
      <c r="G74266" s="1" t="s">
        <v>247987</v>
      </c>
      <c r="H74266" s="1" t="s">
        <v>247988</v>
      </c>
      <c r="I74266" s="1" t="s">
        <v>247053</v>
      </c>
      <c r="J74266" s="1" t="s">
        <v>248030</v>
      </c>
    </row>
    <row r="74267" spans="1:10" x14ac:dyDescent="0.35">
      <c r="A74267" s="1" t="s">
        <v>143105</v>
      </c>
      <c r="B74267" s="1" t="s">
        <v>247048</v>
      </c>
      <c r="C74267" s="1" t="s">
        <v>85</v>
      </c>
      <c r="D74267" s="1" t="s">
        <v>199249</v>
      </c>
      <c r="E74267" s="1" t="s">
        <v>248031</v>
      </c>
      <c r="F74267" s="1" t="s">
        <v>248032</v>
      </c>
      <c r="G74267" s="1" t="s">
        <v>247987</v>
      </c>
      <c r="H74267" s="1" t="s">
        <v>247988</v>
      </c>
      <c r="I74267" s="1" t="s">
        <v>247053</v>
      </c>
      <c r="J74267" s="1" t="s">
        <v>248033</v>
      </c>
    </row>
    <row r="74268" spans="1:10" x14ac:dyDescent="0.35">
      <c r="A74268" s="1" t="s">
        <v>143105</v>
      </c>
      <c r="B74268" s="1" t="s">
        <v>247048</v>
      </c>
      <c r="C74268" s="1" t="s">
        <v>90</v>
      </c>
      <c r="D74268" s="1" t="s">
        <v>25397</v>
      </c>
      <c r="E74268" s="1" t="s">
        <v>248034</v>
      </c>
      <c r="F74268" s="1" t="s">
        <v>248035</v>
      </c>
      <c r="G74268" s="1" t="s">
        <v>247987</v>
      </c>
      <c r="H74268" s="1" t="s">
        <v>247988</v>
      </c>
      <c r="I74268" s="1" t="s">
        <v>247053</v>
      </c>
      <c r="J74268" s="1" t="s">
        <v>248036</v>
      </c>
    </row>
    <row r="74269" spans="1:10" x14ac:dyDescent="0.35">
      <c r="A74269" s="1" t="s">
        <v>143105</v>
      </c>
      <c r="B74269" s="1" t="s">
        <v>247048</v>
      </c>
      <c r="C74269" s="1" t="s">
        <v>95</v>
      </c>
      <c r="D74269" s="1" t="s">
        <v>29585</v>
      </c>
      <c r="E74269" s="1" t="s">
        <v>248037</v>
      </c>
      <c r="F74269" s="1" t="s">
        <v>248038</v>
      </c>
      <c r="G74269" s="1" t="s">
        <v>247987</v>
      </c>
      <c r="H74269" s="1" t="s">
        <v>247988</v>
      </c>
      <c r="I74269" s="1" t="s">
        <v>247053</v>
      </c>
      <c r="J74269" s="1" t="s">
        <v>248039</v>
      </c>
    </row>
    <row r="74270" spans="1:10" x14ac:dyDescent="0.35">
      <c r="A74270" s="1" t="s">
        <v>143105</v>
      </c>
      <c r="B74270" s="1" t="s">
        <v>247048</v>
      </c>
      <c r="C74270" s="1" t="s">
        <v>100</v>
      </c>
      <c r="D74270" s="1" t="s">
        <v>144936</v>
      </c>
      <c r="E74270" s="1" t="s">
        <v>248040</v>
      </c>
      <c r="F74270" s="1" t="s">
        <v>248041</v>
      </c>
      <c r="G74270" s="1" t="s">
        <v>247987</v>
      </c>
      <c r="H74270" s="1" t="s">
        <v>247988</v>
      </c>
      <c r="I74270" s="1" t="s">
        <v>247053</v>
      </c>
      <c r="J74270" s="1" t="s">
        <v>248042</v>
      </c>
    </row>
    <row r="74271" spans="1:10" x14ac:dyDescent="0.35">
      <c r="A74271" s="1" t="s">
        <v>143105</v>
      </c>
      <c r="B74271" s="1" t="s">
        <v>247048</v>
      </c>
      <c r="C74271" s="1" t="s">
        <v>105</v>
      </c>
      <c r="D74271" s="1" t="s">
        <v>248043</v>
      </c>
      <c r="E74271" s="1" t="s">
        <v>248044</v>
      </c>
      <c r="F74271" s="1" t="s">
        <v>248045</v>
      </c>
      <c r="G74271" s="1" t="s">
        <v>247987</v>
      </c>
      <c r="H74271" s="1" t="s">
        <v>247988</v>
      </c>
      <c r="I74271" s="1" t="s">
        <v>247053</v>
      </c>
      <c r="J74271" s="1" t="s">
        <v>248046</v>
      </c>
    </row>
    <row r="74272" spans="1:10" x14ac:dyDescent="0.35">
      <c r="A74272" s="1" t="s">
        <v>143105</v>
      </c>
      <c r="B74272" s="1" t="s">
        <v>247048</v>
      </c>
      <c r="C74272" s="1" t="s">
        <v>110</v>
      </c>
      <c r="D74272" s="1" t="s">
        <v>15716</v>
      </c>
      <c r="E74272" s="1" t="s">
        <v>248047</v>
      </c>
      <c r="F74272" s="1" t="s">
        <v>248048</v>
      </c>
      <c r="G74272" s="1" t="s">
        <v>247987</v>
      </c>
      <c r="H74272" s="1" t="s">
        <v>247988</v>
      </c>
      <c r="I74272" s="1" t="s">
        <v>247053</v>
      </c>
      <c r="J74272" s="1" t="s">
        <v>248049</v>
      </c>
    </row>
    <row r="74273" spans="1:10" x14ac:dyDescent="0.35">
      <c r="A74273" s="1" t="s">
        <v>143105</v>
      </c>
      <c r="B74273" s="1" t="s">
        <v>247048</v>
      </c>
      <c r="C74273" s="1" t="s">
        <v>115</v>
      </c>
      <c r="D74273" s="1" t="s">
        <v>157224</v>
      </c>
      <c r="E74273" s="1" t="s">
        <v>248050</v>
      </c>
      <c r="F74273" s="1" t="s">
        <v>248051</v>
      </c>
      <c r="G74273" s="1" t="s">
        <v>247987</v>
      </c>
      <c r="H74273" s="1" t="s">
        <v>247988</v>
      </c>
      <c r="I74273" s="1" t="s">
        <v>247053</v>
      </c>
      <c r="J74273" s="1" t="s">
        <v>248052</v>
      </c>
    </row>
    <row r="74274" spans="1:10" x14ac:dyDescent="0.35">
      <c r="A74274" s="1" t="s">
        <v>143105</v>
      </c>
      <c r="B74274" s="1" t="s">
        <v>247048</v>
      </c>
      <c r="C74274" s="1" t="s">
        <v>120</v>
      </c>
      <c r="D74274" s="1" t="s">
        <v>2909</v>
      </c>
      <c r="E74274" s="1" t="s">
        <v>248053</v>
      </c>
      <c r="F74274" s="1" t="s">
        <v>248054</v>
      </c>
      <c r="G74274" s="1" t="s">
        <v>247987</v>
      </c>
      <c r="H74274" s="1" t="s">
        <v>247988</v>
      </c>
      <c r="I74274" s="1" t="s">
        <v>247053</v>
      </c>
      <c r="J74274" s="1" t="s">
        <v>248055</v>
      </c>
    </row>
    <row r="74275" spans="1:10" x14ac:dyDescent="0.35">
      <c r="A74275" s="1" t="s">
        <v>143105</v>
      </c>
      <c r="B74275" s="1" t="s">
        <v>247048</v>
      </c>
      <c r="C74275" s="1" t="s">
        <v>125</v>
      </c>
      <c r="D74275" s="1" t="s">
        <v>10826</v>
      </c>
      <c r="E74275" s="1" t="s">
        <v>248056</v>
      </c>
      <c r="F74275" s="1" t="s">
        <v>248057</v>
      </c>
      <c r="G74275" s="1" t="s">
        <v>247987</v>
      </c>
      <c r="H74275" s="1" t="s">
        <v>247988</v>
      </c>
      <c r="I74275" s="1" t="s">
        <v>247053</v>
      </c>
      <c r="J74275" s="1" t="s">
        <v>248058</v>
      </c>
    </row>
    <row r="74276" spans="1:10" x14ac:dyDescent="0.35">
      <c r="A74276" s="1" t="s">
        <v>143105</v>
      </c>
      <c r="B74276" s="1" t="s">
        <v>247048</v>
      </c>
      <c r="C74276" s="1" t="s">
        <v>130</v>
      </c>
      <c r="D74276" s="1" t="s">
        <v>15728</v>
      </c>
      <c r="E74276" s="1" t="s">
        <v>248059</v>
      </c>
      <c r="F74276" s="1" t="s">
        <v>248060</v>
      </c>
      <c r="G74276" s="1" t="s">
        <v>247987</v>
      </c>
      <c r="H74276" s="1" t="s">
        <v>247988</v>
      </c>
      <c r="I74276" s="1" t="s">
        <v>247053</v>
      </c>
      <c r="J74276" s="1" t="s">
        <v>248061</v>
      </c>
    </row>
    <row r="74277" spans="1:10" x14ac:dyDescent="0.35">
      <c r="A74277" s="1" t="s">
        <v>143105</v>
      </c>
      <c r="B74277" s="1" t="s">
        <v>247048</v>
      </c>
      <c r="C74277" s="1" t="s">
        <v>135</v>
      </c>
      <c r="D74277" s="1" t="s">
        <v>30178</v>
      </c>
      <c r="E74277" s="1" t="s">
        <v>248062</v>
      </c>
      <c r="F74277" s="1" t="s">
        <v>248063</v>
      </c>
      <c r="G74277" s="1" t="s">
        <v>247987</v>
      </c>
      <c r="H74277" s="1" t="s">
        <v>247988</v>
      </c>
      <c r="I74277" s="1" t="s">
        <v>247053</v>
      </c>
      <c r="J74277" s="1" t="s">
        <v>248064</v>
      </c>
    </row>
    <row r="74278" spans="1:10" x14ac:dyDescent="0.35">
      <c r="A74278" s="1" t="s">
        <v>143105</v>
      </c>
      <c r="B74278" s="1" t="s">
        <v>247048</v>
      </c>
      <c r="C74278" s="1" t="s">
        <v>140</v>
      </c>
      <c r="D74278" s="1" t="s">
        <v>27504</v>
      </c>
      <c r="E74278" s="1" t="s">
        <v>248065</v>
      </c>
      <c r="F74278" s="1" t="s">
        <v>248066</v>
      </c>
      <c r="G74278" s="1" t="s">
        <v>247987</v>
      </c>
      <c r="H74278" s="1" t="s">
        <v>247988</v>
      </c>
      <c r="I74278" s="1" t="s">
        <v>247053</v>
      </c>
      <c r="J74278" s="1" t="s">
        <v>248067</v>
      </c>
    </row>
    <row r="74279" spans="1:10" x14ac:dyDescent="0.35">
      <c r="A74279" s="1" t="s">
        <v>143105</v>
      </c>
      <c r="B74279" s="1" t="s">
        <v>247048</v>
      </c>
      <c r="C74279" s="1" t="s">
        <v>145</v>
      </c>
      <c r="D74279" s="1" t="s">
        <v>110721</v>
      </c>
      <c r="E74279" s="1" t="s">
        <v>248068</v>
      </c>
      <c r="F74279" s="1" t="s">
        <v>248069</v>
      </c>
      <c r="G74279" s="1" t="s">
        <v>247987</v>
      </c>
      <c r="H74279" s="1" t="s">
        <v>247988</v>
      </c>
      <c r="I74279" s="1" t="s">
        <v>247053</v>
      </c>
      <c r="J74279" s="1" t="s">
        <v>248070</v>
      </c>
    </row>
    <row r="74280" spans="1:10" x14ac:dyDescent="0.35">
      <c r="A74280" s="1" t="s">
        <v>143105</v>
      </c>
      <c r="B74280" s="1" t="s">
        <v>247048</v>
      </c>
      <c r="C74280" s="1" t="s">
        <v>150</v>
      </c>
      <c r="D74280" s="1" t="s">
        <v>120274</v>
      </c>
      <c r="E74280" s="1" t="s">
        <v>248071</v>
      </c>
      <c r="F74280" s="1" t="s">
        <v>248072</v>
      </c>
      <c r="G74280" s="1" t="s">
        <v>247987</v>
      </c>
      <c r="H74280" s="1" t="s">
        <v>247988</v>
      </c>
      <c r="I74280" s="1" t="s">
        <v>247053</v>
      </c>
      <c r="J74280" s="1" t="s">
        <v>248073</v>
      </c>
    </row>
    <row r="74281" spans="1:10" x14ac:dyDescent="0.35">
      <c r="A74281" s="1" t="s">
        <v>143105</v>
      </c>
      <c r="B74281" s="1" t="s">
        <v>247048</v>
      </c>
      <c r="C74281" s="1" t="s">
        <v>155</v>
      </c>
      <c r="D74281" s="1" t="s">
        <v>110103</v>
      </c>
      <c r="E74281" s="1" t="s">
        <v>248074</v>
      </c>
      <c r="F74281" s="1" t="s">
        <v>248075</v>
      </c>
      <c r="G74281" s="1" t="s">
        <v>247987</v>
      </c>
      <c r="H74281" s="1" t="s">
        <v>247988</v>
      </c>
      <c r="I74281" s="1" t="s">
        <v>247053</v>
      </c>
      <c r="J74281" s="1" t="s">
        <v>248076</v>
      </c>
    </row>
    <row r="74282" spans="1:10" x14ac:dyDescent="0.35">
      <c r="A74282" s="1" t="s">
        <v>143105</v>
      </c>
      <c r="B74282" s="1" t="s">
        <v>247048</v>
      </c>
      <c r="C74282" s="1" t="s">
        <v>160</v>
      </c>
      <c r="D74282" s="1" t="s">
        <v>155682</v>
      </c>
      <c r="E74282" s="1" t="s">
        <v>248077</v>
      </c>
      <c r="F74282" s="1" t="s">
        <v>248078</v>
      </c>
      <c r="G74282" s="1" t="s">
        <v>247987</v>
      </c>
      <c r="H74282" s="1" t="s">
        <v>247988</v>
      </c>
      <c r="I74282" s="1" t="s">
        <v>247053</v>
      </c>
      <c r="J74282" s="1" t="s">
        <v>248079</v>
      </c>
    </row>
    <row r="74283" spans="1:10" x14ac:dyDescent="0.35">
      <c r="A74283" s="1" t="s">
        <v>143105</v>
      </c>
      <c r="B74283" s="1" t="s">
        <v>247048</v>
      </c>
      <c r="C74283" s="1" t="s">
        <v>165</v>
      </c>
      <c r="D74283" s="1" t="s">
        <v>10899</v>
      </c>
      <c r="E74283" s="1" t="s">
        <v>248080</v>
      </c>
      <c r="F74283" s="1" t="s">
        <v>248081</v>
      </c>
      <c r="G74283" s="1" t="s">
        <v>247987</v>
      </c>
      <c r="H74283" s="1" t="s">
        <v>247988</v>
      </c>
      <c r="I74283" s="1" t="s">
        <v>247053</v>
      </c>
      <c r="J74283" s="1" t="s">
        <v>12772</v>
      </c>
    </row>
    <row r="74284" spans="1:10" x14ac:dyDescent="0.35">
      <c r="A74284" s="1" t="s">
        <v>143105</v>
      </c>
      <c r="B74284" s="1" t="s">
        <v>247048</v>
      </c>
      <c r="C74284" s="1" t="s">
        <v>170</v>
      </c>
      <c r="D74284" s="1" t="s">
        <v>151511</v>
      </c>
      <c r="E74284" s="1" t="s">
        <v>248082</v>
      </c>
      <c r="F74284" s="1" t="s">
        <v>248083</v>
      </c>
      <c r="G74284" s="1" t="s">
        <v>247987</v>
      </c>
      <c r="H74284" s="1" t="s">
        <v>247988</v>
      </c>
      <c r="I74284" s="1" t="s">
        <v>247053</v>
      </c>
      <c r="J74284" s="1" t="s">
        <v>248084</v>
      </c>
    </row>
    <row r="74285" spans="1:10" x14ac:dyDescent="0.35">
      <c r="A74285" s="1" t="s">
        <v>144055</v>
      </c>
      <c r="B74285" s="1" t="s">
        <v>247048</v>
      </c>
      <c r="C74285" s="1" t="s">
        <v>8</v>
      </c>
      <c r="D74285" s="1" t="s">
        <v>104846</v>
      </c>
      <c r="E74285" s="1" t="s">
        <v>248085</v>
      </c>
      <c r="F74285" s="1" t="s">
        <v>248086</v>
      </c>
      <c r="G74285" s="1" t="s">
        <v>248087</v>
      </c>
      <c r="H74285" s="1" t="s">
        <v>248088</v>
      </c>
      <c r="I74285" s="1" t="s">
        <v>247053</v>
      </c>
      <c r="J74285" s="1" t="s">
        <v>13</v>
      </c>
    </row>
    <row r="74286" spans="1:10" x14ac:dyDescent="0.35">
      <c r="A74286" s="1" t="s">
        <v>144055</v>
      </c>
      <c r="B74286" s="1" t="s">
        <v>247048</v>
      </c>
      <c r="C74286" s="1" t="s">
        <v>15</v>
      </c>
      <c r="D74286" s="1" t="s">
        <v>248089</v>
      </c>
      <c r="E74286" s="1" t="s">
        <v>248090</v>
      </c>
      <c r="F74286" s="1" t="s">
        <v>248091</v>
      </c>
      <c r="G74286" s="1" t="s">
        <v>248087</v>
      </c>
      <c r="H74286" s="1" t="s">
        <v>248088</v>
      </c>
      <c r="I74286" s="1" t="s">
        <v>247053</v>
      </c>
      <c r="J74286" s="1" t="s">
        <v>248092</v>
      </c>
    </row>
    <row r="74287" spans="1:10" x14ac:dyDescent="0.35">
      <c r="A74287" s="1" t="s">
        <v>144055</v>
      </c>
      <c r="B74287" s="1" t="s">
        <v>247048</v>
      </c>
      <c r="C74287" s="1" t="s">
        <v>20</v>
      </c>
      <c r="D74287" s="1" t="s">
        <v>182694</v>
      </c>
      <c r="E74287" s="1" t="s">
        <v>248093</v>
      </c>
      <c r="F74287" s="1" t="s">
        <v>248091</v>
      </c>
      <c r="G74287" s="1" t="s">
        <v>248087</v>
      </c>
      <c r="H74287" s="1" t="s">
        <v>248088</v>
      </c>
      <c r="I74287" s="1" t="s">
        <v>247053</v>
      </c>
      <c r="J74287" s="1" t="s">
        <v>248094</v>
      </c>
    </row>
    <row r="74288" spans="1:10" x14ac:dyDescent="0.35">
      <c r="A74288" s="1" t="s">
        <v>144055</v>
      </c>
      <c r="B74288" s="1" t="s">
        <v>247048</v>
      </c>
      <c r="C74288" s="1" t="s">
        <v>25</v>
      </c>
      <c r="D74288" s="1" t="s">
        <v>115244</v>
      </c>
      <c r="E74288" s="1" t="s">
        <v>248095</v>
      </c>
      <c r="F74288" s="1" t="s">
        <v>248091</v>
      </c>
      <c r="G74288" s="1" t="s">
        <v>248087</v>
      </c>
      <c r="H74288" s="1" t="s">
        <v>248088</v>
      </c>
      <c r="I74288" s="1" t="s">
        <v>247053</v>
      </c>
      <c r="J74288" s="1" t="s">
        <v>248096</v>
      </c>
    </row>
    <row r="74289" spans="1:10" x14ac:dyDescent="0.35">
      <c r="A74289" s="1" t="s">
        <v>144055</v>
      </c>
      <c r="B74289" s="1" t="s">
        <v>247048</v>
      </c>
      <c r="C74289" s="1" t="s">
        <v>30</v>
      </c>
      <c r="D74289" s="1" t="s">
        <v>35129</v>
      </c>
      <c r="E74289" s="1" t="s">
        <v>248097</v>
      </c>
      <c r="F74289" s="1" t="s">
        <v>248091</v>
      </c>
      <c r="G74289" s="1" t="s">
        <v>248087</v>
      </c>
      <c r="H74289" s="1" t="s">
        <v>248088</v>
      </c>
      <c r="I74289" s="1" t="s">
        <v>247053</v>
      </c>
      <c r="J74289" s="1" t="s">
        <v>248098</v>
      </c>
    </row>
    <row r="74290" spans="1:10" x14ac:dyDescent="0.35">
      <c r="A74290" s="1" t="s">
        <v>144055</v>
      </c>
      <c r="B74290" s="1" t="s">
        <v>247048</v>
      </c>
      <c r="C74290" s="1" t="s">
        <v>35</v>
      </c>
      <c r="D74290" s="1" t="s">
        <v>104230</v>
      </c>
      <c r="E74290" s="1" t="s">
        <v>248099</v>
      </c>
      <c r="F74290" s="1" t="s">
        <v>248091</v>
      </c>
      <c r="G74290" s="1" t="s">
        <v>248087</v>
      </c>
      <c r="H74290" s="1" t="s">
        <v>248088</v>
      </c>
      <c r="I74290" s="1" t="s">
        <v>247053</v>
      </c>
      <c r="J74290" s="1" t="s">
        <v>248100</v>
      </c>
    </row>
    <row r="74291" spans="1:10" x14ac:dyDescent="0.35">
      <c r="A74291" s="1" t="s">
        <v>144055</v>
      </c>
      <c r="B74291" s="1" t="s">
        <v>247048</v>
      </c>
      <c r="C74291" s="1" t="s">
        <v>40</v>
      </c>
      <c r="D74291" s="1" t="s">
        <v>169354</v>
      </c>
      <c r="E74291" s="1" t="s">
        <v>248101</v>
      </c>
      <c r="F74291" s="1" t="s">
        <v>248091</v>
      </c>
      <c r="G74291" s="1" t="s">
        <v>248087</v>
      </c>
      <c r="H74291" s="1" t="s">
        <v>248088</v>
      </c>
      <c r="I74291" s="1" t="s">
        <v>247053</v>
      </c>
      <c r="J74291" s="1" t="s">
        <v>248102</v>
      </c>
    </row>
    <row r="74292" spans="1:10" x14ac:dyDescent="0.35">
      <c r="A74292" s="1" t="s">
        <v>144055</v>
      </c>
      <c r="B74292" s="1" t="s">
        <v>247048</v>
      </c>
      <c r="C74292" s="1" t="s">
        <v>45</v>
      </c>
      <c r="D74292" s="1" t="s">
        <v>171681</v>
      </c>
      <c r="E74292" s="1" t="s">
        <v>248103</v>
      </c>
      <c r="F74292" s="1" t="s">
        <v>248091</v>
      </c>
      <c r="G74292" s="1" t="s">
        <v>248087</v>
      </c>
      <c r="H74292" s="1" t="s">
        <v>248088</v>
      </c>
      <c r="I74292" s="1" t="s">
        <v>247053</v>
      </c>
      <c r="J74292" s="1" t="s">
        <v>248104</v>
      </c>
    </row>
    <row r="74293" spans="1:10" x14ac:dyDescent="0.35">
      <c r="A74293" s="1" t="s">
        <v>144055</v>
      </c>
      <c r="B74293" s="1" t="s">
        <v>247048</v>
      </c>
      <c r="C74293" s="1" t="s">
        <v>50</v>
      </c>
      <c r="D74293" s="1" t="s">
        <v>190690</v>
      </c>
      <c r="E74293" s="1" t="s">
        <v>248105</v>
      </c>
      <c r="F74293" s="1" t="s">
        <v>248091</v>
      </c>
      <c r="G74293" s="1" t="s">
        <v>248087</v>
      </c>
      <c r="H74293" s="1" t="s">
        <v>248088</v>
      </c>
      <c r="I74293" s="1" t="s">
        <v>247053</v>
      </c>
      <c r="J74293" s="1" t="s">
        <v>3544</v>
      </c>
    </row>
    <row r="74294" spans="1:10" x14ac:dyDescent="0.35">
      <c r="A74294" s="1" t="s">
        <v>144055</v>
      </c>
      <c r="B74294" s="1" t="s">
        <v>247048</v>
      </c>
      <c r="C74294" s="1" t="s">
        <v>55</v>
      </c>
      <c r="D74294" s="1" t="s">
        <v>135127</v>
      </c>
      <c r="E74294" s="1" t="s">
        <v>248106</v>
      </c>
      <c r="F74294" s="1" t="s">
        <v>248091</v>
      </c>
      <c r="G74294" s="1" t="s">
        <v>248087</v>
      </c>
      <c r="H74294" s="1" t="s">
        <v>248088</v>
      </c>
      <c r="I74294" s="1" t="s">
        <v>247053</v>
      </c>
      <c r="J74294" s="1" t="s">
        <v>248107</v>
      </c>
    </row>
    <row r="74295" spans="1:10" x14ac:dyDescent="0.35">
      <c r="A74295" s="1" t="s">
        <v>144055</v>
      </c>
      <c r="B74295" s="1" t="s">
        <v>247048</v>
      </c>
      <c r="C74295" s="1" t="s">
        <v>60</v>
      </c>
      <c r="D74295" s="1" t="s">
        <v>218926</v>
      </c>
      <c r="E74295" s="1" t="s">
        <v>248108</v>
      </c>
      <c r="F74295" s="1" t="s">
        <v>248091</v>
      </c>
      <c r="G74295" s="1" t="s">
        <v>248087</v>
      </c>
      <c r="H74295" s="1" t="s">
        <v>248088</v>
      </c>
      <c r="I74295" s="1" t="s">
        <v>247053</v>
      </c>
      <c r="J74295" s="1" t="s">
        <v>248109</v>
      </c>
    </row>
    <row r="74296" spans="1:10" x14ac:dyDescent="0.35">
      <c r="A74296" s="1" t="s">
        <v>144055</v>
      </c>
      <c r="B74296" s="1" t="s">
        <v>247048</v>
      </c>
      <c r="C74296" s="1" t="s">
        <v>65</v>
      </c>
      <c r="D74296" s="1" t="s">
        <v>210266</v>
      </c>
      <c r="E74296" s="1" t="s">
        <v>248110</v>
      </c>
      <c r="F74296" s="1" t="s">
        <v>248091</v>
      </c>
      <c r="G74296" s="1" t="s">
        <v>248087</v>
      </c>
      <c r="H74296" s="1" t="s">
        <v>248088</v>
      </c>
      <c r="I74296" s="1" t="s">
        <v>247053</v>
      </c>
      <c r="J74296" s="1" t="s">
        <v>248111</v>
      </c>
    </row>
    <row r="74297" spans="1:10" x14ac:dyDescent="0.35">
      <c r="A74297" s="1" t="s">
        <v>144055</v>
      </c>
      <c r="B74297" s="1" t="s">
        <v>247048</v>
      </c>
      <c r="C74297" s="1" t="s">
        <v>70</v>
      </c>
      <c r="D74297" s="1" t="s">
        <v>33896</v>
      </c>
      <c r="E74297" s="1" t="s">
        <v>248112</v>
      </c>
      <c r="F74297" s="1" t="s">
        <v>248091</v>
      </c>
      <c r="G74297" s="1" t="s">
        <v>248087</v>
      </c>
      <c r="H74297" s="1" t="s">
        <v>248088</v>
      </c>
      <c r="I74297" s="1" t="s">
        <v>247053</v>
      </c>
      <c r="J74297" s="1" t="s">
        <v>248113</v>
      </c>
    </row>
    <row r="74298" spans="1:10" x14ac:dyDescent="0.35">
      <c r="A74298" s="1" t="s">
        <v>144055</v>
      </c>
      <c r="B74298" s="1" t="s">
        <v>247048</v>
      </c>
      <c r="C74298" s="1" t="s">
        <v>75</v>
      </c>
      <c r="D74298" s="1" t="s">
        <v>248114</v>
      </c>
      <c r="E74298" s="1" t="s">
        <v>248115</v>
      </c>
      <c r="F74298" s="1" t="s">
        <v>248091</v>
      </c>
      <c r="G74298" s="1" t="s">
        <v>248087</v>
      </c>
      <c r="H74298" s="1" t="s">
        <v>248088</v>
      </c>
      <c r="I74298" s="1" t="s">
        <v>247053</v>
      </c>
      <c r="J74298" s="1" t="s">
        <v>248116</v>
      </c>
    </row>
    <row r="74299" spans="1:10" x14ac:dyDescent="0.35">
      <c r="A74299" s="1" t="s">
        <v>144055</v>
      </c>
      <c r="B74299" s="1" t="s">
        <v>247048</v>
      </c>
      <c r="C74299" s="1" t="s">
        <v>80</v>
      </c>
      <c r="D74299" s="1" t="s">
        <v>248117</v>
      </c>
      <c r="E74299" s="1" t="s">
        <v>248118</v>
      </c>
      <c r="F74299" s="1" t="s">
        <v>248091</v>
      </c>
      <c r="G74299" s="1" t="s">
        <v>248087</v>
      </c>
      <c r="H74299" s="1" t="s">
        <v>248088</v>
      </c>
      <c r="I74299" s="1" t="s">
        <v>247053</v>
      </c>
      <c r="J74299" s="1" t="s">
        <v>248119</v>
      </c>
    </row>
    <row r="74300" spans="1:10" x14ac:dyDescent="0.35">
      <c r="A74300" s="1" t="s">
        <v>144055</v>
      </c>
      <c r="B74300" s="1" t="s">
        <v>247048</v>
      </c>
      <c r="C74300" s="1" t="s">
        <v>85</v>
      </c>
      <c r="D74300" s="1" t="s">
        <v>248120</v>
      </c>
      <c r="E74300" s="1" t="s">
        <v>248121</v>
      </c>
      <c r="F74300" s="1" t="s">
        <v>248091</v>
      </c>
      <c r="G74300" s="1" t="s">
        <v>248087</v>
      </c>
      <c r="H74300" s="1" t="s">
        <v>248088</v>
      </c>
      <c r="I74300" s="1" t="s">
        <v>247053</v>
      </c>
      <c r="J74300" s="1" t="s">
        <v>248122</v>
      </c>
    </row>
    <row r="74301" spans="1:10" x14ac:dyDescent="0.35">
      <c r="A74301" s="1" t="s">
        <v>144055</v>
      </c>
      <c r="B74301" s="1" t="s">
        <v>247048</v>
      </c>
      <c r="C74301" s="1" t="s">
        <v>90</v>
      </c>
      <c r="D74301" s="1" t="s">
        <v>248123</v>
      </c>
      <c r="E74301" s="1" t="s">
        <v>248124</v>
      </c>
      <c r="F74301" s="1" t="s">
        <v>248091</v>
      </c>
      <c r="G74301" s="1" t="s">
        <v>248087</v>
      </c>
      <c r="H74301" s="1" t="s">
        <v>248088</v>
      </c>
      <c r="I74301" s="1" t="s">
        <v>247053</v>
      </c>
      <c r="J74301" s="1" t="s">
        <v>248125</v>
      </c>
    </row>
    <row r="74302" spans="1:10" x14ac:dyDescent="0.35">
      <c r="A74302" s="1" t="s">
        <v>144055</v>
      </c>
      <c r="B74302" s="1" t="s">
        <v>247048</v>
      </c>
      <c r="C74302" s="1" t="s">
        <v>95</v>
      </c>
      <c r="D74302" s="1" t="s">
        <v>248126</v>
      </c>
      <c r="E74302" s="1" t="s">
        <v>248127</v>
      </c>
      <c r="F74302" s="1" t="s">
        <v>248091</v>
      </c>
      <c r="G74302" s="1" t="s">
        <v>248087</v>
      </c>
      <c r="H74302" s="1" t="s">
        <v>248088</v>
      </c>
      <c r="I74302" s="1" t="s">
        <v>247053</v>
      </c>
      <c r="J74302" s="1" t="s">
        <v>248128</v>
      </c>
    </row>
    <row r="74303" spans="1:10" x14ac:dyDescent="0.35">
      <c r="A74303" s="1" t="s">
        <v>144055</v>
      </c>
      <c r="B74303" s="1" t="s">
        <v>247048</v>
      </c>
      <c r="C74303" s="1" t="s">
        <v>100</v>
      </c>
      <c r="D74303" s="1" t="s">
        <v>248129</v>
      </c>
      <c r="E74303" s="1" t="s">
        <v>248130</v>
      </c>
      <c r="F74303" s="1" t="s">
        <v>248091</v>
      </c>
      <c r="G74303" s="1" t="s">
        <v>248087</v>
      </c>
      <c r="H74303" s="1" t="s">
        <v>248088</v>
      </c>
      <c r="I74303" s="1" t="s">
        <v>247053</v>
      </c>
      <c r="J74303" s="1" t="s">
        <v>248131</v>
      </c>
    </row>
    <row r="74304" spans="1:10" x14ac:dyDescent="0.35">
      <c r="A74304" s="1" t="s">
        <v>144055</v>
      </c>
      <c r="B74304" s="1" t="s">
        <v>247048</v>
      </c>
      <c r="C74304" s="1" t="s">
        <v>105</v>
      </c>
      <c r="D74304" s="1" t="s">
        <v>222151</v>
      </c>
      <c r="E74304" s="1" t="s">
        <v>248132</v>
      </c>
      <c r="F74304" s="1" t="s">
        <v>248091</v>
      </c>
      <c r="G74304" s="1" t="s">
        <v>248087</v>
      </c>
      <c r="H74304" s="1" t="s">
        <v>248088</v>
      </c>
      <c r="I74304" s="1" t="s">
        <v>247053</v>
      </c>
      <c r="J74304" s="1" t="s">
        <v>248133</v>
      </c>
    </row>
    <row r="74305" spans="1:10" x14ac:dyDescent="0.35">
      <c r="A74305" s="1" t="s">
        <v>144055</v>
      </c>
      <c r="B74305" s="1" t="s">
        <v>247048</v>
      </c>
      <c r="C74305" s="1" t="s">
        <v>110</v>
      </c>
      <c r="D74305" s="1" t="s">
        <v>3762</v>
      </c>
      <c r="E74305" s="1" t="s">
        <v>248134</v>
      </c>
      <c r="F74305" s="1" t="s">
        <v>248091</v>
      </c>
      <c r="G74305" s="1" t="s">
        <v>248087</v>
      </c>
      <c r="H74305" s="1" t="s">
        <v>248088</v>
      </c>
      <c r="I74305" s="1" t="s">
        <v>247053</v>
      </c>
      <c r="J74305" s="1" t="s">
        <v>248135</v>
      </c>
    </row>
    <row r="74306" spans="1:10" x14ac:dyDescent="0.35">
      <c r="A74306" s="1" t="s">
        <v>144055</v>
      </c>
      <c r="B74306" s="1" t="s">
        <v>247048</v>
      </c>
      <c r="C74306" s="1" t="s">
        <v>115</v>
      </c>
      <c r="D74306" s="1" t="s">
        <v>248136</v>
      </c>
      <c r="E74306" s="1" t="s">
        <v>248137</v>
      </c>
      <c r="F74306" s="1" t="s">
        <v>248091</v>
      </c>
      <c r="G74306" s="1" t="s">
        <v>248087</v>
      </c>
      <c r="H74306" s="1" t="s">
        <v>248088</v>
      </c>
      <c r="I74306" s="1" t="s">
        <v>247053</v>
      </c>
      <c r="J74306" s="1" t="s">
        <v>248138</v>
      </c>
    </row>
    <row r="74307" spans="1:10" x14ac:dyDescent="0.35">
      <c r="A74307" s="1" t="s">
        <v>144055</v>
      </c>
      <c r="B74307" s="1" t="s">
        <v>247048</v>
      </c>
      <c r="C74307" s="1" t="s">
        <v>120</v>
      </c>
      <c r="D74307" s="1" t="s">
        <v>108419</v>
      </c>
      <c r="E74307" s="1" t="s">
        <v>248139</v>
      </c>
      <c r="F74307" s="1" t="s">
        <v>248091</v>
      </c>
      <c r="G74307" s="1" t="s">
        <v>248087</v>
      </c>
      <c r="H74307" s="1" t="s">
        <v>248088</v>
      </c>
      <c r="I74307" s="1" t="s">
        <v>247053</v>
      </c>
      <c r="J74307" s="1" t="s">
        <v>248140</v>
      </c>
    </row>
    <row r="74308" spans="1:10" x14ac:dyDescent="0.35">
      <c r="A74308" s="1" t="s">
        <v>144055</v>
      </c>
      <c r="B74308" s="1" t="s">
        <v>247048</v>
      </c>
      <c r="C74308" s="1" t="s">
        <v>125</v>
      </c>
      <c r="D74308" s="1" t="s">
        <v>11519</v>
      </c>
      <c r="E74308" s="1" t="s">
        <v>248141</v>
      </c>
      <c r="F74308" s="1" t="s">
        <v>248091</v>
      </c>
      <c r="G74308" s="1" t="s">
        <v>248087</v>
      </c>
      <c r="H74308" s="1" t="s">
        <v>248088</v>
      </c>
      <c r="I74308" s="1" t="s">
        <v>247053</v>
      </c>
      <c r="J74308" s="1" t="s">
        <v>248142</v>
      </c>
    </row>
    <row r="74309" spans="1:10" x14ac:dyDescent="0.35">
      <c r="A74309" s="1" t="s">
        <v>144055</v>
      </c>
      <c r="B74309" s="1" t="s">
        <v>247048</v>
      </c>
      <c r="C74309" s="1" t="s">
        <v>130</v>
      </c>
      <c r="D74309" s="1" t="s">
        <v>248143</v>
      </c>
      <c r="E74309" s="1" t="s">
        <v>248144</v>
      </c>
      <c r="F74309" s="1" t="s">
        <v>248091</v>
      </c>
      <c r="G74309" s="1" t="s">
        <v>248087</v>
      </c>
      <c r="H74309" s="1" t="s">
        <v>248088</v>
      </c>
      <c r="I74309" s="1" t="s">
        <v>247053</v>
      </c>
      <c r="J74309" s="1" t="s">
        <v>248145</v>
      </c>
    </row>
    <row r="74310" spans="1:10" x14ac:dyDescent="0.35">
      <c r="A74310" s="1" t="s">
        <v>144055</v>
      </c>
      <c r="B74310" s="1" t="s">
        <v>247048</v>
      </c>
      <c r="C74310" s="1" t="s">
        <v>135</v>
      </c>
      <c r="D74310" s="1" t="s">
        <v>179455</v>
      </c>
      <c r="E74310" s="1" t="s">
        <v>248146</v>
      </c>
      <c r="F74310" s="1" t="s">
        <v>248091</v>
      </c>
      <c r="G74310" s="1" t="s">
        <v>248087</v>
      </c>
      <c r="H74310" s="1" t="s">
        <v>248088</v>
      </c>
      <c r="I74310" s="1" t="s">
        <v>247053</v>
      </c>
      <c r="J74310" s="1" t="s">
        <v>248147</v>
      </c>
    </row>
    <row r="74311" spans="1:10" x14ac:dyDescent="0.35">
      <c r="A74311" s="1" t="s">
        <v>144055</v>
      </c>
      <c r="B74311" s="1" t="s">
        <v>247048</v>
      </c>
      <c r="C74311" s="1" t="s">
        <v>140</v>
      </c>
      <c r="D74311" s="1" t="s">
        <v>191491</v>
      </c>
      <c r="E74311" s="1" t="s">
        <v>248148</v>
      </c>
      <c r="F74311" s="1" t="s">
        <v>248091</v>
      </c>
      <c r="G74311" s="1" t="s">
        <v>248087</v>
      </c>
      <c r="H74311" s="1" t="s">
        <v>248088</v>
      </c>
      <c r="I74311" s="1" t="s">
        <v>247053</v>
      </c>
      <c r="J74311" s="1" t="s">
        <v>248149</v>
      </c>
    </row>
    <row r="74312" spans="1:10" x14ac:dyDescent="0.35">
      <c r="A74312" s="1" t="s">
        <v>144055</v>
      </c>
      <c r="B74312" s="1" t="s">
        <v>247048</v>
      </c>
      <c r="C74312" s="1" t="s">
        <v>145</v>
      </c>
      <c r="D74312" s="1" t="s">
        <v>248150</v>
      </c>
      <c r="E74312" s="1" t="s">
        <v>248151</v>
      </c>
      <c r="F74312" s="1" t="s">
        <v>248091</v>
      </c>
      <c r="G74312" s="1" t="s">
        <v>248087</v>
      </c>
      <c r="H74312" s="1" t="s">
        <v>248088</v>
      </c>
      <c r="I74312" s="1" t="s">
        <v>247053</v>
      </c>
      <c r="J74312" s="1" t="s">
        <v>248152</v>
      </c>
    </row>
    <row r="74313" spans="1:10" x14ac:dyDescent="0.35">
      <c r="A74313" s="1" t="s">
        <v>144055</v>
      </c>
      <c r="B74313" s="1" t="s">
        <v>247048</v>
      </c>
      <c r="C74313" s="1" t="s">
        <v>150</v>
      </c>
      <c r="D74313" s="1" t="s">
        <v>248153</v>
      </c>
      <c r="E74313" s="1" t="s">
        <v>248154</v>
      </c>
      <c r="F74313" s="1" t="s">
        <v>248091</v>
      </c>
      <c r="G74313" s="1" t="s">
        <v>248087</v>
      </c>
      <c r="H74313" s="1" t="s">
        <v>248088</v>
      </c>
      <c r="I74313" s="1" t="s">
        <v>247053</v>
      </c>
      <c r="J74313" s="1" t="s">
        <v>248155</v>
      </c>
    </row>
    <row r="74314" spans="1:10" x14ac:dyDescent="0.35">
      <c r="A74314" s="1" t="s">
        <v>144055</v>
      </c>
      <c r="B74314" s="1" t="s">
        <v>247048</v>
      </c>
      <c r="C74314" s="1" t="s">
        <v>155</v>
      </c>
      <c r="D74314" s="1" t="s">
        <v>150208</v>
      </c>
      <c r="E74314" s="1" t="s">
        <v>248156</v>
      </c>
      <c r="F74314" s="1" t="s">
        <v>248091</v>
      </c>
      <c r="G74314" s="1" t="s">
        <v>248087</v>
      </c>
      <c r="H74314" s="1" t="s">
        <v>248088</v>
      </c>
      <c r="I74314" s="1" t="s">
        <v>247053</v>
      </c>
      <c r="J74314" s="1" t="s">
        <v>248157</v>
      </c>
    </row>
    <row r="74315" spans="1:10" x14ac:dyDescent="0.35">
      <c r="A74315" s="1" t="s">
        <v>144055</v>
      </c>
      <c r="B74315" s="1" t="s">
        <v>247048</v>
      </c>
      <c r="C74315" s="1" t="s">
        <v>160</v>
      </c>
      <c r="D74315" s="1" t="s">
        <v>248158</v>
      </c>
      <c r="E74315" s="1" t="s">
        <v>248134</v>
      </c>
      <c r="F74315" s="1" t="s">
        <v>248091</v>
      </c>
      <c r="G74315" s="1" t="s">
        <v>248087</v>
      </c>
      <c r="H74315" s="1" t="s">
        <v>248088</v>
      </c>
      <c r="I74315" s="1" t="s">
        <v>247053</v>
      </c>
      <c r="J74315" s="1" t="s">
        <v>248159</v>
      </c>
    </row>
    <row r="74316" spans="1:10" x14ac:dyDescent="0.35">
      <c r="A74316" s="1" t="s">
        <v>144055</v>
      </c>
      <c r="B74316" s="1" t="s">
        <v>247048</v>
      </c>
      <c r="C74316" s="1" t="s">
        <v>165</v>
      </c>
      <c r="D74316" s="1" t="s">
        <v>61278</v>
      </c>
      <c r="E74316" s="1" t="s">
        <v>248160</v>
      </c>
      <c r="F74316" s="1" t="s">
        <v>248091</v>
      </c>
      <c r="G74316" s="1" t="s">
        <v>248087</v>
      </c>
      <c r="H74316" s="1" t="s">
        <v>248088</v>
      </c>
      <c r="I74316" s="1" t="s">
        <v>247053</v>
      </c>
      <c r="J74316" s="1" t="s">
        <v>248161</v>
      </c>
    </row>
    <row r="74317" spans="1:10" x14ac:dyDescent="0.35">
      <c r="A74317" s="1" t="s">
        <v>144055</v>
      </c>
      <c r="B74317" s="1" t="s">
        <v>247048</v>
      </c>
      <c r="C74317" s="1" t="s">
        <v>170</v>
      </c>
      <c r="D74317" s="1" t="s">
        <v>248162</v>
      </c>
      <c r="E74317" s="1" t="s">
        <v>248163</v>
      </c>
      <c r="F74317" s="1" t="s">
        <v>248091</v>
      </c>
      <c r="G74317" s="1" t="s">
        <v>248087</v>
      </c>
      <c r="H74317" s="1" t="s">
        <v>248088</v>
      </c>
      <c r="I74317" s="1" t="s">
        <v>247053</v>
      </c>
      <c r="J74317" s="1" t="s">
        <v>248164</v>
      </c>
    </row>
    <row r="74318" spans="1:10" x14ac:dyDescent="0.35">
      <c r="A74318" s="1" t="s">
        <v>188167</v>
      </c>
      <c r="B74318" s="1" t="s">
        <v>247048</v>
      </c>
      <c r="C74318" s="1" t="s">
        <v>8</v>
      </c>
      <c r="D74318" s="1" t="s">
        <v>4447</v>
      </c>
      <c r="E74318" s="1" t="s">
        <v>248165</v>
      </c>
      <c r="F74318" s="1" t="s">
        <v>248166</v>
      </c>
      <c r="G74318" s="1" t="s">
        <v>248167</v>
      </c>
      <c r="H74318" s="1" t="s">
        <v>248168</v>
      </c>
      <c r="I74318" s="1" t="s">
        <v>247053</v>
      </c>
      <c r="J74318" s="1" t="s">
        <v>13</v>
      </c>
    </row>
    <row r="74319" spans="1:10" x14ac:dyDescent="0.35">
      <c r="A74319" s="1" t="s">
        <v>188167</v>
      </c>
      <c r="B74319" s="1" t="s">
        <v>247048</v>
      </c>
      <c r="C74319" s="1" t="s">
        <v>15</v>
      </c>
      <c r="D74319" s="1" t="s">
        <v>25583</v>
      </c>
      <c r="E74319" s="1" t="s">
        <v>248169</v>
      </c>
      <c r="F74319" s="1" t="s">
        <v>248170</v>
      </c>
      <c r="G74319" s="1" t="s">
        <v>248167</v>
      </c>
      <c r="H74319" s="1" t="s">
        <v>248168</v>
      </c>
      <c r="I74319" s="1" t="s">
        <v>247053</v>
      </c>
      <c r="J74319" s="1" t="s">
        <v>248171</v>
      </c>
    </row>
    <row r="74320" spans="1:10" x14ac:dyDescent="0.35">
      <c r="A74320" s="1" t="s">
        <v>188167</v>
      </c>
      <c r="B74320" s="1" t="s">
        <v>247048</v>
      </c>
      <c r="C74320" s="1" t="s">
        <v>20</v>
      </c>
      <c r="D74320" s="1" t="s">
        <v>29868</v>
      </c>
      <c r="E74320" s="1" t="s">
        <v>248172</v>
      </c>
      <c r="F74320" s="1" t="s">
        <v>248173</v>
      </c>
      <c r="G74320" s="1" t="s">
        <v>248167</v>
      </c>
      <c r="H74320" s="1" t="s">
        <v>248168</v>
      </c>
      <c r="I74320" s="1" t="s">
        <v>247053</v>
      </c>
      <c r="J74320" s="1" t="s">
        <v>248174</v>
      </c>
    </row>
    <row r="74321" spans="1:10" x14ac:dyDescent="0.35">
      <c r="A74321" s="1" t="s">
        <v>188167</v>
      </c>
      <c r="B74321" s="1" t="s">
        <v>247048</v>
      </c>
      <c r="C74321" s="1" t="s">
        <v>25</v>
      </c>
      <c r="D74321" s="1" t="s">
        <v>120676</v>
      </c>
      <c r="E74321" s="1" t="s">
        <v>248175</v>
      </c>
      <c r="F74321" s="1" t="s">
        <v>248176</v>
      </c>
      <c r="G74321" s="1" t="s">
        <v>248167</v>
      </c>
      <c r="H74321" s="1" t="s">
        <v>248168</v>
      </c>
      <c r="I74321" s="1" t="s">
        <v>247053</v>
      </c>
      <c r="J74321" s="1" t="s">
        <v>248177</v>
      </c>
    </row>
    <row r="74322" spans="1:10" x14ac:dyDescent="0.35">
      <c r="A74322" s="1" t="s">
        <v>188167</v>
      </c>
      <c r="B74322" s="1" t="s">
        <v>247048</v>
      </c>
      <c r="C74322" s="1" t="s">
        <v>30</v>
      </c>
      <c r="D74322" s="1" t="s">
        <v>143454</v>
      </c>
      <c r="E74322" s="1" t="s">
        <v>248178</v>
      </c>
      <c r="F74322" s="1" t="s">
        <v>248179</v>
      </c>
      <c r="G74322" s="1" t="s">
        <v>248167</v>
      </c>
      <c r="H74322" s="1" t="s">
        <v>248168</v>
      </c>
      <c r="I74322" s="1" t="s">
        <v>247053</v>
      </c>
      <c r="J74322" s="1" t="s">
        <v>248180</v>
      </c>
    </row>
    <row r="74323" spans="1:10" x14ac:dyDescent="0.35">
      <c r="A74323" s="1" t="s">
        <v>188167</v>
      </c>
      <c r="B74323" s="1" t="s">
        <v>247048</v>
      </c>
      <c r="C74323" s="1" t="s">
        <v>35</v>
      </c>
      <c r="D74323" s="1" t="s">
        <v>121731</v>
      </c>
      <c r="E74323" s="1" t="s">
        <v>248181</v>
      </c>
      <c r="F74323" s="1" t="s">
        <v>248182</v>
      </c>
      <c r="G74323" s="1" t="s">
        <v>248167</v>
      </c>
      <c r="H74323" s="1" t="s">
        <v>248168</v>
      </c>
      <c r="I74323" s="1" t="s">
        <v>247053</v>
      </c>
      <c r="J74323" s="1" t="s">
        <v>248183</v>
      </c>
    </row>
    <row r="74324" spans="1:10" x14ac:dyDescent="0.35">
      <c r="A74324" s="1" t="s">
        <v>188167</v>
      </c>
      <c r="B74324" s="1" t="s">
        <v>247048</v>
      </c>
      <c r="C74324" s="1" t="s">
        <v>40</v>
      </c>
      <c r="D74324" s="1" t="s">
        <v>15833</v>
      </c>
      <c r="E74324" s="1" t="s">
        <v>119762</v>
      </c>
      <c r="F74324" s="1" t="s">
        <v>248184</v>
      </c>
      <c r="G74324" s="1" t="s">
        <v>248167</v>
      </c>
      <c r="H74324" s="1" t="s">
        <v>248168</v>
      </c>
      <c r="I74324" s="1" t="s">
        <v>247053</v>
      </c>
      <c r="J74324" s="1" t="s">
        <v>248185</v>
      </c>
    </row>
    <row r="74325" spans="1:10" x14ac:dyDescent="0.35">
      <c r="A74325" s="1" t="s">
        <v>188167</v>
      </c>
      <c r="B74325" s="1" t="s">
        <v>247048</v>
      </c>
      <c r="C74325" s="1" t="s">
        <v>45</v>
      </c>
      <c r="D74325" s="1" t="s">
        <v>9233</v>
      </c>
      <c r="E74325" s="1" t="s">
        <v>248186</v>
      </c>
      <c r="F74325" s="1" t="s">
        <v>248187</v>
      </c>
      <c r="G74325" s="1" t="s">
        <v>248167</v>
      </c>
      <c r="H74325" s="1" t="s">
        <v>248168</v>
      </c>
      <c r="I74325" s="1" t="s">
        <v>247053</v>
      </c>
      <c r="J74325" s="1" t="s">
        <v>248188</v>
      </c>
    </row>
    <row r="74326" spans="1:10" x14ac:dyDescent="0.35">
      <c r="A74326" s="1" t="s">
        <v>188167</v>
      </c>
      <c r="B74326" s="1" t="s">
        <v>247048</v>
      </c>
      <c r="C74326" s="1" t="s">
        <v>50</v>
      </c>
      <c r="D74326" s="1" t="s">
        <v>14157</v>
      </c>
      <c r="E74326" s="1" t="s">
        <v>248189</v>
      </c>
      <c r="F74326" s="1" t="s">
        <v>248190</v>
      </c>
      <c r="G74326" s="1" t="s">
        <v>248167</v>
      </c>
      <c r="H74326" s="1" t="s">
        <v>248168</v>
      </c>
      <c r="I74326" s="1" t="s">
        <v>247053</v>
      </c>
      <c r="J74326" s="1" t="s">
        <v>248191</v>
      </c>
    </row>
    <row r="74327" spans="1:10" x14ac:dyDescent="0.35">
      <c r="A74327" s="1" t="s">
        <v>188167</v>
      </c>
      <c r="B74327" s="1" t="s">
        <v>247048</v>
      </c>
      <c r="C74327" s="1" t="s">
        <v>55</v>
      </c>
      <c r="D74327" s="1" t="s">
        <v>27596</v>
      </c>
      <c r="E74327" s="1" t="s">
        <v>248192</v>
      </c>
      <c r="F74327" s="1" t="s">
        <v>248193</v>
      </c>
      <c r="G74327" s="1" t="s">
        <v>248167</v>
      </c>
      <c r="H74327" s="1" t="s">
        <v>248168</v>
      </c>
      <c r="I74327" s="1" t="s">
        <v>247053</v>
      </c>
      <c r="J74327" s="1" t="s">
        <v>248194</v>
      </c>
    </row>
    <row r="74328" spans="1:10" x14ac:dyDescent="0.35">
      <c r="A74328" s="1" t="s">
        <v>188167</v>
      </c>
      <c r="B74328" s="1" t="s">
        <v>247048</v>
      </c>
      <c r="C74328" s="1" t="s">
        <v>60</v>
      </c>
      <c r="D74328" s="1" t="s">
        <v>109867</v>
      </c>
      <c r="E74328" s="1" t="s">
        <v>248195</v>
      </c>
      <c r="F74328" s="1" t="s">
        <v>248196</v>
      </c>
      <c r="G74328" s="1" t="s">
        <v>248167</v>
      </c>
      <c r="H74328" s="1" t="s">
        <v>248168</v>
      </c>
      <c r="I74328" s="1" t="s">
        <v>247053</v>
      </c>
      <c r="J74328" s="1" t="s">
        <v>248197</v>
      </c>
    </row>
    <row r="74329" spans="1:10" x14ac:dyDescent="0.35">
      <c r="A74329" s="1" t="s">
        <v>188167</v>
      </c>
      <c r="B74329" s="1" t="s">
        <v>247048</v>
      </c>
      <c r="C74329" s="1" t="s">
        <v>65</v>
      </c>
      <c r="D74329" s="1" t="s">
        <v>144582</v>
      </c>
      <c r="E74329" s="1" t="s">
        <v>248198</v>
      </c>
      <c r="F74329" s="1" t="s">
        <v>248199</v>
      </c>
      <c r="G74329" s="1" t="s">
        <v>248167</v>
      </c>
      <c r="H74329" s="1" t="s">
        <v>248168</v>
      </c>
      <c r="I74329" s="1" t="s">
        <v>247053</v>
      </c>
      <c r="J74329" s="1" t="s">
        <v>248200</v>
      </c>
    </row>
    <row r="74330" spans="1:10" x14ac:dyDescent="0.35">
      <c r="A74330" s="1" t="s">
        <v>188167</v>
      </c>
      <c r="B74330" s="1" t="s">
        <v>247048</v>
      </c>
      <c r="C74330" s="1" t="s">
        <v>70</v>
      </c>
      <c r="D74330" s="1" t="s">
        <v>14255</v>
      </c>
      <c r="E74330" s="1" t="s">
        <v>248201</v>
      </c>
      <c r="F74330" s="1" t="s">
        <v>248202</v>
      </c>
      <c r="G74330" s="1" t="s">
        <v>248167</v>
      </c>
      <c r="H74330" s="1" t="s">
        <v>248168</v>
      </c>
      <c r="I74330" s="1" t="s">
        <v>247053</v>
      </c>
      <c r="J74330" s="1" t="s">
        <v>248203</v>
      </c>
    </row>
    <row r="74331" spans="1:10" x14ac:dyDescent="0.35">
      <c r="A74331" s="1" t="s">
        <v>188167</v>
      </c>
      <c r="B74331" s="1" t="s">
        <v>247048</v>
      </c>
      <c r="C74331" s="1" t="s">
        <v>75</v>
      </c>
      <c r="D74331" s="1" t="s">
        <v>142647</v>
      </c>
      <c r="E74331" s="1" t="s">
        <v>248204</v>
      </c>
      <c r="F74331" s="1" t="s">
        <v>248205</v>
      </c>
      <c r="G74331" s="1" t="s">
        <v>248167</v>
      </c>
      <c r="H74331" s="1" t="s">
        <v>248168</v>
      </c>
      <c r="I74331" s="1" t="s">
        <v>247053</v>
      </c>
      <c r="J74331" s="1" t="s">
        <v>210993</v>
      </c>
    </row>
    <row r="74332" spans="1:10" x14ac:dyDescent="0.35">
      <c r="A74332" s="1" t="s">
        <v>188167</v>
      </c>
      <c r="B74332" s="1" t="s">
        <v>247048</v>
      </c>
      <c r="C74332" s="1" t="s">
        <v>80</v>
      </c>
      <c r="D74332" s="1" t="s">
        <v>14146</v>
      </c>
      <c r="E74332" s="1" t="s">
        <v>248206</v>
      </c>
      <c r="F74332" s="1" t="s">
        <v>248207</v>
      </c>
      <c r="G74332" s="1" t="s">
        <v>248167</v>
      </c>
      <c r="H74332" s="1" t="s">
        <v>248168</v>
      </c>
      <c r="I74332" s="1" t="s">
        <v>247053</v>
      </c>
      <c r="J74332" s="1" t="s">
        <v>248208</v>
      </c>
    </row>
    <row r="74333" spans="1:10" x14ac:dyDescent="0.35">
      <c r="A74333" s="1" t="s">
        <v>188167</v>
      </c>
      <c r="B74333" s="1" t="s">
        <v>247048</v>
      </c>
      <c r="C74333" s="1" t="s">
        <v>85</v>
      </c>
      <c r="D74333" s="1" t="s">
        <v>145684</v>
      </c>
      <c r="E74333" s="1" t="s">
        <v>248209</v>
      </c>
      <c r="F74333" s="1" t="s">
        <v>248210</v>
      </c>
      <c r="G74333" s="1" t="s">
        <v>248167</v>
      </c>
      <c r="H74333" s="1" t="s">
        <v>248168</v>
      </c>
      <c r="I74333" s="1" t="s">
        <v>247053</v>
      </c>
      <c r="J74333" s="1" t="s">
        <v>248211</v>
      </c>
    </row>
    <row r="74334" spans="1:10" x14ac:dyDescent="0.35">
      <c r="A74334" s="1" t="s">
        <v>188167</v>
      </c>
      <c r="B74334" s="1" t="s">
        <v>247048</v>
      </c>
      <c r="C74334" s="1" t="s">
        <v>90</v>
      </c>
      <c r="D74334" s="1" t="s">
        <v>8365</v>
      </c>
      <c r="E74334" s="1" t="s">
        <v>248212</v>
      </c>
      <c r="F74334" s="1" t="s">
        <v>248213</v>
      </c>
      <c r="G74334" s="1" t="s">
        <v>248167</v>
      </c>
      <c r="H74334" s="1" t="s">
        <v>248168</v>
      </c>
      <c r="I74334" s="1" t="s">
        <v>247053</v>
      </c>
      <c r="J74334" s="1" t="s">
        <v>248214</v>
      </c>
    </row>
    <row r="74335" spans="1:10" x14ac:dyDescent="0.35">
      <c r="A74335" s="1" t="s">
        <v>188167</v>
      </c>
      <c r="B74335" s="1" t="s">
        <v>247048</v>
      </c>
      <c r="C74335" s="1" t="s">
        <v>95</v>
      </c>
      <c r="D74335" s="1" t="s">
        <v>109828</v>
      </c>
      <c r="E74335" s="1" t="s">
        <v>248215</v>
      </c>
      <c r="F74335" s="1" t="s">
        <v>248216</v>
      </c>
      <c r="G74335" s="1" t="s">
        <v>248167</v>
      </c>
      <c r="H74335" s="1" t="s">
        <v>248168</v>
      </c>
      <c r="I74335" s="1" t="s">
        <v>247053</v>
      </c>
      <c r="J74335" s="1" t="s">
        <v>248217</v>
      </c>
    </row>
    <row r="74336" spans="1:10" x14ac:dyDescent="0.35">
      <c r="A74336" s="1" t="s">
        <v>188167</v>
      </c>
      <c r="B74336" s="1" t="s">
        <v>247048</v>
      </c>
      <c r="C74336" s="1" t="s">
        <v>100</v>
      </c>
      <c r="D74336" s="1" t="s">
        <v>1620</v>
      </c>
      <c r="E74336" s="1" t="s">
        <v>248218</v>
      </c>
      <c r="F74336" s="1" t="s">
        <v>248219</v>
      </c>
      <c r="G74336" s="1" t="s">
        <v>248167</v>
      </c>
      <c r="H74336" s="1" t="s">
        <v>248168</v>
      </c>
      <c r="I74336" s="1" t="s">
        <v>247053</v>
      </c>
      <c r="J74336" s="1" t="s">
        <v>248220</v>
      </c>
    </row>
    <row r="74337" spans="1:10" x14ac:dyDescent="0.35">
      <c r="A74337" s="1" t="s">
        <v>188167</v>
      </c>
      <c r="B74337" s="1" t="s">
        <v>247048</v>
      </c>
      <c r="C74337" s="1" t="s">
        <v>105</v>
      </c>
      <c r="D74337" s="1" t="s">
        <v>247766</v>
      </c>
      <c r="E74337" s="1" t="s">
        <v>248221</v>
      </c>
      <c r="F74337" s="1" t="s">
        <v>248222</v>
      </c>
      <c r="G74337" s="1" t="s">
        <v>248167</v>
      </c>
      <c r="H74337" s="1" t="s">
        <v>248168</v>
      </c>
      <c r="I74337" s="1" t="s">
        <v>247053</v>
      </c>
      <c r="J74337" s="1" t="s">
        <v>248223</v>
      </c>
    </row>
    <row r="74338" spans="1:10" x14ac:dyDescent="0.35">
      <c r="A74338" s="1" t="s">
        <v>188167</v>
      </c>
      <c r="B74338" s="1" t="s">
        <v>247048</v>
      </c>
      <c r="C74338" s="1" t="s">
        <v>110</v>
      </c>
      <c r="D74338" s="1" t="s">
        <v>51098</v>
      </c>
      <c r="E74338" s="1" t="s">
        <v>248224</v>
      </c>
      <c r="F74338" s="1" t="s">
        <v>248225</v>
      </c>
      <c r="G74338" s="1" t="s">
        <v>248167</v>
      </c>
      <c r="H74338" s="1" t="s">
        <v>248168</v>
      </c>
      <c r="I74338" s="1" t="s">
        <v>247053</v>
      </c>
      <c r="J74338" s="1" t="s">
        <v>248226</v>
      </c>
    </row>
    <row r="74339" spans="1:10" x14ac:dyDescent="0.35">
      <c r="A74339" s="1" t="s">
        <v>188167</v>
      </c>
      <c r="B74339" s="1" t="s">
        <v>247048</v>
      </c>
      <c r="C74339" s="1" t="s">
        <v>115</v>
      </c>
      <c r="D74339" s="1" t="s">
        <v>28295</v>
      </c>
      <c r="E74339" s="1" t="s">
        <v>248227</v>
      </c>
      <c r="F74339" s="1" t="s">
        <v>248228</v>
      </c>
      <c r="G74339" s="1" t="s">
        <v>248167</v>
      </c>
      <c r="H74339" s="1" t="s">
        <v>248168</v>
      </c>
      <c r="I74339" s="1" t="s">
        <v>247053</v>
      </c>
      <c r="J74339" s="1" t="s">
        <v>248229</v>
      </c>
    </row>
    <row r="74340" spans="1:10" x14ac:dyDescent="0.35">
      <c r="A74340" s="1" t="s">
        <v>188167</v>
      </c>
      <c r="B74340" s="1" t="s">
        <v>247048</v>
      </c>
      <c r="C74340" s="1" t="s">
        <v>120</v>
      </c>
      <c r="D74340" s="1" t="s">
        <v>112796</v>
      </c>
      <c r="E74340" s="1" t="s">
        <v>248230</v>
      </c>
      <c r="F74340" s="1" t="s">
        <v>248228</v>
      </c>
      <c r="G74340" s="1" t="s">
        <v>248167</v>
      </c>
      <c r="H74340" s="1" t="s">
        <v>248168</v>
      </c>
      <c r="I74340" s="1" t="s">
        <v>247053</v>
      </c>
      <c r="J74340" s="1" t="s">
        <v>248231</v>
      </c>
    </row>
    <row r="74341" spans="1:10" x14ac:dyDescent="0.35">
      <c r="A74341" s="1" t="s">
        <v>188167</v>
      </c>
      <c r="B74341" s="1" t="s">
        <v>247048</v>
      </c>
      <c r="C74341" s="1" t="s">
        <v>125</v>
      </c>
      <c r="D74341" s="1" t="s">
        <v>111979</v>
      </c>
      <c r="E74341" s="1" t="s">
        <v>248232</v>
      </c>
      <c r="F74341" s="1" t="s">
        <v>248228</v>
      </c>
      <c r="G74341" s="1" t="s">
        <v>248167</v>
      </c>
      <c r="H74341" s="1" t="s">
        <v>248168</v>
      </c>
      <c r="I74341" s="1" t="s">
        <v>247053</v>
      </c>
      <c r="J74341" s="1" t="s">
        <v>248233</v>
      </c>
    </row>
    <row r="74342" spans="1:10" x14ac:dyDescent="0.35">
      <c r="A74342" s="1" t="s">
        <v>188167</v>
      </c>
      <c r="B74342" s="1" t="s">
        <v>247048</v>
      </c>
      <c r="C74342" s="1" t="s">
        <v>130</v>
      </c>
      <c r="D74342" s="1" t="s">
        <v>10838</v>
      </c>
      <c r="E74342" s="1" t="s">
        <v>248234</v>
      </c>
      <c r="F74342" s="1" t="s">
        <v>248228</v>
      </c>
      <c r="G74342" s="1" t="s">
        <v>248167</v>
      </c>
      <c r="H74342" s="1" t="s">
        <v>248168</v>
      </c>
      <c r="I74342" s="1" t="s">
        <v>247053</v>
      </c>
      <c r="J74342" s="1" t="s">
        <v>248235</v>
      </c>
    </row>
    <row r="74343" spans="1:10" x14ac:dyDescent="0.35">
      <c r="A74343" s="1" t="s">
        <v>188167</v>
      </c>
      <c r="B74343" s="1" t="s">
        <v>247048</v>
      </c>
      <c r="C74343" s="1" t="s">
        <v>135</v>
      </c>
      <c r="D74343" s="1" t="s">
        <v>206599</v>
      </c>
      <c r="E74343" s="1" t="s">
        <v>248236</v>
      </c>
      <c r="F74343" s="1" t="s">
        <v>248228</v>
      </c>
      <c r="G74343" s="1" t="s">
        <v>248167</v>
      </c>
      <c r="H74343" s="1" t="s">
        <v>248168</v>
      </c>
      <c r="I74343" s="1" t="s">
        <v>247053</v>
      </c>
      <c r="J74343" s="1" t="s">
        <v>248237</v>
      </c>
    </row>
    <row r="74344" spans="1:10" x14ac:dyDescent="0.35">
      <c r="A74344" s="1" t="s">
        <v>188167</v>
      </c>
      <c r="B74344" s="1" t="s">
        <v>247048</v>
      </c>
      <c r="C74344" s="1" t="s">
        <v>140</v>
      </c>
      <c r="D74344" s="1" t="s">
        <v>37415</v>
      </c>
      <c r="E74344" s="1" t="s">
        <v>248238</v>
      </c>
      <c r="F74344" s="1" t="s">
        <v>248228</v>
      </c>
      <c r="G74344" s="1" t="s">
        <v>248167</v>
      </c>
      <c r="H74344" s="1" t="s">
        <v>248168</v>
      </c>
      <c r="I74344" s="1" t="s">
        <v>247053</v>
      </c>
      <c r="J74344" s="1" t="s">
        <v>248239</v>
      </c>
    </row>
    <row r="74345" spans="1:10" x14ac:dyDescent="0.35">
      <c r="A74345" s="1" t="s">
        <v>188167</v>
      </c>
      <c r="B74345" s="1" t="s">
        <v>247048</v>
      </c>
      <c r="C74345" s="1" t="s">
        <v>145</v>
      </c>
      <c r="D74345" s="1" t="s">
        <v>119537</v>
      </c>
      <c r="E74345" s="1" t="s">
        <v>248240</v>
      </c>
      <c r="F74345" s="1" t="s">
        <v>248228</v>
      </c>
      <c r="G74345" s="1" t="s">
        <v>248167</v>
      </c>
      <c r="H74345" s="1" t="s">
        <v>248168</v>
      </c>
      <c r="I74345" s="1" t="s">
        <v>247053</v>
      </c>
      <c r="J74345" s="1" t="s">
        <v>248241</v>
      </c>
    </row>
    <row r="74346" spans="1:10" x14ac:dyDescent="0.35">
      <c r="A74346" s="1" t="s">
        <v>188167</v>
      </c>
      <c r="B74346" s="1" t="s">
        <v>247048</v>
      </c>
      <c r="C74346" s="1" t="s">
        <v>150</v>
      </c>
      <c r="D74346" s="1" t="s">
        <v>204902</v>
      </c>
      <c r="E74346" s="1" t="s">
        <v>248242</v>
      </c>
      <c r="F74346" s="1" t="s">
        <v>248228</v>
      </c>
      <c r="G74346" s="1" t="s">
        <v>248167</v>
      </c>
      <c r="H74346" s="1" t="s">
        <v>248168</v>
      </c>
      <c r="I74346" s="1" t="s">
        <v>247053</v>
      </c>
      <c r="J74346" s="1" t="s">
        <v>248243</v>
      </c>
    </row>
    <row r="74347" spans="1:10" x14ac:dyDescent="0.35">
      <c r="A74347" s="1" t="s">
        <v>188167</v>
      </c>
      <c r="B74347" s="1" t="s">
        <v>247048</v>
      </c>
      <c r="C74347" s="1" t="s">
        <v>155</v>
      </c>
      <c r="D74347" s="1" t="s">
        <v>72692</v>
      </c>
      <c r="E74347" s="1" t="s">
        <v>248244</v>
      </c>
      <c r="F74347" s="1" t="s">
        <v>248228</v>
      </c>
      <c r="G74347" s="1" t="s">
        <v>248167</v>
      </c>
      <c r="H74347" s="1" t="s">
        <v>248168</v>
      </c>
      <c r="I74347" s="1" t="s">
        <v>247053</v>
      </c>
      <c r="J74347" s="1" t="s">
        <v>248245</v>
      </c>
    </row>
    <row r="74348" spans="1:10" x14ac:dyDescent="0.35">
      <c r="A74348" s="1" t="s">
        <v>188167</v>
      </c>
      <c r="B74348" s="1" t="s">
        <v>247048</v>
      </c>
      <c r="C74348" s="1" t="s">
        <v>160</v>
      </c>
      <c r="D74348" s="1" t="s">
        <v>202230</v>
      </c>
      <c r="E74348" s="1" t="s">
        <v>248246</v>
      </c>
      <c r="F74348" s="1" t="s">
        <v>248228</v>
      </c>
      <c r="G74348" s="1" t="s">
        <v>248167</v>
      </c>
      <c r="H74348" s="1" t="s">
        <v>248168</v>
      </c>
      <c r="I74348" s="1" t="s">
        <v>247053</v>
      </c>
      <c r="J74348" s="1" t="s">
        <v>248247</v>
      </c>
    </row>
    <row r="74349" spans="1:10" x14ac:dyDescent="0.35">
      <c r="A74349" s="1" t="s">
        <v>188167</v>
      </c>
      <c r="B74349" s="1" t="s">
        <v>247048</v>
      </c>
      <c r="C74349" s="1" t="s">
        <v>165</v>
      </c>
      <c r="D74349" s="1" t="s">
        <v>105092</v>
      </c>
      <c r="E74349" s="1" t="s">
        <v>248248</v>
      </c>
      <c r="F74349" s="1" t="s">
        <v>248228</v>
      </c>
      <c r="G74349" s="1" t="s">
        <v>248167</v>
      </c>
      <c r="H74349" s="1" t="s">
        <v>248168</v>
      </c>
      <c r="I74349" s="1" t="s">
        <v>247053</v>
      </c>
      <c r="J74349" s="1" t="s">
        <v>248249</v>
      </c>
    </row>
    <row r="74350" spans="1:10" x14ac:dyDescent="0.35">
      <c r="A74350" s="1" t="s">
        <v>188167</v>
      </c>
      <c r="B74350" s="1" t="s">
        <v>247048</v>
      </c>
      <c r="C74350" s="1" t="s">
        <v>170</v>
      </c>
      <c r="D74350" s="1" t="s">
        <v>48193</v>
      </c>
      <c r="E74350" s="1" t="s">
        <v>248250</v>
      </c>
      <c r="F74350" s="1" t="s">
        <v>248228</v>
      </c>
      <c r="G74350" s="1" t="s">
        <v>248167</v>
      </c>
      <c r="H74350" s="1" t="s">
        <v>248168</v>
      </c>
      <c r="I74350" s="1" t="s">
        <v>247053</v>
      </c>
      <c r="J74350" s="1" t="s">
        <v>248251</v>
      </c>
    </row>
    <row r="74351" spans="1:10" x14ac:dyDescent="0.35">
      <c r="A74351" s="1" t="s">
        <v>28436</v>
      </c>
      <c r="B74351" s="1" t="s">
        <v>247048</v>
      </c>
      <c r="C74351" s="1" t="s">
        <v>8</v>
      </c>
      <c r="D74351" s="1" t="s">
        <v>10432</v>
      </c>
      <c r="E74351" s="1" t="s">
        <v>248252</v>
      </c>
      <c r="F74351" s="1" t="s">
        <v>248253</v>
      </c>
      <c r="G74351" s="1" t="s">
        <v>248254</v>
      </c>
      <c r="H74351" s="1" t="s">
        <v>248255</v>
      </c>
      <c r="I74351" s="1" t="s">
        <v>247053</v>
      </c>
      <c r="J74351" s="1" t="s">
        <v>13</v>
      </c>
    </row>
    <row r="74352" spans="1:10" x14ac:dyDescent="0.35">
      <c r="A74352" s="1" t="s">
        <v>28436</v>
      </c>
      <c r="B74352" s="1" t="s">
        <v>247048</v>
      </c>
      <c r="C74352" s="1" t="s">
        <v>15</v>
      </c>
      <c r="D74352" s="1" t="s">
        <v>12927</v>
      </c>
      <c r="E74352" s="1" t="s">
        <v>248256</v>
      </c>
      <c r="F74352" s="1" t="s">
        <v>248257</v>
      </c>
      <c r="G74352" s="1" t="s">
        <v>248254</v>
      </c>
      <c r="H74352" s="1" t="s">
        <v>248255</v>
      </c>
      <c r="I74352" s="1" t="s">
        <v>247053</v>
      </c>
      <c r="J74352" s="1" t="s">
        <v>248258</v>
      </c>
    </row>
    <row r="74353" spans="1:10" x14ac:dyDescent="0.35">
      <c r="A74353" s="1" t="s">
        <v>28436</v>
      </c>
      <c r="B74353" s="1" t="s">
        <v>247048</v>
      </c>
      <c r="C74353" s="1" t="s">
        <v>20</v>
      </c>
      <c r="D74353" s="1" t="s">
        <v>108850</v>
      </c>
      <c r="E74353" s="1" t="s">
        <v>248259</v>
      </c>
      <c r="F74353" s="1" t="s">
        <v>248260</v>
      </c>
      <c r="G74353" s="1" t="s">
        <v>248254</v>
      </c>
      <c r="H74353" s="1" t="s">
        <v>248255</v>
      </c>
      <c r="I74353" s="1" t="s">
        <v>247053</v>
      </c>
      <c r="J74353" s="1" t="s">
        <v>248261</v>
      </c>
    </row>
    <row r="74354" spans="1:10" x14ac:dyDescent="0.35">
      <c r="A74354" s="1" t="s">
        <v>28436</v>
      </c>
      <c r="B74354" s="1" t="s">
        <v>247048</v>
      </c>
      <c r="C74354" s="1" t="s">
        <v>25</v>
      </c>
      <c r="D74354" s="1" t="s">
        <v>113786</v>
      </c>
      <c r="E74354" s="1" t="s">
        <v>248262</v>
      </c>
      <c r="F74354" s="1" t="s">
        <v>248263</v>
      </c>
      <c r="G74354" s="1" t="s">
        <v>248254</v>
      </c>
      <c r="H74354" s="1" t="s">
        <v>248255</v>
      </c>
      <c r="I74354" s="1" t="s">
        <v>247053</v>
      </c>
      <c r="J74354" s="1" t="s">
        <v>248264</v>
      </c>
    </row>
    <row r="74355" spans="1:10" x14ac:dyDescent="0.35">
      <c r="A74355" s="1" t="s">
        <v>28436</v>
      </c>
      <c r="B74355" s="1" t="s">
        <v>247048</v>
      </c>
      <c r="C74355" s="1" t="s">
        <v>30</v>
      </c>
      <c r="D74355" s="1" t="s">
        <v>121267</v>
      </c>
      <c r="E74355" s="1" t="s">
        <v>248265</v>
      </c>
      <c r="F74355" s="1" t="s">
        <v>248266</v>
      </c>
      <c r="G74355" s="1" t="s">
        <v>248254</v>
      </c>
      <c r="H74355" s="1" t="s">
        <v>248255</v>
      </c>
      <c r="I74355" s="1" t="s">
        <v>247053</v>
      </c>
      <c r="J74355" s="1" t="s">
        <v>248267</v>
      </c>
    </row>
    <row r="74356" spans="1:10" x14ac:dyDescent="0.35">
      <c r="A74356" s="1" t="s">
        <v>28436</v>
      </c>
      <c r="B74356" s="1" t="s">
        <v>247048</v>
      </c>
      <c r="C74356" s="1" t="s">
        <v>35</v>
      </c>
      <c r="D74356" s="1" t="s">
        <v>24957</v>
      </c>
      <c r="E74356" s="1" t="s">
        <v>248268</v>
      </c>
      <c r="F74356" s="1" t="s">
        <v>248269</v>
      </c>
      <c r="G74356" s="1" t="s">
        <v>248254</v>
      </c>
      <c r="H74356" s="1" t="s">
        <v>248255</v>
      </c>
      <c r="I74356" s="1" t="s">
        <v>247053</v>
      </c>
      <c r="J74356" s="1" t="s">
        <v>248270</v>
      </c>
    </row>
    <row r="74357" spans="1:10" x14ac:dyDescent="0.35">
      <c r="A74357" s="1" t="s">
        <v>28436</v>
      </c>
      <c r="B74357" s="1" t="s">
        <v>247048</v>
      </c>
      <c r="C74357" s="1" t="s">
        <v>40</v>
      </c>
      <c r="D74357" s="1" t="s">
        <v>9868</v>
      </c>
      <c r="E74357" s="1" t="s">
        <v>248271</v>
      </c>
      <c r="F74357" s="1" t="s">
        <v>248272</v>
      </c>
      <c r="G74357" s="1" t="s">
        <v>248254</v>
      </c>
      <c r="H74357" s="1" t="s">
        <v>248255</v>
      </c>
      <c r="I74357" s="1" t="s">
        <v>247053</v>
      </c>
      <c r="J74357" s="1" t="s">
        <v>248273</v>
      </c>
    </row>
    <row r="74358" spans="1:10" x14ac:dyDescent="0.35">
      <c r="A74358" s="1" t="s">
        <v>28436</v>
      </c>
      <c r="B74358" s="1" t="s">
        <v>247048</v>
      </c>
      <c r="C74358" s="1" t="s">
        <v>45</v>
      </c>
      <c r="D74358" s="1" t="s">
        <v>10465</v>
      </c>
      <c r="E74358" s="1" t="s">
        <v>248274</v>
      </c>
      <c r="F74358" s="1" t="s">
        <v>248275</v>
      </c>
      <c r="G74358" s="1" t="s">
        <v>248254</v>
      </c>
      <c r="H74358" s="1" t="s">
        <v>248255</v>
      </c>
      <c r="I74358" s="1" t="s">
        <v>247053</v>
      </c>
      <c r="J74358" s="1" t="s">
        <v>248276</v>
      </c>
    </row>
    <row r="74359" spans="1:10" x14ac:dyDescent="0.35">
      <c r="A74359" s="1" t="s">
        <v>28436</v>
      </c>
      <c r="B74359" s="1" t="s">
        <v>247048</v>
      </c>
      <c r="C74359" s="1" t="s">
        <v>50</v>
      </c>
      <c r="D74359" s="1" t="s">
        <v>143154</v>
      </c>
      <c r="E74359" s="1" t="s">
        <v>248277</v>
      </c>
      <c r="F74359" s="1" t="s">
        <v>248278</v>
      </c>
      <c r="G74359" s="1" t="s">
        <v>248254</v>
      </c>
      <c r="H74359" s="1" t="s">
        <v>248255</v>
      </c>
      <c r="I74359" s="1" t="s">
        <v>247053</v>
      </c>
      <c r="J74359" s="1" t="s">
        <v>4312</v>
      </c>
    </row>
    <row r="74360" spans="1:10" x14ac:dyDescent="0.35">
      <c r="A74360" s="1" t="s">
        <v>28436</v>
      </c>
      <c r="B74360" s="1" t="s">
        <v>247048</v>
      </c>
      <c r="C74360" s="1" t="s">
        <v>55</v>
      </c>
      <c r="D74360" s="1" t="s">
        <v>4325</v>
      </c>
      <c r="E74360" s="1" t="s">
        <v>248279</v>
      </c>
      <c r="F74360" s="1" t="s">
        <v>248280</v>
      </c>
      <c r="G74360" s="1" t="s">
        <v>248254</v>
      </c>
      <c r="H74360" s="1" t="s">
        <v>248255</v>
      </c>
      <c r="I74360" s="1" t="s">
        <v>247053</v>
      </c>
      <c r="J74360" s="1" t="s">
        <v>248281</v>
      </c>
    </row>
    <row r="74361" spans="1:10" x14ac:dyDescent="0.35">
      <c r="A74361" s="1" t="s">
        <v>28436</v>
      </c>
      <c r="B74361" s="1" t="s">
        <v>247048</v>
      </c>
      <c r="C74361" s="1" t="s">
        <v>60</v>
      </c>
      <c r="D74361" s="1" t="s">
        <v>121197</v>
      </c>
      <c r="E74361" s="1" t="s">
        <v>248282</v>
      </c>
      <c r="F74361" s="1" t="s">
        <v>248283</v>
      </c>
      <c r="G74361" s="1" t="s">
        <v>248254</v>
      </c>
      <c r="H74361" s="1" t="s">
        <v>248255</v>
      </c>
      <c r="I74361" s="1" t="s">
        <v>247053</v>
      </c>
      <c r="J74361" s="1" t="s">
        <v>248284</v>
      </c>
    </row>
    <row r="74362" spans="1:10" x14ac:dyDescent="0.35">
      <c r="A74362" s="1" t="s">
        <v>28436</v>
      </c>
      <c r="B74362" s="1" t="s">
        <v>247048</v>
      </c>
      <c r="C74362" s="1" t="s">
        <v>65</v>
      </c>
      <c r="D74362" s="1" t="s">
        <v>29743</v>
      </c>
      <c r="E74362" s="1" t="s">
        <v>248285</v>
      </c>
      <c r="F74362" s="1" t="s">
        <v>248286</v>
      </c>
      <c r="G74362" s="1" t="s">
        <v>248254</v>
      </c>
      <c r="H74362" s="1" t="s">
        <v>248255</v>
      </c>
      <c r="I74362" s="1" t="s">
        <v>247053</v>
      </c>
      <c r="J74362" s="1" t="s">
        <v>248287</v>
      </c>
    </row>
    <row r="74363" spans="1:10" x14ac:dyDescent="0.35">
      <c r="A74363" s="1" t="s">
        <v>28436</v>
      </c>
      <c r="B74363" s="1" t="s">
        <v>247048</v>
      </c>
      <c r="C74363" s="1" t="s">
        <v>70</v>
      </c>
      <c r="D74363" s="1" t="s">
        <v>5681</v>
      </c>
      <c r="E74363" s="1" t="s">
        <v>248288</v>
      </c>
      <c r="F74363" s="1" t="s">
        <v>248289</v>
      </c>
      <c r="G74363" s="1" t="s">
        <v>248254</v>
      </c>
      <c r="H74363" s="1" t="s">
        <v>248255</v>
      </c>
      <c r="I74363" s="1" t="s">
        <v>247053</v>
      </c>
      <c r="J74363" s="1" t="s">
        <v>248290</v>
      </c>
    </row>
    <row r="74364" spans="1:10" x14ac:dyDescent="0.35">
      <c r="A74364" s="1" t="s">
        <v>28436</v>
      </c>
      <c r="B74364" s="1" t="s">
        <v>247048</v>
      </c>
      <c r="C74364" s="1" t="s">
        <v>75</v>
      </c>
      <c r="D74364" s="1" t="s">
        <v>70</v>
      </c>
      <c r="E74364" s="1" t="s">
        <v>248291</v>
      </c>
      <c r="F74364" s="1" t="s">
        <v>248292</v>
      </c>
      <c r="G74364" s="1" t="s">
        <v>248254</v>
      </c>
      <c r="H74364" s="1" t="s">
        <v>248255</v>
      </c>
      <c r="I74364" s="1" t="s">
        <v>247053</v>
      </c>
      <c r="J74364" s="1" t="s">
        <v>248293</v>
      </c>
    </row>
    <row r="74365" spans="1:10" x14ac:dyDescent="0.35">
      <c r="A74365" s="1" t="s">
        <v>28436</v>
      </c>
      <c r="B74365" s="1" t="s">
        <v>247048</v>
      </c>
      <c r="C74365" s="1" t="s">
        <v>80</v>
      </c>
      <c r="D74365" s="1" t="s">
        <v>30128</v>
      </c>
      <c r="E74365" s="1" t="s">
        <v>248294</v>
      </c>
      <c r="F74365" s="1" t="s">
        <v>248295</v>
      </c>
      <c r="G74365" s="1" t="s">
        <v>248254</v>
      </c>
      <c r="H74365" s="1" t="s">
        <v>248255</v>
      </c>
      <c r="I74365" s="1" t="s">
        <v>247053</v>
      </c>
      <c r="J74365" s="1" t="s">
        <v>248296</v>
      </c>
    </row>
    <row r="74366" spans="1:10" x14ac:dyDescent="0.35">
      <c r="A74366" s="1" t="s">
        <v>28436</v>
      </c>
      <c r="B74366" s="1" t="s">
        <v>247048</v>
      </c>
      <c r="C74366" s="1" t="s">
        <v>85</v>
      </c>
      <c r="D74366" s="1" t="s">
        <v>14165</v>
      </c>
      <c r="E74366" s="1" t="s">
        <v>248297</v>
      </c>
      <c r="F74366" s="1" t="s">
        <v>248298</v>
      </c>
      <c r="G74366" s="1" t="s">
        <v>248254</v>
      </c>
      <c r="H74366" s="1" t="s">
        <v>248255</v>
      </c>
      <c r="I74366" s="1" t="s">
        <v>247053</v>
      </c>
      <c r="J74366" s="1" t="s">
        <v>248299</v>
      </c>
    </row>
    <row r="74367" spans="1:10" x14ac:dyDescent="0.35">
      <c r="A74367" s="1" t="s">
        <v>28436</v>
      </c>
      <c r="B74367" s="1" t="s">
        <v>247048</v>
      </c>
      <c r="C74367" s="1" t="s">
        <v>90</v>
      </c>
      <c r="D74367" s="1" t="s">
        <v>186902</v>
      </c>
      <c r="E74367" s="1" t="s">
        <v>248300</v>
      </c>
      <c r="F74367" s="1" t="s">
        <v>248301</v>
      </c>
      <c r="G74367" s="1" t="s">
        <v>248254</v>
      </c>
      <c r="H74367" s="1" t="s">
        <v>248255</v>
      </c>
      <c r="I74367" s="1" t="s">
        <v>247053</v>
      </c>
      <c r="J74367" s="1" t="s">
        <v>248302</v>
      </c>
    </row>
    <row r="74368" spans="1:10" x14ac:dyDescent="0.35">
      <c r="A74368" s="1" t="s">
        <v>28436</v>
      </c>
      <c r="B74368" s="1" t="s">
        <v>247048</v>
      </c>
      <c r="C74368" s="1" t="s">
        <v>95</v>
      </c>
      <c r="D74368" s="1" t="s">
        <v>14251</v>
      </c>
      <c r="E74368" s="1" t="s">
        <v>248303</v>
      </c>
      <c r="F74368" s="1" t="s">
        <v>248304</v>
      </c>
      <c r="G74368" s="1" t="s">
        <v>248254</v>
      </c>
      <c r="H74368" s="1" t="s">
        <v>248255</v>
      </c>
      <c r="I74368" s="1" t="s">
        <v>247053</v>
      </c>
      <c r="J74368" s="1" t="s">
        <v>248305</v>
      </c>
    </row>
    <row r="74369" spans="1:10" x14ac:dyDescent="0.35">
      <c r="A74369" s="1" t="s">
        <v>28436</v>
      </c>
      <c r="B74369" s="1" t="s">
        <v>247048</v>
      </c>
      <c r="C74369" s="1" t="s">
        <v>100</v>
      </c>
      <c r="D74369" s="1" t="s">
        <v>104096</v>
      </c>
      <c r="E74369" s="1" t="s">
        <v>248306</v>
      </c>
      <c r="F74369" s="1" t="s">
        <v>248307</v>
      </c>
      <c r="G74369" s="1" t="s">
        <v>248254</v>
      </c>
      <c r="H74369" s="1" t="s">
        <v>248255</v>
      </c>
      <c r="I74369" s="1" t="s">
        <v>247053</v>
      </c>
      <c r="J74369" s="1" t="s">
        <v>248308</v>
      </c>
    </row>
    <row r="74370" spans="1:10" x14ac:dyDescent="0.35">
      <c r="A74370" s="1" t="s">
        <v>28436</v>
      </c>
      <c r="B74370" s="1" t="s">
        <v>247048</v>
      </c>
      <c r="C74370" s="1" t="s">
        <v>105</v>
      </c>
      <c r="D74370" s="1" t="s">
        <v>2639</v>
      </c>
      <c r="E74370" s="1" t="s">
        <v>248309</v>
      </c>
      <c r="F74370" s="1" t="s">
        <v>248310</v>
      </c>
      <c r="G74370" s="1" t="s">
        <v>248254</v>
      </c>
      <c r="H74370" s="1" t="s">
        <v>248255</v>
      </c>
      <c r="I74370" s="1" t="s">
        <v>247053</v>
      </c>
      <c r="J74370" s="1" t="s">
        <v>248311</v>
      </c>
    </row>
    <row r="74371" spans="1:10" x14ac:dyDescent="0.35">
      <c r="A74371" s="1" t="s">
        <v>28436</v>
      </c>
      <c r="B74371" s="1" t="s">
        <v>247048</v>
      </c>
      <c r="C74371" s="1" t="s">
        <v>110</v>
      </c>
      <c r="D74371" s="1" t="s">
        <v>111216</v>
      </c>
      <c r="E74371" s="1" t="s">
        <v>248312</v>
      </c>
      <c r="F74371" s="1" t="s">
        <v>248313</v>
      </c>
      <c r="G74371" s="1" t="s">
        <v>248254</v>
      </c>
      <c r="H74371" s="1" t="s">
        <v>248255</v>
      </c>
      <c r="I74371" s="1" t="s">
        <v>247053</v>
      </c>
      <c r="J74371" s="1" t="s">
        <v>248314</v>
      </c>
    </row>
    <row r="74372" spans="1:10" x14ac:dyDescent="0.35">
      <c r="A74372" s="1" t="s">
        <v>28436</v>
      </c>
      <c r="B74372" s="1" t="s">
        <v>247048</v>
      </c>
      <c r="C74372" s="1" t="s">
        <v>115</v>
      </c>
      <c r="D74372" s="1" t="s">
        <v>2829</v>
      </c>
      <c r="E74372" s="1" t="s">
        <v>248315</v>
      </c>
      <c r="F74372" s="1" t="s">
        <v>248316</v>
      </c>
      <c r="G74372" s="1" t="s">
        <v>248254</v>
      </c>
      <c r="H74372" s="1" t="s">
        <v>248255</v>
      </c>
      <c r="I74372" s="1" t="s">
        <v>247053</v>
      </c>
      <c r="J74372" s="1" t="s">
        <v>248317</v>
      </c>
    </row>
    <row r="74373" spans="1:10" x14ac:dyDescent="0.35">
      <c r="A74373" s="1" t="s">
        <v>28436</v>
      </c>
      <c r="B74373" s="1" t="s">
        <v>247048</v>
      </c>
      <c r="C74373" s="1" t="s">
        <v>120</v>
      </c>
      <c r="D74373" s="1" t="s">
        <v>7928</v>
      </c>
      <c r="E74373" s="1" t="s">
        <v>248318</v>
      </c>
      <c r="F74373" s="1" t="s">
        <v>248319</v>
      </c>
      <c r="G74373" s="1" t="s">
        <v>248254</v>
      </c>
      <c r="H74373" s="1" t="s">
        <v>248255</v>
      </c>
      <c r="I74373" s="1" t="s">
        <v>247053</v>
      </c>
      <c r="J74373" s="1" t="s">
        <v>248320</v>
      </c>
    </row>
    <row r="74374" spans="1:10" x14ac:dyDescent="0.35">
      <c r="A74374" s="1" t="s">
        <v>28436</v>
      </c>
      <c r="B74374" s="1" t="s">
        <v>247048</v>
      </c>
      <c r="C74374" s="1" t="s">
        <v>125</v>
      </c>
      <c r="D74374" s="1" t="s">
        <v>157835</v>
      </c>
      <c r="E74374" s="1" t="s">
        <v>248321</v>
      </c>
      <c r="F74374" s="1" t="s">
        <v>248322</v>
      </c>
      <c r="G74374" s="1" t="s">
        <v>248254</v>
      </c>
      <c r="H74374" s="1" t="s">
        <v>248255</v>
      </c>
      <c r="I74374" s="1" t="s">
        <v>247053</v>
      </c>
      <c r="J74374" s="1" t="s">
        <v>248323</v>
      </c>
    </row>
    <row r="74375" spans="1:10" x14ac:dyDescent="0.35">
      <c r="A74375" s="1" t="s">
        <v>28436</v>
      </c>
      <c r="B74375" s="1" t="s">
        <v>247048</v>
      </c>
      <c r="C74375" s="1" t="s">
        <v>130</v>
      </c>
      <c r="D74375" s="1" t="s">
        <v>248324</v>
      </c>
      <c r="E74375" s="1" t="s">
        <v>248325</v>
      </c>
      <c r="F74375" s="1" t="s">
        <v>248326</v>
      </c>
      <c r="G74375" s="1" t="s">
        <v>248254</v>
      </c>
      <c r="H74375" s="1" t="s">
        <v>248255</v>
      </c>
      <c r="I74375" s="1" t="s">
        <v>247053</v>
      </c>
      <c r="J74375" s="1" t="s">
        <v>248327</v>
      </c>
    </row>
    <row r="74376" spans="1:10" x14ac:dyDescent="0.35">
      <c r="A74376" s="1" t="s">
        <v>28436</v>
      </c>
      <c r="B74376" s="1" t="s">
        <v>247048</v>
      </c>
      <c r="C74376" s="1" t="s">
        <v>135</v>
      </c>
      <c r="D74376" s="1" t="s">
        <v>104917</v>
      </c>
      <c r="E74376" s="1" t="s">
        <v>248328</v>
      </c>
      <c r="F74376" s="1" t="s">
        <v>248329</v>
      </c>
      <c r="G74376" s="1" t="s">
        <v>248254</v>
      </c>
      <c r="H74376" s="1" t="s">
        <v>248255</v>
      </c>
      <c r="I74376" s="1" t="s">
        <v>247053</v>
      </c>
      <c r="J74376" s="1" t="s">
        <v>248330</v>
      </c>
    </row>
    <row r="74377" spans="1:10" x14ac:dyDescent="0.35">
      <c r="A74377" s="1" t="s">
        <v>28436</v>
      </c>
      <c r="B74377" s="1" t="s">
        <v>247048</v>
      </c>
      <c r="C74377" s="1" t="s">
        <v>140</v>
      </c>
      <c r="D74377" s="1" t="s">
        <v>34459</v>
      </c>
      <c r="E74377" s="1" t="s">
        <v>248331</v>
      </c>
      <c r="F74377" s="1" t="s">
        <v>248332</v>
      </c>
      <c r="G74377" s="1" t="s">
        <v>248254</v>
      </c>
      <c r="H74377" s="1" t="s">
        <v>248255</v>
      </c>
      <c r="I74377" s="1" t="s">
        <v>247053</v>
      </c>
      <c r="J74377" s="1" t="s">
        <v>248333</v>
      </c>
    </row>
    <row r="74378" spans="1:10" x14ac:dyDescent="0.35">
      <c r="A74378" s="1" t="s">
        <v>28436</v>
      </c>
      <c r="B74378" s="1" t="s">
        <v>247048</v>
      </c>
      <c r="C74378" s="1" t="s">
        <v>145</v>
      </c>
      <c r="D74378" s="1" t="s">
        <v>35239</v>
      </c>
      <c r="E74378" s="1" t="s">
        <v>248334</v>
      </c>
      <c r="F74378" s="1" t="s">
        <v>248335</v>
      </c>
      <c r="G74378" s="1" t="s">
        <v>248254</v>
      </c>
      <c r="H74378" s="1" t="s">
        <v>248255</v>
      </c>
      <c r="I74378" s="1" t="s">
        <v>247053</v>
      </c>
      <c r="J74378" s="1" t="s">
        <v>248336</v>
      </c>
    </row>
    <row r="74379" spans="1:10" x14ac:dyDescent="0.35">
      <c r="A74379" s="1" t="s">
        <v>28436</v>
      </c>
      <c r="B74379" s="1" t="s">
        <v>247048</v>
      </c>
      <c r="C74379" s="1" t="s">
        <v>150</v>
      </c>
      <c r="D74379" s="1" t="s">
        <v>218425</v>
      </c>
      <c r="E74379" s="1" t="s">
        <v>248337</v>
      </c>
      <c r="F74379" s="1" t="s">
        <v>248338</v>
      </c>
      <c r="G74379" s="1" t="s">
        <v>248254</v>
      </c>
      <c r="H74379" s="1" t="s">
        <v>248255</v>
      </c>
      <c r="I74379" s="1" t="s">
        <v>247053</v>
      </c>
      <c r="J74379" s="1" t="s">
        <v>248339</v>
      </c>
    </row>
    <row r="74380" spans="1:10" x14ac:dyDescent="0.35">
      <c r="A74380" s="1" t="s">
        <v>28436</v>
      </c>
      <c r="B74380" s="1" t="s">
        <v>247048</v>
      </c>
      <c r="C74380" s="1" t="s">
        <v>155</v>
      </c>
      <c r="D74380" s="1" t="s">
        <v>25051</v>
      </c>
      <c r="E74380" s="1" t="s">
        <v>248340</v>
      </c>
      <c r="F74380" s="1" t="s">
        <v>248341</v>
      </c>
      <c r="G74380" s="1" t="s">
        <v>248254</v>
      </c>
      <c r="H74380" s="1" t="s">
        <v>248255</v>
      </c>
      <c r="I74380" s="1" t="s">
        <v>247053</v>
      </c>
      <c r="J74380" s="1" t="s">
        <v>248342</v>
      </c>
    </row>
    <row r="74381" spans="1:10" x14ac:dyDescent="0.35">
      <c r="A74381" s="1" t="s">
        <v>28436</v>
      </c>
      <c r="B74381" s="1" t="s">
        <v>247048</v>
      </c>
      <c r="C74381" s="1" t="s">
        <v>160</v>
      </c>
      <c r="D74381" s="1" t="s">
        <v>248343</v>
      </c>
      <c r="E74381" s="1" t="s">
        <v>248344</v>
      </c>
      <c r="F74381" s="1" t="s">
        <v>248345</v>
      </c>
      <c r="G74381" s="1" t="s">
        <v>248254</v>
      </c>
      <c r="H74381" s="1" t="s">
        <v>248255</v>
      </c>
      <c r="I74381" s="1" t="s">
        <v>247053</v>
      </c>
      <c r="J74381" s="1" t="s">
        <v>248346</v>
      </c>
    </row>
    <row r="74382" spans="1:10" x14ac:dyDescent="0.35">
      <c r="A74382" s="1" t="s">
        <v>28436</v>
      </c>
      <c r="B74382" s="1" t="s">
        <v>247048</v>
      </c>
      <c r="C74382" s="1" t="s">
        <v>165</v>
      </c>
      <c r="D74382" s="1" t="s">
        <v>44700</v>
      </c>
      <c r="E74382" s="1" t="s">
        <v>248347</v>
      </c>
      <c r="F74382" s="1" t="s">
        <v>248348</v>
      </c>
      <c r="G74382" s="1" t="s">
        <v>248254</v>
      </c>
      <c r="H74382" s="1" t="s">
        <v>248255</v>
      </c>
      <c r="I74382" s="1" t="s">
        <v>247053</v>
      </c>
      <c r="J74382" s="1" t="s">
        <v>248349</v>
      </c>
    </row>
    <row r="74383" spans="1:10" x14ac:dyDescent="0.35">
      <c r="A74383" s="1" t="s">
        <v>28436</v>
      </c>
      <c r="B74383" s="1" t="s">
        <v>247048</v>
      </c>
      <c r="C74383" s="1" t="s">
        <v>170</v>
      </c>
      <c r="D74383" s="1" t="s">
        <v>126293</v>
      </c>
      <c r="E74383" s="1" t="s">
        <v>248350</v>
      </c>
      <c r="F74383" s="1" t="s">
        <v>248351</v>
      </c>
      <c r="G74383" s="1" t="s">
        <v>248254</v>
      </c>
      <c r="H74383" s="1" t="s">
        <v>248255</v>
      </c>
      <c r="I74383" s="1" t="s">
        <v>247053</v>
      </c>
      <c r="J74383" s="1" t="s">
        <v>248352</v>
      </c>
    </row>
    <row r="74384" spans="1:10" x14ac:dyDescent="0.35">
      <c r="A74384" s="1" t="s">
        <v>144018</v>
      </c>
      <c r="B74384" s="1" t="s">
        <v>247048</v>
      </c>
      <c r="C74384" s="1" t="s">
        <v>8</v>
      </c>
      <c r="D74384" s="1" t="s">
        <v>2012</v>
      </c>
      <c r="E74384" s="1" t="s">
        <v>248353</v>
      </c>
      <c r="F74384" s="1" t="s">
        <v>248354</v>
      </c>
      <c r="G74384" s="1" t="s">
        <v>248355</v>
      </c>
      <c r="H74384" s="1" t="s">
        <v>248356</v>
      </c>
      <c r="I74384" s="1" t="s">
        <v>247053</v>
      </c>
      <c r="J74384" s="1" t="s">
        <v>13</v>
      </c>
    </row>
    <row r="74385" spans="1:10" x14ac:dyDescent="0.35">
      <c r="A74385" s="1" t="s">
        <v>144018</v>
      </c>
      <c r="B74385" s="1" t="s">
        <v>247048</v>
      </c>
      <c r="C74385" s="1" t="s">
        <v>15</v>
      </c>
      <c r="D74385" s="1" t="s">
        <v>116122</v>
      </c>
      <c r="E74385" s="1" t="s">
        <v>248357</v>
      </c>
      <c r="F74385" s="1" t="s">
        <v>248358</v>
      </c>
      <c r="G74385" s="1" t="s">
        <v>248355</v>
      </c>
      <c r="H74385" s="1" t="s">
        <v>248356</v>
      </c>
      <c r="I74385" s="1" t="s">
        <v>247053</v>
      </c>
      <c r="J74385" s="1" t="s">
        <v>248359</v>
      </c>
    </row>
    <row r="74386" spans="1:10" x14ac:dyDescent="0.35">
      <c r="A74386" s="1" t="s">
        <v>144018</v>
      </c>
      <c r="B74386" s="1" t="s">
        <v>247048</v>
      </c>
      <c r="C74386" s="1" t="s">
        <v>20</v>
      </c>
      <c r="D74386" s="1" t="s">
        <v>6179</v>
      </c>
      <c r="E74386" s="1" t="s">
        <v>248360</v>
      </c>
      <c r="F74386" s="1" t="s">
        <v>248361</v>
      </c>
      <c r="G74386" s="1" t="s">
        <v>248355</v>
      </c>
      <c r="H74386" s="1" t="s">
        <v>248356</v>
      </c>
      <c r="I74386" s="1" t="s">
        <v>247053</v>
      </c>
      <c r="J74386" s="1" t="s">
        <v>248362</v>
      </c>
    </row>
    <row r="74387" spans="1:10" x14ac:dyDescent="0.35">
      <c r="A74387" s="1" t="s">
        <v>144018</v>
      </c>
      <c r="B74387" s="1" t="s">
        <v>247048</v>
      </c>
      <c r="C74387" s="1" t="s">
        <v>25</v>
      </c>
      <c r="D74387" s="1" t="s">
        <v>2000</v>
      </c>
      <c r="E74387" s="1" t="s">
        <v>248363</v>
      </c>
      <c r="F74387" s="1" t="s">
        <v>248364</v>
      </c>
      <c r="G74387" s="1" t="s">
        <v>248355</v>
      </c>
      <c r="H74387" s="1" t="s">
        <v>248356</v>
      </c>
      <c r="I74387" s="1" t="s">
        <v>247053</v>
      </c>
      <c r="J74387" s="1" t="s">
        <v>248365</v>
      </c>
    </row>
    <row r="74388" spans="1:10" x14ac:dyDescent="0.35">
      <c r="A74388" s="1" t="s">
        <v>144018</v>
      </c>
      <c r="B74388" s="1" t="s">
        <v>247048</v>
      </c>
      <c r="C74388" s="1" t="s">
        <v>30</v>
      </c>
      <c r="D74388" s="1" t="s">
        <v>13203</v>
      </c>
      <c r="E74388" s="1" t="s">
        <v>248366</v>
      </c>
      <c r="F74388" s="1" t="s">
        <v>248367</v>
      </c>
      <c r="G74388" s="1" t="s">
        <v>248355</v>
      </c>
      <c r="H74388" s="1" t="s">
        <v>248356</v>
      </c>
      <c r="I74388" s="1" t="s">
        <v>247053</v>
      </c>
      <c r="J74388" s="1" t="s">
        <v>248368</v>
      </c>
    </row>
    <row r="74389" spans="1:10" x14ac:dyDescent="0.35">
      <c r="A74389" s="1" t="s">
        <v>144018</v>
      </c>
      <c r="B74389" s="1" t="s">
        <v>247048</v>
      </c>
      <c r="C74389" s="1" t="s">
        <v>35</v>
      </c>
      <c r="D74389" s="1" t="s">
        <v>12899</v>
      </c>
      <c r="E74389" s="1" t="s">
        <v>248369</v>
      </c>
      <c r="F74389" s="1" t="s">
        <v>248370</v>
      </c>
      <c r="G74389" s="1" t="s">
        <v>248355</v>
      </c>
      <c r="H74389" s="1" t="s">
        <v>248356</v>
      </c>
      <c r="I74389" s="1" t="s">
        <v>247053</v>
      </c>
      <c r="J74389" s="1" t="s">
        <v>248371</v>
      </c>
    </row>
    <row r="74390" spans="1:10" x14ac:dyDescent="0.35">
      <c r="A74390" s="1" t="s">
        <v>144018</v>
      </c>
      <c r="B74390" s="1" t="s">
        <v>247048</v>
      </c>
      <c r="C74390" s="1" t="s">
        <v>40</v>
      </c>
      <c r="D74390" s="1" t="s">
        <v>29868</v>
      </c>
      <c r="E74390" s="1" t="s">
        <v>248372</v>
      </c>
      <c r="F74390" s="1" t="s">
        <v>248373</v>
      </c>
      <c r="G74390" s="1" t="s">
        <v>248355</v>
      </c>
      <c r="H74390" s="1" t="s">
        <v>248356</v>
      </c>
      <c r="I74390" s="1" t="s">
        <v>247053</v>
      </c>
      <c r="J74390" s="1" t="s">
        <v>248374</v>
      </c>
    </row>
    <row r="74391" spans="1:10" x14ac:dyDescent="0.35">
      <c r="A74391" s="1" t="s">
        <v>144018</v>
      </c>
      <c r="B74391" s="1" t="s">
        <v>247048</v>
      </c>
      <c r="C74391" s="1" t="s">
        <v>45</v>
      </c>
      <c r="D74391" s="1" t="s">
        <v>51861</v>
      </c>
      <c r="E74391" s="1" t="s">
        <v>248375</v>
      </c>
      <c r="F74391" s="1" t="s">
        <v>248376</v>
      </c>
      <c r="G74391" s="1" t="s">
        <v>248355</v>
      </c>
      <c r="H74391" s="1" t="s">
        <v>248356</v>
      </c>
      <c r="I74391" s="1" t="s">
        <v>247053</v>
      </c>
      <c r="J74391" s="1" t="s">
        <v>248377</v>
      </c>
    </row>
    <row r="74392" spans="1:10" x14ac:dyDescent="0.35">
      <c r="A74392" s="1" t="s">
        <v>144018</v>
      </c>
      <c r="B74392" s="1" t="s">
        <v>247048</v>
      </c>
      <c r="C74392" s="1" t="s">
        <v>50</v>
      </c>
      <c r="D74392" s="1" t="s">
        <v>9375</v>
      </c>
      <c r="E74392" s="1" t="s">
        <v>248378</v>
      </c>
      <c r="F74392" s="1" t="s">
        <v>248379</v>
      </c>
      <c r="G74392" s="1" t="s">
        <v>248355</v>
      </c>
      <c r="H74392" s="1" t="s">
        <v>248356</v>
      </c>
      <c r="I74392" s="1" t="s">
        <v>247053</v>
      </c>
      <c r="J74392" s="1" t="s">
        <v>248380</v>
      </c>
    </row>
    <row r="74393" spans="1:10" x14ac:dyDescent="0.35">
      <c r="A74393" s="1" t="s">
        <v>144018</v>
      </c>
      <c r="B74393" s="1" t="s">
        <v>247048</v>
      </c>
      <c r="C74393" s="1" t="s">
        <v>55</v>
      </c>
      <c r="D74393" s="1" t="s">
        <v>4345</v>
      </c>
      <c r="E74393" s="1" t="s">
        <v>248381</v>
      </c>
      <c r="F74393" s="1" t="s">
        <v>248382</v>
      </c>
      <c r="G74393" s="1" t="s">
        <v>248355</v>
      </c>
      <c r="H74393" s="1" t="s">
        <v>248356</v>
      </c>
      <c r="I74393" s="1" t="s">
        <v>247053</v>
      </c>
      <c r="J74393" s="1" t="s">
        <v>248383</v>
      </c>
    </row>
    <row r="74394" spans="1:10" x14ac:dyDescent="0.35">
      <c r="A74394" s="1" t="s">
        <v>144018</v>
      </c>
      <c r="B74394" s="1" t="s">
        <v>247048</v>
      </c>
      <c r="C74394" s="1" t="s">
        <v>60</v>
      </c>
      <c r="D74394" s="1" t="s">
        <v>4349</v>
      </c>
      <c r="E74394" s="1" t="s">
        <v>248384</v>
      </c>
      <c r="F74394" s="1" t="s">
        <v>248385</v>
      </c>
      <c r="G74394" s="1" t="s">
        <v>248355</v>
      </c>
      <c r="H74394" s="1" t="s">
        <v>248356</v>
      </c>
      <c r="I74394" s="1" t="s">
        <v>247053</v>
      </c>
      <c r="J74394" s="1" t="s">
        <v>4352</v>
      </c>
    </row>
    <row r="74395" spans="1:10" x14ac:dyDescent="0.35">
      <c r="A74395" s="1" t="s">
        <v>144018</v>
      </c>
      <c r="B74395" s="1" t="s">
        <v>247048</v>
      </c>
      <c r="C74395" s="1" t="s">
        <v>65</v>
      </c>
      <c r="D74395" s="1" t="s">
        <v>5531</v>
      </c>
      <c r="E74395" s="1" t="s">
        <v>248386</v>
      </c>
      <c r="F74395" s="1" t="s">
        <v>248387</v>
      </c>
      <c r="G74395" s="1" t="s">
        <v>248355</v>
      </c>
      <c r="H74395" s="1" t="s">
        <v>248356</v>
      </c>
      <c r="I74395" s="1" t="s">
        <v>247053</v>
      </c>
      <c r="J74395" s="1" t="s">
        <v>29646</v>
      </c>
    </row>
    <row r="74396" spans="1:10" x14ac:dyDescent="0.35">
      <c r="A74396" s="1" t="s">
        <v>144018</v>
      </c>
      <c r="B74396" s="1" t="s">
        <v>247048</v>
      </c>
      <c r="C74396" s="1" t="s">
        <v>70</v>
      </c>
      <c r="D74396" s="1" t="s">
        <v>28065</v>
      </c>
      <c r="E74396" s="1" t="s">
        <v>248388</v>
      </c>
      <c r="F74396" s="1" t="s">
        <v>248389</v>
      </c>
      <c r="G74396" s="1" t="s">
        <v>248355</v>
      </c>
      <c r="H74396" s="1" t="s">
        <v>248356</v>
      </c>
      <c r="I74396" s="1" t="s">
        <v>247053</v>
      </c>
      <c r="J74396" s="1" t="s">
        <v>248390</v>
      </c>
    </row>
    <row r="74397" spans="1:10" x14ac:dyDescent="0.35">
      <c r="A74397" s="1" t="s">
        <v>144018</v>
      </c>
      <c r="B74397" s="1" t="s">
        <v>247048</v>
      </c>
      <c r="C74397" s="1" t="s">
        <v>75</v>
      </c>
      <c r="D74397" s="1" t="s">
        <v>25488</v>
      </c>
      <c r="E74397" s="1" t="s">
        <v>248391</v>
      </c>
      <c r="F74397" s="1" t="s">
        <v>248392</v>
      </c>
      <c r="G74397" s="1" t="s">
        <v>248355</v>
      </c>
      <c r="H74397" s="1" t="s">
        <v>248356</v>
      </c>
      <c r="I74397" s="1" t="s">
        <v>247053</v>
      </c>
      <c r="J74397" s="1" t="s">
        <v>169834</v>
      </c>
    </row>
    <row r="74398" spans="1:10" x14ac:dyDescent="0.35">
      <c r="A74398" s="1" t="s">
        <v>144018</v>
      </c>
      <c r="B74398" s="1" t="s">
        <v>247048</v>
      </c>
      <c r="C74398" s="1" t="s">
        <v>80</v>
      </c>
      <c r="D74398" s="1" t="s">
        <v>119428</v>
      </c>
      <c r="E74398" s="1" t="s">
        <v>248393</v>
      </c>
      <c r="F74398" s="1" t="s">
        <v>248394</v>
      </c>
      <c r="G74398" s="1" t="s">
        <v>248355</v>
      </c>
      <c r="H74398" s="1" t="s">
        <v>248356</v>
      </c>
      <c r="I74398" s="1" t="s">
        <v>247053</v>
      </c>
      <c r="J74398" s="1" t="s">
        <v>248395</v>
      </c>
    </row>
    <row r="74399" spans="1:10" x14ac:dyDescent="0.35">
      <c r="A74399" s="1" t="s">
        <v>144018</v>
      </c>
      <c r="B74399" s="1" t="s">
        <v>247048</v>
      </c>
      <c r="C74399" s="1" t="s">
        <v>85</v>
      </c>
      <c r="D74399" s="1" t="s">
        <v>143933</v>
      </c>
      <c r="E74399" s="1" t="s">
        <v>248396</v>
      </c>
      <c r="F74399" s="1" t="s">
        <v>248397</v>
      </c>
      <c r="G74399" s="1" t="s">
        <v>248355</v>
      </c>
      <c r="H74399" s="1" t="s">
        <v>248356</v>
      </c>
      <c r="I74399" s="1" t="s">
        <v>247053</v>
      </c>
      <c r="J74399" s="1" t="s">
        <v>248398</v>
      </c>
    </row>
    <row r="74400" spans="1:10" x14ac:dyDescent="0.35">
      <c r="A74400" s="1" t="s">
        <v>144018</v>
      </c>
      <c r="B74400" s="1" t="s">
        <v>247048</v>
      </c>
      <c r="C74400" s="1" t="s">
        <v>90</v>
      </c>
      <c r="D74400" s="1" t="s">
        <v>10048</v>
      </c>
      <c r="E74400" s="1" t="s">
        <v>248399</v>
      </c>
      <c r="F74400" s="1" t="s">
        <v>248400</v>
      </c>
      <c r="G74400" s="1" t="s">
        <v>248355</v>
      </c>
      <c r="H74400" s="1" t="s">
        <v>248356</v>
      </c>
      <c r="I74400" s="1" t="s">
        <v>247053</v>
      </c>
      <c r="J74400" s="1" t="s">
        <v>26463</v>
      </c>
    </row>
    <row r="74401" spans="1:10" x14ac:dyDescent="0.35">
      <c r="A74401" s="1" t="s">
        <v>144018</v>
      </c>
      <c r="B74401" s="1" t="s">
        <v>247048</v>
      </c>
      <c r="C74401" s="1" t="s">
        <v>95</v>
      </c>
      <c r="D74401" s="1" t="s">
        <v>145141</v>
      </c>
      <c r="E74401" s="1" t="s">
        <v>248401</v>
      </c>
      <c r="F74401" s="1" t="s">
        <v>248402</v>
      </c>
      <c r="G74401" s="1" t="s">
        <v>248355</v>
      </c>
      <c r="H74401" s="1" t="s">
        <v>248356</v>
      </c>
      <c r="I74401" s="1" t="s">
        <v>247053</v>
      </c>
      <c r="J74401" s="1" t="s">
        <v>248403</v>
      </c>
    </row>
    <row r="74402" spans="1:10" x14ac:dyDescent="0.35">
      <c r="A74402" s="1" t="s">
        <v>144018</v>
      </c>
      <c r="B74402" s="1" t="s">
        <v>247048</v>
      </c>
      <c r="C74402" s="1" t="s">
        <v>100</v>
      </c>
      <c r="D74402" s="1" t="s">
        <v>112746</v>
      </c>
      <c r="E74402" s="1" t="s">
        <v>248404</v>
      </c>
      <c r="F74402" s="1" t="s">
        <v>248405</v>
      </c>
      <c r="G74402" s="1" t="s">
        <v>248355</v>
      </c>
      <c r="H74402" s="1" t="s">
        <v>248356</v>
      </c>
      <c r="I74402" s="1" t="s">
        <v>247053</v>
      </c>
      <c r="J74402" s="1" t="s">
        <v>248406</v>
      </c>
    </row>
    <row r="74403" spans="1:10" x14ac:dyDescent="0.35">
      <c r="A74403" s="1" t="s">
        <v>144018</v>
      </c>
      <c r="B74403" s="1" t="s">
        <v>247048</v>
      </c>
      <c r="C74403" s="1" t="s">
        <v>105</v>
      </c>
      <c r="D74403" s="1" t="s">
        <v>6932</v>
      </c>
      <c r="E74403" s="1" t="s">
        <v>248407</v>
      </c>
      <c r="F74403" s="1" t="s">
        <v>248408</v>
      </c>
      <c r="G74403" s="1" t="s">
        <v>248355</v>
      </c>
      <c r="H74403" s="1" t="s">
        <v>248356</v>
      </c>
      <c r="I74403" s="1" t="s">
        <v>247053</v>
      </c>
      <c r="J74403" s="1" t="s">
        <v>248409</v>
      </c>
    </row>
    <row r="74404" spans="1:10" x14ac:dyDescent="0.35">
      <c r="A74404" s="1" t="s">
        <v>144018</v>
      </c>
      <c r="B74404" s="1" t="s">
        <v>247048</v>
      </c>
      <c r="C74404" s="1" t="s">
        <v>110</v>
      </c>
      <c r="D74404" s="1" t="s">
        <v>25513</v>
      </c>
      <c r="E74404" s="1" t="s">
        <v>248410</v>
      </c>
      <c r="F74404" s="1" t="s">
        <v>248411</v>
      </c>
      <c r="G74404" s="1" t="s">
        <v>248355</v>
      </c>
      <c r="H74404" s="1" t="s">
        <v>248356</v>
      </c>
      <c r="I74404" s="1" t="s">
        <v>247053</v>
      </c>
      <c r="J74404" s="1" t="s">
        <v>248412</v>
      </c>
    </row>
    <row r="74405" spans="1:10" x14ac:dyDescent="0.35">
      <c r="A74405" s="1" t="s">
        <v>144018</v>
      </c>
      <c r="B74405" s="1" t="s">
        <v>247048</v>
      </c>
      <c r="C74405" s="1" t="s">
        <v>115</v>
      </c>
      <c r="D74405" s="1" t="s">
        <v>25863</v>
      </c>
      <c r="E74405" s="1" t="s">
        <v>248413</v>
      </c>
      <c r="F74405" s="1" t="s">
        <v>248414</v>
      </c>
      <c r="G74405" s="1" t="s">
        <v>248355</v>
      </c>
      <c r="H74405" s="1" t="s">
        <v>248356</v>
      </c>
      <c r="I74405" s="1" t="s">
        <v>247053</v>
      </c>
      <c r="J74405" s="1" t="s">
        <v>248415</v>
      </c>
    </row>
    <row r="74406" spans="1:10" x14ac:dyDescent="0.35">
      <c r="A74406" s="1" t="s">
        <v>144018</v>
      </c>
      <c r="B74406" s="1" t="s">
        <v>247048</v>
      </c>
      <c r="C74406" s="1" t="s">
        <v>120</v>
      </c>
      <c r="D74406" s="1" t="s">
        <v>167930</v>
      </c>
      <c r="E74406" s="1" t="s">
        <v>248416</v>
      </c>
      <c r="F74406" s="1" t="s">
        <v>248417</v>
      </c>
      <c r="G74406" s="1" t="s">
        <v>248355</v>
      </c>
      <c r="H74406" s="1" t="s">
        <v>248356</v>
      </c>
      <c r="I74406" s="1" t="s">
        <v>247053</v>
      </c>
      <c r="J74406" s="1" t="s">
        <v>248418</v>
      </c>
    </row>
    <row r="74407" spans="1:10" x14ac:dyDescent="0.35">
      <c r="A74407" s="1" t="s">
        <v>144018</v>
      </c>
      <c r="B74407" s="1" t="s">
        <v>247048</v>
      </c>
      <c r="C74407" s="1" t="s">
        <v>125</v>
      </c>
      <c r="D74407" s="1" t="s">
        <v>170058</v>
      </c>
      <c r="E74407" s="1" t="s">
        <v>248419</v>
      </c>
      <c r="F74407" s="1" t="s">
        <v>248420</v>
      </c>
      <c r="G74407" s="1" t="s">
        <v>248355</v>
      </c>
      <c r="H74407" s="1" t="s">
        <v>248356</v>
      </c>
      <c r="I74407" s="1" t="s">
        <v>247053</v>
      </c>
      <c r="J74407" s="1" t="s">
        <v>248421</v>
      </c>
    </row>
    <row r="74408" spans="1:10" x14ac:dyDescent="0.35">
      <c r="A74408" s="1" t="s">
        <v>144018</v>
      </c>
      <c r="B74408" s="1" t="s">
        <v>247048</v>
      </c>
      <c r="C74408" s="1" t="s">
        <v>130</v>
      </c>
      <c r="D74408" s="1" t="s">
        <v>111219</v>
      </c>
      <c r="E74408" s="1" t="s">
        <v>248422</v>
      </c>
      <c r="F74408" s="1" t="s">
        <v>248423</v>
      </c>
      <c r="G74408" s="1" t="s">
        <v>248355</v>
      </c>
      <c r="H74408" s="1" t="s">
        <v>248356</v>
      </c>
      <c r="I74408" s="1" t="s">
        <v>247053</v>
      </c>
      <c r="J74408" s="1" t="s">
        <v>248424</v>
      </c>
    </row>
    <row r="74409" spans="1:10" x14ac:dyDescent="0.35">
      <c r="A74409" s="1" t="s">
        <v>144018</v>
      </c>
      <c r="B74409" s="1" t="s">
        <v>247048</v>
      </c>
      <c r="C74409" s="1" t="s">
        <v>135</v>
      </c>
      <c r="D74409" s="1" t="s">
        <v>120747</v>
      </c>
      <c r="E74409" s="1" t="s">
        <v>248425</v>
      </c>
      <c r="F74409" s="1" t="s">
        <v>248426</v>
      </c>
      <c r="G74409" s="1" t="s">
        <v>248355</v>
      </c>
      <c r="H74409" s="1" t="s">
        <v>248356</v>
      </c>
      <c r="I74409" s="1" t="s">
        <v>247053</v>
      </c>
      <c r="J74409" s="1" t="s">
        <v>248427</v>
      </c>
    </row>
    <row r="74410" spans="1:10" x14ac:dyDescent="0.35">
      <c r="A74410" s="1" t="s">
        <v>144018</v>
      </c>
      <c r="B74410" s="1" t="s">
        <v>247048</v>
      </c>
      <c r="C74410" s="1" t="s">
        <v>140</v>
      </c>
      <c r="D74410" s="1" t="s">
        <v>47420</v>
      </c>
      <c r="E74410" s="1" t="s">
        <v>248428</v>
      </c>
      <c r="F74410" s="1" t="s">
        <v>248429</v>
      </c>
      <c r="G74410" s="1" t="s">
        <v>248355</v>
      </c>
      <c r="H74410" s="1" t="s">
        <v>248356</v>
      </c>
      <c r="I74410" s="1" t="s">
        <v>247053</v>
      </c>
      <c r="J74410" s="1" t="s">
        <v>248430</v>
      </c>
    </row>
    <row r="74411" spans="1:10" x14ac:dyDescent="0.35">
      <c r="A74411" s="1" t="s">
        <v>144018</v>
      </c>
      <c r="B74411" s="1" t="s">
        <v>247048</v>
      </c>
      <c r="C74411" s="1" t="s">
        <v>145</v>
      </c>
      <c r="D74411" s="1" t="s">
        <v>25173</v>
      </c>
      <c r="E74411" s="1" t="s">
        <v>248431</v>
      </c>
      <c r="F74411" s="1" t="s">
        <v>248432</v>
      </c>
      <c r="G74411" s="1" t="s">
        <v>248355</v>
      </c>
      <c r="H74411" s="1" t="s">
        <v>248356</v>
      </c>
      <c r="I74411" s="1" t="s">
        <v>247053</v>
      </c>
      <c r="J74411" s="1" t="s">
        <v>248433</v>
      </c>
    </row>
    <row r="74412" spans="1:10" x14ac:dyDescent="0.35">
      <c r="A74412" s="1" t="s">
        <v>144018</v>
      </c>
      <c r="B74412" s="1" t="s">
        <v>247048</v>
      </c>
      <c r="C74412" s="1" t="s">
        <v>150</v>
      </c>
      <c r="D74412" s="1" t="s">
        <v>6571</v>
      </c>
      <c r="E74412" s="1" t="s">
        <v>248434</v>
      </c>
      <c r="F74412" s="1" t="s">
        <v>248435</v>
      </c>
      <c r="G74412" s="1" t="s">
        <v>248355</v>
      </c>
      <c r="H74412" s="1" t="s">
        <v>248356</v>
      </c>
      <c r="I74412" s="1" t="s">
        <v>247053</v>
      </c>
      <c r="J74412" s="1" t="s">
        <v>196481</v>
      </c>
    </row>
    <row r="74413" spans="1:10" x14ac:dyDescent="0.35">
      <c r="A74413" s="1" t="s">
        <v>144018</v>
      </c>
      <c r="B74413" s="1" t="s">
        <v>247048</v>
      </c>
      <c r="C74413" s="1" t="s">
        <v>155</v>
      </c>
      <c r="D74413" s="1" t="s">
        <v>35401</v>
      </c>
      <c r="E74413" s="1" t="s">
        <v>248436</v>
      </c>
      <c r="F74413" s="1" t="s">
        <v>248437</v>
      </c>
      <c r="G74413" s="1" t="s">
        <v>248355</v>
      </c>
      <c r="H74413" s="1" t="s">
        <v>248356</v>
      </c>
      <c r="I74413" s="1" t="s">
        <v>247053</v>
      </c>
      <c r="J74413" s="1" t="s">
        <v>248438</v>
      </c>
    </row>
    <row r="74414" spans="1:10" x14ac:dyDescent="0.35">
      <c r="A74414" s="1" t="s">
        <v>144018</v>
      </c>
      <c r="B74414" s="1" t="s">
        <v>247048</v>
      </c>
      <c r="C74414" s="1" t="s">
        <v>160</v>
      </c>
      <c r="D74414" s="1" t="s">
        <v>111780</v>
      </c>
      <c r="E74414" s="1" t="s">
        <v>248439</v>
      </c>
      <c r="F74414" s="1" t="s">
        <v>248440</v>
      </c>
      <c r="G74414" s="1" t="s">
        <v>248355</v>
      </c>
      <c r="H74414" s="1" t="s">
        <v>248356</v>
      </c>
      <c r="I74414" s="1" t="s">
        <v>247053</v>
      </c>
      <c r="J74414" s="1" t="s">
        <v>248441</v>
      </c>
    </row>
    <row r="74415" spans="1:10" x14ac:dyDescent="0.35">
      <c r="A74415" s="1" t="s">
        <v>144018</v>
      </c>
      <c r="B74415" s="1" t="s">
        <v>247048</v>
      </c>
      <c r="C74415" s="1" t="s">
        <v>165</v>
      </c>
      <c r="D74415" s="1" t="s">
        <v>192391</v>
      </c>
      <c r="E74415" s="1" t="s">
        <v>248442</v>
      </c>
      <c r="F74415" s="1" t="s">
        <v>248443</v>
      </c>
      <c r="G74415" s="1" t="s">
        <v>248355</v>
      </c>
      <c r="H74415" s="1" t="s">
        <v>248356</v>
      </c>
      <c r="I74415" s="1" t="s">
        <v>247053</v>
      </c>
      <c r="J74415" s="1" t="s">
        <v>248444</v>
      </c>
    </row>
    <row r="74416" spans="1:10" x14ac:dyDescent="0.35">
      <c r="A74416" s="1" t="s">
        <v>144018</v>
      </c>
      <c r="B74416" s="1" t="s">
        <v>247048</v>
      </c>
      <c r="C74416" s="1" t="s">
        <v>170</v>
      </c>
      <c r="D74416" s="1" t="s">
        <v>33929</v>
      </c>
      <c r="E74416" s="1" t="s">
        <v>248445</v>
      </c>
      <c r="F74416" s="1" t="s">
        <v>248446</v>
      </c>
      <c r="G74416" s="1" t="s">
        <v>248355</v>
      </c>
      <c r="H74416" s="1" t="s">
        <v>248356</v>
      </c>
      <c r="I74416" s="1" t="s">
        <v>247053</v>
      </c>
      <c r="J74416" s="1" t="s">
        <v>248447</v>
      </c>
    </row>
    <row r="74417" spans="1:10" x14ac:dyDescent="0.35">
      <c r="A74417" s="1" t="s">
        <v>28253</v>
      </c>
      <c r="B74417" s="1" t="s">
        <v>247048</v>
      </c>
      <c r="C74417" s="1" t="s">
        <v>8</v>
      </c>
      <c r="D74417" s="1" t="s">
        <v>1185</v>
      </c>
      <c r="E74417" s="1" t="s">
        <v>111836</v>
      </c>
      <c r="F74417" s="1" t="s">
        <v>248448</v>
      </c>
      <c r="G74417" s="1" t="s">
        <v>248449</v>
      </c>
      <c r="H74417" s="1" t="s">
        <v>248450</v>
      </c>
      <c r="I74417" s="1" t="s">
        <v>247053</v>
      </c>
      <c r="J74417" s="1" t="s">
        <v>13</v>
      </c>
    </row>
    <row r="74418" spans="1:10" x14ac:dyDescent="0.35">
      <c r="A74418" s="1" t="s">
        <v>28253</v>
      </c>
      <c r="B74418" s="1" t="s">
        <v>247048</v>
      </c>
      <c r="C74418" s="1" t="s">
        <v>15</v>
      </c>
      <c r="D74418" s="1" t="s">
        <v>145989</v>
      </c>
      <c r="E74418" s="1" t="s">
        <v>8051</v>
      </c>
      <c r="F74418" s="1" t="s">
        <v>206671</v>
      </c>
      <c r="G74418" s="1" t="s">
        <v>248449</v>
      </c>
      <c r="H74418" s="1" t="s">
        <v>248450</v>
      </c>
      <c r="I74418" s="1" t="s">
        <v>247053</v>
      </c>
      <c r="J74418" s="1" t="s">
        <v>248451</v>
      </c>
    </row>
    <row r="74419" spans="1:10" x14ac:dyDescent="0.35">
      <c r="A74419" s="1" t="s">
        <v>28253</v>
      </c>
      <c r="B74419" s="1" t="s">
        <v>247048</v>
      </c>
      <c r="C74419" s="1" t="s">
        <v>20</v>
      </c>
      <c r="D74419" s="1" t="s">
        <v>30114</v>
      </c>
      <c r="E74419" s="1" t="s">
        <v>8047</v>
      </c>
      <c r="F74419" s="1" t="s">
        <v>248452</v>
      </c>
      <c r="G74419" s="1" t="s">
        <v>248449</v>
      </c>
      <c r="H74419" s="1" t="s">
        <v>248450</v>
      </c>
      <c r="I74419" s="1" t="s">
        <v>247053</v>
      </c>
      <c r="J74419" s="1" t="s">
        <v>248453</v>
      </c>
    </row>
    <row r="74420" spans="1:10" x14ac:dyDescent="0.35">
      <c r="A74420" s="1" t="s">
        <v>28253</v>
      </c>
      <c r="B74420" s="1" t="s">
        <v>247048</v>
      </c>
      <c r="C74420" s="1" t="s">
        <v>25</v>
      </c>
      <c r="D74420" s="1" t="s">
        <v>1209</v>
      </c>
      <c r="E74420" s="1" t="s">
        <v>197054</v>
      </c>
      <c r="F74420" s="1" t="s">
        <v>248454</v>
      </c>
      <c r="G74420" s="1" t="s">
        <v>248449</v>
      </c>
      <c r="H74420" s="1" t="s">
        <v>248450</v>
      </c>
      <c r="I74420" s="1" t="s">
        <v>247053</v>
      </c>
      <c r="J74420" s="1" t="s">
        <v>248455</v>
      </c>
    </row>
    <row r="74421" spans="1:10" x14ac:dyDescent="0.35">
      <c r="A74421" s="1" t="s">
        <v>28253</v>
      </c>
      <c r="B74421" s="1" t="s">
        <v>247048</v>
      </c>
      <c r="C74421" s="1" t="s">
        <v>30</v>
      </c>
      <c r="D74421" s="1" t="s">
        <v>14972</v>
      </c>
      <c r="E74421" s="1" t="s">
        <v>196885</v>
      </c>
      <c r="F74421" s="1" t="s">
        <v>248456</v>
      </c>
      <c r="G74421" s="1" t="s">
        <v>248449</v>
      </c>
      <c r="H74421" s="1" t="s">
        <v>248450</v>
      </c>
      <c r="I74421" s="1" t="s">
        <v>247053</v>
      </c>
      <c r="J74421" s="1" t="s">
        <v>248457</v>
      </c>
    </row>
    <row r="74422" spans="1:10" x14ac:dyDescent="0.35">
      <c r="A74422" s="1" t="s">
        <v>28253</v>
      </c>
      <c r="B74422" s="1" t="s">
        <v>247048</v>
      </c>
      <c r="C74422" s="1" t="s">
        <v>35</v>
      </c>
      <c r="D74422" s="1" t="s">
        <v>3600</v>
      </c>
      <c r="E74422" s="1" t="s">
        <v>248458</v>
      </c>
      <c r="F74422" s="1" t="s">
        <v>248459</v>
      </c>
      <c r="G74422" s="1" t="s">
        <v>248449</v>
      </c>
      <c r="H74422" s="1" t="s">
        <v>248450</v>
      </c>
      <c r="I74422" s="1" t="s">
        <v>247053</v>
      </c>
      <c r="J74422" s="1" t="s">
        <v>248460</v>
      </c>
    </row>
    <row r="74423" spans="1:10" x14ac:dyDescent="0.35">
      <c r="A74423" s="1" t="s">
        <v>28253</v>
      </c>
      <c r="B74423" s="1" t="s">
        <v>247048</v>
      </c>
      <c r="C74423" s="1" t="s">
        <v>40</v>
      </c>
      <c r="D74423" s="1" t="s">
        <v>117919</v>
      </c>
      <c r="E74423" s="1" t="s">
        <v>248461</v>
      </c>
      <c r="F74423" s="1" t="s">
        <v>248462</v>
      </c>
      <c r="G74423" s="1" t="s">
        <v>248449</v>
      </c>
      <c r="H74423" s="1" t="s">
        <v>248450</v>
      </c>
      <c r="I74423" s="1" t="s">
        <v>247053</v>
      </c>
      <c r="J74423" s="1" t="s">
        <v>248463</v>
      </c>
    </row>
    <row r="74424" spans="1:10" x14ac:dyDescent="0.35">
      <c r="A74424" s="1" t="s">
        <v>28253</v>
      </c>
      <c r="B74424" s="1" t="s">
        <v>247048</v>
      </c>
      <c r="C74424" s="1" t="s">
        <v>45</v>
      </c>
      <c r="D74424" s="1" t="s">
        <v>104427</v>
      </c>
      <c r="E74424" s="1" t="s">
        <v>248464</v>
      </c>
      <c r="F74424" s="1" t="s">
        <v>248465</v>
      </c>
      <c r="G74424" s="1" t="s">
        <v>248449</v>
      </c>
      <c r="H74424" s="1" t="s">
        <v>248450</v>
      </c>
      <c r="I74424" s="1" t="s">
        <v>247053</v>
      </c>
      <c r="J74424" s="1" t="s">
        <v>248466</v>
      </c>
    </row>
    <row r="74425" spans="1:10" x14ac:dyDescent="0.35">
      <c r="A74425" s="1" t="s">
        <v>28253</v>
      </c>
      <c r="B74425" s="1" t="s">
        <v>247048</v>
      </c>
      <c r="C74425" s="1" t="s">
        <v>50</v>
      </c>
      <c r="D74425" s="1" t="s">
        <v>8310</v>
      </c>
      <c r="E74425" s="1" t="s">
        <v>248467</v>
      </c>
      <c r="F74425" s="1" t="s">
        <v>248468</v>
      </c>
      <c r="G74425" s="1" t="s">
        <v>248449</v>
      </c>
      <c r="H74425" s="1" t="s">
        <v>248450</v>
      </c>
      <c r="I74425" s="1" t="s">
        <v>247053</v>
      </c>
      <c r="J74425" s="1" t="s">
        <v>248469</v>
      </c>
    </row>
    <row r="74426" spans="1:10" x14ac:dyDescent="0.35">
      <c r="A74426" s="1" t="s">
        <v>28253</v>
      </c>
      <c r="B74426" s="1" t="s">
        <v>247048</v>
      </c>
      <c r="C74426" s="1" t="s">
        <v>55</v>
      </c>
      <c r="D74426" s="1" t="s">
        <v>46714</v>
      </c>
      <c r="E74426" s="1" t="s">
        <v>248470</v>
      </c>
      <c r="F74426" s="1" t="s">
        <v>248471</v>
      </c>
      <c r="G74426" s="1" t="s">
        <v>248449</v>
      </c>
      <c r="H74426" s="1" t="s">
        <v>248450</v>
      </c>
      <c r="I74426" s="1" t="s">
        <v>247053</v>
      </c>
      <c r="J74426" s="1" t="s">
        <v>248472</v>
      </c>
    </row>
    <row r="74427" spans="1:10" x14ac:dyDescent="0.35">
      <c r="A74427" s="1" t="s">
        <v>28253</v>
      </c>
      <c r="B74427" s="1" t="s">
        <v>247048</v>
      </c>
      <c r="C74427" s="1" t="s">
        <v>60</v>
      </c>
      <c r="D74427" s="1" t="s">
        <v>219756</v>
      </c>
      <c r="E74427" s="1" t="s">
        <v>197081</v>
      </c>
      <c r="F74427" s="1" t="s">
        <v>248473</v>
      </c>
      <c r="G74427" s="1" t="s">
        <v>248449</v>
      </c>
      <c r="H74427" s="1" t="s">
        <v>248450</v>
      </c>
      <c r="I74427" s="1" t="s">
        <v>247053</v>
      </c>
      <c r="J74427" s="1" t="s">
        <v>248474</v>
      </c>
    </row>
    <row r="74428" spans="1:10" x14ac:dyDescent="0.35">
      <c r="A74428" s="1" t="s">
        <v>28253</v>
      </c>
      <c r="B74428" s="1" t="s">
        <v>247048</v>
      </c>
      <c r="C74428" s="1" t="s">
        <v>65</v>
      </c>
      <c r="D74428" s="1" t="s">
        <v>47323</v>
      </c>
      <c r="E74428" s="1" t="s">
        <v>197081</v>
      </c>
      <c r="F74428" s="1" t="s">
        <v>248475</v>
      </c>
      <c r="G74428" s="1" t="s">
        <v>248449</v>
      </c>
      <c r="H74428" s="1" t="s">
        <v>248450</v>
      </c>
      <c r="I74428" s="1" t="s">
        <v>247053</v>
      </c>
      <c r="J74428" s="1" t="s">
        <v>248476</v>
      </c>
    </row>
    <row r="74429" spans="1:10" x14ac:dyDescent="0.35">
      <c r="A74429" s="1" t="s">
        <v>28253</v>
      </c>
      <c r="B74429" s="1" t="s">
        <v>247048</v>
      </c>
      <c r="C74429" s="1" t="s">
        <v>70</v>
      </c>
      <c r="D74429" s="1" t="s">
        <v>110573</v>
      </c>
      <c r="E74429" s="1" t="s">
        <v>8096</v>
      </c>
      <c r="F74429" s="1" t="s">
        <v>248477</v>
      </c>
      <c r="G74429" s="1" t="s">
        <v>248449</v>
      </c>
      <c r="H74429" s="1" t="s">
        <v>248450</v>
      </c>
      <c r="I74429" s="1" t="s">
        <v>247053</v>
      </c>
      <c r="J74429" s="1" t="s">
        <v>248478</v>
      </c>
    </row>
    <row r="74430" spans="1:10" x14ac:dyDescent="0.35">
      <c r="A74430" s="1" t="s">
        <v>28253</v>
      </c>
      <c r="B74430" s="1" t="s">
        <v>247048</v>
      </c>
      <c r="C74430" s="1" t="s">
        <v>75</v>
      </c>
      <c r="D74430" s="1" t="s">
        <v>4697</v>
      </c>
      <c r="E74430" s="1" t="s">
        <v>248479</v>
      </c>
      <c r="F74430" s="1" t="s">
        <v>248480</v>
      </c>
      <c r="G74430" s="1" t="s">
        <v>248449</v>
      </c>
      <c r="H74430" s="1" t="s">
        <v>248450</v>
      </c>
      <c r="I74430" s="1" t="s">
        <v>247053</v>
      </c>
      <c r="J74430" s="1" t="s">
        <v>181074</v>
      </c>
    </row>
    <row r="74431" spans="1:10" x14ac:dyDescent="0.35">
      <c r="A74431" s="1" t="s">
        <v>28253</v>
      </c>
      <c r="B74431" s="1" t="s">
        <v>247048</v>
      </c>
      <c r="C74431" s="1" t="s">
        <v>80</v>
      </c>
      <c r="D74431" s="1" t="s">
        <v>51259</v>
      </c>
      <c r="E74431" s="1" t="s">
        <v>196885</v>
      </c>
      <c r="F74431" s="1" t="s">
        <v>248481</v>
      </c>
      <c r="G74431" s="1" t="s">
        <v>248449</v>
      </c>
      <c r="H74431" s="1" t="s">
        <v>248450</v>
      </c>
      <c r="I74431" s="1" t="s">
        <v>247053</v>
      </c>
      <c r="J74431" s="1" t="s">
        <v>248482</v>
      </c>
    </row>
    <row r="74432" spans="1:10" x14ac:dyDescent="0.35">
      <c r="A74432" s="1" t="s">
        <v>28253</v>
      </c>
      <c r="B74432" s="1" t="s">
        <v>247048</v>
      </c>
      <c r="C74432" s="1" t="s">
        <v>85</v>
      </c>
      <c r="D74432" s="1" t="s">
        <v>29802</v>
      </c>
      <c r="E74432" s="1" t="s">
        <v>197054</v>
      </c>
      <c r="F74432" s="1" t="s">
        <v>248483</v>
      </c>
      <c r="G74432" s="1" t="s">
        <v>248449</v>
      </c>
      <c r="H74432" s="1" t="s">
        <v>248450</v>
      </c>
      <c r="I74432" s="1" t="s">
        <v>247053</v>
      </c>
      <c r="J74432" s="1" t="s">
        <v>248484</v>
      </c>
    </row>
    <row r="74433" spans="1:10" x14ac:dyDescent="0.35">
      <c r="A74433" s="1" t="s">
        <v>28253</v>
      </c>
      <c r="B74433" s="1" t="s">
        <v>247048</v>
      </c>
      <c r="C74433" s="1" t="s">
        <v>90</v>
      </c>
      <c r="D74433" s="1" t="s">
        <v>8131</v>
      </c>
      <c r="E74433" s="1" t="s">
        <v>248485</v>
      </c>
      <c r="F74433" s="1" t="s">
        <v>248486</v>
      </c>
      <c r="G74433" s="1" t="s">
        <v>248449</v>
      </c>
      <c r="H74433" s="1" t="s">
        <v>248450</v>
      </c>
      <c r="I74433" s="1" t="s">
        <v>247053</v>
      </c>
      <c r="J74433" s="1" t="s">
        <v>248487</v>
      </c>
    </row>
    <row r="74434" spans="1:10" x14ac:dyDescent="0.35">
      <c r="A74434" s="1" t="s">
        <v>28253</v>
      </c>
      <c r="B74434" s="1" t="s">
        <v>247048</v>
      </c>
      <c r="C74434" s="1" t="s">
        <v>95</v>
      </c>
      <c r="D74434" s="1" t="s">
        <v>46927</v>
      </c>
      <c r="E74434" s="1" t="s">
        <v>248488</v>
      </c>
      <c r="F74434" s="1" t="s">
        <v>144670</v>
      </c>
      <c r="G74434" s="1" t="s">
        <v>248449</v>
      </c>
      <c r="H74434" s="1" t="s">
        <v>248450</v>
      </c>
      <c r="I74434" s="1" t="s">
        <v>247053</v>
      </c>
      <c r="J74434" s="1" t="s">
        <v>248489</v>
      </c>
    </row>
    <row r="74435" spans="1:10" x14ac:dyDescent="0.35">
      <c r="A74435" s="1" t="s">
        <v>28253</v>
      </c>
      <c r="B74435" s="1" t="s">
        <v>247048</v>
      </c>
      <c r="C74435" s="1" t="s">
        <v>100</v>
      </c>
      <c r="D74435" s="1" t="s">
        <v>2327</v>
      </c>
      <c r="E74435" s="1" t="s">
        <v>248490</v>
      </c>
      <c r="F74435" s="1" t="s">
        <v>248491</v>
      </c>
      <c r="G74435" s="1" t="s">
        <v>248449</v>
      </c>
      <c r="H74435" s="1" t="s">
        <v>248450</v>
      </c>
      <c r="I74435" s="1" t="s">
        <v>247053</v>
      </c>
      <c r="J74435" s="1" t="s">
        <v>248492</v>
      </c>
    </row>
    <row r="74436" spans="1:10" x14ac:dyDescent="0.35">
      <c r="A74436" s="1" t="s">
        <v>28253</v>
      </c>
      <c r="B74436" s="1" t="s">
        <v>247048</v>
      </c>
      <c r="C74436" s="1" t="s">
        <v>105</v>
      </c>
      <c r="D74436" s="1" t="s">
        <v>6616</v>
      </c>
      <c r="E74436" s="1" t="s">
        <v>11800</v>
      </c>
      <c r="F74436" s="1" t="s">
        <v>248493</v>
      </c>
      <c r="G74436" s="1" t="s">
        <v>248449</v>
      </c>
      <c r="H74436" s="1" t="s">
        <v>248450</v>
      </c>
      <c r="I74436" s="1" t="s">
        <v>247053</v>
      </c>
      <c r="J74436" s="1" t="s">
        <v>248494</v>
      </c>
    </row>
    <row r="74437" spans="1:10" x14ac:dyDescent="0.35">
      <c r="A74437" s="1" t="s">
        <v>28253</v>
      </c>
      <c r="B74437" s="1" t="s">
        <v>247048</v>
      </c>
      <c r="C74437" s="1" t="s">
        <v>110</v>
      </c>
      <c r="D74437" s="1" t="s">
        <v>34470</v>
      </c>
      <c r="E74437" s="1" t="s">
        <v>248495</v>
      </c>
      <c r="F74437" s="1" t="s">
        <v>70932</v>
      </c>
      <c r="G74437" s="1" t="s">
        <v>248449</v>
      </c>
      <c r="H74437" s="1" t="s">
        <v>248450</v>
      </c>
      <c r="I74437" s="1" t="s">
        <v>247053</v>
      </c>
      <c r="J74437" s="1" t="s">
        <v>248496</v>
      </c>
    </row>
    <row r="74438" spans="1:10" x14ac:dyDescent="0.35">
      <c r="A74438" s="1" t="s">
        <v>28253</v>
      </c>
      <c r="B74438" s="1" t="s">
        <v>247048</v>
      </c>
      <c r="C74438" s="1" t="s">
        <v>115</v>
      </c>
      <c r="D74438" s="1" t="s">
        <v>248497</v>
      </c>
      <c r="E74438" s="1" t="s">
        <v>248498</v>
      </c>
      <c r="F74438" s="1" t="s">
        <v>248499</v>
      </c>
      <c r="G74438" s="1" t="s">
        <v>248449</v>
      </c>
      <c r="H74438" s="1" t="s">
        <v>248450</v>
      </c>
      <c r="I74438" s="1" t="s">
        <v>247053</v>
      </c>
      <c r="J74438" s="1" t="s">
        <v>248500</v>
      </c>
    </row>
    <row r="74439" spans="1:10" x14ac:dyDescent="0.35">
      <c r="A74439" s="1" t="s">
        <v>28253</v>
      </c>
      <c r="B74439" s="1" t="s">
        <v>247048</v>
      </c>
      <c r="C74439" s="1" t="s">
        <v>120</v>
      </c>
      <c r="D74439" s="1" t="s">
        <v>170013</v>
      </c>
      <c r="E74439" s="1" t="s">
        <v>248501</v>
      </c>
      <c r="F74439" s="1" t="s">
        <v>248502</v>
      </c>
      <c r="G74439" s="1" t="s">
        <v>248449</v>
      </c>
      <c r="H74439" s="1" t="s">
        <v>248450</v>
      </c>
      <c r="I74439" s="1" t="s">
        <v>247053</v>
      </c>
      <c r="J74439" s="1" t="s">
        <v>248503</v>
      </c>
    </row>
    <row r="74440" spans="1:10" x14ac:dyDescent="0.35">
      <c r="A74440" s="1" t="s">
        <v>28253</v>
      </c>
      <c r="B74440" s="1" t="s">
        <v>247048</v>
      </c>
      <c r="C74440" s="1" t="s">
        <v>125</v>
      </c>
      <c r="D74440" s="1" t="s">
        <v>172480</v>
      </c>
      <c r="E74440" s="1" t="s">
        <v>248504</v>
      </c>
      <c r="F74440" s="1" t="s">
        <v>248505</v>
      </c>
      <c r="G74440" s="1" t="s">
        <v>248449</v>
      </c>
      <c r="H74440" s="1" t="s">
        <v>248450</v>
      </c>
      <c r="I74440" s="1" t="s">
        <v>247053</v>
      </c>
      <c r="J74440" s="1" t="s">
        <v>248506</v>
      </c>
    </row>
    <row r="74441" spans="1:10" x14ac:dyDescent="0.35">
      <c r="A74441" s="1" t="s">
        <v>28253</v>
      </c>
      <c r="B74441" s="1" t="s">
        <v>247048</v>
      </c>
      <c r="C74441" s="1" t="s">
        <v>130</v>
      </c>
      <c r="D74441" s="1" t="s">
        <v>171505</v>
      </c>
      <c r="E74441" s="1" t="s">
        <v>248507</v>
      </c>
      <c r="F74441" s="1" t="s">
        <v>248508</v>
      </c>
      <c r="G74441" s="1" t="s">
        <v>248449</v>
      </c>
      <c r="H74441" s="1" t="s">
        <v>248450</v>
      </c>
      <c r="I74441" s="1" t="s">
        <v>247053</v>
      </c>
      <c r="J74441" s="1" t="s">
        <v>248509</v>
      </c>
    </row>
    <row r="74442" spans="1:10" x14ac:dyDescent="0.35">
      <c r="A74442" s="1" t="s">
        <v>28253</v>
      </c>
      <c r="B74442" s="1" t="s">
        <v>247048</v>
      </c>
      <c r="C74442" s="1" t="s">
        <v>135</v>
      </c>
      <c r="D74442" s="1" t="s">
        <v>115471</v>
      </c>
      <c r="E74442" s="1" t="s">
        <v>248510</v>
      </c>
      <c r="F74442" s="1" t="s">
        <v>248511</v>
      </c>
      <c r="G74442" s="1" t="s">
        <v>248449</v>
      </c>
      <c r="H74442" s="1" t="s">
        <v>248450</v>
      </c>
      <c r="I74442" s="1" t="s">
        <v>247053</v>
      </c>
      <c r="J74442" s="1" t="s">
        <v>248512</v>
      </c>
    </row>
    <row r="74443" spans="1:10" x14ac:dyDescent="0.35">
      <c r="A74443" s="1" t="s">
        <v>28253</v>
      </c>
      <c r="B74443" s="1" t="s">
        <v>247048</v>
      </c>
      <c r="C74443" s="1" t="s">
        <v>140</v>
      </c>
      <c r="D74443" s="1" t="s">
        <v>248513</v>
      </c>
      <c r="E74443" s="1" t="s">
        <v>196951</v>
      </c>
      <c r="F74443" s="1" t="s">
        <v>248514</v>
      </c>
      <c r="G74443" s="1" t="s">
        <v>248449</v>
      </c>
      <c r="H74443" s="1" t="s">
        <v>248450</v>
      </c>
      <c r="I74443" s="1" t="s">
        <v>247053</v>
      </c>
      <c r="J74443" s="1" t="s">
        <v>248515</v>
      </c>
    </row>
    <row r="74444" spans="1:10" x14ac:dyDescent="0.35">
      <c r="A74444" s="1" t="s">
        <v>28253</v>
      </c>
      <c r="B74444" s="1" t="s">
        <v>247048</v>
      </c>
      <c r="C74444" s="1" t="s">
        <v>145</v>
      </c>
      <c r="D74444" s="1" t="s">
        <v>74647</v>
      </c>
      <c r="E74444" s="1" t="s">
        <v>8055</v>
      </c>
      <c r="F74444" s="1" t="s">
        <v>248516</v>
      </c>
      <c r="G74444" s="1" t="s">
        <v>248449</v>
      </c>
      <c r="H74444" s="1" t="s">
        <v>248450</v>
      </c>
      <c r="I74444" s="1" t="s">
        <v>247053</v>
      </c>
      <c r="J74444" s="1" t="s">
        <v>248517</v>
      </c>
    </row>
    <row r="74445" spans="1:10" x14ac:dyDescent="0.35">
      <c r="A74445" s="1" t="s">
        <v>28253</v>
      </c>
      <c r="B74445" s="1" t="s">
        <v>247048</v>
      </c>
      <c r="C74445" s="1" t="s">
        <v>150</v>
      </c>
      <c r="D74445" s="1" t="s">
        <v>37485</v>
      </c>
      <c r="E74445" s="1" t="s">
        <v>248518</v>
      </c>
      <c r="F74445" s="1" t="s">
        <v>248519</v>
      </c>
      <c r="G74445" s="1" t="s">
        <v>248449</v>
      </c>
      <c r="H74445" s="1" t="s">
        <v>248450</v>
      </c>
      <c r="I74445" s="1" t="s">
        <v>247053</v>
      </c>
      <c r="J74445" s="1" t="s">
        <v>248520</v>
      </c>
    </row>
    <row r="74446" spans="1:10" x14ac:dyDescent="0.35">
      <c r="A74446" s="1" t="s">
        <v>28253</v>
      </c>
      <c r="B74446" s="1" t="s">
        <v>247048</v>
      </c>
      <c r="C74446" s="1" t="s">
        <v>155</v>
      </c>
      <c r="D74446" s="1" t="s">
        <v>248521</v>
      </c>
      <c r="E74446" s="1" t="s">
        <v>11752</v>
      </c>
      <c r="F74446" s="1" t="s">
        <v>248522</v>
      </c>
      <c r="G74446" s="1" t="s">
        <v>248449</v>
      </c>
      <c r="H74446" s="1" t="s">
        <v>248450</v>
      </c>
      <c r="I74446" s="1" t="s">
        <v>247053</v>
      </c>
      <c r="J74446" s="1" t="s">
        <v>248523</v>
      </c>
    </row>
    <row r="74447" spans="1:10" x14ac:dyDescent="0.35">
      <c r="A74447" s="1" t="s">
        <v>28253</v>
      </c>
      <c r="B74447" s="1" t="s">
        <v>247048</v>
      </c>
      <c r="C74447" s="1" t="s">
        <v>160</v>
      </c>
      <c r="D74447" s="1" t="s">
        <v>74314</v>
      </c>
      <c r="E74447" s="1" t="s">
        <v>11756</v>
      </c>
      <c r="F74447" s="1" t="s">
        <v>12189</v>
      </c>
      <c r="G74447" s="1" t="s">
        <v>248449</v>
      </c>
      <c r="H74447" s="1" t="s">
        <v>248450</v>
      </c>
      <c r="I74447" s="1" t="s">
        <v>247053</v>
      </c>
      <c r="J74447" s="1" t="s">
        <v>248524</v>
      </c>
    </row>
    <row r="74448" spans="1:10" x14ac:dyDescent="0.35">
      <c r="A74448" s="1" t="s">
        <v>28253</v>
      </c>
      <c r="B74448" s="1" t="s">
        <v>247048</v>
      </c>
      <c r="C74448" s="1" t="s">
        <v>165</v>
      </c>
      <c r="D74448" s="1" t="s">
        <v>44429</v>
      </c>
      <c r="E74448" s="1" t="s">
        <v>248525</v>
      </c>
      <c r="F74448" s="1" t="s">
        <v>12178</v>
      </c>
      <c r="G74448" s="1" t="s">
        <v>248449</v>
      </c>
      <c r="H74448" s="1" t="s">
        <v>248450</v>
      </c>
      <c r="I74448" s="1" t="s">
        <v>247053</v>
      </c>
      <c r="J74448" s="1" t="s">
        <v>248526</v>
      </c>
    </row>
    <row r="74449" spans="1:10" x14ac:dyDescent="0.35">
      <c r="A74449" s="1" t="s">
        <v>28253</v>
      </c>
      <c r="B74449" s="1" t="s">
        <v>247048</v>
      </c>
      <c r="C74449" s="1" t="s">
        <v>170</v>
      </c>
      <c r="D74449" s="1" t="s">
        <v>248527</v>
      </c>
      <c r="E74449" s="1" t="s">
        <v>248528</v>
      </c>
      <c r="F74449" s="1" t="s">
        <v>248529</v>
      </c>
      <c r="G74449" s="1" t="s">
        <v>248449</v>
      </c>
      <c r="H74449" s="1" t="s">
        <v>248450</v>
      </c>
      <c r="I74449" s="1" t="s">
        <v>247053</v>
      </c>
      <c r="J74449" s="1" t="s">
        <v>248530</v>
      </c>
    </row>
    <row r="74450" spans="1:10" x14ac:dyDescent="0.35">
      <c r="A74450" s="1" t="s">
        <v>27433</v>
      </c>
      <c r="B74450" s="1" t="s">
        <v>247048</v>
      </c>
      <c r="C74450" s="1" t="s">
        <v>8</v>
      </c>
      <c r="D74450" s="1" t="s">
        <v>110573</v>
      </c>
      <c r="E74450" s="1" t="s">
        <v>73459</v>
      </c>
      <c r="F74450" s="1" t="s">
        <v>248531</v>
      </c>
      <c r="G74450" s="1" t="s">
        <v>248532</v>
      </c>
      <c r="H74450" s="1" t="s">
        <v>248533</v>
      </c>
      <c r="I74450" s="1" t="s">
        <v>247053</v>
      </c>
      <c r="J74450" s="1" t="s">
        <v>13</v>
      </c>
    </row>
    <row r="74451" spans="1:10" x14ac:dyDescent="0.35">
      <c r="A74451" s="1" t="s">
        <v>27433</v>
      </c>
      <c r="B74451" s="1" t="s">
        <v>247048</v>
      </c>
      <c r="C74451" s="1" t="s">
        <v>15</v>
      </c>
      <c r="D74451" s="1" t="s">
        <v>4797</v>
      </c>
      <c r="E74451" s="1" t="s">
        <v>248534</v>
      </c>
      <c r="F74451" s="1" t="s">
        <v>248535</v>
      </c>
      <c r="G74451" s="1" t="s">
        <v>248532</v>
      </c>
      <c r="H74451" s="1" t="s">
        <v>248533</v>
      </c>
      <c r="I74451" s="1" t="s">
        <v>247053</v>
      </c>
      <c r="J74451" s="1" t="s">
        <v>248536</v>
      </c>
    </row>
    <row r="74452" spans="1:10" x14ac:dyDescent="0.35">
      <c r="A74452" s="1" t="s">
        <v>27433</v>
      </c>
      <c r="B74452" s="1" t="s">
        <v>247048</v>
      </c>
      <c r="C74452" s="1" t="s">
        <v>20</v>
      </c>
      <c r="D74452" s="1" t="s">
        <v>10943</v>
      </c>
      <c r="E74452" s="1" t="s">
        <v>248537</v>
      </c>
      <c r="F74452" s="1" t="s">
        <v>248538</v>
      </c>
      <c r="G74452" s="1" t="s">
        <v>248532</v>
      </c>
      <c r="H74452" s="1" t="s">
        <v>248533</v>
      </c>
      <c r="I74452" s="1" t="s">
        <v>247053</v>
      </c>
      <c r="J74452" s="1" t="s">
        <v>248539</v>
      </c>
    </row>
    <row r="74453" spans="1:10" x14ac:dyDescent="0.35">
      <c r="A74453" s="1" t="s">
        <v>27433</v>
      </c>
      <c r="B74453" s="1" t="s">
        <v>247048</v>
      </c>
      <c r="C74453" s="1" t="s">
        <v>25</v>
      </c>
      <c r="D74453" s="1" t="s">
        <v>25546</v>
      </c>
      <c r="E74453" s="1" t="s">
        <v>248540</v>
      </c>
      <c r="F74453" s="1" t="s">
        <v>248541</v>
      </c>
      <c r="G74453" s="1" t="s">
        <v>248532</v>
      </c>
      <c r="H74453" s="1" t="s">
        <v>248533</v>
      </c>
      <c r="I74453" s="1" t="s">
        <v>247053</v>
      </c>
      <c r="J74453" s="1" t="s">
        <v>248542</v>
      </c>
    </row>
    <row r="74454" spans="1:10" x14ac:dyDescent="0.35">
      <c r="A74454" s="1" t="s">
        <v>27433</v>
      </c>
      <c r="B74454" s="1" t="s">
        <v>247048</v>
      </c>
      <c r="C74454" s="1" t="s">
        <v>30</v>
      </c>
      <c r="D74454" s="1" t="s">
        <v>248543</v>
      </c>
      <c r="E74454" s="1" t="s">
        <v>148237</v>
      </c>
      <c r="F74454" s="1" t="s">
        <v>248544</v>
      </c>
      <c r="G74454" s="1" t="s">
        <v>248532</v>
      </c>
      <c r="H74454" s="1" t="s">
        <v>248533</v>
      </c>
      <c r="I74454" s="1" t="s">
        <v>247053</v>
      </c>
      <c r="J74454" s="1" t="s">
        <v>248545</v>
      </c>
    </row>
    <row r="74455" spans="1:10" x14ac:dyDescent="0.35">
      <c r="A74455" s="1" t="s">
        <v>27433</v>
      </c>
      <c r="B74455" s="1" t="s">
        <v>247048</v>
      </c>
      <c r="C74455" s="1" t="s">
        <v>35</v>
      </c>
      <c r="D74455" s="1" t="s">
        <v>111207</v>
      </c>
      <c r="E74455" s="1" t="s">
        <v>142992</v>
      </c>
      <c r="F74455" s="1" t="s">
        <v>248546</v>
      </c>
      <c r="G74455" s="1" t="s">
        <v>248532</v>
      </c>
      <c r="H74455" s="1" t="s">
        <v>248533</v>
      </c>
      <c r="I74455" s="1" t="s">
        <v>247053</v>
      </c>
      <c r="J74455" s="1" t="s">
        <v>248547</v>
      </c>
    </row>
    <row r="74456" spans="1:10" x14ac:dyDescent="0.35">
      <c r="A74456" s="1" t="s">
        <v>27433</v>
      </c>
      <c r="B74456" s="1" t="s">
        <v>247048</v>
      </c>
      <c r="C74456" s="1" t="s">
        <v>40</v>
      </c>
      <c r="D74456" s="1" t="s">
        <v>6539</v>
      </c>
      <c r="E74456" s="1" t="s">
        <v>73355</v>
      </c>
      <c r="F74456" s="1" t="s">
        <v>248548</v>
      </c>
      <c r="G74456" s="1" t="s">
        <v>248532</v>
      </c>
      <c r="H74456" s="1" t="s">
        <v>248533</v>
      </c>
      <c r="I74456" s="1" t="s">
        <v>247053</v>
      </c>
      <c r="J74456" s="1" t="s">
        <v>248549</v>
      </c>
    </row>
    <row r="74457" spans="1:10" x14ac:dyDescent="0.35">
      <c r="A74457" s="1" t="s">
        <v>27433</v>
      </c>
      <c r="B74457" s="1" t="s">
        <v>247048</v>
      </c>
      <c r="C74457" s="1" t="s">
        <v>45</v>
      </c>
      <c r="D74457" s="1" t="s">
        <v>111693</v>
      </c>
      <c r="E74457" s="1" t="s">
        <v>248550</v>
      </c>
      <c r="F74457" s="1" t="s">
        <v>248551</v>
      </c>
      <c r="G74457" s="1" t="s">
        <v>248532</v>
      </c>
      <c r="H74457" s="1" t="s">
        <v>248533</v>
      </c>
      <c r="I74457" s="1" t="s">
        <v>247053</v>
      </c>
      <c r="J74457" s="1" t="s">
        <v>248552</v>
      </c>
    </row>
    <row r="74458" spans="1:10" x14ac:dyDescent="0.35">
      <c r="A74458" s="1" t="s">
        <v>27433</v>
      </c>
      <c r="B74458" s="1" t="s">
        <v>247048</v>
      </c>
      <c r="C74458" s="1" t="s">
        <v>50</v>
      </c>
      <c r="D74458" s="1" t="s">
        <v>120577</v>
      </c>
      <c r="E74458" s="1" t="s">
        <v>248553</v>
      </c>
      <c r="F74458" s="1" t="s">
        <v>248554</v>
      </c>
      <c r="G74458" s="1" t="s">
        <v>248532</v>
      </c>
      <c r="H74458" s="1" t="s">
        <v>248533</v>
      </c>
      <c r="I74458" s="1" t="s">
        <v>247053</v>
      </c>
      <c r="J74458" s="1" t="s">
        <v>248555</v>
      </c>
    </row>
    <row r="74459" spans="1:10" x14ac:dyDescent="0.35">
      <c r="A74459" s="1" t="s">
        <v>27433</v>
      </c>
      <c r="B74459" s="1" t="s">
        <v>247048</v>
      </c>
      <c r="C74459" s="1" t="s">
        <v>55</v>
      </c>
      <c r="D74459" s="1" t="s">
        <v>28574</v>
      </c>
      <c r="E74459" s="1" t="s">
        <v>196873</v>
      </c>
      <c r="F74459" s="1" t="s">
        <v>248556</v>
      </c>
      <c r="G74459" s="1" t="s">
        <v>248532</v>
      </c>
      <c r="H74459" s="1" t="s">
        <v>248533</v>
      </c>
      <c r="I74459" s="1" t="s">
        <v>247053</v>
      </c>
      <c r="J74459" s="1" t="s">
        <v>248557</v>
      </c>
    </row>
    <row r="74460" spans="1:10" x14ac:dyDescent="0.35">
      <c r="A74460" s="1" t="s">
        <v>27433</v>
      </c>
      <c r="B74460" s="1" t="s">
        <v>247048</v>
      </c>
      <c r="C74460" s="1" t="s">
        <v>60</v>
      </c>
      <c r="D74460" s="1" t="s">
        <v>117053</v>
      </c>
      <c r="E74460" s="1" t="s">
        <v>8043</v>
      </c>
      <c r="F74460" s="1" t="s">
        <v>248558</v>
      </c>
      <c r="G74460" s="1" t="s">
        <v>248532</v>
      </c>
      <c r="H74460" s="1" t="s">
        <v>248533</v>
      </c>
      <c r="I74460" s="1" t="s">
        <v>247053</v>
      </c>
      <c r="J74460" s="1" t="s">
        <v>248559</v>
      </c>
    </row>
    <row r="74461" spans="1:10" x14ac:dyDescent="0.35">
      <c r="A74461" s="1" t="s">
        <v>27433</v>
      </c>
      <c r="B74461" s="1" t="s">
        <v>247048</v>
      </c>
      <c r="C74461" s="1" t="s">
        <v>65</v>
      </c>
      <c r="D74461" s="1" t="s">
        <v>46468</v>
      </c>
      <c r="E74461" s="1" t="s">
        <v>111822</v>
      </c>
      <c r="F74461" s="1" t="s">
        <v>248560</v>
      </c>
      <c r="G74461" s="1" t="s">
        <v>248532</v>
      </c>
      <c r="H74461" s="1" t="s">
        <v>248533</v>
      </c>
      <c r="I74461" s="1" t="s">
        <v>247053</v>
      </c>
      <c r="J74461" s="1" t="s">
        <v>248561</v>
      </c>
    </row>
    <row r="74462" spans="1:10" x14ac:dyDescent="0.35">
      <c r="A74462" s="1" t="s">
        <v>27433</v>
      </c>
      <c r="B74462" s="1" t="s">
        <v>247048</v>
      </c>
      <c r="C74462" s="1" t="s">
        <v>70</v>
      </c>
      <c r="D74462" s="1" t="s">
        <v>248562</v>
      </c>
      <c r="E74462" s="1" t="s">
        <v>111795</v>
      </c>
      <c r="F74462" s="1" t="s">
        <v>248563</v>
      </c>
      <c r="G74462" s="1" t="s">
        <v>248532</v>
      </c>
      <c r="H74462" s="1" t="s">
        <v>248533</v>
      </c>
      <c r="I74462" s="1" t="s">
        <v>247053</v>
      </c>
      <c r="J74462" s="1" t="s">
        <v>248564</v>
      </c>
    </row>
    <row r="74463" spans="1:10" x14ac:dyDescent="0.35">
      <c r="A74463" s="1" t="s">
        <v>27433</v>
      </c>
      <c r="B74463" s="1" t="s">
        <v>247048</v>
      </c>
      <c r="C74463" s="1" t="s">
        <v>75</v>
      </c>
      <c r="D74463" s="1" t="s">
        <v>157330</v>
      </c>
      <c r="E74463" s="1" t="s">
        <v>196953</v>
      </c>
      <c r="F74463" s="1" t="s">
        <v>248565</v>
      </c>
      <c r="G74463" s="1" t="s">
        <v>248532</v>
      </c>
      <c r="H74463" s="1" t="s">
        <v>248533</v>
      </c>
      <c r="I74463" s="1" t="s">
        <v>247053</v>
      </c>
      <c r="J74463" s="1" t="s">
        <v>248566</v>
      </c>
    </row>
    <row r="74464" spans="1:10" x14ac:dyDescent="0.35">
      <c r="A74464" s="1" t="s">
        <v>27433</v>
      </c>
      <c r="B74464" s="1" t="s">
        <v>247048</v>
      </c>
      <c r="C74464" s="1" t="s">
        <v>80</v>
      </c>
      <c r="D74464" s="1" t="s">
        <v>46364</v>
      </c>
      <c r="E74464" s="1" t="s">
        <v>248464</v>
      </c>
      <c r="F74464" s="1" t="s">
        <v>248567</v>
      </c>
      <c r="G74464" s="1" t="s">
        <v>248532</v>
      </c>
      <c r="H74464" s="1" t="s">
        <v>248533</v>
      </c>
      <c r="I74464" s="1" t="s">
        <v>247053</v>
      </c>
      <c r="J74464" s="1" t="s">
        <v>248568</v>
      </c>
    </row>
    <row r="74465" spans="1:10" x14ac:dyDescent="0.35">
      <c r="A74465" s="1" t="s">
        <v>27433</v>
      </c>
      <c r="B74465" s="1" t="s">
        <v>247048</v>
      </c>
      <c r="C74465" s="1" t="s">
        <v>85</v>
      </c>
      <c r="D74465" s="1" t="s">
        <v>15244</v>
      </c>
      <c r="E74465" s="1" t="s">
        <v>248569</v>
      </c>
      <c r="F74465" s="1" t="s">
        <v>248570</v>
      </c>
      <c r="G74465" s="1" t="s">
        <v>248532</v>
      </c>
      <c r="H74465" s="1" t="s">
        <v>248533</v>
      </c>
      <c r="I74465" s="1" t="s">
        <v>247053</v>
      </c>
      <c r="J74465" s="1" t="s">
        <v>248571</v>
      </c>
    </row>
    <row r="74466" spans="1:10" x14ac:dyDescent="0.35">
      <c r="A74466" s="1" t="s">
        <v>27433</v>
      </c>
      <c r="B74466" s="1" t="s">
        <v>247048</v>
      </c>
      <c r="C74466" s="1" t="s">
        <v>90</v>
      </c>
      <c r="D74466" s="1" t="s">
        <v>25770</v>
      </c>
      <c r="E74466" s="1" t="s">
        <v>248572</v>
      </c>
      <c r="F74466" s="1" t="s">
        <v>248573</v>
      </c>
      <c r="G74466" s="1" t="s">
        <v>248532</v>
      </c>
      <c r="H74466" s="1" t="s">
        <v>248533</v>
      </c>
      <c r="I74466" s="1" t="s">
        <v>247053</v>
      </c>
      <c r="J74466" s="1" t="s">
        <v>248574</v>
      </c>
    </row>
    <row r="74467" spans="1:10" x14ac:dyDescent="0.35">
      <c r="A74467" s="1" t="s">
        <v>27433</v>
      </c>
      <c r="B74467" s="1" t="s">
        <v>247048</v>
      </c>
      <c r="C74467" s="1" t="s">
        <v>95</v>
      </c>
      <c r="D74467" s="1" t="s">
        <v>47439</v>
      </c>
      <c r="E74467" s="1" t="s">
        <v>248575</v>
      </c>
      <c r="F74467" s="1" t="s">
        <v>248576</v>
      </c>
      <c r="G74467" s="1" t="s">
        <v>248532</v>
      </c>
      <c r="H74467" s="1" t="s">
        <v>248533</v>
      </c>
      <c r="I74467" s="1" t="s">
        <v>247053</v>
      </c>
      <c r="J74467" s="1" t="s">
        <v>248577</v>
      </c>
    </row>
    <row r="74468" spans="1:10" x14ac:dyDescent="0.35">
      <c r="A74468" s="1" t="s">
        <v>27433</v>
      </c>
      <c r="B74468" s="1" t="s">
        <v>247048</v>
      </c>
      <c r="C74468" s="1" t="s">
        <v>100</v>
      </c>
      <c r="D74468" s="1" t="s">
        <v>74087</v>
      </c>
      <c r="E74468" s="1" t="s">
        <v>142960</v>
      </c>
      <c r="F74468" s="1" t="s">
        <v>248578</v>
      </c>
      <c r="G74468" s="1" t="s">
        <v>248532</v>
      </c>
      <c r="H74468" s="1" t="s">
        <v>248533</v>
      </c>
      <c r="I74468" s="1" t="s">
        <v>247053</v>
      </c>
      <c r="J74468" s="1" t="s">
        <v>248579</v>
      </c>
    </row>
    <row r="74469" spans="1:10" x14ac:dyDescent="0.35">
      <c r="A74469" s="1" t="s">
        <v>27433</v>
      </c>
      <c r="B74469" s="1" t="s">
        <v>247048</v>
      </c>
      <c r="C74469" s="1" t="s">
        <v>105</v>
      </c>
      <c r="D74469" s="1" t="s">
        <v>10366</v>
      </c>
      <c r="E74469" s="1" t="s">
        <v>196918</v>
      </c>
      <c r="F74469" s="1" t="s">
        <v>248580</v>
      </c>
      <c r="G74469" s="1" t="s">
        <v>248532</v>
      </c>
      <c r="H74469" s="1" t="s">
        <v>248533</v>
      </c>
      <c r="I74469" s="1" t="s">
        <v>247053</v>
      </c>
      <c r="J74469" s="1" t="s">
        <v>248581</v>
      </c>
    </row>
    <row r="74470" spans="1:10" x14ac:dyDescent="0.35">
      <c r="A74470" s="1" t="s">
        <v>27433</v>
      </c>
      <c r="B74470" s="1" t="s">
        <v>247048</v>
      </c>
      <c r="C74470" s="1" t="s">
        <v>110</v>
      </c>
      <c r="D74470" s="1" t="s">
        <v>1476</v>
      </c>
      <c r="E74470" s="1" t="s">
        <v>248582</v>
      </c>
      <c r="F74470" s="1" t="s">
        <v>248583</v>
      </c>
      <c r="G74470" s="1" t="s">
        <v>248532</v>
      </c>
      <c r="H74470" s="1" t="s">
        <v>248533</v>
      </c>
      <c r="I74470" s="1" t="s">
        <v>247053</v>
      </c>
      <c r="J74470" s="1" t="s">
        <v>248584</v>
      </c>
    </row>
    <row r="74471" spans="1:10" x14ac:dyDescent="0.35">
      <c r="A74471" s="1" t="s">
        <v>27433</v>
      </c>
      <c r="B74471" s="1" t="s">
        <v>247048</v>
      </c>
      <c r="C74471" s="1" t="s">
        <v>115</v>
      </c>
      <c r="D74471" s="1" t="s">
        <v>33945</v>
      </c>
      <c r="E74471" s="1" t="s">
        <v>143009</v>
      </c>
      <c r="F74471" s="1" t="s">
        <v>248585</v>
      </c>
      <c r="G74471" s="1" t="s">
        <v>248532</v>
      </c>
      <c r="H74471" s="1" t="s">
        <v>248533</v>
      </c>
      <c r="I74471" s="1" t="s">
        <v>247053</v>
      </c>
      <c r="J74471" s="1" t="s">
        <v>248586</v>
      </c>
    </row>
    <row r="74472" spans="1:10" x14ac:dyDescent="0.35">
      <c r="A74472" s="1" t="s">
        <v>27433</v>
      </c>
      <c r="B74472" s="1" t="s">
        <v>247048</v>
      </c>
      <c r="C74472" s="1" t="s">
        <v>120</v>
      </c>
      <c r="D74472" s="1" t="s">
        <v>72034</v>
      </c>
      <c r="E74472" s="1" t="s">
        <v>248587</v>
      </c>
      <c r="F74472" s="1" t="s">
        <v>248588</v>
      </c>
      <c r="G74472" s="1" t="s">
        <v>248532</v>
      </c>
      <c r="H74472" s="1" t="s">
        <v>248533</v>
      </c>
      <c r="I74472" s="1" t="s">
        <v>247053</v>
      </c>
      <c r="J74472" s="1" t="s">
        <v>248589</v>
      </c>
    </row>
    <row r="74473" spans="1:10" x14ac:dyDescent="0.35">
      <c r="A74473" s="1" t="s">
        <v>27433</v>
      </c>
      <c r="B74473" s="1" t="s">
        <v>247048</v>
      </c>
      <c r="C74473" s="1" t="s">
        <v>125</v>
      </c>
      <c r="D74473" s="1" t="s">
        <v>151548</v>
      </c>
      <c r="E74473" s="1" t="s">
        <v>197107</v>
      </c>
      <c r="F74473" s="1" t="s">
        <v>248590</v>
      </c>
      <c r="G74473" s="1" t="s">
        <v>248532</v>
      </c>
      <c r="H74473" s="1" t="s">
        <v>248533</v>
      </c>
      <c r="I74473" s="1" t="s">
        <v>247053</v>
      </c>
      <c r="J74473" s="1" t="s">
        <v>248591</v>
      </c>
    </row>
    <row r="74474" spans="1:10" x14ac:dyDescent="0.35">
      <c r="A74474" s="1" t="s">
        <v>27433</v>
      </c>
      <c r="B74474" s="1" t="s">
        <v>247048</v>
      </c>
      <c r="C74474" s="1" t="s">
        <v>130</v>
      </c>
      <c r="D74474" s="1" t="s">
        <v>42910</v>
      </c>
      <c r="E74474" s="1" t="s">
        <v>248592</v>
      </c>
      <c r="F74474" s="1" t="s">
        <v>248593</v>
      </c>
      <c r="G74474" s="1" t="s">
        <v>248532</v>
      </c>
      <c r="H74474" s="1" t="s">
        <v>248533</v>
      </c>
      <c r="I74474" s="1" t="s">
        <v>247053</v>
      </c>
      <c r="J74474" s="1" t="s">
        <v>248594</v>
      </c>
    </row>
    <row r="74475" spans="1:10" x14ac:dyDescent="0.35">
      <c r="A74475" s="1" t="s">
        <v>27433</v>
      </c>
      <c r="B74475" s="1" t="s">
        <v>247048</v>
      </c>
      <c r="C74475" s="1" t="s">
        <v>135</v>
      </c>
      <c r="D74475" s="1" t="s">
        <v>30799</v>
      </c>
      <c r="E74475" s="1" t="s">
        <v>8092</v>
      </c>
      <c r="F74475" s="1" t="s">
        <v>248595</v>
      </c>
      <c r="G74475" s="1" t="s">
        <v>248532</v>
      </c>
      <c r="H74475" s="1" t="s">
        <v>248533</v>
      </c>
      <c r="I74475" s="1" t="s">
        <v>247053</v>
      </c>
      <c r="J74475" s="1" t="s">
        <v>248596</v>
      </c>
    </row>
    <row r="74476" spans="1:10" x14ac:dyDescent="0.35">
      <c r="A74476" s="1" t="s">
        <v>27433</v>
      </c>
      <c r="B74476" s="1" t="s">
        <v>247048</v>
      </c>
      <c r="C74476" s="1" t="s">
        <v>140</v>
      </c>
      <c r="D74476" s="1" t="s">
        <v>211833</v>
      </c>
      <c r="E74476" s="1" t="s">
        <v>111806</v>
      </c>
      <c r="F74476" s="1" t="s">
        <v>248597</v>
      </c>
      <c r="G74476" s="1" t="s">
        <v>248532</v>
      </c>
      <c r="H74476" s="1" t="s">
        <v>248533</v>
      </c>
      <c r="I74476" s="1" t="s">
        <v>247053</v>
      </c>
      <c r="J74476" s="1" t="s">
        <v>248598</v>
      </c>
    </row>
    <row r="74477" spans="1:10" x14ac:dyDescent="0.35">
      <c r="A74477" s="1" t="s">
        <v>27433</v>
      </c>
      <c r="B74477" s="1" t="s">
        <v>247048</v>
      </c>
      <c r="C74477" s="1" t="s">
        <v>145</v>
      </c>
      <c r="D74477" s="1" t="s">
        <v>47384</v>
      </c>
      <c r="E74477" s="1" t="s">
        <v>6837</v>
      </c>
      <c r="F74477" s="1" t="s">
        <v>248599</v>
      </c>
      <c r="G74477" s="1" t="s">
        <v>248532</v>
      </c>
      <c r="H74477" s="1" t="s">
        <v>248533</v>
      </c>
      <c r="I74477" s="1" t="s">
        <v>247053</v>
      </c>
      <c r="J74477" s="1" t="s">
        <v>248600</v>
      </c>
    </row>
    <row r="74478" spans="1:10" x14ac:dyDescent="0.35">
      <c r="A74478" s="1" t="s">
        <v>27433</v>
      </c>
      <c r="B74478" s="1" t="s">
        <v>247048</v>
      </c>
      <c r="C74478" s="1" t="s">
        <v>150</v>
      </c>
      <c r="D74478" s="1" t="s">
        <v>32027</v>
      </c>
      <c r="E74478" s="1" t="s">
        <v>8055</v>
      </c>
      <c r="F74478" s="1" t="s">
        <v>248601</v>
      </c>
      <c r="G74478" s="1" t="s">
        <v>248532</v>
      </c>
      <c r="H74478" s="1" t="s">
        <v>248533</v>
      </c>
      <c r="I74478" s="1" t="s">
        <v>247053</v>
      </c>
      <c r="J74478" s="1" t="s">
        <v>248602</v>
      </c>
    </row>
    <row r="74479" spans="1:10" x14ac:dyDescent="0.35">
      <c r="A74479" s="1" t="s">
        <v>27433</v>
      </c>
      <c r="B74479" s="1" t="s">
        <v>247048</v>
      </c>
      <c r="C74479" s="1" t="s">
        <v>155</v>
      </c>
      <c r="D74479" s="1" t="s">
        <v>176329</v>
      </c>
      <c r="E74479" s="1" t="s">
        <v>11738</v>
      </c>
      <c r="F74479" s="1" t="s">
        <v>23050</v>
      </c>
      <c r="G74479" s="1" t="s">
        <v>248532</v>
      </c>
      <c r="H74479" s="1" t="s">
        <v>248533</v>
      </c>
      <c r="I74479" s="1" t="s">
        <v>247053</v>
      </c>
      <c r="J74479" s="1" t="s">
        <v>248603</v>
      </c>
    </row>
    <row r="74480" spans="1:10" x14ac:dyDescent="0.35">
      <c r="A74480" s="1" t="s">
        <v>27433</v>
      </c>
      <c r="B74480" s="1" t="s">
        <v>247048</v>
      </c>
      <c r="C74480" s="1" t="s">
        <v>160</v>
      </c>
      <c r="D74480" s="1" t="s">
        <v>248604</v>
      </c>
      <c r="E74480" s="1" t="s">
        <v>196913</v>
      </c>
      <c r="F74480" s="1" t="s">
        <v>202514</v>
      </c>
      <c r="G74480" s="1" t="s">
        <v>248532</v>
      </c>
      <c r="H74480" s="1" t="s">
        <v>248533</v>
      </c>
      <c r="I74480" s="1" t="s">
        <v>247053</v>
      </c>
      <c r="J74480" s="1" t="s">
        <v>248605</v>
      </c>
    </row>
    <row r="74481" spans="1:10" x14ac:dyDescent="0.35">
      <c r="A74481" s="1" t="s">
        <v>27433</v>
      </c>
      <c r="B74481" s="1" t="s">
        <v>247048</v>
      </c>
      <c r="C74481" s="1" t="s">
        <v>165</v>
      </c>
      <c r="D74481" s="1" t="s">
        <v>187739</v>
      </c>
      <c r="E74481" s="1" t="s">
        <v>248606</v>
      </c>
      <c r="F74481" s="1" t="s">
        <v>248607</v>
      </c>
      <c r="G74481" s="1" t="s">
        <v>248532</v>
      </c>
      <c r="H74481" s="1" t="s">
        <v>248533</v>
      </c>
      <c r="I74481" s="1" t="s">
        <v>247053</v>
      </c>
      <c r="J74481" s="1" t="s">
        <v>248608</v>
      </c>
    </row>
    <row r="74482" spans="1:10" x14ac:dyDescent="0.35">
      <c r="A74482" s="1" t="s">
        <v>27433</v>
      </c>
      <c r="B74482" s="1" t="s">
        <v>247048</v>
      </c>
      <c r="C74482" s="1" t="s">
        <v>170</v>
      </c>
      <c r="D74482" s="1" t="s">
        <v>126154</v>
      </c>
      <c r="E74482" s="1" t="s">
        <v>197094</v>
      </c>
      <c r="F74482" s="1" t="s">
        <v>248609</v>
      </c>
      <c r="G74482" s="1" t="s">
        <v>248532</v>
      </c>
      <c r="H74482" s="1" t="s">
        <v>248533</v>
      </c>
      <c r="I74482" s="1" t="s">
        <v>247053</v>
      </c>
      <c r="J74482" s="1" t="s">
        <v>248610</v>
      </c>
    </row>
    <row r="74483" spans="1:10" x14ac:dyDescent="0.35">
      <c r="A74483" s="1" t="s">
        <v>8365</v>
      </c>
      <c r="B74483" s="1" t="s">
        <v>247048</v>
      </c>
      <c r="C74483" s="1" t="s">
        <v>8</v>
      </c>
      <c r="D74483" s="1" t="s">
        <v>10057</v>
      </c>
      <c r="E74483" s="1" t="s">
        <v>248611</v>
      </c>
      <c r="F74483" s="1" t="s">
        <v>248612</v>
      </c>
      <c r="G74483" s="1" t="s">
        <v>248613</v>
      </c>
      <c r="H74483" s="1" t="s">
        <v>248614</v>
      </c>
      <c r="I74483" s="1" t="s">
        <v>247053</v>
      </c>
      <c r="J74483" s="1" t="s">
        <v>13</v>
      </c>
    </row>
    <row r="74484" spans="1:10" x14ac:dyDescent="0.35">
      <c r="A74484" s="1" t="s">
        <v>8365</v>
      </c>
      <c r="B74484" s="1" t="s">
        <v>247048</v>
      </c>
      <c r="C74484" s="1" t="s">
        <v>15</v>
      </c>
      <c r="D74484" s="1" t="s">
        <v>145396</v>
      </c>
      <c r="E74484" s="1" t="s">
        <v>248615</v>
      </c>
      <c r="F74484" s="1" t="s">
        <v>248616</v>
      </c>
      <c r="G74484" s="1" t="s">
        <v>248613</v>
      </c>
      <c r="H74484" s="1" t="s">
        <v>248614</v>
      </c>
      <c r="I74484" s="1" t="s">
        <v>247053</v>
      </c>
      <c r="J74484" s="1" t="s">
        <v>248617</v>
      </c>
    </row>
    <row r="74485" spans="1:10" x14ac:dyDescent="0.35">
      <c r="A74485" s="1" t="s">
        <v>8365</v>
      </c>
      <c r="B74485" s="1" t="s">
        <v>247048</v>
      </c>
      <c r="C74485" s="1" t="s">
        <v>20</v>
      </c>
      <c r="D74485" s="1" t="s">
        <v>46839</v>
      </c>
      <c r="E74485" s="1" t="s">
        <v>248618</v>
      </c>
      <c r="F74485" s="1" t="s">
        <v>248619</v>
      </c>
      <c r="G74485" s="1" t="s">
        <v>248613</v>
      </c>
      <c r="H74485" s="1" t="s">
        <v>248614</v>
      </c>
      <c r="I74485" s="1" t="s">
        <v>247053</v>
      </c>
      <c r="J74485" s="1" t="s">
        <v>248620</v>
      </c>
    </row>
    <row r="74486" spans="1:10" x14ac:dyDescent="0.35">
      <c r="A74486" s="1" t="s">
        <v>8365</v>
      </c>
      <c r="B74486" s="1" t="s">
        <v>247048</v>
      </c>
      <c r="C74486" s="1" t="s">
        <v>25</v>
      </c>
      <c r="D74486" s="1" t="s">
        <v>29668</v>
      </c>
      <c r="E74486" s="1" t="s">
        <v>248621</v>
      </c>
      <c r="F74486" s="1" t="s">
        <v>248622</v>
      </c>
      <c r="G74486" s="1" t="s">
        <v>248613</v>
      </c>
      <c r="H74486" s="1" t="s">
        <v>248614</v>
      </c>
      <c r="I74486" s="1" t="s">
        <v>247053</v>
      </c>
      <c r="J74486" s="1" t="s">
        <v>248623</v>
      </c>
    </row>
    <row r="74487" spans="1:10" x14ac:dyDescent="0.35">
      <c r="A74487" s="1" t="s">
        <v>8365</v>
      </c>
      <c r="B74487" s="1" t="s">
        <v>247048</v>
      </c>
      <c r="C74487" s="1" t="s">
        <v>30</v>
      </c>
      <c r="D74487" s="1" t="s">
        <v>112342</v>
      </c>
      <c r="E74487" s="1" t="s">
        <v>248624</v>
      </c>
      <c r="F74487" s="1" t="s">
        <v>248625</v>
      </c>
      <c r="G74487" s="1" t="s">
        <v>248613</v>
      </c>
      <c r="H74487" s="1" t="s">
        <v>248614</v>
      </c>
      <c r="I74487" s="1" t="s">
        <v>247053</v>
      </c>
      <c r="J74487" s="1" t="s">
        <v>248626</v>
      </c>
    </row>
    <row r="74488" spans="1:10" x14ac:dyDescent="0.35">
      <c r="A74488" s="1" t="s">
        <v>8365</v>
      </c>
      <c r="B74488" s="1" t="s">
        <v>247048</v>
      </c>
      <c r="C74488" s="1" t="s">
        <v>35</v>
      </c>
      <c r="D74488" s="1" t="s">
        <v>1683</v>
      </c>
      <c r="E74488" s="1" t="s">
        <v>248627</v>
      </c>
      <c r="F74488" s="1" t="s">
        <v>248628</v>
      </c>
      <c r="G74488" s="1" t="s">
        <v>248613</v>
      </c>
      <c r="H74488" s="1" t="s">
        <v>248614</v>
      </c>
      <c r="I74488" s="1" t="s">
        <v>247053</v>
      </c>
      <c r="J74488" s="1" t="s">
        <v>248629</v>
      </c>
    </row>
    <row r="74489" spans="1:10" x14ac:dyDescent="0.35">
      <c r="A74489" s="1" t="s">
        <v>8365</v>
      </c>
      <c r="B74489" s="1" t="s">
        <v>247048</v>
      </c>
      <c r="C74489" s="1" t="s">
        <v>40</v>
      </c>
      <c r="D74489" s="1" t="s">
        <v>121897</v>
      </c>
      <c r="E74489" s="1" t="s">
        <v>248630</v>
      </c>
      <c r="F74489" s="1" t="s">
        <v>248631</v>
      </c>
      <c r="G74489" s="1" t="s">
        <v>248613</v>
      </c>
      <c r="H74489" s="1" t="s">
        <v>248614</v>
      </c>
      <c r="I74489" s="1" t="s">
        <v>247053</v>
      </c>
      <c r="J74489" s="1" t="s">
        <v>248632</v>
      </c>
    </row>
    <row r="74490" spans="1:10" x14ac:dyDescent="0.35">
      <c r="A74490" s="1" t="s">
        <v>8365</v>
      </c>
      <c r="B74490" s="1" t="s">
        <v>247048</v>
      </c>
      <c r="C74490" s="1" t="s">
        <v>45</v>
      </c>
      <c r="D74490" s="1" t="s">
        <v>2917</v>
      </c>
      <c r="E74490" s="1" t="s">
        <v>248633</v>
      </c>
      <c r="F74490" s="1" t="s">
        <v>248634</v>
      </c>
      <c r="G74490" s="1" t="s">
        <v>248613</v>
      </c>
      <c r="H74490" s="1" t="s">
        <v>248614</v>
      </c>
      <c r="I74490" s="1" t="s">
        <v>247053</v>
      </c>
      <c r="J74490" s="1" t="s">
        <v>248635</v>
      </c>
    </row>
    <row r="74491" spans="1:10" x14ac:dyDescent="0.35">
      <c r="A74491" s="1" t="s">
        <v>8365</v>
      </c>
      <c r="B74491" s="1" t="s">
        <v>247048</v>
      </c>
      <c r="C74491" s="1" t="s">
        <v>50</v>
      </c>
      <c r="D74491" s="1" t="s">
        <v>248636</v>
      </c>
      <c r="E74491" s="1" t="s">
        <v>248637</v>
      </c>
      <c r="F74491" s="1" t="s">
        <v>248638</v>
      </c>
      <c r="G74491" s="1" t="s">
        <v>248613</v>
      </c>
      <c r="H74491" s="1" t="s">
        <v>248614</v>
      </c>
      <c r="I74491" s="1" t="s">
        <v>247053</v>
      </c>
      <c r="J74491" s="1" t="s">
        <v>248639</v>
      </c>
    </row>
    <row r="74492" spans="1:10" x14ac:dyDescent="0.35">
      <c r="A74492" s="1" t="s">
        <v>8365</v>
      </c>
      <c r="B74492" s="1" t="s">
        <v>247048</v>
      </c>
      <c r="C74492" s="1" t="s">
        <v>55</v>
      </c>
      <c r="D74492" s="1" t="s">
        <v>2319</v>
      </c>
      <c r="E74492" s="1" t="s">
        <v>248640</v>
      </c>
      <c r="F74492" s="1" t="s">
        <v>248641</v>
      </c>
      <c r="G74492" s="1" t="s">
        <v>248613</v>
      </c>
      <c r="H74492" s="1" t="s">
        <v>248614</v>
      </c>
      <c r="I74492" s="1" t="s">
        <v>247053</v>
      </c>
      <c r="J74492" s="1" t="s">
        <v>248642</v>
      </c>
    </row>
    <row r="74493" spans="1:10" x14ac:dyDescent="0.35">
      <c r="A74493" s="1" t="s">
        <v>8365</v>
      </c>
      <c r="B74493" s="1" t="s">
        <v>247048</v>
      </c>
      <c r="C74493" s="1" t="s">
        <v>60</v>
      </c>
      <c r="D74493" s="1" t="s">
        <v>28816</v>
      </c>
      <c r="E74493" s="1" t="s">
        <v>248643</v>
      </c>
      <c r="F74493" s="1" t="s">
        <v>248644</v>
      </c>
      <c r="G74493" s="1" t="s">
        <v>248613</v>
      </c>
      <c r="H74493" s="1" t="s">
        <v>248614</v>
      </c>
      <c r="I74493" s="1" t="s">
        <v>247053</v>
      </c>
      <c r="J74493" s="1" t="s">
        <v>248645</v>
      </c>
    </row>
    <row r="74494" spans="1:10" x14ac:dyDescent="0.35">
      <c r="A74494" s="1" t="s">
        <v>8365</v>
      </c>
      <c r="B74494" s="1" t="s">
        <v>247048</v>
      </c>
      <c r="C74494" s="1" t="s">
        <v>65</v>
      </c>
      <c r="D74494" s="1" t="s">
        <v>48145</v>
      </c>
      <c r="E74494" s="1" t="s">
        <v>248646</v>
      </c>
      <c r="F74494" s="1" t="s">
        <v>248647</v>
      </c>
      <c r="G74494" s="1" t="s">
        <v>248613</v>
      </c>
      <c r="H74494" s="1" t="s">
        <v>248614</v>
      </c>
      <c r="I74494" s="1" t="s">
        <v>247053</v>
      </c>
      <c r="J74494" s="1" t="s">
        <v>248648</v>
      </c>
    </row>
    <row r="74495" spans="1:10" x14ac:dyDescent="0.35">
      <c r="A74495" s="1" t="s">
        <v>8365</v>
      </c>
      <c r="B74495" s="1" t="s">
        <v>247048</v>
      </c>
      <c r="C74495" s="1" t="s">
        <v>70</v>
      </c>
      <c r="D74495" s="1" t="s">
        <v>49174</v>
      </c>
      <c r="E74495" s="1" t="s">
        <v>248649</v>
      </c>
      <c r="F74495" s="1" t="s">
        <v>248650</v>
      </c>
      <c r="G74495" s="1" t="s">
        <v>248613</v>
      </c>
      <c r="H74495" s="1" t="s">
        <v>248614</v>
      </c>
      <c r="I74495" s="1" t="s">
        <v>247053</v>
      </c>
      <c r="J74495" s="1" t="s">
        <v>248651</v>
      </c>
    </row>
    <row r="74496" spans="1:10" x14ac:dyDescent="0.35">
      <c r="A74496" s="1" t="s">
        <v>8365</v>
      </c>
      <c r="B74496" s="1" t="s">
        <v>247048</v>
      </c>
      <c r="C74496" s="1" t="s">
        <v>75</v>
      </c>
      <c r="D74496" s="1" t="s">
        <v>34682</v>
      </c>
      <c r="E74496" s="1" t="s">
        <v>248652</v>
      </c>
      <c r="F74496" s="1" t="s">
        <v>248653</v>
      </c>
      <c r="G74496" s="1" t="s">
        <v>248613</v>
      </c>
      <c r="H74496" s="1" t="s">
        <v>248614</v>
      </c>
      <c r="I74496" s="1" t="s">
        <v>247053</v>
      </c>
      <c r="J74496" s="1" t="s">
        <v>248654</v>
      </c>
    </row>
    <row r="74497" spans="1:10" x14ac:dyDescent="0.35">
      <c r="A74497" s="1" t="s">
        <v>8365</v>
      </c>
      <c r="B74497" s="1" t="s">
        <v>247048</v>
      </c>
      <c r="C74497" s="1" t="s">
        <v>80</v>
      </c>
      <c r="D74497" s="1" t="s">
        <v>71964</v>
      </c>
      <c r="E74497" s="1" t="s">
        <v>248655</v>
      </c>
      <c r="F74497" s="1" t="s">
        <v>248656</v>
      </c>
      <c r="G74497" s="1" t="s">
        <v>248613</v>
      </c>
      <c r="H74497" s="1" t="s">
        <v>248614</v>
      </c>
      <c r="I74497" s="1" t="s">
        <v>247053</v>
      </c>
      <c r="J74497" s="1" t="s">
        <v>248657</v>
      </c>
    </row>
    <row r="74498" spans="1:10" x14ac:dyDescent="0.35">
      <c r="A74498" s="1" t="s">
        <v>8365</v>
      </c>
      <c r="B74498" s="1" t="s">
        <v>247048</v>
      </c>
      <c r="C74498" s="1" t="s">
        <v>85</v>
      </c>
      <c r="D74498" s="1" t="s">
        <v>207089</v>
      </c>
      <c r="E74498" s="1" t="s">
        <v>248658</v>
      </c>
      <c r="F74498" s="1" t="s">
        <v>248659</v>
      </c>
      <c r="G74498" s="1" t="s">
        <v>248613</v>
      </c>
      <c r="H74498" s="1" t="s">
        <v>248614</v>
      </c>
      <c r="I74498" s="1" t="s">
        <v>247053</v>
      </c>
      <c r="J74498" s="1" t="s">
        <v>248660</v>
      </c>
    </row>
    <row r="74499" spans="1:10" x14ac:dyDescent="0.35">
      <c r="A74499" s="1" t="s">
        <v>8365</v>
      </c>
      <c r="B74499" s="1" t="s">
        <v>247048</v>
      </c>
      <c r="C74499" s="1" t="s">
        <v>90</v>
      </c>
      <c r="D74499" s="1" t="s">
        <v>35306</v>
      </c>
      <c r="E74499" s="1" t="s">
        <v>248661</v>
      </c>
      <c r="F74499" s="1" t="s">
        <v>248662</v>
      </c>
      <c r="G74499" s="1" t="s">
        <v>248613</v>
      </c>
      <c r="H74499" s="1" t="s">
        <v>248614</v>
      </c>
      <c r="I74499" s="1" t="s">
        <v>247053</v>
      </c>
      <c r="J74499" s="1" t="s">
        <v>248663</v>
      </c>
    </row>
    <row r="74500" spans="1:10" x14ac:dyDescent="0.35">
      <c r="A74500" s="1" t="s">
        <v>8365</v>
      </c>
      <c r="B74500" s="1" t="s">
        <v>247048</v>
      </c>
      <c r="C74500" s="1" t="s">
        <v>95</v>
      </c>
      <c r="D74500" s="1" t="s">
        <v>125100</v>
      </c>
      <c r="E74500" s="1" t="s">
        <v>248664</v>
      </c>
      <c r="F74500" s="1" t="s">
        <v>248665</v>
      </c>
      <c r="G74500" s="1" t="s">
        <v>248613</v>
      </c>
      <c r="H74500" s="1" t="s">
        <v>248614</v>
      </c>
      <c r="I74500" s="1" t="s">
        <v>247053</v>
      </c>
      <c r="J74500" s="1" t="s">
        <v>248666</v>
      </c>
    </row>
    <row r="74501" spans="1:10" x14ac:dyDescent="0.35">
      <c r="A74501" s="1" t="s">
        <v>8365</v>
      </c>
      <c r="B74501" s="1" t="s">
        <v>247048</v>
      </c>
      <c r="C74501" s="1" t="s">
        <v>100</v>
      </c>
      <c r="D74501" s="1" t="s">
        <v>44350</v>
      </c>
      <c r="E74501" s="1" t="s">
        <v>248667</v>
      </c>
      <c r="F74501" s="1" t="s">
        <v>248668</v>
      </c>
      <c r="G74501" s="1" t="s">
        <v>248613</v>
      </c>
      <c r="H74501" s="1" t="s">
        <v>248614</v>
      </c>
      <c r="I74501" s="1" t="s">
        <v>247053</v>
      </c>
      <c r="J74501" s="1" t="s">
        <v>248669</v>
      </c>
    </row>
    <row r="74502" spans="1:10" x14ac:dyDescent="0.35">
      <c r="A74502" s="1" t="s">
        <v>8365</v>
      </c>
      <c r="B74502" s="1" t="s">
        <v>247048</v>
      </c>
      <c r="C74502" s="1" t="s">
        <v>105</v>
      </c>
      <c r="D74502" s="1" t="s">
        <v>125426</v>
      </c>
      <c r="E74502" s="1" t="s">
        <v>248670</v>
      </c>
      <c r="F74502" s="1" t="s">
        <v>248671</v>
      </c>
      <c r="G74502" s="1" t="s">
        <v>248613</v>
      </c>
      <c r="H74502" s="1" t="s">
        <v>248614</v>
      </c>
      <c r="I74502" s="1" t="s">
        <v>247053</v>
      </c>
      <c r="J74502" s="1" t="s">
        <v>248672</v>
      </c>
    </row>
    <row r="74503" spans="1:10" x14ac:dyDescent="0.35">
      <c r="A74503" s="1" t="s">
        <v>8365</v>
      </c>
      <c r="B74503" s="1" t="s">
        <v>247048</v>
      </c>
      <c r="C74503" s="1" t="s">
        <v>110</v>
      </c>
      <c r="D74503" s="1" t="s">
        <v>49565</v>
      </c>
      <c r="E74503" s="1" t="s">
        <v>248673</v>
      </c>
      <c r="F74503" s="1" t="s">
        <v>248674</v>
      </c>
      <c r="G74503" s="1" t="s">
        <v>248613</v>
      </c>
      <c r="H74503" s="1" t="s">
        <v>248614</v>
      </c>
      <c r="I74503" s="1" t="s">
        <v>247053</v>
      </c>
      <c r="J74503" s="1" t="s">
        <v>248675</v>
      </c>
    </row>
    <row r="74504" spans="1:10" x14ac:dyDescent="0.35">
      <c r="A74504" s="1" t="s">
        <v>8365</v>
      </c>
      <c r="B74504" s="1" t="s">
        <v>247048</v>
      </c>
      <c r="C74504" s="1" t="s">
        <v>115</v>
      </c>
      <c r="D74504" s="1" t="s">
        <v>214142</v>
      </c>
      <c r="E74504" s="1" t="s">
        <v>248676</v>
      </c>
      <c r="F74504" s="1" t="s">
        <v>248677</v>
      </c>
      <c r="G74504" s="1" t="s">
        <v>248613</v>
      </c>
      <c r="H74504" s="1" t="s">
        <v>248614</v>
      </c>
      <c r="I74504" s="1" t="s">
        <v>247053</v>
      </c>
      <c r="J74504" s="1" t="s">
        <v>248678</v>
      </c>
    </row>
    <row r="74505" spans="1:10" x14ac:dyDescent="0.35">
      <c r="A74505" s="1" t="s">
        <v>8365</v>
      </c>
      <c r="B74505" s="1" t="s">
        <v>247048</v>
      </c>
      <c r="C74505" s="1" t="s">
        <v>120</v>
      </c>
      <c r="D74505" s="1" t="s">
        <v>248679</v>
      </c>
      <c r="E74505" s="1" t="s">
        <v>248680</v>
      </c>
      <c r="F74505" s="1" t="s">
        <v>248681</v>
      </c>
      <c r="G74505" s="1" t="s">
        <v>248613</v>
      </c>
      <c r="H74505" s="1" t="s">
        <v>248614</v>
      </c>
      <c r="I74505" s="1" t="s">
        <v>247053</v>
      </c>
      <c r="J74505" s="1" t="s">
        <v>248682</v>
      </c>
    </row>
    <row r="74506" spans="1:10" x14ac:dyDescent="0.35">
      <c r="A74506" s="1" t="s">
        <v>8365</v>
      </c>
      <c r="B74506" s="1" t="s">
        <v>247048</v>
      </c>
      <c r="C74506" s="1" t="s">
        <v>125</v>
      </c>
      <c r="D74506" s="1" t="s">
        <v>135173</v>
      </c>
      <c r="E74506" s="1" t="s">
        <v>248683</v>
      </c>
      <c r="F74506" s="1" t="s">
        <v>248684</v>
      </c>
      <c r="G74506" s="1" t="s">
        <v>248613</v>
      </c>
      <c r="H74506" s="1" t="s">
        <v>248614</v>
      </c>
      <c r="I74506" s="1" t="s">
        <v>247053</v>
      </c>
      <c r="J74506" s="1" t="s">
        <v>248685</v>
      </c>
    </row>
    <row r="74507" spans="1:10" x14ac:dyDescent="0.35">
      <c r="A74507" s="1" t="s">
        <v>8365</v>
      </c>
      <c r="B74507" s="1" t="s">
        <v>247048</v>
      </c>
      <c r="C74507" s="1" t="s">
        <v>130</v>
      </c>
      <c r="D74507" s="1" t="s">
        <v>201659</v>
      </c>
      <c r="E74507" s="1" t="s">
        <v>248686</v>
      </c>
      <c r="F74507" s="1" t="s">
        <v>248687</v>
      </c>
      <c r="G74507" s="1" t="s">
        <v>248613</v>
      </c>
      <c r="H74507" s="1" t="s">
        <v>248614</v>
      </c>
      <c r="I74507" s="1" t="s">
        <v>247053</v>
      </c>
      <c r="J74507" s="1" t="s">
        <v>248688</v>
      </c>
    </row>
    <row r="74508" spans="1:10" x14ac:dyDescent="0.35">
      <c r="A74508" s="1" t="s">
        <v>8365</v>
      </c>
      <c r="B74508" s="1" t="s">
        <v>247048</v>
      </c>
      <c r="C74508" s="1" t="s">
        <v>135</v>
      </c>
      <c r="D74508" s="1" t="s">
        <v>15895</v>
      </c>
      <c r="E74508" s="1" t="s">
        <v>248689</v>
      </c>
      <c r="F74508" s="1" t="s">
        <v>248690</v>
      </c>
      <c r="G74508" s="1" t="s">
        <v>248613</v>
      </c>
      <c r="H74508" s="1" t="s">
        <v>248614</v>
      </c>
      <c r="I74508" s="1" t="s">
        <v>247053</v>
      </c>
      <c r="J74508" s="1" t="s">
        <v>248691</v>
      </c>
    </row>
    <row r="74509" spans="1:10" x14ac:dyDescent="0.35">
      <c r="A74509" s="1" t="s">
        <v>8365</v>
      </c>
      <c r="B74509" s="1" t="s">
        <v>247048</v>
      </c>
      <c r="C74509" s="1" t="s">
        <v>140</v>
      </c>
      <c r="D74509" s="1" t="s">
        <v>31862</v>
      </c>
      <c r="E74509" s="1" t="s">
        <v>248692</v>
      </c>
      <c r="F74509" s="1" t="s">
        <v>248693</v>
      </c>
      <c r="G74509" s="1" t="s">
        <v>248613</v>
      </c>
      <c r="H74509" s="1" t="s">
        <v>248614</v>
      </c>
      <c r="I74509" s="1" t="s">
        <v>247053</v>
      </c>
      <c r="J74509" s="1" t="s">
        <v>248694</v>
      </c>
    </row>
    <row r="74510" spans="1:10" x14ac:dyDescent="0.35">
      <c r="A74510" s="1" t="s">
        <v>8365</v>
      </c>
      <c r="B74510" s="1" t="s">
        <v>247048</v>
      </c>
      <c r="C74510" s="1" t="s">
        <v>145</v>
      </c>
      <c r="D74510" s="1" t="s">
        <v>115440</v>
      </c>
      <c r="E74510" s="1" t="s">
        <v>248695</v>
      </c>
      <c r="F74510" s="1" t="s">
        <v>248696</v>
      </c>
      <c r="G74510" s="1" t="s">
        <v>248613</v>
      </c>
      <c r="H74510" s="1" t="s">
        <v>248614</v>
      </c>
      <c r="I74510" s="1" t="s">
        <v>247053</v>
      </c>
      <c r="J74510" s="1" t="s">
        <v>248697</v>
      </c>
    </row>
    <row r="74511" spans="1:10" x14ac:dyDescent="0.35">
      <c r="A74511" s="1" t="s">
        <v>8365</v>
      </c>
      <c r="B74511" s="1" t="s">
        <v>247048</v>
      </c>
      <c r="C74511" s="1" t="s">
        <v>150</v>
      </c>
      <c r="D74511" s="1" t="s">
        <v>18883</v>
      </c>
      <c r="E74511" s="1" t="s">
        <v>248698</v>
      </c>
      <c r="F74511" s="1" t="s">
        <v>248699</v>
      </c>
      <c r="G74511" s="1" t="s">
        <v>248613</v>
      </c>
      <c r="H74511" s="1" t="s">
        <v>248614</v>
      </c>
      <c r="I74511" s="1" t="s">
        <v>247053</v>
      </c>
      <c r="J74511" s="1" t="s">
        <v>248700</v>
      </c>
    </row>
    <row r="74512" spans="1:10" x14ac:dyDescent="0.35">
      <c r="A74512" s="1" t="s">
        <v>8365</v>
      </c>
      <c r="B74512" s="1" t="s">
        <v>247048</v>
      </c>
      <c r="C74512" s="1" t="s">
        <v>155</v>
      </c>
      <c r="D74512" s="1" t="s">
        <v>2437</v>
      </c>
      <c r="E74512" s="1" t="s">
        <v>248701</v>
      </c>
      <c r="F74512" s="1" t="s">
        <v>248702</v>
      </c>
      <c r="G74512" s="1" t="s">
        <v>248613</v>
      </c>
      <c r="H74512" s="1" t="s">
        <v>248614</v>
      </c>
      <c r="I74512" s="1" t="s">
        <v>247053</v>
      </c>
      <c r="J74512" s="1" t="s">
        <v>248703</v>
      </c>
    </row>
    <row r="74513" spans="1:10" x14ac:dyDescent="0.35">
      <c r="A74513" s="1" t="s">
        <v>8365</v>
      </c>
      <c r="B74513" s="1" t="s">
        <v>247048</v>
      </c>
      <c r="C74513" s="1" t="s">
        <v>160</v>
      </c>
      <c r="D74513" s="1" t="s">
        <v>35967</v>
      </c>
      <c r="E74513" s="1" t="s">
        <v>248704</v>
      </c>
      <c r="F74513" s="1" t="s">
        <v>248705</v>
      </c>
      <c r="G74513" s="1" t="s">
        <v>248613</v>
      </c>
      <c r="H74513" s="1" t="s">
        <v>248614</v>
      </c>
      <c r="I74513" s="1" t="s">
        <v>247053</v>
      </c>
      <c r="J74513" s="1" t="s">
        <v>248706</v>
      </c>
    </row>
    <row r="74514" spans="1:10" x14ac:dyDescent="0.35">
      <c r="A74514" s="1" t="s">
        <v>8365</v>
      </c>
      <c r="B74514" s="1" t="s">
        <v>247048</v>
      </c>
      <c r="C74514" s="1" t="s">
        <v>165</v>
      </c>
      <c r="D74514" s="1" t="s">
        <v>150131</v>
      </c>
      <c r="E74514" s="1" t="s">
        <v>248707</v>
      </c>
      <c r="F74514" s="1" t="s">
        <v>248708</v>
      </c>
      <c r="G74514" s="1" t="s">
        <v>248613</v>
      </c>
      <c r="H74514" s="1" t="s">
        <v>248614</v>
      </c>
      <c r="I74514" s="1" t="s">
        <v>247053</v>
      </c>
      <c r="J74514" s="1" t="s">
        <v>248709</v>
      </c>
    </row>
    <row r="74515" spans="1:10" x14ac:dyDescent="0.35">
      <c r="A74515" s="1" t="s">
        <v>8365</v>
      </c>
      <c r="B74515" s="1" t="s">
        <v>247048</v>
      </c>
      <c r="C74515" s="1" t="s">
        <v>170</v>
      </c>
      <c r="D74515" s="1" t="s">
        <v>221422</v>
      </c>
      <c r="E74515" s="1" t="s">
        <v>248710</v>
      </c>
      <c r="F74515" s="1" t="s">
        <v>248711</v>
      </c>
      <c r="G74515" s="1" t="s">
        <v>248613</v>
      </c>
      <c r="H74515" s="1" t="s">
        <v>248614</v>
      </c>
      <c r="I74515" s="1" t="s">
        <v>247053</v>
      </c>
      <c r="J74515" s="1" t="s">
        <v>248712</v>
      </c>
    </row>
    <row r="74516" spans="1:10" x14ac:dyDescent="0.35">
      <c r="A74516" s="1" t="s">
        <v>111488</v>
      </c>
      <c r="B74516" s="1" t="s">
        <v>247048</v>
      </c>
      <c r="C74516" s="1" t="s">
        <v>8</v>
      </c>
      <c r="D74516" s="1" t="s">
        <v>73335</v>
      </c>
      <c r="E74516" s="1" t="s">
        <v>204857</v>
      </c>
      <c r="F74516" s="1" t="s">
        <v>248713</v>
      </c>
      <c r="G74516" s="1" t="s">
        <v>248714</v>
      </c>
      <c r="H74516" s="1" t="s">
        <v>248715</v>
      </c>
      <c r="I74516" s="1" t="s">
        <v>247053</v>
      </c>
      <c r="J74516" s="1" t="s">
        <v>13</v>
      </c>
    </row>
    <row r="74517" spans="1:10" x14ac:dyDescent="0.35">
      <c r="A74517" s="1" t="s">
        <v>111488</v>
      </c>
      <c r="B74517" s="1" t="s">
        <v>247048</v>
      </c>
      <c r="C74517" s="1" t="s">
        <v>15</v>
      </c>
      <c r="D74517" s="1" t="s">
        <v>46946</v>
      </c>
      <c r="E74517" s="1" t="s">
        <v>248716</v>
      </c>
      <c r="F74517" s="1" t="s">
        <v>248717</v>
      </c>
      <c r="G74517" s="1" t="s">
        <v>248714</v>
      </c>
      <c r="H74517" s="1" t="s">
        <v>248715</v>
      </c>
      <c r="I74517" s="1" t="s">
        <v>247053</v>
      </c>
      <c r="J74517" s="1" t="s">
        <v>248718</v>
      </c>
    </row>
    <row r="74518" spans="1:10" x14ac:dyDescent="0.35">
      <c r="A74518" s="1" t="s">
        <v>111488</v>
      </c>
      <c r="B74518" s="1" t="s">
        <v>247048</v>
      </c>
      <c r="C74518" s="1" t="s">
        <v>20</v>
      </c>
      <c r="D74518" s="1" t="s">
        <v>46950</v>
      </c>
      <c r="E74518" s="1" t="s">
        <v>12164</v>
      </c>
      <c r="F74518" s="1" t="s">
        <v>248719</v>
      </c>
      <c r="G74518" s="1" t="s">
        <v>248714</v>
      </c>
      <c r="H74518" s="1" t="s">
        <v>248715</v>
      </c>
      <c r="I74518" s="1" t="s">
        <v>247053</v>
      </c>
      <c r="J74518" s="1" t="s">
        <v>46953</v>
      </c>
    </row>
    <row r="74519" spans="1:10" x14ac:dyDescent="0.35">
      <c r="A74519" s="1" t="s">
        <v>111488</v>
      </c>
      <c r="B74519" s="1" t="s">
        <v>247048</v>
      </c>
      <c r="C74519" s="1" t="s">
        <v>25</v>
      </c>
      <c r="D74519" s="1" t="s">
        <v>150688</v>
      </c>
      <c r="E74519" s="1" t="s">
        <v>12192</v>
      </c>
      <c r="F74519" s="1" t="s">
        <v>248720</v>
      </c>
      <c r="G74519" s="1" t="s">
        <v>248714</v>
      </c>
      <c r="H74519" s="1" t="s">
        <v>248715</v>
      </c>
      <c r="I74519" s="1" t="s">
        <v>247053</v>
      </c>
      <c r="J74519" s="1" t="s">
        <v>248721</v>
      </c>
    </row>
    <row r="74520" spans="1:10" x14ac:dyDescent="0.35">
      <c r="A74520" s="1" t="s">
        <v>111488</v>
      </c>
      <c r="B74520" s="1" t="s">
        <v>247048</v>
      </c>
      <c r="C74520" s="1" t="s">
        <v>30</v>
      </c>
      <c r="D74520" s="1" t="s">
        <v>51243</v>
      </c>
      <c r="E74520" s="1" t="s">
        <v>8007</v>
      </c>
      <c r="F74520" s="1" t="s">
        <v>248722</v>
      </c>
      <c r="G74520" s="1" t="s">
        <v>248714</v>
      </c>
      <c r="H74520" s="1" t="s">
        <v>248715</v>
      </c>
      <c r="I74520" s="1" t="s">
        <v>247053</v>
      </c>
      <c r="J74520" s="1" t="s">
        <v>248723</v>
      </c>
    </row>
    <row r="74521" spans="1:10" x14ac:dyDescent="0.35">
      <c r="A74521" s="1" t="s">
        <v>111488</v>
      </c>
      <c r="B74521" s="1" t="s">
        <v>247048</v>
      </c>
      <c r="C74521" s="1" t="s">
        <v>35</v>
      </c>
      <c r="D74521" s="1" t="s">
        <v>72027</v>
      </c>
      <c r="E74521" s="1" t="s">
        <v>4459</v>
      </c>
      <c r="F74521" s="1" t="s">
        <v>248724</v>
      </c>
      <c r="G74521" s="1" t="s">
        <v>248714</v>
      </c>
      <c r="H74521" s="1" t="s">
        <v>248715</v>
      </c>
      <c r="I74521" s="1" t="s">
        <v>247053</v>
      </c>
      <c r="J74521" s="1" t="s">
        <v>248725</v>
      </c>
    </row>
    <row r="74522" spans="1:10" x14ac:dyDescent="0.35">
      <c r="A74522" s="1" t="s">
        <v>111488</v>
      </c>
      <c r="B74522" s="1" t="s">
        <v>247048</v>
      </c>
      <c r="C74522" s="1" t="s">
        <v>40</v>
      </c>
      <c r="D74522" s="1" t="s">
        <v>202988</v>
      </c>
      <c r="E74522" s="1" t="s">
        <v>539</v>
      </c>
      <c r="F74522" s="1" t="s">
        <v>248726</v>
      </c>
      <c r="G74522" s="1" t="s">
        <v>248714</v>
      </c>
      <c r="H74522" s="1" t="s">
        <v>248715</v>
      </c>
      <c r="I74522" s="1" t="s">
        <v>247053</v>
      </c>
      <c r="J74522" s="1" t="s">
        <v>248727</v>
      </c>
    </row>
    <row r="74523" spans="1:10" x14ac:dyDescent="0.35">
      <c r="A74523" s="1" t="s">
        <v>111488</v>
      </c>
      <c r="B74523" s="1" t="s">
        <v>247048</v>
      </c>
      <c r="C74523" s="1" t="s">
        <v>45</v>
      </c>
      <c r="D74523" s="1" t="s">
        <v>141662</v>
      </c>
      <c r="E74523" s="1" t="s">
        <v>111480</v>
      </c>
      <c r="F74523" s="1" t="s">
        <v>248728</v>
      </c>
      <c r="G74523" s="1" t="s">
        <v>248714</v>
      </c>
      <c r="H74523" s="1" t="s">
        <v>248715</v>
      </c>
      <c r="I74523" s="1" t="s">
        <v>247053</v>
      </c>
      <c r="J74523" s="1" t="s">
        <v>196666</v>
      </c>
    </row>
    <row r="74524" spans="1:10" x14ac:dyDescent="0.35">
      <c r="A74524" s="1" t="s">
        <v>111488</v>
      </c>
      <c r="B74524" s="1" t="s">
        <v>247048</v>
      </c>
      <c r="C74524" s="1" t="s">
        <v>50</v>
      </c>
      <c r="D74524" s="1" t="s">
        <v>248729</v>
      </c>
      <c r="E74524" s="1" t="s">
        <v>13704</v>
      </c>
      <c r="F74524" s="1" t="s">
        <v>248730</v>
      </c>
      <c r="G74524" s="1" t="s">
        <v>248714</v>
      </c>
      <c r="H74524" s="1" t="s">
        <v>248715</v>
      </c>
      <c r="I74524" s="1" t="s">
        <v>247053</v>
      </c>
      <c r="J74524" s="1" t="s">
        <v>248731</v>
      </c>
    </row>
    <row r="74525" spans="1:10" x14ac:dyDescent="0.35">
      <c r="A74525" s="1" t="s">
        <v>111488</v>
      </c>
      <c r="B74525" s="1" t="s">
        <v>247048</v>
      </c>
      <c r="C74525" s="1" t="s">
        <v>55</v>
      </c>
      <c r="D74525" s="1" t="s">
        <v>135637</v>
      </c>
      <c r="E74525" s="1" t="s">
        <v>204866</v>
      </c>
      <c r="F74525" s="1" t="s">
        <v>248732</v>
      </c>
      <c r="G74525" s="1" t="s">
        <v>248714</v>
      </c>
      <c r="H74525" s="1" t="s">
        <v>248715</v>
      </c>
      <c r="I74525" s="1" t="s">
        <v>247053</v>
      </c>
      <c r="J74525" s="1" t="s">
        <v>248733</v>
      </c>
    </row>
    <row r="74526" spans="1:10" x14ac:dyDescent="0.35">
      <c r="A74526" s="1" t="s">
        <v>111488</v>
      </c>
      <c r="B74526" s="1" t="s">
        <v>247048</v>
      </c>
      <c r="C74526" s="1" t="s">
        <v>60</v>
      </c>
      <c r="D74526" s="1" t="s">
        <v>113309</v>
      </c>
      <c r="E74526" s="1" t="s">
        <v>248734</v>
      </c>
      <c r="F74526" s="1" t="s">
        <v>248735</v>
      </c>
      <c r="G74526" s="1" t="s">
        <v>248714</v>
      </c>
      <c r="H74526" s="1" t="s">
        <v>248715</v>
      </c>
      <c r="I74526" s="1" t="s">
        <v>247053</v>
      </c>
      <c r="J74526" s="1" t="s">
        <v>248736</v>
      </c>
    </row>
    <row r="74527" spans="1:10" x14ac:dyDescent="0.35">
      <c r="A74527" s="1" t="s">
        <v>111488</v>
      </c>
      <c r="B74527" s="1" t="s">
        <v>247048</v>
      </c>
      <c r="C74527" s="1" t="s">
        <v>65</v>
      </c>
      <c r="D74527" s="1" t="s">
        <v>248737</v>
      </c>
      <c r="E74527" s="1" t="s">
        <v>7950</v>
      </c>
      <c r="F74527" s="1" t="s">
        <v>248738</v>
      </c>
      <c r="G74527" s="1" t="s">
        <v>248714</v>
      </c>
      <c r="H74527" s="1" t="s">
        <v>248715</v>
      </c>
      <c r="I74527" s="1" t="s">
        <v>247053</v>
      </c>
      <c r="J74527" s="1" t="s">
        <v>248739</v>
      </c>
    </row>
    <row r="74528" spans="1:10" x14ac:dyDescent="0.35">
      <c r="A74528" s="1" t="s">
        <v>111488</v>
      </c>
      <c r="B74528" s="1" t="s">
        <v>247048</v>
      </c>
      <c r="C74528" s="1" t="s">
        <v>70</v>
      </c>
      <c r="D74528" s="1" t="s">
        <v>155720</v>
      </c>
      <c r="E74528" s="1" t="s">
        <v>27531</v>
      </c>
      <c r="F74528" s="1" t="s">
        <v>248740</v>
      </c>
      <c r="G74528" s="1" t="s">
        <v>248714</v>
      </c>
      <c r="H74528" s="1" t="s">
        <v>248715</v>
      </c>
      <c r="I74528" s="1" t="s">
        <v>247053</v>
      </c>
      <c r="J74528" s="1" t="s">
        <v>248741</v>
      </c>
    </row>
    <row r="74529" spans="1:10" x14ac:dyDescent="0.35">
      <c r="A74529" s="1" t="s">
        <v>111488</v>
      </c>
      <c r="B74529" s="1" t="s">
        <v>247048</v>
      </c>
      <c r="C74529" s="1" t="s">
        <v>75</v>
      </c>
      <c r="D74529" s="1" t="s">
        <v>18286</v>
      </c>
      <c r="E74529" s="1" t="s">
        <v>12164</v>
      </c>
      <c r="F74529" s="1" t="s">
        <v>248742</v>
      </c>
      <c r="G74529" s="1" t="s">
        <v>248714</v>
      </c>
      <c r="H74529" s="1" t="s">
        <v>248715</v>
      </c>
      <c r="I74529" s="1" t="s">
        <v>247053</v>
      </c>
      <c r="J74529" s="1" t="s">
        <v>248743</v>
      </c>
    </row>
    <row r="74530" spans="1:10" x14ac:dyDescent="0.35">
      <c r="A74530" s="1" t="s">
        <v>111488</v>
      </c>
      <c r="B74530" s="1" t="s">
        <v>247048</v>
      </c>
      <c r="C74530" s="1" t="s">
        <v>80</v>
      </c>
      <c r="D74530" s="1" t="s">
        <v>73256</v>
      </c>
      <c r="E74530" s="1" t="s">
        <v>248744</v>
      </c>
      <c r="F74530" s="1" t="s">
        <v>248742</v>
      </c>
      <c r="G74530" s="1" t="s">
        <v>248714</v>
      </c>
      <c r="H74530" s="1" t="s">
        <v>248715</v>
      </c>
      <c r="I74530" s="1" t="s">
        <v>247053</v>
      </c>
      <c r="J74530" s="1" t="s">
        <v>248745</v>
      </c>
    </row>
    <row r="74531" spans="1:10" x14ac:dyDescent="0.35">
      <c r="A74531" s="1" t="s">
        <v>111488</v>
      </c>
      <c r="B74531" s="1" t="s">
        <v>247048</v>
      </c>
      <c r="C74531" s="1" t="s">
        <v>85</v>
      </c>
      <c r="D74531" s="1" t="s">
        <v>190567</v>
      </c>
      <c r="E74531" s="1" t="s">
        <v>159982</v>
      </c>
      <c r="F74531" s="1" t="s">
        <v>248746</v>
      </c>
      <c r="G74531" s="1" t="s">
        <v>248714</v>
      </c>
      <c r="H74531" s="1" t="s">
        <v>248715</v>
      </c>
      <c r="I74531" s="1" t="s">
        <v>247053</v>
      </c>
      <c r="J74531" s="1" t="s">
        <v>248747</v>
      </c>
    </row>
    <row r="74532" spans="1:10" x14ac:dyDescent="0.35">
      <c r="A74532" s="1" t="s">
        <v>111488</v>
      </c>
      <c r="B74532" s="1" t="s">
        <v>247048</v>
      </c>
      <c r="C74532" s="1" t="s">
        <v>90</v>
      </c>
      <c r="D74532" s="1" t="s">
        <v>248748</v>
      </c>
      <c r="E74532" s="1" t="s">
        <v>27477</v>
      </c>
      <c r="F74532" s="1" t="s">
        <v>248738</v>
      </c>
      <c r="G74532" s="1" t="s">
        <v>248714</v>
      </c>
      <c r="H74532" s="1" t="s">
        <v>248715</v>
      </c>
      <c r="I74532" s="1" t="s">
        <v>247053</v>
      </c>
      <c r="J74532" s="1" t="s">
        <v>248749</v>
      </c>
    </row>
    <row r="74533" spans="1:10" x14ac:dyDescent="0.35">
      <c r="A74533" s="1" t="s">
        <v>111488</v>
      </c>
      <c r="B74533" s="1" t="s">
        <v>247048</v>
      </c>
      <c r="C74533" s="1" t="s">
        <v>95</v>
      </c>
      <c r="D74533" s="1" t="s">
        <v>190534</v>
      </c>
      <c r="E74533" s="1" t="s">
        <v>248750</v>
      </c>
      <c r="F74533" s="1" t="s">
        <v>248751</v>
      </c>
      <c r="G74533" s="1" t="s">
        <v>248714</v>
      </c>
      <c r="H74533" s="1" t="s">
        <v>248715</v>
      </c>
      <c r="I74533" s="1" t="s">
        <v>247053</v>
      </c>
      <c r="J74533" s="1" t="s">
        <v>248752</v>
      </c>
    </row>
    <row r="74534" spans="1:10" x14ac:dyDescent="0.35">
      <c r="A74534" s="1" t="s">
        <v>111488</v>
      </c>
      <c r="B74534" s="1" t="s">
        <v>247048</v>
      </c>
      <c r="C74534" s="1" t="s">
        <v>100</v>
      </c>
      <c r="D74534" s="1" t="s">
        <v>177138</v>
      </c>
      <c r="E74534" s="1" t="s">
        <v>8608</v>
      </c>
      <c r="F74534" s="1" t="s">
        <v>248753</v>
      </c>
      <c r="G74534" s="1" t="s">
        <v>248714</v>
      </c>
      <c r="H74534" s="1" t="s">
        <v>248715</v>
      </c>
      <c r="I74534" s="1" t="s">
        <v>247053</v>
      </c>
      <c r="J74534" s="1" t="s">
        <v>248754</v>
      </c>
    </row>
    <row r="74535" spans="1:10" x14ac:dyDescent="0.35">
      <c r="A74535" s="1" t="s">
        <v>111488</v>
      </c>
      <c r="B74535" s="1" t="s">
        <v>247048</v>
      </c>
      <c r="C74535" s="1" t="s">
        <v>105</v>
      </c>
      <c r="D74535" s="1" t="s">
        <v>17651</v>
      </c>
      <c r="E74535" s="1" t="s">
        <v>207033</v>
      </c>
      <c r="F74535" s="1" t="s">
        <v>248755</v>
      </c>
      <c r="G74535" s="1" t="s">
        <v>248714</v>
      </c>
      <c r="H74535" s="1" t="s">
        <v>248715</v>
      </c>
      <c r="I74535" s="1" t="s">
        <v>247053</v>
      </c>
      <c r="J74535" s="1" t="s">
        <v>248756</v>
      </c>
    </row>
    <row r="74536" spans="1:10" x14ac:dyDescent="0.35">
      <c r="A74536" s="1" t="s">
        <v>111488</v>
      </c>
      <c r="B74536" s="1" t="s">
        <v>247048</v>
      </c>
      <c r="C74536" s="1" t="s">
        <v>110</v>
      </c>
      <c r="D74536" s="1" t="s">
        <v>248757</v>
      </c>
      <c r="E74536" s="1" t="s">
        <v>159866</v>
      </c>
      <c r="F74536" s="1" t="s">
        <v>248758</v>
      </c>
      <c r="G74536" s="1" t="s">
        <v>248714</v>
      </c>
      <c r="H74536" s="1" t="s">
        <v>248715</v>
      </c>
      <c r="I74536" s="1" t="s">
        <v>247053</v>
      </c>
      <c r="J74536" s="1" t="s">
        <v>248759</v>
      </c>
    </row>
    <row r="74537" spans="1:10" x14ac:dyDescent="0.35">
      <c r="A74537" s="1" t="s">
        <v>111488</v>
      </c>
      <c r="B74537" s="1" t="s">
        <v>247048</v>
      </c>
      <c r="C74537" s="1" t="s">
        <v>115</v>
      </c>
      <c r="D74537" s="1" t="s">
        <v>13303</v>
      </c>
      <c r="E74537" s="1" t="s">
        <v>7913</v>
      </c>
      <c r="F74537" s="1" t="s">
        <v>248760</v>
      </c>
      <c r="G74537" s="1" t="s">
        <v>248714</v>
      </c>
      <c r="H74537" s="1" t="s">
        <v>248715</v>
      </c>
      <c r="I74537" s="1" t="s">
        <v>247053</v>
      </c>
      <c r="J74537" s="1" t="s">
        <v>248761</v>
      </c>
    </row>
    <row r="74538" spans="1:10" x14ac:dyDescent="0.35">
      <c r="A74538" s="1" t="s">
        <v>111488</v>
      </c>
      <c r="B74538" s="1" t="s">
        <v>247048</v>
      </c>
      <c r="C74538" s="1" t="s">
        <v>120</v>
      </c>
      <c r="D74538" s="1" t="s">
        <v>110216</v>
      </c>
      <c r="E74538" s="1" t="s">
        <v>159866</v>
      </c>
      <c r="F74538" s="1" t="s">
        <v>248760</v>
      </c>
      <c r="G74538" s="1" t="s">
        <v>248714</v>
      </c>
      <c r="H74538" s="1" t="s">
        <v>248715</v>
      </c>
      <c r="I74538" s="1" t="s">
        <v>247053</v>
      </c>
      <c r="J74538" s="1" t="s">
        <v>248762</v>
      </c>
    </row>
    <row r="74539" spans="1:10" x14ac:dyDescent="0.35">
      <c r="A74539" s="1" t="s">
        <v>111488</v>
      </c>
      <c r="B74539" s="1" t="s">
        <v>247048</v>
      </c>
      <c r="C74539" s="1" t="s">
        <v>125</v>
      </c>
      <c r="D74539" s="1" t="s">
        <v>3798</v>
      </c>
      <c r="E74539" s="1" t="s">
        <v>203987</v>
      </c>
      <c r="F74539" s="1" t="s">
        <v>248760</v>
      </c>
      <c r="G74539" s="1" t="s">
        <v>248714</v>
      </c>
      <c r="H74539" s="1" t="s">
        <v>248715</v>
      </c>
      <c r="I74539" s="1" t="s">
        <v>247053</v>
      </c>
      <c r="J74539" s="1" t="s">
        <v>248763</v>
      </c>
    </row>
    <row r="74540" spans="1:10" x14ac:dyDescent="0.35">
      <c r="A74540" s="1" t="s">
        <v>111488</v>
      </c>
      <c r="B74540" s="1" t="s">
        <v>247048</v>
      </c>
      <c r="C74540" s="1" t="s">
        <v>130</v>
      </c>
      <c r="D74540" s="1" t="s">
        <v>248764</v>
      </c>
      <c r="E74540" s="1" t="s">
        <v>110926</v>
      </c>
      <c r="F74540" s="1" t="s">
        <v>248760</v>
      </c>
      <c r="G74540" s="1" t="s">
        <v>248714</v>
      </c>
      <c r="H74540" s="1" t="s">
        <v>248715</v>
      </c>
      <c r="I74540" s="1" t="s">
        <v>247053</v>
      </c>
      <c r="J74540" s="1" t="s">
        <v>248765</v>
      </c>
    </row>
    <row r="74541" spans="1:10" x14ac:dyDescent="0.35">
      <c r="A74541" s="1" t="s">
        <v>111488</v>
      </c>
      <c r="B74541" s="1" t="s">
        <v>247048</v>
      </c>
      <c r="C74541" s="1" t="s">
        <v>135</v>
      </c>
      <c r="D74541" s="1" t="s">
        <v>248766</v>
      </c>
      <c r="E74541" s="1" t="s">
        <v>248767</v>
      </c>
      <c r="F74541" s="1" t="s">
        <v>248760</v>
      </c>
      <c r="G74541" s="1" t="s">
        <v>248714</v>
      </c>
      <c r="H74541" s="1" t="s">
        <v>248715</v>
      </c>
      <c r="I74541" s="1" t="s">
        <v>247053</v>
      </c>
      <c r="J74541" s="1" t="s">
        <v>248768</v>
      </c>
    </row>
    <row r="74542" spans="1:10" x14ac:dyDescent="0.35">
      <c r="A74542" s="1" t="s">
        <v>111488</v>
      </c>
      <c r="B74542" s="1" t="s">
        <v>247048</v>
      </c>
      <c r="C74542" s="1" t="s">
        <v>140</v>
      </c>
      <c r="D74542" s="1" t="s">
        <v>248769</v>
      </c>
      <c r="E74542" s="1" t="s">
        <v>159992</v>
      </c>
      <c r="F74542" s="1" t="s">
        <v>248760</v>
      </c>
      <c r="G74542" s="1" t="s">
        <v>248714</v>
      </c>
      <c r="H74542" s="1" t="s">
        <v>248715</v>
      </c>
      <c r="I74542" s="1" t="s">
        <v>247053</v>
      </c>
      <c r="J74542" s="1" t="s">
        <v>248770</v>
      </c>
    </row>
    <row r="74543" spans="1:10" x14ac:dyDescent="0.35">
      <c r="A74543" s="1" t="s">
        <v>111488</v>
      </c>
      <c r="B74543" s="1" t="s">
        <v>247048</v>
      </c>
      <c r="C74543" s="1" t="s">
        <v>145</v>
      </c>
      <c r="D74543" s="1" t="s">
        <v>175925</v>
      </c>
      <c r="E74543" s="1" t="s">
        <v>27464</v>
      </c>
      <c r="F74543" s="1" t="s">
        <v>248760</v>
      </c>
      <c r="G74543" s="1" t="s">
        <v>248714</v>
      </c>
      <c r="H74543" s="1" t="s">
        <v>248715</v>
      </c>
      <c r="I74543" s="1" t="s">
        <v>247053</v>
      </c>
      <c r="J74543" s="1" t="s">
        <v>248771</v>
      </c>
    </row>
    <row r="74544" spans="1:10" x14ac:dyDescent="0.35">
      <c r="A74544" s="1" t="s">
        <v>111488</v>
      </c>
      <c r="B74544" s="1" t="s">
        <v>247048</v>
      </c>
      <c r="C74544" s="1" t="s">
        <v>150</v>
      </c>
      <c r="D74544" s="1" t="s">
        <v>248772</v>
      </c>
      <c r="E74544" s="1" t="s">
        <v>12707</v>
      </c>
      <c r="F74544" s="1" t="s">
        <v>248760</v>
      </c>
      <c r="G74544" s="1" t="s">
        <v>248714</v>
      </c>
      <c r="H74544" s="1" t="s">
        <v>248715</v>
      </c>
      <c r="I74544" s="1" t="s">
        <v>247053</v>
      </c>
      <c r="J74544" s="1" t="s">
        <v>248773</v>
      </c>
    </row>
    <row r="74545" spans="1:10" x14ac:dyDescent="0.35">
      <c r="A74545" s="1" t="s">
        <v>111488</v>
      </c>
      <c r="B74545" s="1" t="s">
        <v>247048</v>
      </c>
      <c r="C74545" s="1" t="s">
        <v>155</v>
      </c>
      <c r="D74545" s="1" t="s">
        <v>108468</v>
      </c>
      <c r="E74545" s="1" t="s">
        <v>160422</v>
      </c>
      <c r="F74545" s="1" t="s">
        <v>248760</v>
      </c>
      <c r="G74545" s="1" t="s">
        <v>248714</v>
      </c>
      <c r="H74545" s="1" t="s">
        <v>248715</v>
      </c>
      <c r="I74545" s="1" t="s">
        <v>247053</v>
      </c>
      <c r="J74545" s="1" t="s">
        <v>248774</v>
      </c>
    </row>
    <row r="74546" spans="1:10" x14ac:dyDescent="0.35">
      <c r="A74546" s="1" t="s">
        <v>111488</v>
      </c>
      <c r="B74546" s="1" t="s">
        <v>247048</v>
      </c>
      <c r="C74546" s="1" t="s">
        <v>160</v>
      </c>
      <c r="D74546" s="1" t="s">
        <v>175797</v>
      </c>
      <c r="E74546" s="1" t="s">
        <v>160382</v>
      </c>
      <c r="F74546" s="1" t="s">
        <v>248760</v>
      </c>
      <c r="G74546" s="1" t="s">
        <v>248714</v>
      </c>
      <c r="H74546" s="1" t="s">
        <v>248715</v>
      </c>
      <c r="I74546" s="1" t="s">
        <v>247053</v>
      </c>
      <c r="J74546" s="1" t="s">
        <v>248775</v>
      </c>
    </row>
    <row r="74547" spans="1:10" x14ac:dyDescent="0.35">
      <c r="A74547" s="1" t="s">
        <v>111488</v>
      </c>
      <c r="B74547" s="1" t="s">
        <v>247048</v>
      </c>
      <c r="C74547" s="1" t="s">
        <v>165</v>
      </c>
      <c r="D74547" s="1" t="s">
        <v>248776</v>
      </c>
      <c r="E74547" s="1" t="s">
        <v>160008</v>
      </c>
      <c r="F74547" s="1" t="s">
        <v>248760</v>
      </c>
      <c r="G74547" s="1" t="s">
        <v>248714</v>
      </c>
      <c r="H74547" s="1" t="s">
        <v>248715</v>
      </c>
      <c r="I74547" s="1" t="s">
        <v>247053</v>
      </c>
      <c r="J74547" s="1" t="s">
        <v>248777</v>
      </c>
    </row>
    <row r="74548" spans="1:10" x14ac:dyDescent="0.35">
      <c r="A74548" s="1" t="s">
        <v>111488</v>
      </c>
      <c r="B74548" s="1" t="s">
        <v>247048</v>
      </c>
      <c r="C74548" s="1" t="s">
        <v>170</v>
      </c>
      <c r="D74548" s="1" t="s">
        <v>248778</v>
      </c>
      <c r="E74548" s="1" t="s">
        <v>515</v>
      </c>
      <c r="F74548" s="1" t="s">
        <v>248760</v>
      </c>
      <c r="G74548" s="1" t="s">
        <v>248714</v>
      </c>
      <c r="H74548" s="1" t="s">
        <v>248715</v>
      </c>
      <c r="I74548" s="1" t="s">
        <v>247053</v>
      </c>
      <c r="J74548" s="1" t="s">
        <v>248779</v>
      </c>
    </row>
    <row r="74549" spans="1:10" x14ac:dyDescent="0.35">
      <c r="A74549" s="1" t="s">
        <v>43814</v>
      </c>
      <c r="B74549" s="1" t="s">
        <v>247048</v>
      </c>
      <c r="C74549" s="1" t="s">
        <v>8</v>
      </c>
      <c r="D74549" s="1" t="s">
        <v>109669</v>
      </c>
      <c r="E74549" s="1" t="s">
        <v>248780</v>
      </c>
      <c r="F74549" s="1" t="s">
        <v>248781</v>
      </c>
      <c r="G74549" s="1" t="s">
        <v>248782</v>
      </c>
      <c r="H74549" s="1" t="s">
        <v>248783</v>
      </c>
      <c r="I74549" s="1" t="s">
        <v>247053</v>
      </c>
      <c r="J74549" s="1" t="s">
        <v>13</v>
      </c>
    </row>
    <row r="74550" spans="1:10" x14ac:dyDescent="0.35">
      <c r="A74550" s="1" t="s">
        <v>43814</v>
      </c>
      <c r="B74550" s="1" t="s">
        <v>247048</v>
      </c>
      <c r="C74550" s="1" t="s">
        <v>15</v>
      </c>
      <c r="D74550" s="1" t="s">
        <v>28420</v>
      </c>
      <c r="E74550" s="1" t="s">
        <v>248784</v>
      </c>
      <c r="F74550" s="1" t="s">
        <v>248785</v>
      </c>
      <c r="G74550" s="1" t="s">
        <v>248782</v>
      </c>
      <c r="H74550" s="1" t="s">
        <v>248783</v>
      </c>
      <c r="I74550" s="1" t="s">
        <v>247053</v>
      </c>
      <c r="J74550" s="1" t="s">
        <v>248786</v>
      </c>
    </row>
    <row r="74551" spans="1:10" x14ac:dyDescent="0.35">
      <c r="A74551" s="1" t="s">
        <v>43814</v>
      </c>
      <c r="B74551" s="1" t="s">
        <v>247048</v>
      </c>
      <c r="C74551" s="1" t="s">
        <v>20</v>
      </c>
      <c r="D74551" s="1" t="s">
        <v>206525</v>
      </c>
      <c r="E74551" s="1" t="s">
        <v>248787</v>
      </c>
      <c r="F74551" s="1" t="s">
        <v>248785</v>
      </c>
      <c r="G74551" s="1" t="s">
        <v>248782</v>
      </c>
      <c r="H74551" s="1" t="s">
        <v>248783</v>
      </c>
      <c r="I74551" s="1" t="s">
        <v>247053</v>
      </c>
      <c r="J74551" s="1" t="s">
        <v>248788</v>
      </c>
    </row>
    <row r="74552" spans="1:10" x14ac:dyDescent="0.35">
      <c r="A74552" s="1" t="s">
        <v>43814</v>
      </c>
      <c r="B74552" s="1" t="s">
        <v>247048</v>
      </c>
      <c r="C74552" s="1" t="s">
        <v>25</v>
      </c>
      <c r="D74552" s="1" t="s">
        <v>25415</v>
      </c>
      <c r="E74552" s="1" t="s">
        <v>248789</v>
      </c>
      <c r="F74552" s="1" t="s">
        <v>248785</v>
      </c>
      <c r="G74552" s="1" t="s">
        <v>248782</v>
      </c>
      <c r="H74552" s="1" t="s">
        <v>248783</v>
      </c>
      <c r="I74552" s="1" t="s">
        <v>247053</v>
      </c>
      <c r="J74552" s="1" t="s">
        <v>248790</v>
      </c>
    </row>
    <row r="74553" spans="1:10" x14ac:dyDescent="0.35">
      <c r="A74553" s="1" t="s">
        <v>43814</v>
      </c>
      <c r="B74553" s="1" t="s">
        <v>247048</v>
      </c>
      <c r="C74553" s="1" t="s">
        <v>30</v>
      </c>
      <c r="D74553" s="1" t="s">
        <v>9967</v>
      </c>
      <c r="E74553" s="1" t="s">
        <v>248791</v>
      </c>
      <c r="F74553" s="1" t="s">
        <v>248785</v>
      </c>
      <c r="G74553" s="1" t="s">
        <v>248782</v>
      </c>
      <c r="H74553" s="1" t="s">
        <v>248783</v>
      </c>
      <c r="I74553" s="1" t="s">
        <v>247053</v>
      </c>
      <c r="J74553" s="1" t="s">
        <v>248792</v>
      </c>
    </row>
    <row r="74554" spans="1:10" x14ac:dyDescent="0.35">
      <c r="A74554" s="1" t="s">
        <v>43814</v>
      </c>
      <c r="B74554" s="1" t="s">
        <v>247048</v>
      </c>
      <c r="C74554" s="1" t="s">
        <v>35</v>
      </c>
      <c r="D74554" s="1" t="s">
        <v>1687</v>
      </c>
      <c r="E74554" s="1" t="s">
        <v>248793</v>
      </c>
      <c r="F74554" s="1" t="s">
        <v>248785</v>
      </c>
      <c r="G74554" s="1" t="s">
        <v>248782</v>
      </c>
      <c r="H74554" s="1" t="s">
        <v>248783</v>
      </c>
      <c r="I74554" s="1" t="s">
        <v>247053</v>
      </c>
      <c r="J74554" s="1" t="s">
        <v>248794</v>
      </c>
    </row>
    <row r="74555" spans="1:10" x14ac:dyDescent="0.35">
      <c r="A74555" s="1" t="s">
        <v>43814</v>
      </c>
      <c r="B74555" s="1" t="s">
        <v>247048</v>
      </c>
      <c r="C74555" s="1" t="s">
        <v>40</v>
      </c>
      <c r="D74555" s="1" t="s">
        <v>2635</v>
      </c>
      <c r="E74555" s="1" t="s">
        <v>248795</v>
      </c>
      <c r="F74555" s="1" t="s">
        <v>248785</v>
      </c>
      <c r="G74555" s="1" t="s">
        <v>248782</v>
      </c>
      <c r="H74555" s="1" t="s">
        <v>248783</v>
      </c>
      <c r="I74555" s="1" t="s">
        <v>247053</v>
      </c>
      <c r="J74555" s="1" t="s">
        <v>248796</v>
      </c>
    </row>
    <row r="74556" spans="1:10" x14ac:dyDescent="0.35">
      <c r="A74556" s="1" t="s">
        <v>43814</v>
      </c>
      <c r="B74556" s="1" t="s">
        <v>247048</v>
      </c>
      <c r="C74556" s="1" t="s">
        <v>45</v>
      </c>
      <c r="D74556" s="1" t="s">
        <v>203482</v>
      </c>
      <c r="E74556" s="1" t="s">
        <v>248797</v>
      </c>
      <c r="F74556" s="1" t="s">
        <v>248785</v>
      </c>
      <c r="G74556" s="1" t="s">
        <v>248782</v>
      </c>
      <c r="H74556" s="1" t="s">
        <v>248783</v>
      </c>
      <c r="I74556" s="1" t="s">
        <v>247053</v>
      </c>
      <c r="J74556" s="1" t="s">
        <v>248798</v>
      </c>
    </row>
    <row r="74557" spans="1:10" x14ac:dyDescent="0.35">
      <c r="A74557" s="1" t="s">
        <v>43814</v>
      </c>
      <c r="B74557" s="1" t="s">
        <v>247048</v>
      </c>
      <c r="C74557" s="1" t="s">
        <v>50</v>
      </c>
      <c r="D74557" s="1" t="s">
        <v>112763</v>
      </c>
      <c r="E74557" s="1" t="s">
        <v>248799</v>
      </c>
      <c r="F74557" s="1" t="s">
        <v>248785</v>
      </c>
      <c r="G74557" s="1" t="s">
        <v>248782</v>
      </c>
      <c r="H74557" s="1" t="s">
        <v>248783</v>
      </c>
      <c r="I74557" s="1" t="s">
        <v>247053</v>
      </c>
      <c r="J74557" s="1" t="s">
        <v>248800</v>
      </c>
    </row>
    <row r="74558" spans="1:10" x14ac:dyDescent="0.35">
      <c r="A74558" s="1" t="s">
        <v>43814</v>
      </c>
      <c r="B74558" s="1" t="s">
        <v>247048</v>
      </c>
      <c r="C74558" s="1" t="s">
        <v>55</v>
      </c>
      <c r="D74558" s="1" t="s">
        <v>24996</v>
      </c>
      <c r="E74558" s="1" t="s">
        <v>248801</v>
      </c>
      <c r="F74558" s="1" t="s">
        <v>248785</v>
      </c>
      <c r="G74558" s="1" t="s">
        <v>248782</v>
      </c>
      <c r="H74558" s="1" t="s">
        <v>248783</v>
      </c>
      <c r="I74558" s="1" t="s">
        <v>247053</v>
      </c>
      <c r="J74558" s="1" t="s">
        <v>248802</v>
      </c>
    </row>
    <row r="74559" spans="1:10" x14ac:dyDescent="0.35">
      <c r="A74559" s="1" t="s">
        <v>43814</v>
      </c>
      <c r="B74559" s="1" t="s">
        <v>247048</v>
      </c>
      <c r="C74559" s="1" t="s">
        <v>60</v>
      </c>
      <c r="D74559" s="1" t="s">
        <v>37714</v>
      </c>
      <c r="E74559" s="1" t="s">
        <v>248803</v>
      </c>
      <c r="F74559" s="1" t="s">
        <v>248785</v>
      </c>
      <c r="G74559" s="1" t="s">
        <v>248782</v>
      </c>
      <c r="H74559" s="1" t="s">
        <v>248783</v>
      </c>
      <c r="I74559" s="1" t="s">
        <v>247053</v>
      </c>
      <c r="J74559" s="1" t="s">
        <v>110540</v>
      </c>
    </row>
    <row r="74560" spans="1:10" x14ac:dyDescent="0.35">
      <c r="A74560" s="1" t="s">
        <v>43814</v>
      </c>
      <c r="B74560" s="1" t="s">
        <v>247048</v>
      </c>
      <c r="C74560" s="1" t="s">
        <v>65</v>
      </c>
      <c r="D74560" s="1" t="s">
        <v>44165</v>
      </c>
      <c r="E74560" s="1" t="s">
        <v>248804</v>
      </c>
      <c r="F74560" s="1" t="s">
        <v>248785</v>
      </c>
      <c r="G74560" s="1" t="s">
        <v>248782</v>
      </c>
      <c r="H74560" s="1" t="s">
        <v>248783</v>
      </c>
      <c r="I74560" s="1" t="s">
        <v>247053</v>
      </c>
      <c r="J74560" s="1" t="s">
        <v>248805</v>
      </c>
    </row>
    <row r="74561" spans="1:10" x14ac:dyDescent="0.35">
      <c r="A74561" s="1" t="s">
        <v>43814</v>
      </c>
      <c r="B74561" s="1" t="s">
        <v>247048</v>
      </c>
      <c r="C74561" s="1" t="s">
        <v>70</v>
      </c>
      <c r="D74561" s="1" t="s">
        <v>119934</v>
      </c>
      <c r="E74561" s="1" t="s">
        <v>248806</v>
      </c>
      <c r="F74561" s="1" t="s">
        <v>248785</v>
      </c>
      <c r="G74561" s="1" t="s">
        <v>248782</v>
      </c>
      <c r="H74561" s="1" t="s">
        <v>248783</v>
      </c>
      <c r="I74561" s="1" t="s">
        <v>247053</v>
      </c>
      <c r="J74561" s="1" t="s">
        <v>248807</v>
      </c>
    </row>
    <row r="74562" spans="1:10" x14ac:dyDescent="0.35">
      <c r="A74562" s="1" t="s">
        <v>43814</v>
      </c>
      <c r="B74562" s="1" t="s">
        <v>247048</v>
      </c>
      <c r="C74562" s="1" t="s">
        <v>75</v>
      </c>
      <c r="D74562" s="1" t="s">
        <v>8959</v>
      </c>
      <c r="E74562" s="1" t="s">
        <v>248808</v>
      </c>
      <c r="F74562" s="1" t="s">
        <v>248785</v>
      </c>
      <c r="G74562" s="1" t="s">
        <v>248782</v>
      </c>
      <c r="H74562" s="1" t="s">
        <v>248783</v>
      </c>
      <c r="I74562" s="1" t="s">
        <v>247053</v>
      </c>
      <c r="J74562" s="1" t="s">
        <v>248809</v>
      </c>
    </row>
    <row r="74563" spans="1:10" x14ac:dyDescent="0.35">
      <c r="A74563" s="1" t="s">
        <v>43814</v>
      </c>
      <c r="B74563" s="1" t="s">
        <v>247048</v>
      </c>
      <c r="C74563" s="1" t="s">
        <v>80</v>
      </c>
      <c r="D74563" s="1" t="s">
        <v>248810</v>
      </c>
      <c r="E74563" s="1" t="s">
        <v>248791</v>
      </c>
      <c r="F74563" s="1" t="s">
        <v>248785</v>
      </c>
      <c r="G74563" s="1" t="s">
        <v>248782</v>
      </c>
      <c r="H74563" s="1" t="s">
        <v>248783</v>
      </c>
      <c r="I74563" s="1" t="s">
        <v>247053</v>
      </c>
      <c r="J74563" s="1" t="s">
        <v>248811</v>
      </c>
    </row>
    <row r="74564" spans="1:10" x14ac:dyDescent="0.35">
      <c r="A74564" s="1" t="s">
        <v>43814</v>
      </c>
      <c r="B74564" s="1" t="s">
        <v>247048</v>
      </c>
      <c r="C74564" s="1" t="s">
        <v>85</v>
      </c>
      <c r="D74564" s="1" t="s">
        <v>248812</v>
      </c>
      <c r="E74564" s="1" t="s">
        <v>248813</v>
      </c>
      <c r="F74564" s="1" t="s">
        <v>248785</v>
      </c>
      <c r="G74564" s="1" t="s">
        <v>248782</v>
      </c>
      <c r="H74564" s="1" t="s">
        <v>248783</v>
      </c>
      <c r="I74564" s="1" t="s">
        <v>247053</v>
      </c>
      <c r="J74564" s="1" t="s">
        <v>248814</v>
      </c>
    </row>
    <row r="74565" spans="1:10" x14ac:dyDescent="0.35">
      <c r="A74565" s="1" t="s">
        <v>43814</v>
      </c>
      <c r="B74565" s="1" t="s">
        <v>247048</v>
      </c>
      <c r="C74565" s="1" t="s">
        <v>90</v>
      </c>
      <c r="D74565" s="1" t="s">
        <v>111780</v>
      </c>
      <c r="E74565" s="1" t="s">
        <v>248815</v>
      </c>
      <c r="F74565" s="1" t="s">
        <v>248785</v>
      </c>
      <c r="G74565" s="1" t="s">
        <v>248782</v>
      </c>
      <c r="H74565" s="1" t="s">
        <v>248783</v>
      </c>
      <c r="I74565" s="1" t="s">
        <v>247053</v>
      </c>
      <c r="J74565" s="1" t="s">
        <v>248816</v>
      </c>
    </row>
    <row r="74566" spans="1:10" x14ac:dyDescent="0.35">
      <c r="A74566" s="1" t="s">
        <v>43814</v>
      </c>
      <c r="B74566" s="1" t="s">
        <v>247048</v>
      </c>
      <c r="C74566" s="1" t="s">
        <v>95</v>
      </c>
      <c r="D74566" s="1" t="s">
        <v>157564</v>
      </c>
      <c r="E74566" s="1" t="s">
        <v>248817</v>
      </c>
      <c r="F74566" s="1" t="s">
        <v>248785</v>
      </c>
      <c r="G74566" s="1" t="s">
        <v>248782</v>
      </c>
      <c r="H74566" s="1" t="s">
        <v>248783</v>
      </c>
      <c r="I74566" s="1" t="s">
        <v>247053</v>
      </c>
      <c r="J74566" s="1" t="s">
        <v>248818</v>
      </c>
    </row>
    <row r="74567" spans="1:10" x14ac:dyDescent="0.35">
      <c r="A74567" s="1" t="s">
        <v>43814</v>
      </c>
      <c r="B74567" s="1" t="s">
        <v>247048</v>
      </c>
      <c r="C74567" s="1" t="s">
        <v>100</v>
      </c>
      <c r="D74567" s="1" t="s">
        <v>212297</v>
      </c>
      <c r="E74567" s="1" t="s">
        <v>248819</v>
      </c>
      <c r="F74567" s="1" t="s">
        <v>248785</v>
      </c>
      <c r="G74567" s="1" t="s">
        <v>248782</v>
      </c>
      <c r="H74567" s="1" t="s">
        <v>248783</v>
      </c>
      <c r="I74567" s="1" t="s">
        <v>247053</v>
      </c>
      <c r="J74567" s="1" t="s">
        <v>248820</v>
      </c>
    </row>
    <row r="74568" spans="1:10" x14ac:dyDescent="0.35">
      <c r="A74568" s="1" t="s">
        <v>43814</v>
      </c>
      <c r="B74568" s="1" t="s">
        <v>247048</v>
      </c>
      <c r="C74568" s="1" t="s">
        <v>105</v>
      </c>
      <c r="D74568" s="1" t="s">
        <v>170020</v>
      </c>
      <c r="E74568" s="1" t="s">
        <v>248821</v>
      </c>
      <c r="F74568" s="1" t="s">
        <v>248785</v>
      </c>
      <c r="G74568" s="1" t="s">
        <v>248782</v>
      </c>
      <c r="H74568" s="1" t="s">
        <v>248783</v>
      </c>
      <c r="I74568" s="1" t="s">
        <v>247053</v>
      </c>
      <c r="J74568" s="1" t="s">
        <v>248822</v>
      </c>
    </row>
    <row r="74569" spans="1:10" x14ac:dyDescent="0.35">
      <c r="A74569" s="1" t="s">
        <v>43814</v>
      </c>
      <c r="B74569" s="1" t="s">
        <v>247048</v>
      </c>
      <c r="C74569" s="1" t="s">
        <v>110</v>
      </c>
      <c r="D74569" s="1" t="s">
        <v>170993</v>
      </c>
      <c r="E74569" s="1" t="s">
        <v>248823</v>
      </c>
      <c r="F74569" s="1" t="s">
        <v>248785</v>
      </c>
      <c r="G74569" s="1" t="s">
        <v>248782</v>
      </c>
      <c r="H74569" s="1" t="s">
        <v>248783</v>
      </c>
      <c r="I74569" s="1" t="s">
        <v>247053</v>
      </c>
      <c r="J74569" s="1" t="s">
        <v>248824</v>
      </c>
    </row>
    <row r="74570" spans="1:10" x14ac:dyDescent="0.35">
      <c r="A74570" s="1" t="s">
        <v>43814</v>
      </c>
      <c r="B74570" s="1" t="s">
        <v>247048</v>
      </c>
      <c r="C74570" s="1" t="s">
        <v>115</v>
      </c>
      <c r="D74570" s="1" t="s">
        <v>47350</v>
      </c>
      <c r="E74570" s="1" t="s">
        <v>248825</v>
      </c>
      <c r="F74570" s="1" t="s">
        <v>248785</v>
      </c>
      <c r="G74570" s="1" t="s">
        <v>248782</v>
      </c>
      <c r="H74570" s="1" t="s">
        <v>248783</v>
      </c>
      <c r="I74570" s="1" t="s">
        <v>247053</v>
      </c>
      <c r="J74570" s="1" t="s">
        <v>248826</v>
      </c>
    </row>
    <row r="74571" spans="1:10" x14ac:dyDescent="0.35">
      <c r="A74571" s="1" t="s">
        <v>43814</v>
      </c>
      <c r="B74571" s="1" t="s">
        <v>247048</v>
      </c>
      <c r="C74571" s="1" t="s">
        <v>120</v>
      </c>
      <c r="D74571" s="1" t="s">
        <v>247667</v>
      </c>
      <c r="E74571" s="1" t="s">
        <v>248827</v>
      </c>
      <c r="F74571" s="1" t="s">
        <v>248785</v>
      </c>
      <c r="G74571" s="1" t="s">
        <v>248782</v>
      </c>
      <c r="H74571" s="1" t="s">
        <v>248783</v>
      </c>
      <c r="I74571" s="1" t="s">
        <v>247053</v>
      </c>
      <c r="J74571" s="1" t="s">
        <v>248828</v>
      </c>
    </row>
    <row r="74572" spans="1:10" x14ac:dyDescent="0.35">
      <c r="A74572" s="1" t="s">
        <v>43814</v>
      </c>
      <c r="B74572" s="1" t="s">
        <v>247048</v>
      </c>
      <c r="C74572" s="1" t="s">
        <v>125</v>
      </c>
      <c r="D74572" s="1" t="s">
        <v>135582</v>
      </c>
      <c r="E74572" s="1" t="s">
        <v>248829</v>
      </c>
      <c r="F74572" s="1" t="s">
        <v>248785</v>
      </c>
      <c r="G74572" s="1" t="s">
        <v>248782</v>
      </c>
      <c r="H74572" s="1" t="s">
        <v>248783</v>
      </c>
      <c r="I74572" s="1" t="s">
        <v>247053</v>
      </c>
      <c r="J74572" s="1" t="s">
        <v>248830</v>
      </c>
    </row>
    <row r="74573" spans="1:10" x14ac:dyDescent="0.35">
      <c r="A74573" s="1" t="s">
        <v>43814</v>
      </c>
      <c r="B74573" s="1" t="s">
        <v>247048</v>
      </c>
      <c r="C74573" s="1" t="s">
        <v>130</v>
      </c>
      <c r="D74573" s="1" t="s">
        <v>181582</v>
      </c>
      <c r="E74573" s="1" t="s">
        <v>248831</v>
      </c>
      <c r="F74573" s="1" t="s">
        <v>248785</v>
      </c>
      <c r="G74573" s="1" t="s">
        <v>248782</v>
      </c>
      <c r="H74573" s="1" t="s">
        <v>248783</v>
      </c>
      <c r="I74573" s="1" t="s">
        <v>247053</v>
      </c>
      <c r="J74573" s="1" t="s">
        <v>248832</v>
      </c>
    </row>
    <row r="74574" spans="1:10" x14ac:dyDescent="0.35">
      <c r="A74574" s="1" t="s">
        <v>43814</v>
      </c>
      <c r="B74574" s="1" t="s">
        <v>247048</v>
      </c>
      <c r="C74574" s="1" t="s">
        <v>135</v>
      </c>
      <c r="D74574" s="1" t="s">
        <v>214547</v>
      </c>
      <c r="E74574" s="1" t="s">
        <v>248833</v>
      </c>
      <c r="F74574" s="1" t="s">
        <v>248785</v>
      </c>
      <c r="G74574" s="1" t="s">
        <v>248782</v>
      </c>
      <c r="H74574" s="1" t="s">
        <v>248783</v>
      </c>
      <c r="I74574" s="1" t="s">
        <v>247053</v>
      </c>
      <c r="J74574" s="1" t="s">
        <v>248834</v>
      </c>
    </row>
    <row r="74575" spans="1:10" x14ac:dyDescent="0.35">
      <c r="A74575" s="1" t="s">
        <v>43814</v>
      </c>
      <c r="B74575" s="1" t="s">
        <v>247048</v>
      </c>
      <c r="C74575" s="1" t="s">
        <v>140</v>
      </c>
      <c r="D74575" s="1" t="s">
        <v>72913</v>
      </c>
      <c r="E74575" s="1" t="s">
        <v>248835</v>
      </c>
      <c r="F74575" s="1" t="s">
        <v>248785</v>
      </c>
      <c r="G74575" s="1" t="s">
        <v>248782</v>
      </c>
      <c r="H74575" s="1" t="s">
        <v>248783</v>
      </c>
      <c r="I74575" s="1" t="s">
        <v>247053</v>
      </c>
      <c r="J74575" s="1" t="s">
        <v>248836</v>
      </c>
    </row>
    <row r="74576" spans="1:10" x14ac:dyDescent="0.35">
      <c r="A74576" s="1" t="s">
        <v>43814</v>
      </c>
      <c r="B74576" s="1" t="s">
        <v>247048</v>
      </c>
      <c r="C74576" s="1" t="s">
        <v>145</v>
      </c>
      <c r="D74576" s="1" t="s">
        <v>119842</v>
      </c>
      <c r="E74576" s="1" t="s">
        <v>248837</v>
      </c>
      <c r="F74576" s="1" t="s">
        <v>248785</v>
      </c>
      <c r="G74576" s="1" t="s">
        <v>248782</v>
      </c>
      <c r="H74576" s="1" t="s">
        <v>248783</v>
      </c>
      <c r="I74576" s="1" t="s">
        <v>247053</v>
      </c>
      <c r="J74576" s="1" t="s">
        <v>248838</v>
      </c>
    </row>
    <row r="74577" spans="1:10" x14ac:dyDescent="0.35">
      <c r="A74577" s="1" t="s">
        <v>43814</v>
      </c>
      <c r="B74577" s="1" t="s">
        <v>247048</v>
      </c>
      <c r="C74577" s="1" t="s">
        <v>150</v>
      </c>
      <c r="D74577" s="1" t="s">
        <v>191629</v>
      </c>
      <c r="E74577" s="1" t="s">
        <v>248839</v>
      </c>
      <c r="F74577" s="1" t="s">
        <v>248785</v>
      </c>
      <c r="G74577" s="1" t="s">
        <v>248782</v>
      </c>
      <c r="H74577" s="1" t="s">
        <v>248783</v>
      </c>
      <c r="I74577" s="1" t="s">
        <v>247053</v>
      </c>
      <c r="J74577" s="1" t="s">
        <v>248840</v>
      </c>
    </row>
    <row r="74578" spans="1:10" x14ac:dyDescent="0.35">
      <c r="A74578" s="1" t="s">
        <v>43814</v>
      </c>
      <c r="B74578" s="1" t="s">
        <v>247048</v>
      </c>
      <c r="C74578" s="1" t="s">
        <v>155</v>
      </c>
      <c r="D74578" s="1" t="s">
        <v>17175</v>
      </c>
      <c r="E74578" s="1" t="s">
        <v>248841</v>
      </c>
      <c r="F74578" s="1" t="s">
        <v>248785</v>
      </c>
      <c r="G74578" s="1" t="s">
        <v>248782</v>
      </c>
      <c r="H74578" s="1" t="s">
        <v>248783</v>
      </c>
      <c r="I74578" s="1" t="s">
        <v>247053</v>
      </c>
      <c r="J74578" s="1" t="s">
        <v>248842</v>
      </c>
    </row>
    <row r="74579" spans="1:10" x14ac:dyDescent="0.35">
      <c r="A74579" s="1" t="s">
        <v>43814</v>
      </c>
      <c r="B74579" s="1" t="s">
        <v>247048</v>
      </c>
      <c r="C74579" s="1" t="s">
        <v>160</v>
      </c>
      <c r="D74579" s="1" t="s">
        <v>248843</v>
      </c>
      <c r="E74579" s="1" t="s">
        <v>248844</v>
      </c>
      <c r="F74579" s="1" t="s">
        <v>248785</v>
      </c>
      <c r="G74579" s="1" t="s">
        <v>248782</v>
      </c>
      <c r="H74579" s="1" t="s">
        <v>248783</v>
      </c>
      <c r="I74579" s="1" t="s">
        <v>247053</v>
      </c>
      <c r="J74579" s="1" t="s">
        <v>248845</v>
      </c>
    </row>
    <row r="74580" spans="1:10" x14ac:dyDescent="0.35">
      <c r="A74580" s="1" t="s">
        <v>43814</v>
      </c>
      <c r="B74580" s="1" t="s">
        <v>247048</v>
      </c>
      <c r="C74580" s="1" t="s">
        <v>165</v>
      </c>
      <c r="D74580" s="1" t="s">
        <v>37621</v>
      </c>
      <c r="E74580" s="1" t="s">
        <v>248846</v>
      </c>
      <c r="F74580" s="1" t="s">
        <v>248785</v>
      </c>
      <c r="G74580" s="1" t="s">
        <v>248782</v>
      </c>
      <c r="H74580" s="1" t="s">
        <v>248783</v>
      </c>
      <c r="I74580" s="1" t="s">
        <v>247053</v>
      </c>
      <c r="J74580" s="1" t="s">
        <v>12772</v>
      </c>
    </row>
    <row r="74581" spans="1:10" x14ac:dyDescent="0.35">
      <c r="A74581" s="1" t="s">
        <v>43814</v>
      </c>
      <c r="B74581" s="1" t="s">
        <v>247048</v>
      </c>
      <c r="C74581" s="1" t="s">
        <v>170</v>
      </c>
      <c r="D74581" s="1" t="s">
        <v>173152</v>
      </c>
      <c r="E74581" s="1" t="s">
        <v>248847</v>
      </c>
      <c r="F74581" s="1" t="s">
        <v>248785</v>
      </c>
      <c r="G74581" s="1" t="s">
        <v>248782</v>
      </c>
      <c r="H74581" s="1" t="s">
        <v>248783</v>
      </c>
      <c r="I74581" s="1" t="s">
        <v>247053</v>
      </c>
      <c r="J74581" s="1" t="s">
        <v>248848</v>
      </c>
    </row>
    <row r="74582" spans="1:10" x14ac:dyDescent="0.35">
      <c r="A74582" s="1" t="s">
        <v>157500</v>
      </c>
      <c r="B74582" s="1" t="s">
        <v>247048</v>
      </c>
      <c r="C74582" s="1" t="s">
        <v>8</v>
      </c>
      <c r="D74582" s="1" t="s">
        <v>25989</v>
      </c>
      <c r="E74582" s="1" t="s">
        <v>248849</v>
      </c>
      <c r="F74582" s="1" t="s">
        <v>248850</v>
      </c>
      <c r="G74582" s="1" t="s">
        <v>248851</v>
      </c>
      <c r="H74582" s="1" t="s">
        <v>248852</v>
      </c>
      <c r="I74582" s="1" t="s">
        <v>247053</v>
      </c>
      <c r="J74582" s="1" t="s">
        <v>13</v>
      </c>
    </row>
    <row r="74583" spans="1:10" x14ac:dyDescent="0.35">
      <c r="A74583" s="1" t="s">
        <v>157500</v>
      </c>
      <c r="B74583" s="1" t="s">
        <v>247048</v>
      </c>
      <c r="C74583" s="1" t="s">
        <v>15</v>
      </c>
      <c r="D74583" s="1" t="s">
        <v>142643</v>
      </c>
      <c r="E74583" s="1" t="s">
        <v>248853</v>
      </c>
      <c r="F74583" s="1" t="s">
        <v>248854</v>
      </c>
      <c r="G74583" s="1" t="s">
        <v>248851</v>
      </c>
      <c r="H74583" s="1" t="s">
        <v>248852</v>
      </c>
      <c r="I74583" s="1" t="s">
        <v>247053</v>
      </c>
      <c r="J74583" s="1" t="s">
        <v>248855</v>
      </c>
    </row>
    <row r="74584" spans="1:10" x14ac:dyDescent="0.35">
      <c r="A74584" s="1" t="s">
        <v>157500</v>
      </c>
      <c r="B74584" s="1" t="s">
        <v>247048</v>
      </c>
      <c r="C74584" s="1" t="s">
        <v>20</v>
      </c>
      <c r="D74584" s="1" t="s">
        <v>104311</v>
      </c>
      <c r="E74584" s="1" t="s">
        <v>27620</v>
      </c>
      <c r="F74584" s="1" t="s">
        <v>248856</v>
      </c>
      <c r="G74584" s="1" t="s">
        <v>248851</v>
      </c>
      <c r="H74584" s="1" t="s">
        <v>248852</v>
      </c>
      <c r="I74584" s="1" t="s">
        <v>247053</v>
      </c>
      <c r="J74584" s="1" t="s">
        <v>248857</v>
      </c>
    </row>
    <row r="74585" spans="1:10" x14ac:dyDescent="0.35">
      <c r="A74585" s="1" t="s">
        <v>157500</v>
      </c>
      <c r="B74585" s="1" t="s">
        <v>247048</v>
      </c>
      <c r="C74585" s="1" t="s">
        <v>25</v>
      </c>
      <c r="D74585" s="1" t="s">
        <v>143095</v>
      </c>
      <c r="E74585" s="1" t="s">
        <v>248858</v>
      </c>
      <c r="F74585" s="1" t="s">
        <v>248859</v>
      </c>
      <c r="G74585" s="1" t="s">
        <v>248851</v>
      </c>
      <c r="H74585" s="1" t="s">
        <v>248852</v>
      </c>
      <c r="I74585" s="1" t="s">
        <v>247053</v>
      </c>
      <c r="J74585" s="1" t="s">
        <v>248860</v>
      </c>
    </row>
    <row r="74586" spans="1:10" x14ac:dyDescent="0.35">
      <c r="A74586" s="1" t="s">
        <v>157500</v>
      </c>
      <c r="B74586" s="1" t="s">
        <v>247048</v>
      </c>
      <c r="C74586" s="1" t="s">
        <v>30</v>
      </c>
      <c r="D74586" s="1" t="s">
        <v>144018</v>
      </c>
      <c r="E74586" s="1" t="s">
        <v>248861</v>
      </c>
      <c r="F74586" s="1" t="s">
        <v>248862</v>
      </c>
      <c r="G74586" s="1" t="s">
        <v>248851</v>
      </c>
      <c r="H74586" s="1" t="s">
        <v>248852</v>
      </c>
      <c r="I74586" s="1" t="s">
        <v>247053</v>
      </c>
      <c r="J74586" s="1" t="s">
        <v>117305</v>
      </c>
    </row>
    <row r="74587" spans="1:10" x14ac:dyDescent="0.35">
      <c r="A74587" s="1" t="s">
        <v>157500</v>
      </c>
      <c r="B74587" s="1" t="s">
        <v>247048</v>
      </c>
      <c r="C74587" s="1" t="s">
        <v>35</v>
      </c>
      <c r="D74587" s="1" t="s">
        <v>24943</v>
      </c>
      <c r="E74587" s="1" t="s">
        <v>248863</v>
      </c>
      <c r="F74587" s="1" t="s">
        <v>248864</v>
      </c>
      <c r="G74587" s="1" t="s">
        <v>248851</v>
      </c>
      <c r="H74587" s="1" t="s">
        <v>248852</v>
      </c>
      <c r="I74587" s="1" t="s">
        <v>247053</v>
      </c>
      <c r="J74587" s="1" t="s">
        <v>248865</v>
      </c>
    </row>
    <row r="74588" spans="1:10" x14ac:dyDescent="0.35">
      <c r="A74588" s="1" t="s">
        <v>157500</v>
      </c>
      <c r="B74588" s="1" t="s">
        <v>247048</v>
      </c>
      <c r="C74588" s="1" t="s">
        <v>40</v>
      </c>
      <c r="D74588" s="1" t="s">
        <v>244764</v>
      </c>
      <c r="E74588" s="1" t="s">
        <v>248866</v>
      </c>
      <c r="F74588" s="1" t="s">
        <v>248867</v>
      </c>
      <c r="G74588" s="1" t="s">
        <v>248851</v>
      </c>
      <c r="H74588" s="1" t="s">
        <v>248852</v>
      </c>
      <c r="I74588" s="1" t="s">
        <v>247053</v>
      </c>
      <c r="J74588" s="1" t="s">
        <v>248868</v>
      </c>
    </row>
    <row r="74589" spans="1:10" x14ac:dyDescent="0.35">
      <c r="A74589" s="1" t="s">
        <v>157500</v>
      </c>
      <c r="B74589" s="1" t="s">
        <v>247048</v>
      </c>
      <c r="C74589" s="1" t="s">
        <v>45</v>
      </c>
      <c r="D74589" s="1" t="s">
        <v>4785</v>
      </c>
      <c r="E74589" s="1" t="s">
        <v>248869</v>
      </c>
      <c r="F74589" s="1" t="s">
        <v>248870</v>
      </c>
      <c r="G74589" s="1" t="s">
        <v>248851</v>
      </c>
      <c r="H74589" s="1" t="s">
        <v>248852</v>
      </c>
      <c r="I74589" s="1" t="s">
        <v>247053</v>
      </c>
      <c r="J74589" s="1" t="s">
        <v>248871</v>
      </c>
    </row>
    <row r="74590" spans="1:10" x14ac:dyDescent="0.35">
      <c r="A74590" s="1" t="s">
        <v>157500</v>
      </c>
      <c r="B74590" s="1" t="s">
        <v>247048</v>
      </c>
      <c r="C74590" s="1" t="s">
        <v>50</v>
      </c>
      <c r="D74590" s="1" t="s">
        <v>119036</v>
      </c>
      <c r="E74590" s="1" t="s">
        <v>248872</v>
      </c>
      <c r="F74590" s="1" t="s">
        <v>248873</v>
      </c>
      <c r="G74590" s="1" t="s">
        <v>248851</v>
      </c>
      <c r="H74590" s="1" t="s">
        <v>248852</v>
      </c>
      <c r="I74590" s="1" t="s">
        <v>247053</v>
      </c>
      <c r="J74590" s="1" t="s">
        <v>248874</v>
      </c>
    </row>
    <row r="74591" spans="1:10" x14ac:dyDescent="0.35">
      <c r="A74591" s="1" t="s">
        <v>157500</v>
      </c>
      <c r="B74591" s="1" t="s">
        <v>247048</v>
      </c>
      <c r="C74591" s="1" t="s">
        <v>55</v>
      </c>
      <c r="D74591" s="1" t="s">
        <v>7575</v>
      </c>
      <c r="E74591" s="1" t="s">
        <v>248875</v>
      </c>
      <c r="F74591" s="1" t="s">
        <v>248876</v>
      </c>
      <c r="G74591" s="1" t="s">
        <v>248851</v>
      </c>
      <c r="H74591" s="1" t="s">
        <v>248852</v>
      </c>
      <c r="I74591" s="1" t="s">
        <v>247053</v>
      </c>
      <c r="J74591" s="1" t="s">
        <v>248877</v>
      </c>
    </row>
    <row r="74592" spans="1:10" x14ac:dyDescent="0.35">
      <c r="A74592" s="1" t="s">
        <v>157500</v>
      </c>
      <c r="B74592" s="1" t="s">
        <v>247048</v>
      </c>
      <c r="C74592" s="1" t="s">
        <v>60</v>
      </c>
      <c r="D74592" s="1" t="s">
        <v>120800</v>
      </c>
      <c r="E74592" s="1" t="s">
        <v>248878</v>
      </c>
      <c r="F74592" s="1" t="s">
        <v>248879</v>
      </c>
      <c r="G74592" s="1" t="s">
        <v>248851</v>
      </c>
      <c r="H74592" s="1" t="s">
        <v>248852</v>
      </c>
      <c r="I74592" s="1" t="s">
        <v>247053</v>
      </c>
      <c r="J74592" s="1" t="s">
        <v>248880</v>
      </c>
    </row>
    <row r="74593" spans="1:10" x14ac:dyDescent="0.35">
      <c r="A74593" s="1" t="s">
        <v>157500</v>
      </c>
      <c r="B74593" s="1" t="s">
        <v>247048</v>
      </c>
      <c r="C74593" s="1" t="s">
        <v>65</v>
      </c>
      <c r="D74593" s="1" t="s">
        <v>6461</v>
      </c>
      <c r="E74593" s="1" t="s">
        <v>248881</v>
      </c>
      <c r="F74593" s="1" t="s">
        <v>248882</v>
      </c>
      <c r="G74593" s="1" t="s">
        <v>248851</v>
      </c>
      <c r="H74593" s="1" t="s">
        <v>248852</v>
      </c>
      <c r="I74593" s="1" t="s">
        <v>247053</v>
      </c>
      <c r="J74593" s="1" t="s">
        <v>248883</v>
      </c>
    </row>
    <row r="74594" spans="1:10" x14ac:dyDescent="0.35">
      <c r="A74594" s="1" t="s">
        <v>157500</v>
      </c>
      <c r="B74594" s="1" t="s">
        <v>247048</v>
      </c>
      <c r="C74594" s="1" t="s">
        <v>70</v>
      </c>
      <c r="D74594" s="1" t="s">
        <v>6486</v>
      </c>
      <c r="E74594" s="1" t="s">
        <v>248884</v>
      </c>
      <c r="F74594" s="1" t="s">
        <v>248885</v>
      </c>
      <c r="G74594" s="1" t="s">
        <v>248851</v>
      </c>
      <c r="H74594" s="1" t="s">
        <v>248852</v>
      </c>
      <c r="I74594" s="1" t="s">
        <v>247053</v>
      </c>
      <c r="J74594" s="1" t="s">
        <v>248886</v>
      </c>
    </row>
    <row r="74595" spans="1:10" x14ac:dyDescent="0.35">
      <c r="A74595" s="1" t="s">
        <v>157500</v>
      </c>
      <c r="B74595" s="1" t="s">
        <v>247048</v>
      </c>
      <c r="C74595" s="1" t="s">
        <v>75</v>
      </c>
      <c r="D74595" s="1" t="s">
        <v>49364</v>
      </c>
      <c r="E74595" s="1" t="s">
        <v>248887</v>
      </c>
      <c r="F74595" s="1" t="s">
        <v>248888</v>
      </c>
      <c r="G74595" s="1" t="s">
        <v>248851</v>
      </c>
      <c r="H74595" s="1" t="s">
        <v>248852</v>
      </c>
      <c r="I74595" s="1" t="s">
        <v>247053</v>
      </c>
      <c r="J74595" s="1" t="s">
        <v>248889</v>
      </c>
    </row>
    <row r="74596" spans="1:10" x14ac:dyDescent="0.35">
      <c r="A74596" s="1" t="s">
        <v>157500</v>
      </c>
      <c r="B74596" s="1" t="s">
        <v>247048</v>
      </c>
      <c r="C74596" s="1" t="s">
        <v>80</v>
      </c>
      <c r="D74596" s="1" t="s">
        <v>14506</v>
      </c>
      <c r="E74596" s="1" t="s">
        <v>248890</v>
      </c>
      <c r="F74596" s="1" t="s">
        <v>248891</v>
      </c>
      <c r="G74596" s="1" t="s">
        <v>248851</v>
      </c>
      <c r="H74596" s="1" t="s">
        <v>248852</v>
      </c>
      <c r="I74596" s="1" t="s">
        <v>247053</v>
      </c>
      <c r="J74596" s="1" t="s">
        <v>248892</v>
      </c>
    </row>
    <row r="74597" spans="1:10" x14ac:dyDescent="0.35">
      <c r="A74597" s="1" t="s">
        <v>157500</v>
      </c>
      <c r="B74597" s="1" t="s">
        <v>247048</v>
      </c>
      <c r="C74597" s="1" t="s">
        <v>85</v>
      </c>
      <c r="D74597" s="1" t="s">
        <v>104104</v>
      </c>
      <c r="E74597" s="1" t="s">
        <v>248893</v>
      </c>
      <c r="F74597" s="1" t="s">
        <v>248894</v>
      </c>
      <c r="G74597" s="1" t="s">
        <v>248851</v>
      </c>
      <c r="H74597" s="1" t="s">
        <v>248852</v>
      </c>
      <c r="I74597" s="1" t="s">
        <v>247053</v>
      </c>
      <c r="J74597" s="1" t="s">
        <v>248895</v>
      </c>
    </row>
    <row r="74598" spans="1:10" x14ac:dyDescent="0.35">
      <c r="A74598" s="1" t="s">
        <v>157500</v>
      </c>
      <c r="B74598" s="1" t="s">
        <v>247048</v>
      </c>
      <c r="C74598" s="1" t="s">
        <v>90</v>
      </c>
      <c r="D74598" s="1" t="s">
        <v>143605</v>
      </c>
      <c r="E74598" s="1" t="s">
        <v>248896</v>
      </c>
      <c r="F74598" s="1" t="s">
        <v>248897</v>
      </c>
      <c r="G74598" s="1" t="s">
        <v>248851</v>
      </c>
      <c r="H74598" s="1" t="s">
        <v>248852</v>
      </c>
      <c r="I74598" s="1" t="s">
        <v>247053</v>
      </c>
      <c r="J74598" s="1" t="s">
        <v>248898</v>
      </c>
    </row>
    <row r="74599" spans="1:10" x14ac:dyDescent="0.35">
      <c r="A74599" s="1" t="s">
        <v>157500</v>
      </c>
      <c r="B74599" s="1" t="s">
        <v>247048</v>
      </c>
      <c r="C74599" s="1" t="s">
        <v>95</v>
      </c>
      <c r="D74599" s="1" t="s">
        <v>45872</v>
      </c>
      <c r="E74599" s="1" t="s">
        <v>248899</v>
      </c>
      <c r="F74599" s="1" t="s">
        <v>248900</v>
      </c>
      <c r="G74599" s="1" t="s">
        <v>248851</v>
      </c>
      <c r="H74599" s="1" t="s">
        <v>248852</v>
      </c>
      <c r="I74599" s="1" t="s">
        <v>247053</v>
      </c>
      <c r="J74599" s="1" t="s">
        <v>248901</v>
      </c>
    </row>
    <row r="74600" spans="1:10" x14ac:dyDescent="0.35">
      <c r="A74600" s="1" t="s">
        <v>157500</v>
      </c>
      <c r="B74600" s="1" t="s">
        <v>247048</v>
      </c>
      <c r="C74600" s="1" t="s">
        <v>100</v>
      </c>
      <c r="D74600" s="1" t="s">
        <v>42009</v>
      </c>
      <c r="E74600" s="1" t="s">
        <v>248902</v>
      </c>
      <c r="F74600" s="1" t="s">
        <v>248903</v>
      </c>
      <c r="G74600" s="1" t="s">
        <v>248851</v>
      </c>
      <c r="H74600" s="1" t="s">
        <v>248852</v>
      </c>
      <c r="I74600" s="1" t="s">
        <v>247053</v>
      </c>
      <c r="J74600" s="1" t="s">
        <v>248904</v>
      </c>
    </row>
    <row r="74601" spans="1:10" x14ac:dyDescent="0.35">
      <c r="A74601" s="1" t="s">
        <v>157500</v>
      </c>
      <c r="B74601" s="1" t="s">
        <v>247048</v>
      </c>
      <c r="C74601" s="1" t="s">
        <v>105</v>
      </c>
      <c r="D74601" s="1" t="s">
        <v>126506</v>
      </c>
      <c r="E74601" s="1" t="s">
        <v>248905</v>
      </c>
      <c r="F74601" s="1" t="s">
        <v>248906</v>
      </c>
      <c r="G74601" s="1" t="s">
        <v>248851</v>
      </c>
      <c r="H74601" s="1" t="s">
        <v>248852</v>
      </c>
      <c r="I74601" s="1" t="s">
        <v>247053</v>
      </c>
      <c r="J74601" s="1" t="s">
        <v>248907</v>
      </c>
    </row>
    <row r="74602" spans="1:10" x14ac:dyDescent="0.35">
      <c r="A74602" s="1" t="s">
        <v>157500</v>
      </c>
      <c r="B74602" s="1" t="s">
        <v>247048</v>
      </c>
      <c r="C74602" s="1" t="s">
        <v>110</v>
      </c>
      <c r="D74602" s="1" t="s">
        <v>157123</v>
      </c>
      <c r="E74602" s="1" t="s">
        <v>248908</v>
      </c>
      <c r="F74602" s="1" t="s">
        <v>248909</v>
      </c>
      <c r="G74602" s="1" t="s">
        <v>248851</v>
      </c>
      <c r="H74602" s="1" t="s">
        <v>248852</v>
      </c>
      <c r="I74602" s="1" t="s">
        <v>247053</v>
      </c>
      <c r="J74602" s="1" t="s">
        <v>248910</v>
      </c>
    </row>
    <row r="74603" spans="1:10" x14ac:dyDescent="0.35">
      <c r="A74603" s="1" t="s">
        <v>157500</v>
      </c>
      <c r="B74603" s="1" t="s">
        <v>247048</v>
      </c>
      <c r="C74603" s="1" t="s">
        <v>115</v>
      </c>
      <c r="D74603" s="1" t="s">
        <v>17186</v>
      </c>
      <c r="E74603" s="1" t="s">
        <v>248911</v>
      </c>
      <c r="F74603" s="1" t="s">
        <v>248912</v>
      </c>
      <c r="G74603" s="1" t="s">
        <v>248851</v>
      </c>
      <c r="H74603" s="1" t="s">
        <v>248852</v>
      </c>
      <c r="I74603" s="1" t="s">
        <v>247053</v>
      </c>
      <c r="J74603" s="1" t="s">
        <v>248913</v>
      </c>
    </row>
    <row r="74604" spans="1:10" x14ac:dyDescent="0.35">
      <c r="A74604" s="1" t="s">
        <v>157500</v>
      </c>
      <c r="B74604" s="1" t="s">
        <v>247048</v>
      </c>
      <c r="C74604" s="1" t="s">
        <v>120</v>
      </c>
      <c r="D74604" s="1" t="s">
        <v>15258</v>
      </c>
      <c r="E74604" s="1" t="s">
        <v>248914</v>
      </c>
      <c r="F74604" s="1" t="s">
        <v>248915</v>
      </c>
      <c r="G74604" s="1" t="s">
        <v>248851</v>
      </c>
      <c r="H74604" s="1" t="s">
        <v>248852</v>
      </c>
      <c r="I74604" s="1" t="s">
        <v>247053</v>
      </c>
      <c r="J74604" s="1" t="s">
        <v>248916</v>
      </c>
    </row>
    <row r="74605" spans="1:10" x14ac:dyDescent="0.35">
      <c r="A74605" s="1" t="s">
        <v>157500</v>
      </c>
      <c r="B74605" s="1" t="s">
        <v>247048</v>
      </c>
      <c r="C74605" s="1" t="s">
        <v>125</v>
      </c>
      <c r="D74605" s="1" t="s">
        <v>155675</v>
      </c>
      <c r="E74605" s="1" t="s">
        <v>248917</v>
      </c>
      <c r="F74605" s="1" t="s">
        <v>248918</v>
      </c>
      <c r="G74605" s="1" t="s">
        <v>248851</v>
      </c>
      <c r="H74605" s="1" t="s">
        <v>248852</v>
      </c>
      <c r="I74605" s="1" t="s">
        <v>247053</v>
      </c>
      <c r="J74605" s="1" t="s">
        <v>248919</v>
      </c>
    </row>
    <row r="74606" spans="1:10" x14ac:dyDescent="0.35">
      <c r="A74606" s="1" t="s">
        <v>157500</v>
      </c>
      <c r="B74606" s="1" t="s">
        <v>247048</v>
      </c>
      <c r="C74606" s="1" t="s">
        <v>130</v>
      </c>
      <c r="D74606" s="1" t="s">
        <v>73550</v>
      </c>
      <c r="E74606" s="1" t="s">
        <v>248920</v>
      </c>
      <c r="F74606" s="1" t="s">
        <v>248921</v>
      </c>
      <c r="G74606" s="1" t="s">
        <v>248851</v>
      </c>
      <c r="H74606" s="1" t="s">
        <v>248852</v>
      </c>
      <c r="I74606" s="1" t="s">
        <v>247053</v>
      </c>
      <c r="J74606" s="1" t="s">
        <v>248922</v>
      </c>
    </row>
    <row r="74607" spans="1:10" x14ac:dyDescent="0.35">
      <c r="A74607" s="1" t="s">
        <v>157500</v>
      </c>
      <c r="B74607" s="1" t="s">
        <v>247048</v>
      </c>
      <c r="C74607" s="1" t="s">
        <v>135</v>
      </c>
      <c r="D74607" s="1" t="s">
        <v>4547</v>
      </c>
      <c r="E74607" s="1" t="s">
        <v>248923</v>
      </c>
      <c r="F74607" s="1" t="s">
        <v>248924</v>
      </c>
      <c r="G74607" s="1" t="s">
        <v>248851</v>
      </c>
      <c r="H74607" s="1" t="s">
        <v>248852</v>
      </c>
      <c r="I74607" s="1" t="s">
        <v>247053</v>
      </c>
      <c r="J74607" s="1" t="s">
        <v>248925</v>
      </c>
    </row>
    <row r="74608" spans="1:10" x14ac:dyDescent="0.35">
      <c r="A74608" s="1" t="s">
        <v>157500</v>
      </c>
      <c r="B74608" s="1" t="s">
        <v>247048</v>
      </c>
      <c r="C74608" s="1" t="s">
        <v>140</v>
      </c>
      <c r="D74608" s="1" t="s">
        <v>42751</v>
      </c>
      <c r="E74608" s="1" t="s">
        <v>248926</v>
      </c>
      <c r="F74608" s="1" t="s">
        <v>248927</v>
      </c>
      <c r="G74608" s="1" t="s">
        <v>248851</v>
      </c>
      <c r="H74608" s="1" t="s">
        <v>248852</v>
      </c>
      <c r="I74608" s="1" t="s">
        <v>247053</v>
      </c>
      <c r="J74608" s="1" t="s">
        <v>248928</v>
      </c>
    </row>
    <row r="74609" spans="1:10" x14ac:dyDescent="0.35">
      <c r="A74609" s="1" t="s">
        <v>157500</v>
      </c>
      <c r="B74609" s="1" t="s">
        <v>247048</v>
      </c>
      <c r="C74609" s="1" t="s">
        <v>145</v>
      </c>
      <c r="D74609" s="1" t="s">
        <v>9558</v>
      </c>
      <c r="E74609" s="1" t="s">
        <v>248929</v>
      </c>
      <c r="F74609" s="1" t="s">
        <v>248930</v>
      </c>
      <c r="G74609" s="1" t="s">
        <v>248851</v>
      </c>
      <c r="H74609" s="1" t="s">
        <v>248852</v>
      </c>
      <c r="I74609" s="1" t="s">
        <v>247053</v>
      </c>
      <c r="J74609" s="1" t="s">
        <v>248931</v>
      </c>
    </row>
    <row r="74610" spans="1:10" x14ac:dyDescent="0.35">
      <c r="A74610" s="1" t="s">
        <v>157500</v>
      </c>
      <c r="B74610" s="1" t="s">
        <v>247048</v>
      </c>
      <c r="C74610" s="1" t="s">
        <v>150</v>
      </c>
      <c r="D74610" s="1" t="s">
        <v>182341</v>
      </c>
      <c r="E74610" s="1" t="s">
        <v>248932</v>
      </c>
      <c r="F74610" s="1" t="s">
        <v>248933</v>
      </c>
      <c r="G74610" s="1" t="s">
        <v>248851</v>
      </c>
      <c r="H74610" s="1" t="s">
        <v>248852</v>
      </c>
      <c r="I74610" s="1" t="s">
        <v>247053</v>
      </c>
      <c r="J74610" s="1" t="s">
        <v>248934</v>
      </c>
    </row>
    <row r="74611" spans="1:10" x14ac:dyDescent="0.35">
      <c r="A74611" s="1" t="s">
        <v>157500</v>
      </c>
      <c r="B74611" s="1" t="s">
        <v>247048</v>
      </c>
      <c r="C74611" s="1" t="s">
        <v>155</v>
      </c>
      <c r="D74611" s="1" t="s">
        <v>109930</v>
      </c>
      <c r="E74611" s="1" t="s">
        <v>206670</v>
      </c>
      <c r="F74611" s="1" t="s">
        <v>248935</v>
      </c>
      <c r="G74611" s="1" t="s">
        <v>248851</v>
      </c>
      <c r="H74611" s="1" t="s">
        <v>248852</v>
      </c>
      <c r="I74611" s="1" t="s">
        <v>247053</v>
      </c>
      <c r="J74611" s="1" t="s">
        <v>248936</v>
      </c>
    </row>
    <row r="74612" spans="1:10" x14ac:dyDescent="0.35">
      <c r="A74612" s="1" t="s">
        <v>157500</v>
      </c>
      <c r="B74612" s="1" t="s">
        <v>247048</v>
      </c>
      <c r="C74612" s="1" t="s">
        <v>160</v>
      </c>
      <c r="D74612" s="1" t="s">
        <v>73112</v>
      </c>
      <c r="E74612" s="1" t="s">
        <v>248937</v>
      </c>
      <c r="F74612" s="1" t="s">
        <v>248938</v>
      </c>
      <c r="G74612" s="1" t="s">
        <v>248851</v>
      </c>
      <c r="H74612" s="1" t="s">
        <v>248852</v>
      </c>
      <c r="I74612" s="1" t="s">
        <v>247053</v>
      </c>
      <c r="J74612" s="1" t="s">
        <v>248939</v>
      </c>
    </row>
    <row r="74613" spans="1:10" x14ac:dyDescent="0.35">
      <c r="A74613" s="1" t="s">
        <v>157500</v>
      </c>
      <c r="B74613" s="1" t="s">
        <v>247048</v>
      </c>
      <c r="C74613" s="1" t="s">
        <v>165</v>
      </c>
      <c r="D74613" s="1" t="s">
        <v>47801</v>
      </c>
      <c r="E74613" s="1" t="s">
        <v>248940</v>
      </c>
      <c r="F74613" s="1" t="s">
        <v>248941</v>
      </c>
      <c r="G74613" s="1" t="s">
        <v>248851</v>
      </c>
      <c r="H74613" s="1" t="s">
        <v>248852</v>
      </c>
      <c r="I74613" s="1" t="s">
        <v>247053</v>
      </c>
      <c r="J74613" s="1" t="s">
        <v>248942</v>
      </c>
    </row>
    <row r="74614" spans="1:10" x14ac:dyDescent="0.35">
      <c r="A74614" s="1" t="s">
        <v>157500</v>
      </c>
      <c r="B74614" s="1" t="s">
        <v>247048</v>
      </c>
      <c r="C74614" s="1" t="s">
        <v>170</v>
      </c>
      <c r="D74614" s="1" t="s">
        <v>204017</v>
      </c>
      <c r="E74614" s="1" t="s">
        <v>248943</v>
      </c>
      <c r="F74614" s="1" t="s">
        <v>248944</v>
      </c>
      <c r="G74614" s="1" t="s">
        <v>248851</v>
      </c>
      <c r="H74614" s="1" t="s">
        <v>248852</v>
      </c>
      <c r="I74614" s="1" t="s">
        <v>247053</v>
      </c>
      <c r="J74614" s="1" t="s">
        <v>248945</v>
      </c>
    </row>
    <row r="74615" spans="1:10" x14ac:dyDescent="0.35">
      <c r="A74615" s="1" t="s">
        <v>27429</v>
      </c>
      <c r="B74615" s="1" t="s">
        <v>247048</v>
      </c>
      <c r="C74615" s="1" t="s">
        <v>8</v>
      </c>
      <c r="D74615" s="1" t="s">
        <v>117267</v>
      </c>
      <c r="E74615" s="1" t="s">
        <v>248946</v>
      </c>
      <c r="F74615" s="1" t="s">
        <v>248947</v>
      </c>
      <c r="G74615" s="1" t="s">
        <v>248948</v>
      </c>
      <c r="H74615" s="1" t="s">
        <v>248949</v>
      </c>
      <c r="I74615" s="1" t="s">
        <v>247053</v>
      </c>
      <c r="J74615" s="1" t="s">
        <v>13</v>
      </c>
    </row>
    <row r="74616" spans="1:10" x14ac:dyDescent="0.35">
      <c r="A74616" s="1" t="s">
        <v>27429</v>
      </c>
      <c r="B74616" s="1" t="s">
        <v>247048</v>
      </c>
      <c r="C74616" s="1" t="s">
        <v>15</v>
      </c>
      <c r="D74616" s="1" t="s">
        <v>44976</v>
      </c>
      <c r="E74616" s="1" t="s">
        <v>248950</v>
      </c>
      <c r="F74616" s="1" t="s">
        <v>248951</v>
      </c>
      <c r="G74616" s="1" t="s">
        <v>248948</v>
      </c>
      <c r="H74616" s="1" t="s">
        <v>248949</v>
      </c>
      <c r="I74616" s="1" t="s">
        <v>247053</v>
      </c>
      <c r="J74616" s="1" t="s">
        <v>248952</v>
      </c>
    </row>
    <row r="74617" spans="1:10" x14ac:dyDescent="0.35">
      <c r="A74617" s="1" t="s">
        <v>27429</v>
      </c>
      <c r="B74617" s="1" t="s">
        <v>247048</v>
      </c>
      <c r="C74617" s="1" t="s">
        <v>20</v>
      </c>
      <c r="D74617" s="1" t="s">
        <v>133272</v>
      </c>
      <c r="E74617" s="1" t="s">
        <v>248953</v>
      </c>
      <c r="F74617" s="1" t="s">
        <v>248954</v>
      </c>
      <c r="G74617" s="1" t="s">
        <v>248948</v>
      </c>
      <c r="H74617" s="1" t="s">
        <v>248949</v>
      </c>
      <c r="I74617" s="1" t="s">
        <v>247053</v>
      </c>
      <c r="J74617" s="1" t="s">
        <v>248955</v>
      </c>
    </row>
    <row r="74618" spans="1:10" x14ac:dyDescent="0.35">
      <c r="A74618" s="1" t="s">
        <v>27429</v>
      </c>
      <c r="B74618" s="1" t="s">
        <v>247048</v>
      </c>
      <c r="C74618" s="1" t="s">
        <v>25</v>
      </c>
      <c r="D74618" s="1" t="s">
        <v>13899</v>
      </c>
      <c r="E74618" s="1" t="s">
        <v>248956</v>
      </c>
      <c r="F74618" s="1" t="s">
        <v>248957</v>
      </c>
      <c r="G74618" s="1" t="s">
        <v>248948</v>
      </c>
      <c r="H74618" s="1" t="s">
        <v>248949</v>
      </c>
      <c r="I74618" s="1" t="s">
        <v>247053</v>
      </c>
      <c r="J74618" s="1" t="s">
        <v>248958</v>
      </c>
    </row>
    <row r="74619" spans="1:10" x14ac:dyDescent="0.35">
      <c r="A74619" s="1" t="s">
        <v>27429</v>
      </c>
      <c r="B74619" s="1" t="s">
        <v>247048</v>
      </c>
      <c r="C74619" s="1" t="s">
        <v>30</v>
      </c>
      <c r="D74619" s="1" t="s">
        <v>10503</v>
      </c>
      <c r="E74619" s="1" t="s">
        <v>248959</v>
      </c>
      <c r="F74619" s="1" t="s">
        <v>248960</v>
      </c>
      <c r="G74619" s="1" t="s">
        <v>248948</v>
      </c>
      <c r="H74619" s="1" t="s">
        <v>248949</v>
      </c>
      <c r="I74619" s="1" t="s">
        <v>247053</v>
      </c>
      <c r="J74619" s="1" t="s">
        <v>248961</v>
      </c>
    </row>
    <row r="74620" spans="1:10" x14ac:dyDescent="0.35">
      <c r="A74620" s="1" t="s">
        <v>27429</v>
      </c>
      <c r="B74620" s="1" t="s">
        <v>247048</v>
      </c>
      <c r="C74620" s="1" t="s">
        <v>35</v>
      </c>
      <c r="D74620" s="1" t="s">
        <v>10451</v>
      </c>
      <c r="E74620" s="1" t="s">
        <v>248962</v>
      </c>
      <c r="F74620" s="1" t="s">
        <v>248951</v>
      </c>
      <c r="G74620" s="1" t="s">
        <v>248948</v>
      </c>
      <c r="H74620" s="1" t="s">
        <v>248949</v>
      </c>
      <c r="I74620" s="1" t="s">
        <v>247053</v>
      </c>
      <c r="J74620" s="1" t="s">
        <v>248963</v>
      </c>
    </row>
    <row r="74621" spans="1:10" x14ac:dyDescent="0.35">
      <c r="A74621" s="1" t="s">
        <v>27429</v>
      </c>
      <c r="B74621" s="1" t="s">
        <v>247048</v>
      </c>
      <c r="C74621" s="1" t="s">
        <v>40</v>
      </c>
      <c r="D74621" s="1" t="s">
        <v>5681</v>
      </c>
      <c r="E74621" s="1" t="s">
        <v>248964</v>
      </c>
      <c r="F74621" s="1" t="s">
        <v>248965</v>
      </c>
      <c r="G74621" s="1" t="s">
        <v>248948</v>
      </c>
      <c r="H74621" s="1" t="s">
        <v>248949</v>
      </c>
      <c r="I74621" s="1" t="s">
        <v>247053</v>
      </c>
      <c r="J74621" s="1" t="s">
        <v>248966</v>
      </c>
    </row>
    <row r="74622" spans="1:10" x14ac:dyDescent="0.35">
      <c r="A74622" s="1" t="s">
        <v>27429</v>
      </c>
      <c r="B74622" s="1" t="s">
        <v>247048</v>
      </c>
      <c r="C74622" s="1" t="s">
        <v>45</v>
      </c>
      <c r="D74622" s="1" t="s">
        <v>46701</v>
      </c>
      <c r="E74622" s="1" t="s">
        <v>248967</v>
      </c>
      <c r="F74622" s="1" t="s">
        <v>248968</v>
      </c>
      <c r="G74622" s="1" t="s">
        <v>248948</v>
      </c>
      <c r="H74622" s="1" t="s">
        <v>248949</v>
      </c>
      <c r="I74622" s="1" t="s">
        <v>247053</v>
      </c>
      <c r="J74622" s="1" t="s">
        <v>248969</v>
      </c>
    </row>
    <row r="74623" spans="1:10" x14ac:dyDescent="0.35">
      <c r="A74623" s="1" t="s">
        <v>27429</v>
      </c>
      <c r="B74623" s="1" t="s">
        <v>247048</v>
      </c>
      <c r="C74623" s="1" t="s">
        <v>50</v>
      </c>
      <c r="D74623" s="1" t="s">
        <v>5686</v>
      </c>
      <c r="E74623" s="1" t="s">
        <v>248970</v>
      </c>
      <c r="F74623" s="1" t="s">
        <v>248971</v>
      </c>
      <c r="G74623" s="1" t="s">
        <v>248948</v>
      </c>
      <c r="H74623" s="1" t="s">
        <v>248949</v>
      </c>
      <c r="I74623" s="1" t="s">
        <v>247053</v>
      </c>
      <c r="J74623" s="1" t="s">
        <v>248972</v>
      </c>
    </row>
    <row r="74624" spans="1:10" x14ac:dyDescent="0.35">
      <c r="A74624" s="1" t="s">
        <v>27429</v>
      </c>
      <c r="B74624" s="1" t="s">
        <v>247048</v>
      </c>
      <c r="C74624" s="1" t="s">
        <v>55</v>
      </c>
      <c r="D74624" s="1" t="s">
        <v>161852</v>
      </c>
      <c r="E74624" s="1" t="s">
        <v>248973</v>
      </c>
      <c r="F74624" s="1" t="s">
        <v>248974</v>
      </c>
      <c r="G74624" s="1" t="s">
        <v>248948</v>
      </c>
      <c r="H74624" s="1" t="s">
        <v>248949</v>
      </c>
      <c r="I74624" s="1" t="s">
        <v>247053</v>
      </c>
      <c r="J74624" s="1" t="s">
        <v>248975</v>
      </c>
    </row>
    <row r="74625" spans="1:10" x14ac:dyDescent="0.35">
      <c r="A74625" s="1" t="s">
        <v>27429</v>
      </c>
      <c r="B74625" s="1" t="s">
        <v>247048</v>
      </c>
      <c r="C74625" s="1" t="s">
        <v>60</v>
      </c>
      <c r="D74625" s="1" t="s">
        <v>9382</v>
      </c>
      <c r="E74625" s="1" t="s">
        <v>248976</v>
      </c>
      <c r="F74625" s="1" t="s">
        <v>248977</v>
      </c>
      <c r="G74625" s="1" t="s">
        <v>248948</v>
      </c>
      <c r="H74625" s="1" t="s">
        <v>248949</v>
      </c>
      <c r="I74625" s="1" t="s">
        <v>247053</v>
      </c>
      <c r="J74625" s="1" t="s">
        <v>248978</v>
      </c>
    </row>
    <row r="74626" spans="1:10" x14ac:dyDescent="0.35">
      <c r="A74626" s="1" t="s">
        <v>27429</v>
      </c>
      <c r="B74626" s="1" t="s">
        <v>247048</v>
      </c>
      <c r="C74626" s="1" t="s">
        <v>65</v>
      </c>
      <c r="D74626" s="1" t="s">
        <v>3883</v>
      </c>
      <c r="E74626" s="1" t="s">
        <v>248979</v>
      </c>
      <c r="F74626" s="1" t="s">
        <v>248980</v>
      </c>
      <c r="G74626" s="1" t="s">
        <v>248948</v>
      </c>
      <c r="H74626" s="1" t="s">
        <v>248949</v>
      </c>
      <c r="I74626" s="1" t="s">
        <v>247053</v>
      </c>
      <c r="J74626" s="1" t="s">
        <v>248981</v>
      </c>
    </row>
    <row r="74627" spans="1:10" x14ac:dyDescent="0.35">
      <c r="A74627" s="1" t="s">
        <v>27429</v>
      </c>
      <c r="B74627" s="1" t="s">
        <v>247048</v>
      </c>
      <c r="C74627" s="1" t="s">
        <v>70</v>
      </c>
      <c r="D74627" s="1" t="s">
        <v>187583</v>
      </c>
      <c r="E74627" s="1" t="s">
        <v>248982</v>
      </c>
      <c r="F74627" s="1" t="s">
        <v>248983</v>
      </c>
      <c r="G74627" s="1" t="s">
        <v>248948</v>
      </c>
      <c r="H74627" s="1" t="s">
        <v>248949</v>
      </c>
      <c r="I74627" s="1" t="s">
        <v>247053</v>
      </c>
      <c r="J74627" s="1" t="s">
        <v>248984</v>
      </c>
    </row>
    <row r="74628" spans="1:10" x14ac:dyDescent="0.35">
      <c r="A74628" s="1" t="s">
        <v>27429</v>
      </c>
      <c r="B74628" s="1" t="s">
        <v>247048</v>
      </c>
      <c r="C74628" s="1" t="s">
        <v>75</v>
      </c>
      <c r="D74628" s="1" t="s">
        <v>29897</v>
      </c>
      <c r="E74628" s="1" t="s">
        <v>248985</v>
      </c>
      <c r="F74628" s="1" t="s">
        <v>248986</v>
      </c>
      <c r="G74628" s="1" t="s">
        <v>248948</v>
      </c>
      <c r="H74628" s="1" t="s">
        <v>248949</v>
      </c>
      <c r="I74628" s="1" t="s">
        <v>247053</v>
      </c>
      <c r="J74628" s="1" t="s">
        <v>248987</v>
      </c>
    </row>
    <row r="74629" spans="1:10" x14ac:dyDescent="0.35">
      <c r="A74629" s="1" t="s">
        <v>27429</v>
      </c>
      <c r="B74629" s="1" t="s">
        <v>247048</v>
      </c>
      <c r="C74629" s="1" t="s">
        <v>80</v>
      </c>
      <c r="D74629" s="1" t="s">
        <v>8325</v>
      </c>
      <c r="E74629" s="1" t="s">
        <v>248988</v>
      </c>
      <c r="F74629" s="1" t="s">
        <v>248989</v>
      </c>
      <c r="G74629" s="1" t="s">
        <v>248948</v>
      </c>
      <c r="H74629" s="1" t="s">
        <v>248949</v>
      </c>
      <c r="I74629" s="1" t="s">
        <v>247053</v>
      </c>
      <c r="J74629" s="1" t="s">
        <v>248990</v>
      </c>
    </row>
    <row r="74630" spans="1:10" x14ac:dyDescent="0.35">
      <c r="A74630" s="1" t="s">
        <v>27429</v>
      </c>
      <c r="B74630" s="1" t="s">
        <v>247048</v>
      </c>
      <c r="C74630" s="1" t="s">
        <v>85</v>
      </c>
      <c r="D74630" s="1" t="s">
        <v>43814</v>
      </c>
      <c r="E74630" s="1" t="s">
        <v>248991</v>
      </c>
      <c r="F74630" s="1" t="s">
        <v>248992</v>
      </c>
      <c r="G74630" s="1" t="s">
        <v>248948</v>
      </c>
      <c r="H74630" s="1" t="s">
        <v>248949</v>
      </c>
      <c r="I74630" s="1" t="s">
        <v>247053</v>
      </c>
      <c r="J74630" s="1" t="s">
        <v>248993</v>
      </c>
    </row>
    <row r="74631" spans="1:10" x14ac:dyDescent="0.35">
      <c r="A74631" s="1" t="s">
        <v>27429</v>
      </c>
      <c r="B74631" s="1" t="s">
        <v>247048</v>
      </c>
      <c r="C74631" s="1" t="s">
        <v>90</v>
      </c>
      <c r="D74631" s="1" t="s">
        <v>104649</v>
      </c>
      <c r="E74631" s="1" t="s">
        <v>248994</v>
      </c>
      <c r="F74631" s="1" t="s">
        <v>248995</v>
      </c>
      <c r="G74631" s="1" t="s">
        <v>248948</v>
      </c>
      <c r="H74631" s="1" t="s">
        <v>248949</v>
      </c>
      <c r="I74631" s="1" t="s">
        <v>247053</v>
      </c>
      <c r="J74631" s="1" t="s">
        <v>248996</v>
      </c>
    </row>
    <row r="74632" spans="1:10" x14ac:dyDescent="0.35">
      <c r="A74632" s="1" t="s">
        <v>27429</v>
      </c>
      <c r="B74632" s="1" t="s">
        <v>247048</v>
      </c>
      <c r="C74632" s="1" t="s">
        <v>95</v>
      </c>
      <c r="D74632" s="1" t="s">
        <v>9694</v>
      </c>
      <c r="E74632" s="1" t="s">
        <v>248997</v>
      </c>
      <c r="F74632" s="1" t="s">
        <v>248998</v>
      </c>
      <c r="G74632" s="1" t="s">
        <v>248948</v>
      </c>
      <c r="H74632" s="1" t="s">
        <v>248949</v>
      </c>
      <c r="I74632" s="1" t="s">
        <v>247053</v>
      </c>
      <c r="J74632" s="1" t="s">
        <v>248999</v>
      </c>
    </row>
    <row r="74633" spans="1:10" x14ac:dyDescent="0.35">
      <c r="A74633" s="1" t="s">
        <v>27429</v>
      </c>
      <c r="B74633" s="1" t="s">
        <v>247048</v>
      </c>
      <c r="C74633" s="1" t="s">
        <v>100</v>
      </c>
      <c r="D74633" s="1" t="s">
        <v>48317</v>
      </c>
      <c r="E74633" s="1" t="s">
        <v>249000</v>
      </c>
      <c r="F74633" s="1" t="s">
        <v>249001</v>
      </c>
      <c r="G74633" s="1" t="s">
        <v>248948</v>
      </c>
      <c r="H74633" s="1" t="s">
        <v>248949</v>
      </c>
      <c r="I74633" s="1" t="s">
        <v>247053</v>
      </c>
      <c r="J74633" s="1" t="s">
        <v>249002</v>
      </c>
    </row>
    <row r="74634" spans="1:10" x14ac:dyDescent="0.35">
      <c r="A74634" s="1" t="s">
        <v>27429</v>
      </c>
      <c r="B74634" s="1" t="s">
        <v>247048</v>
      </c>
      <c r="C74634" s="1" t="s">
        <v>105</v>
      </c>
      <c r="D74634" s="1" t="s">
        <v>36166</v>
      </c>
      <c r="E74634" s="1" t="s">
        <v>249003</v>
      </c>
      <c r="F74634" s="1" t="s">
        <v>249004</v>
      </c>
      <c r="G74634" s="1" t="s">
        <v>248948</v>
      </c>
      <c r="H74634" s="1" t="s">
        <v>248949</v>
      </c>
      <c r="I74634" s="1" t="s">
        <v>247053</v>
      </c>
      <c r="J74634" s="1" t="s">
        <v>249005</v>
      </c>
    </row>
    <row r="74635" spans="1:10" x14ac:dyDescent="0.35">
      <c r="A74635" s="1" t="s">
        <v>27429</v>
      </c>
      <c r="B74635" s="1" t="s">
        <v>247048</v>
      </c>
      <c r="C74635" s="1" t="s">
        <v>110</v>
      </c>
      <c r="D74635" s="1" t="s">
        <v>119063</v>
      </c>
      <c r="E74635" s="1" t="s">
        <v>249006</v>
      </c>
      <c r="F74635" s="1" t="s">
        <v>249007</v>
      </c>
      <c r="G74635" s="1" t="s">
        <v>248948</v>
      </c>
      <c r="H74635" s="1" t="s">
        <v>248949</v>
      </c>
      <c r="I74635" s="1" t="s">
        <v>247053</v>
      </c>
      <c r="J74635" s="1" t="s">
        <v>249008</v>
      </c>
    </row>
    <row r="74636" spans="1:10" x14ac:dyDescent="0.35">
      <c r="A74636" s="1" t="s">
        <v>27429</v>
      </c>
      <c r="B74636" s="1" t="s">
        <v>247048</v>
      </c>
      <c r="C74636" s="1" t="s">
        <v>115</v>
      </c>
      <c r="D74636" s="1" t="s">
        <v>2366</v>
      </c>
      <c r="E74636" s="1" t="s">
        <v>249009</v>
      </c>
      <c r="F74636" s="1" t="s">
        <v>249010</v>
      </c>
      <c r="G74636" s="1" t="s">
        <v>248948</v>
      </c>
      <c r="H74636" s="1" t="s">
        <v>248949</v>
      </c>
      <c r="I74636" s="1" t="s">
        <v>247053</v>
      </c>
      <c r="J74636" s="1" t="s">
        <v>119069</v>
      </c>
    </row>
    <row r="74637" spans="1:10" x14ac:dyDescent="0.35">
      <c r="A74637" s="1" t="s">
        <v>27429</v>
      </c>
      <c r="B74637" s="1" t="s">
        <v>247048</v>
      </c>
      <c r="C74637" s="1" t="s">
        <v>120</v>
      </c>
      <c r="D74637" s="1" t="s">
        <v>111105</v>
      </c>
      <c r="E74637" s="1" t="s">
        <v>249011</v>
      </c>
      <c r="F74637" s="1" t="s">
        <v>249012</v>
      </c>
      <c r="G74637" s="1" t="s">
        <v>248948</v>
      </c>
      <c r="H74637" s="1" t="s">
        <v>248949</v>
      </c>
      <c r="I74637" s="1" t="s">
        <v>247053</v>
      </c>
      <c r="J74637" s="1" t="s">
        <v>249013</v>
      </c>
    </row>
    <row r="74638" spans="1:10" x14ac:dyDescent="0.35">
      <c r="A74638" s="1" t="s">
        <v>27429</v>
      </c>
      <c r="B74638" s="1" t="s">
        <v>247048</v>
      </c>
      <c r="C74638" s="1" t="s">
        <v>125</v>
      </c>
      <c r="D74638" s="1" t="s">
        <v>244633</v>
      </c>
      <c r="E74638" s="1" t="s">
        <v>249014</v>
      </c>
      <c r="F74638" s="1" t="s">
        <v>248971</v>
      </c>
      <c r="G74638" s="1" t="s">
        <v>248948</v>
      </c>
      <c r="H74638" s="1" t="s">
        <v>248949</v>
      </c>
      <c r="I74638" s="1" t="s">
        <v>247053</v>
      </c>
      <c r="J74638" s="1" t="s">
        <v>249015</v>
      </c>
    </row>
    <row r="74639" spans="1:10" x14ac:dyDescent="0.35">
      <c r="A74639" s="1" t="s">
        <v>27429</v>
      </c>
      <c r="B74639" s="1" t="s">
        <v>247048</v>
      </c>
      <c r="C74639" s="1" t="s">
        <v>130</v>
      </c>
      <c r="D74639" s="1" t="s">
        <v>196753</v>
      </c>
      <c r="E74639" s="1" t="s">
        <v>249016</v>
      </c>
      <c r="F74639" s="1" t="s">
        <v>249017</v>
      </c>
      <c r="G74639" s="1" t="s">
        <v>248948</v>
      </c>
      <c r="H74639" s="1" t="s">
        <v>248949</v>
      </c>
      <c r="I74639" s="1" t="s">
        <v>247053</v>
      </c>
      <c r="J74639" s="1" t="s">
        <v>249018</v>
      </c>
    </row>
    <row r="74640" spans="1:10" x14ac:dyDescent="0.35">
      <c r="A74640" s="1" t="s">
        <v>27429</v>
      </c>
      <c r="B74640" s="1" t="s">
        <v>247048</v>
      </c>
      <c r="C74640" s="1" t="s">
        <v>135</v>
      </c>
      <c r="D74640" s="1" t="s">
        <v>116065</v>
      </c>
      <c r="E74640" s="1" t="s">
        <v>249019</v>
      </c>
      <c r="F74640" s="1" t="s">
        <v>249020</v>
      </c>
      <c r="G74640" s="1" t="s">
        <v>248948</v>
      </c>
      <c r="H74640" s="1" t="s">
        <v>248949</v>
      </c>
      <c r="I74640" s="1" t="s">
        <v>247053</v>
      </c>
      <c r="J74640" s="1" t="s">
        <v>249021</v>
      </c>
    </row>
    <row r="74641" spans="1:10" x14ac:dyDescent="0.35">
      <c r="A74641" s="1" t="s">
        <v>27429</v>
      </c>
      <c r="B74641" s="1" t="s">
        <v>247048</v>
      </c>
      <c r="C74641" s="1" t="s">
        <v>140</v>
      </c>
      <c r="D74641" s="1" t="s">
        <v>120600</v>
      </c>
      <c r="E74641" s="1" t="s">
        <v>249022</v>
      </c>
      <c r="F74641" s="1" t="s">
        <v>249023</v>
      </c>
      <c r="G74641" s="1" t="s">
        <v>248948</v>
      </c>
      <c r="H74641" s="1" t="s">
        <v>248949</v>
      </c>
      <c r="I74641" s="1" t="s">
        <v>247053</v>
      </c>
      <c r="J74641" s="1" t="s">
        <v>249024</v>
      </c>
    </row>
    <row r="74642" spans="1:10" x14ac:dyDescent="0.35">
      <c r="A74642" s="1" t="s">
        <v>27429</v>
      </c>
      <c r="B74642" s="1" t="s">
        <v>247048</v>
      </c>
      <c r="C74642" s="1" t="s">
        <v>145</v>
      </c>
      <c r="D74642" s="1" t="s">
        <v>249025</v>
      </c>
      <c r="E74642" s="1" t="s">
        <v>249026</v>
      </c>
      <c r="F74642" s="1" t="s">
        <v>249027</v>
      </c>
      <c r="G74642" s="1" t="s">
        <v>248948</v>
      </c>
      <c r="H74642" s="1" t="s">
        <v>248949</v>
      </c>
      <c r="I74642" s="1" t="s">
        <v>247053</v>
      </c>
      <c r="J74642" s="1" t="s">
        <v>249028</v>
      </c>
    </row>
    <row r="74643" spans="1:10" x14ac:dyDescent="0.35">
      <c r="A74643" s="1" t="s">
        <v>27429</v>
      </c>
      <c r="B74643" s="1" t="s">
        <v>247048</v>
      </c>
      <c r="C74643" s="1" t="s">
        <v>150</v>
      </c>
      <c r="D74643" s="1" t="s">
        <v>181913</v>
      </c>
      <c r="E74643" s="1" t="s">
        <v>249029</v>
      </c>
      <c r="F74643" s="1" t="s">
        <v>249030</v>
      </c>
      <c r="G74643" s="1" t="s">
        <v>248948</v>
      </c>
      <c r="H74643" s="1" t="s">
        <v>248949</v>
      </c>
      <c r="I74643" s="1" t="s">
        <v>247053</v>
      </c>
      <c r="J74643" s="1" t="s">
        <v>249031</v>
      </c>
    </row>
    <row r="74644" spans="1:10" x14ac:dyDescent="0.35">
      <c r="A74644" s="1" t="s">
        <v>27429</v>
      </c>
      <c r="B74644" s="1" t="s">
        <v>247048</v>
      </c>
      <c r="C74644" s="1" t="s">
        <v>155</v>
      </c>
      <c r="D74644" s="1" t="s">
        <v>173660</v>
      </c>
      <c r="E74644" s="1" t="s">
        <v>249032</v>
      </c>
      <c r="F74644" s="1" t="s">
        <v>249004</v>
      </c>
      <c r="G74644" s="1" t="s">
        <v>248948</v>
      </c>
      <c r="H74644" s="1" t="s">
        <v>248949</v>
      </c>
      <c r="I74644" s="1" t="s">
        <v>247053</v>
      </c>
      <c r="J74644" s="1" t="s">
        <v>249033</v>
      </c>
    </row>
    <row r="74645" spans="1:10" x14ac:dyDescent="0.35">
      <c r="A74645" s="1" t="s">
        <v>27429</v>
      </c>
      <c r="B74645" s="1" t="s">
        <v>247048</v>
      </c>
      <c r="C74645" s="1" t="s">
        <v>160</v>
      </c>
      <c r="D74645" s="1" t="s">
        <v>72127</v>
      </c>
      <c r="E74645" s="1" t="s">
        <v>249034</v>
      </c>
      <c r="F74645" s="1" t="s">
        <v>249035</v>
      </c>
      <c r="G74645" s="1" t="s">
        <v>248948</v>
      </c>
      <c r="H74645" s="1" t="s">
        <v>248949</v>
      </c>
      <c r="I74645" s="1" t="s">
        <v>247053</v>
      </c>
      <c r="J74645" s="1" t="s">
        <v>94068</v>
      </c>
    </row>
    <row r="74646" spans="1:10" x14ac:dyDescent="0.35">
      <c r="A74646" s="1" t="s">
        <v>27429</v>
      </c>
      <c r="B74646" s="1" t="s">
        <v>247048</v>
      </c>
      <c r="C74646" s="1" t="s">
        <v>165</v>
      </c>
      <c r="D74646" s="1" t="s">
        <v>118087</v>
      </c>
      <c r="E74646" s="1" t="s">
        <v>249036</v>
      </c>
      <c r="F74646" s="1" t="s">
        <v>249037</v>
      </c>
      <c r="G74646" s="1" t="s">
        <v>248948</v>
      </c>
      <c r="H74646" s="1" t="s">
        <v>248949</v>
      </c>
      <c r="I74646" s="1" t="s">
        <v>247053</v>
      </c>
      <c r="J74646" s="1" t="s">
        <v>249038</v>
      </c>
    </row>
    <row r="74647" spans="1:10" x14ac:dyDescent="0.35">
      <c r="A74647" s="1" t="s">
        <v>27429</v>
      </c>
      <c r="B74647" s="1" t="s">
        <v>247048</v>
      </c>
      <c r="C74647" s="1" t="s">
        <v>170</v>
      </c>
      <c r="D74647" s="1" t="s">
        <v>249039</v>
      </c>
      <c r="E74647" s="1" t="s">
        <v>249040</v>
      </c>
      <c r="F74647" s="1" t="s">
        <v>249041</v>
      </c>
      <c r="G74647" s="1" t="s">
        <v>248948</v>
      </c>
      <c r="H74647" s="1" t="s">
        <v>248949</v>
      </c>
      <c r="I74647" s="1" t="s">
        <v>247053</v>
      </c>
      <c r="J74647" s="1" t="s">
        <v>249042</v>
      </c>
    </row>
    <row r="74648" spans="1:10" x14ac:dyDescent="0.35">
      <c r="A74648" s="1" t="s">
        <v>8357</v>
      </c>
      <c r="B74648" s="1" t="s">
        <v>247048</v>
      </c>
      <c r="C74648" s="1" t="s">
        <v>8</v>
      </c>
      <c r="D74648" s="1" t="s">
        <v>103007</v>
      </c>
      <c r="E74648" s="1" t="s">
        <v>249043</v>
      </c>
      <c r="F74648" s="1" t="s">
        <v>249044</v>
      </c>
      <c r="G74648" s="1" t="s">
        <v>249045</v>
      </c>
      <c r="H74648" s="1" t="s">
        <v>249046</v>
      </c>
      <c r="I74648" s="1" t="s">
        <v>247053</v>
      </c>
      <c r="J74648" s="1" t="s">
        <v>13</v>
      </c>
    </row>
    <row r="74649" spans="1:10" x14ac:dyDescent="0.35">
      <c r="A74649" s="1" t="s">
        <v>8357</v>
      </c>
      <c r="B74649" s="1" t="s">
        <v>247048</v>
      </c>
      <c r="C74649" s="1" t="s">
        <v>15</v>
      </c>
      <c r="D74649" s="1" t="s">
        <v>25214</v>
      </c>
      <c r="E74649" s="1" t="s">
        <v>249047</v>
      </c>
      <c r="F74649" s="1" t="s">
        <v>249048</v>
      </c>
      <c r="G74649" s="1" t="s">
        <v>249045</v>
      </c>
      <c r="H74649" s="1" t="s">
        <v>249046</v>
      </c>
      <c r="I74649" s="1" t="s">
        <v>247053</v>
      </c>
      <c r="J74649" s="1" t="s">
        <v>249049</v>
      </c>
    </row>
    <row r="74650" spans="1:10" x14ac:dyDescent="0.35">
      <c r="A74650" s="1" t="s">
        <v>8357</v>
      </c>
      <c r="B74650" s="1" t="s">
        <v>247048</v>
      </c>
      <c r="C74650" s="1" t="s">
        <v>20</v>
      </c>
      <c r="D74650" s="1" t="s">
        <v>112118</v>
      </c>
      <c r="E74650" s="1" t="s">
        <v>249050</v>
      </c>
      <c r="F74650" s="1" t="s">
        <v>249051</v>
      </c>
      <c r="G74650" s="1" t="s">
        <v>249045</v>
      </c>
      <c r="H74650" s="1" t="s">
        <v>249046</v>
      </c>
      <c r="I74650" s="1" t="s">
        <v>247053</v>
      </c>
      <c r="J74650" s="1" t="s">
        <v>249052</v>
      </c>
    </row>
    <row r="74651" spans="1:10" x14ac:dyDescent="0.35">
      <c r="A74651" s="1" t="s">
        <v>8357</v>
      </c>
      <c r="B74651" s="1" t="s">
        <v>247048</v>
      </c>
      <c r="C74651" s="1" t="s">
        <v>25</v>
      </c>
      <c r="D74651" s="1" t="s">
        <v>1532</v>
      </c>
      <c r="E74651" s="1" t="s">
        <v>249053</v>
      </c>
      <c r="F74651" s="1" t="s">
        <v>249054</v>
      </c>
      <c r="G74651" s="1" t="s">
        <v>249045</v>
      </c>
      <c r="H74651" s="1" t="s">
        <v>249046</v>
      </c>
      <c r="I74651" s="1" t="s">
        <v>247053</v>
      </c>
      <c r="J74651" s="1" t="s">
        <v>249055</v>
      </c>
    </row>
    <row r="74652" spans="1:10" x14ac:dyDescent="0.35">
      <c r="A74652" s="1" t="s">
        <v>8357</v>
      </c>
      <c r="B74652" s="1" t="s">
        <v>247048</v>
      </c>
      <c r="C74652" s="1" t="s">
        <v>30</v>
      </c>
      <c r="D74652" s="1" t="s">
        <v>6194</v>
      </c>
      <c r="E74652" s="1" t="s">
        <v>249056</v>
      </c>
      <c r="F74652" s="1" t="s">
        <v>249057</v>
      </c>
      <c r="G74652" s="1" t="s">
        <v>249045</v>
      </c>
      <c r="H74652" s="1" t="s">
        <v>249046</v>
      </c>
      <c r="I74652" s="1" t="s">
        <v>247053</v>
      </c>
      <c r="J74652" s="1" t="s">
        <v>249058</v>
      </c>
    </row>
    <row r="74653" spans="1:10" x14ac:dyDescent="0.35">
      <c r="A74653" s="1" t="s">
        <v>8357</v>
      </c>
      <c r="B74653" s="1" t="s">
        <v>247048</v>
      </c>
      <c r="C74653" s="1" t="s">
        <v>35</v>
      </c>
      <c r="D74653" s="1" t="s">
        <v>120012</v>
      </c>
      <c r="E74653" s="1" t="s">
        <v>249059</v>
      </c>
      <c r="F74653" s="1" t="s">
        <v>249060</v>
      </c>
      <c r="G74653" s="1" t="s">
        <v>249045</v>
      </c>
      <c r="H74653" s="1" t="s">
        <v>249046</v>
      </c>
      <c r="I74653" s="1" t="s">
        <v>247053</v>
      </c>
      <c r="J74653" s="1" t="s">
        <v>249061</v>
      </c>
    </row>
    <row r="74654" spans="1:10" x14ac:dyDescent="0.35">
      <c r="A74654" s="1" t="s">
        <v>8357</v>
      </c>
      <c r="B74654" s="1" t="s">
        <v>247048</v>
      </c>
      <c r="C74654" s="1" t="s">
        <v>40</v>
      </c>
      <c r="D74654" s="1" t="s">
        <v>27898</v>
      </c>
      <c r="E74654" s="1" t="s">
        <v>249062</v>
      </c>
      <c r="F74654" s="1" t="s">
        <v>249063</v>
      </c>
      <c r="G74654" s="1" t="s">
        <v>249045</v>
      </c>
      <c r="H74654" s="1" t="s">
        <v>249046</v>
      </c>
      <c r="I74654" s="1" t="s">
        <v>247053</v>
      </c>
      <c r="J74654" s="1" t="s">
        <v>249064</v>
      </c>
    </row>
    <row r="74655" spans="1:10" x14ac:dyDescent="0.35">
      <c r="A74655" s="1" t="s">
        <v>8357</v>
      </c>
      <c r="B74655" s="1" t="s">
        <v>247048</v>
      </c>
      <c r="C74655" s="1" t="s">
        <v>45</v>
      </c>
      <c r="D74655" s="1" t="s">
        <v>3908</v>
      </c>
      <c r="E74655" s="1" t="s">
        <v>249065</v>
      </c>
      <c r="F74655" s="1" t="s">
        <v>249066</v>
      </c>
      <c r="G74655" s="1" t="s">
        <v>249045</v>
      </c>
      <c r="H74655" s="1" t="s">
        <v>249046</v>
      </c>
      <c r="I74655" s="1" t="s">
        <v>247053</v>
      </c>
      <c r="J74655" s="1" t="s">
        <v>249067</v>
      </c>
    </row>
    <row r="74656" spans="1:10" x14ac:dyDescent="0.35">
      <c r="A74656" s="1" t="s">
        <v>8357</v>
      </c>
      <c r="B74656" s="1" t="s">
        <v>247048</v>
      </c>
      <c r="C74656" s="1" t="s">
        <v>50</v>
      </c>
      <c r="D74656" s="1" t="s">
        <v>27323</v>
      </c>
      <c r="E74656" s="1" t="s">
        <v>249068</v>
      </c>
      <c r="F74656" s="1" t="s">
        <v>249069</v>
      </c>
      <c r="G74656" s="1" t="s">
        <v>249045</v>
      </c>
      <c r="H74656" s="1" t="s">
        <v>249046</v>
      </c>
      <c r="I74656" s="1" t="s">
        <v>247053</v>
      </c>
      <c r="J74656" s="1" t="s">
        <v>249070</v>
      </c>
    </row>
    <row r="74657" spans="1:10" x14ac:dyDescent="0.35">
      <c r="A74657" s="1" t="s">
        <v>8357</v>
      </c>
      <c r="B74657" s="1" t="s">
        <v>247048</v>
      </c>
      <c r="C74657" s="1" t="s">
        <v>55</v>
      </c>
      <c r="D74657" s="1" t="s">
        <v>3920</v>
      </c>
      <c r="E74657" s="1" t="s">
        <v>249071</v>
      </c>
      <c r="F74657" s="1" t="s">
        <v>249072</v>
      </c>
      <c r="G74657" s="1" t="s">
        <v>249045</v>
      </c>
      <c r="H74657" s="1" t="s">
        <v>249046</v>
      </c>
      <c r="I74657" s="1" t="s">
        <v>247053</v>
      </c>
      <c r="J74657" s="1" t="s">
        <v>249073</v>
      </c>
    </row>
    <row r="74658" spans="1:10" x14ac:dyDescent="0.35">
      <c r="A74658" s="1" t="s">
        <v>8357</v>
      </c>
      <c r="B74658" s="1" t="s">
        <v>247048</v>
      </c>
      <c r="C74658" s="1" t="s">
        <v>60</v>
      </c>
      <c r="D74658" s="1" t="s">
        <v>1552</v>
      </c>
      <c r="E74658" s="1" t="s">
        <v>249074</v>
      </c>
      <c r="F74658" s="1" t="s">
        <v>249075</v>
      </c>
      <c r="G74658" s="1" t="s">
        <v>249045</v>
      </c>
      <c r="H74658" s="1" t="s">
        <v>249046</v>
      </c>
      <c r="I74658" s="1" t="s">
        <v>247053</v>
      </c>
      <c r="J74658" s="1" t="s">
        <v>249076</v>
      </c>
    </row>
    <row r="74659" spans="1:10" x14ac:dyDescent="0.35">
      <c r="A74659" s="1" t="s">
        <v>8357</v>
      </c>
      <c r="B74659" s="1" t="s">
        <v>247048</v>
      </c>
      <c r="C74659" s="1" t="s">
        <v>65</v>
      </c>
      <c r="D74659" s="1" t="s">
        <v>181455</v>
      </c>
      <c r="E74659" s="1" t="s">
        <v>249077</v>
      </c>
      <c r="F74659" s="1" t="s">
        <v>249078</v>
      </c>
      <c r="G74659" s="1" t="s">
        <v>249045</v>
      </c>
      <c r="H74659" s="1" t="s">
        <v>249046</v>
      </c>
      <c r="I74659" s="1" t="s">
        <v>247053</v>
      </c>
      <c r="J74659" s="1" t="s">
        <v>249079</v>
      </c>
    </row>
    <row r="74660" spans="1:10" x14ac:dyDescent="0.35">
      <c r="A74660" s="1" t="s">
        <v>8357</v>
      </c>
      <c r="B74660" s="1" t="s">
        <v>247048</v>
      </c>
      <c r="C74660" s="1" t="s">
        <v>70</v>
      </c>
      <c r="D74660" s="1" t="s">
        <v>27958</v>
      </c>
      <c r="E74660" s="1" t="s">
        <v>249080</v>
      </c>
      <c r="F74660" s="1" t="s">
        <v>249081</v>
      </c>
      <c r="G74660" s="1" t="s">
        <v>249045</v>
      </c>
      <c r="H74660" s="1" t="s">
        <v>249046</v>
      </c>
      <c r="I74660" s="1" t="s">
        <v>247053</v>
      </c>
      <c r="J74660" s="1" t="s">
        <v>249082</v>
      </c>
    </row>
    <row r="74661" spans="1:10" x14ac:dyDescent="0.35">
      <c r="A74661" s="1" t="s">
        <v>8357</v>
      </c>
      <c r="B74661" s="1" t="s">
        <v>247048</v>
      </c>
      <c r="C74661" s="1" t="s">
        <v>75</v>
      </c>
      <c r="D74661" s="1" t="s">
        <v>143948</v>
      </c>
      <c r="E74661" s="1" t="s">
        <v>249083</v>
      </c>
      <c r="F74661" s="1" t="s">
        <v>249084</v>
      </c>
      <c r="G74661" s="1" t="s">
        <v>249045</v>
      </c>
      <c r="H74661" s="1" t="s">
        <v>249046</v>
      </c>
      <c r="I74661" s="1" t="s">
        <v>247053</v>
      </c>
      <c r="J74661" s="1" t="s">
        <v>249085</v>
      </c>
    </row>
    <row r="74662" spans="1:10" x14ac:dyDescent="0.35">
      <c r="A74662" s="1" t="s">
        <v>8357</v>
      </c>
      <c r="B74662" s="1" t="s">
        <v>247048</v>
      </c>
      <c r="C74662" s="1" t="s">
        <v>80</v>
      </c>
      <c r="D74662" s="1" t="s">
        <v>28532</v>
      </c>
      <c r="E74662" s="1" t="s">
        <v>249086</v>
      </c>
      <c r="F74662" s="1" t="s">
        <v>249087</v>
      </c>
      <c r="G74662" s="1" t="s">
        <v>249045</v>
      </c>
      <c r="H74662" s="1" t="s">
        <v>249046</v>
      </c>
      <c r="I74662" s="1" t="s">
        <v>247053</v>
      </c>
      <c r="J74662" s="1" t="s">
        <v>249088</v>
      </c>
    </row>
    <row r="74663" spans="1:10" x14ac:dyDescent="0.35">
      <c r="A74663" s="1" t="s">
        <v>8357</v>
      </c>
      <c r="B74663" s="1" t="s">
        <v>247048</v>
      </c>
      <c r="C74663" s="1" t="s">
        <v>85</v>
      </c>
      <c r="D74663" s="1" t="s">
        <v>27763</v>
      </c>
      <c r="E74663" s="1" t="s">
        <v>249089</v>
      </c>
      <c r="F74663" s="1" t="s">
        <v>249090</v>
      </c>
      <c r="G74663" s="1" t="s">
        <v>249045</v>
      </c>
      <c r="H74663" s="1" t="s">
        <v>249046</v>
      </c>
      <c r="I74663" s="1" t="s">
        <v>247053</v>
      </c>
      <c r="J74663" s="1" t="s">
        <v>249091</v>
      </c>
    </row>
    <row r="74664" spans="1:10" x14ac:dyDescent="0.35">
      <c r="A74664" s="1" t="s">
        <v>8357</v>
      </c>
      <c r="B74664" s="1" t="s">
        <v>247048</v>
      </c>
      <c r="C74664" s="1" t="s">
        <v>90</v>
      </c>
      <c r="D74664" s="1" t="s">
        <v>8679</v>
      </c>
      <c r="E74664" s="1" t="s">
        <v>249092</v>
      </c>
      <c r="F74664" s="1" t="s">
        <v>249093</v>
      </c>
      <c r="G74664" s="1" t="s">
        <v>249045</v>
      </c>
      <c r="H74664" s="1" t="s">
        <v>249046</v>
      </c>
      <c r="I74664" s="1" t="s">
        <v>247053</v>
      </c>
      <c r="J74664" s="1" t="s">
        <v>249094</v>
      </c>
    </row>
    <row r="74665" spans="1:10" x14ac:dyDescent="0.35">
      <c r="A74665" s="1" t="s">
        <v>8357</v>
      </c>
      <c r="B74665" s="1" t="s">
        <v>247048</v>
      </c>
      <c r="C74665" s="1" t="s">
        <v>95</v>
      </c>
      <c r="D74665" s="1" t="s">
        <v>7526</v>
      </c>
      <c r="E74665" s="1" t="s">
        <v>249095</v>
      </c>
      <c r="F74665" s="1" t="s">
        <v>249096</v>
      </c>
      <c r="G74665" s="1" t="s">
        <v>249045</v>
      </c>
      <c r="H74665" s="1" t="s">
        <v>249046</v>
      </c>
      <c r="I74665" s="1" t="s">
        <v>247053</v>
      </c>
      <c r="J74665" s="1" t="s">
        <v>249097</v>
      </c>
    </row>
    <row r="74666" spans="1:10" x14ac:dyDescent="0.35">
      <c r="A74666" s="1" t="s">
        <v>8357</v>
      </c>
      <c r="B74666" s="1" t="s">
        <v>247048</v>
      </c>
      <c r="C74666" s="1" t="s">
        <v>100</v>
      </c>
      <c r="D74666" s="1" t="s">
        <v>29363</v>
      </c>
      <c r="E74666" s="1" t="s">
        <v>249098</v>
      </c>
      <c r="F74666" s="1" t="s">
        <v>249099</v>
      </c>
      <c r="G74666" s="1" t="s">
        <v>249045</v>
      </c>
      <c r="H74666" s="1" t="s">
        <v>249046</v>
      </c>
      <c r="I74666" s="1" t="s">
        <v>247053</v>
      </c>
      <c r="J74666" s="1" t="s">
        <v>249100</v>
      </c>
    </row>
    <row r="74667" spans="1:10" x14ac:dyDescent="0.35">
      <c r="A74667" s="1" t="s">
        <v>8357</v>
      </c>
      <c r="B74667" s="1" t="s">
        <v>247048</v>
      </c>
      <c r="C74667" s="1" t="s">
        <v>105</v>
      </c>
      <c r="D74667" s="1" t="s">
        <v>48561</v>
      </c>
      <c r="E74667" s="1" t="s">
        <v>249101</v>
      </c>
      <c r="F74667" s="1" t="s">
        <v>249102</v>
      </c>
      <c r="G74667" s="1" t="s">
        <v>249045</v>
      </c>
      <c r="H74667" s="1" t="s">
        <v>249046</v>
      </c>
      <c r="I74667" s="1" t="s">
        <v>247053</v>
      </c>
      <c r="J74667" s="1" t="s">
        <v>249103</v>
      </c>
    </row>
    <row r="74668" spans="1:10" x14ac:dyDescent="0.35">
      <c r="A74668" s="1" t="s">
        <v>8357</v>
      </c>
      <c r="B74668" s="1" t="s">
        <v>247048</v>
      </c>
      <c r="C74668" s="1" t="s">
        <v>110</v>
      </c>
      <c r="D74668" s="1" t="s">
        <v>15954</v>
      </c>
      <c r="E74668" s="1" t="s">
        <v>249104</v>
      </c>
      <c r="F74668" s="1" t="s">
        <v>249105</v>
      </c>
      <c r="G74668" s="1" t="s">
        <v>249045</v>
      </c>
      <c r="H74668" s="1" t="s">
        <v>249046</v>
      </c>
      <c r="I74668" s="1" t="s">
        <v>247053</v>
      </c>
      <c r="J74668" s="1" t="s">
        <v>249106</v>
      </c>
    </row>
    <row r="74669" spans="1:10" x14ac:dyDescent="0.35">
      <c r="A74669" s="1" t="s">
        <v>8357</v>
      </c>
      <c r="B74669" s="1" t="s">
        <v>247048</v>
      </c>
      <c r="C74669" s="1" t="s">
        <v>115</v>
      </c>
      <c r="D74669" s="1" t="s">
        <v>10815</v>
      </c>
      <c r="E74669" s="1" t="s">
        <v>249107</v>
      </c>
      <c r="F74669" s="1" t="s">
        <v>249108</v>
      </c>
      <c r="G74669" s="1" t="s">
        <v>249045</v>
      </c>
      <c r="H74669" s="1" t="s">
        <v>249046</v>
      </c>
      <c r="I74669" s="1" t="s">
        <v>247053</v>
      </c>
      <c r="J74669" s="1" t="s">
        <v>249109</v>
      </c>
    </row>
    <row r="74670" spans="1:10" x14ac:dyDescent="0.35">
      <c r="A74670" s="1" t="s">
        <v>8357</v>
      </c>
      <c r="B74670" s="1" t="s">
        <v>247048</v>
      </c>
      <c r="C74670" s="1" t="s">
        <v>120</v>
      </c>
      <c r="D74670" s="1" t="s">
        <v>104657</v>
      </c>
      <c r="E74670" s="1" t="s">
        <v>249110</v>
      </c>
      <c r="F74670" s="1" t="s">
        <v>249111</v>
      </c>
      <c r="G74670" s="1" t="s">
        <v>249045</v>
      </c>
      <c r="H74670" s="1" t="s">
        <v>249046</v>
      </c>
      <c r="I74670" s="1" t="s">
        <v>247053</v>
      </c>
      <c r="J74670" s="1" t="s">
        <v>249112</v>
      </c>
    </row>
    <row r="74671" spans="1:10" x14ac:dyDescent="0.35">
      <c r="A74671" s="1" t="s">
        <v>8357</v>
      </c>
      <c r="B74671" s="1" t="s">
        <v>247048</v>
      </c>
      <c r="C74671" s="1" t="s">
        <v>125</v>
      </c>
      <c r="D74671" s="1" t="s">
        <v>249113</v>
      </c>
      <c r="E74671" s="1" t="s">
        <v>249114</v>
      </c>
      <c r="F74671" s="1" t="s">
        <v>249115</v>
      </c>
      <c r="G74671" s="1" t="s">
        <v>249045</v>
      </c>
      <c r="H74671" s="1" t="s">
        <v>249046</v>
      </c>
      <c r="I74671" s="1" t="s">
        <v>247053</v>
      </c>
      <c r="J74671" s="1" t="s">
        <v>249116</v>
      </c>
    </row>
    <row r="74672" spans="1:10" x14ac:dyDescent="0.35">
      <c r="A74672" s="1" t="s">
        <v>8357</v>
      </c>
      <c r="B74672" s="1" t="s">
        <v>247048</v>
      </c>
      <c r="C74672" s="1" t="s">
        <v>130</v>
      </c>
      <c r="D74672" s="1" t="s">
        <v>48553</v>
      </c>
      <c r="E74672" s="1" t="s">
        <v>249117</v>
      </c>
      <c r="F74672" s="1" t="s">
        <v>249118</v>
      </c>
      <c r="G74672" s="1" t="s">
        <v>249045</v>
      </c>
      <c r="H74672" s="1" t="s">
        <v>249046</v>
      </c>
      <c r="I74672" s="1" t="s">
        <v>247053</v>
      </c>
      <c r="J74672" s="1" t="s">
        <v>249119</v>
      </c>
    </row>
    <row r="74673" spans="1:10" x14ac:dyDescent="0.35">
      <c r="A74673" s="1" t="s">
        <v>8357</v>
      </c>
      <c r="B74673" s="1" t="s">
        <v>247048</v>
      </c>
      <c r="C74673" s="1" t="s">
        <v>135</v>
      </c>
      <c r="D74673" s="1" t="s">
        <v>36711</v>
      </c>
      <c r="E74673" s="1" t="s">
        <v>249120</v>
      </c>
      <c r="F74673" s="1" t="s">
        <v>249121</v>
      </c>
      <c r="G74673" s="1" t="s">
        <v>249045</v>
      </c>
      <c r="H74673" s="1" t="s">
        <v>249046</v>
      </c>
      <c r="I74673" s="1" t="s">
        <v>247053</v>
      </c>
      <c r="J74673" s="1" t="s">
        <v>249122</v>
      </c>
    </row>
    <row r="74674" spans="1:10" x14ac:dyDescent="0.35">
      <c r="A74674" s="1" t="s">
        <v>8357</v>
      </c>
      <c r="B74674" s="1" t="s">
        <v>247048</v>
      </c>
      <c r="C74674" s="1" t="s">
        <v>140</v>
      </c>
      <c r="D74674" s="1" t="s">
        <v>196793</v>
      </c>
      <c r="E74674" s="1" t="s">
        <v>249123</v>
      </c>
      <c r="F74674" s="1" t="s">
        <v>249124</v>
      </c>
      <c r="G74674" s="1" t="s">
        <v>249045</v>
      </c>
      <c r="H74674" s="1" t="s">
        <v>249046</v>
      </c>
      <c r="I74674" s="1" t="s">
        <v>247053</v>
      </c>
      <c r="J74674" s="1" t="s">
        <v>249125</v>
      </c>
    </row>
    <row r="74675" spans="1:10" x14ac:dyDescent="0.35">
      <c r="A74675" s="1" t="s">
        <v>8357</v>
      </c>
      <c r="B74675" s="1" t="s">
        <v>247048</v>
      </c>
      <c r="C74675" s="1" t="s">
        <v>145</v>
      </c>
      <c r="D74675" s="1" t="s">
        <v>15591</v>
      </c>
      <c r="E74675" s="1" t="s">
        <v>249126</v>
      </c>
      <c r="F74675" s="1" t="s">
        <v>249127</v>
      </c>
      <c r="G74675" s="1" t="s">
        <v>249045</v>
      </c>
      <c r="H74675" s="1" t="s">
        <v>249046</v>
      </c>
      <c r="I74675" s="1" t="s">
        <v>247053</v>
      </c>
      <c r="J74675" s="1" t="s">
        <v>249128</v>
      </c>
    </row>
    <row r="74676" spans="1:10" x14ac:dyDescent="0.35">
      <c r="A74676" s="1" t="s">
        <v>8357</v>
      </c>
      <c r="B74676" s="1" t="s">
        <v>247048</v>
      </c>
      <c r="C74676" s="1" t="s">
        <v>150</v>
      </c>
      <c r="D74676" s="1" t="s">
        <v>51129</v>
      </c>
      <c r="E74676" s="1" t="s">
        <v>249129</v>
      </c>
      <c r="F74676" s="1" t="s">
        <v>249130</v>
      </c>
      <c r="G74676" s="1" t="s">
        <v>249045</v>
      </c>
      <c r="H74676" s="1" t="s">
        <v>249046</v>
      </c>
      <c r="I74676" s="1" t="s">
        <v>247053</v>
      </c>
      <c r="J74676" s="1" t="s">
        <v>249131</v>
      </c>
    </row>
    <row r="74677" spans="1:10" x14ac:dyDescent="0.35">
      <c r="A74677" s="1" t="s">
        <v>8357</v>
      </c>
      <c r="B74677" s="1" t="s">
        <v>247048</v>
      </c>
      <c r="C74677" s="1" t="s">
        <v>155</v>
      </c>
      <c r="D74677" s="1" t="s">
        <v>73092</v>
      </c>
      <c r="E74677" s="1" t="s">
        <v>249132</v>
      </c>
      <c r="F74677" s="1" t="s">
        <v>249133</v>
      </c>
      <c r="G74677" s="1" t="s">
        <v>249045</v>
      </c>
      <c r="H74677" s="1" t="s">
        <v>249046</v>
      </c>
      <c r="I74677" s="1" t="s">
        <v>247053</v>
      </c>
      <c r="J74677" s="1" t="s">
        <v>249134</v>
      </c>
    </row>
    <row r="74678" spans="1:10" x14ac:dyDescent="0.35">
      <c r="A74678" s="1" t="s">
        <v>8357</v>
      </c>
      <c r="B74678" s="1" t="s">
        <v>247048</v>
      </c>
      <c r="C74678" s="1" t="s">
        <v>160</v>
      </c>
      <c r="D74678" s="1" t="s">
        <v>249135</v>
      </c>
      <c r="E74678" s="1" t="s">
        <v>249136</v>
      </c>
      <c r="F74678" s="1" t="s">
        <v>249137</v>
      </c>
      <c r="G74678" s="1" t="s">
        <v>249045</v>
      </c>
      <c r="H74678" s="1" t="s">
        <v>249046</v>
      </c>
      <c r="I74678" s="1" t="s">
        <v>247053</v>
      </c>
      <c r="J74678" s="1" t="s">
        <v>249138</v>
      </c>
    </row>
    <row r="74679" spans="1:10" x14ac:dyDescent="0.35">
      <c r="A74679" s="1" t="s">
        <v>8357</v>
      </c>
      <c r="B74679" s="1" t="s">
        <v>247048</v>
      </c>
      <c r="C74679" s="1" t="s">
        <v>165</v>
      </c>
      <c r="D74679" s="1" t="s">
        <v>115952</v>
      </c>
      <c r="E74679" s="1" t="s">
        <v>249139</v>
      </c>
      <c r="F74679" s="1" t="s">
        <v>249140</v>
      </c>
      <c r="G74679" s="1" t="s">
        <v>249045</v>
      </c>
      <c r="H74679" s="1" t="s">
        <v>249046</v>
      </c>
      <c r="I74679" s="1" t="s">
        <v>247053</v>
      </c>
      <c r="J74679" s="1" t="s">
        <v>249141</v>
      </c>
    </row>
    <row r="74680" spans="1:10" x14ac:dyDescent="0.35">
      <c r="A74680" s="1" t="s">
        <v>8357</v>
      </c>
      <c r="B74680" s="1" t="s">
        <v>247048</v>
      </c>
      <c r="C74680" s="1" t="s">
        <v>170</v>
      </c>
      <c r="D74680" s="1" t="s">
        <v>49182</v>
      </c>
      <c r="E74680" s="1" t="s">
        <v>249142</v>
      </c>
      <c r="F74680" s="1" t="s">
        <v>249143</v>
      </c>
      <c r="G74680" s="1" t="s">
        <v>249045</v>
      </c>
      <c r="H74680" s="1" t="s">
        <v>249046</v>
      </c>
      <c r="I74680" s="1" t="s">
        <v>247053</v>
      </c>
      <c r="J74680" s="1" t="s">
        <v>249144</v>
      </c>
    </row>
    <row r="74681" spans="1:10" x14ac:dyDescent="0.35">
      <c r="A74681" s="1" t="s">
        <v>142651</v>
      </c>
      <c r="B74681" s="1" t="s">
        <v>247048</v>
      </c>
      <c r="C74681" s="1" t="s">
        <v>8</v>
      </c>
      <c r="D74681" s="1" t="s">
        <v>29171</v>
      </c>
      <c r="E74681" s="1" t="s">
        <v>249145</v>
      </c>
      <c r="F74681" s="1" t="s">
        <v>249146</v>
      </c>
      <c r="G74681" s="1" t="s">
        <v>249147</v>
      </c>
      <c r="H74681" s="1" t="s">
        <v>249148</v>
      </c>
      <c r="I74681" s="1" t="s">
        <v>247053</v>
      </c>
      <c r="J74681" s="1" t="s">
        <v>13</v>
      </c>
    </row>
    <row r="74682" spans="1:10" x14ac:dyDescent="0.35">
      <c r="A74682" s="1" t="s">
        <v>142651</v>
      </c>
      <c r="B74682" s="1" t="s">
        <v>247048</v>
      </c>
      <c r="C74682" s="1" t="s">
        <v>15</v>
      </c>
      <c r="D74682" s="1" t="s">
        <v>3608</v>
      </c>
      <c r="E74682" s="1" t="s">
        <v>7939</v>
      </c>
      <c r="F74682" s="1" t="s">
        <v>249149</v>
      </c>
      <c r="G74682" s="1" t="s">
        <v>249147</v>
      </c>
      <c r="H74682" s="1" t="s">
        <v>249148</v>
      </c>
      <c r="I74682" s="1" t="s">
        <v>247053</v>
      </c>
      <c r="J74682" s="1" t="s">
        <v>249150</v>
      </c>
    </row>
    <row r="74683" spans="1:10" x14ac:dyDescent="0.35">
      <c r="A74683" s="1" t="s">
        <v>142651</v>
      </c>
      <c r="B74683" s="1" t="s">
        <v>247048</v>
      </c>
      <c r="C74683" s="1" t="s">
        <v>20</v>
      </c>
      <c r="D74683" s="1" t="s">
        <v>324</v>
      </c>
      <c r="E74683" s="1" t="s">
        <v>8654</v>
      </c>
      <c r="F74683" s="1" t="s">
        <v>249151</v>
      </c>
      <c r="G74683" s="1" t="s">
        <v>249147</v>
      </c>
      <c r="H74683" s="1" t="s">
        <v>249148</v>
      </c>
      <c r="I74683" s="1" t="s">
        <v>247053</v>
      </c>
      <c r="J74683" s="1" t="s">
        <v>249152</v>
      </c>
    </row>
    <row r="74684" spans="1:10" x14ac:dyDescent="0.35">
      <c r="A74684" s="1" t="s">
        <v>142651</v>
      </c>
      <c r="B74684" s="1" t="s">
        <v>247048</v>
      </c>
      <c r="C74684" s="1" t="s">
        <v>25</v>
      </c>
      <c r="D74684" s="1" t="s">
        <v>8314</v>
      </c>
      <c r="E74684" s="1" t="s">
        <v>249153</v>
      </c>
      <c r="F74684" s="1" t="s">
        <v>249154</v>
      </c>
      <c r="G74684" s="1" t="s">
        <v>249147</v>
      </c>
      <c r="H74684" s="1" t="s">
        <v>249148</v>
      </c>
      <c r="I74684" s="1" t="s">
        <v>247053</v>
      </c>
      <c r="J74684" s="1" t="s">
        <v>249155</v>
      </c>
    </row>
    <row r="74685" spans="1:10" x14ac:dyDescent="0.35">
      <c r="A74685" s="1" t="s">
        <v>142651</v>
      </c>
      <c r="B74685" s="1" t="s">
        <v>247048</v>
      </c>
      <c r="C74685" s="1" t="s">
        <v>30</v>
      </c>
      <c r="D74685" s="1" t="s">
        <v>25124</v>
      </c>
      <c r="E74685" s="1" t="s">
        <v>205940</v>
      </c>
      <c r="F74685" s="1" t="s">
        <v>139233</v>
      </c>
      <c r="G74685" s="1" t="s">
        <v>249147</v>
      </c>
      <c r="H74685" s="1" t="s">
        <v>249148</v>
      </c>
      <c r="I74685" s="1" t="s">
        <v>247053</v>
      </c>
      <c r="J74685" s="1" t="s">
        <v>249156</v>
      </c>
    </row>
    <row r="74686" spans="1:10" x14ac:dyDescent="0.35">
      <c r="A74686" s="1" t="s">
        <v>142651</v>
      </c>
      <c r="B74686" s="1" t="s">
        <v>247048</v>
      </c>
      <c r="C74686" s="1" t="s">
        <v>35</v>
      </c>
      <c r="D74686" s="1" t="s">
        <v>2031</v>
      </c>
      <c r="E74686" s="1" t="s">
        <v>8630</v>
      </c>
      <c r="F74686" s="1" t="s">
        <v>249157</v>
      </c>
      <c r="G74686" s="1" t="s">
        <v>249147</v>
      </c>
      <c r="H74686" s="1" t="s">
        <v>249148</v>
      </c>
      <c r="I74686" s="1" t="s">
        <v>247053</v>
      </c>
      <c r="J74686" s="1" t="s">
        <v>249158</v>
      </c>
    </row>
    <row r="74687" spans="1:10" x14ac:dyDescent="0.35">
      <c r="A74687" s="1" t="s">
        <v>142651</v>
      </c>
      <c r="B74687" s="1" t="s">
        <v>247048</v>
      </c>
      <c r="C74687" s="1" t="s">
        <v>40</v>
      </c>
      <c r="D74687" s="1" t="s">
        <v>4793</v>
      </c>
      <c r="E74687" s="1" t="s">
        <v>7943</v>
      </c>
      <c r="F74687" s="1" t="s">
        <v>249159</v>
      </c>
      <c r="G74687" s="1" t="s">
        <v>249147</v>
      </c>
      <c r="H74687" s="1" t="s">
        <v>249148</v>
      </c>
      <c r="I74687" s="1" t="s">
        <v>247053</v>
      </c>
      <c r="J74687" s="1" t="s">
        <v>249160</v>
      </c>
    </row>
    <row r="74688" spans="1:10" x14ac:dyDescent="0.35">
      <c r="A74688" s="1" t="s">
        <v>142651</v>
      </c>
      <c r="B74688" s="1" t="s">
        <v>247048</v>
      </c>
      <c r="C74688" s="1" t="s">
        <v>45</v>
      </c>
      <c r="D74688" s="1" t="s">
        <v>110028</v>
      </c>
      <c r="E74688" s="1" t="s">
        <v>206649</v>
      </c>
      <c r="F74688" s="1" t="s">
        <v>249161</v>
      </c>
      <c r="G74688" s="1" t="s">
        <v>249147</v>
      </c>
      <c r="H74688" s="1" t="s">
        <v>249148</v>
      </c>
      <c r="I74688" s="1" t="s">
        <v>247053</v>
      </c>
      <c r="J74688" s="1" t="s">
        <v>249162</v>
      </c>
    </row>
    <row r="74689" spans="1:10" x14ac:dyDescent="0.35">
      <c r="A74689" s="1" t="s">
        <v>142651</v>
      </c>
      <c r="B74689" s="1" t="s">
        <v>247048</v>
      </c>
      <c r="C74689" s="1" t="s">
        <v>50</v>
      </c>
      <c r="D74689" s="1" t="s">
        <v>7567</v>
      </c>
      <c r="E74689" s="1" t="s">
        <v>249163</v>
      </c>
      <c r="F74689" s="1" t="s">
        <v>249164</v>
      </c>
      <c r="G74689" s="1" t="s">
        <v>249147</v>
      </c>
      <c r="H74689" s="1" t="s">
        <v>249148</v>
      </c>
      <c r="I74689" s="1" t="s">
        <v>247053</v>
      </c>
      <c r="J74689" s="1" t="s">
        <v>249165</v>
      </c>
    </row>
    <row r="74690" spans="1:10" x14ac:dyDescent="0.35">
      <c r="A74690" s="1" t="s">
        <v>142651</v>
      </c>
      <c r="B74690" s="1" t="s">
        <v>247048</v>
      </c>
      <c r="C74690" s="1" t="s">
        <v>55</v>
      </c>
      <c r="D74690" s="1" t="s">
        <v>1635</v>
      </c>
      <c r="E74690" s="1" t="s">
        <v>12142</v>
      </c>
      <c r="F74690" s="1" t="s">
        <v>249166</v>
      </c>
      <c r="G74690" s="1" t="s">
        <v>249147</v>
      </c>
      <c r="H74690" s="1" t="s">
        <v>249148</v>
      </c>
      <c r="I74690" s="1" t="s">
        <v>247053</v>
      </c>
      <c r="J74690" s="1" t="s">
        <v>249167</v>
      </c>
    </row>
    <row r="74691" spans="1:10" x14ac:dyDescent="0.35">
      <c r="A74691" s="1" t="s">
        <v>142651</v>
      </c>
      <c r="B74691" s="1" t="s">
        <v>247048</v>
      </c>
      <c r="C74691" s="1" t="s">
        <v>60</v>
      </c>
      <c r="D74691" s="1" t="s">
        <v>4685</v>
      </c>
      <c r="E74691" s="1" t="s">
        <v>12185</v>
      </c>
      <c r="F74691" s="1" t="s">
        <v>249168</v>
      </c>
      <c r="G74691" s="1" t="s">
        <v>249147</v>
      </c>
      <c r="H74691" s="1" t="s">
        <v>249148</v>
      </c>
      <c r="I74691" s="1" t="s">
        <v>247053</v>
      </c>
      <c r="J74691" s="1" t="s">
        <v>249169</v>
      </c>
    </row>
    <row r="74692" spans="1:10" x14ac:dyDescent="0.35">
      <c r="A74692" s="1" t="s">
        <v>142651</v>
      </c>
      <c r="B74692" s="1" t="s">
        <v>247048</v>
      </c>
      <c r="C74692" s="1" t="s">
        <v>65</v>
      </c>
      <c r="D74692" s="1" t="s">
        <v>105036</v>
      </c>
      <c r="E74692" s="1" t="s">
        <v>159832</v>
      </c>
      <c r="F74692" s="1" t="s">
        <v>249170</v>
      </c>
      <c r="G74692" s="1" t="s">
        <v>249147</v>
      </c>
      <c r="H74692" s="1" t="s">
        <v>249148</v>
      </c>
      <c r="I74692" s="1" t="s">
        <v>247053</v>
      </c>
      <c r="J74692" s="1" t="s">
        <v>249171</v>
      </c>
    </row>
    <row r="74693" spans="1:10" x14ac:dyDescent="0.35">
      <c r="A74693" s="1" t="s">
        <v>142651</v>
      </c>
      <c r="B74693" s="1" t="s">
        <v>247048</v>
      </c>
      <c r="C74693" s="1" t="s">
        <v>70</v>
      </c>
      <c r="D74693" s="1" t="s">
        <v>14082</v>
      </c>
      <c r="E74693" s="1" t="s">
        <v>205955</v>
      </c>
      <c r="F74693" s="1" t="s">
        <v>249172</v>
      </c>
      <c r="G74693" s="1" t="s">
        <v>249147</v>
      </c>
      <c r="H74693" s="1" t="s">
        <v>249148</v>
      </c>
      <c r="I74693" s="1" t="s">
        <v>247053</v>
      </c>
      <c r="J74693" s="1" t="s">
        <v>249173</v>
      </c>
    </row>
    <row r="74694" spans="1:10" x14ac:dyDescent="0.35">
      <c r="A74694" s="1" t="s">
        <v>142651</v>
      </c>
      <c r="B74694" s="1" t="s">
        <v>247048</v>
      </c>
      <c r="C74694" s="1" t="s">
        <v>75</v>
      </c>
      <c r="D74694" s="1" t="s">
        <v>202398</v>
      </c>
      <c r="E74694" s="1" t="s">
        <v>13665</v>
      </c>
      <c r="F74694" s="1" t="s">
        <v>249174</v>
      </c>
      <c r="G74694" s="1" t="s">
        <v>249147</v>
      </c>
      <c r="H74694" s="1" t="s">
        <v>249148</v>
      </c>
      <c r="I74694" s="1" t="s">
        <v>247053</v>
      </c>
      <c r="J74694" s="1" t="s">
        <v>249175</v>
      </c>
    </row>
    <row r="74695" spans="1:10" x14ac:dyDescent="0.35">
      <c r="A74695" s="1" t="s">
        <v>142651</v>
      </c>
      <c r="B74695" s="1" t="s">
        <v>247048</v>
      </c>
      <c r="C74695" s="1" t="s">
        <v>80</v>
      </c>
      <c r="D74695" s="1" t="s">
        <v>28284</v>
      </c>
      <c r="E74695" s="1" t="s">
        <v>12204</v>
      </c>
      <c r="F74695" s="1" t="s">
        <v>249176</v>
      </c>
      <c r="G74695" s="1" t="s">
        <v>249147</v>
      </c>
      <c r="H74695" s="1" t="s">
        <v>249148</v>
      </c>
      <c r="I74695" s="1" t="s">
        <v>247053</v>
      </c>
      <c r="J74695" s="1" t="s">
        <v>249177</v>
      </c>
    </row>
    <row r="74696" spans="1:10" x14ac:dyDescent="0.35">
      <c r="A74696" s="1" t="s">
        <v>142651</v>
      </c>
      <c r="B74696" s="1" t="s">
        <v>247048</v>
      </c>
      <c r="C74696" s="1" t="s">
        <v>85</v>
      </c>
      <c r="D74696" s="1" t="s">
        <v>203482</v>
      </c>
      <c r="E74696" s="1" t="s">
        <v>27514</v>
      </c>
      <c r="F74696" s="1" t="s">
        <v>249178</v>
      </c>
      <c r="G74696" s="1" t="s">
        <v>249147</v>
      </c>
      <c r="H74696" s="1" t="s">
        <v>249148</v>
      </c>
      <c r="I74696" s="1" t="s">
        <v>247053</v>
      </c>
      <c r="J74696" s="1" t="s">
        <v>249179</v>
      </c>
    </row>
    <row r="74697" spans="1:10" x14ac:dyDescent="0.35">
      <c r="A74697" s="1" t="s">
        <v>142651</v>
      </c>
      <c r="B74697" s="1" t="s">
        <v>247048</v>
      </c>
      <c r="C74697" s="1" t="s">
        <v>90</v>
      </c>
      <c r="D74697" s="1" t="s">
        <v>111216</v>
      </c>
      <c r="E74697" s="1" t="s">
        <v>567</v>
      </c>
      <c r="F74697" s="1" t="s">
        <v>249180</v>
      </c>
      <c r="G74697" s="1" t="s">
        <v>249147</v>
      </c>
      <c r="H74697" s="1" t="s">
        <v>249148</v>
      </c>
      <c r="I74697" s="1" t="s">
        <v>247053</v>
      </c>
      <c r="J74697" s="1" t="s">
        <v>249181</v>
      </c>
    </row>
    <row r="74698" spans="1:10" x14ac:dyDescent="0.35">
      <c r="A74698" s="1" t="s">
        <v>142651</v>
      </c>
      <c r="B74698" s="1" t="s">
        <v>247048</v>
      </c>
      <c r="C74698" s="1" t="s">
        <v>95</v>
      </c>
      <c r="D74698" s="1" t="s">
        <v>50781</v>
      </c>
      <c r="E74698" s="1" t="s">
        <v>110912</v>
      </c>
      <c r="F74698" s="1" t="s">
        <v>249182</v>
      </c>
      <c r="G74698" s="1" t="s">
        <v>249147</v>
      </c>
      <c r="H74698" s="1" t="s">
        <v>249148</v>
      </c>
      <c r="I74698" s="1" t="s">
        <v>247053</v>
      </c>
      <c r="J74698" s="1" t="s">
        <v>249183</v>
      </c>
    </row>
    <row r="74699" spans="1:10" x14ac:dyDescent="0.35">
      <c r="A74699" s="1" t="s">
        <v>142651</v>
      </c>
      <c r="B74699" s="1" t="s">
        <v>247048</v>
      </c>
      <c r="C74699" s="1" t="s">
        <v>100</v>
      </c>
      <c r="D74699" s="1" t="s">
        <v>14576</v>
      </c>
      <c r="E74699" s="1" t="s">
        <v>14818</v>
      </c>
      <c r="F74699" s="1" t="s">
        <v>249184</v>
      </c>
      <c r="G74699" s="1" t="s">
        <v>249147</v>
      </c>
      <c r="H74699" s="1" t="s">
        <v>249148</v>
      </c>
      <c r="I74699" s="1" t="s">
        <v>247053</v>
      </c>
      <c r="J74699" s="1" t="s">
        <v>249185</v>
      </c>
    </row>
    <row r="74700" spans="1:10" x14ac:dyDescent="0.35">
      <c r="A74700" s="1" t="s">
        <v>142651</v>
      </c>
      <c r="B74700" s="1" t="s">
        <v>247048</v>
      </c>
      <c r="C74700" s="1" t="s">
        <v>105</v>
      </c>
      <c r="D74700" s="1" t="s">
        <v>5770</v>
      </c>
      <c r="E74700" s="1" t="s">
        <v>12200</v>
      </c>
      <c r="F74700" s="1" t="s">
        <v>249186</v>
      </c>
      <c r="G74700" s="1" t="s">
        <v>249147</v>
      </c>
      <c r="H74700" s="1" t="s">
        <v>249148</v>
      </c>
      <c r="I74700" s="1" t="s">
        <v>247053</v>
      </c>
      <c r="J74700" s="1" t="s">
        <v>249187</v>
      </c>
    </row>
    <row r="74701" spans="1:10" x14ac:dyDescent="0.35">
      <c r="A74701" s="1" t="s">
        <v>142651</v>
      </c>
      <c r="B74701" s="1" t="s">
        <v>247048</v>
      </c>
      <c r="C74701" s="1" t="s">
        <v>110</v>
      </c>
      <c r="D74701" s="1" t="s">
        <v>115752</v>
      </c>
      <c r="E74701" s="1" t="s">
        <v>160386</v>
      </c>
      <c r="F74701" s="1" t="s">
        <v>249188</v>
      </c>
      <c r="G74701" s="1" t="s">
        <v>249147</v>
      </c>
      <c r="H74701" s="1" t="s">
        <v>249148</v>
      </c>
      <c r="I74701" s="1" t="s">
        <v>247053</v>
      </c>
      <c r="J74701" s="1" t="s">
        <v>249189</v>
      </c>
    </row>
    <row r="74702" spans="1:10" x14ac:dyDescent="0.35">
      <c r="A74702" s="1" t="s">
        <v>142651</v>
      </c>
      <c r="B74702" s="1" t="s">
        <v>247048</v>
      </c>
      <c r="C74702" s="1" t="s">
        <v>115</v>
      </c>
      <c r="D74702" s="1" t="s">
        <v>34678</v>
      </c>
      <c r="E74702" s="1" t="s">
        <v>12192</v>
      </c>
      <c r="F74702" s="1" t="s">
        <v>249190</v>
      </c>
      <c r="G74702" s="1" t="s">
        <v>249147</v>
      </c>
      <c r="H74702" s="1" t="s">
        <v>249148</v>
      </c>
      <c r="I74702" s="1" t="s">
        <v>247053</v>
      </c>
      <c r="J74702" s="1" t="s">
        <v>249191</v>
      </c>
    </row>
    <row r="74703" spans="1:10" x14ac:dyDescent="0.35">
      <c r="A74703" s="1" t="s">
        <v>142651</v>
      </c>
      <c r="B74703" s="1" t="s">
        <v>247048</v>
      </c>
      <c r="C74703" s="1" t="s">
        <v>120</v>
      </c>
      <c r="D74703" s="1" t="s">
        <v>142903</v>
      </c>
      <c r="E74703" s="1" t="s">
        <v>27527</v>
      </c>
      <c r="F74703" s="1" t="s">
        <v>249190</v>
      </c>
      <c r="G74703" s="1" t="s">
        <v>249147</v>
      </c>
      <c r="H74703" s="1" t="s">
        <v>249148</v>
      </c>
      <c r="I74703" s="1" t="s">
        <v>247053</v>
      </c>
      <c r="J74703" s="1" t="s">
        <v>249192</v>
      </c>
    </row>
    <row r="74704" spans="1:10" x14ac:dyDescent="0.35">
      <c r="A74704" s="1" t="s">
        <v>142651</v>
      </c>
      <c r="B74704" s="1" t="s">
        <v>247048</v>
      </c>
      <c r="C74704" s="1" t="s">
        <v>125</v>
      </c>
      <c r="D74704" s="1" t="s">
        <v>182583</v>
      </c>
      <c r="E74704" s="1" t="s">
        <v>12164</v>
      </c>
      <c r="F74704" s="1" t="s">
        <v>249190</v>
      </c>
      <c r="G74704" s="1" t="s">
        <v>249147</v>
      </c>
      <c r="H74704" s="1" t="s">
        <v>249148</v>
      </c>
      <c r="I74704" s="1" t="s">
        <v>247053</v>
      </c>
      <c r="J74704" s="1" t="s">
        <v>249193</v>
      </c>
    </row>
    <row r="74705" spans="1:10" x14ac:dyDescent="0.35">
      <c r="A74705" s="1" t="s">
        <v>142651</v>
      </c>
      <c r="B74705" s="1" t="s">
        <v>247048</v>
      </c>
      <c r="C74705" s="1" t="s">
        <v>130</v>
      </c>
      <c r="D74705" s="1" t="s">
        <v>15372</v>
      </c>
      <c r="E74705" s="1" t="s">
        <v>27492</v>
      </c>
      <c r="F74705" s="1" t="s">
        <v>249190</v>
      </c>
      <c r="G74705" s="1" t="s">
        <v>249147</v>
      </c>
      <c r="H74705" s="1" t="s">
        <v>249148</v>
      </c>
      <c r="I74705" s="1" t="s">
        <v>247053</v>
      </c>
      <c r="J74705" s="1" t="s">
        <v>249194</v>
      </c>
    </row>
    <row r="74706" spans="1:10" x14ac:dyDescent="0.35">
      <c r="A74706" s="1" t="s">
        <v>142651</v>
      </c>
      <c r="B74706" s="1" t="s">
        <v>247048</v>
      </c>
      <c r="C74706" s="1" t="s">
        <v>135</v>
      </c>
      <c r="D74706" s="1" t="s">
        <v>111294</v>
      </c>
      <c r="E74706" s="1" t="s">
        <v>249195</v>
      </c>
      <c r="F74706" s="1" t="s">
        <v>249190</v>
      </c>
      <c r="G74706" s="1" t="s">
        <v>249147</v>
      </c>
      <c r="H74706" s="1" t="s">
        <v>249148</v>
      </c>
      <c r="I74706" s="1" t="s">
        <v>247053</v>
      </c>
      <c r="J74706" s="1" t="s">
        <v>249196</v>
      </c>
    </row>
    <row r="74707" spans="1:10" x14ac:dyDescent="0.35">
      <c r="A74707" s="1" t="s">
        <v>142651</v>
      </c>
      <c r="B74707" s="1" t="s">
        <v>247048</v>
      </c>
      <c r="C74707" s="1" t="s">
        <v>140</v>
      </c>
      <c r="D74707" s="1" t="s">
        <v>3469</v>
      </c>
      <c r="E74707" s="1" t="s">
        <v>249197</v>
      </c>
      <c r="F74707" s="1" t="s">
        <v>249190</v>
      </c>
      <c r="G74707" s="1" t="s">
        <v>249147</v>
      </c>
      <c r="H74707" s="1" t="s">
        <v>249148</v>
      </c>
      <c r="I74707" s="1" t="s">
        <v>247053</v>
      </c>
      <c r="J74707" s="1" t="s">
        <v>249198</v>
      </c>
    </row>
    <row r="74708" spans="1:10" x14ac:dyDescent="0.35">
      <c r="A74708" s="1" t="s">
        <v>142651</v>
      </c>
      <c r="B74708" s="1" t="s">
        <v>247048</v>
      </c>
      <c r="C74708" s="1" t="s">
        <v>145</v>
      </c>
      <c r="D74708" s="1" t="s">
        <v>17385</v>
      </c>
      <c r="E74708" s="1" t="s">
        <v>12200</v>
      </c>
      <c r="F74708" s="1" t="s">
        <v>249190</v>
      </c>
      <c r="G74708" s="1" t="s">
        <v>249147</v>
      </c>
      <c r="H74708" s="1" t="s">
        <v>249148</v>
      </c>
      <c r="I74708" s="1" t="s">
        <v>247053</v>
      </c>
      <c r="J74708" s="1" t="s">
        <v>249199</v>
      </c>
    </row>
    <row r="74709" spans="1:10" x14ac:dyDescent="0.35">
      <c r="A74709" s="1" t="s">
        <v>142651</v>
      </c>
      <c r="B74709" s="1" t="s">
        <v>247048</v>
      </c>
      <c r="C74709" s="1" t="s">
        <v>150</v>
      </c>
      <c r="D74709" s="1" t="s">
        <v>160465</v>
      </c>
      <c r="E74709" s="1" t="s">
        <v>249200</v>
      </c>
      <c r="F74709" s="1" t="s">
        <v>249190</v>
      </c>
      <c r="G74709" s="1" t="s">
        <v>249147</v>
      </c>
      <c r="H74709" s="1" t="s">
        <v>249148</v>
      </c>
      <c r="I74709" s="1" t="s">
        <v>247053</v>
      </c>
      <c r="J74709" s="1" t="s">
        <v>249201</v>
      </c>
    </row>
    <row r="74710" spans="1:10" x14ac:dyDescent="0.35">
      <c r="A74710" s="1" t="s">
        <v>142651</v>
      </c>
      <c r="B74710" s="1" t="s">
        <v>247048</v>
      </c>
      <c r="C74710" s="1" t="s">
        <v>155</v>
      </c>
      <c r="D74710" s="1" t="s">
        <v>648</v>
      </c>
      <c r="E74710" s="1" t="s">
        <v>201726</v>
      </c>
      <c r="F74710" s="1" t="s">
        <v>249190</v>
      </c>
      <c r="G74710" s="1" t="s">
        <v>249147</v>
      </c>
      <c r="H74710" s="1" t="s">
        <v>249148</v>
      </c>
      <c r="I74710" s="1" t="s">
        <v>247053</v>
      </c>
      <c r="J74710" s="1" t="s">
        <v>249202</v>
      </c>
    </row>
    <row r="74711" spans="1:10" x14ac:dyDescent="0.35">
      <c r="A74711" s="1" t="s">
        <v>142651</v>
      </c>
      <c r="B74711" s="1" t="s">
        <v>247048</v>
      </c>
      <c r="C74711" s="1" t="s">
        <v>160</v>
      </c>
      <c r="D74711" s="1" t="s">
        <v>249203</v>
      </c>
      <c r="E74711" s="1" t="s">
        <v>111472</v>
      </c>
      <c r="F74711" s="1" t="s">
        <v>249190</v>
      </c>
      <c r="G74711" s="1" t="s">
        <v>249147</v>
      </c>
      <c r="H74711" s="1" t="s">
        <v>249148</v>
      </c>
      <c r="I74711" s="1" t="s">
        <v>247053</v>
      </c>
      <c r="J74711" s="1" t="s">
        <v>249204</v>
      </c>
    </row>
    <row r="74712" spans="1:10" x14ac:dyDescent="0.35">
      <c r="A74712" s="1" t="s">
        <v>142651</v>
      </c>
      <c r="B74712" s="1" t="s">
        <v>247048</v>
      </c>
      <c r="C74712" s="1" t="s">
        <v>165</v>
      </c>
      <c r="D74712" s="1" t="s">
        <v>184424</v>
      </c>
      <c r="E74712" s="1" t="s">
        <v>202018</v>
      </c>
      <c r="F74712" s="1" t="s">
        <v>249190</v>
      </c>
      <c r="G74712" s="1" t="s">
        <v>249147</v>
      </c>
      <c r="H74712" s="1" t="s">
        <v>249148</v>
      </c>
      <c r="I74712" s="1" t="s">
        <v>247053</v>
      </c>
      <c r="J74712" s="1" t="s">
        <v>249205</v>
      </c>
    </row>
    <row r="74713" spans="1:10" x14ac:dyDescent="0.35">
      <c r="A74713" s="1" t="s">
        <v>142651</v>
      </c>
      <c r="B74713" s="1" t="s">
        <v>247048</v>
      </c>
      <c r="C74713" s="1" t="s">
        <v>170</v>
      </c>
      <c r="D74713" s="1" t="s">
        <v>73493</v>
      </c>
      <c r="E74713" s="1" t="s">
        <v>207058</v>
      </c>
      <c r="F74713" s="1" t="s">
        <v>249190</v>
      </c>
      <c r="G74713" s="1" t="s">
        <v>249147</v>
      </c>
      <c r="H74713" s="1" t="s">
        <v>249148</v>
      </c>
      <c r="I74713" s="1" t="s">
        <v>247053</v>
      </c>
      <c r="J74713" s="1" t="s">
        <v>249206</v>
      </c>
    </row>
    <row r="74714" spans="1:10" x14ac:dyDescent="0.35">
      <c r="A74714" s="1" t="s">
        <v>143112</v>
      </c>
      <c r="B74714" s="1" t="s">
        <v>247048</v>
      </c>
      <c r="C74714" s="1" t="s">
        <v>8</v>
      </c>
      <c r="D74714" s="1" t="s">
        <v>89950</v>
      </c>
      <c r="E74714" s="1" t="s">
        <v>4207</v>
      </c>
      <c r="F74714" s="1" t="s">
        <v>249207</v>
      </c>
      <c r="G74714" s="1" t="s">
        <v>249208</v>
      </c>
      <c r="H74714" s="1" t="s">
        <v>249209</v>
      </c>
      <c r="I74714" s="1" t="s">
        <v>247053</v>
      </c>
      <c r="J74714" s="1" t="s">
        <v>13</v>
      </c>
    </row>
    <row r="74715" spans="1:10" x14ac:dyDescent="0.35">
      <c r="A74715" s="1" t="s">
        <v>143112</v>
      </c>
      <c r="B74715" s="1" t="s">
        <v>247048</v>
      </c>
      <c r="C74715" s="1" t="s">
        <v>15</v>
      </c>
      <c r="D74715" s="1" t="s">
        <v>9190</v>
      </c>
      <c r="E74715" s="1" t="s">
        <v>249210</v>
      </c>
      <c r="F74715" s="1" t="s">
        <v>249211</v>
      </c>
      <c r="G74715" s="1" t="s">
        <v>249208</v>
      </c>
      <c r="H74715" s="1" t="s">
        <v>249209</v>
      </c>
      <c r="I74715" s="1" t="s">
        <v>247053</v>
      </c>
      <c r="J74715" s="1" t="s">
        <v>249212</v>
      </c>
    </row>
    <row r="74716" spans="1:10" x14ac:dyDescent="0.35">
      <c r="A74716" s="1" t="s">
        <v>143112</v>
      </c>
      <c r="B74716" s="1" t="s">
        <v>247048</v>
      </c>
      <c r="C74716" s="1" t="s">
        <v>20</v>
      </c>
      <c r="D74716" s="1" t="s">
        <v>100973</v>
      </c>
      <c r="E74716" s="1" t="s">
        <v>29071</v>
      </c>
      <c r="F74716" s="1" t="s">
        <v>249211</v>
      </c>
      <c r="G74716" s="1" t="s">
        <v>249208</v>
      </c>
      <c r="H74716" s="1" t="s">
        <v>249209</v>
      </c>
      <c r="I74716" s="1" t="s">
        <v>247053</v>
      </c>
      <c r="J74716" s="1" t="s">
        <v>249213</v>
      </c>
    </row>
    <row r="74717" spans="1:10" x14ac:dyDescent="0.35">
      <c r="A74717" s="1" t="s">
        <v>143112</v>
      </c>
      <c r="B74717" s="1" t="s">
        <v>247048</v>
      </c>
      <c r="C74717" s="1" t="s">
        <v>25</v>
      </c>
      <c r="D74717" s="1" t="s">
        <v>107129</v>
      </c>
      <c r="E74717" s="1" t="s">
        <v>249210</v>
      </c>
      <c r="F74717" s="1" t="s">
        <v>249211</v>
      </c>
      <c r="G74717" s="1" t="s">
        <v>249208</v>
      </c>
      <c r="H74717" s="1" t="s">
        <v>249209</v>
      </c>
      <c r="I74717" s="1" t="s">
        <v>247053</v>
      </c>
      <c r="J74717" s="1" t="s">
        <v>249214</v>
      </c>
    </row>
    <row r="74718" spans="1:10" x14ac:dyDescent="0.35">
      <c r="A74718" s="1" t="s">
        <v>143112</v>
      </c>
      <c r="B74718" s="1" t="s">
        <v>247048</v>
      </c>
      <c r="C74718" s="1" t="s">
        <v>30</v>
      </c>
      <c r="D74718" s="1" t="s">
        <v>118122</v>
      </c>
      <c r="E74718" s="1" t="s">
        <v>4215</v>
      </c>
      <c r="F74718" s="1" t="s">
        <v>249211</v>
      </c>
      <c r="G74718" s="1" t="s">
        <v>249208</v>
      </c>
      <c r="H74718" s="1" t="s">
        <v>249209</v>
      </c>
      <c r="I74718" s="1" t="s">
        <v>247053</v>
      </c>
      <c r="J74718" s="1" t="s">
        <v>249215</v>
      </c>
    </row>
    <row r="74719" spans="1:10" x14ac:dyDescent="0.35">
      <c r="A74719" s="1" t="s">
        <v>143112</v>
      </c>
      <c r="B74719" s="1" t="s">
        <v>247048</v>
      </c>
      <c r="C74719" s="1" t="s">
        <v>35</v>
      </c>
      <c r="D74719" s="1" t="s">
        <v>142787</v>
      </c>
      <c r="E74719" s="1" t="s">
        <v>29097</v>
      </c>
      <c r="F74719" s="1" t="s">
        <v>249211</v>
      </c>
      <c r="G74719" s="1" t="s">
        <v>249208</v>
      </c>
      <c r="H74719" s="1" t="s">
        <v>249209</v>
      </c>
      <c r="I74719" s="1" t="s">
        <v>247053</v>
      </c>
      <c r="J74719" s="1" t="s">
        <v>249216</v>
      </c>
    </row>
    <row r="74720" spans="1:10" x14ac:dyDescent="0.35">
      <c r="A74720" s="1" t="s">
        <v>143112</v>
      </c>
      <c r="B74720" s="1" t="s">
        <v>247048</v>
      </c>
      <c r="C74720" s="1" t="s">
        <v>40</v>
      </c>
      <c r="D74720" s="1" t="s">
        <v>10231</v>
      </c>
      <c r="E74720" s="1" t="s">
        <v>249217</v>
      </c>
      <c r="F74720" s="1" t="s">
        <v>249211</v>
      </c>
      <c r="G74720" s="1" t="s">
        <v>249208</v>
      </c>
      <c r="H74720" s="1" t="s">
        <v>249209</v>
      </c>
      <c r="I74720" s="1" t="s">
        <v>247053</v>
      </c>
      <c r="J74720" s="1" t="s">
        <v>249218</v>
      </c>
    </row>
    <row r="74721" spans="1:10" x14ac:dyDescent="0.35">
      <c r="A74721" s="1" t="s">
        <v>143112</v>
      </c>
      <c r="B74721" s="1" t="s">
        <v>247048</v>
      </c>
      <c r="C74721" s="1" t="s">
        <v>45</v>
      </c>
      <c r="D74721" s="1" t="s">
        <v>4516</v>
      </c>
      <c r="E74721" s="1" t="s">
        <v>6878</v>
      </c>
      <c r="F74721" s="1" t="s">
        <v>249211</v>
      </c>
      <c r="G74721" s="1" t="s">
        <v>249208</v>
      </c>
      <c r="H74721" s="1" t="s">
        <v>249209</v>
      </c>
      <c r="I74721" s="1" t="s">
        <v>247053</v>
      </c>
      <c r="J74721" s="1" t="s">
        <v>249219</v>
      </c>
    </row>
    <row r="74722" spans="1:10" x14ac:dyDescent="0.35">
      <c r="A74722" s="1" t="s">
        <v>143112</v>
      </c>
      <c r="B74722" s="1" t="s">
        <v>247048</v>
      </c>
      <c r="C74722" s="1" t="s">
        <v>50</v>
      </c>
      <c r="D74722" s="1" t="s">
        <v>10224</v>
      </c>
      <c r="E74722" s="1" t="s">
        <v>169061</v>
      </c>
      <c r="F74722" s="1" t="s">
        <v>249211</v>
      </c>
      <c r="G74722" s="1" t="s">
        <v>249208</v>
      </c>
      <c r="H74722" s="1" t="s">
        <v>249209</v>
      </c>
      <c r="I74722" s="1" t="s">
        <v>247053</v>
      </c>
      <c r="J74722" s="1" t="s">
        <v>105839</v>
      </c>
    </row>
    <row r="74723" spans="1:10" x14ac:dyDescent="0.35">
      <c r="A74723" s="1" t="s">
        <v>143112</v>
      </c>
      <c r="B74723" s="1" t="s">
        <v>247048</v>
      </c>
      <c r="C74723" s="1" t="s">
        <v>55</v>
      </c>
      <c r="D74723" s="1" t="s">
        <v>75</v>
      </c>
      <c r="E74723" s="1" t="s">
        <v>29117</v>
      </c>
      <c r="F74723" s="1" t="s">
        <v>249211</v>
      </c>
      <c r="G74723" s="1" t="s">
        <v>249208</v>
      </c>
      <c r="H74723" s="1" t="s">
        <v>249209</v>
      </c>
      <c r="I74723" s="1" t="s">
        <v>247053</v>
      </c>
      <c r="J74723" s="1" t="s">
        <v>249220</v>
      </c>
    </row>
    <row r="74724" spans="1:10" x14ac:dyDescent="0.35">
      <c r="A74724" s="1" t="s">
        <v>143112</v>
      </c>
      <c r="B74724" s="1" t="s">
        <v>247048</v>
      </c>
      <c r="C74724" s="1" t="s">
        <v>60</v>
      </c>
      <c r="D74724" s="1" t="s">
        <v>146178</v>
      </c>
      <c r="E74724" s="1" t="s">
        <v>28145</v>
      </c>
      <c r="F74724" s="1" t="s">
        <v>249211</v>
      </c>
      <c r="G74724" s="1" t="s">
        <v>249208</v>
      </c>
      <c r="H74724" s="1" t="s">
        <v>249209</v>
      </c>
      <c r="I74724" s="1" t="s">
        <v>247053</v>
      </c>
      <c r="J74724" s="1" t="s">
        <v>249221</v>
      </c>
    </row>
    <row r="74725" spans="1:10" x14ac:dyDescent="0.35">
      <c r="A74725" s="1" t="s">
        <v>143112</v>
      </c>
      <c r="B74725" s="1" t="s">
        <v>247048</v>
      </c>
      <c r="C74725" s="1" t="s">
        <v>65</v>
      </c>
      <c r="D74725" s="1" t="s">
        <v>9403</v>
      </c>
      <c r="E74725" s="1" t="s">
        <v>29097</v>
      </c>
      <c r="F74725" s="1" t="s">
        <v>249211</v>
      </c>
      <c r="G74725" s="1" t="s">
        <v>249208</v>
      </c>
      <c r="H74725" s="1" t="s">
        <v>249209</v>
      </c>
      <c r="I74725" s="1" t="s">
        <v>247053</v>
      </c>
      <c r="J74725" s="1" t="s">
        <v>249222</v>
      </c>
    </row>
    <row r="74726" spans="1:10" x14ac:dyDescent="0.35">
      <c r="A74726" s="1" t="s">
        <v>143112</v>
      </c>
      <c r="B74726" s="1" t="s">
        <v>247048</v>
      </c>
      <c r="C74726" s="1" t="s">
        <v>70</v>
      </c>
      <c r="D74726" s="1" t="s">
        <v>28181</v>
      </c>
      <c r="E74726" s="1" t="s">
        <v>28103</v>
      </c>
      <c r="F74726" s="1" t="s">
        <v>249211</v>
      </c>
      <c r="G74726" s="1" t="s">
        <v>249208</v>
      </c>
      <c r="H74726" s="1" t="s">
        <v>249209</v>
      </c>
      <c r="I74726" s="1" t="s">
        <v>247053</v>
      </c>
      <c r="J74726" s="1" t="s">
        <v>249223</v>
      </c>
    </row>
    <row r="74727" spans="1:10" x14ac:dyDescent="0.35">
      <c r="A74727" s="1" t="s">
        <v>143112</v>
      </c>
      <c r="B74727" s="1" t="s">
        <v>247048</v>
      </c>
      <c r="C74727" s="1" t="s">
        <v>75</v>
      </c>
      <c r="D74727" s="1" t="s">
        <v>29897</v>
      </c>
      <c r="E74727" s="1" t="s">
        <v>29071</v>
      </c>
      <c r="F74727" s="1" t="s">
        <v>249211</v>
      </c>
      <c r="G74727" s="1" t="s">
        <v>249208</v>
      </c>
      <c r="H74727" s="1" t="s">
        <v>249209</v>
      </c>
      <c r="I74727" s="1" t="s">
        <v>247053</v>
      </c>
      <c r="J74727" s="1" t="s">
        <v>249224</v>
      </c>
    </row>
    <row r="74728" spans="1:10" x14ac:dyDescent="0.35">
      <c r="A74728" s="1" t="s">
        <v>143112</v>
      </c>
      <c r="B74728" s="1" t="s">
        <v>247048</v>
      </c>
      <c r="C74728" s="1" t="s">
        <v>80</v>
      </c>
      <c r="D74728" s="1" t="s">
        <v>171444</v>
      </c>
      <c r="E74728" s="1" t="s">
        <v>8889</v>
      </c>
      <c r="F74728" s="1" t="s">
        <v>249211</v>
      </c>
      <c r="G74728" s="1" t="s">
        <v>249208</v>
      </c>
      <c r="H74728" s="1" t="s">
        <v>249209</v>
      </c>
      <c r="I74728" s="1" t="s">
        <v>247053</v>
      </c>
      <c r="J74728" s="1" t="s">
        <v>249225</v>
      </c>
    </row>
    <row r="74729" spans="1:10" x14ac:dyDescent="0.35">
      <c r="A74729" s="1" t="s">
        <v>143112</v>
      </c>
      <c r="B74729" s="1" t="s">
        <v>247048</v>
      </c>
      <c r="C74729" s="1" t="s">
        <v>85</v>
      </c>
      <c r="D74729" s="1" t="s">
        <v>112197</v>
      </c>
      <c r="E74729" s="1" t="s">
        <v>169250</v>
      </c>
      <c r="F74729" s="1" t="s">
        <v>249211</v>
      </c>
      <c r="G74729" s="1" t="s">
        <v>249208</v>
      </c>
      <c r="H74729" s="1" t="s">
        <v>249209</v>
      </c>
      <c r="I74729" s="1" t="s">
        <v>247053</v>
      </c>
      <c r="J74729" s="1" t="s">
        <v>249226</v>
      </c>
    </row>
    <row r="74730" spans="1:10" x14ac:dyDescent="0.35">
      <c r="A74730" s="1" t="s">
        <v>143112</v>
      </c>
      <c r="B74730" s="1" t="s">
        <v>247048</v>
      </c>
      <c r="C74730" s="1" t="s">
        <v>90</v>
      </c>
      <c r="D74730" s="1" t="s">
        <v>8687</v>
      </c>
      <c r="E74730" s="1" t="s">
        <v>249227</v>
      </c>
      <c r="F74730" s="1" t="s">
        <v>249211</v>
      </c>
      <c r="G74730" s="1" t="s">
        <v>249208</v>
      </c>
      <c r="H74730" s="1" t="s">
        <v>249209</v>
      </c>
      <c r="I74730" s="1" t="s">
        <v>247053</v>
      </c>
      <c r="J74730" s="1" t="s">
        <v>249228</v>
      </c>
    </row>
    <row r="74731" spans="1:10" x14ac:dyDescent="0.35">
      <c r="A74731" s="1" t="s">
        <v>143112</v>
      </c>
      <c r="B74731" s="1" t="s">
        <v>247048</v>
      </c>
      <c r="C74731" s="1" t="s">
        <v>95</v>
      </c>
      <c r="D74731" s="1" t="s">
        <v>6504</v>
      </c>
      <c r="E74731" s="1" t="s">
        <v>168832</v>
      </c>
      <c r="F74731" s="1" t="s">
        <v>249211</v>
      </c>
      <c r="G74731" s="1" t="s">
        <v>249208</v>
      </c>
      <c r="H74731" s="1" t="s">
        <v>249209</v>
      </c>
      <c r="I74731" s="1" t="s">
        <v>247053</v>
      </c>
      <c r="J74731" s="1" t="s">
        <v>249229</v>
      </c>
    </row>
    <row r="74732" spans="1:10" x14ac:dyDescent="0.35">
      <c r="A74732" s="1" t="s">
        <v>143112</v>
      </c>
      <c r="B74732" s="1" t="s">
        <v>247048</v>
      </c>
      <c r="C74732" s="1" t="s">
        <v>100</v>
      </c>
      <c r="D74732" s="1" t="s">
        <v>15231</v>
      </c>
      <c r="E74732" s="1" t="s">
        <v>8882</v>
      </c>
      <c r="F74732" s="1" t="s">
        <v>249211</v>
      </c>
      <c r="G74732" s="1" t="s">
        <v>249208</v>
      </c>
      <c r="H74732" s="1" t="s">
        <v>249209</v>
      </c>
      <c r="I74732" s="1" t="s">
        <v>247053</v>
      </c>
      <c r="J74732" s="1" t="s">
        <v>249230</v>
      </c>
    </row>
    <row r="74733" spans="1:10" x14ac:dyDescent="0.35">
      <c r="A74733" s="1" t="s">
        <v>143112</v>
      </c>
      <c r="B74733" s="1" t="s">
        <v>247048</v>
      </c>
      <c r="C74733" s="1" t="s">
        <v>105</v>
      </c>
      <c r="D74733" s="1" t="s">
        <v>249231</v>
      </c>
      <c r="E74733" s="1" t="s">
        <v>249210</v>
      </c>
      <c r="F74733" s="1" t="s">
        <v>249211</v>
      </c>
      <c r="G74733" s="1" t="s">
        <v>249208</v>
      </c>
      <c r="H74733" s="1" t="s">
        <v>249209</v>
      </c>
      <c r="I74733" s="1" t="s">
        <v>247053</v>
      </c>
      <c r="J74733" s="1" t="s">
        <v>249232</v>
      </c>
    </row>
    <row r="74734" spans="1:10" x14ac:dyDescent="0.35">
      <c r="A74734" s="1" t="s">
        <v>143112</v>
      </c>
      <c r="B74734" s="1" t="s">
        <v>247048</v>
      </c>
      <c r="C74734" s="1" t="s">
        <v>110</v>
      </c>
      <c r="D74734" s="1" t="s">
        <v>122207</v>
      </c>
      <c r="E74734" s="1" t="s">
        <v>4234</v>
      </c>
      <c r="F74734" s="1" t="s">
        <v>249211</v>
      </c>
      <c r="G74734" s="1" t="s">
        <v>249208</v>
      </c>
      <c r="H74734" s="1" t="s">
        <v>249209</v>
      </c>
      <c r="I74734" s="1" t="s">
        <v>247053</v>
      </c>
      <c r="J74734" s="1" t="s">
        <v>249233</v>
      </c>
    </row>
    <row r="74735" spans="1:10" x14ac:dyDescent="0.35">
      <c r="A74735" s="1" t="s">
        <v>143112</v>
      </c>
      <c r="B74735" s="1" t="s">
        <v>247048</v>
      </c>
      <c r="C74735" s="1" t="s">
        <v>115</v>
      </c>
      <c r="D74735" s="1" t="s">
        <v>202751</v>
      </c>
      <c r="E74735" s="1" t="s">
        <v>28087</v>
      </c>
      <c r="F74735" s="1" t="s">
        <v>249211</v>
      </c>
      <c r="G74735" s="1" t="s">
        <v>249208</v>
      </c>
      <c r="H74735" s="1" t="s">
        <v>249209</v>
      </c>
      <c r="I74735" s="1" t="s">
        <v>247053</v>
      </c>
      <c r="J74735" s="1" t="s">
        <v>249234</v>
      </c>
    </row>
    <row r="74736" spans="1:10" x14ac:dyDescent="0.35">
      <c r="A74736" s="1" t="s">
        <v>143112</v>
      </c>
      <c r="B74736" s="1" t="s">
        <v>247048</v>
      </c>
      <c r="C74736" s="1" t="s">
        <v>120</v>
      </c>
      <c r="D74736" s="1" t="s">
        <v>202437</v>
      </c>
      <c r="E74736" s="1" t="s">
        <v>249235</v>
      </c>
      <c r="F74736" s="1" t="s">
        <v>249211</v>
      </c>
      <c r="G74736" s="1" t="s">
        <v>249208</v>
      </c>
      <c r="H74736" s="1" t="s">
        <v>249209</v>
      </c>
      <c r="I74736" s="1" t="s">
        <v>247053</v>
      </c>
      <c r="J74736" s="1" t="s">
        <v>249236</v>
      </c>
    </row>
    <row r="74737" spans="1:10" x14ac:dyDescent="0.35">
      <c r="A74737" s="1" t="s">
        <v>143112</v>
      </c>
      <c r="B74737" s="1" t="s">
        <v>247048</v>
      </c>
      <c r="C74737" s="1" t="s">
        <v>125</v>
      </c>
      <c r="D74737" s="1" t="s">
        <v>45849</v>
      </c>
      <c r="E74737" s="1" t="s">
        <v>8832</v>
      </c>
      <c r="F74737" s="1" t="s">
        <v>249211</v>
      </c>
      <c r="G74737" s="1" t="s">
        <v>249208</v>
      </c>
      <c r="H74737" s="1" t="s">
        <v>249209</v>
      </c>
      <c r="I74737" s="1" t="s">
        <v>247053</v>
      </c>
      <c r="J74737" s="1" t="s">
        <v>249237</v>
      </c>
    </row>
    <row r="74738" spans="1:10" x14ac:dyDescent="0.35">
      <c r="A74738" s="1" t="s">
        <v>143112</v>
      </c>
      <c r="B74738" s="1" t="s">
        <v>247048</v>
      </c>
      <c r="C74738" s="1" t="s">
        <v>130</v>
      </c>
      <c r="D74738" s="1" t="s">
        <v>9706</v>
      </c>
      <c r="E74738" s="1" t="s">
        <v>8809</v>
      </c>
      <c r="F74738" s="1" t="s">
        <v>249211</v>
      </c>
      <c r="G74738" s="1" t="s">
        <v>249208</v>
      </c>
      <c r="H74738" s="1" t="s">
        <v>249209</v>
      </c>
      <c r="I74738" s="1" t="s">
        <v>247053</v>
      </c>
      <c r="J74738" s="1" t="s">
        <v>249238</v>
      </c>
    </row>
    <row r="74739" spans="1:10" x14ac:dyDescent="0.35">
      <c r="A74739" s="1" t="s">
        <v>143112</v>
      </c>
      <c r="B74739" s="1" t="s">
        <v>247048</v>
      </c>
      <c r="C74739" s="1" t="s">
        <v>135</v>
      </c>
      <c r="D74739" s="1" t="s">
        <v>249239</v>
      </c>
      <c r="E74739" s="1" t="s">
        <v>249240</v>
      </c>
      <c r="F74739" s="1" t="s">
        <v>249211</v>
      </c>
      <c r="G74739" s="1" t="s">
        <v>249208</v>
      </c>
      <c r="H74739" s="1" t="s">
        <v>249209</v>
      </c>
      <c r="I74739" s="1" t="s">
        <v>247053</v>
      </c>
      <c r="J74739" s="1" t="s">
        <v>249241</v>
      </c>
    </row>
    <row r="74740" spans="1:10" x14ac:dyDescent="0.35">
      <c r="A74740" s="1" t="s">
        <v>143112</v>
      </c>
      <c r="B74740" s="1" t="s">
        <v>247048</v>
      </c>
      <c r="C74740" s="1" t="s">
        <v>140</v>
      </c>
      <c r="D74740" s="1" t="s">
        <v>120370</v>
      </c>
      <c r="E74740" s="1" t="s">
        <v>206149</v>
      </c>
      <c r="F74740" s="1" t="s">
        <v>249211</v>
      </c>
      <c r="G74740" s="1" t="s">
        <v>249208</v>
      </c>
      <c r="H74740" s="1" t="s">
        <v>249209</v>
      </c>
      <c r="I74740" s="1" t="s">
        <v>247053</v>
      </c>
      <c r="J74740" s="1" t="s">
        <v>249242</v>
      </c>
    </row>
    <row r="74741" spans="1:10" x14ac:dyDescent="0.35">
      <c r="A74741" s="1" t="s">
        <v>143112</v>
      </c>
      <c r="B74741" s="1" t="s">
        <v>247048</v>
      </c>
      <c r="C74741" s="1" t="s">
        <v>145</v>
      </c>
      <c r="D74741" s="1" t="s">
        <v>145796</v>
      </c>
      <c r="E74741" s="1" t="s">
        <v>4265</v>
      </c>
      <c r="F74741" s="1" t="s">
        <v>249211</v>
      </c>
      <c r="G74741" s="1" t="s">
        <v>249208</v>
      </c>
      <c r="H74741" s="1" t="s">
        <v>249209</v>
      </c>
      <c r="I74741" s="1" t="s">
        <v>247053</v>
      </c>
      <c r="J74741" s="1" t="s">
        <v>249243</v>
      </c>
    </row>
    <row r="74742" spans="1:10" x14ac:dyDescent="0.35">
      <c r="A74742" s="1" t="s">
        <v>143112</v>
      </c>
      <c r="B74742" s="1" t="s">
        <v>247048</v>
      </c>
      <c r="C74742" s="1" t="s">
        <v>150</v>
      </c>
      <c r="D74742" s="1" t="s">
        <v>117296</v>
      </c>
      <c r="E74742" s="1" t="s">
        <v>118844</v>
      </c>
      <c r="F74742" s="1" t="s">
        <v>249211</v>
      </c>
      <c r="G74742" s="1" t="s">
        <v>249208</v>
      </c>
      <c r="H74742" s="1" t="s">
        <v>249209</v>
      </c>
      <c r="I74742" s="1" t="s">
        <v>247053</v>
      </c>
      <c r="J74742" s="1" t="s">
        <v>249244</v>
      </c>
    </row>
    <row r="74743" spans="1:10" x14ac:dyDescent="0.35">
      <c r="A74743" s="1" t="s">
        <v>143112</v>
      </c>
      <c r="B74743" s="1" t="s">
        <v>247048</v>
      </c>
      <c r="C74743" s="1" t="s">
        <v>155</v>
      </c>
      <c r="D74743" s="1" t="s">
        <v>148953</v>
      </c>
      <c r="E74743" s="1" t="s">
        <v>249245</v>
      </c>
      <c r="F74743" s="1" t="s">
        <v>249211</v>
      </c>
      <c r="G74743" s="1" t="s">
        <v>249208</v>
      </c>
      <c r="H74743" s="1" t="s">
        <v>249209</v>
      </c>
      <c r="I74743" s="1" t="s">
        <v>247053</v>
      </c>
      <c r="J74743" s="1" t="s">
        <v>249246</v>
      </c>
    </row>
    <row r="74744" spans="1:10" x14ac:dyDescent="0.35">
      <c r="A74744" s="1" t="s">
        <v>143112</v>
      </c>
      <c r="B74744" s="1" t="s">
        <v>247048</v>
      </c>
      <c r="C74744" s="1" t="s">
        <v>160</v>
      </c>
      <c r="D74744" s="1" t="s">
        <v>8010</v>
      </c>
      <c r="E74744" s="1" t="s">
        <v>3078</v>
      </c>
      <c r="F74744" s="1" t="s">
        <v>249211</v>
      </c>
      <c r="G74744" s="1" t="s">
        <v>249208</v>
      </c>
      <c r="H74744" s="1" t="s">
        <v>249209</v>
      </c>
      <c r="I74744" s="1" t="s">
        <v>247053</v>
      </c>
      <c r="J74744" s="1" t="s">
        <v>249247</v>
      </c>
    </row>
    <row r="74745" spans="1:10" x14ac:dyDescent="0.35">
      <c r="A74745" s="1" t="s">
        <v>143112</v>
      </c>
      <c r="B74745" s="1" t="s">
        <v>247048</v>
      </c>
      <c r="C74745" s="1" t="s">
        <v>165</v>
      </c>
      <c r="D74745" s="1" t="s">
        <v>186815</v>
      </c>
      <c r="E74745" s="1" t="s">
        <v>4192</v>
      </c>
      <c r="F74745" s="1" t="s">
        <v>249211</v>
      </c>
      <c r="G74745" s="1" t="s">
        <v>249208</v>
      </c>
      <c r="H74745" s="1" t="s">
        <v>249209</v>
      </c>
      <c r="I74745" s="1" t="s">
        <v>247053</v>
      </c>
      <c r="J74745" s="1" t="s">
        <v>249248</v>
      </c>
    </row>
    <row r="74746" spans="1:10" x14ac:dyDescent="0.35">
      <c r="A74746" s="1" t="s">
        <v>143112</v>
      </c>
      <c r="B74746" s="1" t="s">
        <v>247048</v>
      </c>
      <c r="C74746" s="1" t="s">
        <v>170</v>
      </c>
      <c r="D74746" s="1" t="s">
        <v>249249</v>
      </c>
      <c r="E74746" s="1" t="s">
        <v>8832</v>
      </c>
      <c r="F74746" s="1" t="s">
        <v>249211</v>
      </c>
      <c r="G74746" s="1" t="s">
        <v>249208</v>
      </c>
      <c r="H74746" s="1" t="s">
        <v>249209</v>
      </c>
      <c r="I74746" s="1" t="s">
        <v>247053</v>
      </c>
      <c r="J74746" s="1" t="s">
        <v>249250</v>
      </c>
    </row>
    <row r="74747" spans="1:10" x14ac:dyDescent="0.35">
      <c r="A74747" s="1" t="s">
        <v>25506</v>
      </c>
      <c r="B74747" s="1" t="s">
        <v>247048</v>
      </c>
      <c r="C74747" s="1" t="s">
        <v>8</v>
      </c>
      <c r="D74747" s="1" t="s">
        <v>8418</v>
      </c>
      <c r="E74747" s="1" t="s">
        <v>249251</v>
      </c>
      <c r="F74747" s="1" t="s">
        <v>249252</v>
      </c>
      <c r="G74747" s="1" t="s">
        <v>249253</v>
      </c>
      <c r="H74747" s="1" t="s">
        <v>249254</v>
      </c>
      <c r="I74747" s="1" t="s">
        <v>247053</v>
      </c>
      <c r="J74747" s="1" t="s">
        <v>13</v>
      </c>
    </row>
    <row r="74748" spans="1:10" x14ac:dyDescent="0.35">
      <c r="A74748" s="1" t="s">
        <v>25506</v>
      </c>
      <c r="B74748" s="1" t="s">
        <v>247048</v>
      </c>
      <c r="C74748" s="1" t="s">
        <v>15</v>
      </c>
      <c r="D74748" s="1" t="s">
        <v>100286</v>
      </c>
      <c r="E74748" s="1" t="s">
        <v>249255</v>
      </c>
      <c r="F74748" s="1" t="s">
        <v>249256</v>
      </c>
      <c r="G74748" s="1" t="s">
        <v>249253</v>
      </c>
      <c r="H74748" s="1" t="s">
        <v>249254</v>
      </c>
      <c r="I74748" s="1" t="s">
        <v>247053</v>
      </c>
      <c r="J74748" s="1" t="s">
        <v>249257</v>
      </c>
    </row>
    <row r="74749" spans="1:10" x14ac:dyDescent="0.35">
      <c r="A74749" s="1" t="s">
        <v>25506</v>
      </c>
      <c r="B74749" s="1" t="s">
        <v>247048</v>
      </c>
      <c r="C74749" s="1" t="s">
        <v>20</v>
      </c>
      <c r="D74749" s="1" t="s">
        <v>196698</v>
      </c>
      <c r="E74749" s="1" t="s">
        <v>249258</v>
      </c>
      <c r="F74749" s="1" t="s">
        <v>249259</v>
      </c>
      <c r="G74749" s="1" t="s">
        <v>249253</v>
      </c>
      <c r="H74749" s="1" t="s">
        <v>249254</v>
      </c>
      <c r="I74749" s="1" t="s">
        <v>247053</v>
      </c>
      <c r="J74749" s="1" t="s">
        <v>249260</v>
      </c>
    </row>
    <row r="74750" spans="1:10" x14ac:dyDescent="0.35">
      <c r="A74750" s="1" t="s">
        <v>25506</v>
      </c>
      <c r="B74750" s="1" t="s">
        <v>247048</v>
      </c>
      <c r="C74750" s="1" t="s">
        <v>25</v>
      </c>
      <c r="D74750" s="1" t="s">
        <v>8479</v>
      </c>
      <c r="E74750" s="1" t="s">
        <v>249261</v>
      </c>
      <c r="F74750" s="1" t="s">
        <v>249262</v>
      </c>
      <c r="G74750" s="1" t="s">
        <v>249253</v>
      </c>
      <c r="H74750" s="1" t="s">
        <v>249254</v>
      </c>
      <c r="I74750" s="1" t="s">
        <v>247053</v>
      </c>
      <c r="J74750" s="1" t="s">
        <v>249263</v>
      </c>
    </row>
    <row r="74751" spans="1:10" x14ac:dyDescent="0.35">
      <c r="A74751" s="1" t="s">
        <v>25506</v>
      </c>
      <c r="B74751" s="1" t="s">
        <v>247048</v>
      </c>
      <c r="C74751" s="1" t="s">
        <v>30</v>
      </c>
      <c r="D74751" s="1" t="s">
        <v>196528</v>
      </c>
      <c r="E74751" s="1" t="s">
        <v>249264</v>
      </c>
      <c r="F74751" s="1" t="s">
        <v>249265</v>
      </c>
      <c r="G74751" s="1" t="s">
        <v>249253</v>
      </c>
      <c r="H74751" s="1" t="s">
        <v>249254</v>
      </c>
      <c r="I74751" s="1" t="s">
        <v>247053</v>
      </c>
      <c r="J74751" s="1" t="s">
        <v>249266</v>
      </c>
    </row>
    <row r="74752" spans="1:10" x14ac:dyDescent="0.35">
      <c r="A74752" s="1" t="s">
        <v>25506</v>
      </c>
      <c r="B74752" s="1" t="s">
        <v>247048</v>
      </c>
      <c r="C74752" s="1" t="s">
        <v>35</v>
      </c>
      <c r="D74752" s="1" t="s">
        <v>46321</v>
      </c>
      <c r="E74752" s="1" t="s">
        <v>249267</v>
      </c>
      <c r="F74752" s="1" t="s">
        <v>249268</v>
      </c>
      <c r="G74752" s="1" t="s">
        <v>249253</v>
      </c>
      <c r="H74752" s="1" t="s">
        <v>249254</v>
      </c>
      <c r="I74752" s="1" t="s">
        <v>247053</v>
      </c>
      <c r="J74752" s="1" t="s">
        <v>249269</v>
      </c>
    </row>
    <row r="74753" spans="1:10" x14ac:dyDescent="0.35">
      <c r="A74753" s="1" t="s">
        <v>25506</v>
      </c>
      <c r="B74753" s="1" t="s">
        <v>247048</v>
      </c>
      <c r="C74753" s="1" t="s">
        <v>40</v>
      </c>
      <c r="D74753" s="1" t="s">
        <v>6089</v>
      </c>
      <c r="E74753" s="1" t="s">
        <v>249270</v>
      </c>
      <c r="F74753" s="1" t="s">
        <v>249271</v>
      </c>
      <c r="G74753" s="1" t="s">
        <v>249253</v>
      </c>
      <c r="H74753" s="1" t="s">
        <v>249254</v>
      </c>
      <c r="I74753" s="1" t="s">
        <v>247053</v>
      </c>
      <c r="J74753" s="1" t="s">
        <v>249272</v>
      </c>
    </row>
    <row r="74754" spans="1:10" x14ac:dyDescent="0.35">
      <c r="A74754" s="1" t="s">
        <v>25506</v>
      </c>
      <c r="B74754" s="1" t="s">
        <v>247048</v>
      </c>
      <c r="C74754" s="1" t="s">
        <v>45</v>
      </c>
      <c r="D74754" s="1" t="s">
        <v>28041</v>
      </c>
      <c r="E74754" s="1" t="s">
        <v>249273</v>
      </c>
      <c r="F74754" s="1" t="s">
        <v>249274</v>
      </c>
      <c r="G74754" s="1" t="s">
        <v>249253</v>
      </c>
      <c r="H74754" s="1" t="s">
        <v>249254</v>
      </c>
      <c r="I74754" s="1" t="s">
        <v>247053</v>
      </c>
      <c r="J74754" s="1" t="s">
        <v>249275</v>
      </c>
    </row>
    <row r="74755" spans="1:10" x14ac:dyDescent="0.35">
      <c r="A74755" s="1" t="s">
        <v>25506</v>
      </c>
      <c r="B74755" s="1" t="s">
        <v>247048</v>
      </c>
      <c r="C74755" s="1" t="s">
        <v>50</v>
      </c>
      <c r="D74755" s="1" t="s">
        <v>4333</v>
      </c>
      <c r="E74755" s="1" t="s">
        <v>249276</v>
      </c>
      <c r="F74755" s="1" t="s">
        <v>249277</v>
      </c>
      <c r="G74755" s="1" t="s">
        <v>249253</v>
      </c>
      <c r="H74755" s="1" t="s">
        <v>249254</v>
      </c>
      <c r="I74755" s="1" t="s">
        <v>247053</v>
      </c>
      <c r="J74755" s="1" t="s">
        <v>249278</v>
      </c>
    </row>
    <row r="74756" spans="1:10" x14ac:dyDescent="0.35">
      <c r="A74756" s="1" t="s">
        <v>25506</v>
      </c>
      <c r="B74756" s="1" t="s">
        <v>247048</v>
      </c>
      <c r="C74756" s="1" t="s">
        <v>55</v>
      </c>
      <c r="D74756" s="1" t="s">
        <v>5527</v>
      </c>
      <c r="E74756" s="1" t="s">
        <v>5552</v>
      </c>
      <c r="F74756" s="1" t="s">
        <v>249279</v>
      </c>
      <c r="G74756" s="1" t="s">
        <v>249253</v>
      </c>
      <c r="H74756" s="1" t="s">
        <v>249254</v>
      </c>
      <c r="I74756" s="1" t="s">
        <v>247053</v>
      </c>
      <c r="J74756" s="1" t="s">
        <v>143172</v>
      </c>
    </row>
    <row r="74757" spans="1:10" x14ac:dyDescent="0.35">
      <c r="A74757" s="1" t="s">
        <v>25506</v>
      </c>
      <c r="B74757" s="1" t="s">
        <v>247048</v>
      </c>
      <c r="C74757" s="1" t="s">
        <v>60</v>
      </c>
      <c r="D74757" s="1" t="s">
        <v>1548</v>
      </c>
      <c r="E74757" s="1" t="s">
        <v>249280</v>
      </c>
      <c r="F74757" s="1" t="s">
        <v>249281</v>
      </c>
      <c r="G74757" s="1" t="s">
        <v>249253</v>
      </c>
      <c r="H74757" s="1" t="s">
        <v>249254</v>
      </c>
      <c r="I74757" s="1" t="s">
        <v>247053</v>
      </c>
      <c r="J74757" s="1" t="s">
        <v>249282</v>
      </c>
    </row>
    <row r="74758" spans="1:10" x14ac:dyDescent="0.35">
      <c r="A74758" s="1" t="s">
        <v>25506</v>
      </c>
      <c r="B74758" s="1" t="s">
        <v>247048</v>
      </c>
      <c r="C74758" s="1" t="s">
        <v>65</v>
      </c>
      <c r="D74758" s="1" t="s">
        <v>29301</v>
      </c>
      <c r="E74758" s="1" t="s">
        <v>249283</v>
      </c>
      <c r="F74758" s="1" t="s">
        <v>249284</v>
      </c>
      <c r="G74758" s="1" t="s">
        <v>249253</v>
      </c>
      <c r="H74758" s="1" t="s">
        <v>249254</v>
      </c>
      <c r="I74758" s="1" t="s">
        <v>247053</v>
      </c>
      <c r="J74758" s="1" t="s">
        <v>249285</v>
      </c>
    </row>
    <row r="74759" spans="1:10" x14ac:dyDescent="0.35">
      <c r="A74759" s="1" t="s">
        <v>25506</v>
      </c>
      <c r="B74759" s="1" t="s">
        <v>247048</v>
      </c>
      <c r="C74759" s="1" t="s">
        <v>70</v>
      </c>
      <c r="D74759" s="1" t="s">
        <v>1383</v>
      </c>
      <c r="E74759" s="1" t="s">
        <v>249286</v>
      </c>
      <c r="F74759" s="1" t="s">
        <v>249287</v>
      </c>
      <c r="G74759" s="1" t="s">
        <v>249253</v>
      </c>
      <c r="H74759" s="1" t="s">
        <v>249254</v>
      </c>
      <c r="I74759" s="1" t="s">
        <v>247053</v>
      </c>
      <c r="J74759" s="1" t="s">
        <v>249288</v>
      </c>
    </row>
    <row r="74760" spans="1:10" x14ac:dyDescent="0.35">
      <c r="A74760" s="1" t="s">
        <v>25506</v>
      </c>
      <c r="B74760" s="1" t="s">
        <v>247048</v>
      </c>
      <c r="C74760" s="1" t="s">
        <v>75</v>
      </c>
      <c r="D74760" s="1" t="s">
        <v>27334</v>
      </c>
      <c r="E74760" s="1" t="s">
        <v>249289</v>
      </c>
      <c r="F74760" s="1" t="s">
        <v>249290</v>
      </c>
      <c r="G74760" s="1" t="s">
        <v>249253</v>
      </c>
      <c r="H74760" s="1" t="s">
        <v>249254</v>
      </c>
      <c r="I74760" s="1" t="s">
        <v>247053</v>
      </c>
      <c r="J74760" s="1" t="s">
        <v>249291</v>
      </c>
    </row>
    <row r="74761" spans="1:10" x14ac:dyDescent="0.35">
      <c r="A74761" s="1" t="s">
        <v>25506</v>
      </c>
      <c r="B74761" s="1" t="s">
        <v>247048</v>
      </c>
      <c r="C74761" s="1" t="s">
        <v>80</v>
      </c>
      <c r="D74761" s="1" t="s">
        <v>25801</v>
      </c>
      <c r="E74761" s="1" t="s">
        <v>249292</v>
      </c>
      <c r="F74761" s="1" t="s">
        <v>249293</v>
      </c>
      <c r="G74761" s="1" t="s">
        <v>249253</v>
      </c>
      <c r="H74761" s="1" t="s">
        <v>249254</v>
      </c>
      <c r="I74761" s="1" t="s">
        <v>247053</v>
      </c>
      <c r="J74761" s="1" t="s">
        <v>249294</v>
      </c>
    </row>
    <row r="74762" spans="1:10" x14ac:dyDescent="0.35">
      <c r="A74762" s="1" t="s">
        <v>25506</v>
      </c>
      <c r="B74762" s="1" t="s">
        <v>247048</v>
      </c>
      <c r="C74762" s="1" t="s">
        <v>85</v>
      </c>
      <c r="D74762" s="1" t="s">
        <v>10278</v>
      </c>
      <c r="E74762" s="1" t="s">
        <v>249295</v>
      </c>
      <c r="F74762" s="1" t="s">
        <v>249296</v>
      </c>
      <c r="G74762" s="1" t="s">
        <v>249253</v>
      </c>
      <c r="H74762" s="1" t="s">
        <v>249254</v>
      </c>
      <c r="I74762" s="1" t="s">
        <v>247053</v>
      </c>
      <c r="J74762" s="1" t="s">
        <v>249297</v>
      </c>
    </row>
    <row r="74763" spans="1:10" x14ac:dyDescent="0.35">
      <c r="A74763" s="1" t="s">
        <v>25506</v>
      </c>
      <c r="B74763" s="1" t="s">
        <v>247048</v>
      </c>
      <c r="C74763" s="1" t="s">
        <v>90</v>
      </c>
      <c r="D74763" s="1" t="s">
        <v>142377</v>
      </c>
      <c r="E74763" s="1" t="s">
        <v>249298</v>
      </c>
      <c r="F74763" s="1" t="s">
        <v>249299</v>
      </c>
      <c r="G74763" s="1" t="s">
        <v>249253</v>
      </c>
      <c r="H74763" s="1" t="s">
        <v>249254</v>
      </c>
      <c r="I74763" s="1" t="s">
        <v>247053</v>
      </c>
      <c r="J74763" s="1" t="s">
        <v>249300</v>
      </c>
    </row>
    <row r="74764" spans="1:10" x14ac:dyDescent="0.35">
      <c r="A74764" s="1" t="s">
        <v>25506</v>
      </c>
      <c r="B74764" s="1" t="s">
        <v>247048</v>
      </c>
      <c r="C74764" s="1" t="s">
        <v>95</v>
      </c>
      <c r="D74764" s="1" t="s">
        <v>6500</v>
      </c>
      <c r="E74764" s="1" t="s">
        <v>249301</v>
      </c>
      <c r="F74764" s="1" t="s">
        <v>249302</v>
      </c>
      <c r="G74764" s="1" t="s">
        <v>249253</v>
      </c>
      <c r="H74764" s="1" t="s">
        <v>249254</v>
      </c>
      <c r="I74764" s="1" t="s">
        <v>247053</v>
      </c>
      <c r="J74764" s="1" t="s">
        <v>249303</v>
      </c>
    </row>
    <row r="74765" spans="1:10" x14ac:dyDescent="0.35">
      <c r="A74765" s="1" t="s">
        <v>25506</v>
      </c>
      <c r="B74765" s="1" t="s">
        <v>247048</v>
      </c>
      <c r="C74765" s="1" t="s">
        <v>100</v>
      </c>
      <c r="D74765" s="1" t="s">
        <v>50144</v>
      </c>
      <c r="E74765" s="1" t="s">
        <v>249304</v>
      </c>
      <c r="F74765" s="1" t="s">
        <v>249305</v>
      </c>
      <c r="G74765" s="1" t="s">
        <v>249253</v>
      </c>
      <c r="H74765" s="1" t="s">
        <v>249254</v>
      </c>
      <c r="I74765" s="1" t="s">
        <v>247053</v>
      </c>
      <c r="J74765" s="1" t="s">
        <v>249306</v>
      </c>
    </row>
    <row r="74766" spans="1:10" x14ac:dyDescent="0.35">
      <c r="A74766" s="1" t="s">
        <v>25506</v>
      </c>
      <c r="B74766" s="1" t="s">
        <v>247048</v>
      </c>
      <c r="C74766" s="1" t="s">
        <v>105</v>
      </c>
      <c r="D74766" s="1" t="s">
        <v>204131</v>
      </c>
      <c r="E74766" s="1" t="s">
        <v>249307</v>
      </c>
      <c r="F74766" s="1" t="s">
        <v>249308</v>
      </c>
      <c r="G74766" s="1" t="s">
        <v>249253</v>
      </c>
      <c r="H74766" s="1" t="s">
        <v>249254</v>
      </c>
      <c r="I74766" s="1" t="s">
        <v>247053</v>
      </c>
      <c r="J74766" s="1" t="s">
        <v>249309</v>
      </c>
    </row>
    <row r="74767" spans="1:10" x14ac:dyDescent="0.35">
      <c r="A74767" s="1" t="s">
        <v>25506</v>
      </c>
      <c r="B74767" s="1" t="s">
        <v>247048</v>
      </c>
      <c r="C74767" s="1" t="s">
        <v>110</v>
      </c>
      <c r="D74767" s="1" t="s">
        <v>151607</v>
      </c>
      <c r="E74767" s="1" t="s">
        <v>249310</v>
      </c>
      <c r="F74767" s="1" t="s">
        <v>249311</v>
      </c>
      <c r="G74767" s="1" t="s">
        <v>249253</v>
      </c>
      <c r="H74767" s="1" t="s">
        <v>249254</v>
      </c>
      <c r="I74767" s="1" t="s">
        <v>247053</v>
      </c>
      <c r="J74767" s="1" t="s">
        <v>249312</v>
      </c>
    </row>
    <row r="74768" spans="1:10" x14ac:dyDescent="0.35">
      <c r="A74768" s="1" t="s">
        <v>25506</v>
      </c>
      <c r="B74768" s="1" t="s">
        <v>247048</v>
      </c>
      <c r="C74768" s="1" t="s">
        <v>115</v>
      </c>
      <c r="D74768" s="1" t="s">
        <v>144746</v>
      </c>
      <c r="E74768" s="1" t="s">
        <v>249313</v>
      </c>
      <c r="F74768" s="1" t="s">
        <v>249314</v>
      </c>
      <c r="G74768" s="1" t="s">
        <v>249253</v>
      </c>
      <c r="H74768" s="1" t="s">
        <v>249254</v>
      </c>
      <c r="I74768" s="1" t="s">
        <v>247053</v>
      </c>
      <c r="J74768" s="1" t="s">
        <v>249315</v>
      </c>
    </row>
    <row r="74769" spans="1:10" x14ac:dyDescent="0.35">
      <c r="A74769" s="1" t="s">
        <v>25506</v>
      </c>
      <c r="B74769" s="1" t="s">
        <v>247048</v>
      </c>
      <c r="C74769" s="1" t="s">
        <v>120</v>
      </c>
      <c r="D74769" s="1" t="s">
        <v>27889</v>
      </c>
      <c r="E74769" s="1" t="s">
        <v>249316</v>
      </c>
      <c r="F74769" s="1" t="s">
        <v>249317</v>
      </c>
      <c r="G74769" s="1" t="s">
        <v>249253</v>
      </c>
      <c r="H74769" s="1" t="s">
        <v>249254</v>
      </c>
      <c r="I74769" s="1" t="s">
        <v>247053</v>
      </c>
      <c r="J74769" s="1" t="s">
        <v>249318</v>
      </c>
    </row>
    <row r="74770" spans="1:10" x14ac:dyDescent="0.35">
      <c r="A74770" s="1" t="s">
        <v>25506</v>
      </c>
      <c r="B74770" s="1" t="s">
        <v>247048</v>
      </c>
      <c r="C74770" s="1" t="s">
        <v>125</v>
      </c>
      <c r="D74770" s="1" t="s">
        <v>36682</v>
      </c>
      <c r="E74770" s="1" t="s">
        <v>249319</v>
      </c>
      <c r="F74770" s="1" t="s">
        <v>249320</v>
      </c>
      <c r="G74770" s="1" t="s">
        <v>249253</v>
      </c>
      <c r="H74770" s="1" t="s">
        <v>249254</v>
      </c>
      <c r="I74770" s="1" t="s">
        <v>247053</v>
      </c>
      <c r="J74770" s="1" t="s">
        <v>249321</v>
      </c>
    </row>
    <row r="74771" spans="1:10" x14ac:dyDescent="0.35">
      <c r="A74771" s="1" t="s">
        <v>25506</v>
      </c>
      <c r="B74771" s="1" t="s">
        <v>247048</v>
      </c>
      <c r="C74771" s="1" t="s">
        <v>130</v>
      </c>
      <c r="D74771" s="1" t="s">
        <v>157543</v>
      </c>
      <c r="E74771" s="1" t="s">
        <v>249322</v>
      </c>
      <c r="F74771" s="1" t="s">
        <v>249323</v>
      </c>
      <c r="G74771" s="1" t="s">
        <v>249253</v>
      </c>
      <c r="H74771" s="1" t="s">
        <v>249254</v>
      </c>
      <c r="I74771" s="1" t="s">
        <v>247053</v>
      </c>
      <c r="J74771" s="1" t="s">
        <v>249324</v>
      </c>
    </row>
    <row r="74772" spans="1:10" x14ac:dyDescent="0.35">
      <c r="A74772" s="1" t="s">
        <v>25506</v>
      </c>
      <c r="B74772" s="1" t="s">
        <v>247048</v>
      </c>
      <c r="C74772" s="1" t="s">
        <v>135</v>
      </c>
      <c r="D74772" s="1" t="s">
        <v>45270</v>
      </c>
      <c r="E74772" s="1" t="s">
        <v>249325</v>
      </c>
      <c r="F74772" s="1" t="s">
        <v>249326</v>
      </c>
      <c r="G74772" s="1" t="s">
        <v>249253</v>
      </c>
      <c r="H74772" s="1" t="s">
        <v>249254</v>
      </c>
      <c r="I74772" s="1" t="s">
        <v>247053</v>
      </c>
      <c r="J74772" s="1" t="s">
        <v>249327</v>
      </c>
    </row>
    <row r="74773" spans="1:10" x14ac:dyDescent="0.35">
      <c r="A74773" s="1" t="s">
        <v>25506</v>
      </c>
      <c r="B74773" s="1" t="s">
        <v>247048</v>
      </c>
      <c r="C74773" s="1" t="s">
        <v>140</v>
      </c>
      <c r="D74773" s="1" t="s">
        <v>74186</v>
      </c>
      <c r="E74773" s="1" t="s">
        <v>249328</v>
      </c>
      <c r="F74773" s="1" t="s">
        <v>249329</v>
      </c>
      <c r="G74773" s="1" t="s">
        <v>249253</v>
      </c>
      <c r="H74773" s="1" t="s">
        <v>249254</v>
      </c>
      <c r="I74773" s="1" t="s">
        <v>247053</v>
      </c>
      <c r="J74773" s="1" t="s">
        <v>249330</v>
      </c>
    </row>
    <row r="74774" spans="1:10" x14ac:dyDescent="0.35">
      <c r="A74774" s="1" t="s">
        <v>25506</v>
      </c>
      <c r="B74774" s="1" t="s">
        <v>247048</v>
      </c>
      <c r="C74774" s="1" t="s">
        <v>145</v>
      </c>
      <c r="D74774" s="1" t="s">
        <v>6665</v>
      </c>
      <c r="E74774" s="1" t="s">
        <v>249331</v>
      </c>
      <c r="F74774" s="1" t="s">
        <v>249332</v>
      </c>
      <c r="G74774" s="1" t="s">
        <v>249253</v>
      </c>
      <c r="H74774" s="1" t="s">
        <v>249254</v>
      </c>
      <c r="I74774" s="1" t="s">
        <v>247053</v>
      </c>
      <c r="J74774" s="1" t="s">
        <v>249333</v>
      </c>
    </row>
    <row r="74775" spans="1:10" x14ac:dyDescent="0.35">
      <c r="A74775" s="1" t="s">
        <v>25506</v>
      </c>
      <c r="B74775" s="1" t="s">
        <v>247048</v>
      </c>
      <c r="C74775" s="1" t="s">
        <v>150</v>
      </c>
      <c r="D74775" s="1" t="s">
        <v>44910</v>
      </c>
      <c r="E74775" s="1" t="s">
        <v>249334</v>
      </c>
      <c r="F74775" s="1" t="s">
        <v>249335</v>
      </c>
      <c r="G74775" s="1" t="s">
        <v>249253</v>
      </c>
      <c r="H74775" s="1" t="s">
        <v>249254</v>
      </c>
      <c r="I74775" s="1" t="s">
        <v>247053</v>
      </c>
      <c r="J74775" s="1" t="s">
        <v>249336</v>
      </c>
    </row>
    <row r="74776" spans="1:10" x14ac:dyDescent="0.35">
      <c r="A74776" s="1" t="s">
        <v>25506</v>
      </c>
      <c r="B74776" s="1" t="s">
        <v>247048</v>
      </c>
      <c r="C74776" s="1" t="s">
        <v>155</v>
      </c>
      <c r="D74776" s="1" t="s">
        <v>145002</v>
      </c>
      <c r="E74776" s="1" t="s">
        <v>249337</v>
      </c>
      <c r="F74776" s="1" t="s">
        <v>249338</v>
      </c>
      <c r="G74776" s="1" t="s">
        <v>249253</v>
      </c>
      <c r="H74776" s="1" t="s">
        <v>249254</v>
      </c>
      <c r="I74776" s="1" t="s">
        <v>247053</v>
      </c>
      <c r="J74776" s="1" t="s">
        <v>249339</v>
      </c>
    </row>
    <row r="74777" spans="1:10" x14ac:dyDescent="0.35">
      <c r="A74777" s="1" t="s">
        <v>25506</v>
      </c>
      <c r="B74777" s="1" t="s">
        <v>247048</v>
      </c>
      <c r="C74777" s="1" t="s">
        <v>160</v>
      </c>
      <c r="D74777" s="1" t="s">
        <v>124600</v>
      </c>
      <c r="E74777" s="1" t="s">
        <v>249340</v>
      </c>
      <c r="F74777" s="1" t="s">
        <v>249341</v>
      </c>
      <c r="G74777" s="1" t="s">
        <v>249253</v>
      </c>
      <c r="H74777" s="1" t="s">
        <v>249254</v>
      </c>
      <c r="I74777" s="1" t="s">
        <v>247053</v>
      </c>
      <c r="J74777" s="1" t="s">
        <v>249342</v>
      </c>
    </row>
    <row r="74778" spans="1:10" x14ac:dyDescent="0.35">
      <c r="A74778" s="1" t="s">
        <v>25506</v>
      </c>
      <c r="B74778" s="1" t="s">
        <v>247048</v>
      </c>
      <c r="C74778" s="1" t="s">
        <v>165</v>
      </c>
      <c r="D74778" s="1" t="s">
        <v>182360</v>
      </c>
      <c r="E74778" s="1" t="s">
        <v>249343</v>
      </c>
      <c r="F74778" s="1" t="s">
        <v>249344</v>
      </c>
      <c r="G74778" s="1" t="s">
        <v>249253</v>
      </c>
      <c r="H74778" s="1" t="s">
        <v>249254</v>
      </c>
      <c r="I74778" s="1" t="s">
        <v>247053</v>
      </c>
      <c r="J74778" s="1" t="s">
        <v>249345</v>
      </c>
    </row>
    <row r="74779" spans="1:10" x14ac:dyDescent="0.35">
      <c r="A74779" s="1" t="s">
        <v>25506</v>
      </c>
      <c r="B74779" s="1" t="s">
        <v>247048</v>
      </c>
      <c r="C74779" s="1" t="s">
        <v>170</v>
      </c>
      <c r="D74779" s="1" t="s">
        <v>249346</v>
      </c>
      <c r="E74779" s="1" t="s">
        <v>249347</v>
      </c>
      <c r="F74779" s="1" t="s">
        <v>249348</v>
      </c>
      <c r="G74779" s="1" t="s">
        <v>249253</v>
      </c>
      <c r="H74779" s="1" t="s">
        <v>249254</v>
      </c>
      <c r="I74779" s="1" t="s">
        <v>247053</v>
      </c>
      <c r="J74779" s="1" t="s">
        <v>249349</v>
      </c>
    </row>
    <row r="74780" spans="1:10" x14ac:dyDescent="0.35">
      <c r="A74780" s="1" t="s">
        <v>4062</v>
      </c>
      <c r="B74780" s="1" t="s">
        <v>247048</v>
      </c>
      <c r="C74780" s="1" t="s">
        <v>8</v>
      </c>
      <c r="D74780" s="1" t="s">
        <v>91361</v>
      </c>
      <c r="E74780" s="1" t="s">
        <v>249350</v>
      </c>
      <c r="F74780" s="1" t="s">
        <v>249351</v>
      </c>
      <c r="G74780" s="1" t="s">
        <v>249352</v>
      </c>
      <c r="H74780" s="1" t="s">
        <v>249353</v>
      </c>
      <c r="I74780" s="1" t="s">
        <v>247053</v>
      </c>
      <c r="J74780" s="1" t="s">
        <v>13</v>
      </c>
    </row>
    <row r="74781" spans="1:10" x14ac:dyDescent="0.35">
      <c r="A74781" s="1" t="s">
        <v>4062</v>
      </c>
      <c r="B74781" s="1" t="s">
        <v>247048</v>
      </c>
      <c r="C74781" s="1" t="s">
        <v>15</v>
      </c>
      <c r="D74781" s="1" t="s">
        <v>247889</v>
      </c>
      <c r="E74781" s="1" t="s">
        <v>249354</v>
      </c>
      <c r="F74781" s="1" t="s">
        <v>249355</v>
      </c>
      <c r="G74781" s="1" t="s">
        <v>249352</v>
      </c>
      <c r="H74781" s="1" t="s">
        <v>249353</v>
      </c>
      <c r="I74781" s="1" t="s">
        <v>247053</v>
      </c>
      <c r="J74781" s="1" t="s">
        <v>249356</v>
      </c>
    </row>
    <row r="74782" spans="1:10" x14ac:dyDescent="0.35">
      <c r="A74782" s="1" t="s">
        <v>4062</v>
      </c>
      <c r="B74782" s="1" t="s">
        <v>247048</v>
      </c>
      <c r="C74782" s="1" t="s">
        <v>20</v>
      </c>
      <c r="D74782" s="1" t="s">
        <v>1761</v>
      </c>
      <c r="E74782" s="1" t="s">
        <v>249357</v>
      </c>
      <c r="F74782" s="1" t="s">
        <v>249358</v>
      </c>
      <c r="G74782" s="1" t="s">
        <v>249352</v>
      </c>
      <c r="H74782" s="1" t="s">
        <v>249353</v>
      </c>
      <c r="I74782" s="1" t="s">
        <v>247053</v>
      </c>
      <c r="J74782" s="1" t="s">
        <v>249359</v>
      </c>
    </row>
    <row r="74783" spans="1:10" x14ac:dyDescent="0.35">
      <c r="A74783" s="1" t="s">
        <v>4062</v>
      </c>
      <c r="B74783" s="1" t="s">
        <v>247048</v>
      </c>
      <c r="C74783" s="1" t="s">
        <v>25</v>
      </c>
      <c r="D74783" s="1" t="s">
        <v>7354</v>
      </c>
      <c r="E74783" s="1" t="s">
        <v>249360</v>
      </c>
      <c r="F74783" s="1" t="s">
        <v>249361</v>
      </c>
      <c r="G74783" s="1" t="s">
        <v>249352</v>
      </c>
      <c r="H74783" s="1" t="s">
        <v>249353</v>
      </c>
      <c r="I74783" s="1" t="s">
        <v>247053</v>
      </c>
      <c r="J74783" s="1" t="s">
        <v>249362</v>
      </c>
    </row>
    <row r="74784" spans="1:10" x14ac:dyDescent="0.35">
      <c r="A74784" s="1" t="s">
        <v>4062</v>
      </c>
      <c r="B74784" s="1" t="s">
        <v>247048</v>
      </c>
      <c r="C74784" s="1" t="s">
        <v>30</v>
      </c>
      <c r="D74784" s="1" t="s">
        <v>29496</v>
      </c>
      <c r="E74784" s="1" t="s">
        <v>249363</v>
      </c>
      <c r="F74784" s="1" t="s">
        <v>249364</v>
      </c>
      <c r="G74784" s="1" t="s">
        <v>249352</v>
      </c>
      <c r="H74784" s="1" t="s">
        <v>249353</v>
      </c>
      <c r="I74784" s="1" t="s">
        <v>247053</v>
      </c>
      <c r="J74784" s="1" t="s">
        <v>249365</v>
      </c>
    </row>
    <row r="74785" spans="1:10" x14ac:dyDescent="0.35">
      <c r="A74785" s="1" t="s">
        <v>4062</v>
      </c>
      <c r="B74785" s="1" t="s">
        <v>247048</v>
      </c>
      <c r="C74785" s="1" t="s">
        <v>35</v>
      </c>
      <c r="D74785" s="1" t="s">
        <v>47291</v>
      </c>
      <c r="E74785" s="1" t="s">
        <v>249366</v>
      </c>
      <c r="F74785" s="1" t="s">
        <v>249367</v>
      </c>
      <c r="G74785" s="1" t="s">
        <v>249352</v>
      </c>
      <c r="H74785" s="1" t="s">
        <v>249353</v>
      </c>
      <c r="I74785" s="1" t="s">
        <v>247053</v>
      </c>
      <c r="J74785" s="1" t="s">
        <v>249368</v>
      </c>
    </row>
    <row r="74786" spans="1:10" x14ac:dyDescent="0.35">
      <c r="A74786" s="1" t="s">
        <v>4062</v>
      </c>
      <c r="B74786" s="1" t="s">
        <v>247048</v>
      </c>
      <c r="C74786" s="1" t="s">
        <v>40</v>
      </c>
      <c r="D74786" s="1" t="s">
        <v>8510</v>
      </c>
      <c r="E74786" s="1" t="s">
        <v>249369</v>
      </c>
      <c r="F74786" s="1" t="s">
        <v>249370</v>
      </c>
      <c r="G74786" s="1" t="s">
        <v>249352</v>
      </c>
      <c r="H74786" s="1" t="s">
        <v>249353</v>
      </c>
      <c r="I74786" s="1" t="s">
        <v>247053</v>
      </c>
      <c r="J74786" s="1" t="s">
        <v>249371</v>
      </c>
    </row>
    <row r="74787" spans="1:10" x14ac:dyDescent="0.35">
      <c r="A74787" s="1" t="s">
        <v>4062</v>
      </c>
      <c r="B74787" s="1" t="s">
        <v>247048</v>
      </c>
      <c r="C74787" s="1" t="s">
        <v>45</v>
      </c>
      <c r="D74787" s="1" t="s">
        <v>4480</v>
      </c>
      <c r="E74787" s="1" t="s">
        <v>249372</v>
      </c>
      <c r="F74787" s="1" t="s">
        <v>249373</v>
      </c>
      <c r="G74787" s="1" t="s">
        <v>249352</v>
      </c>
      <c r="H74787" s="1" t="s">
        <v>249353</v>
      </c>
      <c r="I74787" s="1" t="s">
        <v>247053</v>
      </c>
      <c r="J74787" s="1" t="s">
        <v>249374</v>
      </c>
    </row>
    <row r="74788" spans="1:10" x14ac:dyDescent="0.35">
      <c r="A74788" s="1" t="s">
        <v>4062</v>
      </c>
      <c r="B74788" s="1" t="s">
        <v>247048</v>
      </c>
      <c r="C74788" s="1" t="s">
        <v>50</v>
      </c>
      <c r="D74788" s="1" t="s">
        <v>13155</v>
      </c>
      <c r="E74788" s="1" t="s">
        <v>249375</v>
      </c>
      <c r="F74788" s="1" t="s">
        <v>249376</v>
      </c>
      <c r="G74788" s="1" t="s">
        <v>249352</v>
      </c>
      <c r="H74788" s="1" t="s">
        <v>249353</v>
      </c>
      <c r="I74788" s="1" t="s">
        <v>247053</v>
      </c>
      <c r="J74788" s="1" t="s">
        <v>249377</v>
      </c>
    </row>
    <row r="74789" spans="1:10" x14ac:dyDescent="0.35">
      <c r="A74789" s="1" t="s">
        <v>4062</v>
      </c>
      <c r="B74789" s="1" t="s">
        <v>247048</v>
      </c>
      <c r="C74789" s="1" t="s">
        <v>55</v>
      </c>
      <c r="D74789" s="1" t="s">
        <v>28045</v>
      </c>
      <c r="E74789" s="1" t="s">
        <v>249378</v>
      </c>
      <c r="F74789" s="1" t="s">
        <v>249379</v>
      </c>
      <c r="G74789" s="1" t="s">
        <v>249352</v>
      </c>
      <c r="H74789" s="1" t="s">
        <v>249353</v>
      </c>
      <c r="I74789" s="1" t="s">
        <v>247053</v>
      </c>
      <c r="J74789" s="1" t="s">
        <v>249380</v>
      </c>
    </row>
    <row r="74790" spans="1:10" x14ac:dyDescent="0.35">
      <c r="A74790" s="1" t="s">
        <v>4062</v>
      </c>
      <c r="B74790" s="1" t="s">
        <v>247048</v>
      </c>
      <c r="C74790" s="1" t="s">
        <v>60</v>
      </c>
      <c r="D74790" s="1" t="s">
        <v>28158</v>
      </c>
      <c r="E74790" s="1" t="s">
        <v>249381</v>
      </c>
      <c r="F74790" s="1" t="s">
        <v>249382</v>
      </c>
      <c r="G74790" s="1" t="s">
        <v>249352</v>
      </c>
      <c r="H74790" s="1" t="s">
        <v>249353</v>
      </c>
      <c r="I74790" s="1" t="s">
        <v>247053</v>
      </c>
      <c r="J74790" s="1" t="s">
        <v>249383</v>
      </c>
    </row>
    <row r="74791" spans="1:10" x14ac:dyDescent="0.35">
      <c r="A74791" s="1" t="s">
        <v>4062</v>
      </c>
      <c r="B74791" s="1" t="s">
        <v>247048</v>
      </c>
      <c r="C74791" s="1" t="s">
        <v>65</v>
      </c>
      <c r="D74791" s="1" t="s">
        <v>29875</v>
      </c>
      <c r="E74791" s="1" t="s">
        <v>249384</v>
      </c>
      <c r="F74791" s="1" t="s">
        <v>249385</v>
      </c>
      <c r="G74791" s="1" t="s">
        <v>249352</v>
      </c>
      <c r="H74791" s="1" t="s">
        <v>249353</v>
      </c>
      <c r="I74791" s="1" t="s">
        <v>247053</v>
      </c>
      <c r="J74791" s="1" t="s">
        <v>249386</v>
      </c>
    </row>
    <row r="74792" spans="1:10" x14ac:dyDescent="0.35">
      <c r="A74792" s="1" t="s">
        <v>4062</v>
      </c>
      <c r="B74792" s="1" t="s">
        <v>247048</v>
      </c>
      <c r="C74792" s="1" t="s">
        <v>70</v>
      </c>
      <c r="D74792" s="1" t="s">
        <v>35</v>
      </c>
      <c r="E74792" s="1" t="s">
        <v>249387</v>
      </c>
      <c r="F74792" s="1" t="s">
        <v>249388</v>
      </c>
      <c r="G74792" s="1" t="s">
        <v>249352</v>
      </c>
      <c r="H74792" s="1" t="s">
        <v>249353</v>
      </c>
      <c r="I74792" s="1" t="s">
        <v>247053</v>
      </c>
      <c r="J74792" s="1" t="s">
        <v>249389</v>
      </c>
    </row>
    <row r="74793" spans="1:10" x14ac:dyDescent="0.35">
      <c r="A74793" s="1" t="s">
        <v>4062</v>
      </c>
      <c r="B74793" s="1" t="s">
        <v>247048</v>
      </c>
      <c r="C74793" s="1" t="s">
        <v>75</v>
      </c>
      <c r="D74793" s="1" t="s">
        <v>3883</v>
      </c>
      <c r="E74793" s="1" t="s">
        <v>249390</v>
      </c>
      <c r="F74793" s="1" t="s">
        <v>249391</v>
      </c>
      <c r="G74793" s="1" t="s">
        <v>249352</v>
      </c>
      <c r="H74793" s="1" t="s">
        <v>249353</v>
      </c>
      <c r="I74793" s="1" t="s">
        <v>247053</v>
      </c>
      <c r="J74793" s="1" t="s">
        <v>249392</v>
      </c>
    </row>
    <row r="74794" spans="1:10" x14ac:dyDescent="0.35">
      <c r="A74794" s="1" t="s">
        <v>4062</v>
      </c>
      <c r="B74794" s="1" t="s">
        <v>247048</v>
      </c>
      <c r="C74794" s="1" t="s">
        <v>80</v>
      </c>
      <c r="D74794" s="1" t="s">
        <v>143609</v>
      </c>
      <c r="E74794" s="1" t="s">
        <v>249393</v>
      </c>
      <c r="F74794" s="1" t="s">
        <v>249394</v>
      </c>
      <c r="G74794" s="1" t="s">
        <v>249352</v>
      </c>
      <c r="H74794" s="1" t="s">
        <v>249353</v>
      </c>
      <c r="I74794" s="1" t="s">
        <v>247053</v>
      </c>
      <c r="J74794" s="1" t="s">
        <v>249395</v>
      </c>
    </row>
    <row r="74795" spans="1:10" x14ac:dyDescent="0.35">
      <c r="A74795" s="1" t="s">
        <v>4062</v>
      </c>
      <c r="B74795" s="1" t="s">
        <v>247048</v>
      </c>
      <c r="C74795" s="1" t="s">
        <v>85</v>
      </c>
      <c r="D74795" s="1" t="s">
        <v>110550</v>
      </c>
      <c r="E74795" s="1" t="s">
        <v>249396</v>
      </c>
      <c r="F74795" s="1" t="s">
        <v>249397</v>
      </c>
      <c r="G74795" s="1" t="s">
        <v>249352</v>
      </c>
      <c r="H74795" s="1" t="s">
        <v>249353</v>
      </c>
      <c r="I74795" s="1" t="s">
        <v>247053</v>
      </c>
      <c r="J74795" s="1" t="s">
        <v>249398</v>
      </c>
    </row>
    <row r="74796" spans="1:10" x14ac:dyDescent="0.35">
      <c r="A74796" s="1" t="s">
        <v>4062</v>
      </c>
      <c r="B74796" s="1" t="s">
        <v>247048</v>
      </c>
      <c r="C74796" s="1" t="s">
        <v>90</v>
      </c>
      <c r="D74796" s="1" t="s">
        <v>28766</v>
      </c>
      <c r="E74796" s="1" t="s">
        <v>249399</v>
      </c>
      <c r="F74796" s="1" t="s">
        <v>249400</v>
      </c>
      <c r="G74796" s="1" t="s">
        <v>249352</v>
      </c>
      <c r="H74796" s="1" t="s">
        <v>249353</v>
      </c>
      <c r="I74796" s="1" t="s">
        <v>247053</v>
      </c>
      <c r="J74796" s="1" t="s">
        <v>249401</v>
      </c>
    </row>
    <row r="74797" spans="1:10" x14ac:dyDescent="0.35">
      <c r="A74797" s="1" t="s">
        <v>4062</v>
      </c>
      <c r="B74797" s="1" t="s">
        <v>247048</v>
      </c>
      <c r="C74797" s="1" t="s">
        <v>95</v>
      </c>
      <c r="D74797" s="1" t="s">
        <v>121217</v>
      </c>
      <c r="E74797" s="1" t="s">
        <v>249402</v>
      </c>
      <c r="F74797" s="1" t="s">
        <v>249403</v>
      </c>
      <c r="G74797" s="1" t="s">
        <v>249352</v>
      </c>
      <c r="H74797" s="1" t="s">
        <v>249353</v>
      </c>
      <c r="I74797" s="1" t="s">
        <v>247053</v>
      </c>
      <c r="J74797" s="1" t="s">
        <v>249404</v>
      </c>
    </row>
    <row r="74798" spans="1:10" x14ac:dyDescent="0.35">
      <c r="A74798" s="1" t="s">
        <v>4062</v>
      </c>
      <c r="B74798" s="1" t="s">
        <v>247048</v>
      </c>
      <c r="C74798" s="1" t="s">
        <v>100</v>
      </c>
      <c r="D74798" s="1" t="s">
        <v>117175</v>
      </c>
      <c r="E74798" s="1" t="s">
        <v>249405</v>
      </c>
      <c r="F74798" s="1" t="s">
        <v>249406</v>
      </c>
      <c r="G74798" s="1" t="s">
        <v>249352</v>
      </c>
      <c r="H74798" s="1" t="s">
        <v>249353</v>
      </c>
      <c r="I74798" s="1" t="s">
        <v>247053</v>
      </c>
      <c r="J74798" s="1" t="s">
        <v>249407</v>
      </c>
    </row>
    <row r="74799" spans="1:10" x14ac:dyDescent="0.35">
      <c r="A74799" s="1" t="s">
        <v>4062</v>
      </c>
      <c r="B74799" s="1" t="s">
        <v>247048</v>
      </c>
      <c r="C74799" s="1" t="s">
        <v>105</v>
      </c>
      <c r="D74799" s="1" t="s">
        <v>7932</v>
      </c>
      <c r="E74799" s="1" t="s">
        <v>249408</v>
      </c>
      <c r="F74799" s="1" t="s">
        <v>249409</v>
      </c>
      <c r="G74799" s="1" t="s">
        <v>249352</v>
      </c>
      <c r="H74799" s="1" t="s">
        <v>249353</v>
      </c>
      <c r="I74799" s="1" t="s">
        <v>247053</v>
      </c>
      <c r="J74799" s="1" t="s">
        <v>249410</v>
      </c>
    </row>
    <row r="74800" spans="1:10" x14ac:dyDescent="0.35">
      <c r="A74800" s="1" t="s">
        <v>4062</v>
      </c>
      <c r="B74800" s="1" t="s">
        <v>247048</v>
      </c>
      <c r="C74800" s="1" t="s">
        <v>110</v>
      </c>
      <c r="D74800" s="1" t="s">
        <v>9718</v>
      </c>
      <c r="E74800" s="1" t="s">
        <v>249411</v>
      </c>
      <c r="F74800" s="1" t="s">
        <v>249412</v>
      </c>
      <c r="G74800" s="1" t="s">
        <v>249352</v>
      </c>
      <c r="H74800" s="1" t="s">
        <v>249353</v>
      </c>
      <c r="I74800" s="1" t="s">
        <v>247053</v>
      </c>
      <c r="J74800" s="1" t="s">
        <v>249413</v>
      </c>
    </row>
    <row r="74801" spans="1:10" x14ac:dyDescent="0.35">
      <c r="A74801" s="1" t="s">
        <v>4062</v>
      </c>
      <c r="B74801" s="1" t="s">
        <v>247048</v>
      </c>
      <c r="C74801" s="1" t="s">
        <v>115</v>
      </c>
      <c r="D74801" s="1" t="s">
        <v>74778</v>
      </c>
      <c r="E74801" s="1" t="s">
        <v>249414</v>
      </c>
      <c r="F74801" s="1" t="s">
        <v>249415</v>
      </c>
      <c r="G74801" s="1" t="s">
        <v>249352</v>
      </c>
      <c r="H74801" s="1" t="s">
        <v>249353</v>
      </c>
      <c r="I74801" s="1" t="s">
        <v>247053</v>
      </c>
      <c r="J74801" s="1" t="s">
        <v>249416</v>
      </c>
    </row>
    <row r="74802" spans="1:10" x14ac:dyDescent="0.35">
      <c r="A74802" s="1" t="s">
        <v>4062</v>
      </c>
      <c r="B74802" s="1" t="s">
        <v>247048</v>
      </c>
      <c r="C74802" s="1" t="s">
        <v>120</v>
      </c>
      <c r="D74802" s="1" t="s">
        <v>170013</v>
      </c>
      <c r="E74802" s="1" t="s">
        <v>249417</v>
      </c>
      <c r="F74802" s="1" t="s">
        <v>249418</v>
      </c>
      <c r="G74802" s="1" t="s">
        <v>249352</v>
      </c>
      <c r="H74802" s="1" t="s">
        <v>249353</v>
      </c>
      <c r="I74802" s="1" t="s">
        <v>247053</v>
      </c>
      <c r="J74802" s="1" t="s">
        <v>249419</v>
      </c>
    </row>
    <row r="74803" spans="1:10" x14ac:dyDescent="0.35">
      <c r="A74803" s="1" t="s">
        <v>4062</v>
      </c>
      <c r="B74803" s="1" t="s">
        <v>247048</v>
      </c>
      <c r="C74803" s="1" t="s">
        <v>125</v>
      </c>
      <c r="D74803" s="1" t="s">
        <v>124021</v>
      </c>
      <c r="E74803" s="1" t="s">
        <v>249420</v>
      </c>
      <c r="F74803" s="1" t="s">
        <v>249421</v>
      </c>
      <c r="G74803" s="1" t="s">
        <v>249352</v>
      </c>
      <c r="H74803" s="1" t="s">
        <v>249353</v>
      </c>
      <c r="I74803" s="1" t="s">
        <v>247053</v>
      </c>
      <c r="J74803" s="1" t="s">
        <v>249422</v>
      </c>
    </row>
    <row r="74804" spans="1:10" x14ac:dyDescent="0.35">
      <c r="A74804" s="1" t="s">
        <v>4062</v>
      </c>
      <c r="B74804" s="1" t="s">
        <v>247048</v>
      </c>
      <c r="C74804" s="1" t="s">
        <v>130</v>
      </c>
      <c r="D74804" s="1" t="s">
        <v>45508</v>
      </c>
      <c r="E74804" s="1" t="s">
        <v>249423</v>
      </c>
      <c r="F74804" s="1" t="s">
        <v>249424</v>
      </c>
      <c r="G74804" s="1" t="s">
        <v>249352</v>
      </c>
      <c r="H74804" s="1" t="s">
        <v>249353</v>
      </c>
      <c r="I74804" s="1" t="s">
        <v>247053</v>
      </c>
      <c r="J74804" s="1" t="s">
        <v>249425</v>
      </c>
    </row>
    <row r="74805" spans="1:10" x14ac:dyDescent="0.35">
      <c r="A74805" s="1" t="s">
        <v>4062</v>
      </c>
      <c r="B74805" s="1" t="s">
        <v>247048</v>
      </c>
      <c r="C74805" s="1" t="s">
        <v>135</v>
      </c>
      <c r="D74805" s="1" t="s">
        <v>37761</v>
      </c>
      <c r="E74805" s="1" t="s">
        <v>249426</v>
      </c>
      <c r="F74805" s="1" t="s">
        <v>249427</v>
      </c>
      <c r="G74805" s="1" t="s">
        <v>249352</v>
      </c>
      <c r="H74805" s="1" t="s">
        <v>249353</v>
      </c>
      <c r="I74805" s="1" t="s">
        <v>247053</v>
      </c>
      <c r="J74805" s="1" t="s">
        <v>249428</v>
      </c>
    </row>
    <row r="74806" spans="1:10" x14ac:dyDescent="0.35">
      <c r="A74806" s="1" t="s">
        <v>4062</v>
      </c>
      <c r="B74806" s="1" t="s">
        <v>247048</v>
      </c>
      <c r="C74806" s="1" t="s">
        <v>140</v>
      </c>
      <c r="D74806" s="1" t="s">
        <v>47786</v>
      </c>
      <c r="E74806" s="1" t="s">
        <v>249429</v>
      </c>
      <c r="F74806" s="1" t="s">
        <v>249430</v>
      </c>
      <c r="G74806" s="1" t="s">
        <v>249352</v>
      </c>
      <c r="H74806" s="1" t="s">
        <v>249353</v>
      </c>
      <c r="I74806" s="1" t="s">
        <v>247053</v>
      </c>
      <c r="J74806" s="1" t="s">
        <v>249431</v>
      </c>
    </row>
    <row r="74807" spans="1:10" x14ac:dyDescent="0.35">
      <c r="A74807" s="1" t="s">
        <v>4062</v>
      </c>
      <c r="B74807" s="1" t="s">
        <v>247048</v>
      </c>
      <c r="C74807" s="1" t="s">
        <v>145</v>
      </c>
      <c r="D74807" s="1" t="s">
        <v>177009</v>
      </c>
      <c r="E74807" s="1" t="s">
        <v>249432</v>
      </c>
      <c r="F74807" s="1" t="s">
        <v>249433</v>
      </c>
      <c r="G74807" s="1" t="s">
        <v>249352</v>
      </c>
      <c r="H74807" s="1" t="s">
        <v>249353</v>
      </c>
      <c r="I74807" s="1" t="s">
        <v>247053</v>
      </c>
      <c r="J74807" s="1" t="s">
        <v>249434</v>
      </c>
    </row>
    <row r="74808" spans="1:10" x14ac:dyDescent="0.35">
      <c r="A74808" s="1" t="s">
        <v>4062</v>
      </c>
      <c r="B74808" s="1" t="s">
        <v>247048</v>
      </c>
      <c r="C74808" s="1" t="s">
        <v>150</v>
      </c>
      <c r="D74808" s="1" t="s">
        <v>194503</v>
      </c>
      <c r="E74808" s="1" t="s">
        <v>249435</v>
      </c>
      <c r="F74808" s="1" t="s">
        <v>249436</v>
      </c>
      <c r="G74808" s="1" t="s">
        <v>249352</v>
      </c>
      <c r="H74808" s="1" t="s">
        <v>249353</v>
      </c>
      <c r="I74808" s="1" t="s">
        <v>247053</v>
      </c>
      <c r="J74808" s="1" t="s">
        <v>249437</v>
      </c>
    </row>
    <row r="74809" spans="1:10" x14ac:dyDescent="0.35">
      <c r="A74809" s="1" t="s">
        <v>4062</v>
      </c>
      <c r="B74809" s="1" t="s">
        <v>247048</v>
      </c>
      <c r="C74809" s="1" t="s">
        <v>155</v>
      </c>
      <c r="D74809" s="1" t="s">
        <v>249438</v>
      </c>
      <c r="E74809" s="1" t="s">
        <v>249439</v>
      </c>
      <c r="F74809" s="1" t="s">
        <v>249440</v>
      </c>
      <c r="G74809" s="1" t="s">
        <v>249352</v>
      </c>
      <c r="H74809" s="1" t="s">
        <v>249353</v>
      </c>
      <c r="I74809" s="1" t="s">
        <v>247053</v>
      </c>
      <c r="J74809" s="1" t="s">
        <v>249441</v>
      </c>
    </row>
    <row r="74810" spans="1:10" x14ac:dyDescent="0.35">
      <c r="A74810" s="1" t="s">
        <v>4062</v>
      </c>
      <c r="B74810" s="1" t="s">
        <v>247048</v>
      </c>
      <c r="C74810" s="1" t="s">
        <v>160</v>
      </c>
      <c r="D74810" s="1" t="s">
        <v>42509</v>
      </c>
      <c r="E74810" s="1" t="s">
        <v>249442</v>
      </c>
      <c r="F74810" s="1" t="s">
        <v>249443</v>
      </c>
      <c r="G74810" s="1" t="s">
        <v>249352</v>
      </c>
      <c r="H74810" s="1" t="s">
        <v>249353</v>
      </c>
      <c r="I74810" s="1" t="s">
        <v>247053</v>
      </c>
      <c r="J74810" s="1" t="s">
        <v>249444</v>
      </c>
    </row>
    <row r="74811" spans="1:10" x14ac:dyDescent="0.35">
      <c r="A74811" s="1" t="s">
        <v>4062</v>
      </c>
      <c r="B74811" s="1" t="s">
        <v>247048</v>
      </c>
      <c r="C74811" s="1" t="s">
        <v>165</v>
      </c>
      <c r="D74811" s="1" t="s">
        <v>189315</v>
      </c>
      <c r="E74811" s="1" t="s">
        <v>249445</v>
      </c>
      <c r="F74811" s="1" t="s">
        <v>249446</v>
      </c>
      <c r="G74811" s="1" t="s">
        <v>249352</v>
      </c>
      <c r="H74811" s="1" t="s">
        <v>249353</v>
      </c>
      <c r="I74811" s="1" t="s">
        <v>247053</v>
      </c>
      <c r="J74811" s="1" t="s">
        <v>249447</v>
      </c>
    </row>
    <row r="74812" spans="1:10" x14ac:dyDescent="0.35">
      <c r="A74812" s="1" t="s">
        <v>4062</v>
      </c>
      <c r="B74812" s="1" t="s">
        <v>247048</v>
      </c>
      <c r="C74812" s="1" t="s">
        <v>170</v>
      </c>
      <c r="D74812" s="1" t="s">
        <v>51625</v>
      </c>
      <c r="E74812" s="1" t="s">
        <v>249448</v>
      </c>
      <c r="F74812" s="1" t="s">
        <v>249449</v>
      </c>
      <c r="G74812" s="1" t="s">
        <v>249352</v>
      </c>
      <c r="H74812" s="1" t="s">
        <v>249353</v>
      </c>
      <c r="I74812" s="1" t="s">
        <v>247053</v>
      </c>
      <c r="J74812" s="1" t="s">
        <v>249450</v>
      </c>
    </row>
    <row r="74813" spans="1:10" x14ac:dyDescent="0.35">
      <c r="A74813" s="1" t="s">
        <v>122182</v>
      </c>
      <c r="B74813" s="1" t="s">
        <v>247048</v>
      </c>
      <c r="C74813" s="1" t="s">
        <v>8</v>
      </c>
      <c r="D74813" s="1" t="s">
        <v>117912</v>
      </c>
      <c r="E74813" s="1" t="s">
        <v>249451</v>
      </c>
      <c r="F74813" s="1" t="s">
        <v>249452</v>
      </c>
      <c r="G74813" s="1" t="s">
        <v>249453</v>
      </c>
      <c r="H74813" s="1" t="s">
        <v>249454</v>
      </c>
      <c r="I74813" s="1" t="s">
        <v>247053</v>
      </c>
      <c r="J74813" s="1" t="s">
        <v>13</v>
      </c>
    </row>
    <row r="74814" spans="1:10" x14ac:dyDescent="0.35">
      <c r="A74814" s="1" t="s">
        <v>122182</v>
      </c>
      <c r="B74814" s="1" t="s">
        <v>247048</v>
      </c>
      <c r="C74814" s="1" t="s">
        <v>15</v>
      </c>
      <c r="D74814" s="1" t="s">
        <v>44538</v>
      </c>
      <c r="E74814" s="1" t="s">
        <v>249455</v>
      </c>
      <c r="F74814" s="1" t="s">
        <v>249456</v>
      </c>
      <c r="G74814" s="1" t="s">
        <v>249453</v>
      </c>
      <c r="H74814" s="1" t="s">
        <v>249454</v>
      </c>
      <c r="I74814" s="1" t="s">
        <v>247053</v>
      </c>
      <c r="J74814" s="1" t="s">
        <v>249457</v>
      </c>
    </row>
    <row r="74815" spans="1:10" x14ac:dyDescent="0.35">
      <c r="A74815" s="1" t="s">
        <v>122182</v>
      </c>
      <c r="B74815" s="1" t="s">
        <v>247048</v>
      </c>
      <c r="C74815" s="1" t="s">
        <v>20</v>
      </c>
      <c r="D74815" s="1" t="s">
        <v>3604</v>
      </c>
      <c r="E74815" s="1" t="s">
        <v>249458</v>
      </c>
      <c r="F74815" s="1" t="s">
        <v>249459</v>
      </c>
      <c r="G74815" s="1" t="s">
        <v>249453</v>
      </c>
      <c r="H74815" s="1" t="s">
        <v>249454</v>
      </c>
      <c r="I74815" s="1" t="s">
        <v>247053</v>
      </c>
      <c r="J74815" s="1" t="s">
        <v>249460</v>
      </c>
    </row>
    <row r="74816" spans="1:10" x14ac:dyDescent="0.35">
      <c r="A74816" s="1" t="s">
        <v>122182</v>
      </c>
      <c r="B74816" s="1" t="s">
        <v>247048</v>
      </c>
      <c r="C74816" s="1" t="s">
        <v>25</v>
      </c>
      <c r="D74816" s="1" t="s">
        <v>143718</v>
      </c>
      <c r="E74816" s="1" t="s">
        <v>249461</v>
      </c>
      <c r="F74816" s="1" t="s">
        <v>249462</v>
      </c>
      <c r="G74816" s="1" t="s">
        <v>249453</v>
      </c>
      <c r="H74816" s="1" t="s">
        <v>249454</v>
      </c>
      <c r="I74816" s="1" t="s">
        <v>247053</v>
      </c>
      <c r="J74816" s="1" t="s">
        <v>249463</v>
      </c>
    </row>
    <row r="74817" spans="1:10" x14ac:dyDescent="0.35">
      <c r="A74817" s="1" t="s">
        <v>122182</v>
      </c>
      <c r="B74817" s="1" t="s">
        <v>247048</v>
      </c>
      <c r="C74817" s="1" t="s">
        <v>30</v>
      </c>
      <c r="D74817" s="1" t="s">
        <v>28902</v>
      </c>
      <c r="E74817" s="1" t="s">
        <v>249464</v>
      </c>
      <c r="F74817" s="1" t="s">
        <v>249465</v>
      </c>
      <c r="G74817" s="1" t="s">
        <v>249453</v>
      </c>
      <c r="H74817" s="1" t="s">
        <v>249454</v>
      </c>
      <c r="I74817" s="1" t="s">
        <v>247053</v>
      </c>
      <c r="J74817" s="1" t="s">
        <v>249466</v>
      </c>
    </row>
    <row r="74818" spans="1:10" x14ac:dyDescent="0.35">
      <c r="A74818" s="1" t="s">
        <v>122182</v>
      </c>
      <c r="B74818" s="1" t="s">
        <v>247048</v>
      </c>
      <c r="C74818" s="1" t="s">
        <v>35</v>
      </c>
      <c r="D74818" s="1" t="s">
        <v>46348</v>
      </c>
      <c r="E74818" s="1" t="s">
        <v>249467</v>
      </c>
      <c r="F74818" s="1" t="s">
        <v>249468</v>
      </c>
      <c r="G74818" s="1" t="s">
        <v>249453</v>
      </c>
      <c r="H74818" s="1" t="s">
        <v>249454</v>
      </c>
      <c r="I74818" s="1" t="s">
        <v>247053</v>
      </c>
      <c r="J74818" s="1" t="s">
        <v>249469</v>
      </c>
    </row>
    <row r="74819" spans="1:10" x14ac:dyDescent="0.35">
      <c r="A74819" s="1" t="s">
        <v>122182</v>
      </c>
      <c r="B74819" s="1" t="s">
        <v>247048</v>
      </c>
      <c r="C74819" s="1" t="s">
        <v>40</v>
      </c>
      <c r="D74819" s="1" t="s">
        <v>1635</v>
      </c>
      <c r="E74819" s="1" t="s">
        <v>249470</v>
      </c>
      <c r="F74819" s="1" t="s">
        <v>249471</v>
      </c>
      <c r="G74819" s="1" t="s">
        <v>249453</v>
      </c>
      <c r="H74819" s="1" t="s">
        <v>249454</v>
      </c>
      <c r="I74819" s="1" t="s">
        <v>247053</v>
      </c>
      <c r="J74819" s="1" t="s">
        <v>249472</v>
      </c>
    </row>
    <row r="74820" spans="1:10" x14ac:dyDescent="0.35">
      <c r="A74820" s="1" t="s">
        <v>122182</v>
      </c>
      <c r="B74820" s="1" t="s">
        <v>247048</v>
      </c>
      <c r="C74820" s="1" t="s">
        <v>45</v>
      </c>
      <c r="D74820" s="1" t="s">
        <v>116134</v>
      </c>
      <c r="E74820" s="1" t="s">
        <v>249473</v>
      </c>
      <c r="F74820" s="1" t="s">
        <v>249474</v>
      </c>
      <c r="G74820" s="1" t="s">
        <v>249453</v>
      </c>
      <c r="H74820" s="1" t="s">
        <v>249454</v>
      </c>
      <c r="I74820" s="1" t="s">
        <v>247053</v>
      </c>
      <c r="J74820" s="1" t="s">
        <v>249475</v>
      </c>
    </row>
    <row r="74821" spans="1:10" x14ac:dyDescent="0.35">
      <c r="A74821" s="1" t="s">
        <v>122182</v>
      </c>
      <c r="B74821" s="1" t="s">
        <v>247048</v>
      </c>
      <c r="C74821" s="1" t="s">
        <v>50</v>
      </c>
      <c r="D74821" s="1" t="s">
        <v>7503</v>
      </c>
      <c r="E74821" s="1" t="s">
        <v>249476</v>
      </c>
      <c r="F74821" s="1" t="s">
        <v>249477</v>
      </c>
      <c r="G74821" s="1" t="s">
        <v>249453</v>
      </c>
      <c r="H74821" s="1" t="s">
        <v>249454</v>
      </c>
      <c r="I74821" s="1" t="s">
        <v>247053</v>
      </c>
      <c r="J74821" s="1" t="s">
        <v>249478</v>
      </c>
    </row>
    <row r="74822" spans="1:10" x14ac:dyDescent="0.35">
      <c r="A74822" s="1" t="s">
        <v>122182</v>
      </c>
      <c r="B74822" s="1" t="s">
        <v>247048</v>
      </c>
      <c r="C74822" s="1" t="s">
        <v>55</v>
      </c>
      <c r="D74822" s="1" t="s">
        <v>2897</v>
      </c>
      <c r="E74822" s="1" t="s">
        <v>249479</v>
      </c>
      <c r="F74822" s="1" t="s">
        <v>249480</v>
      </c>
      <c r="G74822" s="1" t="s">
        <v>249453</v>
      </c>
      <c r="H74822" s="1" t="s">
        <v>249454</v>
      </c>
      <c r="I74822" s="1" t="s">
        <v>247053</v>
      </c>
      <c r="J74822" s="1" t="s">
        <v>249481</v>
      </c>
    </row>
    <row r="74823" spans="1:10" x14ac:dyDescent="0.35">
      <c r="A74823" s="1" t="s">
        <v>122182</v>
      </c>
      <c r="B74823" s="1" t="s">
        <v>247048</v>
      </c>
      <c r="C74823" s="1" t="s">
        <v>60</v>
      </c>
      <c r="D74823" s="1" t="s">
        <v>249482</v>
      </c>
      <c r="E74823" s="1" t="s">
        <v>249483</v>
      </c>
      <c r="F74823" s="1" t="s">
        <v>249484</v>
      </c>
      <c r="G74823" s="1" t="s">
        <v>249453</v>
      </c>
      <c r="H74823" s="1" t="s">
        <v>249454</v>
      </c>
      <c r="I74823" s="1" t="s">
        <v>247053</v>
      </c>
      <c r="J74823" s="1" t="s">
        <v>36231</v>
      </c>
    </row>
    <row r="74824" spans="1:10" x14ac:dyDescent="0.35">
      <c r="A74824" s="1" t="s">
        <v>122182</v>
      </c>
      <c r="B74824" s="1" t="s">
        <v>247048</v>
      </c>
      <c r="C74824" s="1" t="s">
        <v>65</v>
      </c>
      <c r="D74824" s="1" t="s">
        <v>14037</v>
      </c>
      <c r="E74824" s="1" t="s">
        <v>249485</v>
      </c>
      <c r="F74824" s="1" t="s">
        <v>249486</v>
      </c>
      <c r="G74824" s="1" t="s">
        <v>249453</v>
      </c>
      <c r="H74824" s="1" t="s">
        <v>249454</v>
      </c>
      <c r="I74824" s="1" t="s">
        <v>247053</v>
      </c>
      <c r="J74824" s="1" t="s">
        <v>249487</v>
      </c>
    </row>
    <row r="74825" spans="1:10" x14ac:dyDescent="0.35">
      <c r="A74825" s="1" t="s">
        <v>122182</v>
      </c>
      <c r="B74825" s="1" t="s">
        <v>247048</v>
      </c>
      <c r="C74825" s="1" t="s">
        <v>70</v>
      </c>
      <c r="D74825" s="1" t="s">
        <v>151264</v>
      </c>
      <c r="E74825" s="1" t="s">
        <v>249488</v>
      </c>
      <c r="F74825" s="1" t="s">
        <v>249489</v>
      </c>
      <c r="G74825" s="1" t="s">
        <v>249453</v>
      </c>
      <c r="H74825" s="1" t="s">
        <v>249454</v>
      </c>
      <c r="I74825" s="1" t="s">
        <v>247053</v>
      </c>
      <c r="J74825" s="1" t="s">
        <v>249490</v>
      </c>
    </row>
    <row r="74826" spans="1:10" x14ac:dyDescent="0.35">
      <c r="A74826" s="1" t="s">
        <v>122182</v>
      </c>
      <c r="B74826" s="1" t="s">
        <v>247048</v>
      </c>
      <c r="C74826" s="1" t="s">
        <v>75</v>
      </c>
      <c r="D74826" s="1" t="s">
        <v>48286</v>
      </c>
      <c r="E74826" s="1" t="s">
        <v>249491</v>
      </c>
      <c r="F74826" s="1" t="s">
        <v>249492</v>
      </c>
      <c r="G74826" s="1" t="s">
        <v>249453</v>
      </c>
      <c r="H74826" s="1" t="s">
        <v>249454</v>
      </c>
      <c r="I74826" s="1" t="s">
        <v>247053</v>
      </c>
      <c r="J74826" s="1" t="s">
        <v>249493</v>
      </c>
    </row>
    <row r="74827" spans="1:10" x14ac:dyDescent="0.35">
      <c r="A74827" s="1" t="s">
        <v>122182</v>
      </c>
      <c r="B74827" s="1" t="s">
        <v>247048</v>
      </c>
      <c r="C74827" s="1" t="s">
        <v>80</v>
      </c>
      <c r="D74827" s="1" t="s">
        <v>249494</v>
      </c>
      <c r="E74827" s="1" t="s">
        <v>249495</v>
      </c>
      <c r="F74827" s="1" t="s">
        <v>249496</v>
      </c>
      <c r="G74827" s="1" t="s">
        <v>249453</v>
      </c>
      <c r="H74827" s="1" t="s">
        <v>249454</v>
      </c>
      <c r="I74827" s="1" t="s">
        <v>247053</v>
      </c>
      <c r="J74827" s="1" t="s">
        <v>249497</v>
      </c>
    </row>
    <row r="74828" spans="1:10" x14ac:dyDescent="0.35">
      <c r="A74828" s="1" t="s">
        <v>122182</v>
      </c>
      <c r="B74828" s="1" t="s">
        <v>247048</v>
      </c>
      <c r="C74828" s="1" t="s">
        <v>85</v>
      </c>
      <c r="D74828" s="1" t="s">
        <v>161770</v>
      </c>
      <c r="E74828" s="1" t="s">
        <v>249498</v>
      </c>
      <c r="F74828" s="1" t="s">
        <v>249499</v>
      </c>
      <c r="G74828" s="1" t="s">
        <v>249453</v>
      </c>
      <c r="H74828" s="1" t="s">
        <v>249454</v>
      </c>
      <c r="I74828" s="1" t="s">
        <v>247053</v>
      </c>
      <c r="J74828" s="1" t="s">
        <v>249500</v>
      </c>
    </row>
    <row r="74829" spans="1:10" x14ac:dyDescent="0.35">
      <c r="A74829" s="1" t="s">
        <v>122182</v>
      </c>
      <c r="B74829" s="1" t="s">
        <v>247048</v>
      </c>
      <c r="C74829" s="1" t="s">
        <v>90</v>
      </c>
      <c r="D74829" s="1" t="s">
        <v>219065</v>
      </c>
      <c r="E74829" s="1" t="s">
        <v>249501</v>
      </c>
      <c r="F74829" s="1" t="s">
        <v>249502</v>
      </c>
      <c r="G74829" s="1" t="s">
        <v>249453</v>
      </c>
      <c r="H74829" s="1" t="s">
        <v>249454</v>
      </c>
      <c r="I74829" s="1" t="s">
        <v>247053</v>
      </c>
      <c r="J74829" s="1" t="s">
        <v>249503</v>
      </c>
    </row>
    <row r="74830" spans="1:10" x14ac:dyDescent="0.35">
      <c r="A74830" s="1" t="s">
        <v>122182</v>
      </c>
      <c r="B74830" s="1" t="s">
        <v>247048</v>
      </c>
      <c r="C74830" s="1" t="s">
        <v>95</v>
      </c>
      <c r="D74830" s="1" t="s">
        <v>178013</v>
      </c>
      <c r="E74830" s="1" t="s">
        <v>249504</v>
      </c>
      <c r="F74830" s="1" t="s">
        <v>249505</v>
      </c>
      <c r="G74830" s="1" t="s">
        <v>249453</v>
      </c>
      <c r="H74830" s="1" t="s">
        <v>249454</v>
      </c>
      <c r="I74830" s="1" t="s">
        <v>247053</v>
      </c>
      <c r="J74830" s="1" t="s">
        <v>249506</v>
      </c>
    </row>
    <row r="74831" spans="1:10" x14ac:dyDescent="0.35">
      <c r="A74831" s="1" t="s">
        <v>122182</v>
      </c>
      <c r="B74831" s="1" t="s">
        <v>247048</v>
      </c>
      <c r="C74831" s="1" t="s">
        <v>100</v>
      </c>
      <c r="D74831" s="1" t="s">
        <v>124385</v>
      </c>
      <c r="E74831" s="1" t="s">
        <v>249507</v>
      </c>
      <c r="F74831" s="1" t="s">
        <v>249508</v>
      </c>
      <c r="G74831" s="1" t="s">
        <v>249453</v>
      </c>
      <c r="H74831" s="1" t="s">
        <v>249454</v>
      </c>
      <c r="I74831" s="1" t="s">
        <v>247053</v>
      </c>
      <c r="J74831" s="1" t="s">
        <v>249509</v>
      </c>
    </row>
    <row r="74832" spans="1:10" x14ac:dyDescent="0.35">
      <c r="A74832" s="1" t="s">
        <v>122182</v>
      </c>
      <c r="B74832" s="1" t="s">
        <v>247048</v>
      </c>
      <c r="C74832" s="1" t="s">
        <v>105</v>
      </c>
      <c r="D74832" s="1" t="s">
        <v>126414</v>
      </c>
      <c r="E74832" s="1" t="s">
        <v>249510</v>
      </c>
      <c r="F74832" s="1" t="s">
        <v>249511</v>
      </c>
      <c r="G74832" s="1" t="s">
        <v>249453</v>
      </c>
      <c r="H74832" s="1" t="s">
        <v>249454</v>
      </c>
      <c r="I74832" s="1" t="s">
        <v>247053</v>
      </c>
      <c r="J74832" s="1" t="s">
        <v>249512</v>
      </c>
    </row>
    <row r="74833" spans="1:10" x14ac:dyDescent="0.35">
      <c r="A74833" s="1" t="s">
        <v>122182</v>
      </c>
      <c r="B74833" s="1" t="s">
        <v>247048</v>
      </c>
      <c r="C74833" s="1" t="s">
        <v>110</v>
      </c>
      <c r="D74833" s="1" t="s">
        <v>38346</v>
      </c>
      <c r="E74833" s="1" t="s">
        <v>249513</v>
      </c>
      <c r="F74833" s="1" t="s">
        <v>249514</v>
      </c>
      <c r="G74833" s="1" t="s">
        <v>249453</v>
      </c>
      <c r="H74833" s="1" t="s">
        <v>249454</v>
      </c>
      <c r="I74833" s="1" t="s">
        <v>247053</v>
      </c>
      <c r="J74833" s="1" t="s">
        <v>249515</v>
      </c>
    </row>
    <row r="74834" spans="1:10" x14ac:dyDescent="0.35">
      <c r="A74834" s="1" t="s">
        <v>122182</v>
      </c>
      <c r="B74834" s="1" t="s">
        <v>247048</v>
      </c>
      <c r="C74834" s="1" t="s">
        <v>115</v>
      </c>
      <c r="D74834" s="1" t="s">
        <v>35930</v>
      </c>
      <c r="E74834" s="1" t="s">
        <v>249516</v>
      </c>
      <c r="F74834" s="1" t="s">
        <v>249517</v>
      </c>
      <c r="G74834" s="1" t="s">
        <v>249453</v>
      </c>
      <c r="H74834" s="1" t="s">
        <v>249454</v>
      </c>
      <c r="I74834" s="1" t="s">
        <v>247053</v>
      </c>
      <c r="J74834" s="1" t="s">
        <v>249518</v>
      </c>
    </row>
    <row r="74835" spans="1:10" x14ac:dyDescent="0.35">
      <c r="A74835" s="1" t="s">
        <v>122182</v>
      </c>
      <c r="B74835" s="1" t="s">
        <v>247048</v>
      </c>
      <c r="C74835" s="1" t="s">
        <v>120</v>
      </c>
      <c r="D74835" s="1" t="s">
        <v>49614</v>
      </c>
      <c r="E74835" s="1" t="s">
        <v>249519</v>
      </c>
      <c r="F74835" s="1" t="s">
        <v>249520</v>
      </c>
      <c r="G74835" s="1" t="s">
        <v>249453</v>
      </c>
      <c r="H74835" s="1" t="s">
        <v>249454</v>
      </c>
      <c r="I74835" s="1" t="s">
        <v>247053</v>
      </c>
      <c r="J74835" s="1" t="s">
        <v>249521</v>
      </c>
    </row>
    <row r="74836" spans="1:10" x14ac:dyDescent="0.35">
      <c r="A74836" s="1" t="s">
        <v>122182</v>
      </c>
      <c r="B74836" s="1" t="s">
        <v>247048</v>
      </c>
      <c r="C74836" s="1" t="s">
        <v>125</v>
      </c>
      <c r="D74836" s="1" t="s">
        <v>249522</v>
      </c>
      <c r="E74836" s="1" t="s">
        <v>249523</v>
      </c>
      <c r="F74836" s="1" t="s">
        <v>249524</v>
      </c>
      <c r="G74836" s="1" t="s">
        <v>249453</v>
      </c>
      <c r="H74836" s="1" t="s">
        <v>249454</v>
      </c>
      <c r="I74836" s="1" t="s">
        <v>247053</v>
      </c>
      <c r="J74836" s="1" t="s">
        <v>249525</v>
      </c>
    </row>
    <row r="74837" spans="1:10" x14ac:dyDescent="0.35">
      <c r="A74837" s="1" t="s">
        <v>122182</v>
      </c>
      <c r="B74837" s="1" t="s">
        <v>247048</v>
      </c>
      <c r="C74837" s="1" t="s">
        <v>130</v>
      </c>
      <c r="D74837" s="1" t="s">
        <v>219326</v>
      </c>
      <c r="E74837" s="1" t="s">
        <v>249526</v>
      </c>
      <c r="F74837" s="1" t="s">
        <v>249527</v>
      </c>
      <c r="G74837" s="1" t="s">
        <v>249453</v>
      </c>
      <c r="H74837" s="1" t="s">
        <v>249454</v>
      </c>
      <c r="I74837" s="1" t="s">
        <v>247053</v>
      </c>
      <c r="J74837" s="1" t="s">
        <v>249528</v>
      </c>
    </row>
    <row r="74838" spans="1:10" x14ac:dyDescent="0.35">
      <c r="A74838" s="1" t="s">
        <v>122182</v>
      </c>
      <c r="B74838" s="1" t="s">
        <v>247048</v>
      </c>
      <c r="C74838" s="1" t="s">
        <v>135</v>
      </c>
      <c r="D74838" s="1" t="s">
        <v>4233</v>
      </c>
      <c r="E74838" s="1" t="s">
        <v>249529</v>
      </c>
      <c r="F74838" s="1" t="s">
        <v>249530</v>
      </c>
      <c r="G74838" s="1" t="s">
        <v>249453</v>
      </c>
      <c r="H74838" s="1" t="s">
        <v>249454</v>
      </c>
      <c r="I74838" s="1" t="s">
        <v>247053</v>
      </c>
      <c r="J74838" s="1" t="s">
        <v>249531</v>
      </c>
    </row>
    <row r="74839" spans="1:10" x14ac:dyDescent="0.35">
      <c r="A74839" s="1" t="s">
        <v>122182</v>
      </c>
      <c r="B74839" s="1" t="s">
        <v>247048</v>
      </c>
      <c r="C74839" s="1" t="s">
        <v>140</v>
      </c>
      <c r="D74839" s="1" t="s">
        <v>18295</v>
      </c>
      <c r="E74839" s="1" t="s">
        <v>249532</v>
      </c>
      <c r="F74839" s="1" t="s">
        <v>249533</v>
      </c>
      <c r="G74839" s="1" t="s">
        <v>249453</v>
      </c>
      <c r="H74839" s="1" t="s">
        <v>249454</v>
      </c>
      <c r="I74839" s="1" t="s">
        <v>247053</v>
      </c>
      <c r="J74839" s="1" t="s">
        <v>249534</v>
      </c>
    </row>
    <row r="74840" spans="1:10" x14ac:dyDescent="0.35">
      <c r="A74840" s="1" t="s">
        <v>122182</v>
      </c>
      <c r="B74840" s="1" t="s">
        <v>247048</v>
      </c>
      <c r="C74840" s="1" t="s">
        <v>145</v>
      </c>
      <c r="D74840" s="1" t="s">
        <v>168719</v>
      </c>
      <c r="E74840" s="1" t="s">
        <v>249535</v>
      </c>
      <c r="F74840" s="1" t="s">
        <v>249536</v>
      </c>
      <c r="G74840" s="1" t="s">
        <v>249453</v>
      </c>
      <c r="H74840" s="1" t="s">
        <v>249454</v>
      </c>
      <c r="I74840" s="1" t="s">
        <v>247053</v>
      </c>
      <c r="J74840" s="1" t="s">
        <v>249537</v>
      </c>
    </row>
    <row r="74841" spans="1:10" x14ac:dyDescent="0.35">
      <c r="A74841" s="1" t="s">
        <v>122182</v>
      </c>
      <c r="B74841" s="1" t="s">
        <v>247048</v>
      </c>
      <c r="C74841" s="1" t="s">
        <v>150</v>
      </c>
      <c r="D74841" s="1" t="s">
        <v>249538</v>
      </c>
      <c r="E74841" s="1" t="s">
        <v>249539</v>
      </c>
      <c r="F74841" s="1" t="s">
        <v>249540</v>
      </c>
      <c r="G74841" s="1" t="s">
        <v>249453</v>
      </c>
      <c r="H74841" s="1" t="s">
        <v>249454</v>
      </c>
      <c r="I74841" s="1" t="s">
        <v>247053</v>
      </c>
      <c r="J74841" s="1" t="s">
        <v>249541</v>
      </c>
    </row>
    <row r="74842" spans="1:10" x14ac:dyDescent="0.35">
      <c r="A74842" s="1" t="s">
        <v>122182</v>
      </c>
      <c r="B74842" s="1" t="s">
        <v>247048</v>
      </c>
      <c r="C74842" s="1" t="s">
        <v>155</v>
      </c>
      <c r="D74842" s="1" t="s">
        <v>249542</v>
      </c>
      <c r="E74842" s="1" t="s">
        <v>249543</v>
      </c>
      <c r="F74842" s="1" t="s">
        <v>249544</v>
      </c>
      <c r="G74842" s="1" t="s">
        <v>249453</v>
      </c>
      <c r="H74842" s="1" t="s">
        <v>249454</v>
      </c>
      <c r="I74842" s="1" t="s">
        <v>247053</v>
      </c>
      <c r="J74842" s="1" t="s">
        <v>249545</v>
      </c>
    </row>
    <row r="74843" spans="1:10" x14ac:dyDescent="0.35">
      <c r="A74843" s="1" t="s">
        <v>122182</v>
      </c>
      <c r="B74843" s="1" t="s">
        <v>247048</v>
      </c>
      <c r="C74843" s="1" t="s">
        <v>160</v>
      </c>
      <c r="D74843" s="1" t="s">
        <v>249546</v>
      </c>
      <c r="E74843" s="1" t="s">
        <v>249547</v>
      </c>
      <c r="F74843" s="1" t="s">
        <v>249548</v>
      </c>
      <c r="G74843" s="1" t="s">
        <v>249453</v>
      </c>
      <c r="H74843" s="1" t="s">
        <v>249454</v>
      </c>
      <c r="I74843" s="1" t="s">
        <v>247053</v>
      </c>
      <c r="J74843" s="1" t="s">
        <v>249549</v>
      </c>
    </row>
    <row r="74844" spans="1:10" x14ac:dyDescent="0.35">
      <c r="A74844" s="1" t="s">
        <v>122182</v>
      </c>
      <c r="B74844" s="1" t="s">
        <v>247048</v>
      </c>
      <c r="C74844" s="1" t="s">
        <v>165</v>
      </c>
      <c r="D74844" s="1" t="s">
        <v>249550</v>
      </c>
      <c r="E74844" s="1" t="s">
        <v>249551</v>
      </c>
      <c r="F74844" s="1" t="s">
        <v>249552</v>
      </c>
      <c r="G74844" s="1" t="s">
        <v>249453</v>
      </c>
      <c r="H74844" s="1" t="s">
        <v>249454</v>
      </c>
      <c r="I74844" s="1" t="s">
        <v>247053</v>
      </c>
      <c r="J74844" s="1" t="s">
        <v>249553</v>
      </c>
    </row>
    <row r="74845" spans="1:10" x14ac:dyDescent="0.35">
      <c r="A74845" s="1" t="s">
        <v>122182</v>
      </c>
      <c r="B74845" s="1" t="s">
        <v>247048</v>
      </c>
      <c r="C74845" s="1" t="s">
        <v>170</v>
      </c>
      <c r="D74845" s="1" t="s">
        <v>249554</v>
      </c>
      <c r="E74845" s="1" t="s">
        <v>249555</v>
      </c>
      <c r="F74845" s="1" t="s">
        <v>249556</v>
      </c>
      <c r="G74845" s="1" t="s">
        <v>249453</v>
      </c>
      <c r="H74845" s="1" t="s">
        <v>249454</v>
      </c>
      <c r="I74845" s="1" t="s">
        <v>247053</v>
      </c>
      <c r="J74845" s="1" t="s">
        <v>249557</v>
      </c>
    </row>
    <row r="74846" spans="1:10" x14ac:dyDescent="0.35">
      <c r="A74846" s="1" t="s">
        <v>47327</v>
      </c>
      <c r="B74846" s="1" t="s">
        <v>247048</v>
      </c>
      <c r="C74846" s="1" t="s">
        <v>8</v>
      </c>
      <c r="D74846" s="1" t="s">
        <v>1524</v>
      </c>
      <c r="E74846" s="1" t="s">
        <v>249558</v>
      </c>
      <c r="F74846" s="1" t="s">
        <v>249559</v>
      </c>
      <c r="G74846" s="1" t="s">
        <v>249560</v>
      </c>
      <c r="H74846" s="1" t="s">
        <v>249561</v>
      </c>
      <c r="I74846" s="1" t="s">
        <v>247053</v>
      </c>
      <c r="J74846" s="1" t="s">
        <v>13</v>
      </c>
    </row>
    <row r="74847" spans="1:10" x14ac:dyDescent="0.35">
      <c r="A74847" s="1" t="s">
        <v>47327</v>
      </c>
      <c r="B74847" s="1" t="s">
        <v>247048</v>
      </c>
      <c r="C74847" s="1" t="s">
        <v>15</v>
      </c>
      <c r="D74847" s="1" t="s">
        <v>103209</v>
      </c>
      <c r="E74847" s="1" t="s">
        <v>249562</v>
      </c>
      <c r="F74847" s="1" t="s">
        <v>249563</v>
      </c>
      <c r="G74847" s="1" t="s">
        <v>249560</v>
      </c>
      <c r="H74847" s="1" t="s">
        <v>249561</v>
      </c>
      <c r="I74847" s="1" t="s">
        <v>247053</v>
      </c>
      <c r="J74847" s="1" t="s">
        <v>249564</v>
      </c>
    </row>
    <row r="74848" spans="1:10" x14ac:dyDescent="0.35">
      <c r="A74848" s="1" t="s">
        <v>47327</v>
      </c>
      <c r="B74848" s="1" t="s">
        <v>247048</v>
      </c>
      <c r="C74848" s="1" t="s">
        <v>20</v>
      </c>
      <c r="D74848" s="1" t="s">
        <v>13822</v>
      </c>
      <c r="E74848" s="1" t="s">
        <v>249565</v>
      </c>
      <c r="F74848" s="1" t="s">
        <v>249566</v>
      </c>
      <c r="G74848" s="1" t="s">
        <v>249560</v>
      </c>
      <c r="H74848" s="1" t="s">
        <v>249561</v>
      </c>
      <c r="I74848" s="1" t="s">
        <v>247053</v>
      </c>
      <c r="J74848" s="1" t="s">
        <v>249567</v>
      </c>
    </row>
    <row r="74849" spans="1:10" x14ac:dyDescent="0.35">
      <c r="A74849" s="1" t="s">
        <v>47327</v>
      </c>
      <c r="B74849" s="1" t="s">
        <v>247048</v>
      </c>
      <c r="C74849" s="1" t="s">
        <v>25</v>
      </c>
      <c r="D74849" s="1" t="s">
        <v>114471</v>
      </c>
      <c r="E74849" s="1" t="s">
        <v>249568</v>
      </c>
      <c r="F74849" s="1" t="s">
        <v>249569</v>
      </c>
      <c r="G74849" s="1" t="s">
        <v>249560</v>
      </c>
      <c r="H74849" s="1" t="s">
        <v>249561</v>
      </c>
      <c r="I74849" s="1" t="s">
        <v>247053</v>
      </c>
      <c r="J74849" s="1" t="s">
        <v>249570</v>
      </c>
    </row>
    <row r="74850" spans="1:10" x14ac:dyDescent="0.35">
      <c r="A74850" s="1" t="s">
        <v>47327</v>
      </c>
      <c r="B74850" s="1" t="s">
        <v>247048</v>
      </c>
      <c r="C74850" s="1" t="s">
        <v>30</v>
      </c>
      <c r="D74850" s="1" t="s">
        <v>1166</v>
      </c>
      <c r="E74850" s="1" t="s">
        <v>249571</v>
      </c>
      <c r="F74850" s="1" t="s">
        <v>249572</v>
      </c>
      <c r="G74850" s="1" t="s">
        <v>249560</v>
      </c>
      <c r="H74850" s="1" t="s">
        <v>249561</v>
      </c>
      <c r="I74850" s="1" t="s">
        <v>247053</v>
      </c>
      <c r="J74850" s="1" t="s">
        <v>249573</v>
      </c>
    </row>
    <row r="74851" spans="1:10" x14ac:dyDescent="0.35">
      <c r="A74851" s="1" t="s">
        <v>47327</v>
      </c>
      <c r="B74851" s="1" t="s">
        <v>247048</v>
      </c>
      <c r="C74851" s="1" t="s">
        <v>35</v>
      </c>
      <c r="D74851" s="1" t="s">
        <v>3577</v>
      </c>
      <c r="E74851" s="1" t="s">
        <v>249574</v>
      </c>
      <c r="F74851" s="1" t="s">
        <v>249575</v>
      </c>
      <c r="G74851" s="1" t="s">
        <v>249560</v>
      </c>
      <c r="H74851" s="1" t="s">
        <v>249561</v>
      </c>
      <c r="I74851" s="1" t="s">
        <v>247053</v>
      </c>
      <c r="J74851" s="1" t="s">
        <v>249576</v>
      </c>
    </row>
    <row r="74852" spans="1:10" x14ac:dyDescent="0.35">
      <c r="A74852" s="1" t="s">
        <v>47327</v>
      </c>
      <c r="B74852" s="1" t="s">
        <v>247048</v>
      </c>
      <c r="C74852" s="1" t="s">
        <v>40</v>
      </c>
      <c r="D74852" s="1" t="s">
        <v>29272</v>
      </c>
      <c r="E74852" s="1" t="s">
        <v>249577</v>
      </c>
      <c r="F74852" s="1" t="s">
        <v>249578</v>
      </c>
      <c r="G74852" s="1" t="s">
        <v>249560</v>
      </c>
      <c r="H74852" s="1" t="s">
        <v>249561</v>
      </c>
      <c r="I74852" s="1" t="s">
        <v>247053</v>
      </c>
      <c r="J74852" s="1" t="s">
        <v>249579</v>
      </c>
    </row>
    <row r="74853" spans="1:10" x14ac:dyDescent="0.35">
      <c r="A74853" s="1" t="s">
        <v>47327</v>
      </c>
      <c r="B74853" s="1" t="s">
        <v>247048</v>
      </c>
      <c r="C74853" s="1" t="s">
        <v>45</v>
      </c>
      <c r="D74853" s="1" t="s">
        <v>29637</v>
      </c>
      <c r="E74853" s="1" t="s">
        <v>249580</v>
      </c>
      <c r="F74853" s="1" t="s">
        <v>249581</v>
      </c>
      <c r="G74853" s="1" t="s">
        <v>249560</v>
      </c>
      <c r="H74853" s="1" t="s">
        <v>249561</v>
      </c>
      <c r="I74853" s="1" t="s">
        <v>247053</v>
      </c>
      <c r="J74853" s="1" t="s">
        <v>249582</v>
      </c>
    </row>
    <row r="74854" spans="1:10" x14ac:dyDescent="0.35">
      <c r="A74854" s="1" t="s">
        <v>47327</v>
      </c>
      <c r="B74854" s="1" t="s">
        <v>247048</v>
      </c>
      <c r="C74854" s="1" t="s">
        <v>50</v>
      </c>
      <c r="D74854" s="1" t="s">
        <v>5523</v>
      </c>
      <c r="E74854" s="1" t="s">
        <v>249583</v>
      </c>
      <c r="F74854" s="1" t="s">
        <v>249584</v>
      </c>
      <c r="G74854" s="1" t="s">
        <v>249560</v>
      </c>
      <c r="H74854" s="1" t="s">
        <v>249561</v>
      </c>
      <c r="I74854" s="1" t="s">
        <v>247053</v>
      </c>
      <c r="J74854" s="1" t="s">
        <v>249585</v>
      </c>
    </row>
    <row r="74855" spans="1:10" x14ac:dyDescent="0.35">
      <c r="A74855" s="1" t="s">
        <v>47327</v>
      </c>
      <c r="B74855" s="1" t="s">
        <v>247048</v>
      </c>
      <c r="C74855" s="1" t="s">
        <v>55</v>
      </c>
      <c r="D74855" s="1" t="s">
        <v>8499</v>
      </c>
      <c r="E74855" s="1" t="s">
        <v>249586</v>
      </c>
      <c r="F74855" s="1" t="s">
        <v>249587</v>
      </c>
      <c r="G74855" s="1" t="s">
        <v>249560</v>
      </c>
      <c r="H74855" s="1" t="s">
        <v>249561</v>
      </c>
      <c r="I74855" s="1" t="s">
        <v>247053</v>
      </c>
      <c r="J74855" s="1" t="s">
        <v>249588</v>
      </c>
    </row>
    <row r="74856" spans="1:10" x14ac:dyDescent="0.35">
      <c r="A74856" s="1" t="s">
        <v>47327</v>
      </c>
      <c r="B74856" s="1" t="s">
        <v>247048</v>
      </c>
      <c r="C74856" s="1" t="s">
        <v>60</v>
      </c>
      <c r="D74856" s="1" t="s">
        <v>40</v>
      </c>
      <c r="E74856" s="1" t="s">
        <v>249589</v>
      </c>
      <c r="F74856" s="1" t="s">
        <v>249590</v>
      </c>
      <c r="G74856" s="1" t="s">
        <v>249560</v>
      </c>
      <c r="H74856" s="1" t="s">
        <v>249561</v>
      </c>
      <c r="I74856" s="1" t="s">
        <v>247053</v>
      </c>
      <c r="J74856" s="1" t="s">
        <v>165798</v>
      </c>
    </row>
    <row r="74857" spans="1:10" x14ac:dyDescent="0.35">
      <c r="A74857" s="1" t="s">
        <v>47327</v>
      </c>
      <c r="B74857" s="1" t="s">
        <v>247048</v>
      </c>
      <c r="C74857" s="1" t="s">
        <v>65</v>
      </c>
      <c r="D74857" s="1" t="s">
        <v>1383</v>
      </c>
      <c r="E74857" s="1" t="s">
        <v>249591</v>
      </c>
      <c r="F74857" s="1" t="s">
        <v>249592</v>
      </c>
      <c r="G74857" s="1" t="s">
        <v>249560</v>
      </c>
      <c r="H74857" s="1" t="s">
        <v>249561</v>
      </c>
      <c r="I74857" s="1" t="s">
        <v>247053</v>
      </c>
      <c r="J74857" s="1" t="s">
        <v>249593</v>
      </c>
    </row>
    <row r="74858" spans="1:10" x14ac:dyDescent="0.35">
      <c r="A74858" s="1" t="s">
        <v>47327</v>
      </c>
      <c r="B74858" s="1" t="s">
        <v>247048</v>
      </c>
      <c r="C74858" s="1" t="s">
        <v>70</v>
      </c>
      <c r="D74858" s="1" t="s">
        <v>10087</v>
      </c>
      <c r="E74858" s="1" t="s">
        <v>249594</v>
      </c>
      <c r="F74858" s="1" t="s">
        <v>249595</v>
      </c>
      <c r="G74858" s="1" t="s">
        <v>249560</v>
      </c>
      <c r="H74858" s="1" t="s">
        <v>249561</v>
      </c>
      <c r="I74858" s="1" t="s">
        <v>247053</v>
      </c>
      <c r="J74858" s="1" t="s">
        <v>249596</v>
      </c>
    </row>
    <row r="74859" spans="1:10" x14ac:dyDescent="0.35">
      <c r="A74859" s="1" t="s">
        <v>47327</v>
      </c>
      <c r="B74859" s="1" t="s">
        <v>247048</v>
      </c>
      <c r="C74859" s="1" t="s">
        <v>75</v>
      </c>
      <c r="D74859" s="1" t="s">
        <v>10053</v>
      </c>
      <c r="E74859" s="1" t="s">
        <v>249597</v>
      </c>
      <c r="F74859" s="1" t="s">
        <v>249598</v>
      </c>
      <c r="G74859" s="1" t="s">
        <v>249560</v>
      </c>
      <c r="H74859" s="1" t="s">
        <v>249561</v>
      </c>
      <c r="I74859" s="1" t="s">
        <v>247053</v>
      </c>
      <c r="J74859" s="1" t="s">
        <v>249599</v>
      </c>
    </row>
    <row r="74860" spans="1:10" x14ac:dyDescent="0.35">
      <c r="A74860" s="1" t="s">
        <v>47327</v>
      </c>
      <c r="B74860" s="1" t="s">
        <v>247048</v>
      </c>
      <c r="C74860" s="1" t="s">
        <v>80</v>
      </c>
      <c r="D74860" s="1" t="s">
        <v>44542</v>
      </c>
      <c r="E74860" s="1" t="s">
        <v>249600</v>
      </c>
      <c r="F74860" s="1" t="s">
        <v>249601</v>
      </c>
      <c r="G74860" s="1" t="s">
        <v>249560</v>
      </c>
      <c r="H74860" s="1" t="s">
        <v>249561</v>
      </c>
      <c r="I74860" s="1" t="s">
        <v>247053</v>
      </c>
      <c r="J74860" s="1" t="s">
        <v>249602</v>
      </c>
    </row>
    <row r="74861" spans="1:10" x14ac:dyDescent="0.35">
      <c r="A74861" s="1" t="s">
        <v>47327</v>
      </c>
      <c r="B74861" s="1" t="s">
        <v>247048</v>
      </c>
      <c r="C74861" s="1" t="s">
        <v>85</v>
      </c>
      <c r="D74861" s="1" t="s">
        <v>45631</v>
      </c>
      <c r="E74861" s="1" t="s">
        <v>249603</v>
      </c>
      <c r="F74861" s="1" t="s">
        <v>249604</v>
      </c>
      <c r="G74861" s="1" t="s">
        <v>249560</v>
      </c>
      <c r="H74861" s="1" t="s">
        <v>249561</v>
      </c>
      <c r="I74861" s="1" t="s">
        <v>247053</v>
      </c>
      <c r="J74861" s="1" t="s">
        <v>249605</v>
      </c>
    </row>
    <row r="74862" spans="1:10" x14ac:dyDescent="0.35">
      <c r="A74862" s="1" t="s">
        <v>47327</v>
      </c>
      <c r="B74862" s="1" t="s">
        <v>247048</v>
      </c>
      <c r="C74862" s="1" t="s">
        <v>90</v>
      </c>
      <c r="D74862" s="1" t="s">
        <v>29664</v>
      </c>
      <c r="E74862" s="1" t="s">
        <v>249606</v>
      </c>
      <c r="F74862" s="1" t="s">
        <v>249607</v>
      </c>
      <c r="G74862" s="1" t="s">
        <v>249560</v>
      </c>
      <c r="H74862" s="1" t="s">
        <v>249561</v>
      </c>
      <c r="I74862" s="1" t="s">
        <v>247053</v>
      </c>
      <c r="J74862" s="1" t="s">
        <v>249608</v>
      </c>
    </row>
    <row r="74863" spans="1:10" x14ac:dyDescent="0.35">
      <c r="A74863" s="1" t="s">
        <v>47327</v>
      </c>
      <c r="B74863" s="1" t="s">
        <v>247048</v>
      </c>
      <c r="C74863" s="1" t="s">
        <v>95</v>
      </c>
      <c r="D74863" s="1" t="s">
        <v>26026</v>
      </c>
      <c r="E74863" s="1" t="s">
        <v>249609</v>
      </c>
      <c r="F74863" s="1" t="s">
        <v>249610</v>
      </c>
      <c r="G74863" s="1" t="s">
        <v>249560</v>
      </c>
      <c r="H74863" s="1" t="s">
        <v>249561</v>
      </c>
      <c r="I74863" s="1" t="s">
        <v>247053</v>
      </c>
      <c r="J74863" s="1" t="s">
        <v>249611</v>
      </c>
    </row>
    <row r="74864" spans="1:10" x14ac:dyDescent="0.35">
      <c r="A74864" s="1" t="s">
        <v>47327</v>
      </c>
      <c r="B74864" s="1" t="s">
        <v>247048</v>
      </c>
      <c r="C74864" s="1" t="s">
        <v>100</v>
      </c>
      <c r="D74864" s="1" t="s">
        <v>144234</v>
      </c>
      <c r="E74864" s="1" t="s">
        <v>249612</v>
      </c>
      <c r="F74864" s="1" t="s">
        <v>249613</v>
      </c>
      <c r="G74864" s="1" t="s">
        <v>249560</v>
      </c>
      <c r="H74864" s="1" t="s">
        <v>249561</v>
      </c>
      <c r="I74864" s="1" t="s">
        <v>247053</v>
      </c>
      <c r="J74864" s="1" t="s">
        <v>249614</v>
      </c>
    </row>
    <row r="74865" spans="1:10" x14ac:dyDescent="0.35">
      <c r="A74865" s="1" t="s">
        <v>47327</v>
      </c>
      <c r="B74865" s="1" t="s">
        <v>247048</v>
      </c>
      <c r="C74865" s="1" t="s">
        <v>105</v>
      </c>
      <c r="D74865" s="1" t="s">
        <v>205347</v>
      </c>
      <c r="E74865" s="1" t="s">
        <v>249615</v>
      </c>
      <c r="F74865" s="1" t="s">
        <v>249616</v>
      </c>
      <c r="G74865" s="1" t="s">
        <v>249560</v>
      </c>
      <c r="H74865" s="1" t="s">
        <v>249561</v>
      </c>
      <c r="I74865" s="1" t="s">
        <v>247053</v>
      </c>
      <c r="J74865" s="1" t="s">
        <v>249617</v>
      </c>
    </row>
    <row r="74866" spans="1:10" x14ac:dyDescent="0.35">
      <c r="A74866" s="1" t="s">
        <v>47327</v>
      </c>
      <c r="B74866" s="1" t="s">
        <v>247048</v>
      </c>
      <c r="C74866" s="1" t="s">
        <v>110</v>
      </c>
      <c r="D74866" s="1" t="s">
        <v>51087</v>
      </c>
      <c r="E74866" s="1" t="s">
        <v>249618</v>
      </c>
      <c r="F74866" s="1" t="s">
        <v>249619</v>
      </c>
      <c r="G74866" s="1" t="s">
        <v>249560</v>
      </c>
      <c r="H74866" s="1" t="s">
        <v>249561</v>
      </c>
      <c r="I74866" s="1" t="s">
        <v>247053</v>
      </c>
      <c r="J74866" s="1" t="s">
        <v>249620</v>
      </c>
    </row>
    <row r="74867" spans="1:10" x14ac:dyDescent="0.35">
      <c r="A74867" s="1" t="s">
        <v>47327</v>
      </c>
      <c r="B74867" s="1" t="s">
        <v>247048</v>
      </c>
      <c r="C74867" s="1" t="s">
        <v>115</v>
      </c>
      <c r="D74867" s="1" t="s">
        <v>111031</v>
      </c>
      <c r="E74867" s="1" t="s">
        <v>249621</v>
      </c>
      <c r="F74867" s="1" t="s">
        <v>249622</v>
      </c>
      <c r="G74867" s="1" t="s">
        <v>249560</v>
      </c>
      <c r="H74867" s="1" t="s">
        <v>249561</v>
      </c>
      <c r="I74867" s="1" t="s">
        <v>247053</v>
      </c>
      <c r="J74867" s="1" t="s">
        <v>249623</v>
      </c>
    </row>
    <row r="74868" spans="1:10" x14ac:dyDescent="0.35">
      <c r="A74868" s="1" t="s">
        <v>47327</v>
      </c>
      <c r="B74868" s="1" t="s">
        <v>247048</v>
      </c>
      <c r="C74868" s="1" t="s">
        <v>120</v>
      </c>
      <c r="D74868" s="1" t="s">
        <v>216291</v>
      </c>
      <c r="E74868" s="1" t="s">
        <v>249624</v>
      </c>
      <c r="F74868" s="1" t="s">
        <v>249625</v>
      </c>
      <c r="G74868" s="1" t="s">
        <v>249560</v>
      </c>
      <c r="H74868" s="1" t="s">
        <v>249561</v>
      </c>
      <c r="I74868" s="1" t="s">
        <v>247053</v>
      </c>
      <c r="J74868" s="1" t="s">
        <v>249626</v>
      </c>
    </row>
    <row r="74869" spans="1:10" x14ac:dyDescent="0.35">
      <c r="A74869" s="1" t="s">
        <v>47327</v>
      </c>
      <c r="B74869" s="1" t="s">
        <v>247048</v>
      </c>
      <c r="C74869" s="1" t="s">
        <v>125</v>
      </c>
      <c r="D74869" s="1" t="s">
        <v>2905</v>
      </c>
      <c r="E74869" s="1" t="s">
        <v>249627</v>
      </c>
      <c r="F74869" s="1" t="s">
        <v>249628</v>
      </c>
      <c r="G74869" s="1" t="s">
        <v>249560</v>
      </c>
      <c r="H74869" s="1" t="s">
        <v>249561</v>
      </c>
      <c r="I74869" s="1" t="s">
        <v>247053</v>
      </c>
      <c r="J74869" s="1" t="s">
        <v>249629</v>
      </c>
    </row>
    <row r="74870" spans="1:10" x14ac:dyDescent="0.35">
      <c r="A74870" s="1" t="s">
        <v>47327</v>
      </c>
      <c r="B74870" s="1" t="s">
        <v>247048</v>
      </c>
      <c r="C74870" s="1" t="s">
        <v>130</v>
      </c>
      <c r="D74870" s="1" t="s">
        <v>7598</v>
      </c>
      <c r="E74870" s="1" t="s">
        <v>249630</v>
      </c>
      <c r="F74870" s="1" t="s">
        <v>249631</v>
      </c>
      <c r="G74870" s="1" t="s">
        <v>249560</v>
      </c>
      <c r="H74870" s="1" t="s">
        <v>249561</v>
      </c>
      <c r="I74870" s="1" t="s">
        <v>247053</v>
      </c>
      <c r="J74870" s="1" t="s">
        <v>249632</v>
      </c>
    </row>
    <row r="74871" spans="1:10" x14ac:dyDescent="0.35">
      <c r="A74871" s="1" t="s">
        <v>47327</v>
      </c>
      <c r="B74871" s="1" t="s">
        <v>247048</v>
      </c>
      <c r="C74871" s="1" t="s">
        <v>135</v>
      </c>
      <c r="D74871" s="1" t="s">
        <v>37303</v>
      </c>
      <c r="E74871" s="1" t="s">
        <v>249633</v>
      </c>
      <c r="F74871" s="1" t="s">
        <v>249634</v>
      </c>
      <c r="G74871" s="1" t="s">
        <v>249560</v>
      </c>
      <c r="H74871" s="1" t="s">
        <v>249561</v>
      </c>
      <c r="I74871" s="1" t="s">
        <v>247053</v>
      </c>
      <c r="J74871" s="1" t="s">
        <v>249635</v>
      </c>
    </row>
    <row r="74872" spans="1:10" x14ac:dyDescent="0.35">
      <c r="A74872" s="1" t="s">
        <v>47327</v>
      </c>
      <c r="B74872" s="1" t="s">
        <v>247048</v>
      </c>
      <c r="C74872" s="1" t="s">
        <v>140</v>
      </c>
      <c r="D74872" s="1" t="s">
        <v>16348</v>
      </c>
      <c r="E74872" s="1" t="s">
        <v>249636</v>
      </c>
      <c r="F74872" s="1" t="s">
        <v>249637</v>
      </c>
      <c r="G74872" s="1" t="s">
        <v>249560</v>
      </c>
      <c r="H74872" s="1" t="s">
        <v>249561</v>
      </c>
      <c r="I74872" s="1" t="s">
        <v>247053</v>
      </c>
      <c r="J74872" s="1" t="s">
        <v>249638</v>
      </c>
    </row>
    <row r="74873" spans="1:10" x14ac:dyDescent="0.35">
      <c r="A74873" s="1" t="s">
        <v>47327</v>
      </c>
      <c r="B74873" s="1" t="s">
        <v>247048</v>
      </c>
      <c r="C74873" s="1" t="s">
        <v>145</v>
      </c>
      <c r="D74873" s="1" t="s">
        <v>14568</v>
      </c>
      <c r="E74873" s="1" t="s">
        <v>249639</v>
      </c>
      <c r="F74873" s="1" t="s">
        <v>249640</v>
      </c>
      <c r="G74873" s="1" t="s">
        <v>249560</v>
      </c>
      <c r="H74873" s="1" t="s">
        <v>249561</v>
      </c>
      <c r="I74873" s="1" t="s">
        <v>247053</v>
      </c>
      <c r="J74873" s="1" t="s">
        <v>249641</v>
      </c>
    </row>
    <row r="74874" spans="1:10" x14ac:dyDescent="0.35">
      <c r="A74874" s="1" t="s">
        <v>47327</v>
      </c>
      <c r="B74874" s="1" t="s">
        <v>247048</v>
      </c>
      <c r="C74874" s="1" t="s">
        <v>150</v>
      </c>
      <c r="D74874" s="1" t="s">
        <v>111154</v>
      </c>
      <c r="E74874" s="1" t="s">
        <v>249642</v>
      </c>
      <c r="F74874" s="1" t="s">
        <v>249643</v>
      </c>
      <c r="G74874" s="1" t="s">
        <v>249560</v>
      </c>
      <c r="H74874" s="1" t="s">
        <v>249561</v>
      </c>
      <c r="I74874" s="1" t="s">
        <v>247053</v>
      </c>
      <c r="J74874" s="1" t="s">
        <v>249644</v>
      </c>
    </row>
    <row r="74875" spans="1:10" x14ac:dyDescent="0.35">
      <c r="A74875" s="1" t="s">
        <v>47327</v>
      </c>
      <c r="B74875" s="1" t="s">
        <v>247048</v>
      </c>
      <c r="C74875" s="1" t="s">
        <v>155</v>
      </c>
      <c r="D74875" s="1" t="s">
        <v>220920</v>
      </c>
      <c r="E74875" s="1" t="s">
        <v>249645</v>
      </c>
      <c r="F74875" s="1" t="s">
        <v>249646</v>
      </c>
      <c r="G74875" s="1" t="s">
        <v>249560</v>
      </c>
      <c r="H74875" s="1" t="s">
        <v>249561</v>
      </c>
      <c r="I74875" s="1" t="s">
        <v>247053</v>
      </c>
      <c r="J74875" s="1" t="s">
        <v>249647</v>
      </c>
    </row>
    <row r="74876" spans="1:10" x14ac:dyDescent="0.35">
      <c r="A74876" s="1" t="s">
        <v>47327</v>
      </c>
      <c r="B74876" s="1" t="s">
        <v>247048</v>
      </c>
      <c r="C74876" s="1" t="s">
        <v>160</v>
      </c>
      <c r="D74876" s="1" t="s">
        <v>36771</v>
      </c>
      <c r="E74876" s="1" t="s">
        <v>249648</v>
      </c>
      <c r="F74876" s="1" t="s">
        <v>249649</v>
      </c>
      <c r="G74876" s="1" t="s">
        <v>249560</v>
      </c>
      <c r="H74876" s="1" t="s">
        <v>249561</v>
      </c>
      <c r="I74876" s="1" t="s">
        <v>247053</v>
      </c>
      <c r="J74876" s="1" t="s">
        <v>249650</v>
      </c>
    </row>
    <row r="74877" spans="1:10" x14ac:dyDescent="0.35">
      <c r="A74877" s="1" t="s">
        <v>47327</v>
      </c>
      <c r="B74877" s="1" t="s">
        <v>247048</v>
      </c>
      <c r="C74877" s="1" t="s">
        <v>165</v>
      </c>
      <c r="D74877" s="1" t="s">
        <v>181818</v>
      </c>
      <c r="E74877" s="1" t="s">
        <v>249651</v>
      </c>
      <c r="F74877" s="1" t="s">
        <v>249652</v>
      </c>
      <c r="G74877" s="1" t="s">
        <v>249560</v>
      </c>
      <c r="H74877" s="1" t="s">
        <v>249561</v>
      </c>
      <c r="I74877" s="1" t="s">
        <v>247053</v>
      </c>
      <c r="J74877" s="1" t="s">
        <v>249653</v>
      </c>
    </row>
    <row r="74878" spans="1:10" x14ac:dyDescent="0.35">
      <c r="A74878" s="1" t="s">
        <v>47327</v>
      </c>
      <c r="B74878" s="1" t="s">
        <v>247048</v>
      </c>
      <c r="C74878" s="1" t="s">
        <v>170</v>
      </c>
      <c r="D74878" s="1" t="s">
        <v>126506</v>
      </c>
      <c r="E74878" s="1" t="s">
        <v>249654</v>
      </c>
      <c r="F74878" s="1" t="s">
        <v>249655</v>
      </c>
      <c r="G74878" s="1" t="s">
        <v>249560</v>
      </c>
      <c r="H74878" s="1" t="s">
        <v>249561</v>
      </c>
      <c r="I74878" s="1" t="s">
        <v>247053</v>
      </c>
      <c r="J74878" s="1" t="s">
        <v>249656</v>
      </c>
    </row>
    <row r="74879" spans="1:10" x14ac:dyDescent="0.35">
      <c r="A74879" s="1" t="s">
        <v>10302</v>
      </c>
      <c r="B74879" s="1" t="s">
        <v>247048</v>
      </c>
      <c r="C74879" s="1" t="s">
        <v>8</v>
      </c>
      <c r="D74879" s="1" t="s">
        <v>122042</v>
      </c>
      <c r="E74879" s="1" t="s">
        <v>12234</v>
      </c>
      <c r="F74879" s="1" t="s">
        <v>249657</v>
      </c>
      <c r="G74879" s="1" t="s">
        <v>249658</v>
      </c>
      <c r="H74879" s="1" t="s">
        <v>249659</v>
      </c>
      <c r="I74879" s="1" t="s">
        <v>247053</v>
      </c>
      <c r="J74879" s="1" t="s">
        <v>13</v>
      </c>
    </row>
    <row r="74880" spans="1:10" x14ac:dyDescent="0.35">
      <c r="A74880" s="1" t="s">
        <v>10302</v>
      </c>
      <c r="B74880" s="1" t="s">
        <v>247048</v>
      </c>
      <c r="C74880" s="1" t="s">
        <v>15</v>
      </c>
      <c r="D74880" s="1" t="s">
        <v>121180</v>
      </c>
      <c r="E74880" s="1" t="s">
        <v>204082</v>
      </c>
      <c r="F74880" s="1" t="s">
        <v>249660</v>
      </c>
      <c r="G74880" s="1" t="s">
        <v>249658</v>
      </c>
      <c r="H74880" s="1" t="s">
        <v>249659</v>
      </c>
      <c r="I74880" s="1" t="s">
        <v>247053</v>
      </c>
      <c r="J74880" s="1" t="s">
        <v>249661</v>
      </c>
    </row>
    <row r="74881" spans="1:10" x14ac:dyDescent="0.35">
      <c r="A74881" s="1" t="s">
        <v>10302</v>
      </c>
      <c r="B74881" s="1" t="s">
        <v>247048</v>
      </c>
      <c r="C74881" s="1" t="s">
        <v>20</v>
      </c>
      <c r="D74881" s="1" t="s">
        <v>13130</v>
      </c>
      <c r="E74881" s="1" t="s">
        <v>111462</v>
      </c>
      <c r="F74881" s="1" t="s">
        <v>249662</v>
      </c>
      <c r="G74881" s="1" t="s">
        <v>249658</v>
      </c>
      <c r="H74881" s="1" t="s">
        <v>249659</v>
      </c>
      <c r="I74881" s="1" t="s">
        <v>247053</v>
      </c>
      <c r="J74881" s="1" t="s">
        <v>249663</v>
      </c>
    </row>
    <row r="74882" spans="1:10" x14ac:dyDescent="0.35">
      <c r="A74882" s="1" t="s">
        <v>10302</v>
      </c>
      <c r="B74882" s="1" t="s">
        <v>247048</v>
      </c>
      <c r="C74882" s="1" t="s">
        <v>25</v>
      </c>
      <c r="D74882" s="1" t="s">
        <v>138839</v>
      </c>
      <c r="E74882" s="1" t="s">
        <v>247479</v>
      </c>
      <c r="F74882" s="1" t="s">
        <v>249664</v>
      </c>
      <c r="G74882" s="1" t="s">
        <v>249658</v>
      </c>
      <c r="H74882" s="1" t="s">
        <v>249659</v>
      </c>
      <c r="I74882" s="1" t="s">
        <v>247053</v>
      </c>
      <c r="J74882" s="1" t="s">
        <v>249665</v>
      </c>
    </row>
    <row r="74883" spans="1:10" x14ac:dyDescent="0.35">
      <c r="A74883" s="1" t="s">
        <v>10302</v>
      </c>
      <c r="B74883" s="1" t="s">
        <v>247048</v>
      </c>
      <c r="C74883" s="1" t="s">
        <v>30</v>
      </c>
      <c r="D74883" s="1" t="s">
        <v>4488</v>
      </c>
      <c r="E74883" s="1" t="s">
        <v>204082</v>
      </c>
      <c r="F74883" s="1" t="s">
        <v>249666</v>
      </c>
      <c r="G74883" s="1" t="s">
        <v>249658</v>
      </c>
      <c r="H74883" s="1" t="s">
        <v>249659</v>
      </c>
      <c r="I74883" s="1" t="s">
        <v>247053</v>
      </c>
      <c r="J74883" s="1" t="s">
        <v>249667</v>
      </c>
    </row>
    <row r="74884" spans="1:10" x14ac:dyDescent="0.35">
      <c r="A74884" s="1" t="s">
        <v>10302</v>
      </c>
      <c r="B74884" s="1" t="s">
        <v>247048</v>
      </c>
      <c r="C74884" s="1" t="s">
        <v>35</v>
      </c>
      <c r="D74884" s="1" t="s">
        <v>28879</v>
      </c>
      <c r="E74884" s="1" t="s">
        <v>202022</v>
      </c>
      <c r="F74884" s="1" t="s">
        <v>249668</v>
      </c>
      <c r="G74884" s="1" t="s">
        <v>249658</v>
      </c>
      <c r="H74884" s="1" t="s">
        <v>249659</v>
      </c>
      <c r="I74884" s="1" t="s">
        <v>247053</v>
      </c>
      <c r="J74884" s="1" t="s">
        <v>249669</v>
      </c>
    </row>
    <row r="74885" spans="1:10" x14ac:dyDescent="0.35">
      <c r="A74885" s="1" t="s">
        <v>10302</v>
      </c>
      <c r="B74885" s="1" t="s">
        <v>247048</v>
      </c>
      <c r="C74885" s="1" t="s">
        <v>40</v>
      </c>
      <c r="D74885" s="1" t="s">
        <v>135</v>
      </c>
      <c r="E74885" s="1" t="s">
        <v>8622</v>
      </c>
      <c r="F74885" s="1" t="s">
        <v>249670</v>
      </c>
      <c r="G74885" s="1" t="s">
        <v>249658</v>
      </c>
      <c r="H74885" s="1" t="s">
        <v>249659</v>
      </c>
      <c r="I74885" s="1" t="s">
        <v>247053</v>
      </c>
      <c r="J74885" s="1" t="s">
        <v>249671</v>
      </c>
    </row>
    <row r="74886" spans="1:10" x14ac:dyDescent="0.35">
      <c r="A74886" s="1" t="s">
        <v>10302</v>
      </c>
      <c r="B74886" s="1" t="s">
        <v>247048</v>
      </c>
      <c r="C74886" s="1" t="s">
        <v>45</v>
      </c>
      <c r="D74886" s="1" t="s">
        <v>3957</v>
      </c>
      <c r="E74886" s="1" t="s">
        <v>202510</v>
      </c>
      <c r="F74886" s="1" t="s">
        <v>249672</v>
      </c>
      <c r="G74886" s="1" t="s">
        <v>249658</v>
      </c>
      <c r="H74886" s="1" t="s">
        <v>249659</v>
      </c>
      <c r="I74886" s="1" t="s">
        <v>247053</v>
      </c>
      <c r="J74886" s="1" t="s">
        <v>249673</v>
      </c>
    </row>
    <row r="74887" spans="1:10" x14ac:dyDescent="0.35">
      <c r="A74887" s="1" t="s">
        <v>10302</v>
      </c>
      <c r="B74887" s="1" t="s">
        <v>247048</v>
      </c>
      <c r="C74887" s="1" t="s">
        <v>50</v>
      </c>
      <c r="D74887" s="1" t="s">
        <v>110501</v>
      </c>
      <c r="E74887" s="1" t="s">
        <v>249674</v>
      </c>
      <c r="F74887" s="1" t="s">
        <v>249675</v>
      </c>
      <c r="G74887" s="1" t="s">
        <v>249658</v>
      </c>
      <c r="H74887" s="1" t="s">
        <v>249659</v>
      </c>
      <c r="I74887" s="1" t="s">
        <v>247053</v>
      </c>
      <c r="J74887" s="1" t="s">
        <v>249676</v>
      </c>
    </row>
    <row r="74888" spans="1:10" x14ac:dyDescent="0.35">
      <c r="A74888" s="1" t="s">
        <v>10302</v>
      </c>
      <c r="B74888" s="1" t="s">
        <v>247048</v>
      </c>
      <c r="C74888" s="1" t="s">
        <v>55</v>
      </c>
      <c r="D74888" s="1" t="s">
        <v>27776</v>
      </c>
      <c r="E74888" s="1" t="s">
        <v>249677</v>
      </c>
      <c r="F74888" s="1" t="s">
        <v>249678</v>
      </c>
      <c r="G74888" s="1" t="s">
        <v>249658</v>
      </c>
      <c r="H74888" s="1" t="s">
        <v>249659</v>
      </c>
      <c r="I74888" s="1" t="s">
        <v>247053</v>
      </c>
      <c r="J74888" s="1" t="s">
        <v>249679</v>
      </c>
    </row>
    <row r="74889" spans="1:10" x14ac:dyDescent="0.35">
      <c r="A74889" s="1" t="s">
        <v>10302</v>
      </c>
      <c r="B74889" s="1" t="s">
        <v>247048</v>
      </c>
      <c r="C74889" s="1" t="s">
        <v>60</v>
      </c>
      <c r="D74889" s="1" t="s">
        <v>14138</v>
      </c>
      <c r="E74889" s="1" t="s">
        <v>12138</v>
      </c>
      <c r="F74889" s="1" t="s">
        <v>249680</v>
      </c>
      <c r="G74889" s="1" t="s">
        <v>249658</v>
      </c>
      <c r="H74889" s="1" t="s">
        <v>249659</v>
      </c>
      <c r="I74889" s="1" t="s">
        <v>247053</v>
      </c>
      <c r="J74889" s="1" t="s">
        <v>249681</v>
      </c>
    </row>
    <row r="74890" spans="1:10" x14ac:dyDescent="0.35">
      <c r="A74890" s="1" t="s">
        <v>10302</v>
      </c>
      <c r="B74890" s="1" t="s">
        <v>247048</v>
      </c>
      <c r="C74890" s="1" t="s">
        <v>65</v>
      </c>
      <c r="D74890" s="1" t="s">
        <v>29082</v>
      </c>
      <c r="E74890" s="1" t="s">
        <v>205549</v>
      </c>
      <c r="F74890" s="1" t="s">
        <v>202568</v>
      </c>
      <c r="G74890" s="1" t="s">
        <v>249658</v>
      </c>
      <c r="H74890" s="1" t="s">
        <v>249659</v>
      </c>
      <c r="I74890" s="1" t="s">
        <v>247053</v>
      </c>
      <c r="J74890" s="1" t="s">
        <v>249682</v>
      </c>
    </row>
    <row r="74891" spans="1:10" x14ac:dyDescent="0.35">
      <c r="A74891" s="1" t="s">
        <v>10302</v>
      </c>
      <c r="B74891" s="1" t="s">
        <v>247048</v>
      </c>
      <c r="C74891" s="1" t="s">
        <v>70</v>
      </c>
      <c r="D74891" s="1" t="s">
        <v>143697</v>
      </c>
      <c r="E74891" s="1" t="s">
        <v>247479</v>
      </c>
      <c r="F74891" s="1" t="s">
        <v>249683</v>
      </c>
      <c r="G74891" s="1" t="s">
        <v>249658</v>
      </c>
      <c r="H74891" s="1" t="s">
        <v>249659</v>
      </c>
      <c r="I74891" s="1" t="s">
        <v>247053</v>
      </c>
      <c r="J74891" s="1" t="s">
        <v>249684</v>
      </c>
    </row>
    <row r="74892" spans="1:10" x14ac:dyDescent="0.35">
      <c r="A74892" s="1" t="s">
        <v>10302</v>
      </c>
      <c r="B74892" s="1" t="s">
        <v>247048</v>
      </c>
      <c r="C74892" s="1" t="s">
        <v>75</v>
      </c>
      <c r="D74892" s="1" t="s">
        <v>15063</v>
      </c>
      <c r="E74892" s="1" t="s">
        <v>205556</v>
      </c>
      <c r="F74892" s="1" t="s">
        <v>249685</v>
      </c>
      <c r="G74892" s="1" t="s">
        <v>249658</v>
      </c>
      <c r="H74892" s="1" t="s">
        <v>249659</v>
      </c>
      <c r="I74892" s="1" t="s">
        <v>247053</v>
      </c>
      <c r="J74892" s="1" t="s">
        <v>249686</v>
      </c>
    </row>
    <row r="74893" spans="1:10" x14ac:dyDescent="0.35">
      <c r="A74893" s="1" t="s">
        <v>10302</v>
      </c>
      <c r="B74893" s="1" t="s">
        <v>247048</v>
      </c>
      <c r="C74893" s="1" t="s">
        <v>80</v>
      </c>
      <c r="D74893" s="1" t="s">
        <v>237529</v>
      </c>
      <c r="E74893" s="1" t="s">
        <v>110941</v>
      </c>
      <c r="F74893" s="1" t="s">
        <v>249687</v>
      </c>
      <c r="G74893" s="1" t="s">
        <v>249658</v>
      </c>
      <c r="H74893" s="1" t="s">
        <v>249659</v>
      </c>
      <c r="I74893" s="1" t="s">
        <v>247053</v>
      </c>
      <c r="J74893" s="1" t="s">
        <v>249688</v>
      </c>
    </row>
    <row r="74894" spans="1:10" x14ac:dyDescent="0.35">
      <c r="A74894" s="1" t="s">
        <v>10302</v>
      </c>
      <c r="B74894" s="1" t="s">
        <v>247048</v>
      </c>
      <c r="C74894" s="1" t="s">
        <v>85</v>
      </c>
      <c r="D74894" s="1" t="s">
        <v>249689</v>
      </c>
      <c r="E74894" s="1" t="s">
        <v>555</v>
      </c>
      <c r="F74894" s="1" t="s">
        <v>249690</v>
      </c>
      <c r="G74894" s="1" t="s">
        <v>249658</v>
      </c>
      <c r="H74894" s="1" t="s">
        <v>249659</v>
      </c>
      <c r="I74894" s="1" t="s">
        <v>247053</v>
      </c>
      <c r="J74894" s="1" t="s">
        <v>249691</v>
      </c>
    </row>
    <row r="74895" spans="1:10" x14ac:dyDescent="0.35">
      <c r="A74895" s="1" t="s">
        <v>10302</v>
      </c>
      <c r="B74895" s="1" t="s">
        <v>247048</v>
      </c>
      <c r="C74895" s="1" t="s">
        <v>90</v>
      </c>
      <c r="D74895" s="1" t="s">
        <v>119290</v>
      </c>
      <c r="E74895" s="1" t="s">
        <v>27514</v>
      </c>
      <c r="F74895" s="1" t="s">
        <v>249692</v>
      </c>
      <c r="G74895" s="1" t="s">
        <v>249658</v>
      </c>
      <c r="H74895" s="1" t="s">
        <v>249659</v>
      </c>
      <c r="I74895" s="1" t="s">
        <v>247053</v>
      </c>
      <c r="J74895" s="1" t="s">
        <v>249693</v>
      </c>
    </row>
    <row r="74896" spans="1:10" x14ac:dyDescent="0.35">
      <c r="A74896" s="1" t="s">
        <v>10302</v>
      </c>
      <c r="B74896" s="1" t="s">
        <v>247048</v>
      </c>
      <c r="C74896" s="1" t="s">
        <v>95</v>
      </c>
      <c r="D74896" s="1" t="s">
        <v>135482</v>
      </c>
      <c r="E74896" s="1" t="s">
        <v>12743</v>
      </c>
      <c r="F74896" s="1" t="s">
        <v>249694</v>
      </c>
      <c r="G74896" s="1" t="s">
        <v>249658</v>
      </c>
      <c r="H74896" s="1" t="s">
        <v>249659</v>
      </c>
      <c r="I74896" s="1" t="s">
        <v>247053</v>
      </c>
      <c r="J74896" s="1" t="s">
        <v>249695</v>
      </c>
    </row>
    <row r="74897" spans="1:10" x14ac:dyDescent="0.35">
      <c r="A74897" s="1" t="s">
        <v>10302</v>
      </c>
      <c r="B74897" s="1" t="s">
        <v>247048</v>
      </c>
      <c r="C74897" s="1" t="s">
        <v>100</v>
      </c>
      <c r="D74897" s="1" t="s">
        <v>46745</v>
      </c>
      <c r="E74897" s="1" t="s">
        <v>12640</v>
      </c>
      <c r="F74897" s="1" t="s">
        <v>249696</v>
      </c>
      <c r="G74897" s="1" t="s">
        <v>249658</v>
      </c>
      <c r="H74897" s="1" t="s">
        <v>249659</v>
      </c>
      <c r="I74897" s="1" t="s">
        <v>247053</v>
      </c>
      <c r="J74897" s="1" t="s">
        <v>249697</v>
      </c>
    </row>
    <row r="74898" spans="1:10" x14ac:dyDescent="0.35">
      <c r="A74898" s="1" t="s">
        <v>10302</v>
      </c>
      <c r="B74898" s="1" t="s">
        <v>247048</v>
      </c>
      <c r="C74898" s="1" t="s">
        <v>105</v>
      </c>
      <c r="D74898" s="1" t="s">
        <v>74988</v>
      </c>
      <c r="E74898" s="1" t="s">
        <v>555</v>
      </c>
      <c r="F74898" s="1" t="s">
        <v>249698</v>
      </c>
      <c r="G74898" s="1" t="s">
        <v>249658</v>
      </c>
      <c r="H74898" s="1" t="s">
        <v>249659</v>
      </c>
      <c r="I74898" s="1" t="s">
        <v>247053</v>
      </c>
      <c r="J74898" s="1" t="s">
        <v>249699</v>
      </c>
    </row>
    <row r="74899" spans="1:10" x14ac:dyDescent="0.35">
      <c r="A74899" s="1" t="s">
        <v>10302</v>
      </c>
      <c r="B74899" s="1" t="s">
        <v>247048</v>
      </c>
      <c r="C74899" s="1" t="s">
        <v>110</v>
      </c>
      <c r="D74899" s="1" t="s">
        <v>170224</v>
      </c>
      <c r="E74899" s="1" t="s">
        <v>249700</v>
      </c>
      <c r="F74899" s="1" t="s">
        <v>249701</v>
      </c>
      <c r="G74899" s="1" t="s">
        <v>249658</v>
      </c>
      <c r="H74899" s="1" t="s">
        <v>249659</v>
      </c>
      <c r="I74899" s="1" t="s">
        <v>247053</v>
      </c>
      <c r="J74899" s="1" t="s">
        <v>249702</v>
      </c>
    </row>
    <row r="74900" spans="1:10" x14ac:dyDescent="0.35">
      <c r="A74900" s="1" t="s">
        <v>10302</v>
      </c>
      <c r="B74900" s="1" t="s">
        <v>247048</v>
      </c>
      <c r="C74900" s="1" t="s">
        <v>115</v>
      </c>
      <c r="D74900" s="1" t="s">
        <v>149996</v>
      </c>
      <c r="E74900" s="1" t="s">
        <v>7993</v>
      </c>
      <c r="F74900" s="1" t="s">
        <v>249675</v>
      </c>
      <c r="G74900" s="1" t="s">
        <v>249658</v>
      </c>
      <c r="H74900" s="1" t="s">
        <v>249659</v>
      </c>
      <c r="I74900" s="1" t="s">
        <v>247053</v>
      </c>
      <c r="J74900" s="1" t="s">
        <v>249703</v>
      </c>
    </row>
    <row r="74901" spans="1:10" x14ac:dyDescent="0.35">
      <c r="A74901" s="1" t="s">
        <v>10302</v>
      </c>
      <c r="B74901" s="1" t="s">
        <v>247048</v>
      </c>
      <c r="C74901" s="1" t="s">
        <v>120</v>
      </c>
      <c r="D74901" s="1" t="s">
        <v>73194</v>
      </c>
      <c r="E74901" s="1" t="s">
        <v>202011</v>
      </c>
      <c r="F74901" s="1" t="s">
        <v>249675</v>
      </c>
      <c r="G74901" s="1" t="s">
        <v>249658</v>
      </c>
      <c r="H74901" s="1" t="s">
        <v>249659</v>
      </c>
      <c r="I74901" s="1" t="s">
        <v>247053</v>
      </c>
      <c r="J74901" s="1" t="s">
        <v>249704</v>
      </c>
    </row>
    <row r="74902" spans="1:10" x14ac:dyDescent="0.35">
      <c r="A74902" s="1" t="s">
        <v>10302</v>
      </c>
      <c r="B74902" s="1" t="s">
        <v>247048</v>
      </c>
      <c r="C74902" s="1" t="s">
        <v>125</v>
      </c>
      <c r="D74902" s="1" t="s">
        <v>118194</v>
      </c>
      <c r="E74902" s="1" t="s">
        <v>205549</v>
      </c>
      <c r="F74902" s="1" t="s">
        <v>249675</v>
      </c>
      <c r="G74902" s="1" t="s">
        <v>249658</v>
      </c>
      <c r="H74902" s="1" t="s">
        <v>249659</v>
      </c>
      <c r="I74902" s="1" t="s">
        <v>247053</v>
      </c>
      <c r="J74902" s="1" t="s">
        <v>249705</v>
      </c>
    </row>
    <row r="74903" spans="1:10" x14ac:dyDescent="0.35">
      <c r="A74903" s="1" t="s">
        <v>10302</v>
      </c>
      <c r="B74903" s="1" t="s">
        <v>247048</v>
      </c>
      <c r="C74903" s="1" t="s">
        <v>130</v>
      </c>
      <c r="D74903" s="1" t="s">
        <v>249706</v>
      </c>
      <c r="E74903" s="1" t="s">
        <v>249200</v>
      </c>
      <c r="F74903" s="1" t="s">
        <v>249675</v>
      </c>
      <c r="G74903" s="1" t="s">
        <v>249658</v>
      </c>
      <c r="H74903" s="1" t="s">
        <v>249659</v>
      </c>
      <c r="I74903" s="1" t="s">
        <v>247053</v>
      </c>
      <c r="J74903" s="1" t="s">
        <v>249707</v>
      </c>
    </row>
    <row r="74904" spans="1:10" x14ac:dyDescent="0.35">
      <c r="A74904" s="1" t="s">
        <v>10302</v>
      </c>
      <c r="B74904" s="1" t="s">
        <v>247048</v>
      </c>
      <c r="C74904" s="1" t="s">
        <v>135</v>
      </c>
      <c r="D74904" s="1" t="s">
        <v>249708</v>
      </c>
      <c r="E74904" s="1" t="s">
        <v>249195</v>
      </c>
      <c r="F74904" s="1" t="s">
        <v>249675</v>
      </c>
      <c r="G74904" s="1" t="s">
        <v>249658</v>
      </c>
      <c r="H74904" s="1" t="s">
        <v>249659</v>
      </c>
      <c r="I74904" s="1" t="s">
        <v>247053</v>
      </c>
      <c r="J74904" s="1" t="s">
        <v>249709</v>
      </c>
    </row>
    <row r="74905" spans="1:10" x14ac:dyDescent="0.35">
      <c r="A74905" s="1" t="s">
        <v>10302</v>
      </c>
      <c r="B74905" s="1" t="s">
        <v>247048</v>
      </c>
      <c r="C74905" s="1" t="s">
        <v>140</v>
      </c>
      <c r="D74905" s="1" t="s">
        <v>37558</v>
      </c>
      <c r="E74905" s="1" t="s">
        <v>247510</v>
      </c>
      <c r="F74905" s="1" t="s">
        <v>249675</v>
      </c>
      <c r="G74905" s="1" t="s">
        <v>249658</v>
      </c>
      <c r="H74905" s="1" t="s">
        <v>249659</v>
      </c>
      <c r="I74905" s="1" t="s">
        <v>247053</v>
      </c>
      <c r="J74905" s="1" t="s">
        <v>249710</v>
      </c>
    </row>
    <row r="74906" spans="1:10" x14ac:dyDescent="0.35">
      <c r="A74906" s="1" t="s">
        <v>10302</v>
      </c>
      <c r="B74906" s="1" t="s">
        <v>247048</v>
      </c>
      <c r="C74906" s="1" t="s">
        <v>145</v>
      </c>
      <c r="D74906" s="1" t="s">
        <v>37462</v>
      </c>
      <c r="E74906" s="1" t="s">
        <v>249711</v>
      </c>
      <c r="F74906" s="1" t="s">
        <v>249675</v>
      </c>
      <c r="G74906" s="1" t="s">
        <v>249658</v>
      </c>
      <c r="H74906" s="1" t="s">
        <v>249659</v>
      </c>
      <c r="I74906" s="1" t="s">
        <v>247053</v>
      </c>
      <c r="J74906" s="1" t="s">
        <v>249712</v>
      </c>
    </row>
    <row r="74907" spans="1:10" x14ac:dyDescent="0.35">
      <c r="A74907" s="1" t="s">
        <v>10302</v>
      </c>
      <c r="B74907" s="1" t="s">
        <v>247048</v>
      </c>
      <c r="C74907" s="1" t="s">
        <v>150</v>
      </c>
      <c r="D74907" s="1" t="s">
        <v>7131</v>
      </c>
      <c r="E74907" s="1" t="s">
        <v>249713</v>
      </c>
      <c r="F74907" s="1" t="s">
        <v>249675</v>
      </c>
      <c r="G74907" s="1" t="s">
        <v>249658</v>
      </c>
      <c r="H74907" s="1" t="s">
        <v>249659</v>
      </c>
      <c r="I74907" s="1" t="s">
        <v>247053</v>
      </c>
      <c r="J74907" s="1" t="s">
        <v>249714</v>
      </c>
    </row>
    <row r="74908" spans="1:10" x14ac:dyDescent="0.35">
      <c r="A74908" s="1" t="s">
        <v>10302</v>
      </c>
      <c r="B74908" s="1" t="s">
        <v>247048</v>
      </c>
      <c r="C74908" s="1" t="s">
        <v>155</v>
      </c>
      <c r="D74908" s="1" t="s">
        <v>120958</v>
      </c>
      <c r="E74908" s="1" t="s">
        <v>111558</v>
      </c>
      <c r="F74908" s="1" t="s">
        <v>249675</v>
      </c>
      <c r="G74908" s="1" t="s">
        <v>249658</v>
      </c>
      <c r="H74908" s="1" t="s">
        <v>249659</v>
      </c>
      <c r="I74908" s="1" t="s">
        <v>247053</v>
      </c>
      <c r="J74908" s="1" t="s">
        <v>249715</v>
      </c>
    </row>
    <row r="74909" spans="1:10" x14ac:dyDescent="0.35">
      <c r="A74909" s="1" t="s">
        <v>10302</v>
      </c>
      <c r="B74909" s="1" t="s">
        <v>247048</v>
      </c>
      <c r="C74909" s="1" t="s">
        <v>160</v>
      </c>
      <c r="D74909" s="1" t="s">
        <v>249716</v>
      </c>
      <c r="E74909" s="1" t="s">
        <v>202541</v>
      </c>
      <c r="F74909" s="1" t="s">
        <v>249675</v>
      </c>
      <c r="G74909" s="1" t="s">
        <v>249658</v>
      </c>
      <c r="H74909" s="1" t="s">
        <v>249659</v>
      </c>
      <c r="I74909" s="1" t="s">
        <v>247053</v>
      </c>
      <c r="J74909" s="1" t="s">
        <v>249717</v>
      </c>
    </row>
    <row r="74910" spans="1:10" x14ac:dyDescent="0.35">
      <c r="A74910" s="1" t="s">
        <v>10302</v>
      </c>
      <c r="B74910" s="1" t="s">
        <v>247048</v>
      </c>
      <c r="C74910" s="1" t="s">
        <v>165</v>
      </c>
      <c r="D74910" s="1" t="s">
        <v>151874</v>
      </c>
      <c r="E74910" s="1" t="s">
        <v>204605</v>
      </c>
      <c r="F74910" s="1" t="s">
        <v>249675</v>
      </c>
      <c r="G74910" s="1" t="s">
        <v>249658</v>
      </c>
      <c r="H74910" s="1" t="s">
        <v>249659</v>
      </c>
      <c r="I74910" s="1" t="s">
        <v>247053</v>
      </c>
      <c r="J74910" s="1" t="s">
        <v>249718</v>
      </c>
    </row>
    <row r="74911" spans="1:10" x14ac:dyDescent="0.35">
      <c r="A74911" s="1" t="s">
        <v>10302</v>
      </c>
      <c r="B74911" s="1" t="s">
        <v>247048</v>
      </c>
      <c r="C74911" s="1" t="s">
        <v>170</v>
      </c>
      <c r="D74911" s="1" t="s">
        <v>32916</v>
      </c>
      <c r="E74911" s="1" t="s">
        <v>160382</v>
      </c>
      <c r="F74911" s="1" t="s">
        <v>249675</v>
      </c>
      <c r="G74911" s="1" t="s">
        <v>249658</v>
      </c>
      <c r="H74911" s="1" t="s">
        <v>249659</v>
      </c>
      <c r="I74911" s="1" t="s">
        <v>247053</v>
      </c>
      <c r="J74911" s="1" t="s">
        <v>249719</v>
      </c>
    </row>
    <row r="74912" spans="1:10" x14ac:dyDescent="0.35">
      <c r="A74912" s="1" t="s">
        <v>145063</v>
      </c>
      <c r="B74912" s="1" t="s">
        <v>247048</v>
      </c>
      <c r="C74912" s="1" t="s">
        <v>8</v>
      </c>
      <c r="D74912" s="1" t="s">
        <v>1912</v>
      </c>
      <c r="E74912" s="1" t="s">
        <v>249720</v>
      </c>
      <c r="F74912" s="1" t="s">
        <v>249721</v>
      </c>
      <c r="G74912" s="1" t="s">
        <v>249722</v>
      </c>
      <c r="H74912" s="1" t="s">
        <v>249723</v>
      </c>
      <c r="I74912" s="1" t="s">
        <v>247053</v>
      </c>
      <c r="J74912" s="1" t="s">
        <v>13</v>
      </c>
    </row>
    <row r="74913" spans="1:10" x14ac:dyDescent="0.35">
      <c r="A74913" s="1" t="s">
        <v>145063</v>
      </c>
      <c r="B74913" s="1" t="s">
        <v>247048</v>
      </c>
      <c r="C74913" s="1" t="s">
        <v>15</v>
      </c>
      <c r="D74913" s="1" t="s">
        <v>78999</v>
      </c>
      <c r="E74913" s="1" t="s">
        <v>249724</v>
      </c>
      <c r="F74913" s="1" t="s">
        <v>249725</v>
      </c>
      <c r="G74913" s="1" t="s">
        <v>249722</v>
      </c>
      <c r="H74913" s="1" t="s">
        <v>249723</v>
      </c>
      <c r="I74913" s="1" t="s">
        <v>247053</v>
      </c>
      <c r="J74913" s="1" t="s">
        <v>110370</v>
      </c>
    </row>
    <row r="74914" spans="1:10" x14ac:dyDescent="0.35">
      <c r="A74914" s="1" t="s">
        <v>145063</v>
      </c>
      <c r="B74914" s="1" t="s">
        <v>247048</v>
      </c>
      <c r="C74914" s="1" t="s">
        <v>20</v>
      </c>
      <c r="D74914" s="1" t="s">
        <v>1891</v>
      </c>
      <c r="E74914" s="1" t="s">
        <v>249726</v>
      </c>
      <c r="F74914" s="1" t="s">
        <v>249727</v>
      </c>
      <c r="G74914" s="1" t="s">
        <v>249722</v>
      </c>
      <c r="H74914" s="1" t="s">
        <v>249723</v>
      </c>
      <c r="I74914" s="1" t="s">
        <v>247053</v>
      </c>
      <c r="J74914" s="1" t="s">
        <v>249728</v>
      </c>
    </row>
    <row r="74915" spans="1:10" x14ac:dyDescent="0.35">
      <c r="A74915" s="1" t="s">
        <v>145063</v>
      </c>
      <c r="B74915" s="1" t="s">
        <v>247048</v>
      </c>
      <c r="C74915" s="1" t="s">
        <v>25</v>
      </c>
      <c r="D74915" s="1" t="s">
        <v>89838</v>
      </c>
      <c r="E74915" s="1" t="s">
        <v>249729</v>
      </c>
      <c r="F74915" s="1" t="s">
        <v>249730</v>
      </c>
      <c r="G74915" s="1" t="s">
        <v>249722</v>
      </c>
      <c r="H74915" s="1" t="s">
        <v>249723</v>
      </c>
      <c r="I74915" s="1" t="s">
        <v>247053</v>
      </c>
      <c r="J74915" s="1" t="s">
        <v>249731</v>
      </c>
    </row>
    <row r="74916" spans="1:10" x14ac:dyDescent="0.35">
      <c r="A74916" s="1" t="s">
        <v>145063</v>
      </c>
      <c r="B74916" s="1" t="s">
        <v>247048</v>
      </c>
      <c r="C74916" s="1" t="s">
        <v>30</v>
      </c>
      <c r="D74916" s="1" t="s">
        <v>2168</v>
      </c>
      <c r="E74916" s="1" t="s">
        <v>249732</v>
      </c>
      <c r="F74916" s="1" t="s">
        <v>249733</v>
      </c>
      <c r="G74916" s="1" t="s">
        <v>249722</v>
      </c>
      <c r="H74916" s="1" t="s">
        <v>249723</v>
      </c>
      <c r="I74916" s="1" t="s">
        <v>247053</v>
      </c>
      <c r="J74916" s="1" t="s">
        <v>249734</v>
      </c>
    </row>
    <row r="74917" spans="1:10" x14ac:dyDescent="0.35">
      <c r="A74917" s="1" t="s">
        <v>145063</v>
      </c>
      <c r="B74917" s="1" t="s">
        <v>247048</v>
      </c>
      <c r="C74917" s="1" t="s">
        <v>35</v>
      </c>
      <c r="D74917" s="1" t="s">
        <v>249735</v>
      </c>
      <c r="E74917" s="1" t="s">
        <v>249736</v>
      </c>
      <c r="F74917" s="1" t="s">
        <v>249737</v>
      </c>
      <c r="G74917" s="1" t="s">
        <v>249722</v>
      </c>
      <c r="H74917" s="1" t="s">
        <v>249723</v>
      </c>
      <c r="I74917" s="1" t="s">
        <v>247053</v>
      </c>
      <c r="J74917" s="1" t="s">
        <v>249738</v>
      </c>
    </row>
    <row r="74918" spans="1:10" x14ac:dyDescent="0.35">
      <c r="A74918" s="1" t="s">
        <v>145063</v>
      </c>
      <c r="B74918" s="1" t="s">
        <v>247048</v>
      </c>
      <c r="C74918" s="1" t="s">
        <v>40</v>
      </c>
      <c r="D74918" s="1" t="s">
        <v>102285</v>
      </c>
      <c r="E74918" s="1" t="s">
        <v>249739</v>
      </c>
      <c r="F74918" s="1" t="s">
        <v>249740</v>
      </c>
      <c r="G74918" s="1" t="s">
        <v>249722</v>
      </c>
      <c r="H74918" s="1" t="s">
        <v>249723</v>
      </c>
      <c r="I74918" s="1" t="s">
        <v>247053</v>
      </c>
      <c r="J74918" s="1" t="s">
        <v>249741</v>
      </c>
    </row>
    <row r="74919" spans="1:10" x14ac:dyDescent="0.35">
      <c r="A74919" s="1" t="s">
        <v>145063</v>
      </c>
      <c r="B74919" s="1" t="s">
        <v>247048</v>
      </c>
      <c r="C74919" s="1" t="s">
        <v>45</v>
      </c>
      <c r="D74919" s="1" t="s">
        <v>10496</v>
      </c>
      <c r="E74919" s="1" t="s">
        <v>249742</v>
      </c>
      <c r="F74919" s="1" t="s">
        <v>249743</v>
      </c>
      <c r="G74919" s="1" t="s">
        <v>249722</v>
      </c>
      <c r="H74919" s="1" t="s">
        <v>249723</v>
      </c>
      <c r="I74919" s="1" t="s">
        <v>247053</v>
      </c>
      <c r="J74919" s="1" t="s">
        <v>249744</v>
      </c>
    </row>
    <row r="74920" spans="1:10" x14ac:dyDescent="0.35">
      <c r="A74920" s="1" t="s">
        <v>145063</v>
      </c>
      <c r="B74920" s="1" t="s">
        <v>247048</v>
      </c>
      <c r="C74920" s="1" t="s">
        <v>50</v>
      </c>
      <c r="D74920" s="1" t="s">
        <v>107342</v>
      </c>
      <c r="E74920" s="1" t="s">
        <v>249745</v>
      </c>
      <c r="F74920" s="1" t="s">
        <v>249746</v>
      </c>
      <c r="G74920" s="1" t="s">
        <v>249722</v>
      </c>
      <c r="H74920" s="1" t="s">
        <v>249723</v>
      </c>
      <c r="I74920" s="1" t="s">
        <v>247053</v>
      </c>
      <c r="J74920" s="1" t="s">
        <v>249747</v>
      </c>
    </row>
    <row r="74921" spans="1:10" x14ac:dyDescent="0.35">
      <c r="A74921" s="1" t="s">
        <v>145063</v>
      </c>
      <c r="B74921" s="1" t="s">
        <v>247048</v>
      </c>
      <c r="C74921" s="1" t="s">
        <v>55</v>
      </c>
      <c r="D74921" s="1" t="s">
        <v>13822</v>
      </c>
      <c r="E74921" s="1" t="s">
        <v>249748</v>
      </c>
      <c r="F74921" s="1" t="s">
        <v>249749</v>
      </c>
      <c r="G74921" s="1" t="s">
        <v>249722</v>
      </c>
      <c r="H74921" s="1" t="s">
        <v>249723</v>
      </c>
      <c r="I74921" s="1" t="s">
        <v>247053</v>
      </c>
      <c r="J74921" s="1" t="s">
        <v>249750</v>
      </c>
    </row>
    <row r="74922" spans="1:10" x14ac:dyDescent="0.35">
      <c r="A74922" s="1" t="s">
        <v>145063</v>
      </c>
      <c r="B74922" s="1" t="s">
        <v>247048</v>
      </c>
      <c r="C74922" s="1" t="s">
        <v>60</v>
      </c>
      <c r="D74922" s="1" t="s">
        <v>111791</v>
      </c>
      <c r="E74922" s="1" t="s">
        <v>249751</v>
      </c>
      <c r="F74922" s="1" t="s">
        <v>249752</v>
      </c>
      <c r="G74922" s="1" t="s">
        <v>249722</v>
      </c>
      <c r="H74922" s="1" t="s">
        <v>249723</v>
      </c>
      <c r="I74922" s="1" t="s">
        <v>247053</v>
      </c>
      <c r="J74922" s="1" t="s">
        <v>249753</v>
      </c>
    </row>
    <row r="74923" spans="1:10" x14ac:dyDescent="0.35">
      <c r="A74923" s="1" t="s">
        <v>145063</v>
      </c>
      <c r="B74923" s="1" t="s">
        <v>247048</v>
      </c>
      <c r="C74923" s="1" t="s">
        <v>65</v>
      </c>
      <c r="D74923" s="1" t="s">
        <v>13225</v>
      </c>
      <c r="E74923" s="1" t="s">
        <v>249754</v>
      </c>
      <c r="F74923" s="1" t="s">
        <v>249755</v>
      </c>
      <c r="G74923" s="1" t="s">
        <v>249722</v>
      </c>
      <c r="H74923" s="1" t="s">
        <v>249723</v>
      </c>
      <c r="I74923" s="1" t="s">
        <v>247053</v>
      </c>
      <c r="J74923" s="1" t="s">
        <v>249756</v>
      </c>
    </row>
    <row r="74924" spans="1:10" x14ac:dyDescent="0.35">
      <c r="A74924" s="1" t="s">
        <v>145063</v>
      </c>
      <c r="B74924" s="1" t="s">
        <v>247048</v>
      </c>
      <c r="C74924" s="1" t="s">
        <v>70</v>
      </c>
      <c r="D74924" s="1" t="s">
        <v>8506</v>
      </c>
      <c r="E74924" s="1" t="s">
        <v>249757</v>
      </c>
      <c r="F74924" s="1" t="s">
        <v>249758</v>
      </c>
      <c r="G74924" s="1" t="s">
        <v>249722</v>
      </c>
      <c r="H74924" s="1" t="s">
        <v>249723</v>
      </c>
      <c r="I74924" s="1" t="s">
        <v>247053</v>
      </c>
      <c r="J74924" s="1" t="s">
        <v>249759</v>
      </c>
    </row>
    <row r="74925" spans="1:10" x14ac:dyDescent="0.35">
      <c r="A74925" s="1" t="s">
        <v>145063</v>
      </c>
      <c r="B74925" s="1" t="s">
        <v>247048</v>
      </c>
      <c r="C74925" s="1" t="s">
        <v>75</v>
      </c>
      <c r="D74925" s="1" t="s">
        <v>9301</v>
      </c>
      <c r="E74925" s="1" t="s">
        <v>249760</v>
      </c>
      <c r="F74925" s="1" t="s">
        <v>249761</v>
      </c>
      <c r="G74925" s="1" t="s">
        <v>249722</v>
      </c>
      <c r="H74925" s="1" t="s">
        <v>249723</v>
      </c>
      <c r="I74925" s="1" t="s">
        <v>247053</v>
      </c>
      <c r="J74925" s="1" t="s">
        <v>249762</v>
      </c>
    </row>
    <row r="74926" spans="1:10" x14ac:dyDescent="0.35">
      <c r="A74926" s="1" t="s">
        <v>145063</v>
      </c>
      <c r="B74926" s="1" t="s">
        <v>247048</v>
      </c>
      <c r="C74926" s="1" t="s">
        <v>80</v>
      </c>
      <c r="D74926" s="1" t="s">
        <v>9868</v>
      </c>
      <c r="E74926" s="1" t="s">
        <v>249763</v>
      </c>
      <c r="F74926" s="1" t="s">
        <v>249764</v>
      </c>
      <c r="G74926" s="1" t="s">
        <v>249722</v>
      </c>
      <c r="H74926" s="1" t="s">
        <v>249723</v>
      </c>
      <c r="I74926" s="1" t="s">
        <v>247053</v>
      </c>
      <c r="J74926" s="1" t="s">
        <v>249765</v>
      </c>
    </row>
    <row r="74927" spans="1:10" x14ac:dyDescent="0.35">
      <c r="A74927" s="1" t="s">
        <v>145063</v>
      </c>
      <c r="B74927" s="1" t="s">
        <v>247048</v>
      </c>
      <c r="C74927" s="1" t="s">
        <v>85</v>
      </c>
      <c r="D74927" s="1" t="s">
        <v>1544</v>
      </c>
      <c r="E74927" s="1" t="s">
        <v>249766</v>
      </c>
      <c r="F74927" s="1" t="s">
        <v>249767</v>
      </c>
      <c r="G74927" s="1" t="s">
        <v>249722</v>
      </c>
      <c r="H74927" s="1" t="s">
        <v>249723</v>
      </c>
      <c r="I74927" s="1" t="s">
        <v>247053</v>
      </c>
      <c r="J74927" s="1" t="s">
        <v>249768</v>
      </c>
    </row>
    <row r="74928" spans="1:10" x14ac:dyDescent="0.35">
      <c r="A74928" s="1" t="s">
        <v>145063</v>
      </c>
      <c r="B74928" s="1" t="s">
        <v>247048</v>
      </c>
      <c r="C74928" s="1" t="s">
        <v>90</v>
      </c>
      <c r="D74928" s="1" t="s">
        <v>146033</v>
      </c>
      <c r="E74928" s="1" t="s">
        <v>249769</v>
      </c>
      <c r="F74928" s="1" t="s">
        <v>249770</v>
      </c>
      <c r="G74928" s="1" t="s">
        <v>249722</v>
      </c>
      <c r="H74928" s="1" t="s">
        <v>249723</v>
      </c>
      <c r="I74928" s="1" t="s">
        <v>247053</v>
      </c>
      <c r="J74928" s="1" t="s">
        <v>249771</v>
      </c>
    </row>
    <row r="74929" spans="1:10" x14ac:dyDescent="0.35">
      <c r="A74929" s="1" t="s">
        <v>145063</v>
      </c>
      <c r="B74929" s="1" t="s">
        <v>247048</v>
      </c>
      <c r="C74929" s="1" t="s">
        <v>95</v>
      </c>
      <c r="D74929" s="1" t="s">
        <v>143718</v>
      </c>
      <c r="E74929" s="1" t="s">
        <v>249772</v>
      </c>
      <c r="F74929" s="1" t="s">
        <v>249773</v>
      </c>
      <c r="G74929" s="1" t="s">
        <v>249722</v>
      </c>
      <c r="H74929" s="1" t="s">
        <v>249723</v>
      </c>
      <c r="I74929" s="1" t="s">
        <v>247053</v>
      </c>
      <c r="J74929" s="1" t="s">
        <v>249774</v>
      </c>
    </row>
    <row r="74930" spans="1:10" x14ac:dyDescent="0.35">
      <c r="A74930" s="1" t="s">
        <v>145063</v>
      </c>
      <c r="B74930" s="1" t="s">
        <v>247048</v>
      </c>
      <c r="C74930" s="1" t="s">
        <v>100</v>
      </c>
      <c r="D74930" s="1" t="s">
        <v>244764</v>
      </c>
      <c r="E74930" s="1" t="s">
        <v>249775</v>
      </c>
      <c r="F74930" s="1" t="s">
        <v>249776</v>
      </c>
      <c r="G74930" s="1" t="s">
        <v>249722</v>
      </c>
      <c r="H74930" s="1" t="s">
        <v>249723</v>
      </c>
      <c r="I74930" s="1" t="s">
        <v>247053</v>
      </c>
      <c r="J74930" s="1" t="s">
        <v>249777</v>
      </c>
    </row>
    <row r="74931" spans="1:10" x14ac:dyDescent="0.35">
      <c r="A74931" s="1" t="s">
        <v>145063</v>
      </c>
      <c r="B74931" s="1" t="s">
        <v>247048</v>
      </c>
      <c r="C74931" s="1" t="s">
        <v>105</v>
      </c>
      <c r="D74931" s="1" t="s">
        <v>111586</v>
      </c>
      <c r="E74931" s="1" t="s">
        <v>249778</v>
      </c>
      <c r="F74931" s="1" t="s">
        <v>249779</v>
      </c>
      <c r="G74931" s="1" t="s">
        <v>249722</v>
      </c>
      <c r="H74931" s="1" t="s">
        <v>249723</v>
      </c>
      <c r="I74931" s="1" t="s">
        <v>247053</v>
      </c>
      <c r="J74931" s="1" t="s">
        <v>249780</v>
      </c>
    </row>
    <row r="74932" spans="1:10" x14ac:dyDescent="0.35">
      <c r="A74932" s="1" t="s">
        <v>145063</v>
      </c>
      <c r="B74932" s="1" t="s">
        <v>247048</v>
      </c>
      <c r="C74932" s="1" t="s">
        <v>110</v>
      </c>
      <c r="D74932" s="1" t="s">
        <v>104062</v>
      </c>
      <c r="E74932" s="1" t="s">
        <v>249781</v>
      </c>
      <c r="F74932" s="1" t="s">
        <v>249782</v>
      </c>
      <c r="G74932" s="1" t="s">
        <v>249722</v>
      </c>
      <c r="H74932" s="1" t="s">
        <v>249723</v>
      </c>
      <c r="I74932" s="1" t="s">
        <v>247053</v>
      </c>
      <c r="J74932" s="1" t="s">
        <v>249783</v>
      </c>
    </row>
    <row r="74933" spans="1:10" x14ac:dyDescent="0.35">
      <c r="A74933" s="1" t="s">
        <v>145063</v>
      </c>
      <c r="B74933" s="1" t="s">
        <v>247048</v>
      </c>
      <c r="C74933" s="1" t="s">
        <v>115</v>
      </c>
      <c r="D74933" s="1" t="s">
        <v>8381</v>
      </c>
      <c r="E74933" s="1" t="s">
        <v>249784</v>
      </c>
      <c r="F74933" s="1" t="s">
        <v>249785</v>
      </c>
      <c r="G74933" s="1" t="s">
        <v>249722</v>
      </c>
      <c r="H74933" s="1" t="s">
        <v>249723</v>
      </c>
      <c r="I74933" s="1" t="s">
        <v>247053</v>
      </c>
      <c r="J74933" s="1" t="s">
        <v>249786</v>
      </c>
    </row>
    <row r="74934" spans="1:10" x14ac:dyDescent="0.35">
      <c r="A74934" s="1" t="s">
        <v>145063</v>
      </c>
      <c r="B74934" s="1" t="s">
        <v>247048</v>
      </c>
      <c r="C74934" s="1" t="s">
        <v>120</v>
      </c>
      <c r="D74934" s="1" t="s">
        <v>156243</v>
      </c>
      <c r="E74934" s="1" t="s">
        <v>249787</v>
      </c>
      <c r="F74934" s="1" t="s">
        <v>249788</v>
      </c>
      <c r="G74934" s="1" t="s">
        <v>249722</v>
      </c>
      <c r="H74934" s="1" t="s">
        <v>249723</v>
      </c>
      <c r="I74934" s="1" t="s">
        <v>247053</v>
      </c>
      <c r="J74934" s="1" t="s">
        <v>249789</v>
      </c>
    </row>
    <row r="74935" spans="1:10" x14ac:dyDescent="0.35">
      <c r="A74935" s="1" t="s">
        <v>145063</v>
      </c>
      <c r="B74935" s="1" t="s">
        <v>247048</v>
      </c>
      <c r="C74935" s="1" t="s">
        <v>125</v>
      </c>
      <c r="D74935" s="1" t="s">
        <v>7618</v>
      </c>
      <c r="E74935" s="1" t="s">
        <v>249790</v>
      </c>
      <c r="F74935" s="1" t="s">
        <v>249791</v>
      </c>
      <c r="G74935" s="1" t="s">
        <v>249722</v>
      </c>
      <c r="H74935" s="1" t="s">
        <v>249723</v>
      </c>
      <c r="I74935" s="1" t="s">
        <v>247053</v>
      </c>
      <c r="J74935" s="1" t="s">
        <v>249792</v>
      </c>
    </row>
    <row r="74936" spans="1:10" x14ac:dyDescent="0.35">
      <c r="A74936" s="1" t="s">
        <v>145063</v>
      </c>
      <c r="B74936" s="1" t="s">
        <v>247048</v>
      </c>
      <c r="C74936" s="1" t="s">
        <v>130</v>
      </c>
      <c r="D74936" s="1" t="s">
        <v>116013</v>
      </c>
      <c r="E74936" s="1" t="s">
        <v>249793</v>
      </c>
      <c r="F74936" s="1" t="s">
        <v>249794</v>
      </c>
      <c r="G74936" s="1" t="s">
        <v>249722</v>
      </c>
      <c r="H74936" s="1" t="s">
        <v>249723</v>
      </c>
      <c r="I74936" s="1" t="s">
        <v>247053</v>
      </c>
      <c r="J74936" s="1" t="s">
        <v>249795</v>
      </c>
    </row>
    <row r="74937" spans="1:10" x14ac:dyDescent="0.35">
      <c r="A74937" s="1" t="s">
        <v>145063</v>
      </c>
      <c r="B74937" s="1" t="s">
        <v>247048</v>
      </c>
      <c r="C74937" s="1" t="s">
        <v>135</v>
      </c>
      <c r="D74937" s="1" t="s">
        <v>111631</v>
      </c>
      <c r="E74937" s="1" t="s">
        <v>249796</v>
      </c>
      <c r="F74937" s="1" t="s">
        <v>249797</v>
      </c>
      <c r="G74937" s="1" t="s">
        <v>249722</v>
      </c>
      <c r="H74937" s="1" t="s">
        <v>249723</v>
      </c>
      <c r="I74937" s="1" t="s">
        <v>247053</v>
      </c>
      <c r="J74937" s="1" t="s">
        <v>249798</v>
      </c>
    </row>
    <row r="74938" spans="1:10" x14ac:dyDescent="0.35">
      <c r="A74938" s="1" t="s">
        <v>145063</v>
      </c>
      <c r="B74938" s="1" t="s">
        <v>247048</v>
      </c>
      <c r="C74938" s="1" t="s">
        <v>140</v>
      </c>
      <c r="D74938" s="1" t="s">
        <v>2556</v>
      </c>
      <c r="E74938" s="1" t="s">
        <v>249799</v>
      </c>
      <c r="F74938" s="1" t="s">
        <v>249800</v>
      </c>
      <c r="G74938" s="1" t="s">
        <v>249722</v>
      </c>
      <c r="H74938" s="1" t="s">
        <v>249723</v>
      </c>
      <c r="I74938" s="1" t="s">
        <v>247053</v>
      </c>
      <c r="J74938" s="1" t="s">
        <v>249801</v>
      </c>
    </row>
    <row r="74939" spans="1:10" x14ac:dyDescent="0.35">
      <c r="A74939" s="1" t="s">
        <v>145063</v>
      </c>
      <c r="B74939" s="1" t="s">
        <v>247048</v>
      </c>
      <c r="C74939" s="1" t="s">
        <v>145</v>
      </c>
      <c r="D74939" s="1" t="s">
        <v>34807</v>
      </c>
      <c r="E74939" s="1" t="s">
        <v>249802</v>
      </c>
      <c r="F74939" s="1" t="s">
        <v>249803</v>
      </c>
      <c r="G74939" s="1" t="s">
        <v>249722</v>
      </c>
      <c r="H74939" s="1" t="s">
        <v>249723</v>
      </c>
      <c r="I74939" s="1" t="s">
        <v>247053</v>
      </c>
      <c r="J74939" s="1" t="s">
        <v>249804</v>
      </c>
    </row>
    <row r="74940" spans="1:10" x14ac:dyDescent="0.35">
      <c r="A74940" s="1" t="s">
        <v>145063</v>
      </c>
      <c r="B74940" s="1" t="s">
        <v>247048</v>
      </c>
      <c r="C74940" s="1" t="s">
        <v>150</v>
      </c>
      <c r="D74940" s="1" t="s">
        <v>15352</v>
      </c>
      <c r="E74940" s="1" t="s">
        <v>249805</v>
      </c>
      <c r="F74940" s="1" t="s">
        <v>249806</v>
      </c>
      <c r="G74940" s="1" t="s">
        <v>249722</v>
      </c>
      <c r="H74940" s="1" t="s">
        <v>249723</v>
      </c>
      <c r="I74940" s="1" t="s">
        <v>247053</v>
      </c>
      <c r="J74940" s="1" t="s">
        <v>249807</v>
      </c>
    </row>
    <row r="74941" spans="1:10" x14ac:dyDescent="0.35">
      <c r="A74941" s="1" t="s">
        <v>145063</v>
      </c>
      <c r="B74941" s="1" t="s">
        <v>247048</v>
      </c>
      <c r="C74941" s="1" t="s">
        <v>155</v>
      </c>
      <c r="D74941" s="1" t="s">
        <v>50453</v>
      </c>
      <c r="E74941" s="1" t="s">
        <v>249808</v>
      </c>
      <c r="F74941" s="1" t="s">
        <v>249809</v>
      </c>
      <c r="G74941" s="1" t="s">
        <v>249722</v>
      </c>
      <c r="H74941" s="1" t="s">
        <v>249723</v>
      </c>
      <c r="I74941" s="1" t="s">
        <v>247053</v>
      </c>
      <c r="J74941" s="1" t="s">
        <v>249810</v>
      </c>
    </row>
    <row r="74942" spans="1:10" x14ac:dyDescent="0.35">
      <c r="A74942" s="1" t="s">
        <v>145063</v>
      </c>
      <c r="B74942" s="1" t="s">
        <v>247048</v>
      </c>
      <c r="C74942" s="1" t="s">
        <v>160</v>
      </c>
      <c r="D74942" s="1" t="s">
        <v>8983</v>
      </c>
      <c r="E74942" s="1" t="s">
        <v>249811</v>
      </c>
      <c r="F74942" s="1" t="s">
        <v>249812</v>
      </c>
      <c r="G74942" s="1" t="s">
        <v>249722</v>
      </c>
      <c r="H74942" s="1" t="s">
        <v>249723</v>
      </c>
      <c r="I74942" s="1" t="s">
        <v>247053</v>
      </c>
      <c r="J74942" s="1" t="s">
        <v>249813</v>
      </c>
    </row>
    <row r="74943" spans="1:10" x14ac:dyDescent="0.35">
      <c r="A74943" s="1" t="s">
        <v>145063</v>
      </c>
      <c r="B74943" s="1" t="s">
        <v>247048</v>
      </c>
      <c r="C74943" s="1" t="s">
        <v>165</v>
      </c>
      <c r="D74943" s="1" t="s">
        <v>3371</v>
      </c>
      <c r="E74943" s="1" t="s">
        <v>249814</v>
      </c>
      <c r="F74943" s="1" t="s">
        <v>249815</v>
      </c>
      <c r="G74943" s="1" t="s">
        <v>249722</v>
      </c>
      <c r="H74943" s="1" t="s">
        <v>249723</v>
      </c>
      <c r="I74943" s="1" t="s">
        <v>247053</v>
      </c>
      <c r="J74943" s="1" t="s">
        <v>249816</v>
      </c>
    </row>
    <row r="74944" spans="1:10" x14ac:dyDescent="0.35">
      <c r="A74944" s="1" t="s">
        <v>145063</v>
      </c>
      <c r="B74944" s="1" t="s">
        <v>247048</v>
      </c>
      <c r="C74944" s="1" t="s">
        <v>170</v>
      </c>
      <c r="D74944" s="1" t="s">
        <v>48658</v>
      </c>
      <c r="E74944" s="1" t="s">
        <v>249817</v>
      </c>
      <c r="F74944" s="1" t="s">
        <v>249818</v>
      </c>
      <c r="G74944" s="1" t="s">
        <v>249722</v>
      </c>
      <c r="H74944" s="1" t="s">
        <v>249723</v>
      </c>
      <c r="I74944" s="1" t="s">
        <v>247053</v>
      </c>
      <c r="J74944" s="1" t="s">
        <v>249819</v>
      </c>
    </row>
    <row r="74945" spans="1:10" x14ac:dyDescent="0.35">
      <c r="A74945" s="1" t="s">
        <v>110371</v>
      </c>
      <c r="B74945" s="1" t="s">
        <v>247048</v>
      </c>
      <c r="C74945" s="1" t="s">
        <v>8</v>
      </c>
      <c r="D74945" s="1" t="s">
        <v>127037</v>
      </c>
      <c r="E74945" s="1" t="s">
        <v>206676</v>
      </c>
      <c r="F74945" s="1" t="s">
        <v>249820</v>
      </c>
      <c r="G74945" s="1" t="s">
        <v>249821</v>
      </c>
      <c r="H74945" s="1" t="s">
        <v>249822</v>
      </c>
      <c r="I74945" s="1" t="s">
        <v>247053</v>
      </c>
      <c r="J74945" s="1" t="s">
        <v>13</v>
      </c>
    </row>
    <row r="74946" spans="1:10" x14ac:dyDescent="0.35">
      <c r="A74946" s="1" t="s">
        <v>110371</v>
      </c>
      <c r="B74946" s="1" t="s">
        <v>247048</v>
      </c>
      <c r="C74946" s="1" t="s">
        <v>15</v>
      </c>
      <c r="D74946" s="1" t="s">
        <v>28859</v>
      </c>
      <c r="E74946" s="1" t="s">
        <v>110926</v>
      </c>
      <c r="F74946" s="1" t="s">
        <v>249823</v>
      </c>
      <c r="G74946" s="1" t="s">
        <v>249821</v>
      </c>
      <c r="H74946" s="1" t="s">
        <v>249822</v>
      </c>
      <c r="I74946" s="1" t="s">
        <v>247053</v>
      </c>
      <c r="J74946" s="1" t="s">
        <v>249824</v>
      </c>
    </row>
    <row r="74947" spans="1:10" x14ac:dyDescent="0.35">
      <c r="A74947" s="1" t="s">
        <v>110371</v>
      </c>
      <c r="B74947" s="1" t="s">
        <v>247048</v>
      </c>
      <c r="C74947" s="1" t="s">
        <v>20</v>
      </c>
      <c r="D74947" s="1" t="s">
        <v>13888</v>
      </c>
      <c r="E74947" s="1" t="s">
        <v>8626</v>
      </c>
      <c r="F74947" s="1" t="s">
        <v>249825</v>
      </c>
      <c r="G74947" s="1" t="s">
        <v>249821</v>
      </c>
      <c r="H74947" s="1" t="s">
        <v>249822</v>
      </c>
      <c r="I74947" s="1" t="s">
        <v>247053</v>
      </c>
      <c r="J74947" s="1" t="s">
        <v>249826</v>
      </c>
    </row>
    <row r="74948" spans="1:10" x14ac:dyDescent="0.35">
      <c r="A74948" s="1" t="s">
        <v>110371</v>
      </c>
      <c r="B74948" s="1" t="s">
        <v>247048</v>
      </c>
      <c r="C74948" s="1" t="s">
        <v>25</v>
      </c>
      <c r="D74948" s="1" t="s">
        <v>3976</v>
      </c>
      <c r="E74948" s="1" t="s">
        <v>160397</v>
      </c>
      <c r="F74948" s="1" t="s">
        <v>249827</v>
      </c>
      <c r="G74948" s="1" t="s">
        <v>249821</v>
      </c>
      <c r="H74948" s="1" t="s">
        <v>249822</v>
      </c>
      <c r="I74948" s="1" t="s">
        <v>247053</v>
      </c>
      <c r="J74948" s="1" t="s">
        <v>249828</v>
      </c>
    </row>
    <row r="74949" spans="1:10" x14ac:dyDescent="0.35">
      <c r="A74949" s="1" t="s">
        <v>110371</v>
      </c>
      <c r="B74949" s="1" t="s">
        <v>247048</v>
      </c>
      <c r="C74949" s="1" t="s">
        <v>30</v>
      </c>
      <c r="D74949" s="1" t="s">
        <v>29549</v>
      </c>
      <c r="E74949" s="1" t="s">
        <v>12747</v>
      </c>
      <c r="F74949" s="1" t="s">
        <v>249829</v>
      </c>
      <c r="G74949" s="1" t="s">
        <v>249821</v>
      </c>
      <c r="H74949" s="1" t="s">
        <v>249822</v>
      </c>
      <c r="I74949" s="1" t="s">
        <v>247053</v>
      </c>
      <c r="J74949" s="1" t="s">
        <v>249830</v>
      </c>
    </row>
    <row r="74950" spans="1:10" x14ac:dyDescent="0.35">
      <c r="A74950" s="1" t="s">
        <v>110371</v>
      </c>
      <c r="B74950" s="1" t="s">
        <v>247048</v>
      </c>
      <c r="C74950" s="1" t="s">
        <v>35</v>
      </c>
      <c r="D74950" s="1" t="s">
        <v>27977</v>
      </c>
      <c r="E74950" s="1" t="s">
        <v>12671</v>
      </c>
      <c r="F74950" s="1" t="s">
        <v>111555</v>
      </c>
      <c r="G74950" s="1" t="s">
        <v>249821</v>
      </c>
      <c r="H74950" s="1" t="s">
        <v>249822</v>
      </c>
      <c r="I74950" s="1" t="s">
        <v>247053</v>
      </c>
      <c r="J74950" s="1" t="s">
        <v>249831</v>
      </c>
    </row>
    <row r="74951" spans="1:10" x14ac:dyDescent="0.35">
      <c r="A74951" s="1" t="s">
        <v>110371</v>
      </c>
      <c r="B74951" s="1" t="s">
        <v>247048</v>
      </c>
      <c r="C74951" s="1" t="s">
        <v>40</v>
      </c>
      <c r="D74951" s="1" t="s">
        <v>28766</v>
      </c>
      <c r="E74951" s="1" t="s">
        <v>249832</v>
      </c>
      <c r="F74951" s="1" t="s">
        <v>249833</v>
      </c>
      <c r="G74951" s="1" t="s">
        <v>249821</v>
      </c>
      <c r="H74951" s="1" t="s">
        <v>249822</v>
      </c>
      <c r="I74951" s="1" t="s">
        <v>247053</v>
      </c>
      <c r="J74951" s="1" t="s">
        <v>249834</v>
      </c>
    </row>
    <row r="74952" spans="1:10" x14ac:dyDescent="0.35">
      <c r="A74952" s="1" t="s">
        <v>110371</v>
      </c>
      <c r="B74952" s="1" t="s">
        <v>247048</v>
      </c>
      <c r="C74952" s="1" t="s">
        <v>45</v>
      </c>
      <c r="D74952" s="1" t="s">
        <v>171444</v>
      </c>
      <c r="E74952" s="1" t="s">
        <v>13652</v>
      </c>
      <c r="F74952" s="1" t="s">
        <v>249835</v>
      </c>
      <c r="G74952" s="1" t="s">
        <v>249821</v>
      </c>
      <c r="H74952" s="1" t="s">
        <v>249822</v>
      </c>
      <c r="I74952" s="1" t="s">
        <v>247053</v>
      </c>
      <c r="J74952" s="1" t="s">
        <v>249836</v>
      </c>
    </row>
    <row r="74953" spans="1:10" x14ac:dyDescent="0.35">
      <c r="A74953" s="1" t="s">
        <v>110371</v>
      </c>
      <c r="B74953" s="1" t="s">
        <v>247048</v>
      </c>
      <c r="C74953" s="1" t="s">
        <v>50</v>
      </c>
      <c r="D74953" s="1" t="s">
        <v>2059</v>
      </c>
      <c r="E74953" s="1" t="s">
        <v>12732</v>
      </c>
      <c r="F74953" s="1" t="s">
        <v>249837</v>
      </c>
      <c r="G74953" s="1" t="s">
        <v>249821</v>
      </c>
      <c r="H74953" s="1" t="s">
        <v>249822</v>
      </c>
      <c r="I74953" s="1" t="s">
        <v>247053</v>
      </c>
      <c r="J74953" s="1" t="s">
        <v>249838</v>
      </c>
    </row>
    <row r="74954" spans="1:10" x14ac:dyDescent="0.35">
      <c r="A74954" s="1" t="s">
        <v>110371</v>
      </c>
      <c r="B74954" s="1" t="s">
        <v>247048</v>
      </c>
      <c r="C74954" s="1" t="s">
        <v>55</v>
      </c>
      <c r="D74954" s="1" t="s">
        <v>27851</v>
      </c>
      <c r="E74954" s="1" t="s">
        <v>249839</v>
      </c>
      <c r="F74954" s="1" t="s">
        <v>249840</v>
      </c>
      <c r="G74954" s="1" t="s">
        <v>249821</v>
      </c>
      <c r="H74954" s="1" t="s">
        <v>249822</v>
      </c>
      <c r="I74954" s="1" t="s">
        <v>247053</v>
      </c>
      <c r="J74954" s="1" t="s">
        <v>249841</v>
      </c>
    </row>
    <row r="74955" spans="1:10" x14ac:dyDescent="0.35">
      <c r="A74955" s="1" t="s">
        <v>110371</v>
      </c>
      <c r="B74955" s="1" t="s">
        <v>247048</v>
      </c>
      <c r="C74955" s="1" t="s">
        <v>60</v>
      </c>
      <c r="D74955" s="1" t="s">
        <v>28780</v>
      </c>
      <c r="E74955" s="1" t="s">
        <v>12751</v>
      </c>
      <c r="F74955" s="1" t="s">
        <v>133987</v>
      </c>
      <c r="G74955" s="1" t="s">
        <v>249821</v>
      </c>
      <c r="H74955" s="1" t="s">
        <v>249822</v>
      </c>
      <c r="I74955" s="1" t="s">
        <v>247053</v>
      </c>
      <c r="J74955" s="1" t="s">
        <v>249842</v>
      </c>
    </row>
    <row r="74956" spans="1:10" x14ac:dyDescent="0.35">
      <c r="A74956" s="1" t="s">
        <v>110371</v>
      </c>
      <c r="B74956" s="1" t="s">
        <v>247048</v>
      </c>
      <c r="C74956" s="1" t="s">
        <v>65</v>
      </c>
      <c r="D74956" s="1" t="s">
        <v>7499</v>
      </c>
      <c r="E74956" s="1" t="s">
        <v>14833</v>
      </c>
      <c r="F74956" s="1" t="s">
        <v>249843</v>
      </c>
      <c r="G74956" s="1" t="s">
        <v>249821</v>
      </c>
      <c r="H74956" s="1" t="s">
        <v>249822</v>
      </c>
      <c r="I74956" s="1" t="s">
        <v>247053</v>
      </c>
      <c r="J74956" s="1" t="s">
        <v>249844</v>
      </c>
    </row>
    <row r="74957" spans="1:10" x14ac:dyDescent="0.35">
      <c r="A74957" s="1" t="s">
        <v>110371</v>
      </c>
      <c r="B74957" s="1" t="s">
        <v>247048</v>
      </c>
      <c r="C74957" s="1" t="s">
        <v>70</v>
      </c>
      <c r="D74957" s="1" t="s">
        <v>26022</v>
      </c>
      <c r="E74957" s="1" t="s">
        <v>12703</v>
      </c>
      <c r="F74957" s="1" t="s">
        <v>249845</v>
      </c>
      <c r="G74957" s="1" t="s">
        <v>249821</v>
      </c>
      <c r="H74957" s="1" t="s">
        <v>249822</v>
      </c>
      <c r="I74957" s="1" t="s">
        <v>247053</v>
      </c>
      <c r="J74957" s="1" t="s">
        <v>249846</v>
      </c>
    </row>
    <row r="74958" spans="1:10" x14ac:dyDescent="0.35">
      <c r="A74958" s="1" t="s">
        <v>110371</v>
      </c>
      <c r="B74958" s="1" t="s">
        <v>247048</v>
      </c>
      <c r="C74958" s="1" t="s">
        <v>75</v>
      </c>
      <c r="D74958" s="1" t="s">
        <v>171551</v>
      </c>
      <c r="E74958" s="1" t="s">
        <v>12680</v>
      </c>
      <c r="F74958" s="1" t="s">
        <v>249847</v>
      </c>
      <c r="G74958" s="1" t="s">
        <v>249821</v>
      </c>
      <c r="H74958" s="1" t="s">
        <v>249822</v>
      </c>
      <c r="I74958" s="1" t="s">
        <v>247053</v>
      </c>
      <c r="J74958" s="1" t="s">
        <v>249848</v>
      </c>
    </row>
    <row r="74959" spans="1:10" x14ac:dyDescent="0.35">
      <c r="A74959" s="1" t="s">
        <v>110371</v>
      </c>
      <c r="B74959" s="1" t="s">
        <v>247048</v>
      </c>
      <c r="C74959" s="1" t="s">
        <v>80</v>
      </c>
      <c r="D74959" s="1" t="s">
        <v>156281</v>
      </c>
      <c r="E74959" s="1" t="s">
        <v>12671</v>
      </c>
      <c r="F74959" s="1" t="s">
        <v>249849</v>
      </c>
      <c r="G74959" s="1" t="s">
        <v>249821</v>
      </c>
      <c r="H74959" s="1" t="s">
        <v>249822</v>
      </c>
      <c r="I74959" s="1" t="s">
        <v>247053</v>
      </c>
      <c r="J74959" s="1" t="s">
        <v>249850</v>
      </c>
    </row>
    <row r="74960" spans="1:10" x14ac:dyDescent="0.35">
      <c r="A74960" s="1" t="s">
        <v>110371</v>
      </c>
      <c r="B74960" s="1" t="s">
        <v>247048</v>
      </c>
      <c r="C74960" s="1" t="s">
        <v>85</v>
      </c>
      <c r="D74960" s="1" t="s">
        <v>141798</v>
      </c>
      <c r="E74960" s="1" t="s">
        <v>205182</v>
      </c>
      <c r="F74960" s="1" t="s">
        <v>249851</v>
      </c>
      <c r="G74960" s="1" t="s">
        <v>249821</v>
      </c>
      <c r="H74960" s="1" t="s">
        <v>249822</v>
      </c>
      <c r="I74960" s="1" t="s">
        <v>247053</v>
      </c>
      <c r="J74960" s="1" t="s">
        <v>249852</v>
      </c>
    </row>
    <row r="74961" spans="1:10" x14ac:dyDescent="0.35">
      <c r="A74961" s="1" t="s">
        <v>110371</v>
      </c>
      <c r="B74961" s="1" t="s">
        <v>247048</v>
      </c>
      <c r="C74961" s="1" t="s">
        <v>90</v>
      </c>
      <c r="D74961" s="1" t="s">
        <v>10846</v>
      </c>
      <c r="E74961" s="1" t="s">
        <v>12181</v>
      </c>
      <c r="F74961" s="1" t="s">
        <v>249853</v>
      </c>
      <c r="G74961" s="1" t="s">
        <v>249821</v>
      </c>
      <c r="H74961" s="1" t="s">
        <v>249822</v>
      </c>
      <c r="I74961" s="1" t="s">
        <v>247053</v>
      </c>
      <c r="J74961" s="1" t="s">
        <v>249854</v>
      </c>
    </row>
    <row r="74962" spans="1:10" x14ac:dyDescent="0.35">
      <c r="A74962" s="1" t="s">
        <v>110371</v>
      </c>
      <c r="B74962" s="1" t="s">
        <v>247048</v>
      </c>
      <c r="C74962" s="1" t="s">
        <v>95</v>
      </c>
      <c r="D74962" s="1" t="s">
        <v>115952</v>
      </c>
      <c r="E74962" s="1" t="s">
        <v>204835</v>
      </c>
      <c r="F74962" s="1" t="s">
        <v>21498</v>
      </c>
      <c r="G74962" s="1" t="s">
        <v>249821</v>
      </c>
      <c r="H74962" s="1" t="s">
        <v>249822</v>
      </c>
      <c r="I74962" s="1" t="s">
        <v>247053</v>
      </c>
      <c r="J74962" s="1" t="s">
        <v>249855</v>
      </c>
    </row>
    <row r="74963" spans="1:10" x14ac:dyDescent="0.35">
      <c r="A74963" s="1" t="s">
        <v>110371</v>
      </c>
      <c r="B74963" s="1" t="s">
        <v>247048</v>
      </c>
      <c r="C74963" s="1" t="s">
        <v>100</v>
      </c>
      <c r="D74963" s="1" t="s">
        <v>249856</v>
      </c>
      <c r="E74963" s="1" t="s">
        <v>27441</v>
      </c>
      <c r="F74963" s="1" t="s">
        <v>249857</v>
      </c>
      <c r="G74963" s="1" t="s">
        <v>249821</v>
      </c>
      <c r="H74963" s="1" t="s">
        <v>249822</v>
      </c>
      <c r="I74963" s="1" t="s">
        <v>247053</v>
      </c>
      <c r="J74963" s="1" t="s">
        <v>249858</v>
      </c>
    </row>
    <row r="74964" spans="1:10" x14ac:dyDescent="0.35">
      <c r="A74964" s="1" t="s">
        <v>110371</v>
      </c>
      <c r="B74964" s="1" t="s">
        <v>247048</v>
      </c>
      <c r="C74964" s="1" t="s">
        <v>105</v>
      </c>
      <c r="D74964" s="1" t="s">
        <v>196993</v>
      </c>
      <c r="E74964" s="1" t="s">
        <v>249859</v>
      </c>
      <c r="F74964" s="1" t="s">
        <v>249860</v>
      </c>
      <c r="G74964" s="1" t="s">
        <v>249821</v>
      </c>
      <c r="H74964" s="1" t="s">
        <v>249822</v>
      </c>
      <c r="I74964" s="1" t="s">
        <v>247053</v>
      </c>
      <c r="J74964" s="1" t="s">
        <v>249861</v>
      </c>
    </row>
    <row r="74965" spans="1:10" x14ac:dyDescent="0.35">
      <c r="A74965" s="1" t="s">
        <v>110371</v>
      </c>
      <c r="B74965" s="1" t="s">
        <v>247048</v>
      </c>
      <c r="C74965" s="1" t="s">
        <v>110</v>
      </c>
      <c r="D74965" s="1" t="s">
        <v>169034</v>
      </c>
      <c r="E74965" s="1" t="s">
        <v>8584</v>
      </c>
      <c r="F74965" s="1" t="s">
        <v>249862</v>
      </c>
      <c r="G74965" s="1" t="s">
        <v>249821</v>
      </c>
      <c r="H74965" s="1" t="s">
        <v>249822</v>
      </c>
      <c r="I74965" s="1" t="s">
        <v>247053</v>
      </c>
      <c r="J74965" s="1" t="s">
        <v>249863</v>
      </c>
    </row>
    <row r="74966" spans="1:10" x14ac:dyDescent="0.35">
      <c r="A74966" s="1" t="s">
        <v>110371</v>
      </c>
      <c r="B74966" s="1" t="s">
        <v>247048</v>
      </c>
      <c r="C74966" s="1" t="s">
        <v>115</v>
      </c>
      <c r="D74966" s="1" t="s">
        <v>3244</v>
      </c>
      <c r="E74966" s="1" t="s">
        <v>203983</v>
      </c>
      <c r="F74966" s="1" t="s">
        <v>249864</v>
      </c>
      <c r="G74966" s="1" t="s">
        <v>249821</v>
      </c>
      <c r="H74966" s="1" t="s">
        <v>249822</v>
      </c>
      <c r="I74966" s="1" t="s">
        <v>247053</v>
      </c>
      <c r="J74966" s="1" t="s">
        <v>249865</v>
      </c>
    </row>
    <row r="74967" spans="1:10" x14ac:dyDescent="0.35">
      <c r="A74967" s="1" t="s">
        <v>110371</v>
      </c>
      <c r="B74967" s="1" t="s">
        <v>247048</v>
      </c>
      <c r="C74967" s="1" t="s">
        <v>120</v>
      </c>
      <c r="D74967" s="1" t="s">
        <v>151184</v>
      </c>
      <c r="E74967" s="1" t="s">
        <v>12743</v>
      </c>
      <c r="F74967" s="1" t="s">
        <v>249866</v>
      </c>
      <c r="G74967" s="1" t="s">
        <v>249821</v>
      </c>
      <c r="H74967" s="1" t="s">
        <v>249822</v>
      </c>
      <c r="I74967" s="1" t="s">
        <v>247053</v>
      </c>
      <c r="J74967" s="1" t="s">
        <v>249867</v>
      </c>
    </row>
    <row r="74968" spans="1:10" x14ac:dyDescent="0.35">
      <c r="A74968" s="1" t="s">
        <v>110371</v>
      </c>
      <c r="B74968" s="1" t="s">
        <v>247048</v>
      </c>
      <c r="C74968" s="1" t="s">
        <v>125</v>
      </c>
      <c r="D74968" s="1" t="s">
        <v>117714</v>
      </c>
      <c r="E74968" s="1" t="s">
        <v>14833</v>
      </c>
      <c r="F74968" s="1" t="s">
        <v>249868</v>
      </c>
      <c r="G74968" s="1" t="s">
        <v>249821</v>
      </c>
      <c r="H74968" s="1" t="s">
        <v>249822</v>
      </c>
      <c r="I74968" s="1" t="s">
        <v>247053</v>
      </c>
      <c r="J74968" s="1" t="s">
        <v>249869</v>
      </c>
    </row>
    <row r="74969" spans="1:10" x14ac:dyDescent="0.35">
      <c r="A74969" s="1" t="s">
        <v>110371</v>
      </c>
      <c r="B74969" s="1" t="s">
        <v>247048</v>
      </c>
      <c r="C74969" s="1" t="s">
        <v>130</v>
      </c>
      <c r="D74969" s="1" t="s">
        <v>1476</v>
      </c>
      <c r="E74969" s="1" t="s">
        <v>8566</v>
      </c>
      <c r="F74969" s="1" t="s">
        <v>29080</v>
      </c>
      <c r="G74969" s="1" t="s">
        <v>249821</v>
      </c>
      <c r="H74969" s="1" t="s">
        <v>249822</v>
      </c>
      <c r="I74969" s="1" t="s">
        <v>247053</v>
      </c>
      <c r="J74969" s="1" t="s">
        <v>249870</v>
      </c>
    </row>
    <row r="74970" spans="1:10" x14ac:dyDescent="0.35">
      <c r="A74970" s="1" t="s">
        <v>110371</v>
      </c>
      <c r="B74970" s="1" t="s">
        <v>247048</v>
      </c>
      <c r="C74970" s="1" t="s">
        <v>135</v>
      </c>
      <c r="D74970" s="1" t="s">
        <v>182596</v>
      </c>
      <c r="E74970" s="1" t="s">
        <v>160422</v>
      </c>
      <c r="F74970" s="1" t="s">
        <v>249871</v>
      </c>
      <c r="G74970" s="1" t="s">
        <v>249821</v>
      </c>
      <c r="H74970" s="1" t="s">
        <v>249822</v>
      </c>
      <c r="I74970" s="1" t="s">
        <v>247053</v>
      </c>
      <c r="J74970" s="1" t="s">
        <v>249872</v>
      </c>
    </row>
    <row r="74971" spans="1:10" x14ac:dyDescent="0.35">
      <c r="A74971" s="1" t="s">
        <v>110371</v>
      </c>
      <c r="B74971" s="1" t="s">
        <v>247048</v>
      </c>
      <c r="C74971" s="1" t="s">
        <v>140</v>
      </c>
      <c r="D74971" s="1" t="s">
        <v>30756</v>
      </c>
      <c r="E74971" s="1" t="s">
        <v>202011</v>
      </c>
      <c r="F74971" s="1" t="s">
        <v>249868</v>
      </c>
      <c r="G74971" s="1" t="s">
        <v>249821</v>
      </c>
      <c r="H74971" s="1" t="s">
        <v>249822</v>
      </c>
      <c r="I74971" s="1" t="s">
        <v>247053</v>
      </c>
      <c r="J74971" s="1" t="s">
        <v>249873</v>
      </c>
    </row>
    <row r="74972" spans="1:10" x14ac:dyDescent="0.35">
      <c r="A74972" s="1" t="s">
        <v>110371</v>
      </c>
      <c r="B74972" s="1" t="s">
        <v>247048</v>
      </c>
      <c r="C74972" s="1" t="s">
        <v>145</v>
      </c>
      <c r="D74972" s="1" t="s">
        <v>2959</v>
      </c>
      <c r="E74972" s="1" t="s">
        <v>13680</v>
      </c>
      <c r="F74972" s="1" t="s">
        <v>249871</v>
      </c>
      <c r="G74972" s="1" t="s">
        <v>249821</v>
      </c>
      <c r="H74972" s="1" t="s">
        <v>249822</v>
      </c>
      <c r="I74972" s="1" t="s">
        <v>247053</v>
      </c>
      <c r="J74972" s="1" t="s">
        <v>249874</v>
      </c>
    </row>
    <row r="74973" spans="1:10" x14ac:dyDescent="0.35">
      <c r="A74973" s="1" t="s">
        <v>110371</v>
      </c>
      <c r="B74973" s="1" t="s">
        <v>247048</v>
      </c>
      <c r="C74973" s="1" t="s">
        <v>150</v>
      </c>
      <c r="D74973" s="1" t="s">
        <v>73672</v>
      </c>
      <c r="E74973" s="1" t="s">
        <v>110912</v>
      </c>
      <c r="F74973" s="1" t="s">
        <v>249875</v>
      </c>
      <c r="G74973" s="1" t="s">
        <v>249821</v>
      </c>
      <c r="H74973" s="1" t="s">
        <v>249822</v>
      </c>
      <c r="I74973" s="1" t="s">
        <v>247053</v>
      </c>
      <c r="J74973" s="1" t="s">
        <v>249876</v>
      </c>
    </row>
    <row r="74974" spans="1:10" x14ac:dyDescent="0.35">
      <c r="A74974" s="1" t="s">
        <v>110371</v>
      </c>
      <c r="B74974" s="1" t="s">
        <v>247048</v>
      </c>
      <c r="C74974" s="1" t="s">
        <v>155</v>
      </c>
      <c r="D74974" s="1" t="s">
        <v>105132</v>
      </c>
      <c r="E74974" s="1" t="s">
        <v>247468</v>
      </c>
      <c r="F74974" s="1" t="s">
        <v>249871</v>
      </c>
      <c r="G74974" s="1" t="s">
        <v>249821</v>
      </c>
      <c r="H74974" s="1" t="s">
        <v>249822</v>
      </c>
      <c r="I74974" s="1" t="s">
        <v>247053</v>
      </c>
      <c r="J74974" s="1" t="s">
        <v>249877</v>
      </c>
    </row>
    <row r="74975" spans="1:10" x14ac:dyDescent="0.35">
      <c r="A74975" s="1" t="s">
        <v>110371</v>
      </c>
      <c r="B74975" s="1" t="s">
        <v>247048</v>
      </c>
      <c r="C74975" s="1" t="s">
        <v>160</v>
      </c>
      <c r="D74975" s="1" t="s">
        <v>221310</v>
      </c>
      <c r="E74975" s="1" t="s">
        <v>8584</v>
      </c>
      <c r="F74975" s="1" t="s">
        <v>249864</v>
      </c>
      <c r="G74975" s="1" t="s">
        <v>249821</v>
      </c>
      <c r="H74975" s="1" t="s">
        <v>249822</v>
      </c>
      <c r="I74975" s="1" t="s">
        <v>247053</v>
      </c>
      <c r="J74975" s="1" t="s">
        <v>249878</v>
      </c>
    </row>
    <row r="74976" spans="1:10" x14ac:dyDescent="0.35">
      <c r="A74976" s="1" t="s">
        <v>110371</v>
      </c>
      <c r="B74976" s="1" t="s">
        <v>247048</v>
      </c>
      <c r="C74976" s="1" t="s">
        <v>165</v>
      </c>
      <c r="D74976" s="1" t="s">
        <v>112926</v>
      </c>
      <c r="E74976" s="1" t="s">
        <v>12138</v>
      </c>
      <c r="F74976" s="1" t="s">
        <v>249879</v>
      </c>
      <c r="G74976" s="1" t="s">
        <v>249821</v>
      </c>
      <c r="H74976" s="1" t="s">
        <v>249822</v>
      </c>
      <c r="I74976" s="1" t="s">
        <v>247053</v>
      </c>
      <c r="J74976" s="1" t="s">
        <v>249880</v>
      </c>
    </row>
    <row r="74977" spans="1:10" x14ac:dyDescent="0.35">
      <c r="A74977" s="1" t="s">
        <v>110371</v>
      </c>
      <c r="B74977" s="1" t="s">
        <v>247048</v>
      </c>
      <c r="C74977" s="1" t="s">
        <v>170</v>
      </c>
      <c r="D74977" s="1" t="s">
        <v>153244</v>
      </c>
      <c r="E74977" s="1" t="s">
        <v>7925</v>
      </c>
      <c r="F74977" s="1" t="s">
        <v>249868</v>
      </c>
      <c r="G74977" s="1" t="s">
        <v>249821</v>
      </c>
      <c r="H74977" s="1" t="s">
        <v>249822</v>
      </c>
      <c r="I74977" s="1" t="s">
        <v>247053</v>
      </c>
      <c r="J74977" s="1" t="s">
        <v>249881</v>
      </c>
    </row>
    <row r="74978" spans="1:10" x14ac:dyDescent="0.35">
      <c r="A74978" s="1" t="s">
        <v>7540</v>
      </c>
      <c r="B74978" s="1" t="s">
        <v>247048</v>
      </c>
      <c r="C74978" s="1" t="s">
        <v>8</v>
      </c>
      <c r="D74978" s="1" t="s">
        <v>13214</v>
      </c>
      <c r="E74978" s="1" t="s">
        <v>249882</v>
      </c>
      <c r="F74978" s="1" t="s">
        <v>249883</v>
      </c>
      <c r="G74978" s="1" t="s">
        <v>249884</v>
      </c>
      <c r="H74978" s="1" t="s">
        <v>249885</v>
      </c>
      <c r="I74978" s="1" t="s">
        <v>247053</v>
      </c>
      <c r="J74978" s="1" t="s">
        <v>13</v>
      </c>
    </row>
    <row r="74979" spans="1:10" x14ac:dyDescent="0.35">
      <c r="A74979" s="1" t="s">
        <v>7540</v>
      </c>
      <c r="B74979" s="1" t="s">
        <v>247048</v>
      </c>
      <c r="C74979" s="1" t="s">
        <v>15</v>
      </c>
      <c r="D74979" s="1" t="s">
        <v>45354</v>
      </c>
      <c r="E74979" s="1" t="s">
        <v>249886</v>
      </c>
      <c r="F74979" s="1" t="s">
        <v>249887</v>
      </c>
      <c r="G74979" s="1" t="s">
        <v>249884</v>
      </c>
      <c r="H74979" s="1" t="s">
        <v>249885</v>
      </c>
      <c r="I74979" s="1" t="s">
        <v>247053</v>
      </c>
      <c r="J74979" s="1" t="s">
        <v>249888</v>
      </c>
    </row>
    <row r="74980" spans="1:10" x14ac:dyDescent="0.35">
      <c r="A74980" s="1" t="s">
        <v>7540</v>
      </c>
      <c r="B74980" s="1" t="s">
        <v>247048</v>
      </c>
      <c r="C74980" s="1" t="s">
        <v>20</v>
      </c>
      <c r="D74980" s="1" t="s">
        <v>9345</v>
      </c>
      <c r="E74980" s="1" t="s">
        <v>249889</v>
      </c>
      <c r="F74980" s="1" t="s">
        <v>249890</v>
      </c>
      <c r="G74980" s="1" t="s">
        <v>249884</v>
      </c>
      <c r="H74980" s="1" t="s">
        <v>249885</v>
      </c>
      <c r="I74980" s="1" t="s">
        <v>247053</v>
      </c>
      <c r="J74980" s="1" t="s">
        <v>249891</v>
      </c>
    </row>
    <row r="74981" spans="1:10" x14ac:dyDescent="0.35">
      <c r="A74981" s="1" t="s">
        <v>7540</v>
      </c>
      <c r="B74981" s="1" t="s">
        <v>247048</v>
      </c>
      <c r="C74981" s="1" t="s">
        <v>25</v>
      </c>
      <c r="D74981" s="1" t="s">
        <v>6085</v>
      </c>
      <c r="E74981" s="1" t="s">
        <v>249892</v>
      </c>
      <c r="F74981" s="1" t="s">
        <v>249893</v>
      </c>
      <c r="G74981" s="1" t="s">
        <v>249884</v>
      </c>
      <c r="H74981" s="1" t="s">
        <v>249885</v>
      </c>
      <c r="I74981" s="1" t="s">
        <v>247053</v>
      </c>
      <c r="J74981" s="1" t="s">
        <v>249894</v>
      </c>
    </row>
    <row r="74982" spans="1:10" x14ac:dyDescent="0.35">
      <c r="A74982" s="1" t="s">
        <v>7540</v>
      </c>
      <c r="B74982" s="1" t="s">
        <v>247048</v>
      </c>
      <c r="C74982" s="1" t="s">
        <v>30</v>
      </c>
      <c r="D74982" s="1" t="s">
        <v>28041</v>
      </c>
      <c r="E74982" s="1" t="s">
        <v>249895</v>
      </c>
      <c r="F74982" s="1" t="s">
        <v>249896</v>
      </c>
      <c r="G74982" s="1" t="s">
        <v>249884</v>
      </c>
      <c r="H74982" s="1" t="s">
        <v>249885</v>
      </c>
      <c r="I74982" s="1" t="s">
        <v>247053</v>
      </c>
      <c r="J74982" s="1" t="s">
        <v>249897</v>
      </c>
    </row>
    <row r="74983" spans="1:10" x14ac:dyDescent="0.35">
      <c r="A74983" s="1" t="s">
        <v>7540</v>
      </c>
      <c r="B74983" s="1" t="s">
        <v>247048</v>
      </c>
      <c r="C74983" s="1" t="s">
        <v>35</v>
      </c>
      <c r="D74983" s="1" t="s">
        <v>30106</v>
      </c>
      <c r="E74983" s="1" t="s">
        <v>249898</v>
      </c>
      <c r="F74983" s="1" t="s">
        <v>249899</v>
      </c>
      <c r="G74983" s="1" t="s">
        <v>249884</v>
      </c>
      <c r="H74983" s="1" t="s">
        <v>249885</v>
      </c>
      <c r="I74983" s="1" t="s">
        <v>247053</v>
      </c>
      <c r="J74983" s="1" t="s">
        <v>249900</v>
      </c>
    </row>
    <row r="74984" spans="1:10" x14ac:dyDescent="0.35">
      <c r="A74984" s="1" t="s">
        <v>7540</v>
      </c>
      <c r="B74984" s="1" t="s">
        <v>247048</v>
      </c>
      <c r="C74984" s="1" t="s">
        <v>40</v>
      </c>
      <c r="D74984" s="1" t="s">
        <v>3585</v>
      </c>
      <c r="E74984" s="1" t="s">
        <v>249901</v>
      </c>
      <c r="F74984" s="1" t="s">
        <v>249902</v>
      </c>
      <c r="G74984" s="1" t="s">
        <v>249884</v>
      </c>
      <c r="H74984" s="1" t="s">
        <v>249885</v>
      </c>
      <c r="I74984" s="1" t="s">
        <v>247053</v>
      </c>
      <c r="J74984" s="1" t="s">
        <v>249903</v>
      </c>
    </row>
    <row r="74985" spans="1:10" x14ac:dyDescent="0.35">
      <c r="A74985" s="1" t="s">
        <v>7540</v>
      </c>
      <c r="B74985" s="1" t="s">
        <v>247048</v>
      </c>
      <c r="C74985" s="1" t="s">
        <v>45</v>
      </c>
      <c r="D74985" s="1" t="s">
        <v>29747</v>
      </c>
      <c r="E74985" s="1" t="s">
        <v>249904</v>
      </c>
      <c r="F74985" s="1" t="s">
        <v>249905</v>
      </c>
      <c r="G74985" s="1" t="s">
        <v>249884</v>
      </c>
      <c r="H74985" s="1" t="s">
        <v>249885</v>
      </c>
      <c r="I74985" s="1" t="s">
        <v>247053</v>
      </c>
      <c r="J74985" s="1" t="s">
        <v>249906</v>
      </c>
    </row>
    <row r="74986" spans="1:10" x14ac:dyDescent="0.35">
      <c r="A74986" s="1" t="s">
        <v>7540</v>
      </c>
      <c r="B74986" s="1" t="s">
        <v>247048</v>
      </c>
      <c r="C74986" s="1" t="s">
        <v>50</v>
      </c>
      <c r="D74986" s="1" t="s">
        <v>13857</v>
      </c>
      <c r="E74986" s="1" t="s">
        <v>249907</v>
      </c>
      <c r="F74986" s="1" t="s">
        <v>249908</v>
      </c>
      <c r="G74986" s="1" t="s">
        <v>249884</v>
      </c>
      <c r="H74986" s="1" t="s">
        <v>249885</v>
      </c>
      <c r="I74986" s="1" t="s">
        <v>247053</v>
      </c>
      <c r="J74986" s="1" t="s">
        <v>249909</v>
      </c>
    </row>
    <row r="74987" spans="1:10" x14ac:dyDescent="0.35">
      <c r="A74987" s="1" t="s">
        <v>7540</v>
      </c>
      <c r="B74987" s="1" t="s">
        <v>247048</v>
      </c>
      <c r="C74987" s="1" t="s">
        <v>55</v>
      </c>
      <c r="D74987" s="1" t="s">
        <v>10224</v>
      </c>
      <c r="E74987" s="1" t="s">
        <v>249910</v>
      </c>
      <c r="F74987" s="1" t="s">
        <v>249911</v>
      </c>
      <c r="G74987" s="1" t="s">
        <v>249884</v>
      </c>
      <c r="H74987" s="1" t="s">
        <v>249885</v>
      </c>
      <c r="I74987" s="1" t="s">
        <v>247053</v>
      </c>
      <c r="J74987" s="1" t="s">
        <v>249912</v>
      </c>
    </row>
    <row r="74988" spans="1:10" x14ac:dyDescent="0.35">
      <c r="A74988" s="1" t="s">
        <v>7540</v>
      </c>
      <c r="B74988" s="1" t="s">
        <v>247048</v>
      </c>
      <c r="C74988" s="1" t="s">
        <v>60</v>
      </c>
      <c r="D74988" s="1" t="s">
        <v>117163</v>
      </c>
      <c r="E74988" s="1" t="s">
        <v>249913</v>
      </c>
      <c r="F74988" s="1" t="s">
        <v>249914</v>
      </c>
      <c r="G74988" s="1" t="s">
        <v>249884</v>
      </c>
      <c r="H74988" s="1" t="s">
        <v>249885</v>
      </c>
      <c r="I74988" s="1" t="s">
        <v>247053</v>
      </c>
      <c r="J74988" s="1" t="s">
        <v>249915</v>
      </c>
    </row>
    <row r="74989" spans="1:10" x14ac:dyDescent="0.35">
      <c r="A74989" s="1" t="s">
        <v>7540</v>
      </c>
      <c r="B74989" s="1" t="s">
        <v>247048</v>
      </c>
      <c r="C74989" s="1" t="s">
        <v>65</v>
      </c>
      <c r="D74989" s="1" t="s">
        <v>140</v>
      </c>
      <c r="E74989" s="1" t="s">
        <v>249916</v>
      </c>
      <c r="F74989" s="1" t="s">
        <v>249917</v>
      </c>
      <c r="G74989" s="1" t="s">
        <v>249884</v>
      </c>
      <c r="H74989" s="1" t="s">
        <v>249885</v>
      </c>
      <c r="I74989" s="1" t="s">
        <v>247053</v>
      </c>
      <c r="J74989" s="1" t="s">
        <v>249918</v>
      </c>
    </row>
    <row r="74990" spans="1:10" x14ac:dyDescent="0.35">
      <c r="A74990" s="1" t="s">
        <v>7540</v>
      </c>
      <c r="B74990" s="1" t="s">
        <v>247048</v>
      </c>
      <c r="C74990" s="1" t="s">
        <v>70</v>
      </c>
      <c r="D74990" s="1" t="s">
        <v>146701</v>
      </c>
      <c r="E74990" s="1" t="s">
        <v>249919</v>
      </c>
      <c r="F74990" s="1" t="s">
        <v>249920</v>
      </c>
      <c r="G74990" s="1" t="s">
        <v>249884</v>
      </c>
      <c r="H74990" s="1" t="s">
        <v>249885</v>
      </c>
      <c r="I74990" s="1" t="s">
        <v>247053</v>
      </c>
      <c r="J74990" s="1" t="s">
        <v>247521</v>
      </c>
    </row>
    <row r="74991" spans="1:10" x14ac:dyDescent="0.35">
      <c r="A74991" s="1" t="s">
        <v>7540</v>
      </c>
      <c r="B74991" s="1" t="s">
        <v>247048</v>
      </c>
      <c r="C74991" s="1" t="s">
        <v>75</v>
      </c>
      <c r="D74991" s="1" t="s">
        <v>8706</v>
      </c>
      <c r="E74991" s="1" t="s">
        <v>249921</v>
      </c>
      <c r="F74991" s="1" t="s">
        <v>249922</v>
      </c>
      <c r="G74991" s="1" t="s">
        <v>249884</v>
      </c>
      <c r="H74991" s="1" t="s">
        <v>249885</v>
      </c>
      <c r="I74991" s="1" t="s">
        <v>247053</v>
      </c>
      <c r="J74991" s="1" t="s">
        <v>249923</v>
      </c>
    </row>
    <row r="74992" spans="1:10" x14ac:dyDescent="0.35">
      <c r="A74992" s="1" t="s">
        <v>7540</v>
      </c>
      <c r="B74992" s="1" t="s">
        <v>247048</v>
      </c>
      <c r="C74992" s="1" t="s">
        <v>80</v>
      </c>
      <c r="D74992" s="1" t="s">
        <v>27965</v>
      </c>
      <c r="E74992" s="1" t="s">
        <v>249924</v>
      </c>
      <c r="F74992" s="1" t="s">
        <v>249925</v>
      </c>
      <c r="G74992" s="1" t="s">
        <v>249884</v>
      </c>
      <c r="H74992" s="1" t="s">
        <v>249885</v>
      </c>
      <c r="I74992" s="1" t="s">
        <v>247053</v>
      </c>
      <c r="J74992" s="1" t="s">
        <v>249926</v>
      </c>
    </row>
    <row r="74993" spans="1:10" x14ac:dyDescent="0.35">
      <c r="A74993" s="1" t="s">
        <v>7540</v>
      </c>
      <c r="B74993" s="1" t="s">
        <v>247048</v>
      </c>
      <c r="C74993" s="1" t="s">
        <v>85</v>
      </c>
      <c r="D74993" s="1" t="s">
        <v>47054</v>
      </c>
      <c r="E74993" s="1" t="s">
        <v>249927</v>
      </c>
      <c r="F74993" s="1" t="s">
        <v>249928</v>
      </c>
      <c r="G74993" s="1" t="s">
        <v>249884</v>
      </c>
      <c r="H74993" s="1" t="s">
        <v>249885</v>
      </c>
      <c r="I74993" s="1" t="s">
        <v>247053</v>
      </c>
      <c r="J74993" s="1" t="s">
        <v>249929</v>
      </c>
    </row>
    <row r="74994" spans="1:10" x14ac:dyDescent="0.35">
      <c r="A74994" s="1" t="s">
        <v>7540</v>
      </c>
      <c r="B74994" s="1" t="s">
        <v>247048</v>
      </c>
      <c r="C74994" s="1" t="s">
        <v>90</v>
      </c>
      <c r="D74994" s="1" t="s">
        <v>24974</v>
      </c>
      <c r="E74994" s="1" t="s">
        <v>249930</v>
      </c>
      <c r="F74994" s="1" t="s">
        <v>249931</v>
      </c>
      <c r="G74994" s="1" t="s">
        <v>249884</v>
      </c>
      <c r="H74994" s="1" t="s">
        <v>249885</v>
      </c>
      <c r="I74994" s="1" t="s">
        <v>247053</v>
      </c>
      <c r="J74994" s="1" t="s">
        <v>143172</v>
      </c>
    </row>
    <row r="74995" spans="1:10" x14ac:dyDescent="0.35">
      <c r="A74995" s="1" t="s">
        <v>7540</v>
      </c>
      <c r="B74995" s="1" t="s">
        <v>247048</v>
      </c>
      <c r="C74995" s="1" t="s">
        <v>95</v>
      </c>
      <c r="D74995" s="1" t="s">
        <v>157629</v>
      </c>
      <c r="E74995" s="1" t="s">
        <v>249932</v>
      </c>
      <c r="F74995" s="1" t="s">
        <v>249933</v>
      </c>
      <c r="G74995" s="1" t="s">
        <v>249884</v>
      </c>
      <c r="H74995" s="1" t="s">
        <v>249885</v>
      </c>
      <c r="I74995" s="1" t="s">
        <v>247053</v>
      </c>
      <c r="J74995" s="1" t="s">
        <v>249934</v>
      </c>
    </row>
    <row r="74996" spans="1:10" x14ac:dyDescent="0.35">
      <c r="A74996" s="1" t="s">
        <v>7540</v>
      </c>
      <c r="B74996" s="1" t="s">
        <v>247048</v>
      </c>
      <c r="C74996" s="1" t="s">
        <v>100</v>
      </c>
      <c r="D74996" s="1" t="s">
        <v>110048</v>
      </c>
      <c r="E74996" s="1" t="s">
        <v>249935</v>
      </c>
      <c r="F74996" s="1" t="s">
        <v>249936</v>
      </c>
      <c r="G74996" s="1" t="s">
        <v>249884</v>
      </c>
      <c r="H74996" s="1" t="s">
        <v>249885</v>
      </c>
      <c r="I74996" s="1" t="s">
        <v>247053</v>
      </c>
      <c r="J74996" s="1" t="s">
        <v>249937</v>
      </c>
    </row>
    <row r="74997" spans="1:10" x14ac:dyDescent="0.35">
      <c r="A74997" s="1" t="s">
        <v>7540</v>
      </c>
      <c r="B74997" s="1" t="s">
        <v>247048</v>
      </c>
      <c r="C74997" s="1" t="s">
        <v>105</v>
      </c>
      <c r="D74997" s="1" t="s">
        <v>121893</v>
      </c>
      <c r="E74997" s="1" t="s">
        <v>249938</v>
      </c>
      <c r="F74997" s="1" t="s">
        <v>249939</v>
      </c>
      <c r="G74997" s="1" t="s">
        <v>249884</v>
      </c>
      <c r="H74997" s="1" t="s">
        <v>249885</v>
      </c>
      <c r="I74997" s="1" t="s">
        <v>247053</v>
      </c>
      <c r="J74997" s="1" t="s">
        <v>249940</v>
      </c>
    </row>
    <row r="74998" spans="1:10" x14ac:dyDescent="0.35">
      <c r="A74998" s="1" t="s">
        <v>7540</v>
      </c>
      <c r="B74998" s="1" t="s">
        <v>247048</v>
      </c>
      <c r="C74998" s="1" t="s">
        <v>110</v>
      </c>
      <c r="D74998" s="1" t="s">
        <v>118047</v>
      </c>
      <c r="E74998" s="1" t="s">
        <v>249941</v>
      </c>
      <c r="F74998" s="1" t="s">
        <v>249942</v>
      </c>
      <c r="G74998" s="1" t="s">
        <v>249884</v>
      </c>
      <c r="H74998" s="1" t="s">
        <v>249885</v>
      </c>
      <c r="I74998" s="1" t="s">
        <v>247053</v>
      </c>
      <c r="J74998" s="1" t="s">
        <v>249943</v>
      </c>
    </row>
    <row r="74999" spans="1:10" x14ac:dyDescent="0.35">
      <c r="A74999" s="1" t="s">
        <v>7540</v>
      </c>
      <c r="B74999" s="1" t="s">
        <v>247048</v>
      </c>
      <c r="C74999" s="1" t="s">
        <v>115</v>
      </c>
      <c r="D74999" s="1" t="s">
        <v>44556</v>
      </c>
      <c r="E74999" s="1" t="s">
        <v>249944</v>
      </c>
      <c r="F74999" s="1" t="s">
        <v>249945</v>
      </c>
      <c r="G74999" s="1" t="s">
        <v>249884</v>
      </c>
      <c r="H74999" s="1" t="s">
        <v>249885</v>
      </c>
      <c r="I74999" s="1" t="s">
        <v>247053</v>
      </c>
      <c r="J74999" s="1" t="s">
        <v>145939</v>
      </c>
    </row>
    <row r="75000" spans="1:10" x14ac:dyDescent="0.35">
      <c r="A75000" s="1" t="s">
        <v>7540</v>
      </c>
      <c r="B75000" s="1" t="s">
        <v>247048</v>
      </c>
      <c r="C75000" s="1" t="s">
        <v>120</v>
      </c>
      <c r="D75000" s="1" t="s">
        <v>117046</v>
      </c>
      <c r="E75000" s="1" t="s">
        <v>249946</v>
      </c>
      <c r="F75000" s="1" t="s">
        <v>249947</v>
      </c>
      <c r="G75000" s="1" t="s">
        <v>249884</v>
      </c>
      <c r="H75000" s="1" t="s">
        <v>249885</v>
      </c>
      <c r="I75000" s="1" t="s">
        <v>247053</v>
      </c>
      <c r="J75000" s="1" t="s">
        <v>249948</v>
      </c>
    </row>
    <row r="75001" spans="1:10" x14ac:dyDescent="0.35">
      <c r="A75001" s="1" t="s">
        <v>7540</v>
      </c>
      <c r="B75001" s="1" t="s">
        <v>247048</v>
      </c>
      <c r="C75001" s="1" t="s">
        <v>125</v>
      </c>
      <c r="D75001" s="1" t="s">
        <v>112742</v>
      </c>
      <c r="E75001" s="1" t="s">
        <v>249949</v>
      </c>
      <c r="F75001" s="1" t="s">
        <v>249950</v>
      </c>
      <c r="G75001" s="1" t="s">
        <v>249884</v>
      </c>
      <c r="H75001" s="1" t="s">
        <v>249885</v>
      </c>
      <c r="I75001" s="1" t="s">
        <v>247053</v>
      </c>
      <c r="J75001" s="1" t="s">
        <v>249951</v>
      </c>
    </row>
    <row r="75002" spans="1:10" x14ac:dyDescent="0.35">
      <c r="A75002" s="1" t="s">
        <v>7540</v>
      </c>
      <c r="B75002" s="1" t="s">
        <v>247048</v>
      </c>
      <c r="C75002" s="1" t="s">
        <v>130</v>
      </c>
      <c r="D75002" s="1" t="s">
        <v>206583</v>
      </c>
      <c r="E75002" s="1" t="s">
        <v>249952</v>
      </c>
      <c r="F75002" s="1" t="s">
        <v>249953</v>
      </c>
      <c r="G75002" s="1" t="s">
        <v>249884</v>
      </c>
      <c r="H75002" s="1" t="s">
        <v>249885</v>
      </c>
      <c r="I75002" s="1" t="s">
        <v>247053</v>
      </c>
      <c r="J75002" s="1" t="s">
        <v>249954</v>
      </c>
    </row>
    <row r="75003" spans="1:10" x14ac:dyDescent="0.35">
      <c r="A75003" s="1" t="s">
        <v>7540</v>
      </c>
      <c r="B75003" s="1" t="s">
        <v>247048</v>
      </c>
      <c r="C75003" s="1" t="s">
        <v>135</v>
      </c>
      <c r="D75003" s="1" t="s">
        <v>109631</v>
      </c>
      <c r="E75003" s="1" t="s">
        <v>249955</v>
      </c>
      <c r="F75003" s="1" t="s">
        <v>249956</v>
      </c>
      <c r="G75003" s="1" t="s">
        <v>249884</v>
      </c>
      <c r="H75003" s="1" t="s">
        <v>249885</v>
      </c>
      <c r="I75003" s="1" t="s">
        <v>247053</v>
      </c>
      <c r="J75003" s="1" t="s">
        <v>249957</v>
      </c>
    </row>
    <row r="75004" spans="1:10" x14ac:dyDescent="0.35">
      <c r="A75004" s="1" t="s">
        <v>7540</v>
      </c>
      <c r="B75004" s="1" t="s">
        <v>247048</v>
      </c>
      <c r="C75004" s="1" t="s">
        <v>140</v>
      </c>
      <c r="D75004" s="1" t="s">
        <v>142977</v>
      </c>
      <c r="E75004" s="1" t="s">
        <v>249958</v>
      </c>
      <c r="F75004" s="1" t="s">
        <v>249959</v>
      </c>
      <c r="G75004" s="1" t="s">
        <v>249884</v>
      </c>
      <c r="H75004" s="1" t="s">
        <v>249885</v>
      </c>
      <c r="I75004" s="1" t="s">
        <v>247053</v>
      </c>
      <c r="J75004" s="1" t="s">
        <v>249960</v>
      </c>
    </row>
    <row r="75005" spans="1:10" x14ac:dyDescent="0.35">
      <c r="A75005" s="1" t="s">
        <v>7540</v>
      </c>
      <c r="B75005" s="1" t="s">
        <v>247048</v>
      </c>
      <c r="C75005" s="1" t="s">
        <v>145</v>
      </c>
      <c r="D75005" s="1" t="s">
        <v>161101</v>
      </c>
      <c r="E75005" s="1" t="s">
        <v>249961</v>
      </c>
      <c r="F75005" s="1" t="s">
        <v>249962</v>
      </c>
      <c r="G75005" s="1" t="s">
        <v>249884</v>
      </c>
      <c r="H75005" s="1" t="s">
        <v>249885</v>
      </c>
      <c r="I75005" s="1" t="s">
        <v>247053</v>
      </c>
      <c r="J75005" s="1" t="s">
        <v>249963</v>
      </c>
    </row>
    <row r="75006" spans="1:10" x14ac:dyDescent="0.35">
      <c r="A75006" s="1" t="s">
        <v>7540</v>
      </c>
      <c r="B75006" s="1" t="s">
        <v>247048</v>
      </c>
      <c r="C75006" s="1" t="s">
        <v>150</v>
      </c>
      <c r="D75006" s="1" t="s">
        <v>248810</v>
      </c>
      <c r="E75006" s="1" t="s">
        <v>249964</v>
      </c>
      <c r="F75006" s="1" t="s">
        <v>249965</v>
      </c>
      <c r="G75006" s="1" t="s">
        <v>249884</v>
      </c>
      <c r="H75006" s="1" t="s">
        <v>249885</v>
      </c>
      <c r="I75006" s="1" t="s">
        <v>247053</v>
      </c>
      <c r="J75006" s="1" t="s">
        <v>249966</v>
      </c>
    </row>
    <row r="75007" spans="1:10" x14ac:dyDescent="0.35">
      <c r="A75007" s="1" t="s">
        <v>7540</v>
      </c>
      <c r="B75007" s="1" t="s">
        <v>247048</v>
      </c>
      <c r="C75007" s="1" t="s">
        <v>155</v>
      </c>
      <c r="D75007" s="1" t="s">
        <v>249967</v>
      </c>
      <c r="E75007" s="1" t="s">
        <v>249968</v>
      </c>
      <c r="F75007" s="1" t="s">
        <v>249969</v>
      </c>
      <c r="G75007" s="1" t="s">
        <v>249884</v>
      </c>
      <c r="H75007" s="1" t="s">
        <v>249885</v>
      </c>
      <c r="I75007" s="1" t="s">
        <v>247053</v>
      </c>
      <c r="J75007" s="1" t="s">
        <v>249970</v>
      </c>
    </row>
    <row r="75008" spans="1:10" x14ac:dyDescent="0.35">
      <c r="A75008" s="1" t="s">
        <v>7540</v>
      </c>
      <c r="B75008" s="1" t="s">
        <v>247048</v>
      </c>
      <c r="C75008" s="1" t="s">
        <v>160</v>
      </c>
      <c r="D75008" s="1" t="s">
        <v>191591</v>
      </c>
      <c r="E75008" s="1" t="s">
        <v>249971</v>
      </c>
      <c r="F75008" s="1" t="s">
        <v>249972</v>
      </c>
      <c r="G75008" s="1" t="s">
        <v>249884</v>
      </c>
      <c r="H75008" s="1" t="s">
        <v>249885</v>
      </c>
      <c r="I75008" s="1" t="s">
        <v>247053</v>
      </c>
      <c r="J75008" s="1" t="s">
        <v>249973</v>
      </c>
    </row>
    <row r="75009" spans="1:10" x14ac:dyDescent="0.35">
      <c r="A75009" s="1" t="s">
        <v>7540</v>
      </c>
      <c r="B75009" s="1" t="s">
        <v>247048</v>
      </c>
      <c r="C75009" s="1" t="s">
        <v>165</v>
      </c>
      <c r="D75009" s="1" t="s">
        <v>244633</v>
      </c>
      <c r="E75009" s="1" t="s">
        <v>249974</v>
      </c>
      <c r="F75009" s="1" t="s">
        <v>249975</v>
      </c>
      <c r="G75009" s="1" t="s">
        <v>249884</v>
      </c>
      <c r="H75009" s="1" t="s">
        <v>249885</v>
      </c>
      <c r="I75009" s="1" t="s">
        <v>247053</v>
      </c>
      <c r="J75009" s="1" t="s">
        <v>249976</v>
      </c>
    </row>
    <row r="75010" spans="1:10" x14ac:dyDescent="0.35">
      <c r="A75010" s="1" t="s">
        <v>7540</v>
      </c>
      <c r="B75010" s="1" t="s">
        <v>247048</v>
      </c>
      <c r="C75010" s="1" t="s">
        <v>170</v>
      </c>
      <c r="D75010" s="1" t="s">
        <v>75000</v>
      </c>
      <c r="E75010" s="1" t="s">
        <v>249977</v>
      </c>
      <c r="F75010" s="1" t="s">
        <v>249978</v>
      </c>
      <c r="G75010" s="1" t="s">
        <v>249884</v>
      </c>
      <c r="H75010" s="1" t="s">
        <v>249885</v>
      </c>
      <c r="I75010" s="1" t="s">
        <v>247053</v>
      </c>
      <c r="J75010" s="1" t="s">
        <v>249979</v>
      </c>
    </row>
    <row r="75011" spans="1:10" x14ac:dyDescent="0.35">
      <c r="A75011" s="1" t="s">
        <v>112522</v>
      </c>
      <c r="B75011" s="1" t="s">
        <v>247048</v>
      </c>
      <c r="C75011" s="1" t="s">
        <v>8</v>
      </c>
      <c r="D75011" s="1" t="s">
        <v>13232</v>
      </c>
      <c r="E75011" s="1" t="s">
        <v>249980</v>
      </c>
      <c r="F75011" s="1" t="s">
        <v>249981</v>
      </c>
      <c r="G75011" s="1" t="s">
        <v>249982</v>
      </c>
      <c r="H75011" s="1" t="s">
        <v>249983</v>
      </c>
      <c r="I75011" s="1" t="s">
        <v>247053</v>
      </c>
      <c r="J75011" s="1" t="s">
        <v>13</v>
      </c>
    </row>
    <row r="75012" spans="1:10" x14ac:dyDescent="0.35">
      <c r="A75012" s="1" t="s">
        <v>112522</v>
      </c>
      <c r="B75012" s="1" t="s">
        <v>247048</v>
      </c>
      <c r="C75012" s="1" t="s">
        <v>15</v>
      </c>
      <c r="D75012" s="1" t="s">
        <v>1162</v>
      </c>
      <c r="E75012" s="1" t="s">
        <v>249984</v>
      </c>
      <c r="F75012" s="1" t="s">
        <v>249985</v>
      </c>
      <c r="G75012" s="1" t="s">
        <v>249982</v>
      </c>
      <c r="H75012" s="1" t="s">
        <v>249983</v>
      </c>
      <c r="I75012" s="1" t="s">
        <v>247053</v>
      </c>
      <c r="J75012" s="1" t="s">
        <v>249986</v>
      </c>
    </row>
    <row r="75013" spans="1:10" x14ac:dyDescent="0.35">
      <c r="A75013" s="1" t="s">
        <v>112522</v>
      </c>
      <c r="B75013" s="1" t="s">
        <v>247048</v>
      </c>
      <c r="C75013" s="1" t="s">
        <v>20</v>
      </c>
      <c r="D75013" s="1" t="s">
        <v>33400</v>
      </c>
      <c r="E75013" s="1" t="s">
        <v>202490</v>
      </c>
      <c r="F75013" s="1" t="s">
        <v>249987</v>
      </c>
      <c r="G75013" s="1" t="s">
        <v>249982</v>
      </c>
      <c r="H75013" s="1" t="s">
        <v>249983</v>
      </c>
      <c r="I75013" s="1" t="s">
        <v>247053</v>
      </c>
      <c r="J75013" s="1" t="s">
        <v>249988</v>
      </c>
    </row>
    <row r="75014" spans="1:10" x14ac:dyDescent="0.35">
      <c r="A75014" s="1" t="s">
        <v>112522</v>
      </c>
      <c r="B75014" s="1" t="s">
        <v>247048</v>
      </c>
      <c r="C75014" s="1" t="s">
        <v>25</v>
      </c>
      <c r="D75014" s="1" t="s">
        <v>24961</v>
      </c>
      <c r="E75014" s="1" t="s">
        <v>249989</v>
      </c>
      <c r="F75014" s="1" t="s">
        <v>249990</v>
      </c>
      <c r="G75014" s="1" t="s">
        <v>249982</v>
      </c>
      <c r="H75014" s="1" t="s">
        <v>249983</v>
      </c>
      <c r="I75014" s="1" t="s">
        <v>247053</v>
      </c>
      <c r="J75014" s="1" t="s">
        <v>249991</v>
      </c>
    </row>
    <row r="75015" spans="1:10" x14ac:dyDescent="0.35">
      <c r="A75015" s="1" t="s">
        <v>112522</v>
      </c>
      <c r="B75015" s="1" t="s">
        <v>247048</v>
      </c>
      <c r="C75015" s="1" t="s">
        <v>30</v>
      </c>
      <c r="D75015" s="1" t="s">
        <v>9334</v>
      </c>
      <c r="E75015" s="1" t="s">
        <v>249992</v>
      </c>
      <c r="F75015" s="1" t="s">
        <v>249993</v>
      </c>
      <c r="G75015" s="1" t="s">
        <v>249982</v>
      </c>
      <c r="H75015" s="1" t="s">
        <v>249983</v>
      </c>
      <c r="I75015" s="1" t="s">
        <v>247053</v>
      </c>
      <c r="J75015" s="1" t="s">
        <v>249994</v>
      </c>
    </row>
    <row r="75016" spans="1:10" x14ac:dyDescent="0.35">
      <c r="A75016" s="1" t="s">
        <v>112522</v>
      </c>
      <c r="B75016" s="1" t="s">
        <v>247048</v>
      </c>
      <c r="C75016" s="1" t="s">
        <v>35</v>
      </c>
      <c r="D75016" s="1" t="s">
        <v>6400</v>
      </c>
      <c r="E75016" s="1" t="s">
        <v>249995</v>
      </c>
      <c r="F75016" s="1" t="s">
        <v>249996</v>
      </c>
      <c r="G75016" s="1" t="s">
        <v>249982</v>
      </c>
      <c r="H75016" s="1" t="s">
        <v>249983</v>
      </c>
      <c r="I75016" s="1" t="s">
        <v>247053</v>
      </c>
      <c r="J75016" s="1" t="s">
        <v>249997</v>
      </c>
    </row>
    <row r="75017" spans="1:10" x14ac:dyDescent="0.35">
      <c r="A75017" s="1" t="s">
        <v>112522</v>
      </c>
      <c r="B75017" s="1" t="s">
        <v>247048</v>
      </c>
      <c r="C75017" s="1" t="s">
        <v>40</v>
      </c>
      <c r="D75017" s="1" t="s">
        <v>5514</v>
      </c>
      <c r="E75017" s="1" t="s">
        <v>249998</v>
      </c>
      <c r="F75017" s="1" t="s">
        <v>249999</v>
      </c>
      <c r="G75017" s="1" t="s">
        <v>249982</v>
      </c>
      <c r="H75017" s="1" t="s">
        <v>249983</v>
      </c>
      <c r="I75017" s="1" t="s">
        <v>247053</v>
      </c>
      <c r="J75017" s="1" t="s">
        <v>250000</v>
      </c>
    </row>
    <row r="75018" spans="1:10" x14ac:dyDescent="0.35">
      <c r="A75018" s="1" t="s">
        <v>112522</v>
      </c>
      <c r="B75018" s="1" t="s">
        <v>247048</v>
      </c>
      <c r="C75018" s="1" t="s">
        <v>45</v>
      </c>
      <c r="D75018" s="1" t="s">
        <v>4007</v>
      </c>
      <c r="E75018" s="1" t="s">
        <v>250001</v>
      </c>
      <c r="F75018" s="1" t="s">
        <v>250002</v>
      </c>
      <c r="G75018" s="1" t="s">
        <v>249982</v>
      </c>
      <c r="H75018" s="1" t="s">
        <v>249983</v>
      </c>
      <c r="I75018" s="1" t="s">
        <v>247053</v>
      </c>
      <c r="J75018" s="1" t="s">
        <v>250003</v>
      </c>
    </row>
    <row r="75019" spans="1:10" x14ac:dyDescent="0.35">
      <c r="A75019" s="1" t="s">
        <v>112522</v>
      </c>
      <c r="B75019" s="1" t="s">
        <v>247048</v>
      </c>
      <c r="C75019" s="1" t="s">
        <v>50</v>
      </c>
      <c r="D75019" s="1" t="s">
        <v>51865</v>
      </c>
      <c r="E75019" s="1" t="s">
        <v>250004</v>
      </c>
      <c r="F75019" s="1" t="s">
        <v>250005</v>
      </c>
      <c r="G75019" s="1" t="s">
        <v>249982</v>
      </c>
      <c r="H75019" s="1" t="s">
        <v>249983</v>
      </c>
      <c r="I75019" s="1" t="s">
        <v>247053</v>
      </c>
      <c r="J75019" s="1" t="s">
        <v>250006</v>
      </c>
    </row>
    <row r="75020" spans="1:10" x14ac:dyDescent="0.35">
      <c r="A75020" s="1" t="s">
        <v>112522</v>
      </c>
      <c r="B75020" s="1" t="s">
        <v>247048</v>
      </c>
      <c r="C75020" s="1" t="s">
        <v>55</v>
      </c>
      <c r="D75020" s="1" t="s">
        <v>33418</v>
      </c>
      <c r="E75020" s="1" t="s">
        <v>250007</v>
      </c>
      <c r="F75020" s="1" t="s">
        <v>250008</v>
      </c>
      <c r="G75020" s="1" t="s">
        <v>249982</v>
      </c>
      <c r="H75020" s="1" t="s">
        <v>249983</v>
      </c>
      <c r="I75020" s="1" t="s">
        <v>247053</v>
      </c>
      <c r="J75020" s="1" t="s">
        <v>250009</v>
      </c>
    </row>
    <row r="75021" spans="1:10" x14ac:dyDescent="0.35">
      <c r="A75021" s="1" t="s">
        <v>112522</v>
      </c>
      <c r="B75021" s="1" t="s">
        <v>247048</v>
      </c>
      <c r="C75021" s="1" t="s">
        <v>60</v>
      </c>
      <c r="D75021" s="1" t="s">
        <v>27619</v>
      </c>
      <c r="E75021" s="1" t="s">
        <v>250010</v>
      </c>
      <c r="F75021" s="1" t="s">
        <v>250011</v>
      </c>
      <c r="G75021" s="1" t="s">
        <v>249982</v>
      </c>
      <c r="H75021" s="1" t="s">
        <v>249983</v>
      </c>
      <c r="I75021" s="1" t="s">
        <v>247053</v>
      </c>
      <c r="J75021" s="1" t="s">
        <v>250012</v>
      </c>
    </row>
    <row r="75022" spans="1:10" x14ac:dyDescent="0.35">
      <c r="A75022" s="1" t="s">
        <v>112522</v>
      </c>
      <c r="B75022" s="1" t="s">
        <v>247048</v>
      </c>
      <c r="C75022" s="1" t="s">
        <v>65</v>
      </c>
      <c r="D75022" s="1" t="s">
        <v>25492</v>
      </c>
      <c r="E75022" s="1" t="s">
        <v>250013</v>
      </c>
      <c r="F75022" s="1" t="s">
        <v>250014</v>
      </c>
      <c r="G75022" s="1" t="s">
        <v>249982</v>
      </c>
      <c r="H75022" s="1" t="s">
        <v>249983</v>
      </c>
      <c r="I75022" s="1" t="s">
        <v>247053</v>
      </c>
      <c r="J75022" s="1" t="s">
        <v>250015</v>
      </c>
    </row>
    <row r="75023" spans="1:10" x14ac:dyDescent="0.35">
      <c r="A75023" s="1" t="s">
        <v>112522</v>
      </c>
      <c r="B75023" s="1" t="s">
        <v>247048</v>
      </c>
      <c r="C75023" s="1" t="s">
        <v>70</v>
      </c>
      <c r="D75023" s="1" t="s">
        <v>27573</v>
      </c>
      <c r="E75023" s="1" t="s">
        <v>250016</v>
      </c>
      <c r="F75023" s="1" t="s">
        <v>250017</v>
      </c>
      <c r="G75023" s="1" t="s">
        <v>249982</v>
      </c>
      <c r="H75023" s="1" t="s">
        <v>249983</v>
      </c>
      <c r="I75023" s="1" t="s">
        <v>247053</v>
      </c>
      <c r="J75023" s="1" t="s">
        <v>250018</v>
      </c>
    </row>
    <row r="75024" spans="1:10" x14ac:dyDescent="0.35">
      <c r="A75024" s="1" t="s">
        <v>112522</v>
      </c>
      <c r="B75024" s="1" t="s">
        <v>247048</v>
      </c>
      <c r="C75024" s="1" t="s">
        <v>75</v>
      </c>
      <c r="D75024" s="1" t="s">
        <v>25239</v>
      </c>
      <c r="E75024" s="1" t="s">
        <v>250019</v>
      </c>
      <c r="F75024" s="1" t="s">
        <v>250020</v>
      </c>
      <c r="G75024" s="1" t="s">
        <v>249982</v>
      </c>
      <c r="H75024" s="1" t="s">
        <v>249983</v>
      </c>
      <c r="I75024" s="1" t="s">
        <v>247053</v>
      </c>
      <c r="J75024" s="1" t="s">
        <v>250021</v>
      </c>
    </row>
    <row r="75025" spans="1:10" x14ac:dyDescent="0.35">
      <c r="A75025" s="1" t="s">
        <v>112522</v>
      </c>
      <c r="B75025" s="1" t="s">
        <v>247048</v>
      </c>
      <c r="C75025" s="1" t="s">
        <v>80</v>
      </c>
      <c r="D75025" s="1" t="s">
        <v>2055</v>
      </c>
      <c r="E75025" s="1" t="s">
        <v>250022</v>
      </c>
      <c r="F75025" s="1" t="s">
        <v>250023</v>
      </c>
      <c r="G75025" s="1" t="s">
        <v>249982</v>
      </c>
      <c r="H75025" s="1" t="s">
        <v>249983</v>
      </c>
      <c r="I75025" s="1" t="s">
        <v>247053</v>
      </c>
      <c r="J75025" s="1" t="s">
        <v>250024</v>
      </c>
    </row>
    <row r="75026" spans="1:10" x14ac:dyDescent="0.35">
      <c r="A75026" s="1" t="s">
        <v>112522</v>
      </c>
      <c r="B75026" s="1" t="s">
        <v>247048</v>
      </c>
      <c r="C75026" s="1" t="s">
        <v>85</v>
      </c>
      <c r="D75026" s="1" t="s">
        <v>121616</v>
      </c>
      <c r="E75026" s="1" t="s">
        <v>250025</v>
      </c>
      <c r="F75026" s="1" t="s">
        <v>250026</v>
      </c>
      <c r="G75026" s="1" t="s">
        <v>249982</v>
      </c>
      <c r="H75026" s="1" t="s">
        <v>249983</v>
      </c>
      <c r="I75026" s="1" t="s">
        <v>247053</v>
      </c>
      <c r="J75026" s="1" t="s">
        <v>250027</v>
      </c>
    </row>
    <row r="75027" spans="1:10" x14ac:dyDescent="0.35">
      <c r="A75027" s="1" t="s">
        <v>112522</v>
      </c>
      <c r="B75027" s="1" t="s">
        <v>247048</v>
      </c>
      <c r="C75027" s="1" t="s">
        <v>90</v>
      </c>
      <c r="D75027" s="1" t="s">
        <v>30037</v>
      </c>
      <c r="E75027" s="1" t="s">
        <v>250028</v>
      </c>
      <c r="F75027" s="1" t="s">
        <v>250029</v>
      </c>
      <c r="G75027" s="1" t="s">
        <v>249982</v>
      </c>
      <c r="H75027" s="1" t="s">
        <v>249983</v>
      </c>
      <c r="I75027" s="1" t="s">
        <v>247053</v>
      </c>
      <c r="J75027" s="1" t="s">
        <v>250030</v>
      </c>
    </row>
    <row r="75028" spans="1:10" x14ac:dyDescent="0.35">
      <c r="A75028" s="1" t="s">
        <v>112522</v>
      </c>
      <c r="B75028" s="1" t="s">
        <v>247048</v>
      </c>
      <c r="C75028" s="1" t="s">
        <v>95</v>
      </c>
      <c r="D75028" s="1" t="s">
        <v>6524</v>
      </c>
      <c r="E75028" s="1" t="s">
        <v>250031</v>
      </c>
      <c r="F75028" s="1" t="s">
        <v>250032</v>
      </c>
      <c r="G75028" s="1" t="s">
        <v>249982</v>
      </c>
      <c r="H75028" s="1" t="s">
        <v>249983</v>
      </c>
      <c r="I75028" s="1" t="s">
        <v>247053</v>
      </c>
      <c r="J75028" s="1" t="s">
        <v>250033</v>
      </c>
    </row>
    <row r="75029" spans="1:10" x14ac:dyDescent="0.35">
      <c r="A75029" s="1" t="s">
        <v>112522</v>
      </c>
      <c r="B75029" s="1" t="s">
        <v>247048</v>
      </c>
      <c r="C75029" s="1" t="s">
        <v>100</v>
      </c>
      <c r="D75029" s="1" t="s">
        <v>44693</v>
      </c>
      <c r="E75029" s="1" t="s">
        <v>250034</v>
      </c>
      <c r="F75029" s="1" t="s">
        <v>250035</v>
      </c>
      <c r="G75029" s="1" t="s">
        <v>249982</v>
      </c>
      <c r="H75029" s="1" t="s">
        <v>249983</v>
      </c>
      <c r="I75029" s="1" t="s">
        <v>247053</v>
      </c>
      <c r="J75029" s="1" t="s">
        <v>250036</v>
      </c>
    </row>
    <row r="75030" spans="1:10" x14ac:dyDescent="0.35">
      <c r="A75030" s="1" t="s">
        <v>112522</v>
      </c>
      <c r="B75030" s="1" t="s">
        <v>247048</v>
      </c>
      <c r="C75030" s="1" t="s">
        <v>105</v>
      </c>
      <c r="D75030" s="1" t="s">
        <v>29484</v>
      </c>
      <c r="E75030" s="1" t="s">
        <v>250037</v>
      </c>
      <c r="F75030" s="1" t="s">
        <v>250038</v>
      </c>
      <c r="G75030" s="1" t="s">
        <v>249982</v>
      </c>
      <c r="H75030" s="1" t="s">
        <v>249983</v>
      </c>
      <c r="I75030" s="1" t="s">
        <v>247053</v>
      </c>
      <c r="J75030" s="1" t="s">
        <v>250039</v>
      </c>
    </row>
    <row r="75031" spans="1:10" x14ac:dyDescent="0.35">
      <c r="A75031" s="1" t="s">
        <v>112522</v>
      </c>
      <c r="B75031" s="1" t="s">
        <v>247048</v>
      </c>
      <c r="C75031" s="1" t="s">
        <v>110</v>
      </c>
      <c r="D75031" s="1" t="s">
        <v>111713</v>
      </c>
      <c r="E75031" s="1" t="s">
        <v>250040</v>
      </c>
      <c r="F75031" s="1" t="s">
        <v>250041</v>
      </c>
      <c r="G75031" s="1" t="s">
        <v>249982</v>
      </c>
      <c r="H75031" s="1" t="s">
        <v>249983</v>
      </c>
      <c r="I75031" s="1" t="s">
        <v>247053</v>
      </c>
      <c r="J75031" s="1" t="s">
        <v>250042</v>
      </c>
    </row>
    <row r="75032" spans="1:10" x14ac:dyDescent="0.35">
      <c r="A75032" s="1" t="s">
        <v>112522</v>
      </c>
      <c r="B75032" s="1" t="s">
        <v>247048</v>
      </c>
      <c r="C75032" s="1" t="s">
        <v>115</v>
      </c>
      <c r="D75032" s="1" t="s">
        <v>48561</v>
      </c>
      <c r="E75032" s="1" t="s">
        <v>250043</v>
      </c>
      <c r="F75032" s="1" t="s">
        <v>250044</v>
      </c>
      <c r="G75032" s="1" t="s">
        <v>249982</v>
      </c>
      <c r="H75032" s="1" t="s">
        <v>249983</v>
      </c>
      <c r="I75032" s="1" t="s">
        <v>247053</v>
      </c>
      <c r="J75032" s="1" t="s">
        <v>250045</v>
      </c>
    </row>
    <row r="75033" spans="1:10" x14ac:dyDescent="0.35">
      <c r="A75033" s="1" t="s">
        <v>112522</v>
      </c>
      <c r="B75033" s="1" t="s">
        <v>247048</v>
      </c>
      <c r="C75033" s="1" t="s">
        <v>120</v>
      </c>
      <c r="D75033" s="1" t="s">
        <v>2556</v>
      </c>
      <c r="E75033" s="1" t="s">
        <v>250046</v>
      </c>
      <c r="F75033" s="1" t="s">
        <v>250047</v>
      </c>
      <c r="G75033" s="1" t="s">
        <v>249982</v>
      </c>
      <c r="H75033" s="1" t="s">
        <v>249983</v>
      </c>
      <c r="I75033" s="1" t="s">
        <v>247053</v>
      </c>
      <c r="J75033" s="1" t="s">
        <v>250048</v>
      </c>
    </row>
    <row r="75034" spans="1:10" x14ac:dyDescent="0.35">
      <c r="A75034" s="1" t="s">
        <v>112522</v>
      </c>
      <c r="B75034" s="1" t="s">
        <v>247048</v>
      </c>
      <c r="C75034" s="1" t="s">
        <v>125</v>
      </c>
      <c r="D75034" s="1" t="s">
        <v>110900</v>
      </c>
      <c r="E75034" s="1" t="s">
        <v>250049</v>
      </c>
      <c r="F75034" s="1" t="s">
        <v>250050</v>
      </c>
      <c r="G75034" s="1" t="s">
        <v>249982</v>
      </c>
      <c r="H75034" s="1" t="s">
        <v>249983</v>
      </c>
      <c r="I75034" s="1" t="s">
        <v>247053</v>
      </c>
      <c r="J75034" s="1" t="s">
        <v>250051</v>
      </c>
    </row>
    <row r="75035" spans="1:10" x14ac:dyDescent="0.35">
      <c r="A75035" s="1" t="s">
        <v>112522</v>
      </c>
      <c r="B75035" s="1" t="s">
        <v>247048</v>
      </c>
      <c r="C75035" s="1" t="s">
        <v>130</v>
      </c>
      <c r="D75035" s="1" t="s">
        <v>104178</v>
      </c>
      <c r="E75035" s="1" t="s">
        <v>250052</v>
      </c>
      <c r="F75035" s="1" t="s">
        <v>250053</v>
      </c>
      <c r="G75035" s="1" t="s">
        <v>249982</v>
      </c>
      <c r="H75035" s="1" t="s">
        <v>249983</v>
      </c>
      <c r="I75035" s="1" t="s">
        <v>247053</v>
      </c>
      <c r="J75035" s="1" t="s">
        <v>250054</v>
      </c>
    </row>
    <row r="75036" spans="1:10" x14ac:dyDescent="0.35">
      <c r="A75036" s="1" t="s">
        <v>112522</v>
      </c>
      <c r="B75036" s="1" t="s">
        <v>247048</v>
      </c>
      <c r="C75036" s="1" t="s">
        <v>135</v>
      </c>
      <c r="D75036" s="1" t="s">
        <v>116389</v>
      </c>
      <c r="E75036" s="1" t="s">
        <v>250055</v>
      </c>
      <c r="F75036" s="1" t="s">
        <v>250056</v>
      </c>
      <c r="G75036" s="1" t="s">
        <v>249982</v>
      </c>
      <c r="H75036" s="1" t="s">
        <v>249983</v>
      </c>
      <c r="I75036" s="1" t="s">
        <v>247053</v>
      </c>
      <c r="J75036" s="1" t="s">
        <v>250057</v>
      </c>
    </row>
    <row r="75037" spans="1:10" x14ac:dyDescent="0.35">
      <c r="A75037" s="1" t="s">
        <v>112522</v>
      </c>
      <c r="B75037" s="1" t="s">
        <v>247048</v>
      </c>
      <c r="C75037" s="1" t="s">
        <v>140</v>
      </c>
      <c r="D75037" s="1" t="s">
        <v>14045</v>
      </c>
      <c r="E75037" s="1" t="s">
        <v>250058</v>
      </c>
      <c r="F75037" s="1" t="s">
        <v>250059</v>
      </c>
      <c r="G75037" s="1" t="s">
        <v>249982</v>
      </c>
      <c r="H75037" s="1" t="s">
        <v>249983</v>
      </c>
      <c r="I75037" s="1" t="s">
        <v>247053</v>
      </c>
      <c r="J75037" s="1" t="s">
        <v>250060</v>
      </c>
    </row>
    <row r="75038" spans="1:10" x14ac:dyDescent="0.35">
      <c r="A75038" s="1" t="s">
        <v>112522</v>
      </c>
      <c r="B75038" s="1" t="s">
        <v>247048</v>
      </c>
      <c r="C75038" s="1" t="s">
        <v>145</v>
      </c>
      <c r="D75038" s="1" t="s">
        <v>150706</v>
      </c>
      <c r="E75038" s="1" t="s">
        <v>250061</v>
      </c>
      <c r="F75038" s="1" t="s">
        <v>250062</v>
      </c>
      <c r="G75038" s="1" t="s">
        <v>249982</v>
      </c>
      <c r="H75038" s="1" t="s">
        <v>249983</v>
      </c>
      <c r="I75038" s="1" t="s">
        <v>247053</v>
      </c>
      <c r="J75038" s="1" t="s">
        <v>250063</v>
      </c>
    </row>
    <row r="75039" spans="1:10" x14ac:dyDescent="0.35">
      <c r="A75039" s="1" t="s">
        <v>112522</v>
      </c>
      <c r="B75039" s="1" t="s">
        <v>247048</v>
      </c>
      <c r="C75039" s="1" t="s">
        <v>150</v>
      </c>
      <c r="D75039" s="1" t="s">
        <v>10884</v>
      </c>
      <c r="E75039" s="1" t="s">
        <v>250064</v>
      </c>
      <c r="F75039" s="1" t="s">
        <v>250065</v>
      </c>
      <c r="G75039" s="1" t="s">
        <v>249982</v>
      </c>
      <c r="H75039" s="1" t="s">
        <v>249983</v>
      </c>
      <c r="I75039" s="1" t="s">
        <v>247053</v>
      </c>
      <c r="J75039" s="1" t="s">
        <v>250066</v>
      </c>
    </row>
    <row r="75040" spans="1:10" x14ac:dyDescent="0.35">
      <c r="A75040" s="1" t="s">
        <v>112522</v>
      </c>
      <c r="B75040" s="1" t="s">
        <v>247048</v>
      </c>
      <c r="C75040" s="1" t="s">
        <v>155</v>
      </c>
      <c r="D75040" s="1" t="s">
        <v>49094</v>
      </c>
      <c r="E75040" s="1" t="s">
        <v>250067</v>
      </c>
      <c r="F75040" s="1" t="s">
        <v>250068</v>
      </c>
      <c r="G75040" s="1" t="s">
        <v>249982</v>
      </c>
      <c r="H75040" s="1" t="s">
        <v>249983</v>
      </c>
      <c r="I75040" s="1" t="s">
        <v>247053</v>
      </c>
      <c r="J75040" s="1" t="s">
        <v>250069</v>
      </c>
    </row>
    <row r="75041" spans="1:10" x14ac:dyDescent="0.35">
      <c r="A75041" s="1" t="s">
        <v>112522</v>
      </c>
      <c r="B75041" s="1" t="s">
        <v>247048</v>
      </c>
      <c r="C75041" s="1" t="s">
        <v>160</v>
      </c>
      <c r="D75041" s="1" t="s">
        <v>250070</v>
      </c>
      <c r="E75041" s="1" t="s">
        <v>250071</v>
      </c>
      <c r="F75041" s="1" t="s">
        <v>250072</v>
      </c>
      <c r="G75041" s="1" t="s">
        <v>249982</v>
      </c>
      <c r="H75041" s="1" t="s">
        <v>249983</v>
      </c>
      <c r="I75041" s="1" t="s">
        <v>247053</v>
      </c>
      <c r="J75041" s="1" t="s">
        <v>250073</v>
      </c>
    </row>
    <row r="75042" spans="1:10" x14ac:dyDescent="0.35">
      <c r="A75042" s="1" t="s">
        <v>112522</v>
      </c>
      <c r="B75042" s="1" t="s">
        <v>247048</v>
      </c>
      <c r="C75042" s="1" t="s">
        <v>165</v>
      </c>
      <c r="D75042" s="1" t="s">
        <v>44802</v>
      </c>
      <c r="E75042" s="1" t="s">
        <v>250074</v>
      </c>
      <c r="F75042" s="1" t="s">
        <v>250075</v>
      </c>
      <c r="G75042" s="1" t="s">
        <v>249982</v>
      </c>
      <c r="H75042" s="1" t="s">
        <v>249983</v>
      </c>
      <c r="I75042" s="1" t="s">
        <v>247053</v>
      </c>
      <c r="J75042" s="1" t="s">
        <v>250076</v>
      </c>
    </row>
    <row r="75043" spans="1:10" x14ac:dyDescent="0.35">
      <c r="A75043" s="1" t="s">
        <v>112522</v>
      </c>
      <c r="B75043" s="1" t="s">
        <v>247048</v>
      </c>
      <c r="C75043" s="1" t="s">
        <v>170</v>
      </c>
      <c r="D75043" s="1" t="s">
        <v>148641</v>
      </c>
      <c r="E75043" s="1" t="s">
        <v>250077</v>
      </c>
      <c r="F75043" s="1" t="s">
        <v>250078</v>
      </c>
      <c r="G75043" s="1" t="s">
        <v>249982</v>
      </c>
      <c r="H75043" s="1" t="s">
        <v>249983</v>
      </c>
      <c r="I75043" s="1" t="s">
        <v>247053</v>
      </c>
      <c r="J75043" s="1" t="s">
        <v>250079</v>
      </c>
    </row>
    <row r="75044" spans="1:10" x14ac:dyDescent="0.35">
      <c r="A75044" s="1" t="s">
        <v>110012</v>
      </c>
      <c r="B75044" s="1" t="s">
        <v>247048</v>
      </c>
      <c r="C75044" s="1" t="s">
        <v>8</v>
      </c>
      <c r="D75044" s="1" t="s">
        <v>250080</v>
      </c>
      <c r="E75044" s="1" t="s">
        <v>110922</v>
      </c>
      <c r="F75044" s="1" t="s">
        <v>250081</v>
      </c>
      <c r="G75044" s="1" t="s">
        <v>250082</v>
      </c>
      <c r="H75044" s="1" t="s">
        <v>250083</v>
      </c>
      <c r="I75044" s="1" t="s">
        <v>247053</v>
      </c>
      <c r="J75044" s="1" t="s">
        <v>13</v>
      </c>
    </row>
    <row r="75045" spans="1:10" x14ac:dyDescent="0.35">
      <c r="A75045" s="1" t="s">
        <v>110012</v>
      </c>
      <c r="B75045" s="1" t="s">
        <v>247048</v>
      </c>
      <c r="C75045" s="1" t="s">
        <v>15</v>
      </c>
      <c r="D75045" s="1" t="s">
        <v>30</v>
      </c>
      <c r="E75045" s="1" t="s">
        <v>111489</v>
      </c>
      <c r="F75045" s="1" t="s">
        <v>250084</v>
      </c>
      <c r="G75045" s="1" t="s">
        <v>250082</v>
      </c>
      <c r="H75045" s="1" t="s">
        <v>250083</v>
      </c>
      <c r="I75045" s="1" t="s">
        <v>247053</v>
      </c>
      <c r="J75045" s="1" t="s">
        <v>250085</v>
      </c>
    </row>
    <row r="75046" spans="1:10" x14ac:dyDescent="0.35">
      <c r="A75046" s="1" t="s">
        <v>110012</v>
      </c>
      <c r="B75046" s="1" t="s">
        <v>247048</v>
      </c>
      <c r="C75046" s="1" t="s">
        <v>20</v>
      </c>
      <c r="D75046" s="1" t="s">
        <v>11737</v>
      </c>
      <c r="E75046" s="1" t="s">
        <v>205549</v>
      </c>
      <c r="F75046" s="1" t="s">
        <v>250084</v>
      </c>
      <c r="G75046" s="1" t="s">
        <v>250082</v>
      </c>
      <c r="H75046" s="1" t="s">
        <v>250083</v>
      </c>
      <c r="I75046" s="1" t="s">
        <v>247053</v>
      </c>
      <c r="J75046" s="1" t="s">
        <v>250086</v>
      </c>
    </row>
    <row r="75047" spans="1:10" x14ac:dyDescent="0.35">
      <c r="A75047" s="1" t="s">
        <v>110012</v>
      </c>
      <c r="B75047" s="1" t="s">
        <v>247048</v>
      </c>
      <c r="C75047" s="1" t="s">
        <v>25</v>
      </c>
      <c r="D75047" s="1" t="s">
        <v>27741</v>
      </c>
      <c r="E75047" s="1" t="s">
        <v>499</v>
      </c>
      <c r="F75047" s="1" t="s">
        <v>250084</v>
      </c>
      <c r="G75047" s="1" t="s">
        <v>250082</v>
      </c>
      <c r="H75047" s="1" t="s">
        <v>250083</v>
      </c>
      <c r="I75047" s="1" t="s">
        <v>247053</v>
      </c>
      <c r="J75047" s="1" t="s">
        <v>250087</v>
      </c>
    </row>
    <row r="75048" spans="1:10" x14ac:dyDescent="0.35">
      <c r="A75048" s="1" t="s">
        <v>110012</v>
      </c>
      <c r="B75048" s="1" t="s">
        <v>247048</v>
      </c>
      <c r="C75048" s="1" t="s">
        <v>30</v>
      </c>
      <c r="D75048" s="1" t="s">
        <v>14763</v>
      </c>
      <c r="E75048" s="1" t="s">
        <v>8626</v>
      </c>
      <c r="F75048" s="1" t="s">
        <v>250084</v>
      </c>
      <c r="G75048" s="1" t="s">
        <v>250082</v>
      </c>
      <c r="H75048" s="1" t="s">
        <v>250083</v>
      </c>
      <c r="I75048" s="1" t="s">
        <v>247053</v>
      </c>
      <c r="J75048" s="1" t="s">
        <v>250088</v>
      </c>
    </row>
    <row r="75049" spans="1:10" x14ac:dyDescent="0.35">
      <c r="A75049" s="1" t="s">
        <v>110012</v>
      </c>
      <c r="B75049" s="1" t="s">
        <v>247048</v>
      </c>
      <c r="C75049" s="1" t="s">
        <v>35</v>
      </c>
      <c r="D75049" s="1" t="s">
        <v>143965</v>
      </c>
      <c r="E75049" s="1" t="s">
        <v>7993</v>
      </c>
      <c r="F75049" s="1" t="s">
        <v>250084</v>
      </c>
      <c r="G75049" s="1" t="s">
        <v>250082</v>
      </c>
      <c r="H75049" s="1" t="s">
        <v>250083</v>
      </c>
      <c r="I75049" s="1" t="s">
        <v>247053</v>
      </c>
      <c r="J75049" s="1" t="s">
        <v>250089</v>
      </c>
    </row>
    <row r="75050" spans="1:10" x14ac:dyDescent="0.35">
      <c r="A75050" s="1" t="s">
        <v>110012</v>
      </c>
      <c r="B75050" s="1" t="s">
        <v>247048</v>
      </c>
      <c r="C75050" s="1" t="s">
        <v>40</v>
      </c>
      <c r="D75050" s="1" t="s">
        <v>14126</v>
      </c>
      <c r="E75050" s="1" t="s">
        <v>7925</v>
      </c>
      <c r="F75050" s="1" t="s">
        <v>250084</v>
      </c>
      <c r="G75050" s="1" t="s">
        <v>250082</v>
      </c>
      <c r="H75050" s="1" t="s">
        <v>250083</v>
      </c>
      <c r="I75050" s="1" t="s">
        <v>247053</v>
      </c>
      <c r="J75050" s="1" t="s">
        <v>250090</v>
      </c>
    </row>
    <row r="75051" spans="1:10" x14ac:dyDescent="0.35">
      <c r="A75051" s="1" t="s">
        <v>110012</v>
      </c>
      <c r="B75051" s="1" t="s">
        <v>247048</v>
      </c>
      <c r="C75051" s="1" t="s">
        <v>45</v>
      </c>
      <c r="D75051" s="1" t="s">
        <v>29187</v>
      </c>
      <c r="E75051" s="1" t="s">
        <v>205940</v>
      </c>
      <c r="F75051" s="1" t="s">
        <v>250084</v>
      </c>
      <c r="G75051" s="1" t="s">
        <v>250082</v>
      </c>
      <c r="H75051" s="1" t="s">
        <v>250083</v>
      </c>
      <c r="I75051" s="1" t="s">
        <v>247053</v>
      </c>
      <c r="J75051" s="1" t="s">
        <v>250091</v>
      </c>
    </row>
    <row r="75052" spans="1:10" x14ac:dyDescent="0.35">
      <c r="A75052" s="1" t="s">
        <v>110012</v>
      </c>
      <c r="B75052" s="1" t="s">
        <v>247048</v>
      </c>
      <c r="C75052" s="1" t="s">
        <v>50</v>
      </c>
      <c r="D75052" s="1" t="s">
        <v>142658</v>
      </c>
      <c r="E75052" s="1" t="s">
        <v>8650</v>
      </c>
      <c r="F75052" s="1" t="s">
        <v>250084</v>
      </c>
      <c r="G75052" s="1" t="s">
        <v>250082</v>
      </c>
      <c r="H75052" s="1" t="s">
        <v>250083</v>
      </c>
      <c r="I75052" s="1" t="s">
        <v>247053</v>
      </c>
      <c r="J75052" s="1" t="s">
        <v>250092</v>
      </c>
    </row>
    <row r="75053" spans="1:10" x14ac:dyDescent="0.35">
      <c r="A75053" s="1" t="s">
        <v>110012</v>
      </c>
      <c r="B75053" s="1" t="s">
        <v>247048</v>
      </c>
      <c r="C75053" s="1" t="s">
        <v>55</v>
      </c>
      <c r="D75053" s="1" t="s">
        <v>46348</v>
      </c>
      <c r="E75053" s="1" t="s">
        <v>110884</v>
      </c>
      <c r="F75053" s="1" t="s">
        <v>250084</v>
      </c>
      <c r="G75053" s="1" t="s">
        <v>250082</v>
      </c>
      <c r="H75053" s="1" t="s">
        <v>250083</v>
      </c>
      <c r="I75053" s="1" t="s">
        <v>247053</v>
      </c>
      <c r="J75053" s="1" t="s">
        <v>250093</v>
      </c>
    </row>
    <row r="75054" spans="1:10" x14ac:dyDescent="0.35">
      <c r="A75054" s="1" t="s">
        <v>110012</v>
      </c>
      <c r="B75054" s="1" t="s">
        <v>247048</v>
      </c>
      <c r="C75054" s="1" t="s">
        <v>60</v>
      </c>
      <c r="D75054" s="1" t="s">
        <v>29577</v>
      </c>
      <c r="E75054" s="1" t="s">
        <v>250094</v>
      </c>
      <c r="F75054" s="1" t="s">
        <v>250084</v>
      </c>
      <c r="G75054" s="1" t="s">
        <v>250082</v>
      </c>
      <c r="H75054" s="1" t="s">
        <v>250083</v>
      </c>
      <c r="I75054" s="1" t="s">
        <v>247053</v>
      </c>
      <c r="J75054" s="1" t="s">
        <v>250095</v>
      </c>
    </row>
    <row r="75055" spans="1:10" x14ac:dyDescent="0.35">
      <c r="A75055" s="1" t="s">
        <v>110012</v>
      </c>
      <c r="B75055" s="1" t="s">
        <v>247048</v>
      </c>
      <c r="C75055" s="1" t="s">
        <v>65</v>
      </c>
      <c r="D75055" s="1" t="s">
        <v>2869</v>
      </c>
      <c r="E75055" s="1" t="s">
        <v>12164</v>
      </c>
      <c r="F75055" s="1" t="s">
        <v>250084</v>
      </c>
      <c r="G75055" s="1" t="s">
        <v>250082</v>
      </c>
      <c r="H75055" s="1" t="s">
        <v>250083</v>
      </c>
      <c r="I75055" s="1" t="s">
        <v>247053</v>
      </c>
      <c r="J75055" s="1" t="s">
        <v>250096</v>
      </c>
    </row>
    <row r="75056" spans="1:10" x14ac:dyDescent="0.35">
      <c r="A75056" s="1" t="s">
        <v>110012</v>
      </c>
      <c r="B75056" s="1" t="s">
        <v>247048</v>
      </c>
      <c r="C75056" s="1" t="s">
        <v>70</v>
      </c>
      <c r="D75056" s="1" t="s">
        <v>7533</v>
      </c>
      <c r="E75056" s="1" t="s">
        <v>160008</v>
      </c>
      <c r="F75056" s="1" t="s">
        <v>250084</v>
      </c>
      <c r="G75056" s="1" t="s">
        <v>250082</v>
      </c>
      <c r="H75056" s="1" t="s">
        <v>250083</v>
      </c>
      <c r="I75056" s="1" t="s">
        <v>247053</v>
      </c>
      <c r="J75056" s="1" t="s">
        <v>250097</v>
      </c>
    </row>
    <row r="75057" spans="1:10" x14ac:dyDescent="0.35">
      <c r="A75057" s="1" t="s">
        <v>110012</v>
      </c>
      <c r="B75057" s="1" t="s">
        <v>247048</v>
      </c>
      <c r="C75057" s="1" t="s">
        <v>75</v>
      </c>
      <c r="D75057" s="1" t="s">
        <v>1679</v>
      </c>
      <c r="E75057" s="1" t="s">
        <v>480</v>
      </c>
      <c r="F75057" s="1" t="s">
        <v>250084</v>
      </c>
      <c r="G75057" s="1" t="s">
        <v>250082</v>
      </c>
      <c r="H75057" s="1" t="s">
        <v>250083</v>
      </c>
      <c r="I75057" s="1" t="s">
        <v>247053</v>
      </c>
      <c r="J75057" s="1" t="s">
        <v>250098</v>
      </c>
    </row>
    <row r="75058" spans="1:10" x14ac:dyDescent="0.35">
      <c r="A75058" s="1" t="s">
        <v>110012</v>
      </c>
      <c r="B75058" s="1" t="s">
        <v>247048</v>
      </c>
      <c r="C75058" s="1" t="s">
        <v>80</v>
      </c>
      <c r="D75058" s="1" t="s">
        <v>120178</v>
      </c>
      <c r="E75058" s="1" t="s">
        <v>7958</v>
      </c>
      <c r="F75058" s="1" t="s">
        <v>250084</v>
      </c>
      <c r="G75058" s="1" t="s">
        <v>250082</v>
      </c>
      <c r="H75058" s="1" t="s">
        <v>250083</v>
      </c>
      <c r="I75058" s="1" t="s">
        <v>247053</v>
      </c>
      <c r="J75058" s="1" t="s">
        <v>250099</v>
      </c>
    </row>
    <row r="75059" spans="1:10" x14ac:dyDescent="0.35">
      <c r="A75059" s="1" t="s">
        <v>110012</v>
      </c>
      <c r="B75059" s="1" t="s">
        <v>247048</v>
      </c>
      <c r="C75059" s="1" t="s">
        <v>85</v>
      </c>
      <c r="D75059" s="1" t="s">
        <v>6866</v>
      </c>
      <c r="E75059" s="1" t="s">
        <v>8646</v>
      </c>
      <c r="F75059" s="1" t="s">
        <v>250084</v>
      </c>
      <c r="G75059" s="1" t="s">
        <v>250082</v>
      </c>
      <c r="H75059" s="1" t="s">
        <v>250083</v>
      </c>
      <c r="I75059" s="1" t="s">
        <v>247053</v>
      </c>
      <c r="J75059" s="1" t="s">
        <v>250100</v>
      </c>
    </row>
    <row r="75060" spans="1:10" x14ac:dyDescent="0.35">
      <c r="A75060" s="1" t="s">
        <v>110012</v>
      </c>
      <c r="B75060" s="1" t="s">
        <v>247048</v>
      </c>
      <c r="C75060" s="1" t="s">
        <v>90</v>
      </c>
      <c r="D75060" s="1" t="s">
        <v>117376</v>
      </c>
      <c r="E75060" s="1" t="s">
        <v>159829</v>
      </c>
      <c r="F75060" s="1" t="s">
        <v>250084</v>
      </c>
      <c r="G75060" s="1" t="s">
        <v>250082</v>
      </c>
      <c r="H75060" s="1" t="s">
        <v>250083</v>
      </c>
      <c r="I75060" s="1" t="s">
        <v>247053</v>
      </c>
      <c r="J75060" s="1" t="s">
        <v>250101</v>
      </c>
    </row>
    <row r="75061" spans="1:10" x14ac:dyDescent="0.35">
      <c r="A75061" s="1" t="s">
        <v>110012</v>
      </c>
      <c r="B75061" s="1" t="s">
        <v>247048</v>
      </c>
      <c r="C75061" s="1" t="s">
        <v>95</v>
      </c>
      <c r="D75061" s="1" t="s">
        <v>37292</v>
      </c>
      <c r="E75061" s="1" t="s">
        <v>12164</v>
      </c>
      <c r="F75061" s="1" t="s">
        <v>250084</v>
      </c>
      <c r="G75061" s="1" t="s">
        <v>250082</v>
      </c>
      <c r="H75061" s="1" t="s">
        <v>250083</v>
      </c>
      <c r="I75061" s="1" t="s">
        <v>247053</v>
      </c>
      <c r="J75061" s="1" t="s">
        <v>250102</v>
      </c>
    </row>
    <row r="75062" spans="1:10" x14ac:dyDescent="0.35">
      <c r="A75062" s="1" t="s">
        <v>110012</v>
      </c>
      <c r="B75062" s="1" t="s">
        <v>247048</v>
      </c>
      <c r="C75062" s="1" t="s">
        <v>100</v>
      </c>
      <c r="D75062" s="1" t="s">
        <v>45771</v>
      </c>
      <c r="E75062" s="1" t="s">
        <v>495</v>
      </c>
      <c r="F75062" s="1" t="s">
        <v>250084</v>
      </c>
      <c r="G75062" s="1" t="s">
        <v>250082</v>
      </c>
      <c r="H75062" s="1" t="s">
        <v>250083</v>
      </c>
      <c r="I75062" s="1" t="s">
        <v>247053</v>
      </c>
      <c r="J75062" s="1" t="s">
        <v>250103</v>
      </c>
    </row>
    <row r="75063" spans="1:10" x14ac:dyDescent="0.35">
      <c r="A75063" s="1" t="s">
        <v>110012</v>
      </c>
      <c r="B75063" s="1" t="s">
        <v>247048</v>
      </c>
      <c r="C75063" s="1" t="s">
        <v>105</v>
      </c>
      <c r="D75063" s="1" t="s">
        <v>35415</v>
      </c>
      <c r="E75063" s="1" t="s">
        <v>207824</v>
      </c>
      <c r="F75063" s="1" t="s">
        <v>250084</v>
      </c>
      <c r="G75063" s="1" t="s">
        <v>250082</v>
      </c>
      <c r="H75063" s="1" t="s">
        <v>250083</v>
      </c>
      <c r="I75063" s="1" t="s">
        <v>247053</v>
      </c>
      <c r="J75063" s="1" t="s">
        <v>250104</v>
      </c>
    </row>
    <row r="75064" spans="1:10" x14ac:dyDescent="0.35">
      <c r="A75064" s="1" t="s">
        <v>110012</v>
      </c>
      <c r="B75064" s="1" t="s">
        <v>247048</v>
      </c>
      <c r="C75064" s="1" t="s">
        <v>110</v>
      </c>
      <c r="D75064" s="1" t="s">
        <v>28232</v>
      </c>
      <c r="E75064" s="1" t="s">
        <v>202022</v>
      </c>
      <c r="F75064" s="1" t="s">
        <v>250084</v>
      </c>
      <c r="G75064" s="1" t="s">
        <v>250082</v>
      </c>
      <c r="H75064" s="1" t="s">
        <v>250083</v>
      </c>
      <c r="I75064" s="1" t="s">
        <v>247053</v>
      </c>
      <c r="J75064" s="1" t="s">
        <v>250105</v>
      </c>
    </row>
    <row r="75065" spans="1:10" x14ac:dyDescent="0.35">
      <c r="A75065" s="1" t="s">
        <v>110012</v>
      </c>
      <c r="B75065" s="1" t="s">
        <v>247048</v>
      </c>
      <c r="C75065" s="1" t="s">
        <v>115</v>
      </c>
      <c r="D75065" s="1" t="s">
        <v>161265</v>
      </c>
      <c r="E75065" s="1" t="s">
        <v>27469</v>
      </c>
      <c r="F75065" s="1" t="s">
        <v>250084</v>
      </c>
      <c r="G75065" s="1" t="s">
        <v>250082</v>
      </c>
      <c r="H75065" s="1" t="s">
        <v>250083</v>
      </c>
      <c r="I75065" s="1" t="s">
        <v>247053</v>
      </c>
      <c r="J75065" s="1" t="s">
        <v>250106</v>
      </c>
    </row>
    <row r="75066" spans="1:10" x14ac:dyDescent="0.35">
      <c r="A75066" s="1" t="s">
        <v>110012</v>
      </c>
      <c r="B75066" s="1" t="s">
        <v>247048</v>
      </c>
      <c r="C75066" s="1" t="s">
        <v>120</v>
      </c>
      <c r="D75066" s="1" t="s">
        <v>44567</v>
      </c>
      <c r="E75066" s="1" t="s">
        <v>207019</v>
      </c>
      <c r="F75066" s="1" t="s">
        <v>250084</v>
      </c>
      <c r="G75066" s="1" t="s">
        <v>250082</v>
      </c>
      <c r="H75066" s="1" t="s">
        <v>250083</v>
      </c>
      <c r="I75066" s="1" t="s">
        <v>247053</v>
      </c>
      <c r="J75066" s="1" t="s">
        <v>250107</v>
      </c>
    </row>
    <row r="75067" spans="1:10" x14ac:dyDescent="0.35">
      <c r="A75067" s="1" t="s">
        <v>110012</v>
      </c>
      <c r="B75067" s="1" t="s">
        <v>247048</v>
      </c>
      <c r="C75067" s="1" t="s">
        <v>125</v>
      </c>
      <c r="D75067" s="1" t="s">
        <v>9005</v>
      </c>
      <c r="E75067" s="1" t="s">
        <v>8007</v>
      </c>
      <c r="F75067" s="1" t="s">
        <v>250084</v>
      </c>
      <c r="G75067" s="1" t="s">
        <v>250082</v>
      </c>
      <c r="H75067" s="1" t="s">
        <v>250083</v>
      </c>
      <c r="I75067" s="1" t="s">
        <v>247053</v>
      </c>
      <c r="J75067" s="1" t="s">
        <v>250108</v>
      </c>
    </row>
    <row r="75068" spans="1:10" x14ac:dyDescent="0.35">
      <c r="A75068" s="1" t="s">
        <v>110012</v>
      </c>
      <c r="B75068" s="1" t="s">
        <v>247048</v>
      </c>
      <c r="C75068" s="1" t="s">
        <v>130</v>
      </c>
      <c r="D75068" s="1" t="s">
        <v>44403</v>
      </c>
      <c r="E75068" s="1" t="s">
        <v>202041</v>
      </c>
      <c r="F75068" s="1" t="s">
        <v>250084</v>
      </c>
      <c r="G75068" s="1" t="s">
        <v>250082</v>
      </c>
      <c r="H75068" s="1" t="s">
        <v>250083</v>
      </c>
      <c r="I75068" s="1" t="s">
        <v>247053</v>
      </c>
      <c r="J75068" s="1" t="s">
        <v>250109</v>
      </c>
    </row>
    <row r="75069" spans="1:10" x14ac:dyDescent="0.35">
      <c r="A75069" s="1" t="s">
        <v>110012</v>
      </c>
      <c r="B75069" s="1" t="s">
        <v>247048</v>
      </c>
      <c r="C75069" s="1" t="s">
        <v>135</v>
      </c>
      <c r="D75069" s="1" t="s">
        <v>116030</v>
      </c>
      <c r="E75069" s="1" t="s">
        <v>247500</v>
      </c>
      <c r="F75069" s="1" t="s">
        <v>250084</v>
      </c>
      <c r="G75069" s="1" t="s">
        <v>250082</v>
      </c>
      <c r="H75069" s="1" t="s">
        <v>250083</v>
      </c>
      <c r="I75069" s="1" t="s">
        <v>247053</v>
      </c>
      <c r="J75069" s="1" t="s">
        <v>250110</v>
      </c>
    </row>
    <row r="75070" spans="1:10" x14ac:dyDescent="0.35">
      <c r="A75070" s="1" t="s">
        <v>110012</v>
      </c>
      <c r="B75070" s="1" t="s">
        <v>247048</v>
      </c>
      <c r="C75070" s="1" t="s">
        <v>140</v>
      </c>
      <c r="D75070" s="1" t="s">
        <v>34064</v>
      </c>
      <c r="E75070" s="1" t="s">
        <v>111528</v>
      </c>
      <c r="F75070" s="1" t="s">
        <v>250084</v>
      </c>
      <c r="G75070" s="1" t="s">
        <v>250082</v>
      </c>
      <c r="H75070" s="1" t="s">
        <v>250083</v>
      </c>
      <c r="I75070" s="1" t="s">
        <v>247053</v>
      </c>
      <c r="J75070" s="1" t="s">
        <v>250111</v>
      </c>
    </row>
    <row r="75071" spans="1:10" x14ac:dyDescent="0.35">
      <c r="A75071" s="1" t="s">
        <v>110012</v>
      </c>
      <c r="B75071" s="1" t="s">
        <v>247048</v>
      </c>
      <c r="C75071" s="1" t="s">
        <v>145</v>
      </c>
      <c r="D75071" s="1" t="s">
        <v>50806</v>
      </c>
      <c r="E75071" s="1" t="s">
        <v>160352</v>
      </c>
      <c r="F75071" s="1" t="s">
        <v>250084</v>
      </c>
      <c r="G75071" s="1" t="s">
        <v>250082</v>
      </c>
      <c r="H75071" s="1" t="s">
        <v>250083</v>
      </c>
      <c r="I75071" s="1" t="s">
        <v>247053</v>
      </c>
      <c r="J75071" s="1" t="s">
        <v>250112</v>
      </c>
    </row>
    <row r="75072" spans="1:10" x14ac:dyDescent="0.35">
      <c r="A75072" s="1" t="s">
        <v>110012</v>
      </c>
      <c r="B75072" s="1" t="s">
        <v>247048</v>
      </c>
      <c r="C75072" s="1" t="s">
        <v>150</v>
      </c>
      <c r="D75072" s="1" t="s">
        <v>50195</v>
      </c>
      <c r="E75072" s="1" t="s">
        <v>523</v>
      </c>
      <c r="F75072" s="1" t="s">
        <v>250084</v>
      </c>
      <c r="G75072" s="1" t="s">
        <v>250082</v>
      </c>
      <c r="H75072" s="1" t="s">
        <v>250083</v>
      </c>
      <c r="I75072" s="1" t="s">
        <v>247053</v>
      </c>
      <c r="J75072" s="1" t="s">
        <v>250113</v>
      </c>
    </row>
    <row r="75073" spans="1:10" x14ac:dyDescent="0.35">
      <c r="A75073" s="1" t="s">
        <v>110012</v>
      </c>
      <c r="B75073" s="1" t="s">
        <v>247048</v>
      </c>
      <c r="C75073" s="1" t="s">
        <v>155</v>
      </c>
      <c r="D75073" s="1" t="s">
        <v>250114</v>
      </c>
      <c r="E75073" s="1" t="s">
        <v>250115</v>
      </c>
      <c r="F75073" s="1" t="s">
        <v>250084</v>
      </c>
      <c r="G75073" s="1" t="s">
        <v>250082</v>
      </c>
      <c r="H75073" s="1" t="s">
        <v>250083</v>
      </c>
      <c r="I75073" s="1" t="s">
        <v>247053</v>
      </c>
      <c r="J75073" s="1" t="s">
        <v>250116</v>
      </c>
    </row>
    <row r="75074" spans="1:10" x14ac:dyDescent="0.35">
      <c r="A75074" s="1" t="s">
        <v>110012</v>
      </c>
      <c r="B75074" s="1" t="s">
        <v>247048</v>
      </c>
      <c r="C75074" s="1" t="s">
        <v>160</v>
      </c>
      <c r="D75074" s="1" t="s">
        <v>116293</v>
      </c>
      <c r="E75074" s="1" t="s">
        <v>207019</v>
      </c>
      <c r="F75074" s="1" t="s">
        <v>250084</v>
      </c>
      <c r="G75074" s="1" t="s">
        <v>250082</v>
      </c>
      <c r="H75074" s="1" t="s">
        <v>250083</v>
      </c>
      <c r="I75074" s="1" t="s">
        <v>247053</v>
      </c>
      <c r="J75074" s="1" t="s">
        <v>250117</v>
      </c>
    </row>
    <row r="75075" spans="1:10" x14ac:dyDescent="0.35">
      <c r="A75075" s="1" t="s">
        <v>110012</v>
      </c>
      <c r="B75075" s="1" t="s">
        <v>247048</v>
      </c>
      <c r="C75075" s="1" t="s">
        <v>165</v>
      </c>
      <c r="D75075" s="1" t="s">
        <v>250118</v>
      </c>
      <c r="E75075" s="1" t="s">
        <v>201646</v>
      </c>
      <c r="F75075" s="1" t="s">
        <v>250084</v>
      </c>
      <c r="G75075" s="1" t="s">
        <v>250082</v>
      </c>
      <c r="H75075" s="1" t="s">
        <v>250083</v>
      </c>
      <c r="I75075" s="1" t="s">
        <v>247053</v>
      </c>
      <c r="J75075" s="1" t="s">
        <v>250119</v>
      </c>
    </row>
    <row r="75076" spans="1:10" x14ac:dyDescent="0.35">
      <c r="A75076" s="1" t="s">
        <v>110012</v>
      </c>
      <c r="B75076" s="1" t="s">
        <v>247048</v>
      </c>
      <c r="C75076" s="1" t="s">
        <v>170</v>
      </c>
      <c r="D75076" s="1" t="s">
        <v>71366</v>
      </c>
      <c r="E75076" s="1" t="s">
        <v>12671</v>
      </c>
      <c r="F75076" s="1" t="s">
        <v>250084</v>
      </c>
      <c r="G75076" s="1" t="s">
        <v>250082</v>
      </c>
      <c r="H75076" s="1" t="s">
        <v>250083</v>
      </c>
      <c r="I75076" s="1" t="s">
        <v>247053</v>
      </c>
      <c r="J75076" s="1" t="s">
        <v>250120</v>
      </c>
    </row>
    <row r="75077" spans="1:10" x14ac:dyDescent="0.35">
      <c r="A75077" s="1" t="s">
        <v>7044</v>
      </c>
      <c r="B75077" s="1" t="s">
        <v>247048</v>
      </c>
      <c r="C75077" s="1" t="s">
        <v>8</v>
      </c>
      <c r="D75077" s="1" t="s">
        <v>27907</v>
      </c>
      <c r="E75077" s="1" t="s">
        <v>250121</v>
      </c>
      <c r="F75077" s="1" t="s">
        <v>250122</v>
      </c>
      <c r="G75077" s="1" t="s">
        <v>250123</v>
      </c>
      <c r="H75077" s="1" t="s">
        <v>250124</v>
      </c>
      <c r="I75077" s="1" t="s">
        <v>247053</v>
      </c>
      <c r="J75077" s="1" t="s">
        <v>13</v>
      </c>
    </row>
    <row r="75078" spans="1:10" x14ac:dyDescent="0.35">
      <c r="A75078" s="1" t="s">
        <v>7044</v>
      </c>
      <c r="B75078" s="1" t="s">
        <v>247048</v>
      </c>
      <c r="C75078" s="1" t="s">
        <v>15</v>
      </c>
      <c r="D75078" s="1" t="s">
        <v>3984</v>
      </c>
      <c r="E75078" s="1" t="s">
        <v>12732</v>
      </c>
      <c r="F75078" s="1" t="s">
        <v>250125</v>
      </c>
      <c r="G75078" s="1" t="s">
        <v>250123</v>
      </c>
      <c r="H75078" s="1" t="s">
        <v>250124</v>
      </c>
      <c r="I75078" s="1" t="s">
        <v>247053</v>
      </c>
      <c r="J75078" s="1" t="s">
        <v>250126</v>
      </c>
    </row>
    <row r="75079" spans="1:10" x14ac:dyDescent="0.35">
      <c r="A75079" s="1" t="s">
        <v>7044</v>
      </c>
      <c r="B75079" s="1" t="s">
        <v>247048</v>
      </c>
      <c r="C75079" s="1" t="s">
        <v>20</v>
      </c>
      <c r="D75079" s="1" t="s">
        <v>55</v>
      </c>
      <c r="E75079" s="1" t="s">
        <v>12200</v>
      </c>
      <c r="F75079" s="1" t="s">
        <v>250127</v>
      </c>
      <c r="G75079" s="1" t="s">
        <v>250123</v>
      </c>
      <c r="H75079" s="1" t="s">
        <v>250124</v>
      </c>
      <c r="I75079" s="1" t="s">
        <v>247053</v>
      </c>
      <c r="J75079" s="1" t="s">
        <v>250128</v>
      </c>
    </row>
    <row r="75080" spans="1:10" x14ac:dyDescent="0.35">
      <c r="A75080" s="1" t="s">
        <v>7044</v>
      </c>
      <c r="B75080" s="1" t="s">
        <v>247048</v>
      </c>
      <c r="C75080" s="1" t="s">
        <v>25</v>
      </c>
      <c r="D75080" s="1" t="s">
        <v>1217</v>
      </c>
      <c r="E75080" s="1" t="s">
        <v>567</v>
      </c>
      <c r="F75080" s="1" t="s">
        <v>250129</v>
      </c>
      <c r="G75080" s="1" t="s">
        <v>250123</v>
      </c>
      <c r="H75080" s="1" t="s">
        <v>250124</v>
      </c>
      <c r="I75080" s="1" t="s">
        <v>247053</v>
      </c>
      <c r="J75080" s="1" t="s">
        <v>250130</v>
      </c>
    </row>
    <row r="75081" spans="1:10" x14ac:dyDescent="0.35">
      <c r="A75081" s="1" t="s">
        <v>7044</v>
      </c>
      <c r="B75081" s="1" t="s">
        <v>247048</v>
      </c>
      <c r="C75081" s="1" t="s">
        <v>30</v>
      </c>
      <c r="D75081" s="1" t="s">
        <v>8734</v>
      </c>
      <c r="E75081" s="1" t="s">
        <v>7939</v>
      </c>
      <c r="F75081" s="1" t="s">
        <v>250131</v>
      </c>
      <c r="G75081" s="1" t="s">
        <v>250123</v>
      </c>
      <c r="H75081" s="1" t="s">
        <v>250124</v>
      </c>
      <c r="I75081" s="1" t="s">
        <v>247053</v>
      </c>
      <c r="J75081" s="1" t="s">
        <v>250132</v>
      </c>
    </row>
    <row r="75082" spans="1:10" x14ac:dyDescent="0.35">
      <c r="A75082" s="1" t="s">
        <v>7044</v>
      </c>
      <c r="B75082" s="1" t="s">
        <v>247048</v>
      </c>
      <c r="C75082" s="1" t="s">
        <v>35</v>
      </c>
      <c r="D75082" s="1" t="s">
        <v>119259</v>
      </c>
      <c r="E75082" s="1" t="s">
        <v>8646</v>
      </c>
      <c r="F75082" s="1" t="s">
        <v>250133</v>
      </c>
      <c r="G75082" s="1" t="s">
        <v>250123</v>
      </c>
      <c r="H75082" s="1" t="s">
        <v>250124</v>
      </c>
      <c r="I75082" s="1" t="s">
        <v>247053</v>
      </c>
      <c r="J75082" s="1" t="s">
        <v>250134</v>
      </c>
    </row>
    <row r="75083" spans="1:10" x14ac:dyDescent="0.35">
      <c r="A75083" s="1" t="s">
        <v>7044</v>
      </c>
      <c r="B75083" s="1" t="s">
        <v>247048</v>
      </c>
      <c r="C75083" s="1" t="s">
        <v>40</v>
      </c>
      <c r="D75083" s="1" t="s">
        <v>119665</v>
      </c>
      <c r="E75083" s="1" t="s">
        <v>4459</v>
      </c>
      <c r="F75083" s="1" t="s">
        <v>250135</v>
      </c>
      <c r="G75083" s="1" t="s">
        <v>250123</v>
      </c>
      <c r="H75083" s="1" t="s">
        <v>250124</v>
      </c>
      <c r="I75083" s="1" t="s">
        <v>247053</v>
      </c>
      <c r="J75083" s="1" t="s">
        <v>250136</v>
      </c>
    </row>
    <row r="75084" spans="1:10" x14ac:dyDescent="0.35">
      <c r="A75084" s="1" t="s">
        <v>7044</v>
      </c>
      <c r="B75084" s="1" t="s">
        <v>247048</v>
      </c>
      <c r="C75084" s="1" t="s">
        <v>45</v>
      </c>
      <c r="D75084" s="1" t="s">
        <v>47323</v>
      </c>
      <c r="E75084" s="1" t="s">
        <v>551</v>
      </c>
      <c r="F75084" s="1" t="s">
        <v>169045</v>
      </c>
      <c r="G75084" s="1" t="s">
        <v>250123</v>
      </c>
      <c r="H75084" s="1" t="s">
        <v>250124</v>
      </c>
      <c r="I75084" s="1" t="s">
        <v>247053</v>
      </c>
      <c r="J75084" s="1" t="s">
        <v>250137</v>
      </c>
    </row>
    <row r="75085" spans="1:10" x14ac:dyDescent="0.35">
      <c r="A75085" s="1" t="s">
        <v>7044</v>
      </c>
      <c r="B75085" s="1" t="s">
        <v>247048</v>
      </c>
      <c r="C75085" s="1" t="s">
        <v>50</v>
      </c>
      <c r="D75085" s="1" t="s">
        <v>27855</v>
      </c>
      <c r="E75085" s="1" t="s">
        <v>250138</v>
      </c>
      <c r="F75085" s="1" t="s">
        <v>250139</v>
      </c>
      <c r="G75085" s="1" t="s">
        <v>250123</v>
      </c>
      <c r="H75085" s="1" t="s">
        <v>250124</v>
      </c>
      <c r="I75085" s="1" t="s">
        <v>247053</v>
      </c>
      <c r="J75085" s="1" t="s">
        <v>250140</v>
      </c>
    </row>
    <row r="75086" spans="1:10" x14ac:dyDescent="0.35">
      <c r="A75086" s="1" t="s">
        <v>7044</v>
      </c>
      <c r="B75086" s="1" t="s">
        <v>247048</v>
      </c>
      <c r="C75086" s="1" t="s">
        <v>55</v>
      </c>
      <c r="D75086" s="1" t="s">
        <v>28436</v>
      </c>
      <c r="E75086" s="1" t="s">
        <v>12680</v>
      </c>
      <c r="F75086" s="1" t="s">
        <v>250141</v>
      </c>
      <c r="G75086" s="1" t="s">
        <v>250123</v>
      </c>
      <c r="H75086" s="1" t="s">
        <v>250124</v>
      </c>
      <c r="I75086" s="1" t="s">
        <v>247053</v>
      </c>
      <c r="J75086" s="1" t="s">
        <v>250142</v>
      </c>
    </row>
    <row r="75087" spans="1:10" x14ac:dyDescent="0.35">
      <c r="A75087" s="1" t="s">
        <v>7044</v>
      </c>
      <c r="B75087" s="1" t="s">
        <v>247048</v>
      </c>
      <c r="C75087" s="1" t="s">
        <v>60</v>
      </c>
      <c r="D75087" s="1" t="s">
        <v>203912</v>
      </c>
      <c r="E75087" s="1" t="s">
        <v>159829</v>
      </c>
      <c r="F75087" s="1" t="s">
        <v>250143</v>
      </c>
      <c r="G75087" s="1" t="s">
        <v>250123</v>
      </c>
      <c r="H75087" s="1" t="s">
        <v>250124</v>
      </c>
      <c r="I75087" s="1" t="s">
        <v>247053</v>
      </c>
      <c r="J75087" s="1" t="s">
        <v>250144</v>
      </c>
    </row>
    <row r="75088" spans="1:10" x14ac:dyDescent="0.35">
      <c r="A75088" s="1" t="s">
        <v>7044</v>
      </c>
      <c r="B75088" s="1" t="s">
        <v>247048</v>
      </c>
      <c r="C75088" s="1" t="s">
        <v>65</v>
      </c>
      <c r="D75088" s="1" t="s">
        <v>4709</v>
      </c>
      <c r="E75088" s="1" t="s">
        <v>7958</v>
      </c>
      <c r="F75088" s="1" t="s">
        <v>250145</v>
      </c>
      <c r="G75088" s="1" t="s">
        <v>250123</v>
      </c>
      <c r="H75088" s="1" t="s">
        <v>250124</v>
      </c>
      <c r="I75088" s="1" t="s">
        <v>247053</v>
      </c>
      <c r="J75088" s="1" t="s">
        <v>250146</v>
      </c>
    </row>
    <row r="75089" spans="1:10" x14ac:dyDescent="0.35">
      <c r="A75089" s="1" t="s">
        <v>7044</v>
      </c>
      <c r="B75089" s="1" t="s">
        <v>247048</v>
      </c>
      <c r="C75089" s="1" t="s">
        <v>70</v>
      </c>
      <c r="D75089" s="1" t="s">
        <v>2849</v>
      </c>
      <c r="E75089" s="1" t="s">
        <v>7939</v>
      </c>
      <c r="F75089" s="1" t="s">
        <v>250147</v>
      </c>
      <c r="G75089" s="1" t="s">
        <v>250123</v>
      </c>
      <c r="H75089" s="1" t="s">
        <v>250124</v>
      </c>
      <c r="I75089" s="1" t="s">
        <v>247053</v>
      </c>
      <c r="J75089" s="1" t="s">
        <v>250148</v>
      </c>
    </row>
    <row r="75090" spans="1:10" x14ac:dyDescent="0.35">
      <c r="A75090" s="1" t="s">
        <v>7044</v>
      </c>
      <c r="B75090" s="1" t="s">
        <v>247048</v>
      </c>
      <c r="C75090" s="1" t="s">
        <v>75</v>
      </c>
      <c r="D75090" s="1" t="s">
        <v>25863</v>
      </c>
      <c r="E75090" s="1" t="s">
        <v>7936</v>
      </c>
      <c r="F75090" s="1" t="s">
        <v>250135</v>
      </c>
      <c r="G75090" s="1" t="s">
        <v>250123</v>
      </c>
      <c r="H75090" s="1" t="s">
        <v>250124</v>
      </c>
      <c r="I75090" s="1" t="s">
        <v>247053</v>
      </c>
      <c r="J75090" s="1" t="s">
        <v>250149</v>
      </c>
    </row>
    <row r="75091" spans="1:10" x14ac:dyDescent="0.35">
      <c r="A75091" s="1" t="s">
        <v>7044</v>
      </c>
      <c r="B75091" s="1" t="s">
        <v>247048</v>
      </c>
      <c r="C75091" s="1" t="s">
        <v>80</v>
      </c>
      <c r="D75091" s="1" t="s">
        <v>26022</v>
      </c>
      <c r="E75091" s="1" t="s">
        <v>27473</v>
      </c>
      <c r="F75091" s="1" t="s">
        <v>250150</v>
      </c>
      <c r="G75091" s="1" t="s">
        <v>250123</v>
      </c>
      <c r="H75091" s="1" t="s">
        <v>250124</v>
      </c>
      <c r="I75091" s="1" t="s">
        <v>247053</v>
      </c>
      <c r="J75091" s="1" t="s">
        <v>250151</v>
      </c>
    </row>
    <row r="75092" spans="1:10" x14ac:dyDescent="0.35">
      <c r="A75092" s="1" t="s">
        <v>7044</v>
      </c>
      <c r="B75092" s="1" t="s">
        <v>247048</v>
      </c>
      <c r="C75092" s="1" t="s">
        <v>85</v>
      </c>
      <c r="D75092" s="1" t="s">
        <v>146350</v>
      </c>
      <c r="E75092" s="1" t="s">
        <v>13693</v>
      </c>
      <c r="F75092" s="1" t="s">
        <v>250152</v>
      </c>
      <c r="G75092" s="1" t="s">
        <v>250123</v>
      </c>
      <c r="H75092" s="1" t="s">
        <v>250124</v>
      </c>
      <c r="I75092" s="1" t="s">
        <v>247053</v>
      </c>
      <c r="J75092" s="1" t="s">
        <v>250153</v>
      </c>
    </row>
    <row r="75093" spans="1:10" x14ac:dyDescent="0.35">
      <c r="A75093" s="1" t="s">
        <v>7044</v>
      </c>
      <c r="B75093" s="1" t="s">
        <v>247048</v>
      </c>
      <c r="C75093" s="1" t="s">
        <v>90</v>
      </c>
      <c r="D75093" s="1" t="s">
        <v>47080</v>
      </c>
      <c r="E75093" s="1" t="s">
        <v>7936</v>
      </c>
      <c r="F75093" s="1" t="s">
        <v>250154</v>
      </c>
      <c r="G75093" s="1" t="s">
        <v>250123</v>
      </c>
      <c r="H75093" s="1" t="s">
        <v>250124</v>
      </c>
      <c r="I75093" s="1" t="s">
        <v>247053</v>
      </c>
      <c r="J75093" s="1" t="s">
        <v>250155</v>
      </c>
    </row>
    <row r="75094" spans="1:10" x14ac:dyDescent="0.35">
      <c r="A75094" s="1" t="s">
        <v>7044</v>
      </c>
      <c r="B75094" s="1" t="s">
        <v>247048</v>
      </c>
      <c r="C75094" s="1" t="s">
        <v>95</v>
      </c>
      <c r="D75094" s="1" t="s">
        <v>121240</v>
      </c>
      <c r="E75094" s="1" t="s">
        <v>160382</v>
      </c>
      <c r="F75094" s="1" t="s">
        <v>250156</v>
      </c>
      <c r="G75094" s="1" t="s">
        <v>250123</v>
      </c>
      <c r="H75094" s="1" t="s">
        <v>250124</v>
      </c>
      <c r="I75094" s="1" t="s">
        <v>247053</v>
      </c>
      <c r="J75094" s="1" t="s">
        <v>250157</v>
      </c>
    </row>
    <row r="75095" spans="1:10" x14ac:dyDescent="0.35">
      <c r="A75095" s="1" t="s">
        <v>7044</v>
      </c>
      <c r="B75095" s="1" t="s">
        <v>247048</v>
      </c>
      <c r="C75095" s="1" t="s">
        <v>100</v>
      </c>
      <c r="D75095" s="1" t="s">
        <v>37284</v>
      </c>
      <c r="E75095" s="1" t="s">
        <v>8011</v>
      </c>
      <c r="F75095" s="1" t="s">
        <v>250158</v>
      </c>
      <c r="G75095" s="1" t="s">
        <v>250123</v>
      </c>
      <c r="H75095" s="1" t="s">
        <v>250124</v>
      </c>
      <c r="I75095" s="1" t="s">
        <v>247053</v>
      </c>
      <c r="J75095" s="1" t="s">
        <v>250159</v>
      </c>
    </row>
    <row r="75096" spans="1:10" x14ac:dyDescent="0.35">
      <c r="A75096" s="1" t="s">
        <v>7044</v>
      </c>
      <c r="B75096" s="1" t="s">
        <v>247048</v>
      </c>
      <c r="C75096" s="1" t="s">
        <v>105</v>
      </c>
      <c r="D75096" s="1" t="s">
        <v>15871</v>
      </c>
      <c r="E75096" s="1" t="s">
        <v>8638</v>
      </c>
      <c r="F75096" s="1" t="s">
        <v>250160</v>
      </c>
      <c r="G75096" s="1" t="s">
        <v>250123</v>
      </c>
      <c r="H75096" s="1" t="s">
        <v>250124</v>
      </c>
      <c r="I75096" s="1" t="s">
        <v>247053</v>
      </c>
      <c r="J75096" s="1" t="s">
        <v>250161</v>
      </c>
    </row>
    <row r="75097" spans="1:10" x14ac:dyDescent="0.35">
      <c r="A75097" s="1" t="s">
        <v>7044</v>
      </c>
      <c r="B75097" s="1" t="s">
        <v>247048</v>
      </c>
      <c r="C75097" s="1" t="s">
        <v>110</v>
      </c>
      <c r="D75097" s="1" t="s">
        <v>250162</v>
      </c>
      <c r="E75097" s="1" t="s">
        <v>159903</v>
      </c>
      <c r="F75097" s="1" t="s">
        <v>250163</v>
      </c>
      <c r="G75097" s="1" t="s">
        <v>250123</v>
      </c>
      <c r="H75097" s="1" t="s">
        <v>250124</v>
      </c>
      <c r="I75097" s="1" t="s">
        <v>247053</v>
      </c>
      <c r="J75097" s="1" t="s">
        <v>250164</v>
      </c>
    </row>
    <row r="75098" spans="1:10" x14ac:dyDescent="0.35">
      <c r="A75098" s="1" t="s">
        <v>7044</v>
      </c>
      <c r="B75098" s="1" t="s">
        <v>247048</v>
      </c>
      <c r="C75098" s="1" t="s">
        <v>115</v>
      </c>
      <c r="D75098" s="1" t="s">
        <v>7928</v>
      </c>
      <c r="E75098" s="1" t="s">
        <v>204572</v>
      </c>
      <c r="F75098" s="1" t="s">
        <v>250165</v>
      </c>
      <c r="G75098" s="1" t="s">
        <v>250123</v>
      </c>
      <c r="H75098" s="1" t="s">
        <v>250124</v>
      </c>
      <c r="I75098" s="1" t="s">
        <v>247053</v>
      </c>
      <c r="J75098" s="1" t="s">
        <v>250166</v>
      </c>
    </row>
    <row r="75099" spans="1:10" x14ac:dyDescent="0.35">
      <c r="A75099" s="1" t="s">
        <v>7044</v>
      </c>
      <c r="B75099" s="1" t="s">
        <v>247048</v>
      </c>
      <c r="C75099" s="1" t="s">
        <v>120</v>
      </c>
      <c r="D75099" s="1" t="s">
        <v>142847</v>
      </c>
      <c r="E75099" s="1" t="s">
        <v>12215</v>
      </c>
      <c r="F75099" s="1" t="s">
        <v>250165</v>
      </c>
      <c r="G75099" s="1" t="s">
        <v>250123</v>
      </c>
      <c r="H75099" s="1" t="s">
        <v>250124</v>
      </c>
      <c r="I75099" s="1" t="s">
        <v>247053</v>
      </c>
      <c r="J75099" s="1" t="s">
        <v>250167</v>
      </c>
    </row>
    <row r="75100" spans="1:10" x14ac:dyDescent="0.35">
      <c r="A75100" s="1" t="s">
        <v>7044</v>
      </c>
      <c r="B75100" s="1" t="s">
        <v>247048</v>
      </c>
      <c r="C75100" s="1" t="s">
        <v>125</v>
      </c>
      <c r="D75100" s="1" t="s">
        <v>250168</v>
      </c>
      <c r="E75100" s="1" t="s">
        <v>110926</v>
      </c>
      <c r="F75100" s="1" t="s">
        <v>250165</v>
      </c>
      <c r="G75100" s="1" t="s">
        <v>250123</v>
      </c>
      <c r="H75100" s="1" t="s">
        <v>250124</v>
      </c>
      <c r="I75100" s="1" t="s">
        <v>247053</v>
      </c>
      <c r="J75100" s="1" t="s">
        <v>250169</v>
      </c>
    </row>
    <row r="75101" spans="1:10" x14ac:dyDescent="0.35">
      <c r="A75101" s="1" t="s">
        <v>7044</v>
      </c>
      <c r="B75101" s="1" t="s">
        <v>247048</v>
      </c>
      <c r="C75101" s="1" t="s">
        <v>130</v>
      </c>
      <c r="D75101" s="1" t="s">
        <v>36149</v>
      </c>
      <c r="E75101" s="1" t="s">
        <v>13693</v>
      </c>
      <c r="F75101" s="1" t="s">
        <v>250165</v>
      </c>
      <c r="G75101" s="1" t="s">
        <v>250123</v>
      </c>
      <c r="H75101" s="1" t="s">
        <v>250124</v>
      </c>
      <c r="I75101" s="1" t="s">
        <v>247053</v>
      </c>
      <c r="J75101" s="1" t="s">
        <v>250170</v>
      </c>
    </row>
    <row r="75102" spans="1:10" x14ac:dyDescent="0.35">
      <c r="A75102" s="1" t="s">
        <v>7044</v>
      </c>
      <c r="B75102" s="1" t="s">
        <v>247048</v>
      </c>
      <c r="C75102" s="1" t="s">
        <v>135</v>
      </c>
      <c r="D75102" s="1" t="s">
        <v>250171</v>
      </c>
      <c r="E75102" s="1" t="s">
        <v>527</v>
      </c>
      <c r="F75102" s="1" t="s">
        <v>250165</v>
      </c>
      <c r="G75102" s="1" t="s">
        <v>250123</v>
      </c>
      <c r="H75102" s="1" t="s">
        <v>250124</v>
      </c>
      <c r="I75102" s="1" t="s">
        <v>247053</v>
      </c>
      <c r="J75102" s="1" t="s">
        <v>250172</v>
      </c>
    </row>
    <row r="75103" spans="1:10" x14ac:dyDescent="0.35">
      <c r="A75103" s="1" t="s">
        <v>7044</v>
      </c>
      <c r="B75103" s="1" t="s">
        <v>247048</v>
      </c>
      <c r="C75103" s="1" t="s">
        <v>140</v>
      </c>
      <c r="D75103" s="1" t="s">
        <v>168356</v>
      </c>
      <c r="E75103" s="1" t="s">
        <v>201762</v>
      </c>
      <c r="F75103" s="1" t="s">
        <v>250165</v>
      </c>
      <c r="G75103" s="1" t="s">
        <v>250123</v>
      </c>
      <c r="H75103" s="1" t="s">
        <v>250124</v>
      </c>
      <c r="I75103" s="1" t="s">
        <v>247053</v>
      </c>
      <c r="J75103" s="1" t="s">
        <v>250173</v>
      </c>
    </row>
    <row r="75104" spans="1:10" x14ac:dyDescent="0.35">
      <c r="A75104" s="1" t="s">
        <v>7044</v>
      </c>
      <c r="B75104" s="1" t="s">
        <v>247048</v>
      </c>
      <c r="C75104" s="1" t="s">
        <v>145</v>
      </c>
      <c r="D75104" s="1" t="s">
        <v>250174</v>
      </c>
      <c r="E75104" s="1" t="s">
        <v>8638</v>
      </c>
      <c r="F75104" s="1" t="s">
        <v>250165</v>
      </c>
      <c r="G75104" s="1" t="s">
        <v>250123</v>
      </c>
      <c r="H75104" s="1" t="s">
        <v>250124</v>
      </c>
      <c r="I75104" s="1" t="s">
        <v>247053</v>
      </c>
      <c r="J75104" s="1" t="s">
        <v>250175</v>
      </c>
    </row>
    <row r="75105" spans="1:10" x14ac:dyDescent="0.35">
      <c r="A75105" s="1" t="s">
        <v>7044</v>
      </c>
      <c r="B75105" s="1" t="s">
        <v>247048</v>
      </c>
      <c r="C75105" s="1" t="s">
        <v>150</v>
      </c>
      <c r="D75105" s="1" t="s">
        <v>72762</v>
      </c>
      <c r="E75105" s="1" t="s">
        <v>247479</v>
      </c>
      <c r="F75105" s="1" t="s">
        <v>250165</v>
      </c>
      <c r="G75105" s="1" t="s">
        <v>250123</v>
      </c>
      <c r="H75105" s="1" t="s">
        <v>250124</v>
      </c>
      <c r="I75105" s="1" t="s">
        <v>247053</v>
      </c>
      <c r="J75105" s="1" t="s">
        <v>250176</v>
      </c>
    </row>
    <row r="75106" spans="1:10" x14ac:dyDescent="0.35">
      <c r="A75106" s="1" t="s">
        <v>7044</v>
      </c>
      <c r="B75106" s="1" t="s">
        <v>247048</v>
      </c>
      <c r="C75106" s="1" t="s">
        <v>155</v>
      </c>
      <c r="D75106" s="1" t="s">
        <v>28662</v>
      </c>
      <c r="E75106" s="1" t="s">
        <v>201641</v>
      </c>
      <c r="F75106" s="1" t="s">
        <v>250165</v>
      </c>
      <c r="G75106" s="1" t="s">
        <v>250123</v>
      </c>
      <c r="H75106" s="1" t="s">
        <v>250124</v>
      </c>
      <c r="I75106" s="1" t="s">
        <v>247053</v>
      </c>
      <c r="J75106" s="1" t="s">
        <v>250177</v>
      </c>
    </row>
    <row r="75107" spans="1:10" x14ac:dyDescent="0.35">
      <c r="A75107" s="1" t="s">
        <v>7044</v>
      </c>
      <c r="B75107" s="1" t="s">
        <v>247048</v>
      </c>
      <c r="C75107" s="1" t="s">
        <v>160</v>
      </c>
      <c r="D75107" s="1" t="s">
        <v>71103</v>
      </c>
      <c r="E75107" s="1" t="s">
        <v>12215</v>
      </c>
      <c r="F75107" s="1" t="s">
        <v>250165</v>
      </c>
      <c r="G75107" s="1" t="s">
        <v>250123</v>
      </c>
      <c r="H75107" s="1" t="s">
        <v>250124</v>
      </c>
      <c r="I75107" s="1" t="s">
        <v>247053</v>
      </c>
      <c r="J75107" s="1" t="s">
        <v>250178</v>
      </c>
    </row>
    <row r="75108" spans="1:10" x14ac:dyDescent="0.35">
      <c r="A75108" s="1" t="s">
        <v>7044</v>
      </c>
      <c r="B75108" s="1" t="s">
        <v>247048</v>
      </c>
      <c r="C75108" s="1" t="s">
        <v>165</v>
      </c>
      <c r="D75108" s="1" t="s">
        <v>126498</v>
      </c>
      <c r="E75108" s="1" t="s">
        <v>159878</v>
      </c>
      <c r="F75108" s="1" t="s">
        <v>250165</v>
      </c>
      <c r="G75108" s="1" t="s">
        <v>250123</v>
      </c>
      <c r="H75108" s="1" t="s">
        <v>250124</v>
      </c>
      <c r="I75108" s="1" t="s">
        <v>247053</v>
      </c>
      <c r="J75108" s="1" t="s">
        <v>250179</v>
      </c>
    </row>
    <row r="75109" spans="1:10" x14ac:dyDescent="0.35">
      <c r="A75109" s="1" t="s">
        <v>7044</v>
      </c>
      <c r="B75109" s="1" t="s">
        <v>247048</v>
      </c>
      <c r="C75109" s="1" t="s">
        <v>170</v>
      </c>
      <c r="D75109" s="1" t="s">
        <v>7104</v>
      </c>
      <c r="E75109" s="1" t="s">
        <v>480</v>
      </c>
      <c r="F75109" s="1" t="s">
        <v>250165</v>
      </c>
      <c r="G75109" s="1" t="s">
        <v>250123</v>
      </c>
      <c r="H75109" s="1" t="s">
        <v>250124</v>
      </c>
      <c r="I75109" s="1" t="s">
        <v>247053</v>
      </c>
      <c r="J75109" s="1" t="s">
        <v>250180</v>
      </c>
    </row>
    <row r="75110" spans="1:10" x14ac:dyDescent="0.35">
      <c r="A75110" s="1" t="s">
        <v>29090</v>
      </c>
      <c r="B75110" s="1" t="s">
        <v>247048</v>
      </c>
      <c r="C75110" s="1" t="s">
        <v>8</v>
      </c>
      <c r="D75110" s="1" t="s">
        <v>9830</v>
      </c>
      <c r="E75110" s="1" t="s">
        <v>250181</v>
      </c>
      <c r="F75110" s="1" t="s">
        <v>250182</v>
      </c>
      <c r="G75110" s="1" t="s">
        <v>250183</v>
      </c>
      <c r="H75110" s="1" t="s">
        <v>250184</v>
      </c>
      <c r="I75110" s="1" t="s">
        <v>247053</v>
      </c>
      <c r="J75110" s="1" t="s">
        <v>13</v>
      </c>
    </row>
    <row r="75111" spans="1:10" x14ac:dyDescent="0.35">
      <c r="A75111" s="1" t="s">
        <v>29090</v>
      </c>
      <c r="B75111" s="1" t="s">
        <v>247048</v>
      </c>
      <c r="C75111" s="1" t="s">
        <v>15</v>
      </c>
      <c r="D75111" s="1" t="s">
        <v>97898</v>
      </c>
      <c r="E75111" s="1" t="s">
        <v>250185</v>
      </c>
      <c r="F75111" s="1" t="s">
        <v>250186</v>
      </c>
      <c r="G75111" s="1" t="s">
        <v>250183</v>
      </c>
      <c r="H75111" s="1" t="s">
        <v>250184</v>
      </c>
      <c r="I75111" s="1" t="s">
        <v>247053</v>
      </c>
      <c r="J75111" s="1" t="s">
        <v>250187</v>
      </c>
    </row>
    <row r="75112" spans="1:10" x14ac:dyDescent="0.35">
      <c r="A75112" s="1" t="s">
        <v>29090</v>
      </c>
      <c r="B75112" s="1" t="s">
        <v>247048</v>
      </c>
      <c r="C75112" s="1" t="s">
        <v>20</v>
      </c>
      <c r="D75112" s="1" t="s">
        <v>13174</v>
      </c>
      <c r="E75112" s="1" t="s">
        <v>250188</v>
      </c>
      <c r="F75112" s="1" t="s">
        <v>250189</v>
      </c>
      <c r="G75112" s="1" t="s">
        <v>250183</v>
      </c>
      <c r="H75112" s="1" t="s">
        <v>250184</v>
      </c>
      <c r="I75112" s="1" t="s">
        <v>247053</v>
      </c>
      <c r="J75112" s="1" t="s">
        <v>250190</v>
      </c>
    </row>
    <row r="75113" spans="1:10" x14ac:dyDescent="0.35">
      <c r="A75113" s="1" t="s">
        <v>29090</v>
      </c>
      <c r="B75113" s="1" t="s">
        <v>247048</v>
      </c>
      <c r="C75113" s="1" t="s">
        <v>25</v>
      </c>
      <c r="D75113" s="1" t="s">
        <v>12048</v>
      </c>
      <c r="E75113" s="1" t="s">
        <v>250191</v>
      </c>
      <c r="F75113" s="1" t="s">
        <v>250192</v>
      </c>
      <c r="G75113" s="1" t="s">
        <v>250183</v>
      </c>
      <c r="H75113" s="1" t="s">
        <v>250184</v>
      </c>
      <c r="I75113" s="1" t="s">
        <v>247053</v>
      </c>
      <c r="J75113" s="1" t="s">
        <v>250193</v>
      </c>
    </row>
    <row r="75114" spans="1:10" x14ac:dyDescent="0.35">
      <c r="A75114" s="1" t="s">
        <v>29090</v>
      </c>
      <c r="B75114" s="1" t="s">
        <v>247048</v>
      </c>
      <c r="C75114" s="1" t="s">
        <v>30</v>
      </c>
      <c r="D75114" s="1" t="s">
        <v>29496</v>
      </c>
      <c r="E75114" s="1" t="s">
        <v>250194</v>
      </c>
      <c r="F75114" s="1" t="s">
        <v>250195</v>
      </c>
      <c r="G75114" s="1" t="s">
        <v>250183</v>
      </c>
      <c r="H75114" s="1" t="s">
        <v>250184</v>
      </c>
      <c r="I75114" s="1" t="s">
        <v>247053</v>
      </c>
      <c r="J75114" s="1" t="s">
        <v>250196</v>
      </c>
    </row>
    <row r="75115" spans="1:10" x14ac:dyDescent="0.35">
      <c r="A75115" s="1" t="s">
        <v>29090</v>
      </c>
      <c r="B75115" s="1" t="s">
        <v>247048</v>
      </c>
      <c r="C75115" s="1" t="s">
        <v>35</v>
      </c>
      <c r="D75115" s="1" t="s">
        <v>44285</v>
      </c>
      <c r="E75115" s="1" t="s">
        <v>250197</v>
      </c>
      <c r="F75115" s="1" t="s">
        <v>250198</v>
      </c>
      <c r="G75115" s="1" t="s">
        <v>250183</v>
      </c>
      <c r="H75115" s="1" t="s">
        <v>250184</v>
      </c>
      <c r="I75115" s="1" t="s">
        <v>247053</v>
      </c>
      <c r="J75115" s="1" t="s">
        <v>250199</v>
      </c>
    </row>
    <row r="75116" spans="1:10" x14ac:dyDescent="0.35">
      <c r="A75116" s="1" t="s">
        <v>29090</v>
      </c>
      <c r="B75116" s="1" t="s">
        <v>247048</v>
      </c>
      <c r="C75116" s="1" t="s">
        <v>40</v>
      </c>
      <c r="D75116" s="1" t="s">
        <v>13214</v>
      </c>
      <c r="E75116" s="1" t="s">
        <v>250200</v>
      </c>
      <c r="F75116" s="1" t="s">
        <v>250201</v>
      </c>
      <c r="G75116" s="1" t="s">
        <v>250183</v>
      </c>
      <c r="H75116" s="1" t="s">
        <v>250184</v>
      </c>
      <c r="I75116" s="1" t="s">
        <v>247053</v>
      </c>
      <c r="J75116" s="1" t="s">
        <v>250202</v>
      </c>
    </row>
    <row r="75117" spans="1:10" x14ac:dyDescent="0.35">
      <c r="A75117" s="1" t="s">
        <v>29090</v>
      </c>
      <c r="B75117" s="1" t="s">
        <v>247048</v>
      </c>
      <c r="C75117" s="1" t="s">
        <v>45</v>
      </c>
      <c r="D75117" s="1" t="s">
        <v>1958</v>
      </c>
      <c r="E75117" s="1" t="s">
        <v>250203</v>
      </c>
      <c r="F75117" s="1" t="s">
        <v>250204</v>
      </c>
      <c r="G75117" s="1" t="s">
        <v>250183</v>
      </c>
      <c r="H75117" s="1" t="s">
        <v>250184</v>
      </c>
      <c r="I75117" s="1" t="s">
        <v>247053</v>
      </c>
      <c r="J75117" s="1" t="s">
        <v>72813</v>
      </c>
    </row>
    <row r="75118" spans="1:10" x14ac:dyDescent="0.35">
      <c r="A75118" s="1" t="s">
        <v>29090</v>
      </c>
      <c r="B75118" s="1" t="s">
        <v>247048</v>
      </c>
      <c r="C75118" s="1" t="s">
        <v>50</v>
      </c>
      <c r="D75118" s="1" t="s">
        <v>13910</v>
      </c>
      <c r="E75118" s="1" t="s">
        <v>250205</v>
      </c>
      <c r="F75118" s="1" t="s">
        <v>250206</v>
      </c>
      <c r="G75118" s="1" t="s">
        <v>250183</v>
      </c>
      <c r="H75118" s="1" t="s">
        <v>250184</v>
      </c>
      <c r="I75118" s="1" t="s">
        <v>247053</v>
      </c>
      <c r="J75118" s="1" t="s">
        <v>250207</v>
      </c>
    </row>
    <row r="75119" spans="1:10" x14ac:dyDescent="0.35">
      <c r="A75119" s="1" t="s">
        <v>29090</v>
      </c>
      <c r="B75119" s="1" t="s">
        <v>247048</v>
      </c>
      <c r="C75119" s="1" t="s">
        <v>55</v>
      </c>
      <c r="D75119" s="1" t="s">
        <v>131720</v>
      </c>
      <c r="E75119" s="1" t="s">
        <v>250208</v>
      </c>
      <c r="F75119" s="1" t="s">
        <v>250209</v>
      </c>
      <c r="G75119" s="1" t="s">
        <v>250183</v>
      </c>
      <c r="H75119" s="1" t="s">
        <v>250184</v>
      </c>
      <c r="I75119" s="1" t="s">
        <v>247053</v>
      </c>
      <c r="J75119" s="1" t="s">
        <v>250210</v>
      </c>
    </row>
    <row r="75120" spans="1:10" x14ac:dyDescent="0.35">
      <c r="A75120" s="1" t="s">
        <v>29090</v>
      </c>
      <c r="B75120" s="1" t="s">
        <v>247048</v>
      </c>
      <c r="C75120" s="1" t="s">
        <v>60</v>
      </c>
      <c r="D75120" s="1" t="s">
        <v>110807</v>
      </c>
      <c r="E75120" s="1" t="s">
        <v>250211</v>
      </c>
      <c r="F75120" s="1" t="s">
        <v>250212</v>
      </c>
      <c r="G75120" s="1" t="s">
        <v>250183</v>
      </c>
      <c r="H75120" s="1" t="s">
        <v>250184</v>
      </c>
      <c r="I75120" s="1" t="s">
        <v>247053</v>
      </c>
      <c r="J75120" s="1" t="s">
        <v>250213</v>
      </c>
    </row>
    <row r="75121" spans="1:10" x14ac:dyDescent="0.35">
      <c r="A75121" s="1" t="s">
        <v>29090</v>
      </c>
      <c r="B75121" s="1" t="s">
        <v>247048</v>
      </c>
      <c r="C75121" s="1" t="s">
        <v>65</v>
      </c>
      <c r="D75121" s="1" t="s">
        <v>9338</v>
      </c>
      <c r="E75121" s="1" t="s">
        <v>250214</v>
      </c>
      <c r="F75121" s="1" t="s">
        <v>250215</v>
      </c>
      <c r="G75121" s="1" t="s">
        <v>250183</v>
      </c>
      <c r="H75121" s="1" t="s">
        <v>250184</v>
      </c>
      <c r="I75121" s="1" t="s">
        <v>247053</v>
      </c>
      <c r="J75121" s="1" t="s">
        <v>250216</v>
      </c>
    </row>
    <row r="75122" spans="1:10" x14ac:dyDescent="0.35">
      <c r="A75122" s="1" t="s">
        <v>29090</v>
      </c>
      <c r="B75122" s="1" t="s">
        <v>247048</v>
      </c>
      <c r="C75122" s="1" t="s">
        <v>70</v>
      </c>
      <c r="D75122" s="1" t="s">
        <v>4325</v>
      </c>
      <c r="E75122" s="1" t="s">
        <v>250217</v>
      </c>
      <c r="F75122" s="1" t="s">
        <v>250218</v>
      </c>
      <c r="G75122" s="1" t="s">
        <v>250183</v>
      </c>
      <c r="H75122" s="1" t="s">
        <v>250184</v>
      </c>
      <c r="I75122" s="1" t="s">
        <v>247053</v>
      </c>
      <c r="J75122" s="1" t="s">
        <v>250219</v>
      </c>
    </row>
    <row r="75123" spans="1:10" x14ac:dyDescent="0.35">
      <c r="A75123" s="1" t="s">
        <v>29090</v>
      </c>
      <c r="B75123" s="1" t="s">
        <v>247048</v>
      </c>
      <c r="C75123" s="1" t="s">
        <v>75</v>
      </c>
      <c r="D75123" s="1" t="s">
        <v>1201</v>
      </c>
      <c r="E75123" s="1" t="s">
        <v>250220</v>
      </c>
      <c r="F75123" s="1" t="s">
        <v>250221</v>
      </c>
      <c r="G75123" s="1" t="s">
        <v>250183</v>
      </c>
      <c r="H75123" s="1" t="s">
        <v>250184</v>
      </c>
      <c r="I75123" s="1" t="s">
        <v>247053</v>
      </c>
      <c r="J75123" s="1" t="s">
        <v>250222</v>
      </c>
    </row>
    <row r="75124" spans="1:10" x14ac:dyDescent="0.35">
      <c r="A75124" s="1" t="s">
        <v>29090</v>
      </c>
      <c r="B75124" s="1" t="s">
        <v>247048</v>
      </c>
      <c r="C75124" s="1" t="s">
        <v>80</v>
      </c>
      <c r="D75124" s="1" t="s">
        <v>3912</v>
      </c>
      <c r="E75124" s="1" t="s">
        <v>250223</v>
      </c>
      <c r="F75124" s="1" t="s">
        <v>250224</v>
      </c>
      <c r="G75124" s="1" t="s">
        <v>250183</v>
      </c>
      <c r="H75124" s="1" t="s">
        <v>250184</v>
      </c>
      <c r="I75124" s="1" t="s">
        <v>247053</v>
      </c>
      <c r="J75124" s="1" t="s">
        <v>250225</v>
      </c>
    </row>
    <row r="75125" spans="1:10" x14ac:dyDescent="0.35">
      <c r="A75125" s="1" t="s">
        <v>29090</v>
      </c>
      <c r="B75125" s="1" t="s">
        <v>247048</v>
      </c>
      <c r="C75125" s="1" t="s">
        <v>85</v>
      </c>
      <c r="D75125" s="1" t="s">
        <v>28751</v>
      </c>
      <c r="E75125" s="1" t="s">
        <v>250226</v>
      </c>
      <c r="F75125" s="1" t="s">
        <v>250227</v>
      </c>
      <c r="G75125" s="1" t="s">
        <v>250183</v>
      </c>
      <c r="H75125" s="1" t="s">
        <v>250184</v>
      </c>
      <c r="I75125" s="1" t="s">
        <v>247053</v>
      </c>
      <c r="J75125" s="1" t="s">
        <v>250228</v>
      </c>
    </row>
    <row r="75126" spans="1:10" x14ac:dyDescent="0.35">
      <c r="A75126" s="1" t="s">
        <v>29090</v>
      </c>
      <c r="B75126" s="1" t="s">
        <v>247048</v>
      </c>
      <c r="C75126" s="1" t="s">
        <v>90</v>
      </c>
      <c r="D75126" s="1" t="s">
        <v>3928</v>
      </c>
      <c r="E75126" s="1" t="s">
        <v>250229</v>
      </c>
      <c r="F75126" s="1" t="s">
        <v>250230</v>
      </c>
      <c r="G75126" s="1" t="s">
        <v>250183</v>
      </c>
      <c r="H75126" s="1" t="s">
        <v>250184</v>
      </c>
      <c r="I75126" s="1" t="s">
        <v>247053</v>
      </c>
      <c r="J75126" s="1" t="s">
        <v>250231</v>
      </c>
    </row>
    <row r="75127" spans="1:10" x14ac:dyDescent="0.35">
      <c r="A75127" s="1" t="s">
        <v>29090</v>
      </c>
      <c r="B75127" s="1" t="s">
        <v>247048</v>
      </c>
      <c r="C75127" s="1" t="s">
        <v>95</v>
      </c>
      <c r="D75127" s="1" t="s">
        <v>119775</v>
      </c>
      <c r="E75127" s="1" t="s">
        <v>250232</v>
      </c>
      <c r="F75127" s="1" t="s">
        <v>250233</v>
      </c>
      <c r="G75127" s="1" t="s">
        <v>250183</v>
      </c>
      <c r="H75127" s="1" t="s">
        <v>250184</v>
      </c>
      <c r="I75127" s="1" t="s">
        <v>247053</v>
      </c>
      <c r="J75127" s="1" t="s">
        <v>250234</v>
      </c>
    </row>
    <row r="75128" spans="1:10" x14ac:dyDescent="0.35">
      <c r="A75128" s="1" t="s">
        <v>29090</v>
      </c>
      <c r="B75128" s="1" t="s">
        <v>247048</v>
      </c>
      <c r="C75128" s="1" t="s">
        <v>100</v>
      </c>
      <c r="D75128" s="1" t="s">
        <v>25538</v>
      </c>
      <c r="E75128" s="1" t="s">
        <v>250235</v>
      </c>
      <c r="F75128" s="1" t="s">
        <v>250236</v>
      </c>
      <c r="G75128" s="1" t="s">
        <v>250183</v>
      </c>
      <c r="H75128" s="1" t="s">
        <v>250184</v>
      </c>
      <c r="I75128" s="1" t="s">
        <v>247053</v>
      </c>
      <c r="J75128" s="1" t="s">
        <v>250237</v>
      </c>
    </row>
    <row r="75129" spans="1:10" x14ac:dyDescent="0.35">
      <c r="A75129" s="1" t="s">
        <v>29090</v>
      </c>
      <c r="B75129" s="1" t="s">
        <v>247048</v>
      </c>
      <c r="C75129" s="1" t="s">
        <v>105</v>
      </c>
      <c r="D75129" s="1" t="s">
        <v>25243</v>
      </c>
      <c r="E75129" s="1" t="s">
        <v>250238</v>
      </c>
      <c r="F75129" s="1" t="s">
        <v>250239</v>
      </c>
      <c r="G75129" s="1" t="s">
        <v>250183</v>
      </c>
      <c r="H75129" s="1" t="s">
        <v>250184</v>
      </c>
      <c r="I75129" s="1" t="s">
        <v>247053</v>
      </c>
      <c r="J75129" s="1" t="s">
        <v>250240</v>
      </c>
    </row>
    <row r="75130" spans="1:10" x14ac:dyDescent="0.35">
      <c r="A75130" s="1" t="s">
        <v>29090</v>
      </c>
      <c r="B75130" s="1" t="s">
        <v>247048</v>
      </c>
      <c r="C75130" s="1" t="s">
        <v>110</v>
      </c>
      <c r="D75130" s="1" t="s">
        <v>161469</v>
      </c>
      <c r="E75130" s="1" t="s">
        <v>250241</v>
      </c>
      <c r="F75130" s="1" t="s">
        <v>250242</v>
      </c>
      <c r="G75130" s="1" t="s">
        <v>250183</v>
      </c>
      <c r="H75130" s="1" t="s">
        <v>250184</v>
      </c>
      <c r="I75130" s="1" t="s">
        <v>247053</v>
      </c>
      <c r="J75130" s="1" t="s">
        <v>250243</v>
      </c>
    </row>
    <row r="75131" spans="1:10" x14ac:dyDescent="0.35">
      <c r="A75131" s="1" t="s">
        <v>29090</v>
      </c>
      <c r="B75131" s="1" t="s">
        <v>247048</v>
      </c>
      <c r="C75131" s="1" t="s">
        <v>115</v>
      </c>
      <c r="D75131" s="1" t="s">
        <v>2039</v>
      </c>
      <c r="E75131" s="1" t="s">
        <v>250244</v>
      </c>
      <c r="F75131" s="1" t="s">
        <v>250245</v>
      </c>
      <c r="G75131" s="1" t="s">
        <v>250183</v>
      </c>
      <c r="H75131" s="1" t="s">
        <v>250184</v>
      </c>
      <c r="I75131" s="1" t="s">
        <v>247053</v>
      </c>
      <c r="J75131" s="1" t="s">
        <v>250246</v>
      </c>
    </row>
    <row r="75132" spans="1:10" x14ac:dyDescent="0.35">
      <c r="A75132" s="1" t="s">
        <v>29090</v>
      </c>
      <c r="B75132" s="1" t="s">
        <v>247048</v>
      </c>
      <c r="C75132" s="1" t="s">
        <v>120</v>
      </c>
      <c r="D75132" s="1" t="s">
        <v>4058</v>
      </c>
      <c r="E75132" s="1" t="s">
        <v>250247</v>
      </c>
      <c r="F75132" s="1" t="s">
        <v>250248</v>
      </c>
      <c r="G75132" s="1" t="s">
        <v>250183</v>
      </c>
      <c r="H75132" s="1" t="s">
        <v>250184</v>
      </c>
      <c r="I75132" s="1" t="s">
        <v>247053</v>
      </c>
      <c r="J75132" s="1" t="s">
        <v>250249</v>
      </c>
    </row>
    <row r="75133" spans="1:10" x14ac:dyDescent="0.35">
      <c r="A75133" s="1" t="s">
        <v>29090</v>
      </c>
      <c r="B75133" s="1" t="s">
        <v>247048</v>
      </c>
      <c r="C75133" s="1" t="s">
        <v>125</v>
      </c>
      <c r="D75133" s="1" t="s">
        <v>144018</v>
      </c>
      <c r="E75133" s="1" t="s">
        <v>250250</v>
      </c>
      <c r="F75133" s="1" t="s">
        <v>250251</v>
      </c>
      <c r="G75133" s="1" t="s">
        <v>250183</v>
      </c>
      <c r="H75133" s="1" t="s">
        <v>250184</v>
      </c>
      <c r="I75133" s="1" t="s">
        <v>247053</v>
      </c>
      <c r="J75133" s="1" t="s">
        <v>250252</v>
      </c>
    </row>
    <row r="75134" spans="1:10" x14ac:dyDescent="0.35">
      <c r="A75134" s="1" t="s">
        <v>29090</v>
      </c>
      <c r="B75134" s="1" t="s">
        <v>247048</v>
      </c>
      <c r="C75134" s="1" t="s">
        <v>130</v>
      </c>
      <c r="D75134" s="1" t="s">
        <v>27867</v>
      </c>
      <c r="E75134" s="1" t="s">
        <v>250253</v>
      </c>
      <c r="F75134" s="1" t="s">
        <v>250254</v>
      </c>
      <c r="G75134" s="1" t="s">
        <v>250183</v>
      </c>
      <c r="H75134" s="1" t="s">
        <v>250184</v>
      </c>
      <c r="I75134" s="1" t="s">
        <v>247053</v>
      </c>
      <c r="J75134" s="1" t="s">
        <v>250255</v>
      </c>
    </row>
    <row r="75135" spans="1:10" x14ac:dyDescent="0.35">
      <c r="A75135" s="1" t="s">
        <v>29090</v>
      </c>
      <c r="B75135" s="1" t="s">
        <v>247048</v>
      </c>
      <c r="C75135" s="1" t="s">
        <v>135</v>
      </c>
      <c r="D75135" s="1" t="s">
        <v>4757</v>
      </c>
      <c r="E75135" s="1" t="s">
        <v>246920</v>
      </c>
      <c r="F75135" s="1" t="s">
        <v>250256</v>
      </c>
      <c r="G75135" s="1" t="s">
        <v>250183</v>
      </c>
      <c r="H75135" s="1" t="s">
        <v>250184</v>
      </c>
      <c r="I75135" s="1" t="s">
        <v>247053</v>
      </c>
      <c r="J75135" s="1" t="s">
        <v>13804</v>
      </c>
    </row>
    <row r="75136" spans="1:10" x14ac:dyDescent="0.35">
      <c r="A75136" s="1" t="s">
        <v>29090</v>
      </c>
      <c r="B75136" s="1" t="s">
        <v>247048</v>
      </c>
      <c r="C75136" s="1" t="s">
        <v>140</v>
      </c>
      <c r="D75136" s="1" t="s">
        <v>111607</v>
      </c>
      <c r="E75136" s="1" t="s">
        <v>250257</v>
      </c>
      <c r="F75136" s="1" t="s">
        <v>250258</v>
      </c>
      <c r="G75136" s="1" t="s">
        <v>250183</v>
      </c>
      <c r="H75136" s="1" t="s">
        <v>250184</v>
      </c>
      <c r="I75136" s="1" t="s">
        <v>247053</v>
      </c>
      <c r="J75136" s="1" t="s">
        <v>250259</v>
      </c>
    </row>
    <row r="75137" spans="1:10" x14ac:dyDescent="0.35">
      <c r="A75137" s="1" t="s">
        <v>29090</v>
      </c>
      <c r="B75137" s="1" t="s">
        <v>247048</v>
      </c>
      <c r="C75137" s="1" t="s">
        <v>145</v>
      </c>
      <c r="D75137" s="1" t="s">
        <v>142732</v>
      </c>
      <c r="E75137" s="1" t="s">
        <v>250260</v>
      </c>
      <c r="F75137" s="1" t="s">
        <v>250261</v>
      </c>
      <c r="G75137" s="1" t="s">
        <v>250183</v>
      </c>
      <c r="H75137" s="1" t="s">
        <v>250184</v>
      </c>
      <c r="I75137" s="1" t="s">
        <v>247053</v>
      </c>
      <c r="J75137" s="1" t="s">
        <v>250262</v>
      </c>
    </row>
    <row r="75138" spans="1:10" x14ac:dyDescent="0.35">
      <c r="A75138" s="1" t="s">
        <v>29090</v>
      </c>
      <c r="B75138" s="1" t="s">
        <v>247048</v>
      </c>
      <c r="C75138" s="1" t="s">
        <v>150</v>
      </c>
      <c r="D75138" s="1" t="s">
        <v>111278</v>
      </c>
      <c r="E75138" s="1" t="s">
        <v>250263</v>
      </c>
      <c r="F75138" s="1" t="s">
        <v>250264</v>
      </c>
      <c r="G75138" s="1" t="s">
        <v>250183</v>
      </c>
      <c r="H75138" s="1" t="s">
        <v>250184</v>
      </c>
      <c r="I75138" s="1" t="s">
        <v>247053</v>
      </c>
      <c r="J75138" s="1" t="s">
        <v>250265</v>
      </c>
    </row>
    <row r="75139" spans="1:10" x14ac:dyDescent="0.35">
      <c r="A75139" s="1" t="s">
        <v>29090</v>
      </c>
      <c r="B75139" s="1" t="s">
        <v>247048</v>
      </c>
      <c r="C75139" s="1" t="s">
        <v>155</v>
      </c>
      <c r="D75139" s="1" t="s">
        <v>119306</v>
      </c>
      <c r="E75139" s="1" t="s">
        <v>250266</v>
      </c>
      <c r="F75139" s="1" t="s">
        <v>250267</v>
      </c>
      <c r="G75139" s="1" t="s">
        <v>250183</v>
      </c>
      <c r="H75139" s="1" t="s">
        <v>250184</v>
      </c>
      <c r="I75139" s="1" t="s">
        <v>247053</v>
      </c>
      <c r="J75139" s="1" t="s">
        <v>250268</v>
      </c>
    </row>
    <row r="75140" spans="1:10" x14ac:dyDescent="0.35">
      <c r="A75140" s="1" t="s">
        <v>29090</v>
      </c>
      <c r="B75140" s="1" t="s">
        <v>247048</v>
      </c>
      <c r="C75140" s="1" t="s">
        <v>160</v>
      </c>
      <c r="D75140" s="1" t="s">
        <v>28292</v>
      </c>
      <c r="E75140" s="1" t="s">
        <v>250269</v>
      </c>
      <c r="F75140" s="1" t="s">
        <v>250270</v>
      </c>
      <c r="G75140" s="1" t="s">
        <v>250183</v>
      </c>
      <c r="H75140" s="1" t="s">
        <v>250184</v>
      </c>
      <c r="I75140" s="1" t="s">
        <v>247053</v>
      </c>
      <c r="J75140" s="1" t="s">
        <v>250271</v>
      </c>
    </row>
    <row r="75141" spans="1:10" x14ac:dyDescent="0.35">
      <c r="A75141" s="1" t="s">
        <v>29090</v>
      </c>
      <c r="B75141" s="1" t="s">
        <v>247048</v>
      </c>
      <c r="C75141" s="1" t="s">
        <v>165</v>
      </c>
      <c r="D75141" s="1" t="s">
        <v>109819</v>
      </c>
      <c r="E75141" s="1" t="s">
        <v>250272</v>
      </c>
      <c r="F75141" s="1" t="s">
        <v>250273</v>
      </c>
      <c r="G75141" s="1" t="s">
        <v>250183</v>
      </c>
      <c r="H75141" s="1" t="s">
        <v>250184</v>
      </c>
      <c r="I75141" s="1" t="s">
        <v>247053</v>
      </c>
      <c r="J75141" s="1" t="s">
        <v>250274</v>
      </c>
    </row>
    <row r="75142" spans="1:10" x14ac:dyDescent="0.35">
      <c r="A75142" s="1" t="s">
        <v>29090</v>
      </c>
      <c r="B75142" s="1" t="s">
        <v>247048</v>
      </c>
      <c r="C75142" s="1" t="s">
        <v>170</v>
      </c>
      <c r="D75142" s="1" t="s">
        <v>30182</v>
      </c>
      <c r="E75142" s="1" t="s">
        <v>250275</v>
      </c>
      <c r="F75142" s="1" t="s">
        <v>250276</v>
      </c>
      <c r="G75142" s="1" t="s">
        <v>250183</v>
      </c>
      <c r="H75142" s="1" t="s">
        <v>250184</v>
      </c>
      <c r="I75142" s="1" t="s">
        <v>247053</v>
      </c>
      <c r="J75142" s="1" t="s">
        <v>250277</v>
      </c>
    </row>
    <row r="75143" spans="1:10" x14ac:dyDescent="0.35">
      <c r="A75143" s="1" t="s">
        <v>29672</v>
      </c>
      <c r="B75143" s="1" t="s">
        <v>247048</v>
      </c>
      <c r="C75143" s="1" t="s">
        <v>8</v>
      </c>
      <c r="D75143" s="1" t="s">
        <v>98652</v>
      </c>
      <c r="E75143" s="1" t="s">
        <v>250278</v>
      </c>
      <c r="F75143" s="1" t="s">
        <v>250279</v>
      </c>
      <c r="G75143" s="1" t="s">
        <v>250280</v>
      </c>
      <c r="H75143" s="1" t="s">
        <v>250281</v>
      </c>
      <c r="I75143" s="1" t="s">
        <v>247053</v>
      </c>
      <c r="J75143" s="1" t="s">
        <v>13</v>
      </c>
    </row>
    <row r="75144" spans="1:10" x14ac:dyDescent="0.35">
      <c r="A75144" s="1" t="s">
        <v>29672</v>
      </c>
      <c r="B75144" s="1" t="s">
        <v>247048</v>
      </c>
      <c r="C75144" s="1" t="s">
        <v>15</v>
      </c>
      <c r="D75144" s="1" t="s">
        <v>144442</v>
      </c>
      <c r="E75144" s="1" t="s">
        <v>250282</v>
      </c>
      <c r="F75144" s="1" t="s">
        <v>250283</v>
      </c>
      <c r="G75144" s="1" t="s">
        <v>250280</v>
      </c>
      <c r="H75144" s="1" t="s">
        <v>250281</v>
      </c>
      <c r="I75144" s="1" t="s">
        <v>247053</v>
      </c>
      <c r="J75144" s="1" t="s">
        <v>250284</v>
      </c>
    </row>
    <row r="75145" spans="1:10" x14ac:dyDescent="0.35">
      <c r="A75145" s="1" t="s">
        <v>29672</v>
      </c>
      <c r="B75145" s="1" t="s">
        <v>247048</v>
      </c>
      <c r="C75145" s="1" t="s">
        <v>20</v>
      </c>
      <c r="D75145" s="1" t="s">
        <v>3561</v>
      </c>
      <c r="E75145" s="1" t="s">
        <v>250285</v>
      </c>
      <c r="F75145" s="1" t="s">
        <v>250286</v>
      </c>
      <c r="G75145" s="1" t="s">
        <v>250280</v>
      </c>
      <c r="H75145" s="1" t="s">
        <v>250281</v>
      </c>
      <c r="I75145" s="1" t="s">
        <v>247053</v>
      </c>
      <c r="J75145" s="1" t="s">
        <v>250287</v>
      </c>
    </row>
    <row r="75146" spans="1:10" x14ac:dyDescent="0.35">
      <c r="A75146" s="1" t="s">
        <v>29672</v>
      </c>
      <c r="B75146" s="1" t="s">
        <v>247048</v>
      </c>
      <c r="C75146" s="1" t="s">
        <v>25</v>
      </c>
      <c r="D75146" s="1" t="s">
        <v>52092</v>
      </c>
      <c r="E75146" s="1" t="s">
        <v>250288</v>
      </c>
      <c r="F75146" s="1" t="s">
        <v>250289</v>
      </c>
      <c r="G75146" s="1" t="s">
        <v>250280</v>
      </c>
      <c r="H75146" s="1" t="s">
        <v>250281</v>
      </c>
      <c r="I75146" s="1" t="s">
        <v>247053</v>
      </c>
      <c r="J75146" s="1" t="s">
        <v>250290</v>
      </c>
    </row>
    <row r="75147" spans="1:10" x14ac:dyDescent="0.35">
      <c r="A75147" s="1" t="s">
        <v>29672</v>
      </c>
      <c r="B75147" s="1" t="s">
        <v>247048</v>
      </c>
      <c r="C75147" s="1" t="s">
        <v>30</v>
      </c>
      <c r="D75147" s="1" t="s">
        <v>105443</v>
      </c>
      <c r="E75147" s="1" t="s">
        <v>250291</v>
      </c>
      <c r="F75147" s="1" t="s">
        <v>250292</v>
      </c>
      <c r="G75147" s="1" t="s">
        <v>250280</v>
      </c>
      <c r="H75147" s="1" t="s">
        <v>250281</v>
      </c>
      <c r="I75147" s="1" t="s">
        <v>247053</v>
      </c>
      <c r="J75147" s="1" t="s">
        <v>250293</v>
      </c>
    </row>
    <row r="75148" spans="1:10" x14ac:dyDescent="0.35">
      <c r="A75148" s="1" t="s">
        <v>29672</v>
      </c>
      <c r="B75148" s="1" t="s">
        <v>247048</v>
      </c>
      <c r="C75148" s="1" t="s">
        <v>35</v>
      </c>
      <c r="D75148" s="1" t="s">
        <v>1154</v>
      </c>
      <c r="E75148" s="1" t="s">
        <v>145381</v>
      </c>
      <c r="F75148" s="1" t="s">
        <v>250294</v>
      </c>
      <c r="G75148" s="1" t="s">
        <v>250280</v>
      </c>
      <c r="H75148" s="1" t="s">
        <v>250281</v>
      </c>
      <c r="I75148" s="1" t="s">
        <v>247053</v>
      </c>
      <c r="J75148" s="1" t="s">
        <v>250295</v>
      </c>
    </row>
    <row r="75149" spans="1:10" x14ac:dyDescent="0.35">
      <c r="A75149" s="1" t="s">
        <v>29672</v>
      </c>
      <c r="B75149" s="1" t="s">
        <v>247048</v>
      </c>
      <c r="C75149" s="1" t="s">
        <v>40</v>
      </c>
      <c r="D75149" s="1" t="s">
        <v>116806</v>
      </c>
      <c r="E75149" s="1" t="s">
        <v>250296</v>
      </c>
      <c r="F75149" s="1" t="s">
        <v>250297</v>
      </c>
      <c r="G75149" s="1" t="s">
        <v>250280</v>
      </c>
      <c r="H75149" s="1" t="s">
        <v>250281</v>
      </c>
      <c r="I75149" s="1" t="s">
        <v>247053</v>
      </c>
      <c r="J75149" s="1" t="s">
        <v>250298</v>
      </c>
    </row>
    <row r="75150" spans="1:10" x14ac:dyDescent="0.35">
      <c r="A75150" s="1" t="s">
        <v>29672</v>
      </c>
      <c r="B75150" s="1" t="s">
        <v>247048</v>
      </c>
      <c r="C75150" s="1" t="s">
        <v>45</v>
      </c>
      <c r="D75150" s="1" t="s">
        <v>6105</v>
      </c>
      <c r="E75150" s="1" t="s">
        <v>250299</v>
      </c>
      <c r="F75150" s="1" t="s">
        <v>250300</v>
      </c>
      <c r="G75150" s="1" t="s">
        <v>250280</v>
      </c>
      <c r="H75150" s="1" t="s">
        <v>250281</v>
      </c>
      <c r="I75150" s="1" t="s">
        <v>247053</v>
      </c>
      <c r="J75150" s="1" t="s">
        <v>250301</v>
      </c>
    </row>
    <row r="75151" spans="1:10" x14ac:dyDescent="0.35">
      <c r="A75151" s="1" t="s">
        <v>29672</v>
      </c>
      <c r="B75151" s="1" t="s">
        <v>247048</v>
      </c>
      <c r="C75151" s="1" t="s">
        <v>50</v>
      </c>
      <c r="D75151" s="1" t="s">
        <v>13218</v>
      </c>
      <c r="E75151" s="1" t="s">
        <v>250302</v>
      </c>
      <c r="F75151" s="1" t="s">
        <v>250303</v>
      </c>
      <c r="G75151" s="1" t="s">
        <v>250280</v>
      </c>
      <c r="H75151" s="1" t="s">
        <v>250281</v>
      </c>
      <c r="I75151" s="1" t="s">
        <v>247053</v>
      </c>
      <c r="J75151" s="1" t="s">
        <v>250304</v>
      </c>
    </row>
    <row r="75152" spans="1:10" x14ac:dyDescent="0.35">
      <c r="A75152" s="1" t="s">
        <v>29672</v>
      </c>
      <c r="B75152" s="1" t="s">
        <v>247048</v>
      </c>
      <c r="C75152" s="1" t="s">
        <v>55</v>
      </c>
      <c r="D75152" s="1" t="s">
        <v>28488</v>
      </c>
      <c r="E75152" s="1" t="s">
        <v>250305</v>
      </c>
      <c r="F75152" s="1" t="s">
        <v>250306</v>
      </c>
      <c r="G75152" s="1" t="s">
        <v>250280</v>
      </c>
      <c r="H75152" s="1" t="s">
        <v>250281</v>
      </c>
      <c r="I75152" s="1" t="s">
        <v>247053</v>
      </c>
      <c r="J75152" s="1" t="s">
        <v>250307</v>
      </c>
    </row>
    <row r="75153" spans="1:10" x14ac:dyDescent="0.35">
      <c r="A75153" s="1" t="s">
        <v>29672</v>
      </c>
      <c r="B75153" s="1" t="s">
        <v>247048</v>
      </c>
      <c r="C75153" s="1" t="s">
        <v>60</v>
      </c>
      <c r="D75153" s="1" t="s">
        <v>1958</v>
      </c>
      <c r="E75153" s="1" t="s">
        <v>250308</v>
      </c>
      <c r="F75153" s="1" t="s">
        <v>250309</v>
      </c>
      <c r="G75153" s="1" t="s">
        <v>250280</v>
      </c>
      <c r="H75153" s="1" t="s">
        <v>250281</v>
      </c>
      <c r="I75153" s="1" t="s">
        <v>247053</v>
      </c>
      <c r="J75153" s="1" t="s">
        <v>250310</v>
      </c>
    </row>
    <row r="75154" spans="1:10" x14ac:dyDescent="0.35">
      <c r="A75154" s="1" t="s">
        <v>29672</v>
      </c>
      <c r="B75154" s="1" t="s">
        <v>247048</v>
      </c>
      <c r="C75154" s="1" t="s">
        <v>65</v>
      </c>
      <c r="D75154" s="1" t="s">
        <v>47185</v>
      </c>
      <c r="E75154" s="1" t="s">
        <v>250311</v>
      </c>
      <c r="F75154" s="1" t="s">
        <v>250312</v>
      </c>
      <c r="G75154" s="1" t="s">
        <v>250280</v>
      </c>
      <c r="H75154" s="1" t="s">
        <v>250281</v>
      </c>
      <c r="I75154" s="1" t="s">
        <v>247053</v>
      </c>
      <c r="J75154" s="1" t="s">
        <v>217797</v>
      </c>
    </row>
    <row r="75155" spans="1:10" x14ac:dyDescent="0.35">
      <c r="A75155" s="1" t="s">
        <v>29672</v>
      </c>
      <c r="B75155" s="1" t="s">
        <v>247048</v>
      </c>
      <c r="C75155" s="1" t="s">
        <v>70</v>
      </c>
      <c r="D75155" s="1" t="s">
        <v>141073</v>
      </c>
      <c r="E75155" s="1" t="s">
        <v>250313</v>
      </c>
      <c r="F75155" s="1" t="s">
        <v>250314</v>
      </c>
      <c r="G75155" s="1" t="s">
        <v>250280</v>
      </c>
      <c r="H75155" s="1" t="s">
        <v>250281</v>
      </c>
      <c r="I75155" s="1" t="s">
        <v>247053</v>
      </c>
      <c r="J75155" s="1" t="s">
        <v>250315</v>
      </c>
    </row>
    <row r="75156" spans="1:10" x14ac:dyDescent="0.35">
      <c r="A75156" s="1" t="s">
        <v>29672</v>
      </c>
      <c r="B75156" s="1" t="s">
        <v>247048</v>
      </c>
      <c r="C75156" s="1" t="s">
        <v>75</v>
      </c>
      <c r="D75156" s="1" t="s">
        <v>28735</v>
      </c>
      <c r="E75156" s="1" t="s">
        <v>250316</v>
      </c>
      <c r="F75156" s="1" t="s">
        <v>250317</v>
      </c>
      <c r="G75156" s="1" t="s">
        <v>250280</v>
      </c>
      <c r="H75156" s="1" t="s">
        <v>250281</v>
      </c>
      <c r="I75156" s="1" t="s">
        <v>247053</v>
      </c>
      <c r="J75156" s="1" t="s">
        <v>250318</v>
      </c>
    </row>
    <row r="75157" spans="1:10" x14ac:dyDescent="0.35">
      <c r="A75157" s="1" t="s">
        <v>29672</v>
      </c>
      <c r="B75157" s="1" t="s">
        <v>247048</v>
      </c>
      <c r="C75157" s="1" t="s">
        <v>80</v>
      </c>
      <c r="D75157" s="1" t="s">
        <v>13866</v>
      </c>
      <c r="E75157" s="1" t="s">
        <v>250319</v>
      </c>
      <c r="F75157" s="1" t="s">
        <v>250320</v>
      </c>
      <c r="G75157" s="1" t="s">
        <v>250280</v>
      </c>
      <c r="H75157" s="1" t="s">
        <v>250281</v>
      </c>
      <c r="I75157" s="1" t="s">
        <v>247053</v>
      </c>
      <c r="J75157" s="1" t="s">
        <v>250321</v>
      </c>
    </row>
    <row r="75158" spans="1:10" x14ac:dyDescent="0.35">
      <c r="A75158" s="1" t="s">
        <v>29672</v>
      </c>
      <c r="B75158" s="1" t="s">
        <v>247048</v>
      </c>
      <c r="C75158" s="1" t="s">
        <v>85</v>
      </c>
      <c r="D75158" s="1" t="s">
        <v>30</v>
      </c>
      <c r="E75158" s="1" t="s">
        <v>250322</v>
      </c>
      <c r="F75158" s="1" t="s">
        <v>250323</v>
      </c>
      <c r="G75158" s="1" t="s">
        <v>250280</v>
      </c>
      <c r="H75158" s="1" t="s">
        <v>250281</v>
      </c>
      <c r="I75158" s="1" t="s">
        <v>247053</v>
      </c>
      <c r="J75158" s="1" t="s">
        <v>250324</v>
      </c>
    </row>
    <row r="75159" spans="1:10" x14ac:dyDescent="0.35">
      <c r="A75159" s="1" t="s">
        <v>29672</v>
      </c>
      <c r="B75159" s="1" t="s">
        <v>247048</v>
      </c>
      <c r="C75159" s="1" t="s">
        <v>90</v>
      </c>
      <c r="D75159" s="1" t="s">
        <v>28069</v>
      </c>
      <c r="E75159" s="1" t="s">
        <v>250325</v>
      </c>
      <c r="F75159" s="1" t="s">
        <v>250326</v>
      </c>
      <c r="G75159" s="1" t="s">
        <v>250280</v>
      </c>
      <c r="H75159" s="1" t="s">
        <v>250281</v>
      </c>
      <c r="I75159" s="1" t="s">
        <v>247053</v>
      </c>
      <c r="J75159" s="1" t="s">
        <v>250327</v>
      </c>
    </row>
    <row r="75160" spans="1:10" x14ac:dyDescent="0.35">
      <c r="A75160" s="1" t="s">
        <v>29672</v>
      </c>
      <c r="B75160" s="1" t="s">
        <v>247048</v>
      </c>
      <c r="C75160" s="1" t="s">
        <v>95</v>
      </c>
      <c r="D75160" s="1" t="s">
        <v>8054</v>
      </c>
      <c r="E75160" s="1" t="s">
        <v>250328</v>
      </c>
      <c r="F75160" s="1" t="s">
        <v>250329</v>
      </c>
      <c r="G75160" s="1" t="s">
        <v>250280</v>
      </c>
      <c r="H75160" s="1" t="s">
        <v>250281</v>
      </c>
      <c r="I75160" s="1" t="s">
        <v>247053</v>
      </c>
      <c r="J75160" s="1" t="s">
        <v>250330</v>
      </c>
    </row>
    <row r="75161" spans="1:10" x14ac:dyDescent="0.35">
      <c r="A75161" s="1" t="s">
        <v>29672</v>
      </c>
      <c r="B75161" s="1" t="s">
        <v>247048</v>
      </c>
      <c r="C75161" s="1" t="s">
        <v>100</v>
      </c>
      <c r="D75161" s="1" t="s">
        <v>111600</v>
      </c>
      <c r="E75161" s="1" t="s">
        <v>250331</v>
      </c>
      <c r="F75161" s="1" t="s">
        <v>250332</v>
      </c>
      <c r="G75161" s="1" t="s">
        <v>250280</v>
      </c>
      <c r="H75161" s="1" t="s">
        <v>250281</v>
      </c>
      <c r="I75161" s="1" t="s">
        <v>247053</v>
      </c>
      <c r="J75161" s="1" t="s">
        <v>250333</v>
      </c>
    </row>
    <row r="75162" spans="1:10" x14ac:dyDescent="0.35">
      <c r="A75162" s="1" t="s">
        <v>29672</v>
      </c>
      <c r="B75162" s="1" t="s">
        <v>247048</v>
      </c>
      <c r="C75162" s="1" t="s">
        <v>105</v>
      </c>
      <c r="D75162" s="1" t="s">
        <v>121864</v>
      </c>
      <c r="E75162" s="1" t="s">
        <v>250334</v>
      </c>
      <c r="F75162" s="1" t="s">
        <v>250335</v>
      </c>
      <c r="G75162" s="1" t="s">
        <v>250280</v>
      </c>
      <c r="H75162" s="1" t="s">
        <v>250281</v>
      </c>
      <c r="I75162" s="1" t="s">
        <v>247053</v>
      </c>
      <c r="J75162" s="1" t="s">
        <v>250336</v>
      </c>
    </row>
    <row r="75163" spans="1:10" x14ac:dyDescent="0.35">
      <c r="A75163" s="1" t="s">
        <v>29672</v>
      </c>
      <c r="B75163" s="1" t="s">
        <v>247048</v>
      </c>
      <c r="C75163" s="1" t="s">
        <v>110</v>
      </c>
      <c r="D75163" s="1" t="s">
        <v>10126</v>
      </c>
      <c r="E75163" s="1" t="s">
        <v>250337</v>
      </c>
      <c r="F75163" s="1" t="s">
        <v>250338</v>
      </c>
      <c r="G75163" s="1" t="s">
        <v>250280</v>
      </c>
      <c r="H75163" s="1" t="s">
        <v>250281</v>
      </c>
      <c r="I75163" s="1" t="s">
        <v>247053</v>
      </c>
      <c r="J75163" s="1" t="s">
        <v>250339</v>
      </c>
    </row>
    <row r="75164" spans="1:10" x14ac:dyDescent="0.35">
      <c r="A75164" s="1" t="s">
        <v>29672</v>
      </c>
      <c r="B75164" s="1" t="s">
        <v>247048</v>
      </c>
      <c r="C75164" s="1" t="s">
        <v>115</v>
      </c>
      <c r="D75164" s="1" t="s">
        <v>8107</v>
      </c>
      <c r="E75164" s="1" t="s">
        <v>250340</v>
      </c>
      <c r="F75164" s="1" t="s">
        <v>250341</v>
      </c>
      <c r="G75164" s="1" t="s">
        <v>250280</v>
      </c>
      <c r="H75164" s="1" t="s">
        <v>250281</v>
      </c>
      <c r="I75164" s="1" t="s">
        <v>247053</v>
      </c>
      <c r="J75164" s="1" t="s">
        <v>250342</v>
      </c>
    </row>
    <row r="75165" spans="1:10" x14ac:dyDescent="0.35">
      <c r="A75165" s="1" t="s">
        <v>29672</v>
      </c>
      <c r="B75165" s="1" t="s">
        <v>247048</v>
      </c>
      <c r="C75165" s="1" t="s">
        <v>120</v>
      </c>
      <c r="D75165" s="1" t="s">
        <v>110854</v>
      </c>
      <c r="E75165" s="1" t="s">
        <v>250343</v>
      </c>
      <c r="F75165" s="1" t="s">
        <v>250344</v>
      </c>
      <c r="G75165" s="1" t="s">
        <v>250280</v>
      </c>
      <c r="H75165" s="1" t="s">
        <v>250281</v>
      </c>
      <c r="I75165" s="1" t="s">
        <v>247053</v>
      </c>
      <c r="J75165" s="1" t="s">
        <v>250345</v>
      </c>
    </row>
    <row r="75166" spans="1:10" x14ac:dyDescent="0.35">
      <c r="A75166" s="1" t="s">
        <v>29672</v>
      </c>
      <c r="B75166" s="1" t="s">
        <v>247048</v>
      </c>
      <c r="C75166" s="1" t="s">
        <v>125</v>
      </c>
      <c r="D75166" s="1" t="s">
        <v>202398</v>
      </c>
      <c r="E75166" s="1" t="s">
        <v>250346</v>
      </c>
      <c r="F75166" s="1" t="s">
        <v>250347</v>
      </c>
      <c r="G75166" s="1" t="s">
        <v>250280</v>
      </c>
      <c r="H75166" s="1" t="s">
        <v>250281</v>
      </c>
      <c r="I75166" s="1" t="s">
        <v>247053</v>
      </c>
      <c r="J75166" s="1" t="s">
        <v>250348</v>
      </c>
    </row>
    <row r="75167" spans="1:10" x14ac:dyDescent="0.35">
      <c r="A75167" s="1" t="s">
        <v>29672</v>
      </c>
      <c r="B75167" s="1" t="s">
        <v>247048</v>
      </c>
      <c r="C75167" s="1" t="s">
        <v>130</v>
      </c>
      <c r="D75167" s="1" t="s">
        <v>29108</v>
      </c>
      <c r="E75167" s="1" t="s">
        <v>250349</v>
      </c>
      <c r="F75167" s="1" t="s">
        <v>250350</v>
      </c>
      <c r="G75167" s="1" t="s">
        <v>250280</v>
      </c>
      <c r="H75167" s="1" t="s">
        <v>250281</v>
      </c>
      <c r="I75167" s="1" t="s">
        <v>247053</v>
      </c>
      <c r="J75167" s="1" t="s">
        <v>250351</v>
      </c>
    </row>
    <row r="75168" spans="1:10" x14ac:dyDescent="0.35">
      <c r="A75168" s="1" t="s">
        <v>29672</v>
      </c>
      <c r="B75168" s="1" t="s">
        <v>247048</v>
      </c>
      <c r="C75168" s="1" t="s">
        <v>135</v>
      </c>
      <c r="D75168" s="1" t="s">
        <v>144803</v>
      </c>
      <c r="E75168" s="1" t="s">
        <v>250352</v>
      </c>
      <c r="F75168" s="1" t="s">
        <v>250353</v>
      </c>
      <c r="G75168" s="1" t="s">
        <v>250280</v>
      </c>
      <c r="H75168" s="1" t="s">
        <v>250281</v>
      </c>
      <c r="I75168" s="1" t="s">
        <v>247053</v>
      </c>
      <c r="J75168" s="1" t="s">
        <v>250354</v>
      </c>
    </row>
    <row r="75169" spans="1:10" x14ac:dyDescent="0.35">
      <c r="A75169" s="1" t="s">
        <v>29672</v>
      </c>
      <c r="B75169" s="1" t="s">
        <v>247048</v>
      </c>
      <c r="C75169" s="1" t="s">
        <v>140</v>
      </c>
      <c r="D75169" s="1" t="s">
        <v>1419</v>
      </c>
      <c r="E75169" s="1" t="s">
        <v>250355</v>
      </c>
      <c r="F75169" s="1" t="s">
        <v>250356</v>
      </c>
      <c r="G75169" s="1" t="s">
        <v>250280</v>
      </c>
      <c r="H75169" s="1" t="s">
        <v>250281</v>
      </c>
      <c r="I75169" s="1" t="s">
        <v>247053</v>
      </c>
      <c r="J75169" s="1" t="s">
        <v>250357</v>
      </c>
    </row>
    <row r="75170" spans="1:10" x14ac:dyDescent="0.35">
      <c r="A75170" s="1" t="s">
        <v>29672</v>
      </c>
      <c r="B75170" s="1" t="s">
        <v>247048</v>
      </c>
      <c r="C75170" s="1" t="s">
        <v>145</v>
      </c>
      <c r="D75170" s="1" t="s">
        <v>73722</v>
      </c>
      <c r="E75170" s="1" t="s">
        <v>250358</v>
      </c>
      <c r="F75170" s="1" t="s">
        <v>250359</v>
      </c>
      <c r="G75170" s="1" t="s">
        <v>250280</v>
      </c>
      <c r="H75170" s="1" t="s">
        <v>250281</v>
      </c>
      <c r="I75170" s="1" t="s">
        <v>247053</v>
      </c>
      <c r="J75170" s="1" t="s">
        <v>250360</v>
      </c>
    </row>
    <row r="75171" spans="1:10" x14ac:dyDescent="0.35">
      <c r="A75171" s="1" t="s">
        <v>29672</v>
      </c>
      <c r="B75171" s="1" t="s">
        <v>247048</v>
      </c>
      <c r="C75171" s="1" t="s">
        <v>150</v>
      </c>
      <c r="D75171" s="1" t="s">
        <v>15356</v>
      </c>
      <c r="E75171" s="1" t="s">
        <v>250361</v>
      </c>
      <c r="F75171" s="1" t="s">
        <v>250362</v>
      </c>
      <c r="G75171" s="1" t="s">
        <v>250280</v>
      </c>
      <c r="H75171" s="1" t="s">
        <v>250281</v>
      </c>
      <c r="I75171" s="1" t="s">
        <v>247053</v>
      </c>
      <c r="J75171" s="1" t="s">
        <v>250363</v>
      </c>
    </row>
    <row r="75172" spans="1:10" x14ac:dyDescent="0.35">
      <c r="A75172" s="1" t="s">
        <v>29672</v>
      </c>
      <c r="B75172" s="1" t="s">
        <v>247048</v>
      </c>
      <c r="C75172" s="1" t="s">
        <v>155</v>
      </c>
      <c r="D75172" s="1" t="s">
        <v>10865</v>
      </c>
      <c r="E75172" s="1" t="s">
        <v>250364</v>
      </c>
      <c r="F75172" s="1" t="s">
        <v>250365</v>
      </c>
      <c r="G75172" s="1" t="s">
        <v>250280</v>
      </c>
      <c r="H75172" s="1" t="s">
        <v>250281</v>
      </c>
      <c r="I75172" s="1" t="s">
        <v>247053</v>
      </c>
      <c r="J75172" s="1" t="s">
        <v>250366</v>
      </c>
    </row>
    <row r="75173" spans="1:10" x14ac:dyDescent="0.35">
      <c r="A75173" s="1" t="s">
        <v>29672</v>
      </c>
      <c r="B75173" s="1" t="s">
        <v>247048</v>
      </c>
      <c r="C75173" s="1" t="s">
        <v>160</v>
      </c>
      <c r="D75173" s="1" t="s">
        <v>49143</v>
      </c>
      <c r="E75173" s="1" t="s">
        <v>250367</v>
      </c>
      <c r="F75173" s="1" t="s">
        <v>250368</v>
      </c>
      <c r="G75173" s="1" t="s">
        <v>250280</v>
      </c>
      <c r="H75173" s="1" t="s">
        <v>250281</v>
      </c>
      <c r="I75173" s="1" t="s">
        <v>247053</v>
      </c>
      <c r="J75173" s="1" t="s">
        <v>250369</v>
      </c>
    </row>
    <row r="75174" spans="1:10" x14ac:dyDescent="0.35">
      <c r="A75174" s="1" t="s">
        <v>29672</v>
      </c>
      <c r="B75174" s="1" t="s">
        <v>247048</v>
      </c>
      <c r="C75174" s="1" t="s">
        <v>165</v>
      </c>
      <c r="D75174" s="1" t="s">
        <v>35690</v>
      </c>
      <c r="E75174" s="1" t="s">
        <v>250370</v>
      </c>
      <c r="F75174" s="1" t="s">
        <v>250371</v>
      </c>
      <c r="G75174" s="1" t="s">
        <v>250280</v>
      </c>
      <c r="H75174" s="1" t="s">
        <v>250281</v>
      </c>
      <c r="I75174" s="1" t="s">
        <v>247053</v>
      </c>
      <c r="J75174" s="1" t="s">
        <v>250372</v>
      </c>
    </row>
    <row r="75175" spans="1:10" x14ac:dyDescent="0.35">
      <c r="A75175" s="1" t="s">
        <v>29672</v>
      </c>
      <c r="B75175" s="1" t="s">
        <v>247048</v>
      </c>
      <c r="C75175" s="1" t="s">
        <v>170</v>
      </c>
      <c r="D75175" s="1" t="s">
        <v>250373</v>
      </c>
      <c r="E75175" s="1" t="s">
        <v>250374</v>
      </c>
      <c r="F75175" s="1" t="s">
        <v>250375</v>
      </c>
      <c r="G75175" s="1" t="s">
        <v>250280</v>
      </c>
      <c r="H75175" s="1" t="s">
        <v>250281</v>
      </c>
      <c r="I75175" s="1" t="s">
        <v>247053</v>
      </c>
      <c r="J75175" s="1" t="s">
        <v>250376</v>
      </c>
    </row>
    <row r="75176" spans="1:10" x14ac:dyDescent="0.35">
      <c r="A75176" s="1" t="s">
        <v>250377</v>
      </c>
      <c r="B75176" s="1" t="s">
        <v>250378</v>
      </c>
      <c r="C75176" s="1" t="s">
        <v>8</v>
      </c>
      <c r="D75176" s="1" t="s">
        <v>45504</v>
      </c>
      <c r="E75176" s="1" t="s">
        <v>250379</v>
      </c>
      <c r="F75176" s="1" t="s">
        <v>250380</v>
      </c>
      <c r="G75176" s="1" t="s">
        <v>250381</v>
      </c>
      <c r="H75176" s="1" t="s">
        <v>250382</v>
      </c>
      <c r="I75176" s="1" t="s">
        <v>250383</v>
      </c>
      <c r="J75176" s="1" t="s">
        <v>13</v>
      </c>
    </row>
    <row r="75177" spans="1:10" x14ac:dyDescent="0.35">
      <c r="A75177" s="1" t="s">
        <v>250377</v>
      </c>
      <c r="B75177" s="1" t="s">
        <v>250378</v>
      </c>
      <c r="C75177" s="1" t="s">
        <v>15</v>
      </c>
      <c r="D75177" s="1" t="s">
        <v>72773</v>
      </c>
      <c r="E75177" s="1" t="s">
        <v>250384</v>
      </c>
      <c r="F75177" s="1" t="s">
        <v>250385</v>
      </c>
      <c r="G75177" s="1" t="s">
        <v>250381</v>
      </c>
      <c r="H75177" s="1" t="s">
        <v>250382</v>
      </c>
      <c r="I75177" s="1" t="s">
        <v>250383</v>
      </c>
      <c r="J75177" s="1" t="s">
        <v>250386</v>
      </c>
    </row>
    <row r="75178" spans="1:10" x14ac:dyDescent="0.35">
      <c r="A75178" s="1" t="s">
        <v>250377</v>
      </c>
      <c r="B75178" s="1" t="s">
        <v>250378</v>
      </c>
      <c r="C75178" s="1" t="s">
        <v>20</v>
      </c>
      <c r="D75178" s="1" t="s">
        <v>2283</v>
      </c>
      <c r="E75178" s="1" t="s">
        <v>250387</v>
      </c>
      <c r="F75178" s="1" t="s">
        <v>250388</v>
      </c>
      <c r="G75178" s="1" t="s">
        <v>250381</v>
      </c>
      <c r="H75178" s="1" t="s">
        <v>250382</v>
      </c>
      <c r="I75178" s="1" t="s">
        <v>250383</v>
      </c>
      <c r="J75178" s="1" t="s">
        <v>250389</v>
      </c>
    </row>
    <row r="75179" spans="1:10" x14ac:dyDescent="0.35">
      <c r="A75179" s="1" t="s">
        <v>250377</v>
      </c>
      <c r="B75179" s="1" t="s">
        <v>250378</v>
      </c>
      <c r="C75179" s="1" t="s">
        <v>25</v>
      </c>
      <c r="D75179" s="1" t="s">
        <v>159738</v>
      </c>
      <c r="E75179" s="1" t="s">
        <v>250390</v>
      </c>
      <c r="F75179" s="1" t="s">
        <v>250391</v>
      </c>
      <c r="G75179" s="1" t="s">
        <v>250381</v>
      </c>
      <c r="H75179" s="1" t="s">
        <v>250382</v>
      </c>
      <c r="I75179" s="1" t="s">
        <v>250383</v>
      </c>
      <c r="J75179" s="1" t="s">
        <v>250392</v>
      </c>
    </row>
    <row r="75180" spans="1:10" x14ac:dyDescent="0.35">
      <c r="A75180" s="1" t="s">
        <v>250377</v>
      </c>
      <c r="B75180" s="1" t="s">
        <v>250378</v>
      </c>
      <c r="C75180" s="1" t="s">
        <v>30</v>
      </c>
      <c r="D75180" s="1" t="s">
        <v>35247</v>
      </c>
      <c r="E75180" s="1" t="s">
        <v>250393</v>
      </c>
      <c r="F75180" s="1" t="s">
        <v>250394</v>
      </c>
      <c r="G75180" s="1" t="s">
        <v>250381</v>
      </c>
      <c r="H75180" s="1" t="s">
        <v>250382</v>
      </c>
      <c r="I75180" s="1" t="s">
        <v>250383</v>
      </c>
      <c r="J75180" s="1" t="s">
        <v>250395</v>
      </c>
    </row>
    <row r="75181" spans="1:10" x14ac:dyDescent="0.35">
      <c r="A75181" s="1" t="s">
        <v>250377</v>
      </c>
      <c r="B75181" s="1" t="s">
        <v>250378</v>
      </c>
      <c r="C75181" s="1" t="s">
        <v>35</v>
      </c>
      <c r="D75181" s="1" t="s">
        <v>51521</v>
      </c>
      <c r="E75181" s="1" t="s">
        <v>250396</v>
      </c>
      <c r="F75181" s="1" t="s">
        <v>250397</v>
      </c>
      <c r="G75181" s="1" t="s">
        <v>250381</v>
      </c>
      <c r="H75181" s="1" t="s">
        <v>250382</v>
      </c>
      <c r="I75181" s="1" t="s">
        <v>250383</v>
      </c>
      <c r="J75181" s="1" t="s">
        <v>250398</v>
      </c>
    </row>
    <row r="75182" spans="1:10" x14ac:dyDescent="0.35">
      <c r="A75182" s="1" t="s">
        <v>250377</v>
      </c>
      <c r="B75182" s="1" t="s">
        <v>250378</v>
      </c>
      <c r="C75182" s="1" t="s">
        <v>40</v>
      </c>
      <c r="D75182" s="1" t="s">
        <v>250399</v>
      </c>
      <c r="E75182" s="1" t="s">
        <v>250400</v>
      </c>
      <c r="F75182" s="1" t="s">
        <v>250401</v>
      </c>
      <c r="G75182" s="1" t="s">
        <v>250381</v>
      </c>
      <c r="H75182" s="1" t="s">
        <v>250382</v>
      </c>
      <c r="I75182" s="1" t="s">
        <v>250383</v>
      </c>
      <c r="J75182" s="1" t="s">
        <v>250402</v>
      </c>
    </row>
    <row r="75183" spans="1:10" x14ac:dyDescent="0.35">
      <c r="A75183" s="1" t="s">
        <v>250377</v>
      </c>
      <c r="B75183" s="1" t="s">
        <v>250378</v>
      </c>
      <c r="C75183" s="1" t="s">
        <v>45</v>
      </c>
      <c r="D75183" s="1" t="s">
        <v>188197</v>
      </c>
      <c r="E75183" s="1" t="s">
        <v>250403</v>
      </c>
      <c r="F75183" s="1" t="s">
        <v>250404</v>
      </c>
      <c r="G75183" s="1" t="s">
        <v>250381</v>
      </c>
      <c r="H75183" s="1" t="s">
        <v>250382</v>
      </c>
      <c r="I75183" s="1" t="s">
        <v>250383</v>
      </c>
      <c r="J75183" s="1" t="s">
        <v>250405</v>
      </c>
    </row>
    <row r="75184" spans="1:10" x14ac:dyDescent="0.35">
      <c r="A75184" s="1" t="s">
        <v>250377</v>
      </c>
      <c r="B75184" s="1" t="s">
        <v>250378</v>
      </c>
      <c r="C75184" s="1" t="s">
        <v>50</v>
      </c>
      <c r="D75184" s="1" t="s">
        <v>37340</v>
      </c>
      <c r="E75184" s="1" t="s">
        <v>250406</v>
      </c>
      <c r="F75184" s="1" t="s">
        <v>250407</v>
      </c>
      <c r="G75184" s="1" t="s">
        <v>250381</v>
      </c>
      <c r="H75184" s="1" t="s">
        <v>250382</v>
      </c>
      <c r="I75184" s="1" t="s">
        <v>250383</v>
      </c>
      <c r="J75184" s="1" t="s">
        <v>250408</v>
      </c>
    </row>
    <row r="75185" spans="1:10" x14ac:dyDescent="0.35">
      <c r="A75185" s="1" t="s">
        <v>250377</v>
      </c>
      <c r="B75185" s="1" t="s">
        <v>250378</v>
      </c>
      <c r="C75185" s="1" t="s">
        <v>55</v>
      </c>
      <c r="D75185" s="1" t="s">
        <v>250409</v>
      </c>
      <c r="E75185" s="1" t="s">
        <v>250410</v>
      </c>
      <c r="F75185" s="1" t="s">
        <v>250411</v>
      </c>
      <c r="G75185" s="1" t="s">
        <v>250381</v>
      </c>
      <c r="H75185" s="1" t="s">
        <v>250382</v>
      </c>
      <c r="I75185" s="1" t="s">
        <v>250383</v>
      </c>
      <c r="J75185" s="1" t="s">
        <v>250412</v>
      </c>
    </row>
    <row r="75186" spans="1:10" x14ac:dyDescent="0.35">
      <c r="A75186" s="1" t="s">
        <v>250377</v>
      </c>
      <c r="B75186" s="1" t="s">
        <v>250378</v>
      </c>
      <c r="C75186" s="1" t="s">
        <v>60</v>
      </c>
      <c r="D75186" s="1" t="s">
        <v>168284</v>
      </c>
      <c r="E75186" s="1" t="s">
        <v>250413</v>
      </c>
      <c r="F75186" s="1" t="s">
        <v>250414</v>
      </c>
      <c r="G75186" s="1" t="s">
        <v>250381</v>
      </c>
      <c r="H75186" s="1" t="s">
        <v>250382</v>
      </c>
      <c r="I75186" s="1" t="s">
        <v>250383</v>
      </c>
      <c r="J75186" s="1" t="s">
        <v>250415</v>
      </c>
    </row>
    <row r="75187" spans="1:10" x14ac:dyDescent="0.35">
      <c r="A75187" s="1" t="s">
        <v>250377</v>
      </c>
      <c r="B75187" s="1" t="s">
        <v>250378</v>
      </c>
      <c r="C75187" s="1" t="s">
        <v>65</v>
      </c>
      <c r="D75187" s="1" t="s">
        <v>6697</v>
      </c>
      <c r="E75187" s="1" t="s">
        <v>250416</v>
      </c>
      <c r="F75187" s="1" t="s">
        <v>250417</v>
      </c>
      <c r="G75187" s="1" t="s">
        <v>250381</v>
      </c>
      <c r="H75187" s="1" t="s">
        <v>250382</v>
      </c>
      <c r="I75187" s="1" t="s">
        <v>250383</v>
      </c>
      <c r="J75187" s="1" t="s">
        <v>250418</v>
      </c>
    </row>
    <row r="75188" spans="1:10" x14ac:dyDescent="0.35">
      <c r="A75188" s="1" t="s">
        <v>250377</v>
      </c>
      <c r="B75188" s="1" t="s">
        <v>250378</v>
      </c>
      <c r="C75188" s="1" t="s">
        <v>70</v>
      </c>
      <c r="D75188" s="1" t="s">
        <v>50170</v>
      </c>
      <c r="E75188" s="1" t="s">
        <v>250419</v>
      </c>
      <c r="F75188" s="1" t="s">
        <v>250420</v>
      </c>
      <c r="G75188" s="1" t="s">
        <v>250381</v>
      </c>
      <c r="H75188" s="1" t="s">
        <v>250382</v>
      </c>
      <c r="I75188" s="1" t="s">
        <v>250383</v>
      </c>
      <c r="J75188" s="1" t="s">
        <v>250421</v>
      </c>
    </row>
    <row r="75189" spans="1:10" x14ac:dyDescent="0.35">
      <c r="A75189" s="1" t="s">
        <v>250377</v>
      </c>
      <c r="B75189" s="1" t="s">
        <v>250378</v>
      </c>
      <c r="C75189" s="1" t="s">
        <v>75</v>
      </c>
      <c r="D75189" s="1" t="s">
        <v>169468</v>
      </c>
      <c r="E75189" s="1" t="s">
        <v>250422</v>
      </c>
      <c r="F75189" s="1" t="s">
        <v>250423</v>
      </c>
      <c r="G75189" s="1" t="s">
        <v>250381</v>
      </c>
      <c r="H75189" s="1" t="s">
        <v>250382</v>
      </c>
      <c r="I75189" s="1" t="s">
        <v>250383</v>
      </c>
      <c r="J75189" s="1" t="s">
        <v>250424</v>
      </c>
    </row>
    <row r="75190" spans="1:10" x14ac:dyDescent="0.35">
      <c r="A75190" s="1" t="s">
        <v>250377</v>
      </c>
      <c r="B75190" s="1" t="s">
        <v>250378</v>
      </c>
      <c r="C75190" s="1" t="s">
        <v>80</v>
      </c>
      <c r="D75190" s="1" t="s">
        <v>49505</v>
      </c>
      <c r="E75190" s="1" t="s">
        <v>151160</v>
      </c>
      <c r="F75190" s="1" t="s">
        <v>250425</v>
      </c>
      <c r="G75190" s="1" t="s">
        <v>250381</v>
      </c>
      <c r="H75190" s="1" t="s">
        <v>250382</v>
      </c>
      <c r="I75190" s="1" t="s">
        <v>250383</v>
      </c>
      <c r="J75190" s="1" t="s">
        <v>250426</v>
      </c>
    </row>
    <row r="75191" spans="1:10" x14ac:dyDescent="0.35">
      <c r="A75191" s="1" t="s">
        <v>250377</v>
      </c>
      <c r="B75191" s="1" t="s">
        <v>250378</v>
      </c>
      <c r="C75191" s="1" t="s">
        <v>85</v>
      </c>
      <c r="D75191" s="1" t="s">
        <v>47793</v>
      </c>
      <c r="E75191" s="1" t="s">
        <v>250427</v>
      </c>
      <c r="F75191" s="1" t="s">
        <v>250428</v>
      </c>
      <c r="G75191" s="1" t="s">
        <v>250381</v>
      </c>
      <c r="H75191" s="1" t="s">
        <v>250382</v>
      </c>
      <c r="I75191" s="1" t="s">
        <v>250383</v>
      </c>
      <c r="J75191" s="1" t="s">
        <v>250429</v>
      </c>
    </row>
    <row r="75192" spans="1:10" x14ac:dyDescent="0.35">
      <c r="A75192" s="1" t="s">
        <v>250377</v>
      </c>
      <c r="B75192" s="1" t="s">
        <v>250378</v>
      </c>
      <c r="C75192" s="1" t="s">
        <v>90</v>
      </c>
      <c r="D75192" s="1" t="s">
        <v>250430</v>
      </c>
      <c r="E75192" s="1" t="s">
        <v>250431</v>
      </c>
      <c r="F75192" s="1" t="s">
        <v>250432</v>
      </c>
      <c r="G75192" s="1" t="s">
        <v>250381</v>
      </c>
      <c r="H75192" s="1" t="s">
        <v>250382</v>
      </c>
      <c r="I75192" s="1" t="s">
        <v>250383</v>
      </c>
      <c r="J75192" s="1" t="s">
        <v>250433</v>
      </c>
    </row>
    <row r="75193" spans="1:10" x14ac:dyDescent="0.35">
      <c r="A75193" s="1" t="s">
        <v>250377</v>
      </c>
      <c r="B75193" s="1" t="s">
        <v>250378</v>
      </c>
      <c r="C75193" s="1" t="s">
        <v>95</v>
      </c>
      <c r="D75193" s="1" t="s">
        <v>116215</v>
      </c>
      <c r="E75193" s="1" t="s">
        <v>250434</v>
      </c>
      <c r="F75193" s="1" t="s">
        <v>250435</v>
      </c>
      <c r="G75193" s="1" t="s">
        <v>250381</v>
      </c>
      <c r="H75193" s="1" t="s">
        <v>250382</v>
      </c>
      <c r="I75193" s="1" t="s">
        <v>250383</v>
      </c>
      <c r="J75193" s="1" t="s">
        <v>250436</v>
      </c>
    </row>
    <row r="75194" spans="1:10" x14ac:dyDescent="0.35">
      <c r="A75194" s="1" t="s">
        <v>250377</v>
      </c>
      <c r="B75194" s="1" t="s">
        <v>250378</v>
      </c>
      <c r="C75194" s="1" t="s">
        <v>100</v>
      </c>
      <c r="D75194" s="1" t="s">
        <v>50263</v>
      </c>
      <c r="E75194" s="1" t="s">
        <v>250437</v>
      </c>
      <c r="F75194" s="1" t="s">
        <v>250438</v>
      </c>
      <c r="G75194" s="1" t="s">
        <v>250381</v>
      </c>
      <c r="H75194" s="1" t="s">
        <v>250382</v>
      </c>
      <c r="I75194" s="1" t="s">
        <v>250383</v>
      </c>
      <c r="J75194" s="1" t="s">
        <v>250439</v>
      </c>
    </row>
    <row r="75195" spans="1:10" x14ac:dyDescent="0.35">
      <c r="A75195" s="1" t="s">
        <v>250377</v>
      </c>
      <c r="B75195" s="1" t="s">
        <v>250378</v>
      </c>
      <c r="C75195" s="1" t="s">
        <v>105</v>
      </c>
      <c r="D75195" s="1" t="s">
        <v>32563</v>
      </c>
      <c r="E75195" s="1" t="s">
        <v>250440</v>
      </c>
      <c r="F75195" s="1" t="s">
        <v>250441</v>
      </c>
      <c r="G75195" s="1" t="s">
        <v>250381</v>
      </c>
      <c r="H75195" s="1" t="s">
        <v>250382</v>
      </c>
      <c r="I75195" s="1" t="s">
        <v>250383</v>
      </c>
      <c r="J75195" s="1" t="s">
        <v>250442</v>
      </c>
    </row>
    <row r="75196" spans="1:10" x14ac:dyDescent="0.35">
      <c r="A75196" s="1" t="s">
        <v>250377</v>
      </c>
      <c r="B75196" s="1" t="s">
        <v>250378</v>
      </c>
      <c r="C75196" s="1" t="s">
        <v>110</v>
      </c>
      <c r="D75196" s="1" t="s">
        <v>13067</v>
      </c>
      <c r="E75196" s="1" t="s">
        <v>250443</v>
      </c>
      <c r="F75196" s="1" t="s">
        <v>250444</v>
      </c>
      <c r="G75196" s="1" t="s">
        <v>250381</v>
      </c>
      <c r="H75196" s="1" t="s">
        <v>250382</v>
      </c>
      <c r="I75196" s="1" t="s">
        <v>250383</v>
      </c>
      <c r="J75196" s="1" t="s">
        <v>250445</v>
      </c>
    </row>
    <row r="75197" spans="1:10" x14ac:dyDescent="0.35">
      <c r="A75197" s="1" t="s">
        <v>250377</v>
      </c>
      <c r="B75197" s="1" t="s">
        <v>250378</v>
      </c>
      <c r="C75197" s="1" t="s">
        <v>115</v>
      </c>
      <c r="D75197" s="1" t="s">
        <v>250446</v>
      </c>
      <c r="E75197" s="1" t="s">
        <v>250447</v>
      </c>
      <c r="F75197" s="1" t="s">
        <v>250448</v>
      </c>
      <c r="G75197" s="1" t="s">
        <v>250381</v>
      </c>
      <c r="H75197" s="1" t="s">
        <v>250382</v>
      </c>
      <c r="I75197" s="1" t="s">
        <v>250383</v>
      </c>
      <c r="J75197" s="1" t="s">
        <v>250449</v>
      </c>
    </row>
    <row r="75198" spans="1:10" x14ac:dyDescent="0.35">
      <c r="A75198" s="1" t="s">
        <v>250377</v>
      </c>
      <c r="B75198" s="1" t="s">
        <v>250378</v>
      </c>
      <c r="C75198" s="1" t="s">
        <v>120</v>
      </c>
      <c r="D75198" s="1" t="s">
        <v>35797</v>
      </c>
      <c r="E75198" s="1" t="s">
        <v>250450</v>
      </c>
      <c r="F75198" s="1" t="s">
        <v>250451</v>
      </c>
      <c r="G75198" s="1" t="s">
        <v>250381</v>
      </c>
      <c r="H75198" s="1" t="s">
        <v>250382</v>
      </c>
      <c r="I75198" s="1" t="s">
        <v>250383</v>
      </c>
      <c r="J75198" s="1" t="s">
        <v>250452</v>
      </c>
    </row>
    <row r="75199" spans="1:10" x14ac:dyDescent="0.35">
      <c r="A75199" s="1" t="s">
        <v>250377</v>
      </c>
      <c r="B75199" s="1" t="s">
        <v>250378</v>
      </c>
      <c r="C75199" s="1" t="s">
        <v>125</v>
      </c>
      <c r="D75199" s="1" t="s">
        <v>691</v>
      </c>
      <c r="E75199" s="1" t="s">
        <v>250453</v>
      </c>
      <c r="F75199" s="1" t="s">
        <v>250454</v>
      </c>
      <c r="G75199" s="1" t="s">
        <v>250381</v>
      </c>
      <c r="H75199" s="1" t="s">
        <v>250382</v>
      </c>
      <c r="I75199" s="1" t="s">
        <v>250383</v>
      </c>
      <c r="J75199" s="1" t="s">
        <v>250455</v>
      </c>
    </row>
    <row r="75200" spans="1:10" x14ac:dyDescent="0.35">
      <c r="A75200" s="1" t="s">
        <v>250377</v>
      </c>
      <c r="B75200" s="1" t="s">
        <v>250378</v>
      </c>
      <c r="C75200" s="1" t="s">
        <v>130</v>
      </c>
      <c r="D75200" s="1" t="s">
        <v>72050</v>
      </c>
      <c r="E75200" s="1" t="s">
        <v>250456</v>
      </c>
      <c r="F75200" s="1" t="s">
        <v>250457</v>
      </c>
      <c r="G75200" s="1" t="s">
        <v>250381</v>
      </c>
      <c r="H75200" s="1" t="s">
        <v>250382</v>
      </c>
      <c r="I75200" s="1" t="s">
        <v>250383</v>
      </c>
      <c r="J75200" s="1" t="s">
        <v>250458</v>
      </c>
    </row>
    <row r="75201" spans="1:10" x14ac:dyDescent="0.35">
      <c r="A75201" s="1" t="s">
        <v>250377</v>
      </c>
      <c r="B75201" s="1" t="s">
        <v>250378</v>
      </c>
      <c r="C75201" s="1" t="s">
        <v>135</v>
      </c>
      <c r="D75201" s="1" t="s">
        <v>47953</v>
      </c>
      <c r="E75201" s="1" t="s">
        <v>250459</v>
      </c>
      <c r="F75201" s="1" t="s">
        <v>250460</v>
      </c>
      <c r="G75201" s="1" t="s">
        <v>250381</v>
      </c>
      <c r="H75201" s="1" t="s">
        <v>250382</v>
      </c>
      <c r="I75201" s="1" t="s">
        <v>250383</v>
      </c>
      <c r="J75201" s="1" t="s">
        <v>250461</v>
      </c>
    </row>
    <row r="75202" spans="1:10" x14ac:dyDescent="0.35">
      <c r="A75202" s="1" t="s">
        <v>250377</v>
      </c>
      <c r="B75202" s="1" t="s">
        <v>250378</v>
      </c>
      <c r="C75202" s="1" t="s">
        <v>140</v>
      </c>
      <c r="D75202" s="1" t="s">
        <v>125772</v>
      </c>
      <c r="E75202" s="1" t="s">
        <v>250462</v>
      </c>
      <c r="F75202" s="1" t="s">
        <v>250463</v>
      </c>
      <c r="G75202" s="1" t="s">
        <v>250381</v>
      </c>
      <c r="H75202" s="1" t="s">
        <v>250382</v>
      </c>
      <c r="I75202" s="1" t="s">
        <v>250383</v>
      </c>
      <c r="J75202" s="1" t="s">
        <v>250464</v>
      </c>
    </row>
    <row r="75203" spans="1:10" x14ac:dyDescent="0.35">
      <c r="A75203" s="1" t="s">
        <v>250377</v>
      </c>
      <c r="B75203" s="1" t="s">
        <v>250378</v>
      </c>
      <c r="C75203" s="1" t="s">
        <v>145</v>
      </c>
      <c r="D75203" s="1" t="s">
        <v>150593</v>
      </c>
      <c r="E75203" s="1" t="s">
        <v>250465</v>
      </c>
      <c r="F75203" s="1" t="s">
        <v>250466</v>
      </c>
      <c r="G75203" s="1" t="s">
        <v>250381</v>
      </c>
      <c r="H75203" s="1" t="s">
        <v>250382</v>
      </c>
      <c r="I75203" s="1" t="s">
        <v>250383</v>
      </c>
      <c r="J75203" s="1" t="s">
        <v>250467</v>
      </c>
    </row>
    <row r="75204" spans="1:10" x14ac:dyDescent="0.35">
      <c r="A75204" s="1" t="s">
        <v>250377</v>
      </c>
      <c r="B75204" s="1" t="s">
        <v>250378</v>
      </c>
      <c r="C75204" s="1" t="s">
        <v>150</v>
      </c>
      <c r="D75204" s="1" t="s">
        <v>32940</v>
      </c>
      <c r="E75204" s="1" t="s">
        <v>250468</v>
      </c>
      <c r="F75204" s="1" t="s">
        <v>250469</v>
      </c>
      <c r="G75204" s="1" t="s">
        <v>250381</v>
      </c>
      <c r="H75204" s="1" t="s">
        <v>250382</v>
      </c>
      <c r="I75204" s="1" t="s">
        <v>250383</v>
      </c>
      <c r="J75204" s="1" t="s">
        <v>250470</v>
      </c>
    </row>
    <row r="75205" spans="1:10" x14ac:dyDescent="0.35">
      <c r="A75205" s="1" t="s">
        <v>250377</v>
      </c>
      <c r="B75205" s="1" t="s">
        <v>250378</v>
      </c>
      <c r="C75205" s="1" t="s">
        <v>155</v>
      </c>
      <c r="D75205" s="1" t="s">
        <v>687</v>
      </c>
      <c r="E75205" s="1" t="s">
        <v>250471</v>
      </c>
      <c r="F75205" s="1" t="s">
        <v>250472</v>
      </c>
      <c r="G75205" s="1" t="s">
        <v>250381</v>
      </c>
      <c r="H75205" s="1" t="s">
        <v>250382</v>
      </c>
      <c r="I75205" s="1" t="s">
        <v>250383</v>
      </c>
      <c r="J75205" s="1" t="s">
        <v>250473</v>
      </c>
    </row>
    <row r="75206" spans="1:10" x14ac:dyDescent="0.35">
      <c r="A75206" s="1" t="s">
        <v>250377</v>
      </c>
      <c r="B75206" s="1" t="s">
        <v>250378</v>
      </c>
      <c r="C75206" s="1" t="s">
        <v>160</v>
      </c>
      <c r="D75206" s="1" t="s">
        <v>35801</v>
      </c>
      <c r="E75206" s="1" t="s">
        <v>250474</v>
      </c>
      <c r="F75206" s="1" t="s">
        <v>250475</v>
      </c>
      <c r="G75206" s="1" t="s">
        <v>250381</v>
      </c>
      <c r="H75206" s="1" t="s">
        <v>250382</v>
      </c>
      <c r="I75206" s="1" t="s">
        <v>250383</v>
      </c>
      <c r="J75206" s="1" t="s">
        <v>250476</v>
      </c>
    </row>
    <row r="75207" spans="1:10" x14ac:dyDescent="0.35">
      <c r="A75207" s="1" t="s">
        <v>250377</v>
      </c>
      <c r="B75207" s="1" t="s">
        <v>250378</v>
      </c>
      <c r="C75207" s="1" t="s">
        <v>165</v>
      </c>
      <c r="D75207" s="1" t="s">
        <v>150949</v>
      </c>
      <c r="E75207" s="1" t="s">
        <v>250477</v>
      </c>
      <c r="F75207" s="1" t="s">
        <v>250478</v>
      </c>
      <c r="G75207" s="1" t="s">
        <v>250381</v>
      </c>
      <c r="H75207" s="1" t="s">
        <v>250382</v>
      </c>
      <c r="I75207" s="1" t="s">
        <v>250383</v>
      </c>
      <c r="J75207" s="1" t="s">
        <v>50502</v>
      </c>
    </row>
    <row r="75208" spans="1:10" x14ac:dyDescent="0.35">
      <c r="A75208" s="1" t="s">
        <v>250377</v>
      </c>
      <c r="B75208" s="1" t="s">
        <v>250378</v>
      </c>
      <c r="C75208" s="1" t="s">
        <v>170</v>
      </c>
      <c r="D75208" s="1" t="s">
        <v>71272</v>
      </c>
      <c r="E75208" s="1" t="s">
        <v>250479</v>
      </c>
      <c r="F75208" s="1" t="s">
        <v>250480</v>
      </c>
      <c r="G75208" s="1" t="s">
        <v>250381</v>
      </c>
      <c r="H75208" s="1" t="s">
        <v>250382</v>
      </c>
      <c r="I75208" s="1" t="s">
        <v>250383</v>
      </c>
      <c r="J75208" s="1" t="s">
        <v>250481</v>
      </c>
    </row>
    <row r="75209" spans="1:10" x14ac:dyDescent="0.35">
      <c r="A75209" s="1" t="s">
        <v>109797</v>
      </c>
      <c r="B75209" s="1" t="s">
        <v>250378</v>
      </c>
      <c r="C75209" s="1" t="s">
        <v>8</v>
      </c>
      <c r="D75209" s="1" t="s">
        <v>30863</v>
      </c>
      <c r="E75209" s="1" t="s">
        <v>250482</v>
      </c>
      <c r="F75209" s="1" t="s">
        <v>250483</v>
      </c>
      <c r="G75209" s="1" t="s">
        <v>250484</v>
      </c>
      <c r="H75209" s="1" t="s">
        <v>250485</v>
      </c>
      <c r="I75209" s="1" t="s">
        <v>250383</v>
      </c>
      <c r="J75209" s="1" t="s">
        <v>13</v>
      </c>
    </row>
    <row r="75210" spans="1:10" x14ac:dyDescent="0.35">
      <c r="A75210" s="1" t="s">
        <v>109797</v>
      </c>
      <c r="B75210" s="1" t="s">
        <v>250378</v>
      </c>
      <c r="C75210" s="1" t="s">
        <v>15</v>
      </c>
      <c r="D75210" s="1" t="s">
        <v>193395</v>
      </c>
      <c r="E75210" s="1" t="s">
        <v>250486</v>
      </c>
      <c r="F75210" s="1" t="s">
        <v>250487</v>
      </c>
      <c r="G75210" s="1" t="s">
        <v>250484</v>
      </c>
      <c r="H75210" s="1" t="s">
        <v>250485</v>
      </c>
      <c r="I75210" s="1" t="s">
        <v>250383</v>
      </c>
      <c r="J75210" s="1" t="s">
        <v>250488</v>
      </c>
    </row>
    <row r="75211" spans="1:10" x14ac:dyDescent="0.35">
      <c r="A75211" s="1" t="s">
        <v>109797</v>
      </c>
      <c r="B75211" s="1" t="s">
        <v>250378</v>
      </c>
      <c r="C75211" s="1" t="s">
        <v>20</v>
      </c>
      <c r="D75211" s="1" t="s">
        <v>73519</v>
      </c>
      <c r="E75211" s="1" t="s">
        <v>250489</v>
      </c>
      <c r="F75211" s="1" t="s">
        <v>250490</v>
      </c>
      <c r="G75211" s="1" t="s">
        <v>250484</v>
      </c>
      <c r="H75211" s="1" t="s">
        <v>250485</v>
      </c>
      <c r="I75211" s="1" t="s">
        <v>250383</v>
      </c>
      <c r="J75211" s="1" t="s">
        <v>250491</v>
      </c>
    </row>
    <row r="75212" spans="1:10" x14ac:dyDescent="0.35">
      <c r="A75212" s="1" t="s">
        <v>109797</v>
      </c>
      <c r="B75212" s="1" t="s">
        <v>250378</v>
      </c>
      <c r="C75212" s="1" t="s">
        <v>25</v>
      </c>
      <c r="D75212" s="1" t="s">
        <v>17805</v>
      </c>
      <c r="E75212" s="1" t="s">
        <v>250492</v>
      </c>
      <c r="F75212" s="1" t="s">
        <v>250493</v>
      </c>
      <c r="G75212" s="1" t="s">
        <v>250484</v>
      </c>
      <c r="H75212" s="1" t="s">
        <v>250485</v>
      </c>
      <c r="I75212" s="1" t="s">
        <v>250383</v>
      </c>
      <c r="J75212" s="1" t="s">
        <v>250494</v>
      </c>
    </row>
    <row r="75213" spans="1:10" x14ac:dyDescent="0.35">
      <c r="A75213" s="1" t="s">
        <v>109797</v>
      </c>
      <c r="B75213" s="1" t="s">
        <v>250378</v>
      </c>
      <c r="C75213" s="1" t="s">
        <v>30</v>
      </c>
      <c r="D75213" s="1" t="s">
        <v>703</v>
      </c>
      <c r="E75213" s="1" t="s">
        <v>250495</v>
      </c>
      <c r="F75213" s="1" t="s">
        <v>250496</v>
      </c>
      <c r="G75213" s="1" t="s">
        <v>250484</v>
      </c>
      <c r="H75213" s="1" t="s">
        <v>250485</v>
      </c>
      <c r="I75213" s="1" t="s">
        <v>250383</v>
      </c>
      <c r="J75213" s="1" t="s">
        <v>250497</v>
      </c>
    </row>
    <row r="75214" spans="1:10" x14ac:dyDescent="0.35">
      <c r="A75214" s="1" t="s">
        <v>109797</v>
      </c>
      <c r="B75214" s="1" t="s">
        <v>250378</v>
      </c>
      <c r="C75214" s="1" t="s">
        <v>35</v>
      </c>
      <c r="D75214" s="1" t="s">
        <v>17875</v>
      </c>
      <c r="E75214" s="1" t="s">
        <v>250498</v>
      </c>
      <c r="F75214" s="1" t="s">
        <v>250499</v>
      </c>
      <c r="G75214" s="1" t="s">
        <v>250484</v>
      </c>
      <c r="H75214" s="1" t="s">
        <v>250485</v>
      </c>
      <c r="I75214" s="1" t="s">
        <v>250383</v>
      </c>
      <c r="J75214" s="1" t="s">
        <v>250500</v>
      </c>
    </row>
    <row r="75215" spans="1:10" x14ac:dyDescent="0.35">
      <c r="A75215" s="1" t="s">
        <v>109797</v>
      </c>
      <c r="B75215" s="1" t="s">
        <v>250378</v>
      </c>
      <c r="C75215" s="1" t="s">
        <v>40</v>
      </c>
      <c r="D75215" s="1" t="s">
        <v>656</v>
      </c>
      <c r="E75215" s="1" t="s">
        <v>250501</v>
      </c>
      <c r="F75215" s="1" t="s">
        <v>250502</v>
      </c>
      <c r="G75215" s="1" t="s">
        <v>250484</v>
      </c>
      <c r="H75215" s="1" t="s">
        <v>250485</v>
      </c>
      <c r="I75215" s="1" t="s">
        <v>250383</v>
      </c>
      <c r="J75215" s="1" t="s">
        <v>250503</v>
      </c>
    </row>
    <row r="75216" spans="1:10" x14ac:dyDescent="0.35">
      <c r="A75216" s="1" t="s">
        <v>109797</v>
      </c>
      <c r="B75216" s="1" t="s">
        <v>250378</v>
      </c>
      <c r="C75216" s="1" t="s">
        <v>45</v>
      </c>
      <c r="D75216" s="1" t="s">
        <v>31584</v>
      </c>
      <c r="E75216" s="1" t="s">
        <v>250504</v>
      </c>
      <c r="F75216" s="1" t="s">
        <v>250505</v>
      </c>
      <c r="G75216" s="1" t="s">
        <v>250484</v>
      </c>
      <c r="H75216" s="1" t="s">
        <v>250485</v>
      </c>
      <c r="I75216" s="1" t="s">
        <v>250383</v>
      </c>
      <c r="J75216" s="1" t="s">
        <v>250506</v>
      </c>
    </row>
    <row r="75217" spans="1:10" x14ac:dyDescent="0.35">
      <c r="A75217" s="1" t="s">
        <v>109797</v>
      </c>
      <c r="B75217" s="1" t="s">
        <v>250378</v>
      </c>
      <c r="C75217" s="1" t="s">
        <v>50</v>
      </c>
      <c r="D75217" s="1" t="s">
        <v>173248</v>
      </c>
      <c r="E75217" s="1" t="s">
        <v>250507</v>
      </c>
      <c r="F75217" s="1" t="s">
        <v>250508</v>
      </c>
      <c r="G75217" s="1" t="s">
        <v>250484</v>
      </c>
      <c r="H75217" s="1" t="s">
        <v>250485</v>
      </c>
      <c r="I75217" s="1" t="s">
        <v>250383</v>
      </c>
      <c r="J75217" s="1" t="s">
        <v>250509</v>
      </c>
    </row>
    <row r="75218" spans="1:10" x14ac:dyDescent="0.35">
      <c r="A75218" s="1" t="s">
        <v>109797</v>
      </c>
      <c r="B75218" s="1" t="s">
        <v>250378</v>
      </c>
      <c r="C75218" s="1" t="s">
        <v>55</v>
      </c>
      <c r="D75218" s="1" t="s">
        <v>212899</v>
      </c>
      <c r="E75218" s="1" t="s">
        <v>250510</v>
      </c>
      <c r="F75218" s="1" t="s">
        <v>250511</v>
      </c>
      <c r="G75218" s="1" t="s">
        <v>250484</v>
      </c>
      <c r="H75218" s="1" t="s">
        <v>250485</v>
      </c>
      <c r="I75218" s="1" t="s">
        <v>250383</v>
      </c>
      <c r="J75218" s="1" t="s">
        <v>250512</v>
      </c>
    </row>
    <row r="75219" spans="1:10" x14ac:dyDescent="0.35">
      <c r="A75219" s="1" t="s">
        <v>109797</v>
      </c>
      <c r="B75219" s="1" t="s">
        <v>250378</v>
      </c>
      <c r="C75219" s="1" t="s">
        <v>60</v>
      </c>
      <c r="D75219" s="1" t="s">
        <v>115275</v>
      </c>
      <c r="E75219" s="1" t="s">
        <v>250513</v>
      </c>
      <c r="F75219" s="1" t="s">
        <v>250514</v>
      </c>
      <c r="G75219" s="1" t="s">
        <v>250484</v>
      </c>
      <c r="H75219" s="1" t="s">
        <v>250485</v>
      </c>
      <c r="I75219" s="1" t="s">
        <v>250383</v>
      </c>
      <c r="J75219" s="1" t="s">
        <v>250515</v>
      </c>
    </row>
    <row r="75220" spans="1:10" x14ac:dyDescent="0.35">
      <c r="A75220" s="1" t="s">
        <v>109797</v>
      </c>
      <c r="B75220" s="1" t="s">
        <v>250378</v>
      </c>
      <c r="C75220" s="1" t="s">
        <v>65</v>
      </c>
      <c r="D75220" s="1" t="s">
        <v>220092</v>
      </c>
      <c r="E75220" s="1" t="s">
        <v>250516</v>
      </c>
      <c r="F75220" s="1" t="s">
        <v>250517</v>
      </c>
      <c r="G75220" s="1" t="s">
        <v>250484</v>
      </c>
      <c r="H75220" s="1" t="s">
        <v>250485</v>
      </c>
      <c r="I75220" s="1" t="s">
        <v>250383</v>
      </c>
      <c r="J75220" s="1" t="s">
        <v>250518</v>
      </c>
    </row>
    <row r="75221" spans="1:10" x14ac:dyDescent="0.35">
      <c r="A75221" s="1" t="s">
        <v>109797</v>
      </c>
      <c r="B75221" s="1" t="s">
        <v>250378</v>
      </c>
      <c r="C75221" s="1" t="s">
        <v>70</v>
      </c>
      <c r="D75221" s="1" t="s">
        <v>71649</v>
      </c>
      <c r="E75221" s="1" t="s">
        <v>250519</v>
      </c>
      <c r="F75221" s="1" t="s">
        <v>250520</v>
      </c>
      <c r="G75221" s="1" t="s">
        <v>250484</v>
      </c>
      <c r="H75221" s="1" t="s">
        <v>250485</v>
      </c>
      <c r="I75221" s="1" t="s">
        <v>250383</v>
      </c>
      <c r="J75221" s="1" t="s">
        <v>250521</v>
      </c>
    </row>
    <row r="75222" spans="1:10" x14ac:dyDescent="0.35">
      <c r="A75222" s="1" t="s">
        <v>109797</v>
      </c>
      <c r="B75222" s="1" t="s">
        <v>250378</v>
      </c>
      <c r="C75222" s="1" t="s">
        <v>75</v>
      </c>
      <c r="D75222" s="1" t="s">
        <v>154190</v>
      </c>
      <c r="E75222" s="1" t="s">
        <v>250522</v>
      </c>
      <c r="F75222" s="1" t="s">
        <v>250523</v>
      </c>
      <c r="G75222" s="1" t="s">
        <v>250484</v>
      </c>
      <c r="H75222" s="1" t="s">
        <v>250485</v>
      </c>
      <c r="I75222" s="1" t="s">
        <v>250383</v>
      </c>
      <c r="J75222" s="1" t="s">
        <v>250524</v>
      </c>
    </row>
    <row r="75223" spans="1:10" x14ac:dyDescent="0.35">
      <c r="A75223" s="1" t="s">
        <v>109797</v>
      </c>
      <c r="B75223" s="1" t="s">
        <v>250378</v>
      </c>
      <c r="C75223" s="1" t="s">
        <v>80</v>
      </c>
      <c r="D75223" s="1" t="s">
        <v>211102</v>
      </c>
      <c r="E75223" s="1" t="s">
        <v>250525</v>
      </c>
      <c r="F75223" s="1" t="s">
        <v>250526</v>
      </c>
      <c r="G75223" s="1" t="s">
        <v>250484</v>
      </c>
      <c r="H75223" s="1" t="s">
        <v>250485</v>
      </c>
      <c r="I75223" s="1" t="s">
        <v>250383</v>
      </c>
      <c r="J75223" s="1" t="s">
        <v>250527</v>
      </c>
    </row>
    <row r="75224" spans="1:10" x14ac:dyDescent="0.35">
      <c r="A75224" s="1" t="s">
        <v>109797</v>
      </c>
      <c r="B75224" s="1" t="s">
        <v>250378</v>
      </c>
      <c r="C75224" s="1" t="s">
        <v>85</v>
      </c>
      <c r="D75224" s="1" t="s">
        <v>74556</v>
      </c>
      <c r="E75224" s="1" t="s">
        <v>250528</v>
      </c>
      <c r="F75224" s="1" t="s">
        <v>250529</v>
      </c>
      <c r="G75224" s="1" t="s">
        <v>250484</v>
      </c>
      <c r="H75224" s="1" t="s">
        <v>250485</v>
      </c>
      <c r="I75224" s="1" t="s">
        <v>250383</v>
      </c>
      <c r="J75224" s="1" t="s">
        <v>250530</v>
      </c>
    </row>
    <row r="75225" spans="1:10" x14ac:dyDescent="0.35">
      <c r="A75225" s="1" t="s">
        <v>109797</v>
      </c>
      <c r="B75225" s="1" t="s">
        <v>250378</v>
      </c>
      <c r="C75225" s="1" t="s">
        <v>90</v>
      </c>
      <c r="D75225" s="1" t="s">
        <v>135028</v>
      </c>
      <c r="E75225" s="1" t="s">
        <v>250531</v>
      </c>
      <c r="F75225" s="1" t="s">
        <v>250532</v>
      </c>
      <c r="G75225" s="1" t="s">
        <v>250484</v>
      </c>
      <c r="H75225" s="1" t="s">
        <v>250485</v>
      </c>
      <c r="I75225" s="1" t="s">
        <v>250383</v>
      </c>
      <c r="J75225" s="1" t="s">
        <v>250533</v>
      </c>
    </row>
    <row r="75226" spans="1:10" x14ac:dyDescent="0.35">
      <c r="A75226" s="1" t="s">
        <v>109797</v>
      </c>
      <c r="B75226" s="1" t="s">
        <v>250378</v>
      </c>
      <c r="C75226" s="1" t="s">
        <v>95</v>
      </c>
      <c r="D75226" s="1" t="s">
        <v>113072</v>
      </c>
      <c r="E75226" s="1" t="s">
        <v>250534</v>
      </c>
      <c r="F75226" s="1" t="s">
        <v>250535</v>
      </c>
      <c r="G75226" s="1" t="s">
        <v>250484</v>
      </c>
      <c r="H75226" s="1" t="s">
        <v>250485</v>
      </c>
      <c r="I75226" s="1" t="s">
        <v>250383</v>
      </c>
      <c r="J75226" s="1" t="s">
        <v>250536</v>
      </c>
    </row>
    <row r="75227" spans="1:10" x14ac:dyDescent="0.35">
      <c r="A75227" s="1" t="s">
        <v>109797</v>
      </c>
      <c r="B75227" s="1" t="s">
        <v>250378</v>
      </c>
      <c r="C75227" s="1" t="s">
        <v>100</v>
      </c>
      <c r="D75227" s="1" t="s">
        <v>178784</v>
      </c>
      <c r="E75227" s="1" t="s">
        <v>250537</v>
      </c>
      <c r="F75227" s="1" t="s">
        <v>250538</v>
      </c>
      <c r="G75227" s="1" t="s">
        <v>250484</v>
      </c>
      <c r="H75227" s="1" t="s">
        <v>250485</v>
      </c>
      <c r="I75227" s="1" t="s">
        <v>250383</v>
      </c>
      <c r="J75227" s="1" t="s">
        <v>250539</v>
      </c>
    </row>
    <row r="75228" spans="1:10" x14ac:dyDescent="0.35">
      <c r="A75228" s="1" t="s">
        <v>109797</v>
      </c>
      <c r="B75228" s="1" t="s">
        <v>250378</v>
      </c>
      <c r="C75228" s="1" t="s">
        <v>105</v>
      </c>
      <c r="D75228" s="1" t="s">
        <v>105007</v>
      </c>
      <c r="E75228" s="1" t="s">
        <v>250540</v>
      </c>
      <c r="F75228" s="1" t="s">
        <v>250541</v>
      </c>
      <c r="G75228" s="1" t="s">
        <v>250484</v>
      </c>
      <c r="H75228" s="1" t="s">
        <v>250485</v>
      </c>
      <c r="I75228" s="1" t="s">
        <v>250383</v>
      </c>
      <c r="J75228" s="1" t="s">
        <v>250542</v>
      </c>
    </row>
    <row r="75229" spans="1:10" x14ac:dyDescent="0.35">
      <c r="A75229" s="1" t="s">
        <v>109797</v>
      </c>
      <c r="B75229" s="1" t="s">
        <v>250378</v>
      </c>
      <c r="C75229" s="1" t="s">
        <v>110</v>
      </c>
      <c r="D75229" s="1" t="s">
        <v>18255</v>
      </c>
      <c r="E75229" s="1" t="s">
        <v>250543</v>
      </c>
      <c r="F75229" s="1" t="s">
        <v>250544</v>
      </c>
      <c r="G75229" s="1" t="s">
        <v>250484</v>
      </c>
      <c r="H75229" s="1" t="s">
        <v>250485</v>
      </c>
      <c r="I75229" s="1" t="s">
        <v>250383</v>
      </c>
      <c r="J75229" s="1" t="s">
        <v>250545</v>
      </c>
    </row>
    <row r="75230" spans="1:10" x14ac:dyDescent="0.35">
      <c r="A75230" s="1" t="s">
        <v>109797</v>
      </c>
      <c r="B75230" s="1" t="s">
        <v>250378</v>
      </c>
      <c r="C75230" s="1" t="s">
        <v>115</v>
      </c>
      <c r="D75230" s="1" t="s">
        <v>36603</v>
      </c>
      <c r="E75230" s="1" t="s">
        <v>250546</v>
      </c>
      <c r="F75230" s="1" t="s">
        <v>250547</v>
      </c>
      <c r="G75230" s="1" t="s">
        <v>250484</v>
      </c>
      <c r="H75230" s="1" t="s">
        <v>250485</v>
      </c>
      <c r="I75230" s="1" t="s">
        <v>250383</v>
      </c>
      <c r="J75230" s="1" t="s">
        <v>250548</v>
      </c>
    </row>
    <row r="75231" spans="1:10" x14ac:dyDescent="0.35">
      <c r="A75231" s="1" t="s">
        <v>109797</v>
      </c>
      <c r="B75231" s="1" t="s">
        <v>250378</v>
      </c>
      <c r="C75231" s="1" t="s">
        <v>120</v>
      </c>
      <c r="D75231" s="1" t="s">
        <v>4264</v>
      </c>
      <c r="E75231" s="1" t="s">
        <v>250549</v>
      </c>
      <c r="F75231" s="1" t="s">
        <v>250550</v>
      </c>
      <c r="G75231" s="1" t="s">
        <v>250484</v>
      </c>
      <c r="H75231" s="1" t="s">
        <v>250485</v>
      </c>
      <c r="I75231" s="1" t="s">
        <v>250383</v>
      </c>
      <c r="J75231" s="1" t="s">
        <v>250551</v>
      </c>
    </row>
    <row r="75232" spans="1:10" x14ac:dyDescent="0.35">
      <c r="A75232" s="1" t="s">
        <v>109797</v>
      </c>
      <c r="B75232" s="1" t="s">
        <v>250378</v>
      </c>
      <c r="C75232" s="1" t="s">
        <v>125</v>
      </c>
      <c r="D75232" s="1" t="s">
        <v>114490</v>
      </c>
      <c r="E75232" s="1" t="s">
        <v>250552</v>
      </c>
      <c r="F75232" s="1" t="s">
        <v>250553</v>
      </c>
      <c r="G75232" s="1" t="s">
        <v>250484</v>
      </c>
      <c r="H75232" s="1" t="s">
        <v>250485</v>
      </c>
      <c r="I75232" s="1" t="s">
        <v>250383</v>
      </c>
      <c r="J75232" s="1" t="s">
        <v>250554</v>
      </c>
    </row>
    <row r="75233" spans="1:10" x14ac:dyDescent="0.35">
      <c r="A75233" s="1" t="s">
        <v>109797</v>
      </c>
      <c r="B75233" s="1" t="s">
        <v>250378</v>
      </c>
      <c r="C75233" s="1" t="s">
        <v>130</v>
      </c>
      <c r="D75233" s="1" t="s">
        <v>250555</v>
      </c>
      <c r="E75233" s="1" t="s">
        <v>250556</v>
      </c>
      <c r="F75233" s="1" t="s">
        <v>250557</v>
      </c>
      <c r="G75233" s="1" t="s">
        <v>250484</v>
      </c>
      <c r="H75233" s="1" t="s">
        <v>250485</v>
      </c>
      <c r="I75233" s="1" t="s">
        <v>250383</v>
      </c>
      <c r="J75233" s="1" t="s">
        <v>250558</v>
      </c>
    </row>
    <row r="75234" spans="1:10" x14ac:dyDescent="0.35">
      <c r="A75234" s="1" t="s">
        <v>109797</v>
      </c>
      <c r="B75234" s="1" t="s">
        <v>250378</v>
      </c>
      <c r="C75234" s="1" t="s">
        <v>135</v>
      </c>
      <c r="D75234" s="1" t="s">
        <v>191362</v>
      </c>
      <c r="E75234" s="1" t="s">
        <v>250559</v>
      </c>
      <c r="F75234" s="1" t="s">
        <v>250560</v>
      </c>
      <c r="G75234" s="1" t="s">
        <v>250484</v>
      </c>
      <c r="H75234" s="1" t="s">
        <v>250485</v>
      </c>
      <c r="I75234" s="1" t="s">
        <v>250383</v>
      </c>
      <c r="J75234" s="1" t="s">
        <v>250561</v>
      </c>
    </row>
    <row r="75235" spans="1:10" x14ac:dyDescent="0.35">
      <c r="A75235" s="1" t="s">
        <v>109797</v>
      </c>
      <c r="B75235" s="1" t="s">
        <v>250378</v>
      </c>
      <c r="C75235" s="1" t="s">
        <v>140</v>
      </c>
      <c r="D75235" s="1" t="s">
        <v>82897</v>
      </c>
      <c r="E75235" s="1" t="s">
        <v>250562</v>
      </c>
      <c r="F75235" s="1" t="s">
        <v>250563</v>
      </c>
      <c r="G75235" s="1" t="s">
        <v>250484</v>
      </c>
      <c r="H75235" s="1" t="s">
        <v>250485</v>
      </c>
      <c r="I75235" s="1" t="s">
        <v>250383</v>
      </c>
      <c r="J75235" s="1" t="s">
        <v>250564</v>
      </c>
    </row>
    <row r="75236" spans="1:10" x14ac:dyDescent="0.35">
      <c r="A75236" s="1" t="s">
        <v>109797</v>
      </c>
      <c r="B75236" s="1" t="s">
        <v>250378</v>
      </c>
      <c r="C75236" s="1" t="s">
        <v>145</v>
      </c>
      <c r="D75236" s="1" t="s">
        <v>243932</v>
      </c>
      <c r="E75236" s="1" t="s">
        <v>250565</v>
      </c>
      <c r="F75236" s="1" t="s">
        <v>250566</v>
      </c>
      <c r="G75236" s="1" t="s">
        <v>250484</v>
      </c>
      <c r="H75236" s="1" t="s">
        <v>250485</v>
      </c>
      <c r="I75236" s="1" t="s">
        <v>250383</v>
      </c>
      <c r="J75236" s="1" t="s">
        <v>250567</v>
      </c>
    </row>
    <row r="75237" spans="1:10" x14ac:dyDescent="0.35">
      <c r="A75237" s="1" t="s">
        <v>109797</v>
      </c>
      <c r="B75237" s="1" t="s">
        <v>250378</v>
      </c>
      <c r="C75237" s="1" t="s">
        <v>150</v>
      </c>
      <c r="D75237" s="1" t="s">
        <v>4268</v>
      </c>
      <c r="E75237" s="1" t="s">
        <v>250568</v>
      </c>
      <c r="F75237" s="1" t="s">
        <v>250569</v>
      </c>
      <c r="G75237" s="1" t="s">
        <v>250484</v>
      </c>
      <c r="H75237" s="1" t="s">
        <v>250485</v>
      </c>
      <c r="I75237" s="1" t="s">
        <v>250383</v>
      </c>
      <c r="J75237" s="1" t="s">
        <v>250570</v>
      </c>
    </row>
    <row r="75238" spans="1:10" x14ac:dyDescent="0.35">
      <c r="A75238" s="1" t="s">
        <v>109797</v>
      </c>
      <c r="B75238" s="1" t="s">
        <v>250378</v>
      </c>
      <c r="C75238" s="1" t="s">
        <v>155</v>
      </c>
      <c r="D75238" s="1" t="s">
        <v>250571</v>
      </c>
      <c r="E75238" s="1" t="s">
        <v>250572</v>
      </c>
      <c r="F75238" s="1" t="s">
        <v>250573</v>
      </c>
      <c r="G75238" s="1" t="s">
        <v>250484</v>
      </c>
      <c r="H75238" s="1" t="s">
        <v>250485</v>
      </c>
      <c r="I75238" s="1" t="s">
        <v>250383</v>
      </c>
      <c r="J75238" s="1" t="s">
        <v>250574</v>
      </c>
    </row>
    <row r="75239" spans="1:10" x14ac:dyDescent="0.35">
      <c r="A75239" s="1" t="s">
        <v>109797</v>
      </c>
      <c r="B75239" s="1" t="s">
        <v>250378</v>
      </c>
      <c r="C75239" s="1" t="s">
        <v>160</v>
      </c>
      <c r="D75239" s="1" t="s">
        <v>246876</v>
      </c>
      <c r="E75239" s="1" t="s">
        <v>250575</v>
      </c>
      <c r="F75239" s="1" t="s">
        <v>250576</v>
      </c>
      <c r="G75239" s="1" t="s">
        <v>250484</v>
      </c>
      <c r="H75239" s="1" t="s">
        <v>250485</v>
      </c>
      <c r="I75239" s="1" t="s">
        <v>250383</v>
      </c>
      <c r="J75239" s="1" t="s">
        <v>250577</v>
      </c>
    </row>
    <row r="75240" spans="1:10" x14ac:dyDescent="0.35">
      <c r="A75240" s="1" t="s">
        <v>109797</v>
      </c>
      <c r="B75240" s="1" t="s">
        <v>250378</v>
      </c>
      <c r="C75240" s="1" t="s">
        <v>165</v>
      </c>
      <c r="D75240" s="1" t="s">
        <v>36646</v>
      </c>
      <c r="E75240" s="1" t="s">
        <v>250578</v>
      </c>
      <c r="F75240" s="1" t="s">
        <v>250579</v>
      </c>
      <c r="G75240" s="1" t="s">
        <v>250484</v>
      </c>
      <c r="H75240" s="1" t="s">
        <v>250485</v>
      </c>
      <c r="I75240" s="1" t="s">
        <v>250383</v>
      </c>
      <c r="J75240" s="1" t="s">
        <v>250580</v>
      </c>
    </row>
    <row r="75241" spans="1:10" x14ac:dyDescent="0.35">
      <c r="A75241" s="1" t="s">
        <v>109797</v>
      </c>
      <c r="B75241" s="1" t="s">
        <v>250378</v>
      </c>
      <c r="C75241" s="1" t="s">
        <v>170</v>
      </c>
      <c r="D75241" s="1" t="s">
        <v>250581</v>
      </c>
      <c r="E75241" s="1" t="s">
        <v>250582</v>
      </c>
      <c r="F75241" s="1" t="s">
        <v>250583</v>
      </c>
      <c r="G75241" s="1" t="s">
        <v>250484</v>
      </c>
      <c r="H75241" s="1" t="s">
        <v>250485</v>
      </c>
      <c r="I75241" s="1" t="s">
        <v>250383</v>
      </c>
      <c r="J75241" s="1" t="s">
        <v>250584</v>
      </c>
    </row>
    <row r="75242" spans="1:10" x14ac:dyDescent="0.35">
      <c r="A75242" s="1" t="s">
        <v>10038</v>
      </c>
      <c r="B75242" s="1" t="s">
        <v>250378</v>
      </c>
      <c r="C75242" s="1" t="s">
        <v>8</v>
      </c>
      <c r="D75242" s="1" t="s">
        <v>250585</v>
      </c>
      <c r="E75242" s="1" t="s">
        <v>250586</v>
      </c>
      <c r="F75242" s="1" t="s">
        <v>250587</v>
      </c>
      <c r="G75242" s="1" t="s">
        <v>250588</v>
      </c>
      <c r="H75242" s="1" t="s">
        <v>250589</v>
      </c>
      <c r="I75242" s="1" t="s">
        <v>250383</v>
      </c>
      <c r="J75242" s="1" t="s">
        <v>13</v>
      </c>
    </row>
    <row r="75243" spans="1:10" x14ac:dyDescent="0.35">
      <c r="A75243" s="1" t="s">
        <v>10038</v>
      </c>
      <c r="B75243" s="1" t="s">
        <v>250378</v>
      </c>
      <c r="C75243" s="1" t="s">
        <v>15</v>
      </c>
      <c r="D75243" s="1" t="s">
        <v>5915</v>
      </c>
      <c r="E75243" s="1" t="s">
        <v>250590</v>
      </c>
      <c r="F75243" s="1" t="s">
        <v>250591</v>
      </c>
      <c r="G75243" s="1" t="s">
        <v>250588</v>
      </c>
      <c r="H75243" s="1" t="s">
        <v>250589</v>
      </c>
      <c r="I75243" s="1" t="s">
        <v>250383</v>
      </c>
      <c r="J75243" s="1" t="s">
        <v>250592</v>
      </c>
    </row>
    <row r="75244" spans="1:10" x14ac:dyDescent="0.35">
      <c r="A75244" s="1" t="s">
        <v>10038</v>
      </c>
      <c r="B75244" s="1" t="s">
        <v>250378</v>
      </c>
      <c r="C75244" s="1" t="s">
        <v>20</v>
      </c>
      <c r="D75244" s="1" t="s">
        <v>250593</v>
      </c>
      <c r="E75244" s="1" t="s">
        <v>250594</v>
      </c>
      <c r="F75244" s="1" t="s">
        <v>250595</v>
      </c>
      <c r="G75244" s="1" t="s">
        <v>250588</v>
      </c>
      <c r="H75244" s="1" t="s">
        <v>250589</v>
      </c>
      <c r="I75244" s="1" t="s">
        <v>250383</v>
      </c>
      <c r="J75244" s="1" t="s">
        <v>250596</v>
      </c>
    </row>
    <row r="75245" spans="1:10" x14ac:dyDescent="0.35">
      <c r="A75245" s="1" t="s">
        <v>10038</v>
      </c>
      <c r="B75245" s="1" t="s">
        <v>250378</v>
      </c>
      <c r="C75245" s="1" t="s">
        <v>25</v>
      </c>
      <c r="D75245" s="1" t="s">
        <v>100120</v>
      </c>
      <c r="E75245" s="1" t="s">
        <v>250597</v>
      </c>
      <c r="F75245" s="1" t="s">
        <v>250598</v>
      </c>
      <c r="G75245" s="1" t="s">
        <v>250588</v>
      </c>
      <c r="H75245" s="1" t="s">
        <v>250589</v>
      </c>
      <c r="I75245" s="1" t="s">
        <v>250383</v>
      </c>
      <c r="J75245" s="1" t="s">
        <v>250599</v>
      </c>
    </row>
    <row r="75246" spans="1:10" x14ac:dyDescent="0.35">
      <c r="A75246" s="1" t="s">
        <v>10038</v>
      </c>
      <c r="B75246" s="1" t="s">
        <v>250378</v>
      </c>
      <c r="C75246" s="1" t="s">
        <v>30</v>
      </c>
      <c r="D75246" s="1" t="s">
        <v>74620</v>
      </c>
      <c r="E75246" s="1" t="s">
        <v>250600</v>
      </c>
      <c r="F75246" s="1" t="s">
        <v>250601</v>
      </c>
      <c r="G75246" s="1" t="s">
        <v>250588</v>
      </c>
      <c r="H75246" s="1" t="s">
        <v>250589</v>
      </c>
      <c r="I75246" s="1" t="s">
        <v>250383</v>
      </c>
      <c r="J75246" s="1" t="s">
        <v>250602</v>
      </c>
    </row>
    <row r="75247" spans="1:10" x14ac:dyDescent="0.35">
      <c r="A75247" s="1" t="s">
        <v>10038</v>
      </c>
      <c r="B75247" s="1" t="s">
        <v>250378</v>
      </c>
      <c r="C75247" s="1" t="s">
        <v>35</v>
      </c>
      <c r="D75247" s="1" t="s">
        <v>250603</v>
      </c>
      <c r="E75247" s="1" t="s">
        <v>250604</v>
      </c>
      <c r="F75247" s="1" t="s">
        <v>250605</v>
      </c>
      <c r="G75247" s="1" t="s">
        <v>250588</v>
      </c>
      <c r="H75247" s="1" t="s">
        <v>250589</v>
      </c>
      <c r="I75247" s="1" t="s">
        <v>250383</v>
      </c>
      <c r="J75247" s="1" t="s">
        <v>250606</v>
      </c>
    </row>
    <row r="75248" spans="1:10" x14ac:dyDescent="0.35">
      <c r="A75248" s="1" t="s">
        <v>10038</v>
      </c>
      <c r="B75248" s="1" t="s">
        <v>250378</v>
      </c>
      <c r="C75248" s="1" t="s">
        <v>40</v>
      </c>
      <c r="D75248" s="1" t="s">
        <v>83478</v>
      </c>
      <c r="E75248" s="1" t="s">
        <v>250607</v>
      </c>
      <c r="F75248" s="1" t="s">
        <v>250608</v>
      </c>
      <c r="G75248" s="1" t="s">
        <v>250588</v>
      </c>
      <c r="H75248" s="1" t="s">
        <v>250589</v>
      </c>
      <c r="I75248" s="1" t="s">
        <v>250383</v>
      </c>
      <c r="J75248" s="1" t="s">
        <v>250609</v>
      </c>
    </row>
    <row r="75249" spans="1:10" x14ac:dyDescent="0.35">
      <c r="A75249" s="1" t="s">
        <v>10038</v>
      </c>
      <c r="B75249" s="1" t="s">
        <v>250378</v>
      </c>
      <c r="C75249" s="1" t="s">
        <v>45</v>
      </c>
      <c r="D75249" s="1" t="s">
        <v>11719</v>
      </c>
      <c r="E75249" s="1" t="s">
        <v>250610</v>
      </c>
      <c r="F75249" s="1" t="s">
        <v>250611</v>
      </c>
      <c r="G75249" s="1" t="s">
        <v>250588</v>
      </c>
      <c r="H75249" s="1" t="s">
        <v>250589</v>
      </c>
      <c r="I75249" s="1" t="s">
        <v>250383</v>
      </c>
      <c r="J75249" s="1" t="s">
        <v>250612</v>
      </c>
    </row>
    <row r="75250" spans="1:10" x14ac:dyDescent="0.35">
      <c r="A75250" s="1" t="s">
        <v>10038</v>
      </c>
      <c r="B75250" s="1" t="s">
        <v>250378</v>
      </c>
      <c r="C75250" s="1" t="s">
        <v>50</v>
      </c>
      <c r="D75250" s="1" t="s">
        <v>250613</v>
      </c>
      <c r="E75250" s="1" t="s">
        <v>250614</v>
      </c>
      <c r="F75250" s="1" t="s">
        <v>250615</v>
      </c>
      <c r="G75250" s="1" t="s">
        <v>250588</v>
      </c>
      <c r="H75250" s="1" t="s">
        <v>250589</v>
      </c>
      <c r="I75250" s="1" t="s">
        <v>250383</v>
      </c>
      <c r="J75250" s="1" t="s">
        <v>250616</v>
      </c>
    </row>
    <row r="75251" spans="1:10" x14ac:dyDescent="0.35">
      <c r="A75251" s="1" t="s">
        <v>10038</v>
      </c>
      <c r="B75251" s="1" t="s">
        <v>250378</v>
      </c>
      <c r="C75251" s="1" t="s">
        <v>55</v>
      </c>
      <c r="D75251" s="1" t="s">
        <v>106356</v>
      </c>
      <c r="E75251" s="1" t="s">
        <v>250617</v>
      </c>
      <c r="F75251" s="1" t="s">
        <v>250618</v>
      </c>
      <c r="G75251" s="1" t="s">
        <v>250588</v>
      </c>
      <c r="H75251" s="1" t="s">
        <v>250589</v>
      </c>
      <c r="I75251" s="1" t="s">
        <v>250383</v>
      </c>
      <c r="J75251" s="1" t="s">
        <v>250619</v>
      </c>
    </row>
    <row r="75252" spans="1:10" x14ac:dyDescent="0.35">
      <c r="A75252" s="1" t="s">
        <v>10038</v>
      </c>
      <c r="B75252" s="1" t="s">
        <v>250378</v>
      </c>
      <c r="C75252" s="1" t="s">
        <v>60</v>
      </c>
      <c r="D75252" s="1" t="s">
        <v>61583</v>
      </c>
      <c r="E75252" s="1" t="s">
        <v>250620</v>
      </c>
      <c r="F75252" s="1" t="s">
        <v>250621</v>
      </c>
      <c r="G75252" s="1" t="s">
        <v>250588</v>
      </c>
      <c r="H75252" s="1" t="s">
        <v>250589</v>
      </c>
      <c r="I75252" s="1" t="s">
        <v>250383</v>
      </c>
      <c r="J75252" s="1" t="s">
        <v>250622</v>
      </c>
    </row>
    <row r="75253" spans="1:10" x14ac:dyDescent="0.35">
      <c r="A75253" s="1" t="s">
        <v>10038</v>
      </c>
      <c r="B75253" s="1" t="s">
        <v>250378</v>
      </c>
      <c r="C75253" s="1" t="s">
        <v>65</v>
      </c>
      <c r="D75253" s="1" t="s">
        <v>17252</v>
      </c>
      <c r="E75253" s="1" t="s">
        <v>250623</v>
      </c>
      <c r="F75253" s="1" t="s">
        <v>250624</v>
      </c>
      <c r="G75253" s="1" t="s">
        <v>250588</v>
      </c>
      <c r="H75253" s="1" t="s">
        <v>250589</v>
      </c>
      <c r="I75253" s="1" t="s">
        <v>250383</v>
      </c>
      <c r="J75253" s="1" t="s">
        <v>250625</v>
      </c>
    </row>
    <row r="75254" spans="1:10" x14ac:dyDescent="0.35">
      <c r="A75254" s="1" t="s">
        <v>10038</v>
      </c>
      <c r="B75254" s="1" t="s">
        <v>250378</v>
      </c>
      <c r="C75254" s="1" t="s">
        <v>70</v>
      </c>
      <c r="D75254" s="1" t="s">
        <v>152605</v>
      </c>
      <c r="E75254" s="1" t="s">
        <v>250626</v>
      </c>
      <c r="F75254" s="1" t="s">
        <v>250627</v>
      </c>
      <c r="G75254" s="1" t="s">
        <v>250588</v>
      </c>
      <c r="H75254" s="1" t="s">
        <v>250589</v>
      </c>
      <c r="I75254" s="1" t="s">
        <v>250383</v>
      </c>
      <c r="J75254" s="1" t="s">
        <v>250628</v>
      </c>
    </row>
    <row r="75255" spans="1:10" x14ac:dyDescent="0.35">
      <c r="A75255" s="1" t="s">
        <v>10038</v>
      </c>
      <c r="B75255" s="1" t="s">
        <v>250378</v>
      </c>
      <c r="C75255" s="1" t="s">
        <v>75</v>
      </c>
      <c r="D75255" s="1" t="s">
        <v>250629</v>
      </c>
      <c r="E75255" s="1" t="s">
        <v>250630</v>
      </c>
      <c r="F75255" s="1" t="s">
        <v>250631</v>
      </c>
      <c r="G75255" s="1" t="s">
        <v>250588</v>
      </c>
      <c r="H75255" s="1" t="s">
        <v>250589</v>
      </c>
      <c r="I75255" s="1" t="s">
        <v>250383</v>
      </c>
      <c r="J75255" s="1" t="s">
        <v>250632</v>
      </c>
    </row>
    <row r="75256" spans="1:10" x14ac:dyDescent="0.35">
      <c r="A75256" s="1" t="s">
        <v>10038</v>
      </c>
      <c r="B75256" s="1" t="s">
        <v>250378</v>
      </c>
      <c r="C75256" s="1" t="s">
        <v>80</v>
      </c>
      <c r="D75256" s="1" t="s">
        <v>250633</v>
      </c>
      <c r="E75256" s="1" t="s">
        <v>250634</v>
      </c>
      <c r="F75256" s="1" t="s">
        <v>250635</v>
      </c>
      <c r="G75256" s="1" t="s">
        <v>250588</v>
      </c>
      <c r="H75256" s="1" t="s">
        <v>250589</v>
      </c>
      <c r="I75256" s="1" t="s">
        <v>250383</v>
      </c>
      <c r="J75256" s="1" t="s">
        <v>250636</v>
      </c>
    </row>
    <row r="75257" spans="1:10" x14ac:dyDescent="0.35">
      <c r="A75257" s="1" t="s">
        <v>10038</v>
      </c>
      <c r="B75257" s="1" t="s">
        <v>250378</v>
      </c>
      <c r="C75257" s="1" t="s">
        <v>85</v>
      </c>
      <c r="D75257" s="1" t="s">
        <v>32759</v>
      </c>
      <c r="E75257" s="1" t="s">
        <v>250637</v>
      </c>
      <c r="F75257" s="1" t="s">
        <v>250638</v>
      </c>
      <c r="G75257" s="1" t="s">
        <v>250588</v>
      </c>
      <c r="H75257" s="1" t="s">
        <v>250589</v>
      </c>
      <c r="I75257" s="1" t="s">
        <v>250383</v>
      </c>
      <c r="J75257" s="1" t="s">
        <v>250639</v>
      </c>
    </row>
    <row r="75258" spans="1:10" x14ac:dyDescent="0.35">
      <c r="A75258" s="1" t="s">
        <v>10038</v>
      </c>
      <c r="B75258" s="1" t="s">
        <v>250378</v>
      </c>
      <c r="C75258" s="1" t="s">
        <v>90</v>
      </c>
      <c r="D75258" s="1" t="s">
        <v>38766</v>
      </c>
      <c r="E75258" s="1" t="s">
        <v>250640</v>
      </c>
      <c r="F75258" s="1" t="s">
        <v>250641</v>
      </c>
      <c r="G75258" s="1" t="s">
        <v>250588</v>
      </c>
      <c r="H75258" s="1" t="s">
        <v>250589</v>
      </c>
      <c r="I75258" s="1" t="s">
        <v>250383</v>
      </c>
      <c r="J75258" s="1" t="s">
        <v>250642</v>
      </c>
    </row>
    <row r="75259" spans="1:10" x14ac:dyDescent="0.35">
      <c r="A75259" s="1" t="s">
        <v>10038</v>
      </c>
      <c r="B75259" s="1" t="s">
        <v>250378</v>
      </c>
      <c r="C75259" s="1" t="s">
        <v>95</v>
      </c>
      <c r="D75259" s="1" t="s">
        <v>78655</v>
      </c>
      <c r="E75259" s="1" t="s">
        <v>250643</v>
      </c>
      <c r="F75259" s="1" t="s">
        <v>250644</v>
      </c>
      <c r="G75259" s="1" t="s">
        <v>250588</v>
      </c>
      <c r="H75259" s="1" t="s">
        <v>250589</v>
      </c>
      <c r="I75259" s="1" t="s">
        <v>250383</v>
      </c>
      <c r="J75259" s="1" t="s">
        <v>250645</v>
      </c>
    </row>
    <row r="75260" spans="1:10" x14ac:dyDescent="0.35">
      <c r="A75260" s="1" t="s">
        <v>10038</v>
      </c>
      <c r="B75260" s="1" t="s">
        <v>250378</v>
      </c>
      <c r="C75260" s="1" t="s">
        <v>100</v>
      </c>
      <c r="D75260" s="1" t="s">
        <v>250646</v>
      </c>
      <c r="E75260" s="1" t="s">
        <v>250647</v>
      </c>
      <c r="F75260" s="1" t="s">
        <v>250648</v>
      </c>
      <c r="G75260" s="1" t="s">
        <v>250588</v>
      </c>
      <c r="H75260" s="1" t="s">
        <v>250589</v>
      </c>
      <c r="I75260" s="1" t="s">
        <v>250383</v>
      </c>
      <c r="J75260" s="1" t="s">
        <v>250649</v>
      </c>
    </row>
    <row r="75261" spans="1:10" x14ac:dyDescent="0.35">
      <c r="A75261" s="1" t="s">
        <v>10038</v>
      </c>
      <c r="B75261" s="1" t="s">
        <v>250378</v>
      </c>
      <c r="C75261" s="1" t="s">
        <v>105</v>
      </c>
      <c r="D75261" s="1" t="s">
        <v>250650</v>
      </c>
      <c r="E75261" s="1" t="s">
        <v>250651</v>
      </c>
      <c r="F75261" s="1" t="s">
        <v>250652</v>
      </c>
      <c r="G75261" s="1" t="s">
        <v>250588</v>
      </c>
      <c r="H75261" s="1" t="s">
        <v>250589</v>
      </c>
      <c r="I75261" s="1" t="s">
        <v>250383</v>
      </c>
      <c r="J75261" s="1" t="s">
        <v>250653</v>
      </c>
    </row>
    <row r="75262" spans="1:10" x14ac:dyDescent="0.35">
      <c r="A75262" s="1" t="s">
        <v>10038</v>
      </c>
      <c r="B75262" s="1" t="s">
        <v>250378</v>
      </c>
      <c r="C75262" s="1" t="s">
        <v>110</v>
      </c>
      <c r="D75262" s="1" t="s">
        <v>77937</v>
      </c>
      <c r="E75262" s="1" t="s">
        <v>250654</v>
      </c>
      <c r="F75262" s="1" t="s">
        <v>250655</v>
      </c>
      <c r="G75262" s="1" t="s">
        <v>250588</v>
      </c>
      <c r="H75262" s="1" t="s">
        <v>250589</v>
      </c>
      <c r="I75262" s="1" t="s">
        <v>250383</v>
      </c>
      <c r="J75262" s="1" t="s">
        <v>250656</v>
      </c>
    </row>
    <row r="75263" spans="1:10" x14ac:dyDescent="0.35">
      <c r="A75263" s="1" t="s">
        <v>10038</v>
      </c>
      <c r="B75263" s="1" t="s">
        <v>250378</v>
      </c>
      <c r="C75263" s="1" t="s">
        <v>115</v>
      </c>
      <c r="D75263" s="1" t="s">
        <v>192977</v>
      </c>
      <c r="E75263" s="1" t="s">
        <v>250657</v>
      </c>
      <c r="F75263" s="1" t="s">
        <v>250658</v>
      </c>
      <c r="G75263" s="1" t="s">
        <v>250588</v>
      </c>
      <c r="H75263" s="1" t="s">
        <v>250589</v>
      </c>
      <c r="I75263" s="1" t="s">
        <v>250383</v>
      </c>
      <c r="J75263" s="1" t="s">
        <v>250659</v>
      </c>
    </row>
    <row r="75264" spans="1:10" x14ac:dyDescent="0.35">
      <c r="A75264" s="1" t="s">
        <v>10038</v>
      </c>
      <c r="B75264" s="1" t="s">
        <v>250378</v>
      </c>
      <c r="C75264" s="1" t="s">
        <v>120</v>
      </c>
      <c r="D75264" s="1" t="s">
        <v>213248</v>
      </c>
      <c r="E75264" s="1" t="s">
        <v>250660</v>
      </c>
      <c r="F75264" s="1" t="s">
        <v>250661</v>
      </c>
      <c r="G75264" s="1" t="s">
        <v>250588</v>
      </c>
      <c r="H75264" s="1" t="s">
        <v>250589</v>
      </c>
      <c r="I75264" s="1" t="s">
        <v>250383</v>
      </c>
      <c r="J75264" s="1" t="s">
        <v>250662</v>
      </c>
    </row>
    <row r="75265" spans="1:10" x14ac:dyDescent="0.35">
      <c r="A75265" s="1" t="s">
        <v>10038</v>
      </c>
      <c r="B75265" s="1" t="s">
        <v>250378</v>
      </c>
      <c r="C75265" s="1" t="s">
        <v>125</v>
      </c>
      <c r="D75265" s="1" t="s">
        <v>52969</v>
      </c>
      <c r="E75265" s="1" t="s">
        <v>250663</v>
      </c>
      <c r="F75265" s="1" t="s">
        <v>250664</v>
      </c>
      <c r="G75265" s="1" t="s">
        <v>250588</v>
      </c>
      <c r="H75265" s="1" t="s">
        <v>250589</v>
      </c>
      <c r="I75265" s="1" t="s">
        <v>250383</v>
      </c>
      <c r="J75265" s="1" t="s">
        <v>250665</v>
      </c>
    </row>
    <row r="75266" spans="1:10" x14ac:dyDescent="0.35">
      <c r="A75266" s="1" t="s">
        <v>10038</v>
      </c>
      <c r="B75266" s="1" t="s">
        <v>250378</v>
      </c>
      <c r="C75266" s="1" t="s">
        <v>130</v>
      </c>
      <c r="D75266" s="1" t="s">
        <v>250666</v>
      </c>
      <c r="E75266" s="1" t="s">
        <v>250667</v>
      </c>
      <c r="F75266" s="1" t="s">
        <v>250668</v>
      </c>
      <c r="G75266" s="1" t="s">
        <v>250588</v>
      </c>
      <c r="H75266" s="1" t="s">
        <v>250589</v>
      </c>
      <c r="I75266" s="1" t="s">
        <v>250383</v>
      </c>
      <c r="J75266" s="1" t="s">
        <v>250669</v>
      </c>
    </row>
    <row r="75267" spans="1:10" x14ac:dyDescent="0.35">
      <c r="A75267" s="1" t="s">
        <v>10038</v>
      </c>
      <c r="B75267" s="1" t="s">
        <v>250378</v>
      </c>
      <c r="C75267" s="1" t="s">
        <v>135</v>
      </c>
      <c r="D75267" s="1" t="s">
        <v>222349</v>
      </c>
      <c r="E75267" s="1" t="s">
        <v>250670</v>
      </c>
      <c r="F75267" s="1" t="s">
        <v>250671</v>
      </c>
      <c r="G75267" s="1" t="s">
        <v>250588</v>
      </c>
      <c r="H75267" s="1" t="s">
        <v>250589</v>
      </c>
      <c r="I75267" s="1" t="s">
        <v>250383</v>
      </c>
      <c r="J75267" s="1" t="s">
        <v>250672</v>
      </c>
    </row>
    <row r="75268" spans="1:10" x14ac:dyDescent="0.35">
      <c r="A75268" s="1" t="s">
        <v>10038</v>
      </c>
      <c r="B75268" s="1" t="s">
        <v>250378</v>
      </c>
      <c r="C75268" s="1" t="s">
        <v>140</v>
      </c>
      <c r="D75268" s="1" t="s">
        <v>250673</v>
      </c>
      <c r="E75268" s="1" t="s">
        <v>250674</v>
      </c>
      <c r="F75268" s="1" t="s">
        <v>250675</v>
      </c>
      <c r="G75268" s="1" t="s">
        <v>250588</v>
      </c>
      <c r="H75268" s="1" t="s">
        <v>250589</v>
      </c>
      <c r="I75268" s="1" t="s">
        <v>250383</v>
      </c>
      <c r="J75268" s="1" t="s">
        <v>250676</v>
      </c>
    </row>
    <row r="75269" spans="1:10" x14ac:dyDescent="0.35">
      <c r="A75269" s="1" t="s">
        <v>10038</v>
      </c>
      <c r="B75269" s="1" t="s">
        <v>250378</v>
      </c>
      <c r="C75269" s="1" t="s">
        <v>145</v>
      </c>
      <c r="D75269" s="1" t="s">
        <v>208147</v>
      </c>
      <c r="E75269" s="1" t="s">
        <v>250677</v>
      </c>
      <c r="F75269" s="1" t="s">
        <v>250678</v>
      </c>
      <c r="G75269" s="1" t="s">
        <v>250588</v>
      </c>
      <c r="H75269" s="1" t="s">
        <v>250589</v>
      </c>
      <c r="I75269" s="1" t="s">
        <v>250383</v>
      </c>
      <c r="J75269" s="1" t="s">
        <v>250679</v>
      </c>
    </row>
    <row r="75270" spans="1:10" x14ac:dyDescent="0.35">
      <c r="A75270" s="1" t="s">
        <v>10038</v>
      </c>
      <c r="B75270" s="1" t="s">
        <v>250378</v>
      </c>
      <c r="C75270" s="1" t="s">
        <v>150</v>
      </c>
      <c r="D75270" s="1" t="s">
        <v>250680</v>
      </c>
      <c r="E75270" s="1" t="s">
        <v>250681</v>
      </c>
      <c r="F75270" s="1" t="s">
        <v>250682</v>
      </c>
      <c r="G75270" s="1" t="s">
        <v>250588</v>
      </c>
      <c r="H75270" s="1" t="s">
        <v>250589</v>
      </c>
      <c r="I75270" s="1" t="s">
        <v>250383</v>
      </c>
      <c r="J75270" s="1" t="s">
        <v>250683</v>
      </c>
    </row>
    <row r="75271" spans="1:10" x14ac:dyDescent="0.35">
      <c r="A75271" s="1" t="s">
        <v>10038</v>
      </c>
      <c r="B75271" s="1" t="s">
        <v>250378</v>
      </c>
      <c r="C75271" s="1" t="s">
        <v>155</v>
      </c>
      <c r="D75271" s="1" t="s">
        <v>250684</v>
      </c>
      <c r="E75271" s="1" t="s">
        <v>250685</v>
      </c>
      <c r="F75271" s="1" t="s">
        <v>250686</v>
      </c>
      <c r="G75271" s="1" t="s">
        <v>250588</v>
      </c>
      <c r="H75271" s="1" t="s">
        <v>250589</v>
      </c>
      <c r="I75271" s="1" t="s">
        <v>250383</v>
      </c>
      <c r="J75271" s="1" t="s">
        <v>250687</v>
      </c>
    </row>
    <row r="75272" spans="1:10" x14ac:dyDescent="0.35">
      <c r="A75272" s="1" t="s">
        <v>10038</v>
      </c>
      <c r="B75272" s="1" t="s">
        <v>250378</v>
      </c>
      <c r="C75272" s="1" t="s">
        <v>160</v>
      </c>
      <c r="D75272" s="1" t="s">
        <v>82697</v>
      </c>
      <c r="E75272" s="1" t="s">
        <v>250688</v>
      </c>
      <c r="F75272" s="1" t="s">
        <v>250689</v>
      </c>
      <c r="G75272" s="1" t="s">
        <v>250588</v>
      </c>
      <c r="H75272" s="1" t="s">
        <v>250589</v>
      </c>
      <c r="I75272" s="1" t="s">
        <v>250383</v>
      </c>
      <c r="J75272" s="1" t="s">
        <v>250690</v>
      </c>
    </row>
    <row r="75273" spans="1:10" x14ac:dyDescent="0.35">
      <c r="A75273" s="1" t="s">
        <v>10038</v>
      </c>
      <c r="B75273" s="1" t="s">
        <v>250378</v>
      </c>
      <c r="C75273" s="1" t="s">
        <v>165</v>
      </c>
      <c r="D75273" s="1" t="s">
        <v>250691</v>
      </c>
      <c r="E75273" s="1" t="s">
        <v>250692</v>
      </c>
      <c r="F75273" s="1" t="s">
        <v>250693</v>
      </c>
      <c r="G75273" s="1" t="s">
        <v>250588</v>
      </c>
      <c r="H75273" s="1" t="s">
        <v>250589</v>
      </c>
      <c r="I75273" s="1" t="s">
        <v>250383</v>
      </c>
      <c r="J75273" s="1" t="s">
        <v>250694</v>
      </c>
    </row>
    <row r="75274" spans="1:10" x14ac:dyDescent="0.35">
      <c r="A75274" s="1" t="s">
        <v>10038</v>
      </c>
      <c r="B75274" s="1" t="s">
        <v>250378</v>
      </c>
      <c r="C75274" s="1" t="s">
        <v>170</v>
      </c>
      <c r="D75274" s="1" t="s">
        <v>250695</v>
      </c>
      <c r="E75274" s="1" t="s">
        <v>250696</v>
      </c>
      <c r="F75274" s="1" t="s">
        <v>250697</v>
      </c>
      <c r="G75274" s="1" t="s">
        <v>250588</v>
      </c>
      <c r="H75274" s="1" t="s">
        <v>250589</v>
      </c>
      <c r="I75274" s="1" t="s">
        <v>250383</v>
      </c>
      <c r="J75274" s="1" t="s">
        <v>250698</v>
      </c>
    </row>
    <row r="75275" spans="1:10" x14ac:dyDescent="0.35">
      <c r="A75275" s="1" t="s">
        <v>46348</v>
      </c>
      <c r="B75275" s="1" t="s">
        <v>250378</v>
      </c>
      <c r="C75275" s="1" t="s">
        <v>8</v>
      </c>
      <c r="D75275" s="1" t="s">
        <v>73672</v>
      </c>
      <c r="E75275" s="1" t="s">
        <v>250699</v>
      </c>
      <c r="F75275" s="1" t="s">
        <v>250700</v>
      </c>
      <c r="G75275" s="1" t="s">
        <v>250701</v>
      </c>
      <c r="H75275" s="1" t="s">
        <v>250702</v>
      </c>
      <c r="I75275" s="1" t="s">
        <v>250383</v>
      </c>
      <c r="J75275" s="1" t="s">
        <v>13</v>
      </c>
    </row>
    <row r="75276" spans="1:10" x14ac:dyDescent="0.35">
      <c r="A75276" s="1" t="s">
        <v>46348</v>
      </c>
      <c r="B75276" s="1" t="s">
        <v>250378</v>
      </c>
      <c r="C75276" s="1" t="s">
        <v>15</v>
      </c>
      <c r="D75276" s="1" t="s">
        <v>220025</v>
      </c>
      <c r="E75276" s="1" t="s">
        <v>250703</v>
      </c>
      <c r="F75276" s="1" t="s">
        <v>250704</v>
      </c>
      <c r="G75276" s="1" t="s">
        <v>250701</v>
      </c>
      <c r="H75276" s="1" t="s">
        <v>250702</v>
      </c>
      <c r="I75276" s="1" t="s">
        <v>250383</v>
      </c>
      <c r="J75276" s="1" t="s">
        <v>250705</v>
      </c>
    </row>
    <row r="75277" spans="1:10" x14ac:dyDescent="0.35">
      <c r="A75277" s="1" t="s">
        <v>46348</v>
      </c>
      <c r="B75277" s="1" t="s">
        <v>250378</v>
      </c>
      <c r="C75277" s="1" t="s">
        <v>20</v>
      </c>
      <c r="D75277" s="1" t="s">
        <v>250706</v>
      </c>
      <c r="E75277" s="1" t="s">
        <v>250707</v>
      </c>
      <c r="F75277" s="1" t="s">
        <v>250708</v>
      </c>
      <c r="G75277" s="1" t="s">
        <v>250701</v>
      </c>
      <c r="H75277" s="1" t="s">
        <v>250702</v>
      </c>
      <c r="I75277" s="1" t="s">
        <v>250383</v>
      </c>
      <c r="J75277" s="1" t="s">
        <v>250709</v>
      </c>
    </row>
    <row r="75278" spans="1:10" x14ac:dyDescent="0.35">
      <c r="A75278" s="1" t="s">
        <v>46348</v>
      </c>
      <c r="B75278" s="1" t="s">
        <v>250378</v>
      </c>
      <c r="C75278" s="1" t="s">
        <v>25</v>
      </c>
      <c r="D75278" s="1" t="s">
        <v>250710</v>
      </c>
      <c r="E75278" s="1" t="s">
        <v>250711</v>
      </c>
      <c r="F75278" s="1" t="s">
        <v>250712</v>
      </c>
      <c r="G75278" s="1" t="s">
        <v>250701</v>
      </c>
      <c r="H75278" s="1" t="s">
        <v>250702</v>
      </c>
      <c r="I75278" s="1" t="s">
        <v>250383</v>
      </c>
      <c r="J75278" s="1" t="s">
        <v>250713</v>
      </c>
    </row>
    <row r="75279" spans="1:10" x14ac:dyDescent="0.35">
      <c r="A75279" s="1" t="s">
        <v>46348</v>
      </c>
      <c r="B75279" s="1" t="s">
        <v>250378</v>
      </c>
      <c r="C75279" s="1" t="s">
        <v>30</v>
      </c>
      <c r="D75279" s="1" t="s">
        <v>126380</v>
      </c>
      <c r="E75279" s="1" t="s">
        <v>250714</v>
      </c>
      <c r="F75279" s="1" t="s">
        <v>250715</v>
      </c>
      <c r="G75279" s="1" t="s">
        <v>250701</v>
      </c>
      <c r="H75279" s="1" t="s">
        <v>250702</v>
      </c>
      <c r="I75279" s="1" t="s">
        <v>250383</v>
      </c>
      <c r="J75279" s="1" t="s">
        <v>250716</v>
      </c>
    </row>
    <row r="75280" spans="1:10" x14ac:dyDescent="0.35">
      <c r="A75280" s="1" t="s">
        <v>46348</v>
      </c>
      <c r="B75280" s="1" t="s">
        <v>250378</v>
      </c>
      <c r="C75280" s="1" t="s">
        <v>35</v>
      </c>
      <c r="D75280" s="1" t="s">
        <v>31</v>
      </c>
      <c r="E75280" s="1" t="s">
        <v>250717</v>
      </c>
      <c r="F75280" s="1" t="s">
        <v>250718</v>
      </c>
      <c r="G75280" s="1" t="s">
        <v>250701</v>
      </c>
      <c r="H75280" s="1" t="s">
        <v>250702</v>
      </c>
      <c r="I75280" s="1" t="s">
        <v>250383</v>
      </c>
      <c r="J75280" s="1" t="s">
        <v>250719</v>
      </c>
    </row>
    <row r="75281" spans="1:10" x14ac:dyDescent="0.35">
      <c r="A75281" s="1" t="s">
        <v>46348</v>
      </c>
      <c r="B75281" s="1" t="s">
        <v>250378</v>
      </c>
      <c r="C75281" s="1" t="s">
        <v>40</v>
      </c>
      <c r="D75281" s="1" t="s">
        <v>181234</v>
      </c>
      <c r="E75281" s="1" t="s">
        <v>250720</v>
      </c>
      <c r="F75281" s="1" t="s">
        <v>250721</v>
      </c>
      <c r="G75281" s="1" t="s">
        <v>250701</v>
      </c>
      <c r="H75281" s="1" t="s">
        <v>250702</v>
      </c>
      <c r="I75281" s="1" t="s">
        <v>250383</v>
      </c>
      <c r="J75281" s="1" t="s">
        <v>250722</v>
      </c>
    </row>
    <row r="75282" spans="1:10" x14ac:dyDescent="0.35">
      <c r="A75282" s="1" t="s">
        <v>46348</v>
      </c>
      <c r="B75282" s="1" t="s">
        <v>250378</v>
      </c>
      <c r="C75282" s="1" t="s">
        <v>45</v>
      </c>
      <c r="D75282" s="1" t="s">
        <v>35591</v>
      </c>
      <c r="E75282" s="1" t="s">
        <v>250723</v>
      </c>
      <c r="F75282" s="1" t="s">
        <v>250724</v>
      </c>
      <c r="G75282" s="1" t="s">
        <v>250701</v>
      </c>
      <c r="H75282" s="1" t="s">
        <v>250702</v>
      </c>
      <c r="I75282" s="1" t="s">
        <v>250383</v>
      </c>
      <c r="J75282" s="1" t="s">
        <v>250725</v>
      </c>
    </row>
    <row r="75283" spans="1:10" x14ac:dyDescent="0.35">
      <c r="A75283" s="1" t="s">
        <v>46348</v>
      </c>
      <c r="B75283" s="1" t="s">
        <v>250378</v>
      </c>
      <c r="C75283" s="1" t="s">
        <v>50</v>
      </c>
      <c r="D75283" s="1" t="s">
        <v>120402</v>
      </c>
      <c r="E75283" s="1" t="s">
        <v>250726</v>
      </c>
      <c r="F75283" s="1" t="s">
        <v>250727</v>
      </c>
      <c r="G75283" s="1" t="s">
        <v>250701</v>
      </c>
      <c r="H75283" s="1" t="s">
        <v>250702</v>
      </c>
      <c r="I75283" s="1" t="s">
        <v>250383</v>
      </c>
      <c r="J75283" s="1" t="s">
        <v>250728</v>
      </c>
    </row>
    <row r="75284" spans="1:10" x14ac:dyDescent="0.35">
      <c r="A75284" s="1" t="s">
        <v>46348</v>
      </c>
      <c r="B75284" s="1" t="s">
        <v>250378</v>
      </c>
      <c r="C75284" s="1" t="s">
        <v>55</v>
      </c>
      <c r="D75284" s="1" t="s">
        <v>19798</v>
      </c>
      <c r="E75284" s="1" t="s">
        <v>250729</v>
      </c>
      <c r="F75284" s="1" t="s">
        <v>250730</v>
      </c>
      <c r="G75284" s="1" t="s">
        <v>250701</v>
      </c>
      <c r="H75284" s="1" t="s">
        <v>250702</v>
      </c>
      <c r="I75284" s="1" t="s">
        <v>250383</v>
      </c>
      <c r="J75284" s="1" t="s">
        <v>250731</v>
      </c>
    </row>
    <row r="75285" spans="1:10" x14ac:dyDescent="0.35">
      <c r="A75285" s="1" t="s">
        <v>46348</v>
      </c>
      <c r="B75285" s="1" t="s">
        <v>250378</v>
      </c>
      <c r="C75285" s="1" t="s">
        <v>60</v>
      </c>
      <c r="D75285" s="1" t="s">
        <v>269</v>
      </c>
      <c r="E75285" s="1" t="s">
        <v>250732</v>
      </c>
      <c r="F75285" s="1" t="s">
        <v>250733</v>
      </c>
      <c r="G75285" s="1" t="s">
        <v>250701</v>
      </c>
      <c r="H75285" s="1" t="s">
        <v>250702</v>
      </c>
      <c r="I75285" s="1" t="s">
        <v>250383</v>
      </c>
      <c r="J75285" s="1" t="s">
        <v>250734</v>
      </c>
    </row>
    <row r="75286" spans="1:10" x14ac:dyDescent="0.35">
      <c r="A75286" s="1" t="s">
        <v>46348</v>
      </c>
      <c r="B75286" s="1" t="s">
        <v>250378</v>
      </c>
      <c r="C75286" s="1" t="s">
        <v>65</v>
      </c>
      <c r="D75286" s="1" t="s">
        <v>15406</v>
      </c>
      <c r="E75286" s="1" t="s">
        <v>250735</v>
      </c>
      <c r="F75286" s="1" t="s">
        <v>250736</v>
      </c>
      <c r="G75286" s="1" t="s">
        <v>250701</v>
      </c>
      <c r="H75286" s="1" t="s">
        <v>250702</v>
      </c>
      <c r="I75286" s="1" t="s">
        <v>250383</v>
      </c>
      <c r="J75286" s="1" t="s">
        <v>250737</v>
      </c>
    </row>
    <row r="75287" spans="1:10" x14ac:dyDescent="0.35">
      <c r="A75287" s="1" t="s">
        <v>46348</v>
      </c>
      <c r="B75287" s="1" t="s">
        <v>250378</v>
      </c>
      <c r="C75287" s="1" t="s">
        <v>70</v>
      </c>
      <c r="D75287" s="1" t="s">
        <v>17809</v>
      </c>
      <c r="E75287" s="1" t="s">
        <v>250738</v>
      </c>
      <c r="F75287" s="1" t="s">
        <v>250739</v>
      </c>
      <c r="G75287" s="1" t="s">
        <v>250701</v>
      </c>
      <c r="H75287" s="1" t="s">
        <v>250702</v>
      </c>
      <c r="I75287" s="1" t="s">
        <v>250383</v>
      </c>
      <c r="J75287" s="1" t="s">
        <v>250740</v>
      </c>
    </row>
    <row r="75288" spans="1:10" x14ac:dyDescent="0.35">
      <c r="A75288" s="1" t="s">
        <v>46348</v>
      </c>
      <c r="B75288" s="1" t="s">
        <v>250378</v>
      </c>
      <c r="C75288" s="1" t="s">
        <v>75</v>
      </c>
      <c r="D75288" s="1" t="s">
        <v>30245</v>
      </c>
      <c r="E75288" s="1" t="s">
        <v>250741</v>
      </c>
      <c r="F75288" s="1" t="s">
        <v>250742</v>
      </c>
      <c r="G75288" s="1" t="s">
        <v>250701</v>
      </c>
      <c r="H75288" s="1" t="s">
        <v>250702</v>
      </c>
      <c r="I75288" s="1" t="s">
        <v>250383</v>
      </c>
      <c r="J75288" s="1" t="s">
        <v>250743</v>
      </c>
    </row>
    <row r="75289" spans="1:10" x14ac:dyDescent="0.35">
      <c r="A75289" s="1" t="s">
        <v>46348</v>
      </c>
      <c r="B75289" s="1" t="s">
        <v>250378</v>
      </c>
      <c r="C75289" s="1" t="s">
        <v>80</v>
      </c>
      <c r="D75289" s="1" t="s">
        <v>42783</v>
      </c>
      <c r="E75289" s="1" t="s">
        <v>250744</v>
      </c>
      <c r="F75289" s="1" t="s">
        <v>250745</v>
      </c>
      <c r="G75289" s="1" t="s">
        <v>250701</v>
      </c>
      <c r="H75289" s="1" t="s">
        <v>250702</v>
      </c>
      <c r="I75289" s="1" t="s">
        <v>250383</v>
      </c>
      <c r="J75289" s="1" t="s">
        <v>250746</v>
      </c>
    </row>
    <row r="75290" spans="1:10" x14ac:dyDescent="0.35">
      <c r="A75290" s="1" t="s">
        <v>46348</v>
      </c>
      <c r="B75290" s="1" t="s">
        <v>250378</v>
      </c>
      <c r="C75290" s="1" t="s">
        <v>85</v>
      </c>
      <c r="D75290" s="1" t="s">
        <v>3136</v>
      </c>
      <c r="E75290" s="1" t="s">
        <v>250747</v>
      </c>
      <c r="F75290" s="1" t="s">
        <v>250748</v>
      </c>
      <c r="G75290" s="1" t="s">
        <v>250701</v>
      </c>
      <c r="H75290" s="1" t="s">
        <v>250702</v>
      </c>
      <c r="I75290" s="1" t="s">
        <v>250383</v>
      </c>
      <c r="J75290" s="1" t="s">
        <v>250749</v>
      </c>
    </row>
    <row r="75291" spans="1:10" x14ac:dyDescent="0.35">
      <c r="A75291" s="1" t="s">
        <v>46348</v>
      </c>
      <c r="B75291" s="1" t="s">
        <v>250378</v>
      </c>
      <c r="C75291" s="1" t="s">
        <v>90</v>
      </c>
      <c r="D75291" s="1" t="s">
        <v>82997</v>
      </c>
      <c r="E75291" s="1" t="s">
        <v>250750</v>
      </c>
      <c r="F75291" s="1" t="s">
        <v>250751</v>
      </c>
      <c r="G75291" s="1" t="s">
        <v>250701</v>
      </c>
      <c r="H75291" s="1" t="s">
        <v>250702</v>
      </c>
      <c r="I75291" s="1" t="s">
        <v>250383</v>
      </c>
      <c r="J75291" s="1" t="s">
        <v>250752</v>
      </c>
    </row>
    <row r="75292" spans="1:10" x14ac:dyDescent="0.35">
      <c r="A75292" s="1" t="s">
        <v>46348</v>
      </c>
      <c r="B75292" s="1" t="s">
        <v>250378</v>
      </c>
      <c r="C75292" s="1" t="s">
        <v>95</v>
      </c>
      <c r="D75292" s="1" t="s">
        <v>45295</v>
      </c>
      <c r="E75292" s="1" t="s">
        <v>250753</v>
      </c>
      <c r="F75292" s="1" t="s">
        <v>250754</v>
      </c>
      <c r="G75292" s="1" t="s">
        <v>250701</v>
      </c>
      <c r="H75292" s="1" t="s">
        <v>250702</v>
      </c>
      <c r="I75292" s="1" t="s">
        <v>250383</v>
      </c>
      <c r="J75292" s="1" t="s">
        <v>250755</v>
      </c>
    </row>
    <row r="75293" spans="1:10" x14ac:dyDescent="0.35">
      <c r="A75293" s="1" t="s">
        <v>46348</v>
      </c>
      <c r="B75293" s="1" t="s">
        <v>250378</v>
      </c>
      <c r="C75293" s="1" t="s">
        <v>100</v>
      </c>
      <c r="D75293" s="1" t="s">
        <v>74266</v>
      </c>
      <c r="E75293" s="1" t="s">
        <v>250756</v>
      </c>
      <c r="F75293" s="1" t="s">
        <v>250757</v>
      </c>
      <c r="G75293" s="1" t="s">
        <v>250701</v>
      </c>
      <c r="H75293" s="1" t="s">
        <v>250702</v>
      </c>
      <c r="I75293" s="1" t="s">
        <v>250383</v>
      </c>
      <c r="J75293" s="1" t="s">
        <v>250758</v>
      </c>
    </row>
    <row r="75294" spans="1:10" x14ac:dyDescent="0.35">
      <c r="A75294" s="1" t="s">
        <v>46348</v>
      </c>
      <c r="B75294" s="1" t="s">
        <v>250378</v>
      </c>
      <c r="C75294" s="1" t="s">
        <v>105</v>
      </c>
      <c r="D75294" s="1" t="s">
        <v>221890</v>
      </c>
      <c r="E75294" s="1" t="s">
        <v>250759</v>
      </c>
      <c r="F75294" s="1" t="s">
        <v>250760</v>
      </c>
      <c r="G75294" s="1" t="s">
        <v>250701</v>
      </c>
      <c r="H75294" s="1" t="s">
        <v>250702</v>
      </c>
      <c r="I75294" s="1" t="s">
        <v>250383</v>
      </c>
      <c r="J75294" s="1" t="s">
        <v>250761</v>
      </c>
    </row>
    <row r="75295" spans="1:10" x14ac:dyDescent="0.35">
      <c r="A75295" s="1" t="s">
        <v>46348</v>
      </c>
      <c r="B75295" s="1" t="s">
        <v>250378</v>
      </c>
      <c r="C75295" s="1" t="s">
        <v>110</v>
      </c>
      <c r="D75295" s="1" t="s">
        <v>49736</v>
      </c>
      <c r="E75295" s="1" t="s">
        <v>250762</v>
      </c>
      <c r="F75295" s="1" t="s">
        <v>250763</v>
      </c>
      <c r="G75295" s="1" t="s">
        <v>250701</v>
      </c>
      <c r="H75295" s="1" t="s">
        <v>250702</v>
      </c>
      <c r="I75295" s="1" t="s">
        <v>250383</v>
      </c>
      <c r="J75295" s="1" t="s">
        <v>250764</v>
      </c>
    </row>
    <row r="75296" spans="1:10" x14ac:dyDescent="0.35">
      <c r="A75296" s="1" t="s">
        <v>46348</v>
      </c>
      <c r="B75296" s="1" t="s">
        <v>250378</v>
      </c>
      <c r="C75296" s="1" t="s">
        <v>115</v>
      </c>
      <c r="D75296" s="1" t="s">
        <v>3679</v>
      </c>
      <c r="E75296" s="1" t="s">
        <v>250765</v>
      </c>
      <c r="F75296" s="1" t="s">
        <v>250766</v>
      </c>
      <c r="G75296" s="1" t="s">
        <v>250701</v>
      </c>
      <c r="H75296" s="1" t="s">
        <v>250702</v>
      </c>
      <c r="I75296" s="1" t="s">
        <v>250383</v>
      </c>
      <c r="J75296" s="1" t="s">
        <v>250767</v>
      </c>
    </row>
    <row r="75297" spans="1:10" x14ac:dyDescent="0.35">
      <c r="A75297" s="1" t="s">
        <v>46348</v>
      </c>
      <c r="B75297" s="1" t="s">
        <v>250378</v>
      </c>
      <c r="C75297" s="1" t="s">
        <v>120</v>
      </c>
      <c r="D75297" s="1" t="s">
        <v>36008</v>
      </c>
      <c r="E75297" s="1" t="s">
        <v>250768</v>
      </c>
      <c r="F75297" s="1" t="s">
        <v>250769</v>
      </c>
      <c r="G75297" s="1" t="s">
        <v>250701</v>
      </c>
      <c r="H75297" s="1" t="s">
        <v>250702</v>
      </c>
      <c r="I75297" s="1" t="s">
        <v>250383</v>
      </c>
      <c r="J75297" s="1" t="s">
        <v>250770</v>
      </c>
    </row>
    <row r="75298" spans="1:10" x14ac:dyDescent="0.35">
      <c r="A75298" s="1" t="s">
        <v>46348</v>
      </c>
      <c r="B75298" s="1" t="s">
        <v>250378</v>
      </c>
      <c r="C75298" s="1" t="s">
        <v>125</v>
      </c>
      <c r="D75298" s="1" t="s">
        <v>245888</v>
      </c>
      <c r="E75298" s="1" t="s">
        <v>250771</v>
      </c>
      <c r="F75298" s="1" t="s">
        <v>87520</v>
      </c>
      <c r="G75298" s="1" t="s">
        <v>250701</v>
      </c>
      <c r="H75298" s="1" t="s">
        <v>250702</v>
      </c>
      <c r="I75298" s="1" t="s">
        <v>250383</v>
      </c>
      <c r="J75298" s="1" t="s">
        <v>250772</v>
      </c>
    </row>
    <row r="75299" spans="1:10" x14ac:dyDescent="0.35">
      <c r="A75299" s="1" t="s">
        <v>46348</v>
      </c>
      <c r="B75299" s="1" t="s">
        <v>250378</v>
      </c>
      <c r="C75299" s="1" t="s">
        <v>130</v>
      </c>
      <c r="D75299" s="1" t="s">
        <v>6759</v>
      </c>
      <c r="E75299" s="1" t="s">
        <v>250773</v>
      </c>
      <c r="F75299" s="1" t="s">
        <v>250774</v>
      </c>
      <c r="G75299" s="1" t="s">
        <v>250701</v>
      </c>
      <c r="H75299" s="1" t="s">
        <v>250702</v>
      </c>
      <c r="I75299" s="1" t="s">
        <v>250383</v>
      </c>
      <c r="J75299" s="1" t="s">
        <v>250775</v>
      </c>
    </row>
    <row r="75300" spans="1:10" x14ac:dyDescent="0.35">
      <c r="A75300" s="1" t="s">
        <v>46348</v>
      </c>
      <c r="B75300" s="1" t="s">
        <v>250378</v>
      </c>
      <c r="C75300" s="1" t="s">
        <v>135</v>
      </c>
      <c r="D75300" s="1" t="s">
        <v>195863</v>
      </c>
      <c r="E75300" s="1" t="s">
        <v>250776</v>
      </c>
      <c r="F75300" s="1" t="s">
        <v>250777</v>
      </c>
      <c r="G75300" s="1" t="s">
        <v>250701</v>
      </c>
      <c r="H75300" s="1" t="s">
        <v>250702</v>
      </c>
      <c r="I75300" s="1" t="s">
        <v>250383</v>
      </c>
      <c r="J75300" s="1" t="s">
        <v>250778</v>
      </c>
    </row>
    <row r="75301" spans="1:10" x14ac:dyDescent="0.35">
      <c r="A75301" s="1" t="s">
        <v>46348</v>
      </c>
      <c r="B75301" s="1" t="s">
        <v>250378</v>
      </c>
      <c r="C75301" s="1" t="s">
        <v>140</v>
      </c>
      <c r="D75301" s="1" t="s">
        <v>250779</v>
      </c>
      <c r="E75301" s="1" t="s">
        <v>250780</v>
      </c>
      <c r="F75301" s="1" t="s">
        <v>250781</v>
      </c>
      <c r="G75301" s="1" t="s">
        <v>250701</v>
      </c>
      <c r="H75301" s="1" t="s">
        <v>250702</v>
      </c>
      <c r="I75301" s="1" t="s">
        <v>250383</v>
      </c>
      <c r="J75301" s="1" t="s">
        <v>250782</v>
      </c>
    </row>
    <row r="75302" spans="1:10" x14ac:dyDescent="0.35">
      <c r="A75302" s="1" t="s">
        <v>46348</v>
      </c>
      <c r="B75302" s="1" t="s">
        <v>250378</v>
      </c>
      <c r="C75302" s="1" t="s">
        <v>145</v>
      </c>
      <c r="D75302" s="1" t="s">
        <v>250783</v>
      </c>
      <c r="E75302" s="1" t="s">
        <v>250784</v>
      </c>
      <c r="F75302" s="1" t="s">
        <v>250785</v>
      </c>
      <c r="G75302" s="1" t="s">
        <v>250701</v>
      </c>
      <c r="H75302" s="1" t="s">
        <v>250702</v>
      </c>
      <c r="I75302" s="1" t="s">
        <v>250383</v>
      </c>
      <c r="J75302" s="1" t="s">
        <v>250786</v>
      </c>
    </row>
    <row r="75303" spans="1:10" x14ac:dyDescent="0.35">
      <c r="A75303" s="1" t="s">
        <v>46348</v>
      </c>
      <c r="B75303" s="1" t="s">
        <v>250378</v>
      </c>
      <c r="C75303" s="1" t="s">
        <v>150</v>
      </c>
      <c r="D75303" s="1" t="s">
        <v>219848</v>
      </c>
      <c r="E75303" s="1" t="s">
        <v>250787</v>
      </c>
      <c r="F75303" s="1" t="s">
        <v>250788</v>
      </c>
      <c r="G75303" s="1" t="s">
        <v>250701</v>
      </c>
      <c r="H75303" s="1" t="s">
        <v>250702</v>
      </c>
      <c r="I75303" s="1" t="s">
        <v>250383</v>
      </c>
      <c r="J75303" s="1" t="s">
        <v>250789</v>
      </c>
    </row>
    <row r="75304" spans="1:10" x14ac:dyDescent="0.35">
      <c r="A75304" s="1" t="s">
        <v>46348</v>
      </c>
      <c r="B75304" s="1" t="s">
        <v>250378</v>
      </c>
      <c r="C75304" s="1" t="s">
        <v>155</v>
      </c>
      <c r="D75304" s="1" t="s">
        <v>250790</v>
      </c>
      <c r="E75304" s="1" t="s">
        <v>250791</v>
      </c>
      <c r="F75304" s="1" t="s">
        <v>250792</v>
      </c>
      <c r="G75304" s="1" t="s">
        <v>250701</v>
      </c>
      <c r="H75304" s="1" t="s">
        <v>250702</v>
      </c>
      <c r="I75304" s="1" t="s">
        <v>250383</v>
      </c>
      <c r="J75304" s="1" t="s">
        <v>250793</v>
      </c>
    </row>
    <row r="75305" spans="1:10" x14ac:dyDescent="0.35">
      <c r="A75305" s="1" t="s">
        <v>46348</v>
      </c>
      <c r="B75305" s="1" t="s">
        <v>250378</v>
      </c>
      <c r="C75305" s="1" t="s">
        <v>160</v>
      </c>
      <c r="D75305" s="1" t="s">
        <v>73512</v>
      </c>
      <c r="E75305" s="1" t="s">
        <v>250794</v>
      </c>
      <c r="F75305" s="1" t="s">
        <v>250795</v>
      </c>
      <c r="G75305" s="1" t="s">
        <v>250701</v>
      </c>
      <c r="H75305" s="1" t="s">
        <v>250702</v>
      </c>
      <c r="I75305" s="1" t="s">
        <v>250383</v>
      </c>
      <c r="J75305" s="1" t="s">
        <v>250796</v>
      </c>
    </row>
    <row r="75306" spans="1:10" x14ac:dyDescent="0.35">
      <c r="A75306" s="1" t="s">
        <v>46348</v>
      </c>
      <c r="B75306" s="1" t="s">
        <v>250378</v>
      </c>
      <c r="C75306" s="1" t="s">
        <v>165</v>
      </c>
      <c r="D75306" s="1" t="s">
        <v>147172</v>
      </c>
      <c r="E75306" s="1" t="s">
        <v>250797</v>
      </c>
      <c r="F75306" s="1" t="s">
        <v>250798</v>
      </c>
      <c r="G75306" s="1" t="s">
        <v>250701</v>
      </c>
      <c r="H75306" s="1" t="s">
        <v>250702</v>
      </c>
      <c r="I75306" s="1" t="s">
        <v>250383</v>
      </c>
      <c r="J75306" s="1" t="s">
        <v>250799</v>
      </c>
    </row>
    <row r="75307" spans="1:10" x14ac:dyDescent="0.35">
      <c r="A75307" s="1" t="s">
        <v>46348</v>
      </c>
      <c r="B75307" s="1" t="s">
        <v>250378</v>
      </c>
      <c r="C75307" s="1" t="s">
        <v>170</v>
      </c>
      <c r="D75307" s="1" t="s">
        <v>250800</v>
      </c>
      <c r="E75307" s="1" t="s">
        <v>250801</v>
      </c>
      <c r="F75307" s="1" t="s">
        <v>250802</v>
      </c>
      <c r="G75307" s="1" t="s">
        <v>250701</v>
      </c>
      <c r="H75307" s="1" t="s">
        <v>250702</v>
      </c>
      <c r="I75307" s="1" t="s">
        <v>250383</v>
      </c>
      <c r="J75307" s="1" t="s">
        <v>250803</v>
      </c>
    </row>
    <row r="75308" spans="1:10" x14ac:dyDescent="0.35">
      <c r="A75308" s="1" t="s">
        <v>8079</v>
      </c>
      <c r="B75308" s="1" t="s">
        <v>250378</v>
      </c>
      <c r="C75308" s="1" t="s">
        <v>8</v>
      </c>
      <c r="D75308" s="1" t="s">
        <v>2940</v>
      </c>
      <c r="E75308" s="1" t="s">
        <v>250804</v>
      </c>
      <c r="F75308" s="1" t="s">
        <v>250805</v>
      </c>
      <c r="G75308" s="1" t="s">
        <v>250806</v>
      </c>
      <c r="H75308" s="1" t="s">
        <v>250807</v>
      </c>
      <c r="I75308" s="1" t="s">
        <v>250383</v>
      </c>
      <c r="J75308" s="1" t="s">
        <v>13</v>
      </c>
    </row>
    <row r="75309" spans="1:10" x14ac:dyDescent="0.35">
      <c r="A75309" s="1" t="s">
        <v>8079</v>
      </c>
      <c r="B75309" s="1" t="s">
        <v>250378</v>
      </c>
      <c r="C75309" s="1" t="s">
        <v>15</v>
      </c>
      <c r="D75309" s="1" t="s">
        <v>161174</v>
      </c>
      <c r="E75309" s="1" t="s">
        <v>250808</v>
      </c>
      <c r="F75309" s="1" t="s">
        <v>250809</v>
      </c>
      <c r="G75309" s="1" t="s">
        <v>250806</v>
      </c>
      <c r="H75309" s="1" t="s">
        <v>250807</v>
      </c>
      <c r="I75309" s="1" t="s">
        <v>250383</v>
      </c>
      <c r="J75309" s="1" t="s">
        <v>250810</v>
      </c>
    </row>
    <row r="75310" spans="1:10" x14ac:dyDescent="0.35">
      <c r="A75310" s="1" t="s">
        <v>8079</v>
      </c>
      <c r="B75310" s="1" t="s">
        <v>250378</v>
      </c>
      <c r="C75310" s="1" t="s">
        <v>20</v>
      </c>
      <c r="D75310" s="1" t="s">
        <v>144109</v>
      </c>
      <c r="E75310" s="1" t="s">
        <v>250811</v>
      </c>
      <c r="F75310" s="1" t="s">
        <v>250812</v>
      </c>
      <c r="G75310" s="1" t="s">
        <v>250806</v>
      </c>
      <c r="H75310" s="1" t="s">
        <v>250807</v>
      </c>
      <c r="I75310" s="1" t="s">
        <v>250383</v>
      </c>
      <c r="J75310" s="1" t="s">
        <v>250813</v>
      </c>
    </row>
    <row r="75311" spans="1:10" x14ac:dyDescent="0.35">
      <c r="A75311" s="1" t="s">
        <v>8079</v>
      </c>
      <c r="B75311" s="1" t="s">
        <v>250378</v>
      </c>
      <c r="C75311" s="1" t="s">
        <v>25</v>
      </c>
      <c r="D75311" s="1" t="s">
        <v>46360</v>
      </c>
      <c r="E75311" s="1" t="s">
        <v>250814</v>
      </c>
      <c r="F75311" s="1" t="s">
        <v>250815</v>
      </c>
      <c r="G75311" s="1" t="s">
        <v>250806</v>
      </c>
      <c r="H75311" s="1" t="s">
        <v>250807</v>
      </c>
      <c r="I75311" s="1" t="s">
        <v>250383</v>
      </c>
      <c r="J75311" s="1" t="s">
        <v>250816</v>
      </c>
    </row>
    <row r="75312" spans="1:10" x14ac:dyDescent="0.35">
      <c r="A75312" s="1" t="s">
        <v>8079</v>
      </c>
      <c r="B75312" s="1" t="s">
        <v>250378</v>
      </c>
      <c r="C75312" s="1" t="s">
        <v>30</v>
      </c>
      <c r="D75312" s="1" t="s">
        <v>188827</v>
      </c>
      <c r="E75312" s="1" t="s">
        <v>250817</v>
      </c>
      <c r="F75312" s="1" t="s">
        <v>250818</v>
      </c>
      <c r="G75312" s="1" t="s">
        <v>250806</v>
      </c>
      <c r="H75312" s="1" t="s">
        <v>250807</v>
      </c>
      <c r="I75312" s="1" t="s">
        <v>250383</v>
      </c>
      <c r="J75312" s="1" t="s">
        <v>250819</v>
      </c>
    </row>
    <row r="75313" spans="1:10" x14ac:dyDescent="0.35">
      <c r="A75313" s="1" t="s">
        <v>8079</v>
      </c>
      <c r="B75313" s="1" t="s">
        <v>250378</v>
      </c>
      <c r="C75313" s="1" t="s">
        <v>35</v>
      </c>
      <c r="D75313" s="1" t="s">
        <v>27504</v>
      </c>
      <c r="E75313" s="1" t="s">
        <v>250820</v>
      </c>
      <c r="F75313" s="1" t="s">
        <v>250821</v>
      </c>
      <c r="G75313" s="1" t="s">
        <v>250806</v>
      </c>
      <c r="H75313" s="1" t="s">
        <v>250807</v>
      </c>
      <c r="I75313" s="1" t="s">
        <v>250383</v>
      </c>
      <c r="J75313" s="1" t="s">
        <v>250822</v>
      </c>
    </row>
    <row r="75314" spans="1:10" x14ac:dyDescent="0.35">
      <c r="A75314" s="1" t="s">
        <v>8079</v>
      </c>
      <c r="B75314" s="1" t="s">
        <v>250378</v>
      </c>
      <c r="C75314" s="1" t="s">
        <v>40</v>
      </c>
      <c r="D75314" s="1" t="s">
        <v>73315</v>
      </c>
      <c r="E75314" s="1" t="s">
        <v>250823</v>
      </c>
      <c r="F75314" s="1" t="s">
        <v>250824</v>
      </c>
      <c r="G75314" s="1" t="s">
        <v>250806</v>
      </c>
      <c r="H75314" s="1" t="s">
        <v>250807</v>
      </c>
      <c r="I75314" s="1" t="s">
        <v>250383</v>
      </c>
      <c r="J75314" s="1" t="s">
        <v>250825</v>
      </c>
    </row>
    <row r="75315" spans="1:10" x14ac:dyDescent="0.35">
      <c r="A75315" s="1" t="s">
        <v>8079</v>
      </c>
      <c r="B75315" s="1" t="s">
        <v>250378</v>
      </c>
      <c r="C75315" s="1" t="s">
        <v>45</v>
      </c>
      <c r="D75315" s="1" t="s">
        <v>118496</v>
      </c>
      <c r="E75315" s="1" t="s">
        <v>250826</v>
      </c>
      <c r="F75315" s="1" t="s">
        <v>250827</v>
      </c>
      <c r="G75315" s="1" t="s">
        <v>250806</v>
      </c>
      <c r="H75315" s="1" t="s">
        <v>250807</v>
      </c>
      <c r="I75315" s="1" t="s">
        <v>250383</v>
      </c>
      <c r="J75315" s="1" t="s">
        <v>12726</v>
      </c>
    </row>
    <row r="75316" spans="1:10" x14ac:dyDescent="0.35">
      <c r="A75316" s="1" t="s">
        <v>8079</v>
      </c>
      <c r="B75316" s="1" t="s">
        <v>250378</v>
      </c>
      <c r="C75316" s="1" t="s">
        <v>50</v>
      </c>
      <c r="D75316" s="1" t="s">
        <v>50453</v>
      </c>
      <c r="E75316" s="1" t="s">
        <v>250828</v>
      </c>
      <c r="F75316" s="1" t="s">
        <v>250829</v>
      </c>
      <c r="G75316" s="1" t="s">
        <v>250806</v>
      </c>
      <c r="H75316" s="1" t="s">
        <v>250807</v>
      </c>
      <c r="I75316" s="1" t="s">
        <v>250383</v>
      </c>
      <c r="J75316" s="1" t="s">
        <v>250830</v>
      </c>
    </row>
    <row r="75317" spans="1:10" x14ac:dyDescent="0.35">
      <c r="A75317" s="1" t="s">
        <v>8079</v>
      </c>
      <c r="B75317" s="1" t="s">
        <v>250378</v>
      </c>
      <c r="C75317" s="1" t="s">
        <v>55</v>
      </c>
      <c r="D75317" s="1" t="s">
        <v>161770</v>
      </c>
      <c r="E75317" s="1" t="s">
        <v>250831</v>
      </c>
      <c r="F75317" s="1" t="s">
        <v>250832</v>
      </c>
      <c r="G75317" s="1" t="s">
        <v>250806</v>
      </c>
      <c r="H75317" s="1" t="s">
        <v>250807</v>
      </c>
      <c r="I75317" s="1" t="s">
        <v>250383</v>
      </c>
      <c r="J75317" s="1" t="s">
        <v>250833</v>
      </c>
    </row>
    <row r="75318" spans="1:10" x14ac:dyDescent="0.35">
      <c r="A75318" s="1" t="s">
        <v>8079</v>
      </c>
      <c r="B75318" s="1" t="s">
        <v>250378</v>
      </c>
      <c r="C75318" s="1" t="s">
        <v>60</v>
      </c>
      <c r="D75318" s="1" t="s">
        <v>71166</v>
      </c>
      <c r="E75318" s="1" t="s">
        <v>250834</v>
      </c>
      <c r="F75318" s="1" t="s">
        <v>250835</v>
      </c>
      <c r="G75318" s="1" t="s">
        <v>250806</v>
      </c>
      <c r="H75318" s="1" t="s">
        <v>250807</v>
      </c>
      <c r="I75318" s="1" t="s">
        <v>250383</v>
      </c>
      <c r="J75318" s="1" t="s">
        <v>250836</v>
      </c>
    </row>
    <row r="75319" spans="1:10" x14ac:dyDescent="0.35">
      <c r="A75319" s="1" t="s">
        <v>8079</v>
      </c>
      <c r="B75319" s="1" t="s">
        <v>250378</v>
      </c>
      <c r="C75319" s="1" t="s">
        <v>65</v>
      </c>
      <c r="D75319" s="1" t="s">
        <v>169981</v>
      </c>
      <c r="E75319" s="1" t="s">
        <v>250837</v>
      </c>
      <c r="F75319" s="1" t="s">
        <v>250838</v>
      </c>
      <c r="G75319" s="1" t="s">
        <v>250806</v>
      </c>
      <c r="H75319" s="1" t="s">
        <v>250807</v>
      </c>
      <c r="I75319" s="1" t="s">
        <v>250383</v>
      </c>
      <c r="J75319" s="1" t="s">
        <v>250839</v>
      </c>
    </row>
    <row r="75320" spans="1:10" x14ac:dyDescent="0.35">
      <c r="A75320" s="1" t="s">
        <v>8079</v>
      </c>
      <c r="B75320" s="1" t="s">
        <v>250378</v>
      </c>
      <c r="C75320" s="1" t="s">
        <v>70</v>
      </c>
      <c r="D75320" s="1" t="s">
        <v>28314</v>
      </c>
      <c r="E75320" s="1" t="s">
        <v>250840</v>
      </c>
      <c r="F75320" s="1" t="s">
        <v>250841</v>
      </c>
      <c r="G75320" s="1" t="s">
        <v>250806</v>
      </c>
      <c r="H75320" s="1" t="s">
        <v>250807</v>
      </c>
      <c r="I75320" s="1" t="s">
        <v>250383</v>
      </c>
      <c r="J75320" s="1" t="s">
        <v>250842</v>
      </c>
    </row>
    <row r="75321" spans="1:10" x14ac:dyDescent="0.35">
      <c r="A75321" s="1" t="s">
        <v>8079</v>
      </c>
      <c r="B75321" s="1" t="s">
        <v>250378</v>
      </c>
      <c r="C75321" s="1" t="s">
        <v>75</v>
      </c>
      <c r="D75321" s="1" t="s">
        <v>73838</v>
      </c>
      <c r="E75321" s="1" t="s">
        <v>250843</v>
      </c>
      <c r="F75321" s="1" t="s">
        <v>250844</v>
      </c>
      <c r="G75321" s="1" t="s">
        <v>250806</v>
      </c>
      <c r="H75321" s="1" t="s">
        <v>250807</v>
      </c>
      <c r="I75321" s="1" t="s">
        <v>250383</v>
      </c>
      <c r="J75321" s="1" t="s">
        <v>250845</v>
      </c>
    </row>
    <row r="75322" spans="1:10" x14ac:dyDescent="0.35">
      <c r="A75322" s="1" t="s">
        <v>8079</v>
      </c>
      <c r="B75322" s="1" t="s">
        <v>250378</v>
      </c>
      <c r="C75322" s="1" t="s">
        <v>80</v>
      </c>
      <c r="D75322" s="1" t="s">
        <v>3244</v>
      </c>
      <c r="E75322" s="1" t="s">
        <v>250846</v>
      </c>
      <c r="F75322" s="1" t="s">
        <v>250847</v>
      </c>
      <c r="G75322" s="1" t="s">
        <v>250806</v>
      </c>
      <c r="H75322" s="1" t="s">
        <v>250807</v>
      </c>
      <c r="I75322" s="1" t="s">
        <v>250383</v>
      </c>
      <c r="J75322" s="1" t="s">
        <v>250848</v>
      </c>
    </row>
    <row r="75323" spans="1:10" x14ac:dyDescent="0.35">
      <c r="A75323" s="1" t="s">
        <v>8079</v>
      </c>
      <c r="B75323" s="1" t="s">
        <v>250378</v>
      </c>
      <c r="C75323" s="1" t="s">
        <v>85</v>
      </c>
      <c r="D75323" s="1" t="s">
        <v>1485</v>
      </c>
      <c r="E75323" s="1" t="s">
        <v>250849</v>
      </c>
      <c r="F75323" s="1" t="s">
        <v>250850</v>
      </c>
      <c r="G75323" s="1" t="s">
        <v>250806</v>
      </c>
      <c r="H75323" s="1" t="s">
        <v>250807</v>
      </c>
      <c r="I75323" s="1" t="s">
        <v>250383</v>
      </c>
      <c r="J75323" s="1" t="s">
        <v>250851</v>
      </c>
    </row>
    <row r="75324" spans="1:10" x14ac:dyDescent="0.35">
      <c r="A75324" s="1" t="s">
        <v>8079</v>
      </c>
      <c r="B75324" s="1" t="s">
        <v>250378</v>
      </c>
      <c r="C75324" s="1" t="s">
        <v>90</v>
      </c>
      <c r="D75324" s="1" t="s">
        <v>202950</v>
      </c>
      <c r="E75324" s="1" t="s">
        <v>250852</v>
      </c>
      <c r="F75324" s="1" t="s">
        <v>250853</v>
      </c>
      <c r="G75324" s="1" t="s">
        <v>250806</v>
      </c>
      <c r="H75324" s="1" t="s">
        <v>250807</v>
      </c>
      <c r="I75324" s="1" t="s">
        <v>250383</v>
      </c>
      <c r="J75324" s="1" t="s">
        <v>250854</v>
      </c>
    </row>
    <row r="75325" spans="1:10" x14ac:dyDescent="0.35">
      <c r="A75325" s="1" t="s">
        <v>8079</v>
      </c>
      <c r="B75325" s="1" t="s">
        <v>250378</v>
      </c>
      <c r="C75325" s="1" t="s">
        <v>95</v>
      </c>
      <c r="D75325" s="1" t="s">
        <v>250855</v>
      </c>
      <c r="E75325" s="1" t="s">
        <v>250856</v>
      </c>
      <c r="F75325" s="1" t="s">
        <v>250857</v>
      </c>
      <c r="G75325" s="1" t="s">
        <v>250806</v>
      </c>
      <c r="H75325" s="1" t="s">
        <v>250807</v>
      </c>
      <c r="I75325" s="1" t="s">
        <v>250383</v>
      </c>
      <c r="J75325" s="1" t="s">
        <v>250858</v>
      </c>
    </row>
    <row r="75326" spans="1:10" x14ac:dyDescent="0.35">
      <c r="A75326" s="1" t="s">
        <v>8079</v>
      </c>
      <c r="B75326" s="1" t="s">
        <v>250378</v>
      </c>
      <c r="C75326" s="1" t="s">
        <v>100</v>
      </c>
      <c r="D75326" s="1" t="s">
        <v>37889</v>
      </c>
      <c r="E75326" s="1" t="s">
        <v>250859</v>
      </c>
      <c r="F75326" s="1" t="s">
        <v>250860</v>
      </c>
      <c r="G75326" s="1" t="s">
        <v>250806</v>
      </c>
      <c r="H75326" s="1" t="s">
        <v>250807</v>
      </c>
      <c r="I75326" s="1" t="s">
        <v>250383</v>
      </c>
      <c r="J75326" s="1" t="s">
        <v>250861</v>
      </c>
    </row>
    <row r="75327" spans="1:10" x14ac:dyDescent="0.35">
      <c r="A75327" s="1" t="s">
        <v>8079</v>
      </c>
      <c r="B75327" s="1" t="s">
        <v>250378</v>
      </c>
      <c r="C75327" s="1" t="s">
        <v>105</v>
      </c>
      <c r="D75327" s="1" t="s">
        <v>135633</v>
      </c>
      <c r="E75327" s="1" t="s">
        <v>250862</v>
      </c>
      <c r="F75327" s="1" t="s">
        <v>250863</v>
      </c>
      <c r="G75327" s="1" t="s">
        <v>250806</v>
      </c>
      <c r="H75327" s="1" t="s">
        <v>250807</v>
      </c>
      <c r="I75327" s="1" t="s">
        <v>250383</v>
      </c>
      <c r="J75327" s="1" t="s">
        <v>250864</v>
      </c>
    </row>
    <row r="75328" spans="1:10" x14ac:dyDescent="0.35">
      <c r="A75328" s="1" t="s">
        <v>8079</v>
      </c>
      <c r="B75328" s="1" t="s">
        <v>250378</v>
      </c>
      <c r="C75328" s="1" t="s">
        <v>110</v>
      </c>
      <c r="D75328" s="1" t="s">
        <v>250865</v>
      </c>
      <c r="E75328" s="1" t="s">
        <v>250866</v>
      </c>
      <c r="F75328" s="1" t="s">
        <v>250867</v>
      </c>
      <c r="G75328" s="1" t="s">
        <v>250806</v>
      </c>
      <c r="H75328" s="1" t="s">
        <v>250807</v>
      </c>
      <c r="I75328" s="1" t="s">
        <v>250383</v>
      </c>
      <c r="J75328" s="1" t="s">
        <v>250868</v>
      </c>
    </row>
    <row r="75329" spans="1:10" x14ac:dyDescent="0.35">
      <c r="A75329" s="1" t="s">
        <v>8079</v>
      </c>
      <c r="B75329" s="1" t="s">
        <v>250378</v>
      </c>
      <c r="C75329" s="1" t="s">
        <v>115</v>
      </c>
      <c r="D75329" s="1" t="s">
        <v>117545</v>
      </c>
      <c r="E75329" s="1" t="s">
        <v>250869</v>
      </c>
      <c r="F75329" s="1" t="s">
        <v>250870</v>
      </c>
      <c r="G75329" s="1" t="s">
        <v>250806</v>
      </c>
      <c r="H75329" s="1" t="s">
        <v>250807</v>
      </c>
      <c r="I75329" s="1" t="s">
        <v>250383</v>
      </c>
      <c r="J75329" s="1" t="s">
        <v>250871</v>
      </c>
    </row>
    <row r="75330" spans="1:10" x14ac:dyDescent="0.35">
      <c r="A75330" s="1" t="s">
        <v>8079</v>
      </c>
      <c r="B75330" s="1" t="s">
        <v>250378</v>
      </c>
      <c r="C75330" s="1" t="s">
        <v>120</v>
      </c>
      <c r="D75330" s="1" t="s">
        <v>105128</v>
      </c>
      <c r="E75330" s="1" t="s">
        <v>250872</v>
      </c>
      <c r="F75330" s="1" t="s">
        <v>250873</v>
      </c>
      <c r="G75330" s="1" t="s">
        <v>250806</v>
      </c>
      <c r="H75330" s="1" t="s">
        <v>250807</v>
      </c>
      <c r="I75330" s="1" t="s">
        <v>250383</v>
      </c>
      <c r="J75330" s="1" t="s">
        <v>250874</v>
      </c>
    </row>
    <row r="75331" spans="1:10" x14ac:dyDescent="0.35">
      <c r="A75331" s="1" t="s">
        <v>8079</v>
      </c>
      <c r="B75331" s="1" t="s">
        <v>250378</v>
      </c>
      <c r="C75331" s="1" t="s">
        <v>125</v>
      </c>
      <c r="D75331" s="1" t="s">
        <v>70635</v>
      </c>
      <c r="E75331" s="1" t="s">
        <v>250875</v>
      </c>
      <c r="F75331" s="1" t="s">
        <v>250876</v>
      </c>
      <c r="G75331" s="1" t="s">
        <v>250806</v>
      </c>
      <c r="H75331" s="1" t="s">
        <v>250807</v>
      </c>
      <c r="I75331" s="1" t="s">
        <v>250383</v>
      </c>
      <c r="J75331" s="1" t="s">
        <v>250877</v>
      </c>
    </row>
    <row r="75332" spans="1:10" x14ac:dyDescent="0.35">
      <c r="A75332" s="1" t="s">
        <v>8079</v>
      </c>
      <c r="B75332" s="1" t="s">
        <v>250378</v>
      </c>
      <c r="C75332" s="1" t="s">
        <v>130</v>
      </c>
      <c r="D75332" s="1" t="s">
        <v>11827</v>
      </c>
      <c r="E75332" s="1" t="s">
        <v>250878</v>
      </c>
      <c r="F75332" s="1" t="s">
        <v>250879</v>
      </c>
      <c r="G75332" s="1" t="s">
        <v>250806</v>
      </c>
      <c r="H75332" s="1" t="s">
        <v>250807</v>
      </c>
      <c r="I75332" s="1" t="s">
        <v>250383</v>
      </c>
      <c r="J75332" s="1" t="s">
        <v>70641</v>
      </c>
    </row>
    <row r="75333" spans="1:10" x14ac:dyDescent="0.35">
      <c r="A75333" s="1" t="s">
        <v>8079</v>
      </c>
      <c r="B75333" s="1" t="s">
        <v>250378</v>
      </c>
      <c r="C75333" s="1" t="s">
        <v>135</v>
      </c>
      <c r="D75333" s="1" t="s">
        <v>48783</v>
      </c>
      <c r="E75333" s="1" t="s">
        <v>250880</v>
      </c>
      <c r="F75333" s="1" t="s">
        <v>250881</v>
      </c>
      <c r="G75333" s="1" t="s">
        <v>250806</v>
      </c>
      <c r="H75333" s="1" t="s">
        <v>250807</v>
      </c>
      <c r="I75333" s="1" t="s">
        <v>250383</v>
      </c>
      <c r="J75333" s="1" t="s">
        <v>250882</v>
      </c>
    </row>
    <row r="75334" spans="1:10" x14ac:dyDescent="0.35">
      <c r="A75334" s="1" t="s">
        <v>8079</v>
      </c>
      <c r="B75334" s="1" t="s">
        <v>250378</v>
      </c>
      <c r="C75334" s="1" t="s">
        <v>140</v>
      </c>
      <c r="D75334" s="1" t="s">
        <v>177839</v>
      </c>
      <c r="E75334" s="1" t="s">
        <v>250883</v>
      </c>
      <c r="F75334" s="1" t="s">
        <v>250884</v>
      </c>
      <c r="G75334" s="1" t="s">
        <v>250806</v>
      </c>
      <c r="H75334" s="1" t="s">
        <v>250807</v>
      </c>
      <c r="I75334" s="1" t="s">
        <v>250383</v>
      </c>
      <c r="J75334" s="1" t="s">
        <v>250885</v>
      </c>
    </row>
    <row r="75335" spans="1:10" x14ac:dyDescent="0.35">
      <c r="A75335" s="1" t="s">
        <v>8079</v>
      </c>
      <c r="B75335" s="1" t="s">
        <v>250378</v>
      </c>
      <c r="C75335" s="1" t="s">
        <v>145</v>
      </c>
      <c r="D75335" s="1" t="s">
        <v>244831</v>
      </c>
      <c r="E75335" s="1" t="s">
        <v>250886</v>
      </c>
      <c r="F75335" s="1" t="s">
        <v>250887</v>
      </c>
      <c r="G75335" s="1" t="s">
        <v>250806</v>
      </c>
      <c r="H75335" s="1" t="s">
        <v>250807</v>
      </c>
      <c r="I75335" s="1" t="s">
        <v>250383</v>
      </c>
      <c r="J75335" s="1" t="s">
        <v>250888</v>
      </c>
    </row>
    <row r="75336" spans="1:10" x14ac:dyDescent="0.35">
      <c r="A75336" s="1" t="s">
        <v>8079</v>
      </c>
      <c r="B75336" s="1" t="s">
        <v>250378</v>
      </c>
      <c r="C75336" s="1" t="s">
        <v>150</v>
      </c>
      <c r="D75336" s="1" t="s">
        <v>183347</v>
      </c>
      <c r="E75336" s="1" t="s">
        <v>250889</v>
      </c>
      <c r="F75336" s="1" t="s">
        <v>250890</v>
      </c>
      <c r="G75336" s="1" t="s">
        <v>250806</v>
      </c>
      <c r="H75336" s="1" t="s">
        <v>250807</v>
      </c>
      <c r="I75336" s="1" t="s">
        <v>250383</v>
      </c>
      <c r="J75336" s="1" t="s">
        <v>250891</v>
      </c>
    </row>
    <row r="75337" spans="1:10" x14ac:dyDescent="0.35">
      <c r="A75337" s="1" t="s">
        <v>8079</v>
      </c>
      <c r="B75337" s="1" t="s">
        <v>250378</v>
      </c>
      <c r="C75337" s="1" t="s">
        <v>155</v>
      </c>
      <c r="D75337" s="1" t="s">
        <v>18864</v>
      </c>
      <c r="E75337" s="1" t="s">
        <v>250892</v>
      </c>
      <c r="F75337" s="1" t="s">
        <v>250893</v>
      </c>
      <c r="G75337" s="1" t="s">
        <v>250806</v>
      </c>
      <c r="H75337" s="1" t="s">
        <v>250807</v>
      </c>
      <c r="I75337" s="1" t="s">
        <v>250383</v>
      </c>
      <c r="J75337" s="1" t="s">
        <v>250894</v>
      </c>
    </row>
    <row r="75338" spans="1:10" x14ac:dyDescent="0.35">
      <c r="A75338" s="1" t="s">
        <v>8079</v>
      </c>
      <c r="B75338" s="1" t="s">
        <v>250378</v>
      </c>
      <c r="C75338" s="1" t="s">
        <v>160</v>
      </c>
      <c r="D75338" s="1" t="s">
        <v>159808</v>
      </c>
      <c r="E75338" s="1" t="s">
        <v>250895</v>
      </c>
      <c r="F75338" s="1" t="s">
        <v>250896</v>
      </c>
      <c r="G75338" s="1" t="s">
        <v>250806</v>
      </c>
      <c r="H75338" s="1" t="s">
        <v>250807</v>
      </c>
      <c r="I75338" s="1" t="s">
        <v>250383</v>
      </c>
      <c r="J75338" s="1" t="s">
        <v>250897</v>
      </c>
    </row>
    <row r="75339" spans="1:10" x14ac:dyDescent="0.35">
      <c r="A75339" s="1" t="s">
        <v>8079</v>
      </c>
      <c r="B75339" s="1" t="s">
        <v>250378</v>
      </c>
      <c r="C75339" s="1" t="s">
        <v>165</v>
      </c>
      <c r="D75339" s="1" t="s">
        <v>12393</v>
      </c>
      <c r="E75339" s="1" t="s">
        <v>250898</v>
      </c>
      <c r="F75339" s="1" t="s">
        <v>250899</v>
      </c>
      <c r="G75339" s="1" t="s">
        <v>250806</v>
      </c>
      <c r="H75339" s="1" t="s">
        <v>250807</v>
      </c>
      <c r="I75339" s="1" t="s">
        <v>250383</v>
      </c>
      <c r="J75339" s="1" t="s">
        <v>250900</v>
      </c>
    </row>
    <row r="75340" spans="1:10" x14ac:dyDescent="0.35">
      <c r="A75340" s="1" t="s">
        <v>8079</v>
      </c>
      <c r="B75340" s="1" t="s">
        <v>250378</v>
      </c>
      <c r="C75340" s="1" t="s">
        <v>170</v>
      </c>
      <c r="D75340" s="1" t="s">
        <v>250901</v>
      </c>
      <c r="E75340" s="1" t="s">
        <v>250902</v>
      </c>
      <c r="F75340" s="1" t="s">
        <v>250903</v>
      </c>
      <c r="G75340" s="1" t="s">
        <v>250806</v>
      </c>
      <c r="H75340" s="1" t="s">
        <v>250807</v>
      </c>
      <c r="I75340" s="1" t="s">
        <v>250383</v>
      </c>
      <c r="J75340" s="1" t="s">
        <v>250904</v>
      </c>
    </row>
    <row r="75341" spans="1:10" x14ac:dyDescent="0.35">
      <c r="A75341" s="1" t="s">
        <v>27437</v>
      </c>
      <c r="B75341" s="1" t="s">
        <v>250378</v>
      </c>
      <c r="C75341" s="1" t="s">
        <v>8</v>
      </c>
      <c r="D75341" s="1" t="s">
        <v>140986</v>
      </c>
      <c r="E75341" s="1" t="s">
        <v>250905</v>
      </c>
      <c r="F75341" s="1" t="s">
        <v>250906</v>
      </c>
      <c r="G75341" s="1" t="s">
        <v>250907</v>
      </c>
      <c r="H75341" s="1" t="s">
        <v>250908</v>
      </c>
      <c r="I75341" s="1" t="s">
        <v>250383</v>
      </c>
      <c r="J75341" s="1" t="s">
        <v>13</v>
      </c>
    </row>
    <row r="75342" spans="1:10" x14ac:dyDescent="0.35">
      <c r="A75342" s="1" t="s">
        <v>27437</v>
      </c>
      <c r="B75342" s="1" t="s">
        <v>250378</v>
      </c>
      <c r="C75342" s="1" t="s">
        <v>15</v>
      </c>
      <c r="D75342" s="1" t="s">
        <v>184746</v>
      </c>
      <c r="E75342" s="1" t="s">
        <v>250909</v>
      </c>
      <c r="F75342" s="1" t="s">
        <v>250910</v>
      </c>
      <c r="G75342" s="1" t="s">
        <v>250907</v>
      </c>
      <c r="H75342" s="1" t="s">
        <v>250908</v>
      </c>
      <c r="I75342" s="1" t="s">
        <v>250383</v>
      </c>
      <c r="J75342" s="1" t="s">
        <v>250911</v>
      </c>
    </row>
    <row r="75343" spans="1:10" x14ac:dyDescent="0.35">
      <c r="A75343" s="1" t="s">
        <v>27437</v>
      </c>
      <c r="B75343" s="1" t="s">
        <v>250378</v>
      </c>
      <c r="C75343" s="1" t="s">
        <v>20</v>
      </c>
      <c r="D75343" s="1" t="s">
        <v>250912</v>
      </c>
      <c r="E75343" s="1" t="s">
        <v>250913</v>
      </c>
      <c r="F75343" s="1" t="s">
        <v>250914</v>
      </c>
      <c r="G75343" s="1" t="s">
        <v>250907</v>
      </c>
      <c r="H75343" s="1" t="s">
        <v>250908</v>
      </c>
      <c r="I75343" s="1" t="s">
        <v>250383</v>
      </c>
      <c r="J75343" s="1" t="s">
        <v>250915</v>
      </c>
    </row>
    <row r="75344" spans="1:10" x14ac:dyDescent="0.35">
      <c r="A75344" s="1" t="s">
        <v>27437</v>
      </c>
      <c r="B75344" s="1" t="s">
        <v>250378</v>
      </c>
      <c r="C75344" s="1" t="s">
        <v>25</v>
      </c>
      <c r="D75344" s="1" t="s">
        <v>82880</v>
      </c>
      <c r="E75344" s="1" t="s">
        <v>250916</v>
      </c>
      <c r="F75344" s="1" t="s">
        <v>250917</v>
      </c>
      <c r="G75344" s="1" t="s">
        <v>250907</v>
      </c>
      <c r="H75344" s="1" t="s">
        <v>250908</v>
      </c>
      <c r="I75344" s="1" t="s">
        <v>250383</v>
      </c>
      <c r="J75344" s="1" t="s">
        <v>250918</v>
      </c>
    </row>
    <row r="75345" spans="1:10" x14ac:dyDescent="0.35">
      <c r="A75345" s="1" t="s">
        <v>27437</v>
      </c>
      <c r="B75345" s="1" t="s">
        <v>250378</v>
      </c>
      <c r="C75345" s="1" t="s">
        <v>30</v>
      </c>
      <c r="D75345" s="1" t="s">
        <v>114716</v>
      </c>
      <c r="E75345" s="1" t="s">
        <v>250919</v>
      </c>
      <c r="F75345" s="1" t="s">
        <v>250920</v>
      </c>
      <c r="G75345" s="1" t="s">
        <v>250907</v>
      </c>
      <c r="H75345" s="1" t="s">
        <v>250908</v>
      </c>
      <c r="I75345" s="1" t="s">
        <v>250383</v>
      </c>
      <c r="J75345" s="1" t="s">
        <v>250921</v>
      </c>
    </row>
    <row r="75346" spans="1:10" x14ac:dyDescent="0.35">
      <c r="A75346" s="1" t="s">
        <v>27437</v>
      </c>
      <c r="B75346" s="1" t="s">
        <v>250378</v>
      </c>
      <c r="C75346" s="1" t="s">
        <v>35</v>
      </c>
      <c r="D75346" s="1" t="s">
        <v>31393</v>
      </c>
      <c r="E75346" s="1" t="s">
        <v>250922</v>
      </c>
      <c r="F75346" s="1" t="s">
        <v>250923</v>
      </c>
      <c r="G75346" s="1" t="s">
        <v>250907</v>
      </c>
      <c r="H75346" s="1" t="s">
        <v>250908</v>
      </c>
      <c r="I75346" s="1" t="s">
        <v>250383</v>
      </c>
      <c r="J75346" s="1" t="s">
        <v>250924</v>
      </c>
    </row>
    <row r="75347" spans="1:10" x14ac:dyDescent="0.35">
      <c r="A75347" s="1" t="s">
        <v>27437</v>
      </c>
      <c r="B75347" s="1" t="s">
        <v>250378</v>
      </c>
      <c r="C75347" s="1" t="s">
        <v>40</v>
      </c>
      <c r="D75347" s="1" t="s">
        <v>19572</v>
      </c>
      <c r="E75347" s="1" t="s">
        <v>250925</v>
      </c>
      <c r="F75347" s="1" t="s">
        <v>250926</v>
      </c>
      <c r="G75347" s="1" t="s">
        <v>250907</v>
      </c>
      <c r="H75347" s="1" t="s">
        <v>250908</v>
      </c>
      <c r="I75347" s="1" t="s">
        <v>250383</v>
      </c>
      <c r="J75347" s="1" t="s">
        <v>250927</v>
      </c>
    </row>
    <row r="75348" spans="1:10" x14ac:dyDescent="0.35">
      <c r="A75348" s="1" t="s">
        <v>27437</v>
      </c>
      <c r="B75348" s="1" t="s">
        <v>250378</v>
      </c>
      <c r="C75348" s="1" t="s">
        <v>45</v>
      </c>
      <c r="D75348" s="1" t="s">
        <v>197674</v>
      </c>
      <c r="E75348" s="1" t="s">
        <v>250928</v>
      </c>
      <c r="F75348" s="1" t="s">
        <v>250929</v>
      </c>
      <c r="G75348" s="1" t="s">
        <v>250907</v>
      </c>
      <c r="H75348" s="1" t="s">
        <v>250908</v>
      </c>
      <c r="I75348" s="1" t="s">
        <v>250383</v>
      </c>
      <c r="J75348" s="1" t="s">
        <v>250930</v>
      </c>
    </row>
    <row r="75349" spans="1:10" x14ac:dyDescent="0.35">
      <c r="A75349" s="1" t="s">
        <v>27437</v>
      </c>
      <c r="B75349" s="1" t="s">
        <v>250378</v>
      </c>
      <c r="C75349" s="1" t="s">
        <v>50</v>
      </c>
      <c r="D75349" s="1" t="s">
        <v>170645</v>
      </c>
      <c r="E75349" s="1" t="s">
        <v>250931</v>
      </c>
      <c r="F75349" s="1" t="s">
        <v>250932</v>
      </c>
      <c r="G75349" s="1" t="s">
        <v>250907</v>
      </c>
      <c r="H75349" s="1" t="s">
        <v>250908</v>
      </c>
      <c r="I75349" s="1" t="s">
        <v>250383</v>
      </c>
      <c r="J75349" s="1" t="s">
        <v>250933</v>
      </c>
    </row>
    <row r="75350" spans="1:10" x14ac:dyDescent="0.35">
      <c r="A75350" s="1" t="s">
        <v>27437</v>
      </c>
      <c r="B75350" s="1" t="s">
        <v>250378</v>
      </c>
      <c r="C75350" s="1" t="s">
        <v>55</v>
      </c>
      <c r="D75350" s="1" t="s">
        <v>19572</v>
      </c>
      <c r="E75350" s="1" t="s">
        <v>250934</v>
      </c>
      <c r="F75350" s="1" t="s">
        <v>250935</v>
      </c>
      <c r="G75350" s="1" t="s">
        <v>250907</v>
      </c>
      <c r="H75350" s="1" t="s">
        <v>250908</v>
      </c>
      <c r="I75350" s="1" t="s">
        <v>250383</v>
      </c>
      <c r="J75350" s="1" t="s">
        <v>250936</v>
      </c>
    </row>
    <row r="75351" spans="1:10" x14ac:dyDescent="0.35">
      <c r="A75351" s="1" t="s">
        <v>27437</v>
      </c>
      <c r="B75351" s="1" t="s">
        <v>250378</v>
      </c>
      <c r="C75351" s="1" t="s">
        <v>60</v>
      </c>
      <c r="D75351" s="1" t="s">
        <v>250937</v>
      </c>
      <c r="E75351" s="1" t="s">
        <v>250938</v>
      </c>
      <c r="F75351" s="1" t="s">
        <v>250939</v>
      </c>
      <c r="G75351" s="1" t="s">
        <v>250907</v>
      </c>
      <c r="H75351" s="1" t="s">
        <v>250908</v>
      </c>
      <c r="I75351" s="1" t="s">
        <v>250383</v>
      </c>
      <c r="J75351" s="1" t="s">
        <v>250940</v>
      </c>
    </row>
    <row r="75352" spans="1:10" x14ac:dyDescent="0.35">
      <c r="A75352" s="1" t="s">
        <v>27437</v>
      </c>
      <c r="B75352" s="1" t="s">
        <v>250378</v>
      </c>
      <c r="C75352" s="1" t="s">
        <v>65</v>
      </c>
      <c r="D75352" s="1" t="s">
        <v>181287</v>
      </c>
      <c r="E75352" s="1" t="s">
        <v>250941</v>
      </c>
      <c r="F75352" s="1" t="s">
        <v>250942</v>
      </c>
      <c r="G75352" s="1" t="s">
        <v>250907</v>
      </c>
      <c r="H75352" s="1" t="s">
        <v>250908</v>
      </c>
      <c r="I75352" s="1" t="s">
        <v>250383</v>
      </c>
      <c r="J75352" s="1" t="s">
        <v>250943</v>
      </c>
    </row>
    <row r="75353" spans="1:10" x14ac:dyDescent="0.35">
      <c r="A75353" s="1" t="s">
        <v>27437</v>
      </c>
      <c r="B75353" s="1" t="s">
        <v>250378</v>
      </c>
      <c r="C75353" s="1" t="s">
        <v>70</v>
      </c>
      <c r="D75353" s="1" t="s">
        <v>112946</v>
      </c>
      <c r="E75353" s="1" t="s">
        <v>250944</v>
      </c>
      <c r="F75353" s="1" t="s">
        <v>250945</v>
      </c>
      <c r="G75353" s="1" t="s">
        <v>250907</v>
      </c>
      <c r="H75353" s="1" t="s">
        <v>250908</v>
      </c>
      <c r="I75353" s="1" t="s">
        <v>250383</v>
      </c>
      <c r="J75353" s="1" t="s">
        <v>250946</v>
      </c>
    </row>
    <row r="75354" spans="1:10" x14ac:dyDescent="0.35">
      <c r="A75354" s="1" t="s">
        <v>27437</v>
      </c>
      <c r="B75354" s="1" t="s">
        <v>250378</v>
      </c>
      <c r="C75354" s="1" t="s">
        <v>75</v>
      </c>
      <c r="D75354" s="1" t="s">
        <v>250947</v>
      </c>
      <c r="E75354" s="1" t="s">
        <v>250948</v>
      </c>
      <c r="F75354" s="1" t="s">
        <v>250949</v>
      </c>
      <c r="G75354" s="1" t="s">
        <v>250907</v>
      </c>
      <c r="H75354" s="1" t="s">
        <v>250908</v>
      </c>
      <c r="I75354" s="1" t="s">
        <v>250383</v>
      </c>
      <c r="J75354" s="1" t="s">
        <v>250950</v>
      </c>
    </row>
    <row r="75355" spans="1:10" x14ac:dyDescent="0.35">
      <c r="A75355" s="1" t="s">
        <v>27437</v>
      </c>
      <c r="B75355" s="1" t="s">
        <v>250378</v>
      </c>
      <c r="C75355" s="1" t="s">
        <v>80</v>
      </c>
      <c r="D75355" s="1" t="s">
        <v>117555</v>
      </c>
      <c r="E75355" s="1" t="s">
        <v>250951</v>
      </c>
      <c r="F75355" s="1" t="s">
        <v>250952</v>
      </c>
      <c r="G75355" s="1" t="s">
        <v>250907</v>
      </c>
      <c r="H75355" s="1" t="s">
        <v>250908</v>
      </c>
      <c r="I75355" s="1" t="s">
        <v>250383</v>
      </c>
      <c r="J75355" s="1" t="s">
        <v>250953</v>
      </c>
    </row>
    <row r="75356" spans="1:10" x14ac:dyDescent="0.35">
      <c r="A75356" s="1" t="s">
        <v>27437</v>
      </c>
      <c r="B75356" s="1" t="s">
        <v>250378</v>
      </c>
      <c r="C75356" s="1" t="s">
        <v>85</v>
      </c>
      <c r="D75356" s="1" t="s">
        <v>211493</v>
      </c>
      <c r="E75356" s="1" t="s">
        <v>250954</v>
      </c>
      <c r="F75356" s="1" t="s">
        <v>250955</v>
      </c>
      <c r="G75356" s="1" t="s">
        <v>250907</v>
      </c>
      <c r="H75356" s="1" t="s">
        <v>250908</v>
      </c>
      <c r="I75356" s="1" t="s">
        <v>250383</v>
      </c>
      <c r="J75356" s="1" t="s">
        <v>250956</v>
      </c>
    </row>
    <row r="75357" spans="1:10" x14ac:dyDescent="0.35">
      <c r="A75357" s="1" t="s">
        <v>27437</v>
      </c>
      <c r="B75357" s="1" t="s">
        <v>250378</v>
      </c>
      <c r="C75357" s="1" t="s">
        <v>90</v>
      </c>
      <c r="D75357" s="1" t="s">
        <v>42157</v>
      </c>
      <c r="E75357" s="1" t="s">
        <v>250957</v>
      </c>
      <c r="F75357" s="1" t="s">
        <v>250958</v>
      </c>
      <c r="G75357" s="1" t="s">
        <v>250907</v>
      </c>
      <c r="H75357" s="1" t="s">
        <v>250908</v>
      </c>
      <c r="I75357" s="1" t="s">
        <v>250383</v>
      </c>
      <c r="J75357" s="1" t="s">
        <v>250959</v>
      </c>
    </row>
    <row r="75358" spans="1:10" x14ac:dyDescent="0.35">
      <c r="A75358" s="1" t="s">
        <v>27437</v>
      </c>
      <c r="B75358" s="1" t="s">
        <v>250378</v>
      </c>
      <c r="C75358" s="1" t="s">
        <v>95</v>
      </c>
      <c r="D75358" s="1" t="s">
        <v>250960</v>
      </c>
      <c r="E75358" s="1" t="s">
        <v>250961</v>
      </c>
      <c r="F75358" s="1" t="s">
        <v>250962</v>
      </c>
      <c r="G75358" s="1" t="s">
        <v>250907</v>
      </c>
      <c r="H75358" s="1" t="s">
        <v>250908</v>
      </c>
      <c r="I75358" s="1" t="s">
        <v>250383</v>
      </c>
      <c r="J75358" s="1" t="s">
        <v>250963</v>
      </c>
    </row>
    <row r="75359" spans="1:10" x14ac:dyDescent="0.35">
      <c r="A75359" s="1" t="s">
        <v>27437</v>
      </c>
      <c r="B75359" s="1" t="s">
        <v>250378</v>
      </c>
      <c r="C75359" s="1" t="s">
        <v>100</v>
      </c>
      <c r="D75359" s="1" t="s">
        <v>250964</v>
      </c>
      <c r="E75359" s="1" t="s">
        <v>250965</v>
      </c>
      <c r="F75359" s="1" t="s">
        <v>250966</v>
      </c>
      <c r="G75359" s="1" t="s">
        <v>250907</v>
      </c>
      <c r="H75359" s="1" t="s">
        <v>250908</v>
      </c>
      <c r="I75359" s="1" t="s">
        <v>250383</v>
      </c>
      <c r="J75359" s="1" t="s">
        <v>250967</v>
      </c>
    </row>
    <row r="75360" spans="1:10" x14ac:dyDescent="0.35">
      <c r="A75360" s="1" t="s">
        <v>27437</v>
      </c>
      <c r="B75360" s="1" t="s">
        <v>250378</v>
      </c>
      <c r="C75360" s="1" t="s">
        <v>105</v>
      </c>
      <c r="D75360" s="1" t="s">
        <v>250968</v>
      </c>
      <c r="E75360" s="1" t="s">
        <v>250969</v>
      </c>
      <c r="F75360" s="1" t="s">
        <v>250970</v>
      </c>
      <c r="G75360" s="1" t="s">
        <v>250907</v>
      </c>
      <c r="H75360" s="1" t="s">
        <v>250908</v>
      </c>
      <c r="I75360" s="1" t="s">
        <v>250383</v>
      </c>
      <c r="J75360" s="1" t="s">
        <v>250971</v>
      </c>
    </row>
    <row r="75361" spans="1:10" x14ac:dyDescent="0.35">
      <c r="A75361" s="1" t="s">
        <v>27437</v>
      </c>
      <c r="B75361" s="1" t="s">
        <v>250378</v>
      </c>
      <c r="C75361" s="1" t="s">
        <v>110</v>
      </c>
      <c r="D75361" s="1" t="s">
        <v>32438</v>
      </c>
      <c r="E75361" s="1" t="s">
        <v>250972</v>
      </c>
      <c r="F75361" s="1" t="s">
        <v>250973</v>
      </c>
      <c r="G75361" s="1" t="s">
        <v>250907</v>
      </c>
      <c r="H75361" s="1" t="s">
        <v>250908</v>
      </c>
      <c r="I75361" s="1" t="s">
        <v>250383</v>
      </c>
      <c r="J75361" s="1" t="s">
        <v>250974</v>
      </c>
    </row>
    <row r="75362" spans="1:10" x14ac:dyDescent="0.35">
      <c r="A75362" s="1" t="s">
        <v>27437</v>
      </c>
      <c r="B75362" s="1" t="s">
        <v>250378</v>
      </c>
      <c r="C75362" s="1" t="s">
        <v>115</v>
      </c>
      <c r="D75362" s="1" t="s">
        <v>13303</v>
      </c>
      <c r="E75362" s="1" t="s">
        <v>250975</v>
      </c>
      <c r="F75362" s="1" t="s">
        <v>250976</v>
      </c>
      <c r="G75362" s="1" t="s">
        <v>250907</v>
      </c>
      <c r="H75362" s="1" t="s">
        <v>250908</v>
      </c>
      <c r="I75362" s="1" t="s">
        <v>250383</v>
      </c>
      <c r="J75362" s="1" t="s">
        <v>250977</v>
      </c>
    </row>
    <row r="75363" spans="1:10" x14ac:dyDescent="0.35">
      <c r="A75363" s="1" t="s">
        <v>27437</v>
      </c>
      <c r="B75363" s="1" t="s">
        <v>250378</v>
      </c>
      <c r="C75363" s="1" t="s">
        <v>120</v>
      </c>
      <c r="D75363" s="1" t="s">
        <v>48819</v>
      </c>
      <c r="E75363" s="1" t="s">
        <v>250978</v>
      </c>
      <c r="F75363" s="1" t="s">
        <v>250979</v>
      </c>
      <c r="G75363" s="1" t="s">
        <v>250907</v>
      </c>
      <c r="H75363" s="1" t="s">
        <v>250908</v>
      </c>
      <c r="I75363" s="1" t="s">
        <v>250383</v>
      </c>
      <c r="J75363" s="1" t="s">
        <v>250980</v>
      </c>
    </row>
    <row r="75364" spans="1:10" x14ac:dyDescent="0.35">
      <c r="A75364" s="1" t="s">
        <v>27437</v>
      </c>
      <c r="B75364" s="1" t="s">
        <v>250378</v>
      </c>
      <c r="C75364" s="1" t="s">
        <v>125</v>
      </c>
      <c r="D75364" s="1" t="s">
        <v>147051</v>
      </c>
      <c r="E75364" s="1" t="s">
        <v>250981</v>
      </c>
      <c r="F75364" s="1" t="s">
        <v>250982</v>
      </c>
      <c r="G75364" s="1" t="s">
        <v>250907</v>
      </c>
      <c r="H75364" s="1" t="s">
        <v>250908</v>
      </c>
      <c r="I75364" s="1" t="s">
        <v>250383</v>
      </c>
      <c r="J75364" s="1" t="s">
        <v>250983</v>
      </c>
    </row>
    <row r="75365" spans="1:10" x14ac:dyDescent="0.35">
      <c r="A75365" s="1" t="s">
        <v>27437</v>
      </c>
      <c r="B75365" s="1" t="s">
        <v>250378</v>
      </c>
      <c r="C75365" s="1" t="s">
        <v>130</v>
      </c>
      <c r="D75365" s="1" t="s">
        <v>186530</v>
      </c>
      <c r="E75365" s="1" t="s">
        <v>250984</v>
      </c>
      <c r="F75365" s="1" t="s">
        <v>91169</v>
      </c>
      <c r="G75365" s="1" t="s">
        <v>250907</v>
      </c>
      <c r="H75365" s="1" t="s">
        <v>250908</v>
      </c>
      <c r="I75365" s="1" t="s">
        <v>250383</v>
      </c>
      <c r="J75365" s="1" t="s">
        <v>250985</v>
      </c>
    </row>
    <row r="75366" spans="1:10" x14ac:dyDescent="0.35">
      <c r="A75366" s="1" t="s">
        <v>27437</v>
      </c>
      <c r="B75366" s="1" t="s">
        <v>250378</v>
      </c>
      <c r="C75366" s="1" t="s">
        <v>135</v>
      </c>
      <c r="D75366" s="1" t="s">
        <v>32630</v>
      </c>
      <c r="E75366" s="1" t="s">
        <v>250986</v>
      </c>
      <c r="F75366" s="1" t="s">
        <v>250987</v>
      </c>
      <c r="G75366" s="1" t="s">
        <v>250907</v>
      </c>
      <c r="H75366" s="1" t="s">
        <v>250908</v>
      </c>
      <c r="I75366" s="1" t="s">
        <v>250383</v>
      </c>
      <c r="J75366" s="1" t="s">
        <v>250988</v>
      </c>
    </row>
    <row r="75367" spans="1:10" x14ac:dyDescent="0.35">
      <c r="A75367" s="1" t="s">
        <v>27437</v>
      </c>
      <c r="B75367" s="1" t="s">
        <v>250378</v>
      </c>
      <c r="C75367" s="1" t="s">
        <v>140</v>
      </c>
      <c r="D75367" s="1" t="s">
        <v>250989</v>
      </c>
      <c r="E75367" s="1" t="s">
        <v>250990</v>
      </c>
      <c r="F75367" s="1" t="s">
        <v>250991</v>
      </c>
      <c r="G75367" s="1" t="s">
        <v>250907</v>
      </c>
      <c r="H75367" s="1" t="s">
        <v>250908</v>
      </c>
      <c r="I75367" s="1" t="s">
        <v>250383</v>
      </c>
      <c r="J75367" s="1" t="s">
        <v>250992</v>
      </c>
    </row>
    <row r="75368" spans="1:10" x14ac:dyDescent="0.35">
      <c r="A75368" s="1" t="s">
        <v>27437</v>
      </c>
      <c r="B75368" s="1" t="s">
        <v>250378</v>
      </c>
      <c r="C75368" s="1" t="s">
        <v>145</v>
      </c>
      <c r="D75368" s="1" t="s">
        <v>207166</v>
      </c>
      <c r="E75368" s="1" t="s">
        <v>250993</v>
      </c>
      <c r="F75368" s="1" t="s">
        <v>250994</v>
      </c>
      <c r="G75368" s="1" t="s">
        <v>250907</v>
      </c>
      <c r="H75368" s="1" t="s">
        <v>250908</v>
      </c>
      <c r="I75368" s="1" t="s">
        <v>250383</v>
      </c>
      <c r="J75368" s="1" t="s">
        <v>250995</v>
      </c>
    </row>
    <row r="75369" spans="1:10" x14ac:dyDescent="0.35">
      <c r="A75369" s="1" t="s">
        <v>27437</v>
      </c>
      <c r="B75369" s="1" t="s">
        <v>250378</v>
      </c>
      <c r="C75369" s="1" t="s">
        <v>150</v>
      </c>
      <c r="D75369" s="1" t="s">
        <v>141893</v>
      </c>
      <c r="E75369" s="1" t="s">
        <v>250996</v>
      </c>
      <c r="F75369" s="1" t="s">
        <v>250997</v>
      </c>
      <c r="G75369" s="1" t="s">
        <v>250907</v>
      </c>
      <c r="H75369" s="1" t="s">
        <v>250908</v>
      </c>
      <c r="I75369" s="1" t="s">
        <v>250383</v>
      </c>
      <c r="J75369" s="1" t="s">
        <v>250998</v>
      </c>
    </row>
    <row r="75370" spans="1:10" x14ac:dyDescent="0.35">
      <c r="A75370" s="1" t="s">
        <v>27437</v>
      </c>
      <c r="B75370" s="1" t="s">
        <v>250378</v>
      </c>
      <c r="C75370" s="1" t="s">
        <v>155</v>
      </c>
      <c r="D75370" s="1" t="s">
        <v>250999</v>
      </c>
      <c r="E75370" s="1" t="s">
        <v>251000</v>
      </c>
      <c r="F75370" s="1" t="s">
        <v>251001</v>
      </c>
      <c r="G75370" s="1" t="s">
        <v>250907</v>
      </c>
      <c r="H75370" s="1" t="s">
        <v>250908</v>
      </c>
      <c r="I75370" s="1" t="s">
        <v>250383</v>
      </c>
      <c r="J75370" s="1" t="s">
        <v>251002</v>
      </c>
    </row>
    <row r="75371" spans="1:10" x14ac:dyDescent="0.35">
      <c r="A75371" s="1" t="s">
        <v>27437</v>
      </c>
      <c r="B75371" s="1" t="s">
        <v>250378</v>
      </c>
      <c r="C75371" s="1" t="s">
        <v>160</v>
      </c>
      <c r="D75371" s="1" t="s">
        <v>18169</v>
      </c>
      <c r="E75371" s="1" t="s">
        <v>251003</v>
      </c>
      <c r="F75371" s="1" t="s">
        <v>251004</v>
      </c>
      <c r="G75371" s="1" t="s">
        <v>250907</v>
      </c>
      <c r="H75371" s="1" t="s">
        <v>250908</v>
      </c>
      <c r="I75371" s="1" t="s">
        <v>250383</v>
      </c>
      <c r="J75371" s="1" t="s">
        <v>251005</v>
      </c>
    </row>
    <row r="75372" spans="1:10" x14ac:dyDescent="0.35">
      <c r="A75372" s="1" t="s">
        <v>27437</v>
      </c>
      <c r="B75372" s="1" t="s">
        <v>250378</v>
      </c>
      <c r="C75372" s="1" t="s">
        <v>165</v>
      </c>
      <c r="D75372" s="1" t="s">
        <v>123215</v>
      </c>
      <c r="E75372" s="1" t="s">
        <v>251006</v>
      </c>
      <c r="F75372" s="1" t="s">
        <v>251007</v>
      </c>
      <c r="G75372" s="1" t="s">
        <v>250907</v>
      </c>
      <c r="H75372" s="1" t="s">
        <v>250908</v>
      </c>
      <c r="I75372" s="1" t="s">
        <v>250383</v>
      </c>
      <c r="J75372" s="1" t="s">
        <v>251008</v>
      </c>
    </row>
    <row r="75373" spans="1:10" x14ac:dyDescent="0.35">
      <c r="A75373" s="1" t="s">
        <v>27437</v>
      </c>
      <c r="B75373" s="1" t="s">
        <v>250378</v>
      </c>
      <c r="C75373" s="1" t="s">
        <v>170</v>
      </c>
      <c r="D75373" s="1" t="s">
        <v>218194</v>
      </c>
      <c r="E75373" s="1" t="s">
        <v>251009</v>
      </c>
      <c r="F75373" s="1" t="s">
        <v>251010</v>
      </c>
      <c r="G75373" s="1" t="s">
        <v>250907</v>
      </c>
      <c r="H75373" s="1" t="s">
        <v>250908</v>
      </c>
      <c r="I75373" s="1" t="s">
        <v>250383</v>
      </c>
      <c r="J75373" s="1" t="s">
        <v>251011</v>
      </c>
    </row>
    <row r="75374" spans="1:10" x14ac:dyDescent="0.35">
      <c r="A75374" s="1" t="s">
        <v>28259</v>
      </c>
      <c r="B75374" s="1" t="s">
        <v>250378</v>
      </c>
      <c r="C75374" s="1" t="s">
        <v>8</v>
      </c>
      <c r="D75374" s="1" t="s">
        <v>148536</v>
      </c>
      <c r="E75374" s="1" t="s">
        <v>251012</v>
      </c>
      <c r="F75374" s="1" t="s">
        <v>251013</v>
      </c>
      <c r="G75374" s="1" t="s">
        <v>251014</v>
      </c>
      <c r="H75374" s="1" t="s">
        <v>161015</v>
      </c>
      <c r="I75374" s="1" t="s">
        <v>250383</v>
      </c>
      <c r="J75374" s="1" t="s">
        <v>13</v>
      </c>
    </row>
    <row r="75375" spans="1:10" x14ac:dyDescent="0.35">
      <c r="A75375" s="1" t="s">
        <v>28259</v>
      </c>
      <c r="B75375" s="1" t="s">
        <v>250378</v>
      </c>
      <c r="C75375" s="1" t="s">
        <v>15</v>
      </c>
      <c r="D75375" s="1" t="s">
        <v>15427</v>
      </c>
      <c r="E75375" s="1" t="s">
        <v>251015</v>
      </c>
      <c r="F75375" s="1" t="s">
        <v>251016</v>
      </c>
      <c r="G75375" s="1" t="s">
        <v>251014</v>
      </c>
      <c r="H75375" s="1" t="s">
        <v>161015</v>
      </c>
      <c r="I75375" s="1" t="s">
        <v>250383</v>
      </c>
      <c r="J75375" s="1" t="s">
        <v>251017</v>
      </c>
    </row>
    <row r="75376" spans="1:10" x14ac:dyDescent="0.35">
      <c r="A75376" s="1" t="s">
        <v>28259</v>
      </c>
      <c r="B75376" s="1" t="s">
        <v>250378</v>
      </c>
      <c r="C75376" s="1" t="s">
        <v>20</v>
      </c>
      <c r="D75376" s="1" t="s">
        <v>34169</v>
      </c>
      <c r="E75376" s="1" t="s">
        <v>251018</v>
      </c>
      <c r="F75376" s="1" t="s">
        <v>251019</v>
      </c>
      <c r="G75376" s="1" t="s">
        <v>251014</v>
      </c>
      <c r="H75376" s="1" t="s">
        <v>161015</v>
      </c>
      <c r="I75376" s="1" t="s">
        <v>250383</v>
      </c>
      <c r="J75376" s="1" t="s">
        <v>251020</v>
      </c>
    </row>
    <row r="75377" spans="1:10" x14ac:dyDescent="0.35">
      <c r="A75377" s="1" t="s">
        <v>28259</v>
      </c>
      <c r="B75377" s="1" t="s">
        <v>250378</v>
      </c>
      <c r="C75377" s="1" t="s">
        <v>25</v>
      </c>
      <c r="D75377" s="1" t="s">
        <v>115527</v>
      </c>
      <c r="E75377" s="1" t="s">
        <v>251021</v>
      </c>
      <c r="F75377" s="1" t="s">
        <v>251022</v>
      </c>
      <c r="G75377" s="1" t="s">
        <v>251014</v>
      </c>
      <c r="H75377" s="1" t="s">
        <v>161015</v>
      </c>
      <c r="I75377" s="1" t="s">
        <v>250383</v>
      </c>
      <c r="J75377" s="1" t="s">
        <v>251023</v>
      </c>
    </row>
    <row r="75378" spans="1:10" x14ac:dyDescent="0.35">
      <c r="A75378" s="1" t="s">
        <v>28259</v>
      </c>
      <c r="B75378" s="1" t="s">
        <v>250378</v>
      </c>
      <c r="C75378" s="1" t="s">
        <v>30</v>
      </c>
      <c r="D75378" s="1" t="s">
        <v>42783</v>
      </c>
      <c r="E75378" s="1" t="s">
        <v>251024</v>
      </c>
      <c r="F75378" s="1" t="s">
        <v>251025</v>
      </c>
      <c r="G75378" s="1" t="s">
        <v>251014</v>
      </c>
      <c r="H75378" s="1" t="s">
        <v>161015</v>
      </c>
      <c r="I75378" s="1" t="s">
        <v>250383</v>
      </c>
      <c r="J75378" s="1" t="s">
        <v>251026</v>
      </c>
    </row>
    <row r="75379" spans="1:10" x14ac:dyDescent="0.35">
      <c r="A75379" s="1" t="s">
        <v>28259</v>
      </c>
      <c r="B75379" s="1" t="s">
        <v>250378</v>
      </c>
      <c r="C75379" s="1" t="s">
        <v>35</v>
      </c>
      <c r="D75379" s="1" t="s">
        <v>31584</v>
      </c>
      <c r="E75379" s="1" t="s">
        <v>251027</v>
      </c>
      <c r="F75379" s="1" t="s">
        <v>251028</v>
      </c>
      <c r="G75379" s="1" t="s">
        <v>251014</v>
      </c>
      <c r="H75379" s="1" t="s">
        <v>161015</v>
      </c>
      <c r="I75379" s="1" t="s">
        <v>250383</v>
      </c>
      <c r="J75379" s="1" t="s">
        <v>251029</v>
      </c>
    </row>
    <row r="75380" spans="1:10" x14ac:dyDescent="0.35">
      <c r="A75380" s="1" t="s">
        <v>28259</v>
      </c>
      <c r="B75380" s="1" t="s">
        <v>250378</v>
      </c>
      <c r="C75380" s="1" t="s">
        <v>40</v>
      </c>
      <c r="D75380" s="1" t="s">
        <v>38596</v>
      </c>
      <c r="E75380" s="1" t="s">
        <v>251030</v>
      </c>
      <c r="F75380" s="1" t="s">
        <v>251031</v>
      </c>
      <c r="G75380" s="1" t="s">
        <v>251014</v>
      </c>
      <c r="H75380" s="1" t="s">
        <v>161015</v>
      </c>
      <c r="I75380" s="1" t="s">
        <v>250383</v>
      </c>
      <c r="J75380" s="1" t="s">
        <v>251032</v>
      </c>
    </row>
    <row r="75381" spans="1:10" x14ac:dyDescent="0.35">
      <c r="A75381" s="1" t="s">
        <v>28259</v>
      </c>
      <c r="B75381" s="1" t="s">
        <v>250378</v>
      </c>
      <c r="C75381" s="1" t="s">
        <v>45</v>
      </c>
      <c r="D75381" s="1" t="s">
        <v>17867</v>
      </c>
      <c r="E75381" s="1" t="s">
        <v>251033</v>
      </c>
      <c r="F75381" s="1" t="s">
        <v>251034</v>
      </c>
      <c r="G75381" s="1" t="s">
        <v>251014</v>
      </c>
      <c r="H75381" s="1" t="s">
        <v>161015</v>
      </c>
      <c r="I75381" s="1" t="s">
        <v>250383</v>
      </c>
      <c r="J75381" s="1" t="s">
        <v>251035</v>
      </c>
    </row>
    <row r="75382" spans="1:10" x14ac:dyDescent="0.35">
      <c r="A75382" s="1" t="s">
        <v>28259</v>
      </c>
      <c r="B75382" s="1" t="s">
        <v>250378</v>
      </c>
      <c r="C75382" s="1" t="s">
        <v>50</v>
      </c>
      <c r="D75382" s="1" t="s">
        <v>37614</v>
      </c>
      <c r="E75382" s="1" t="s">
        <v>251036</v>
      </c>
      <c r="F75382" s="1" t="s">
        <v>251037</v>
      </c>
      <c r="G75382" s="1" t="s">
        <v>251014</v>
      </c>
      <c r="H75382" s="1" t="s">
        <v>161015</v>
      </c>
      <c r="I75382" s="1" t="s">
        <v>250383</v>
      </c>
      <c r="J75382" s="1" t="s">
        <v>251038</v>
      </c>
    </row>
    <row r="75383" spans="1:10" x14ac:dyDescent="0.35">
      <c r="A75383" s="1" t="s">
        <v>28259</v>
      </c>
      <c r="B75383" s="1" t="s">
        <v>250378</v>
      </c>
      <c r="C75383" s="1" t="s">
        <v>55</v>
      </c>
      <c r="D75383" s="1" t="s">
        <v>36785</v>
      </c>
      <c r="E75383" s="1" t="s">
        <v>251039</v>
      </c>
      <c r="F75383" s="1" t="s">
        <v>251040</v>
      </c>
      <c r="G75383" s="1" t="s">
        <v>251014</v>
      </c>
      <c r="H75383" s="1" t="s">
        <v>161015</v>
      </c>
      <c r="I75383" s="1" t="s">
        <v>250383</v>
      </c>
      <c r="J75383" s="1" t="s">
        <v>251041</v>
      </c>
    </row>
    <row r="75384" spans="1:10" x14ac:dyDescent="0.35">
      <c r="A75384" s="1" t="s">
        <v>28259</v>
      </c>
      <c r="B75384" s="1" t="s">
        <v>250378</v>
      </c>
      <c r="C75384" s="1" t="s">
        <v>60</v>
      </c>
      <c r="D75384" s="1" t="s">
        <v>251042</v>
      </c>
      <c r="E75384" s="1" t="s">
        <v>251043</v>
      </c>
      <c r="F75384" s="1" t="s">
        <v>251044</v>
      </c>
      <c r="G75384" s="1" t="s">
        <v>251014</v>
      </c>
      <c r="H75384" s="1" t="s">
        <v>161015</v>
      </c>
      <c r="I75384" s="1" t="s">
        <v>250383</v>
      </c>
      <c r="J75384" s="1" t="s">
        <v>251045</v>
      </c>
    </row>
    <row r="75385" spans="1:10" x14ac:dyDescent="0.35">
      <c r="A75385" s="1" t="s">
        <v>28259</v>
      </c>
      <c r="B75385" s="1" t="s">
        <v>250378</v>
      </c>
      <c r="C75385" s="1" t="s">
        <v>65</v>
      </c>
      <c r="D75385" s="1" t="s">
        <v>636</v>
      </c>
      <c r="E75385" s="1" t="s">
        <v>251046</v>
      </c>
      <c r="F75385" s="1" t="s">
        <v>251047</v>
      </c>
      <c r="G75385" s="1" t="s">
        <v>251014</v>
      </c>
      <c r="H75385" s="1" t="s">
        <v>161015</v>
      </c>
      <c r="I75385" s="1" t="s">
        <v>250383</v>
      </c>
      <c r="J75385" s="1" t="s">
        <v>251048</v>
      </c>
    </row>
    <row r="75386" spans="1:10" x14ac:dyDescent="0.35">
      <c r="A75386" s="1" t="s">
        <v>28259</v>
      </c>
      <c r="B75386" s="1" t="s">
        <v>250378</v>
      </c>
      <c r="C75386" s="1" t="s">
        <v>70</v>
      </c>
      <c r="D75386" s="1" t="s">
        <v>2416</v>
      </c>
      <c r="E75386" s="1" t="s">
        <v>251049</v>
      </c>
      <c r="F75386" s="1" t="s">
        <v>251050</v>
      </c>
      <c r="G75386" s="1" t="s">
        <v>251014</v>
      </c>
      <c r="H75386" s="1" t="s">
        <v>161015</v>
      </c>
      <c r="I75386" s="1" t="s">
        <v>250383</v>
      </c>
      <c r="J75386" s="1" t="s">
        <v>251051</v>
      </c>
    </row>
    <row r="75387" spans="1:10" x14ac:dyDescent="0.35">
      <c r="A75387" s="1" t="s">
        <v>28259</v>
      </c>
      <c r="B75387" s="1" t="s">
        <v>250378</v>
      </c>
      <c r="C75387" s="1" t="s">
        <v>75</v>
      </c>
      <c r="D75387" s="1" t="s">
        <v>49736</v>
      </c>
      <c r="E75387" s="1" t="s">
        <v>251052</v>
      </c>
      <c r="F75387" s="1" t="s">
        <v>251053</v>
      </c>
      <c r="G75387" s="1" t="s">
        <v>251014</v>
      </c>
      <c r="H75387" s="1" t="s">
        <v>161015</v>
      </c>
      <c r="I75387" s="1" t="s">
        <v>250383</v>
      </c>
      <c r="J75387" s="1" t="s">
        <v>251054</v>
      </c>
    </row>
    <row r="75388" spans="1:10" x14ac:dyDescent="0.35">
      <c r="A75388" s="1" t="s">
        <v>28259</v>
      </c>
      <c r="B75388" s="1" t="s">
        <v>250378</v>
      </c>
      <c r="C75388" s="1" t="s">
        <v>80</v>
      </c>
      <c r="D75388" s="1" t="s">
        <v>188526</v>
      </c>
      <c r="E75388" s="1" t="s">
        <v>251055</v>
      </c>
      <c r="F75388" s="1" t="s">
        <v>251056</v>
      </c>
      <c r="G75388" s="1" t="s">
        <v>251014</v>
      </c>
      <c r="H75388" s="1" t="s">
        <v>161015</v>
      </c>
      <c r="I75388" s="1" t="s">
        <v>250383</v>
      </c>
      <c r="J75388" s="1" t="s">
        <v>251057</v>
      </c>
    </row>
    <row r="75389" spans="1:10" x14ac:dyDescent="0.35">
      <c r="A75389" s="1" t="s">
        <v>28259</v>
      </c>
      <c r="B75389" s="1" t="s">
        <v>250378</v>
      </c>
      <c r="C75389" s="1" t="s">
        <v>85</v>
      </c>
      <c r="D75389" s="1" t="s">
        <v>221087</v>
      </c>
      <c r="E75389" s="1" t="s">
        <v>251058</v>
      </c>
      <c r="F75389" s="1" t="s">
        <v>251059</v>
      </c>
      <c r="G75389" s="1" t="s">
        <v>251014</v>
      </c>
      <c r="H75389" s="1" t="s">
        <v>161015</v>
      </c>
      <c r="I75389" s="1" t="s">
        <v>250383</v>
      </c>
      <c r="J75389" s="1" t="s">
        <v>251060</v>
      </c>
    </row>
    <row r="75390" spans="1:10" x14ac:dyDescent="0.35">
      <c r="A75390" s="1" t="s">
        <v>28259</v>
      </c>
      <c r="B75390" s="1" t="s">
        <v>250378</v>
      </c>
      <c r="C75390" s="1" t="s">
        <v>90</v>
      </c>
      <c r="D75390" s="1" t="s">
        <v>218293</v>
      </c>
      <c r="E75390" s="1" t="s">
        <v>251061</v>
      </c>
      <c r="F75390" s="1" t="s">
        <v>251062</v>
      </c>
      <c r="G75390" s="1" t="s">
        <v>251014</v>
      </c>
      <c r="H75390" s="1" t="s">
        <v>161015</v>
      </c>
      <c r="I75390" s="1" t="s">
        <v>250383</v>
      </c>
      <c r="J75390" s="1" t="s">
        <v>251063</v>
      </c>
    </row>
    <row r="75391" spans="1:10" x14ac:dyDescent="0.35">
      <c r="A75391" s="1" t="s">
        <v>28259</v>
      </c>
      <c r="B75391" s="1" t="s">
        <v>250378</v>
      </c>
      <c r="C75391" s="1" t="s">
        <v>95</v>
      </c>
      <c r="D75391" s="1" t="s">
        <v>251064</v>
      </c>
      <c r="E75391" s="1" t="s">
        <v>251065</v>
      </c>
      <c r="F75391" s="1" t="s">
        <v>251066</v>
      </c>
      <c r="G75391" s="1" t="s">
        <v>251014</v>
      </c>
      <c r="H75391" s="1" t="s">
        <v>161015</v>
      </c>
      <c r="I75391" s="1" t="s">
        <v>250383</v>
      </c>
      <c r="J75391" s="1" t="s">
        <v>251067</v>
      </c>
    </row>
    <row r="75392" spans="1:10" x14ac:dyDescent="0.35">
      <c r="A75392" s="1" t="s">
        <v>28259</v>
      </c>
      <c r="B75392" s="1" t="s">
        <v>250378</v>
      </c>
      <c r="C75392" s="1" t="s">
        <v>100</v>
      </c>
      <c r="D75392" s="1" t="s">
        <v>251068</v>
      </c>
      <c r="E75392" s="1" t="s">
        <v>251069</v>
      </c>
      <c r="F75392" s="1" t="s">
        <v>251070</v>
      </c>
      <c r="G75392" s="1" t="s">
        <v>251014</v>
      </c>
      <c r="H75392" s="1" t="s">
        <v>161015</v>
      </c>
      <c r="I75392" s="1" t="s">
        <v>250383</v>
      </c>
      <c r="J75392" s="1" t="s">
        <v>251071</v>
      </c>
    </row>
    <row r="75393" spans="1:10" x14ac:dyDescent="0.35">
      <c r="A75393" s="1" t="s">
        <v>28259</v>
      </c>
      <c r="B75393" s="1" t="s">
        <v>250378</v>
      </c>
      <c r="C75393" s="1" t="s">
        <v>105</v>
      </c>
      <c r="D75393" s="1" t="s">
        <v>3060</v>
      </c>
      <c r="E75393" s="1" t="s">
        <v>251072</v>
      </c>
      <c r="F75393" s="1" t="s">
        <v>251073</v>
      </c>
      <c r="G75393" s="1" t="s">
        <v>251014</v>
      </c>
      <c r="H75393" s="1" t="s">
        <v>161015</v>
      </c>
      <c r="I75393" s="1" t="s">
        <v>250383</v>
      </c>
      <c r="J75393" s="1" t="s">
        <v>251074</v>
      </c>
    </row>
    <row r="75394" spans="1:10" x14ac:dyDescent="0.35">
      <c r="A75394" s="1" t="s">
        <v>28259</v>
      </c>
      <c r="B75394" s="1" t="s">
        <v>250378</v>
      </c>
      <c r="C75394" s="1" t="s">
        <v>110</v>
      </c>
      <c r="D75394" s="1" t="s">
        <v>35956</v>
      </c>
      <c r="E75394" s="1" t="s">
        <v>251075</v>
      </c>
      <c r="F75394" s="1" t="s">
        <v>251076</v>
      </c>
      <c r="G75394" s="1" t="s">
        <v>251014</v>
      </c>
      <c r="H75394" s="1" t="s">
        <v>161015</v>
      </c>
      <c r="I75394" s="1" t="s">
        <v>250383</v>
      </c>
      <c r="J75394" s="1" t="s">
        <v>251077</v>
      </c>
    </row>
    <row r="75395" spans="1:10" x14ac:dyDescent="0.35">
      <c r="A75395" s="1" t="s">
        <v>28259</v>
      </c>
      <c r="B75395" s="1" t="s">
        <v>250378</v>
      </c>
      <c r="C75395" s="1" t="s">
        <v>115</v>
      </c>
      <c r="D75395" s="1" t="s">
        <v>251078</v>
      </c>
      <c r="E75395" s="1" t="s">
        <v>251079</v>
      </c>
      <c r="F75395" s="1" t="s">
        <v>251080</v>
      </c>
      <c r="G75395" s="1" t="s">
        <v>251014</v>
      </c>
      <c r="H75395" s="1" t="s">
        <v>161015</v>
      </c>
      <c r="I75395" s="1" t="s">
        <v>250383</v>
      </c>
      <c r="J75395" s="1" t="s">
        <v>251081</v>
      </c>
    </row>
    <row r="75396" spans="1:10" x14ac:dyDescent="0.35">
      <c r="A75396" s="1" t="s">
        <v>28259</v>
      </c>
      <c r="B75396" s="1" t="s">
        <v>250378</v>
      </c>
      <c r="C75396" s="1" t="s">
        <v>120</v>
      </c>
      <c r="D75396" s="1" t="s">
        <v>43662</v>
      </c>
      <c r="E75396" s="1" t="s">
        <v>251082</v>
      </c>
      <c r="F75396" s="1" t="s">
        <v>251083</v>
      </c>
      <c r="G75396" s="1" t="s">
        <v>251014</v>
      </c>
      <c r="H75396" s="1" t="s">
        <v>161015</v>
      </c>
      <c r="I75396" s="1" t="s">
        <v>250383</v>
      </c>
      <c r="J75396" s="1" t="s">
        <v>251084</v>
      </c>
    </row>
    <row r="75397" spans="1:10" x14ac:dyDescent="0.35">
      <c r="A75397" s="1" t="s">
        <v>28259</v>
      </c>
      <c r="B75397" s="1" t="s">
        <v>250378</v>
      </c>
      <c r="C75397" s="1" t="s">
        <v>125</v>
      </c>
      <c r="D75397" s="1" t="s">
        <v>150135</v>
      </c>
      <c r="E75397" s="1" t="s">
        <v>251085</v>
      </c>
      <c r="F75397" s="1" t="s">
        <v>251086</v>
      </c>
      <c r="G75397" s="1" t="s">
        <v>251014</v>
      </c>
      <c r="H75397" s="1" t="s">
        <v>161015</v>
      </c>
      <c r="I75397" s="1" t="s">
        <v>250383</v>
      </c>
      <c r="J75397" s="1" t="s">
        <v>251087</v>
      </c>
    </row>
    <row r="75398" spans="1:10" x14ac:dyDescent="0.35">
      <c r="A75398" s="1" t="s">
        <v>28259</v>
      </c>
      <c r="B75398" s="1" t="s">
        <v>250378</v>
      </c>
      <c r="C75398" s="1" t="s">
        <v>130</v>
      </c>
      <c r="D75398" s="1" t="s">
        <v>2469</v>
      </c>
      <c r="E75398" s="1" t="s">
        <v>251088</v>
      </c>
      <c r="F75398" s="1" t="s">
        <v>251089</v>
      </c>
      <c r="G75398" s="1" t="s">
        <v>251014</v>
      </c>
      <c r="H75398" s="1" t="s">
        <v>161015</v>
      </c>
      <c r="I75398" s="1" t="s">
        <v>250383</v>
      </c>
      <c r="J75398" s="1" t="s">
        <v>251090</v>
      </c>
    </row>
    <row r="75399" spans="1:10" x14ac:dyDescent="0.35">
      <c r="A75399" s="1" t="s">
        <v>28259</v>
      </c>
      <c r="B75399" s="1" t="s">
        <v>250378</v>
      </c>
      <c r="C75399" s="1" t="s">
        <v>135</v>
      </c>
      <c r="D75399" s="1" t="s">
        <v>17029</v>
      </c>
      <c r="E75399" s="1" t="s">
        <v>251091</v>
      </c>
      <c r="F75399" s="1" t="s">
        <v>251092</v>
      </c>
      <c r="G75399" s="1" t="s">
        <v>251014</v>
      </c>
      <c r="H75399" s="1" t="s">
        <v>161015</v>
      </c>
      <c r="I75399" s="1" t="s">
        <v>250383</v>
      </c>
      <c r="J75399" s="1" t="s">
        <v>251093</v>
      </c>
    </row>
    <row r="75400" spans="1:10" x14ac:dyDescent="0.35">
      <c r="A75400" s="1" t="s">
        <v>28259</v>
      </c>
      <c r="B75400" s="1" t="s">
        <v>250378</v>
      </c>
      <c r="C75400" s="1" t="s">
        <v>140</v>
      </c>
      <c r="D75400" s="1" t="s">
        <v>83530</v>
      </c>
      <c r="E75400" s="1" t="s">
        <v>251094</v>
      </c>
      <c r="F75400" s="1" t="s">
        <v>251095</v>
      </c>
      <c r="G75400" s="1" t="s">
        <v>251014</v>
      </c>
      <c r="H75400" s="1" t="s">
        <v>161015</v>
      </c>
      <c r="I75400" s="1" t="s">
        <v>250383</v>
      </c>
      <c r="J75400" s="1" t="s">
        <v>251096</v>
      </c>
    </row>
    <row r="75401" spans="1:10" x14ac:dyDescent="0.35">
      <c r="A75401" s="1" t="s">
        <v>28259</v>
      </c>
      <c r="B75401" s="1" t="s">
        <v>250378</v>
      </c>
      <c r="C75401" s="1" t="s">
        <v>145</v>
      </c>
      <c r="D75401" s="1" t="s">
        <v>251097</v>
      </c>
      <c r="E75401" s="1" t="s">
        <v>251098</v>
      </c>
      <c r="F75401" s="1" t="s">
        <v>251099</v>
      </c>
      <c r="G75401" s="1" t="s">
        <v>251014</v>
      </c>
      <c r="H75401" s="1" t="s">
        <v>161015</v>
      </c>
      <c r="I75401" s="1" t="s">
        <v>250383</v>
      </c>
      <c r="J75401" s="1" t="s">
        <v>251100</v>
      </c>
    </row>
    <row r="75402" spans="1:10" x14ac:dyDescent="0.35">
      <c r="A75402" s="1" t="s">
        <v>28259</v>
      </c>
      <c r="B75402" s="1" t="s">
        <v>250378</v>
      </c>
      <c r="C75402" s="1" t="s">
        <v>150</v>
      </c>
      <c r="D75402" s="1" t="s">
        <v>251101</v>
      </c>
      <c r="E75402" s="1" t="s">
        <v>251102</v>
      </c>
      <c r="F75402" s="1" t="s">
        <v>251103</v>
      </c>
      <c r="G75402" s="1" t="s">
        <v>251014</v>
      </c>
      <c r="H75402" s="1" t="s">
        <v>161015</v>
      </c>
      <c r="I75402" s="1" t="s">
        <v>250383</v>
      </c>
      <c r="J75402" s="1" t="s">
        <v>251104</v>
      </c>
    </row>
    <row r="75403" spans="1:10" x14ac:dyDescent="0.35">
      <c r="A75403" s="1" t="s">
        <v>28259</v>
      </c>
      <c r="B75403" s="1" t="s">
        <v>250378</v>
      </c>
      <c r="C75403" s="1" t="s">
        <v>155</v>
      </c>
      <c r="D75403" s="1" t="s">
        <v>113079</v>
      </c>
      <c r="E75403" s="1" t="s">
        <v>251105</v>
      </c>
      <c r="F75403" s="1" t="s">
        <v>251106</v>
      </c>
      <c r="G75403" s="1" t="s">
        <v>251014</v>
      </c>
      <c r="H75403" s="1" t="s">
        <v>161015</v>
      </c>
      <c r="I75403" s="1" t="s">
        <v>250383</v>
      </c>
      <c r="J75403" s="1" t="s">
        <v>251107</v>
      </c>
    </row>
    <row r="75404" spans="1:10" x14ac:dyDescent="0.35">
      <c r="A75404" s="1" t="s">
        <v>28259</v>
      </c>
      <c r="B75404" s="1" t="s">
        <v>250378</v>
      </c>
      <c r="C75404" s="1" t="s">
        <v>160</v>
      </c>
      <c r="D75404" s="1" t="s">
        <v>105007</v>
      </c>
      <c r="E75404" s="1" t="s">
        <v>251108</v>
      </c>
      <c r="F75404" s="1" t="s">
        <v>251109</v>
      </c>
      <c r="G75404" s="1" t="s">
        <v>251014</v>
      </c>
      <c r="H75404" s="1" t="s">
        <v>161015</v>
      </c>
      <c r="I75404" s="1" t="s">
        <v>250383</v>
      </c>
      <c r="J75404" s="1" t="s">
        <v>251110</v>
      </c>
    </row>
    <row r="75405" spans="1:10" x14ac:dyDescent="0.35">
      <c r="A75405" s="1" t="s">
        <v>28259</v>
      </c>
      <c r="B75405" s="1" t="s">
        <v>250378</v>
      </c>
      <c r="C75405" s="1" t="s">
        <v>165</v>
      </c>
      <c r="D75405" s="1" t="s">
        <v>45204</v>
      </c>
      <c r="E75405" s="1" t="s">
        <v>251111</v>
      </c>
      <c r="F75405" s="1" t="s">
        <v>251112</v>
      </c>
      <c r="G75405" s="1" t="s">
        <v>251014</v>
      </c>
      <c r="H75405" s="1" t="s">
        <v>161015</v>
      </c>
      <c r="I75405" s="1" t="s">
        <v>250383</v>
      </c>
      <c r="J75405" s="1" t="s">
        <v>251113</v>
      </c>
    </row>
    <row r="75406" spans="1:10" x14ac:dyDescent="0.35">
      <c r="A75406" s="1" t="s">
        <v>28259</v>
      </c>
      <c r="B75406" s="1" t="s">
        <v>250378</v>
      </c>
      <c r="C75406" s="1" t="s">
        <v>170</v>
      </c>
      <c r="D75406" s="1" t="s">
        <v>251114</v>
      </c>
      <c r="E75406" s="1" t="s">
        <v>251115</v>
      </c>
      <c r="F75406" s="1" t="s">
        <v>251116</v>
      </c>
      <c r="G75406" s="1" t="s">
        <v>251014</v>
      </c>
      <c r="H75406" s="1" t="s">
        <v>161015</v>
      </c>
      <c r="I75406" s="1" t="s">
        <v>250383</v>
      </c>
      <c r="J75406" s="1" t="s">
        <v>251117</v>
      </c>
    </row>
    <row r="75407" spans="1:10" x14ac:dyDescent="0.35">
      <c r="A75407" s="1" t="s">
        <v>1659</v>
      </c>
      <c r="B75407" s="1" t="s">
        <v>250378</v>
      </c>
      <c r="C75407" s="1" t="s">
        <v>8</v>
      </c>
      <c r="D75407" s="1" t="s">
        <v>32201</v>
      </c>
      <c r="E75407" s="1" t="s">
        <v>251118</v>
      </c>
      <c r="F75407" s="1" t="s">
        <v>251119</v>
      </c>
      <c r="G75407" s="1" t="s">
        <v>251120</v>
      </c>
      <c r="H75407" s="1" t="s">
        <v>251121</v>
      </c>
      <c r="I75407" s="1" t="s">
        <v>250383</v>
      </c>
      <c r="J75407" s="1" t="s">
        <v>13</v>
      </c>
    </row>
    <row r="75408" spans="1:10" x14ac:dyDescent="0.35">
      <c r="A75408" s="1" t="s">
        <v>1659</v>
      </c>
      <c r="B75408" s="1" t="s">
        <v>250378</v>
      </c>
      <c r="C75408" s="1" t="s">
        <v>15</v>
      </c>
      <c r="D75408" s="1" t="s">
        <v>72825</v>
      </c>
      <c r="E75408" s="1" t="s">
        <v>251122</v>
      </c>
      <c r="F75408" s="1" t="s">
        <v>251123</v>
      </c>
      <c r="G75408" s="1" t="s">
        <v>251120</v>
      </c>
      <c r="H75408" s="1" t="s">
        <v>251121</v>
      </c>
      <c r="I75408" s="1" t="s">
        <v>250383</v>
      </c>
      <c r="J75408" s="1" t="s">
        <v>251124</v>
      </c>
    </row>
    <row r="75409" spans="1:10" x14ac:dyDescent="0.35">
      <c r="A75409" s="1" t="s">
        <v>1659</v>
      </c>
      <c r="B75409" s="1" t="s">
        <v>250378</v>
      </c>
      <c r="C75409" s="1" t="s">
        <v>20</v>
      </c>
      <c r="D75409" s="1" t="s">
        <v>44433</v>
      </c>
      <c r="E75409" s="1" t="s">
        <v>251125</v>
      </c>
      <c r="F75409" s="1" t="s">
        <v>251126</v>
      </c>
      <c r="G75409" s="1" t="s">
        <v>251120</v>
      </c>
      <c r="H75409" s="1" t="s">
        <v>251121</v>
      </c>
      <c r="I75409" s="1" t="s">
        <v>250383</v>
      </c>
      <c r="J75409" s="1" t="s">
        <v>251127</v>
      </c>
    </row>
    <row r="75410" spans="1:10" x14ac:dyDescent="0.35">
      <c r="A75410" s="1" t="s">
        <v>1659</v>
      </c>
      <c r="B75410" s="1" t="s">
        <v>250378</v>
      </c>
      <c r="C75410" s="1" t="s">
        <v>25</v>
      </c>
      <c r="D75410" s="1" t="s">
        <v>10684</v>
      </c>
      <c r="E75410" s="1" t="s">
        <v>251128</v>
      </c>
      <c r="F75410" s="1" t="s">
        <v>251129</v>
      </c>
      <c r="G75410" s="1" t="s">
        <v>251120</v>
      </c>
      <c r="H75410" s="1" t="s">
        <v>251121</v>
      </c>
      <c r="I75410" s="1" t="s">
        <v>250383</v>
      </c>
      <c r="J75410" s="1" t="s">
        <v>251130</v>
      </c>
    </row>
    <row r="75411" spans="1:10" x14ac:dyDescent="0.35">
      <c r="A75411" s="1" t="s">
        <v>1659</v>
      </c>
      <c r="B75411" s="1" t="s">
        <v>250378</v>
      </c>
      <c r="C75411" s="1" t="s">
        <v>30</v>
      </c>
      <c r="D75411" s="1" t="s">
        <v>144849</v>
      </c>
      <c r="E75411" s="1" t="s">
        <v>251131</v>
      </c>
      <c r="F75411" s="1" t="s">
        <v>251132</v>
      </c>
      <c r="G75411" s="1" t="s">
        <v>251120</v>
      </c>
      <c r="H75411" s="1" t="s">
        <v>251121</v>
      </c>
      <c r="I75411" s="1" t="s">
        <v>250383</v>
      </c>
      <c r="J75411" s="1" t="s">
        <v>251133</v>
      </c>
    </row>
    <row r="75412" spans="1:10" x14ac:dyDescent="0.35">
      <c r="A75412" s="1" t="s">
        <v>1659</v>
      </c>
      <c r="B75412" s="1" t="s">
        <v>250378</v>
      </c>
      <c r="C75412" s="1" t="s">
        <v>35</v>
      </c>
      <c r="D75412" s="1" t="s">
        <v>251134</v>
      </c>
      <c r="E75412" s="1" t="s">
        <v>251135</v>
      </c>
      <c r="F75412" s="1" t="s">
        <v>251136</v>
      </c>
      <c r="G75412" s="1" t="s">
        <v>251120</v>
      </c>
      <c r="H75412" s="1" t="s">
        <v>251121</v>
      </c>
      <c r="I75412" s="1" t="s">
        <v>250383</v>
      </c>
      <c r="J75412" s="1" t="s">
        <v>251137</v>
      </c>
    </row>
    <row r="75413" spans="1:10" x14ac:dyDescent="0.35">
      <c r="A75413" s="1" t="s">
        <v>1659</v>
      </c>
      <c r="B75413" s="1" t="s">
        <v>250378</v>
      </c>
      <c r="C75413" s="1" t="s">
        <v>40</v>
      </c>
      <c r="D75413" s="1" t="s">
        <v>142153</v>
      </c>
      <c r="E75413" s="1" t="s">
        <v>251138</v>
      </c>
      <c r="F75413" s="1" t="s">
        <v>251139</v>
      </c>
      <c r="G75413" s="1" t="s">
        <v>251120</v>
      </c>
      <c r="H75413" s="1" t="s">
        <v>251121</v>
      </c>
      <c r="I75413" s="1" t="s">
        <v>250383</v>
      </c>
      <c r="J75413" s="1" t="s">
        <v>251140</v>
      </c>
    </row>
    <row r="75414" spans="1:10" x14ac:dyDescent="0.35">
      <c r="A75414" s="1" t="s">
        <v>1659</v>
      </c>
      <c r="B75414" s="1" t="s">
        <v>250378</v>
      </c>
      <c r="C75414" s="1" t="s">
        <v>45</v>
      </c>
      <c r="D75414" s="1" t="s">
        <v>251141</v>
      </c>
      <c r="E75414" s="1" t="s">
        <v>251142</v>
      </c>
      <c r="F75414" s="1" t="s">
        <v>251143</v>
      </c>
      <c r="G75414" s="1" t="s">
        <v>251120</v>
      </c>
      <c r="H75414" s="1" t="s">
        <v>251121</v>
      </c>
      <c r="I75414" s="1" t="s">
        <v>250383</v>
      </c>
      <c r="J75414" s="1" t="s">
        <v>251144</v>
      </c>
    </row>
    <row r="75415" spans="1:10" x14ac:dyDescent="0.35">
      <c r="A75415" s="1" t="s">
        <v>1659</v>
      </c>
      <c r="B75415" s="1" t="s">
        <v>250378</v>
      </c>
      <c r="C75415" s="1" t="s">
        <v>50</v>
      </c>
      <c r="D75415" s="1" t="s">
        <v>45189</v>
      </c>
      <c r="E75415" s="1" t="s">
        <v>251145</v>
      </c>
      <c r="F75415" s="1" t="s">
        <v>251146</v>
      </c>
      <c r="G75415" s="1" t="s">
        <v>251120</v>
      </c>
      <c r="H75415" s="1" t="s">
        <v>251121</v>
      </c>
      <c r="I75415" s="1" t="s">
        <v>250383</v>
      </c>
      <c r="J75415" s="1" t="s">
        <v>251147</v>
      </c>
    </row>
    <row r="75416" spans="1:10" x14ac:dyDescent="0.35">
      <c r="A75416" s="1" t="s">
        <v>1659</v>
      </c>
      <c r="B75416" s="1" t="s">
        <v>250378</v>
      </c>
      <c r="C75416" s="1" t="s">
        <v>55</v>
      </c>
      <c r="D75416" s="1" t="s">
        <v>126428</v>
      </c>
      <c r="E75416" s="1" t="s">
        <v>251148</v>
      </c>
      <c r="F75416" s="1" t="s">
        <v>251149</v>
      </c>
      <c r="G75416" s="1" t="s">
        <v>251120</v>
      </c>
      <c r="H75416" s="1" t="s">
        <v>251121</v>
      </c>
      <c r="I75416" s="1" t="s">
        <v>250383</v>
      </c>
      <c r="J75416" s="1" t="s">
        <v>251150</v>
      </c>
    </row>
    <row r="75417" spans="1:10" x14ac:dyDescent="0.35">
      <c r="A75417" s="1" t="s">
        <v>1659</v>
      </c>
      <c r="B75417" s="1" t="s">
        <v>250378</v>
      </c>
      <c r="C75417" s="1" t="s">
        <v>60</v>
      </c>
      <c r="D75417" s="1" t="s">
        <v>245326</v>
      </c>
      <c r="E75417" s="1" t="s">
        <v>251151</v>
      </c>
      <c r="F75417" s="1" t="s">
        <v>251152</v>
      </c>
      <c r="G75417" s="1" t="s">
        <v>251120</v>
      </c>
      <c r="H75417" s="1" t="s">
        <v>251121</v>
      </c>
      <c r="I75417" s="1" t="s">
        <v>250383</v>
      </c>
      <c r="J75417" s="1" t="s">
        <v>251153</v>
      </c>
    </row>
    <row r="75418" spans="1:10" x14ac:dyDescent="0.35">
      <c r="A75418" s="1" t="s">
        <v>1659</v>
      </c>
      <c r="B75418" s="1" t="s">
        <v>250378</v>
      </c>
      <c r="C75418" s="1" t="s">
        <v>65</v>
      </c>
      <c r="D75418" s="1" t="s">
        <v>47263</v>
      </c>
      <c r="E75418" s="1" t="s">
        <v>251154</v>
      </c>
      <c r="F75418" s="1" t="s">
        <v>251155</v>
      </c>
      <c r="G75418" s="1" t="s">
        <v>251120</v>
      </c>
      <c r="H75418" s="1" t="s">
        <v>251121</v>
      </c>
      <c r="I75418" s="1" t="s">
        <v>250383</v>
      </c>
      <c r="J75418" s="1" t="s">
        <v>251156</v>
      </c>
    </row>
    <row r="75419" spans="1:10" x14ac:dyDescent="0.35">
      <c r="A75419" s="1" t="s">
        <v>1659</v>
      </c>
      <c r="B75419" s="1" t="s">
        <v>250378</v>
      </c>
      <c r="C75419" s="1" t="s">
        <v>70</v>
      </c>
      <c r="D75419" s="1" t="s">
        <v>32621</v>
      </c>
      <c r="E75419" s="1" t="s">
        <v>251157</v>
      </c>
      <c r="F75419" s="1" t="s">
        <v>251158</v>
      </c>
      <c r="G75419" s="1" t="s">
        <v>251120</v>
      </c>
      <c r="H75419" s="1" t="s">
        <v>251121</v>
      </c>
      <c r="I75419" s="1" t="s">
        <v>250383</v>
      </c>
      <c r="J75419" s="1" t="s">
        <v>251159</v>
      </c>
    </row>
    <row r="75420" spans="1:10" x14ac:dyDescent="0.35">
      <c r="A75420" s="1" t="s">
        <v>1659</v>
      </c>
      <c r="B75420" s="1" t="s">
        <v>250378</v>
      </c>
      <c r="C75420" s="1" t="s">
        <v>75</v>
      </c>
      <c r="D75420" s="1" t="s">
        <v>185517</v>
      </c>
      <c r="E75420" s="1" t="s">
        <v>251160</v>
      </c>
      <c r="F75420" s="1" t="s">
        <v>251161</v>
      </c>
      <c r="G75420" s="1" t="s">
        <v>251120</v>
      </c>
      <c r="H75420" s="1" t="s">
        <v>251121</v>
      </c>
      <c r="I75420" s="1" t="s">
        <v>250383</v>
      </c>
      <c r="J75420" s="1" t="s">
        <v>251162</v>
      </c>
    </row>
    <row r="75421" spans="1:10" x14ac:dyDescent="0.35">
      <c r="A75421" s="1" t="s">
        <v>1659</v>
      </c>
      <c r="B75421" s="1" t="s">
        <v>250378</v>
      </c>
      <c r="C75421" s="1" t="s">
        <v>80</v>
      </c>
      <c r="D75421" s="1" t="s">
        <v>3036</v>
      </c>
      <c r="E75421" s="1" t="s">
        <v>251163</v>
      </c>
      <c r="F75421" s="1" t="s">
        <v>251164</v>
      </c>
      <c r="G75421" s="1" t="s">
        <v>251120</v>
      </c>
      <c r="H75421" s="1" t="s">
        <v>251121</v>
      </c>
      <c r="I75421" s="1" t="s">
        <v>250383</v>
      </c>
      <c r="J75421" s="1" t="s">
        <v>251165</v>
      </c>
    </row>
    <row r="75422" spans="1:10" x14ac:dyDescent="0.35">
      <c r="A75422" s="1" t="s">
        <v>1659</v>
      </c>
      <c r="B75422" s="1" t="s">
        <v>250378</v>
      </c>
      <c r="C75422" s="1" t="s">
        <v>85</v>
      </c>
      <c r="D75422" s="1" t="s">
        <v>125190</v>
      </c>
      <c r="E75422" s="1" t="s">
        <v>251166</v>
      </c>
      <c r="F75422" s="1" t="s">
        <v>251167</v>
      </c>
      <c r="G75422" s="1" t="s">
        <v>251120</v>
      </c>
      <c r="H75422" s="1" t="s">
        <v>251121</v>
      </c>
      <c r="I75422" s="1" t="s">
        <v>250383</v>
      </c>
      <c r="J75422" s="1" t="s">
        <v>251168</v>
      </c>
    </row>
    <row r="75423" spans="1:10" x14ac:dyDescent="0.35">
      <c r="A75423" s="1" t="s">
        <v>1659</v>
      </c>
      <c r="B75423" s="1" t="s">
        <v>250378</v>
      </c>
      <c r="C75423" s="1" t="s">
        <v>90</v>
      </c>
      <c r="D75423" s="1" t="s">
        <v>251169</v>
      </c>
      <c r="E75423" s="1" t="s">
        <v>251170</v>
      </c>
      <c r="F75423" s="1" t="s">
        <v>251171</v>
      </c>
      <c r="G75423" s="1" t="s">
        <v>251120</v>
      </c>
      <c r="H75423" s="1" t="s">
        <v>251121</v>
      </c>
      <c r="I75423" s="1" t="s">
        <v>250383</v>
      </c>
      <c r="J75423" s="1" t="s">
        <v>251172</v>
      </c>
    </row>
    <row r="75424" spans="1:10" x14ac:dyDescent="0.35">
      <c r="A75424" s="1" t="s">
        <v>1659</v>
      </c>
      <c r="B75424" s="1" t="s">
        <v>250378</v>
      </c>
      <c r="C75424" s="1" t="s">
        <v>95</v>
      </c>
      <c r="D75424" s="1" t="s">
        <v>221545</v>
      </c>
      <c r="E75424" s="1" t="s">
        <v>251173</v>
      </c>
      <c r="F75424" s="1" t="s">
        <v>251174</v>
      </c>
      <c r="G75424" s="1" t="s">
        <v>251120</v>
      </c>
      <c r="H75424" s="1" t="s">
        <v>251121</v>
      </c>
      <c r="I75424" s="1" t="s">
        <v>250383</v>
      </c>
      <c r="J75424" s="1" t="s">
        <v>251175</v>
      </c>
    </row>
    <row r="75425" spans="1:10" x14ac:dyDescent="0.35">
      <c r="A75425" s="1" t="s">
        <v>1659</v>
      </c>
      <c r="B75425" s="1" t="s">
        <v>250378</v>
      </c>
      <c r="C75425" s="1" t="s">
        <v>100</v>
      </c>
      <c r="D75425" s="1" t="s">
        <v>251176</v>
      </c>
      <c r="E75425" s="1" t="s">
        <v>251177</v>
      </c>
      <c r="F75425" s="1" t="s">
        <v>251178</v>
      </c>
      <c r="G75425" s="1" t="s">
        <v>251120</v>
      </c>
      <c r="H75425" s="1" t="s">
        <v>251121</v>
      </c>
      <c r="I75425" s="1" t="s">
        <v>250383</v>
      </c>
      <c r="J75425" s="1" t="s">
        <v>251179</v>
      </c>
    </row>
    <row r="75426" spans="1:10" x14ac:dyDescent="0.35">
      <c r="A75426" s="1" t="s">
        <v>1659</v>
      </c>
      <c r="B75426" s="1" t="s">
        <v>250378</v>
      </c>
      <c r="C75426" s="1" t="s">
        <v>105</v>
      </c>
      <c r="D75426" s="1" t="s">
        <v>251180</v>
      </c>
      <c r="E75426" s="1" t="s">
        <v>251181</v>
      </c>
      <c r="F75426" s="1" t="s">
        <v>251182</v>
      </c>
      <c r="G75426" s="1" t="s">
        <v>251120</v>
      </c>
      <c r="H75426" s="1" t="s">
        <v>251121</v>
      </c>
      <c r="I75426" s="1" t="s">
        <v>250383</v>
      </c>
      <c r="J75426" s="1" t="s">
        <v>251183</v>
      </c>
    </row>
    <row r="75427" spans="1:10" x14ac:dyDescent="0.35">
      <c r="A75427" s="1" t="s">
        <v>1659</v>
      </c>
      <c r="B75427" s="1" t="s">
        <v>250378</v>
      </c>
      <c r="C75427" s="1" t="s">
        <v>110</v>
      </c>
      <c r="D75427" s="1" t="s">
        <v>44104</v>
      </c>
      <c r="E75427" s="1" t="s">
        <v>251184</v>
      </c>
      <c r="F75427" s="1" t="s">
        <v>251185</v>
      </c>
      <c r="G75427" s="1" t="s">
        <v>251120</v>
      </c>
      <c r="H75427" s="1" t="s">
        <v>251121</v>
      </c>
      <c r="I75427" s="1" t="s">
        <v>250383</v>
      </c>
      <c r="J75427" s="1" t="s">
        <v>251186</v>
      </c>
    </row>
    <row r="75428" spans="1:10" x14ac:dyDescent="0.35">
      <c r="A75428" s="1" t="s">
        <v>1659</v>
      </c>
      <c r="B75428" s="1" t="s">
        <v>250378</v>
      </c>
      <c r="C75428" s="1" t="s">
        <v>115</v>
      </c>
      <c r="D75428" s="1" t="s">
        <v>251187</v>
      </c>
      <c r="E75428" s="1" t="s">
        <v>251188</v>
      </c>
      <c r="F75428" s="1" t="s">
        <v>251189</v>
      </c>
      <c r="G75428" s="1" t="s">
        <v>251120</v>
      </c>
      <c r="H75428" s="1" t="s">
        <v>251121</v>
      </c>
      <c r="I75428" s="1" t="s">
        <v>250383</v>
      </c>
      <c r="J75428" s="1" t="s">
        <v>251190</v>
      </c>
    </row>
    <row r="75429" spans="1:10" x14ac:dyDescent="0.35">
      <c r="A75429" s="1" t="s">
        <v>1659</v>
      </c>
      <c r="B75429" s="1" t="s">
        <v>250378</v>
      </c>
      <c r="C75429" s="1" t="s">
        <v>120</v>
      </c>
      <c r="D75429" s="1" t="s">
        <v>193159</v>
      </c>
      <c r="E75429" s="1" t="s">
        <v>251191</v>
      </c>
      <c r="F75429" s="1" t="s">
        <v>251192</v>
      </c>
      <c r="G75429" s="1" t="s">
        <v>251120</v>
      </c>
      <c r="H75429" s="1" t="s">
        <v>251121</v>
      </c>
      <c r="I75429" s="1" t="s">
        <v>250383</v>
      </c>
      <c r="J75429" s="1" t="s">
        <v>251193</v>
      </c>
    </row>
    <row r="75430" spans="1:10" x14ac:dyDescent="0.35">
      <c r="A75430" s="1" t="s">
        <v>1659</v>
      </c>
      <c r="B75430" s="1" t="s">
        <v>250378</v>
      </c>
      <c r="C75430" s="1" t="s">
        <v>125</v>
      </c>
      <c r="D75430" s="1" t="s">
        <v>38424</v>
      </c>
      <c r="E75430" s="1" t="s">
        <v>251194</v>
      </c>
      <c r="F75430" s="1" t="s">
        <v>251195</v>
      </c>
      <c r="G75430" s="1" t="s">
        <v>251120</v>
      </c>
      <c r="H75430" s="1" t="s">
        <v>251121</v>
      </c>
      <c r="I75430" s="1" t="s">
        <v>250383</v>
      </c>
      <c r="J75430" s="1" t="s">
        <v>251196</v>
      </c>
    </row>
    <row r="75431" spans="1:10" x14ac:dyDescent="0.35">
      <c r="A75431" s="1" t="s">
        <v>1659</v>
      </c>
      <c r="B75431" s="1" t="s">
        <v>250378</v>
      </c>
      <c r="C75431" s="1" t="s">
        <v>130</v>
      </c>
      <c r="D75431" s="1" t="s">
        <v>33726</v>
      </c>
      <c r="E75431" s="1" t="s">
        <v>251197</v>
      </c>
      <c r="F75431" s="1" t="s">
        <v>251198</v>
      </c>
      <c r="G75431" s="1" t="s">
        <v>251120</v>
      </c>
      <c r="H75431" s="1" t="s">
        <v>251121</v>
      </c>
      <c r="I75431" s="1" t="s">
        <v>250383</v>
      </c>
      <c r="J75431" s="1" t="s">
        <v>251199</v>
      </c>
    </row>
    <row r="75432" spans="1:10" x14ac:dyDescent="0.35">
      <c r="A75432" s="1" t="s">
        <v>1659</v>
      </c>
      <c r="B75432" s="1" t="s">
        <v>250378</v>
      </c>
      <c r="C75432" s="1" t="s">
        <v>135</v>
      </c>
      <c r="D75432" s="1" t="s">
        <v>73283</v>
      </c>
      <c r="E75432" s="1" t="s">
        <v>251200</v>
      </c>
      <c r="F75432" s="1" t="s">
        <v>251201</v>
      </c>
      <c r="G75432" s="1" t="s">
        <v>251120</v>
      </c>
      <c r="H75432" s="1" t="s">
        <v>251121</v>
      </c>
      <c r="I75432" s="1" t="s">
        <v>250383</v>
      </c>
      <c r="J75432" s="1" t="s">
        <v>251202</v>
      </c>
    </row>
    <row r="75433" spans="1:10" x14ac:dyDescent="0.35">
      <c r="A75433" s="1" t="s">
        <v>1659</v>
      </c>
      <c r="B75433" s="1" t="s">
        <v>250378</v>
      </c>
      <c r="C75433" s="1" t="s">
        <v>140</v>
      </c>
      <c r="D75433" s="1" t="s">
        <v>15683</v>
      </c>
      <c r="E75433" s="1" t="s">
        <v>251203</v>
      </c>
      <c r="F75433" s="1" t="s">
        <v>251204</v>
      </c>
      <c r="G75433" s="1" t="s">
        <v>251120</v>
      </c>
      <c r="H75433" s="1" t="s">
        <v>251121</v>
      </c>
      <c r="I75433" s="1" t="s">
        <v>250383</v>
      </c>
      <c r="J75433" s="1" t="s">
        <v>251205</v>
      </c>
    </row>
    <row r="75434" spans="1:10" x14ac:dyDescent="0.35">
      <c r="A75434" s="1" t="s">
        <v>1659</v>
      </c>
      <c r="B75434" s="1" t="s">
        <v>250378</v>
      </c>
      <c r="C75434" s="1" t="s">
        <v>145</v>
      </c>
      <c r="D75434" s="1" t="s">
        <v>17025</v>
      </c>
      <c r="E75434" s="1" t="s">
        <v>251206</v>
      </c>
      <c r="F75434" s="1" t="s">
        <v>251207</v>
      </c>
      <c r="G75434" s="1" t="s">
        <v>251120</v>
      </c>
      <c r="H75434" s="1" t="s">
        <v>251121</v>
      </c>
      <c r="I75434" s="1" t="s">
        <v>250383</v>
      </c>
      <c r="J75434" s="1" t="s">
        <v>251208</v>
      </c>
    </row>
    <row r="75435" spans="1:10" x14ac:dyDescent="0.35">
      <c r="A75435" s="1" t="s">
        <v>1659</v>
      </c>
      <c r="B75435" s="1" t="s">
        <v>250378</v>
      </c>
      <c r="C75435" s="1" t="s">
        <v>150</v>
      </c>
      <c r="D75435" s="1" t="s">
        <v>182901</v>
      </c>
      <c r="E75435" s="1" t="s">
        <v>251209</v>
      </c>
      <c r="F75435" s="1" t="s">
        <v>251210</v>
      </c>
      <c r="G75435" s="1" t="s">
        <v>251120</v>
      </c>
      <c r="H75435" s="1" t="s">
        <v>251121</v>
      </c>
      <c r="I75435" s="1" t="s">
        <v>250383</v>
      </c>
      <c r="J75435" s="1" t="s">
        <v>251211</v>
      </c>
    </row>
    <row r="75436" spans="1:10" x14ac:dyDescent="0.35">
      <c r="A75436" s="1" t="s">
        <v>1659</v>
      </c>
      <c r="B75436" s="1" t="s">
        <v>250378</v>
      </c>
      <c r="C75436" s="1" t="s">
        <v>155</v>
      </c>
      <c r="D75436" s="1" t="s">
        <v>32031</v>
      </c>
      <c r="E75436" s="1" t="s">
        <v>251212</v>
      </c>
      <c r="F75436" s="1" t="s">
        <v>251213</v>
      </c>
      <c r="G75436" s="1" t="s">
        <v>251120</v>
      </c>
      <c r="H75436" s="1" t="s">
        <v>251121</v>
      </c>
      <c r="I75436" s="1" t="s">
        <v>250383</v>
      </c>
      <c r="J75436" s="1" t="s">
        <v>251214</v>
      </c>
    </row>
    <row r="75437" spans="1:10" x14ac:dyDescent="0.35">
      <c r="A75437" s="1" t="s">
        <v>1659</v>
      </c>
      <c r="B75437" s="1" t="s">
        <v>250378</v>
      </c>
      <c r="C75437" s="1" t="s">
        <v>160</v>
      </c>
      <c r="D75437" s="1" t="s">
        <v>112954</v>
      </c>
      <c r="E75437" s="1" t="s">
        <v>251215</v>
      </c>
      <c r="F75437" s="1" t="s">
        <v>251216</v>
      </c>
      <c r="G75437" s="1" t="s">
        <v>251120</v>
      </c>
      <c r="H75437" s="1" t="s">
        <v>251121</v>
      </c>
      <c r="I75437" s="1" t="s">
        <v>250383</v>
      </c>
      <c r="J75437" s="1" t="s">
        <v>251217</v>
      </c>
    </row>
    <row r="75438" spans="1:10" x14ac:dyDescent="0.35">
      <c r="A75438" s="1" t="s">
        <v>1659</v>
      </c>
      <c r="B75438" s="1" t="s">
        <v>250378</v>
      </c>
      <c r="C75438" s="1" t="s">
        <v>165</v>
      </c>
      <c r="D75438" s="1" t="s">
        <v>32863</v>
      </c>
      <c r="E75438" s="1" t="s">
        <v>251218</v>
      </c>
      <c r="F75438" s="1" t="s">
        <v>251219</v>
      </c>
      <c r="G75438" s="1" t="s">
        <v>251120</v>
      </c>
      <c r="H75438" s="1" t="s">
        <v>251121</v>
      </c>
      <c r="I75438" s="1" t="s">
        <v>250383</v>
      </c>
      <c r="J75438" s="1" t="s">
        <v>50502</v>
      </c>
    </row>
    <row r="75439" spans="1:10" x14ac:dyDescent="0.35">
      <c r="A75439" s="1" t="s">
        <v>1659</v>
      </c>
      <c r="B75439" s="1" t="s">
        <v>250378</v>
      </c>
      <c r="C75439" s="1" t="s">
        <v>170</v>
      </c>
      <c r="D75439" s="1" t="s">
        <v>215366</v>
      </c>
      <c r="E75439" s="1" t="s">
        <v>251220</v>
      </c>
      <c r="F75439" s="1" t="s">
        <v>251221</v>
      </c>
      <c r="G75439" s="1" t="s">
        <v>251120</v>
      </c>
      <c r="H75439" s="1" t="s">
        <v>251121</v>
      </c>
      <c r="I75439" s="1" t="s">
        <v>250383</v>
      </c>
      <c r="J75439" s="1" t="s">
        <v>251222</v>
      </c>
    </row>
    <row r="75440" spans="1:10" x14ac:dyDescent="0.35">
      <c r="A75440" s="1" t="s">
        <v>249689</v>
      </c>
      <c r="B75440" s="1" t="s">
        <v>250378</v>
      </c>
      <c r="C75440" s="1" t="s">
        <v>8</v>
      </c>
      <c r="D75440" s="1" t="s">
        <v>187404</v>
      </c>
      <c r="E75440" s="1" t="s">
        <v>251223</v>
      </c>
      <c r="F75440" s="1" t="s">
        <v>251224</v>
      </c>
      <c r="G75440" s="1" t="s">
        <v>251225</v>
      </c>
      <c r="H75440" s="1" t="s">
        <v>251226</v>
      </c>
      <c r="I75440" s="1" t="s">
        <v>250383</v>
      </c>
      <c r="J75440" s="1" t="s">
        <v>13</v>
      </c>
    </row>
    <row r="75441" spans="1:10" x14ac:dyDescent="0.35">
      <c r="A75441" s="1" t="s">
        <v>249689</v>
      </c>
      <c r="B75441" s="1" t="s">
        <v>250378</v>
      </c>
      <c r="C75441" s="1" t="s">
        <v>15</v>
      </c>
      <c r="D75441" s="1" t="s">
        <v>19019</v>
      </c>
      <c r="E75441" s="1" t="s">
        <v>251227</v>
      </c>
      <c r="F75441" s="1" t="s">
        <v>251228</v>
      </c>
      <c r="G75441" s="1" t="s">
        <v>251225</v>
      </c>
      <c r="H75441" s="1" t="s">
        <v>251226</v>
      </c>
      <c r="I75441" s="1" t="s">
        <v>250383</v>
      </c>
      <c r="J75441" s="1" t="s">
        <v>251229</v>
      </c>
    </row>
    <row r="75442" spans="1:10" x14ac:dyDescent="0.35">
      <c r="A75442" s="1" t="s">
        <v>249689</v>
      </c>
      <c r="B75442" s="1" t="s">
        <v>250378</v>
      </c>
      <c r="C75442" s="1" t="s">
        <v>20</v>
      </c>
      <c r="D75442" s="1" t="s">
        <v>213427</v>
      </c>
      <c r="E75442" s="1" t="s">
        <v>251230</v>
      </c>
      <c r="F75442" s="1" t="s">
        <v>251231</v>
      </c>
      <c r="G75442" s="1" t="s">
        <v>251225</v>
      </c>
      <c r="H75442" s="1" t="s">
        <v>251226</v>
      </c>
      <c r="I75442" s="1" t="s">
        <v>250383</v>
      </c>
      <c r="J75442" s="1" t="s">
        <v>251232</v>
      </c>
    </row>
    <row r="75443" spans="1:10" x14ac:dyDescent="0.35">
      <c r="A75443" s="1" t="s">
        <v>249689</v>
      </c>
      <c r="B75443" s="1" t="s">
        <v>250378</v>
      </c>
      <c r="C75443" s="1" t="s">
        <v>25</v>
      </c>
      <c r="D75443" s="1" t="s">
        <v>16901</v>
      </c>
      <c r="E75443" s="1" t="s">
        <v>251233</v>
      </c>
      <c r="F75443" s="1" t="s">
        <v>251234</v>
      </c>
      <c r="G75443" s="1" t="s">
        <v>251225</v>
      </c>
      <c r="H75443" s="1" t="s">
        <v>251226</v>
      </c>
      <c r="I75443" s="1" t="s">
        <v>250383</v>
      </c>
      <c r="J75443" s="1" t="s">
        <v>251235</v>
      </c>
    </row>
    <row r="75444" spans="1:10" x14ac:dyDescent="0.35">
      <c r="A75444" s="1" t="s">
        <v>249689</v>
      </c>
      <c r="B75444" s="1" t="s">
        <v>250378</v>
      </c>
      <c r="C75444" s="1" t="s">
        <v>30</v>
      </c>
      <c r="D75444" s="1" t="s">
        <v>251236</v>
      </c>
      <c r="E75444" s="1" t="s">
        <v>251237</v>
      </c>
      <c r="F75444" s="1" t="s">
        <v>251238</v>
      </c>
      <c r="G75444" s="1" t="s">
        <v>251225</v>
      </c>
      <c r="H75444" s="1" t="s">
        <v>251226</v>
      </c>
      <c r="I75444" s="1" t="s">
        <v>250383</v>
      </c>
      <c r="J75444" s="1" t="s">
        <v>251239</v>
      </c>
    </row>
    <row r="75445" spans="1:10" x14ac:dyDescent="0.35">
      <c r="A75445" s="1" t="s">
        <v>249689</v>
      </c>
      <c r="B75445" s="1" t="s">
        <v>250378</v>
      </c>
      <c r="C75445" s="1" t="s">
        <v>35</v>
      </c>
      <c r="D75445" s="1" t="s">
        <v>155341</v>
      </c>
      <c r="E75445" s="1" t="s">
        <v>251240</v>
      </c>
      <c r="F75445" s="1" t="s">
        <v>251241</v>
      </c>
      <c r="G75445" s="1" t="s">
        <v>251225</v>
      </c>
      <c r="H75445" s="1" t="s">
        <v>251226</v>
      </c>
      <c r="I75445" s="1" t="s">
        <v>250383</v>
      </c>
      <c r="J75445" s="1" t="s">
        <v>251242</v>
      </c>
    </row>
    <row r="75446" spans="1:10" x14ac:dyDescent="0.35">
      <c r="A75446" s="1" t="s">
        <v>249689</v>
      </c>
      <c r="B75446" s="1" t="s">
        <v>250378</v>
      </c>
      <c r="C75446" s="1" t="s">
        <v>40</v>
      </c>
      <c r="D75446" s="1" t="s">
        <v>123196</v>
      </c>
      <c r="E75446" s="1" t="s">
        <v>251243</v>
      </c>
      <c r="F75446" s="1" t="s">
        <v>251244</v>
      </c>
      <c r="G75446" s="1" t="s">
        <v>251225</v>
      </c>
      <c r="H75446" s="1" t="s">
        <v>251226</v>
      </c>
      <c r="I75446" s="1" t="s">
        <v>250383</v>
      </c>
      <c r="J75446" s="1" t="s">
        <v>251245</v>
      </c>
    </row>
    <row r="75447" spans="1:10" x14ac:dyDescent="0.35">
      <c r="A75447" s="1" t="s">
        <v>249689</v>
      </c>
      <c r="B75447" s="1" t="s">
        <v>250378</v>
      </c>
      <c r="C75447" s="1" t="s">
        <v>45</v>
      </c>
      <c r="D75447" s="1" t="s">
        <v>37223</v>
      </c>
      <c r="E75447" s="1" t="s">
        <v>251246</v>
      </c>
      <c r="F75447" s="1" t="s">
        <v>251247</v>
      </c>
      <c r="G75447" s="1" t="s">
        <v>251225</v>
      </c>
      <c r="H75447" s="1" t="s">
        <v>251226</v>
      </c>
      <c r="I75447" s="1" t="s">
        <v>250383</v>
      </c>
      <c r="J75447" s="1" t="s">
        <v>251248</v>
      </c>
    </row>
    <row r="75448" spans="1:10" x14ac:dyDescent="0.35">
      <c r="A75448" s="1" t="s">
        <v>249689</v>
      </c>
      <c r="B75448" s="1" t="s">
        <v>250378</v>
      </c>
      <c r="C75448" s="1" t="s">
        <v>50</v>
      </c>
      <c r="D75448" s="1" t="s">
        <v>30348</v>
      </c>
      <c r="E75448" s="1" t="s">
        <v>251249</v>
      </c>
      <c r="F75448" s="1" t="s">
        <v>251250</v>
      </c>
      <c r="G75448" s="1" t="s">
        <v>251225</v>
      </c>
      <c r="H75448" s="1" t="s">
        <v>251226</v>
      </c>
      <c r="I75448" s="1" t="s">
        <v>250383</v>
      </c>
      <c r="J75448" s="1" t="s">
        <v>251251</v>
      </c>
    </row>
    <row r="75449" spans="1:10" x14ac:dyDescent="0.35">
      <c r="A75449" s="1" t="s">
        <v>249689</v>
      </c>
      <c r="B75449" s="1" t="s">
        <v>250378</v>
      </c>
      <c r="C75449" s="1" t="s">
        <v>55</v>
      </c>
      <c r="D75449" s="1" t="s">
        <v>190792</v>
      </c>
      <c r="E75449" s="1" t="s">
        <v>251252</v>
      </c>
      <c r="F75449" s="1" t="s">
        <v>251253</v>
      </c>
      <c r="G75449" s="1" t="s">
        <v>251225</v>
      </c>
      <c r="H75449" s="1" t="s">
        <v>251226</v>
      </c>
      <c r="I75449" s="1" t="s">
        <v>250383</v>
      </c>
      <c r="J75449" s="1" t="s">
        <v>251254</v>
      </c>
    </row>
    <row r="75450" spans="1:10" x14ac:dyDescent="0.35">
      <c r="A75450" s="1" t="s">
        <v>249689</v>
      </c>
      <c r="B75450" s="1" t="s">
        <v>250378</v>
      </c>
      <c r="C75450" s="1" t="s">
        <v>60</v>
      </c>
      <c r="D75450" s="1" t="s">
        <v>251255</v>
      </c>
      <c r="E75450" s="1" t="s">
        <v>251256</v>
      </c>
      <c r="F75450" s="1" t="s">
        <v>251257</v>
      </c>
      <c r="G75450" s="1" t="s">
        <v>251225</v>
      </c>
      <c r="H75450" s="1" t="s">
        <v>251226</v>
      </c>
      <c r="I75450" s="1" t="s">
        <v>250383</v>
      </c>
      <c r="J75450" s="1" t="s">
        <v>251258</v>
      </c>
    </row>
    <row r="75451" spans="1:10" x14ac:dyDescent="0.35">
      <c r="A75451" s="1" t="s">
        <v>249689</v>
      </c>
      <c r="B75451" s="1" t="s">
        <v>250378</v>
      </c>
      <c r="C75451" s="1" t="s">
        <v>65</v>
      </c>
      <c r="D75451" s="1" t="s">
        <v>210945</v>
      </c>
      <c r="E75451" s="1" t="s">
        <v>251259</v>
      </c>
      <c r="F75451" s="1" t="s">
        <v>251260</v>
      </c>
      <c r="G75451" s="1" t="s">
        <v>251225</v>
      </c>
      <c r="H75451" s="1" t="s">
        <v>251226</v>
      </c>
      <c r="I75451" s="1" t="s">
        <v>250383</v>
      </c>
      <c r="J75451" s="1" t="s">
        <v>251261</v>
      </c>
    </row>
    <row r="75452" spans="1:10" x14ac:dyDescent="0.35">
      <c r="A75452" s="1" t="s">
        <v>249689</v>
      </c>
      <c r="B75452" s="1" t="s">
        <v>250378</v>
      </c>
      <c r="C75452" s="1" t="s">
        <v>70</v>
      </c>
      <c r="D75452" s="1" t="s">
        <v>49625</v>
      </c>
      <c r="E75452" s="1" t="s">
        <v>251262</v>
      </c>
      <c r="F75452" s="1" t="s">
        <v>251263</v>
      </c>
      <c r="G75452" s="1" t="s">
        <v>251225</v>
      </c>
      <c r="H75452" s="1" t="s">
        <v>251226</v>
      </c>
      <c r="I75452" s="1" t="s">
        <v>250383</v>
      </c>
      <c r="J75452" s="1" t="s">
        <v>251264</v>
      </c>
    </row>
    <row r="75453" spans="1:10" x14ac:dyDescent="0.35">
      <c r="A75453" s="1" t="s">
        <v>249689</v>
      </c>
      <c r="B75453" s="1" t="s">
        <v>250378</v>
      </c>
      <c r="C75453" s="1" t="s">
        <v>75</v>
      </c>
      <c r="D75453" s="1" t="s">
        <v>251265</v>
      </c>
      <c r="E75453" s="1" t="s">
        <v>251266</v>
      </c>
      <c r="F75453" s="1" t="s">
        <v>251267</v>
      </c>
      <c r="G75453" s="1" t="s">
        <v>251225</v>
      </c>
      <c r="H75453" s="1" t="s">
        <v>251226</v>
      </c>
      <c r="I75453" s="1" t="s">
        <v>250383</v>
      </c>
      <c r="J75453" s="1" t="s">
        <v>251268</v>
      </c>
    </row>
    <row r="75454" spans="1:10" x14ac:dyDescent="0.35">
      <c r="A75454" s="1" t="s">
        <v>249689</v>
      </c>
      <c r="B75454" s="1" t="s">
        <v>250378</v>
      </c>
      <c r="C75454" s="1" t="s">
        <v>80</v>
      </c>
      <c r="D75454" s="1" t="s">
        <v>251269</v>
      </c>
      <c r="E75454" s="1" t="s">
        <v>251270</v>
      </c>
      <c r="F75454" s="1" t="s">
        <v>251271</v>
      </c>
      <c r="G75454" s="1" t="s">
        <v>251225</v>
      </c>
      <c r="H75454" s="1" t="s">
        <v>251226</v>
      </c>
      <c r="I75454" s="1" t="s">
        <v>250383</v>
      </c>
      <c r="J75454" s="1" t="s">
        <v>251272</v>
      </c>
    </row>
    <row r="75455" spans="1:10" x14ac:dyDescent="0.35">
      <c r="A75455" s="1" t="s">
        <v>249689</v>
      </c>
      <c r="B75455" s="1" t="s">
        <v>250378</v>
      </c>
      <c r="C75455" s="1" t="s">
        <v>85</v>
      </c>
      <c r="D75455" s="1" t="s">
        <v>251273</v>
      </c>
      <c r="E75455" s="1" t="s">
        <v>251274</v>
      </c>
      <c r="F75455" s="1" t="s">
        <v>251275</v>
      </c>
      <c r="G75455" s="1" t="s">
        <v>251225</v>
      </c>
      <c r="H75455" s="1" t="s">
        <v>251226</v>
      </c>
      <c r="I75455" s="1" t="s">
        <v>250383</v>
      </c>
      <c r="J75455" s="1" t="s">
        <v>251276</v>
      </c>
    </row>
    <row r="75456" spans="1:10" x14ac:dyDescent="0.35">
      <c r="A75456" s="1" t="s">
        <v>249689</v>
      </c>
      <c r="B75456" s="1" t="s">
        <v>250378</v>
      </c>
      <c r="C75456" s="1" t="s">
        <v>90</v>
      </c>
      <c r="D75456" s="1" t="s">
        <v>37246</v>
      </c>
      <c r="E75456" s="1" t="s">
        <v>251277</v>
      </c>
      <c r="F75456" s="1" t="s">
        <v>251278</v>
      </c>
      <c r="G75456" s="1" t="s">
        <v>251225</v>
      </c>
      <c r="H75456" s="1" t="s">
        <v>251226</v>
      </c>
      <c r="I75456" s="1" t="s">
        <v>250383</v>
      </c>
      <c r="J75456" s="1" t="s">
        <v>251279</v>
      </c>
    </row>
    <row r="75457" spans="1:10" x14ac:dyDescent="0.35">
      <c r="A75457" s="1" t="s">
        <v>249689</v>
      </c>
      <c r="B75457" s="1" t="s">
        <v>250378</v>
      </c>
      <c r="C75457" s="1" t="s">
        <v>95</v>
      </c>
      <c r="D75457" s="1" t="s">
        <v>106946</v>
      </c>
      <c r="E75457" s="1" t="s">
        <v>251280</v>
      </c>
      <c r="F75457" s="1" t="s">
        <v>251281</v>
      </c>
      <c r="G75457" s="1" t="s">
        <v>251225</v>
      </c>
      <c r="H75457" s="1" t="s">
        <v>251226</v>
      </c>
      <c r="I75457" s="1" t="s">
        <v>250383</v>
      </c>
      <c r="J75457" s="1" t="s">
        <v>251282</v>
      </c>
    </row>
    <row r="75458" spans="1:10" x14ac:dyDescent="0.35">
      <c r="A75458" s="1" t="s">
        <v>249689</v>
      </c>
      <c r="B75458" s="1" t="s">
        <v>250378</v>
      </c>
      <c r="C75458" s="1" t="s">
        <v>100</v>
      </c>
      <c r="D75458" s="1" t="s">
        <v>106996</v>
      </c>
      <c r="E75458" s="1" t="s">
        <v>251283</v>
      </c>
      <c r="F75458" s="1" t="s">
        <v>251284</v>
      </c>
      <c r="G75458" s="1" t="s">
        <v>251225</v>
      </c>
      <c r="H75458" s="1" t="s">
        <v>251226</v>
      </c>
      <c r="I75458" s="1" t="s">
        <v>250383</v>
      </c>
      <c r="J75458" s="1" t="s">
        <v>251285</v>
      </c>
    </row>
    <row r="75459" spans="1:10" x14ac:dyDescent="0.35">
      <c r="A75459" s="1" t="s">
        <v>249689</v>
      </c>
      <c r="B75459" s="1" t="s">
        <v>250378</v>
      </c>
      <c r="C75459" s="1" t="s">
        <v>105</v>
      </c>
      <c r="D75459" s="1" t="s">
        <v>211067</v>
      </c>
      <c r="E75459" s="1" t="s">
        <v>251286</v>
      </c>
      <c r="F75459" s="1" t="s">
        <v>251287</v>
      </c>
      <c r="G75459" s="1" t="s">
        <v>251225</v>
      </c>
      <c r="H75459" s="1" t="s">
        <v>251226</v>
      </c>
      <c r="I75459" s="1" t="s">
        <v>250383</v>
      </c>
      <c r="J75459" s="1" t="s">
        <v>251288</v>
      </c>
    </row>
    <row r="75460" spans="1:10" x14ac:dyDescent="0.35">
      <c r="A75460" s="1" t="s">
        <v>249689</v>
      </c>
      <c r="B75460" s="1" t="s">
        <v>250378</v>
      </c>
      <c r="C75460" s="1" t="s">
        <v>110</v>
      </c>
      <c r="D75460" s="1" t="s">
        <v>170441</v>
      </c>
      <c r="E75460" s="1" t="s">
        <v>251289</v>
      </c>
      <c r="F75460" s="1" t="s">
        <v>251290</v>
      </c>
      <c r="G75460" s="1" t="s">
        <v>251225</v>
      </c>
      <c r="H75460" s="1" t="s">
        <v>251226</v>
      </c>
      <c r="I75460" s="1" t="s">
        <v>250383</v>
      </c>
      <c r="J75460" s="1" t="s">
        <v>251291</v>
      </c>
    </row>
    <row r="75461" spans="1:10" x14ac:dyDescent="0.35">
      <c r="A75461" s="1" t="s">
        <v>249689</v>
      </c>
      <c r="B75461" s="1" t="s">
        <v>250378</v>
      </c>
      <c r="C75461" s="1" t="s">
        <v>115</v>
      </c>
      <c r="D75461" s="1" t="s">
        <v>173390</v>
      </c>
      <c r="E75461" s="1" t="s">
        <v>251292</v>
      </c>
      <c r="F75461" s="1" t="s">
        <v>251293</v>
      </c>
      <c r="G75461" s="1" t="s">
        <v>251225</v>
      </c>
      <c r="H75461" s="1" t="s">
        <v>251226</v>
      </c>
      <c r="I75461" s="1" t="s">
        <v>250383</v>
      </c>
      <c r="J75461" s="1" t="s">
        <v>251294</v>
      </c>
    </row>
    <row r="75462" spans="1:10" x14ac:dyDescent="0.35">
      <c r="A75462" s="1" t="s">
        <v>249689</v>
      </c>
      <c r="B75462" s="1" t="s">
        <v>250378</v>
      </c>
      <c r="C75462" s="1" t="s">
        <v>120</v>
      </c>
      <c r="D75462" s="1" t="s">
        <v>12536</v>
      </c>
      <c r="E75462" s="1" t="s">
        <v>251295</v>
      </c>
      <c r="F75462" s="1" t="s">
        <v>251296</v>
      </c>
      <c r="G75462" s="1" t="s">
        <v>251225</v>
      </c>
      <c r="H75462" s="1" t="s">
        <v>251226</v>
      </c>
      <c r="I75462" s="1" t="s">
        <v>250383</v>
      </c>
      <c r="J75462" s="1" t="s">
        <v>251297</v>
      </c>
    </row>
    <row r="75463" spans="1:10" x14ac:dyDescent="0.35">
      <c r="A75463" s="1" t="s">
        <v>249689</v>
      </c>
      <c r="B75463" s="1" t="s">
        <v>250378</v>
      </c>
      <c r="C75463" s="1" t="s">
        <v>125</v>
      </c>
      <c r="D75463" s="1" t="s">
        <v>117756</v>
      </c>
      <c r="E75463" s="1" t="s">
        <v>251298</v>
      </c>
      <c r="F75463" s="1" t="s">
        <v>251299</v>
      </c>
      <c r="G75463" s="1" t="s">
        <v>251225</v>
      </c>
      <c r="H75463" s="1" t="s">
        <v>251226</v>
      </c>
      <c r="I75463" s="1" t="s">
        <v>250383</v>
      </c>
      <c r="J75463" s="1" t="s">
        <v>251300</v>
      </c>
    </row>
    <row r="75464" spans="1:10" x14ac:dyDescent="0.35">
      <c r="A75464" s="1" t="s">
        <v>249689</v>
      </c>
      <c r="B75464" s="1" t="s">
        <v>250378</v>
      </c>
      <c r="C75464" s="1" t="s">
        <v>130</v>
      </c>
      <c r="D75464" s="1" t="s">
        <v>251301</v>
      </c>
      <c r="E75464" s="1" t="s">
        <v>251302</v>
      </c>
      <c r="F75464" s="1" t="s">
        <v>251303</v>
      </c>
      <c r="G75464" s="1" t="s">
        <v>251225</v>
      </c>
      <c r="H75464" s="1" t="s">
        <v>251226</v>
      </c>
      <c r="I75464" s="1" t="s">
        <v>250383</v>
      </c>
      <c r="J75464" s="1" t="s">
        <v>251304</v>
      </c>
    </row>
    <row r="75465" spans="1:10" x14ac:dyDescent="0.35">
      <c r="A75465" s="1" t="s">
        <v>249689</v>
      </c>
      <c r="B75465" s="1" t="s">
        <v>250378</v>
      </c>
      <c r="C75465" s="1" t="s">
        <v>135</v>
      </c>
      <c r="D75465" s="1" t="s">
        <v>16794</v>
      </c>
      <c r="E75465" s="1" t="s">
        <v>251305</v>
      </c>
      <c r="F75465" s="1" t="s">
        <v>251306</v>
      </c>
      <c r="G75465" s="1" t="s">
        <v>251225</v>
      </c>
      <c r="H75465" s="1" t="s">
        <v>251226</v>
      </c>
      <c r="I75465" s="1" t="s">
        <v>250383</v>
      </c>
      <c r="J75465" s="1" t="s">
        <v>251307</v>
      </c>
    </row>
    <row r="75466" spans="1:10" x14ac:dyDescent="0.35">
      <c r="A75466" s="1" t="s">
        <v>249689</v>
      </c>
      <c r="B75466" s="1" t="s">
        <v>250378</v>
      </c>
      <c r="C75466" s="1" t="s">
        <v>140</v>
      </c>
      <c r="D75466" s="1" t="s">
        <v>195584</v>
      </c>
      <c r="E75466" s="1" t="s">
        <v>251308</v>
      </c>
      <c r="F75466" s="1" t="s">
        <v>251309</v>
      </c>
      <c r="G75466" s="1" t="s">
        <v>251225</v>
      </c>
      <c r="H75466" s="1" t="s">
        <v>251226</v>
      </c>
      <c r="I75466" s="1" t="s">
        <v>250383</v>
      </c>
      <c r="J75466" s="1" t="s">
        <v>251310</v>
      </c>
    </row>
    <row r="75467" spans="1:10" x14ac:dyDescent="0.35">
      <c r="A75467" s="1" t="s">
        <v>249689</v>
      </c>
      <c r="B75467" s="1" t="s">
        <v>250378</v>
      </c>
      <c r="C75467" s="1" t="s">
        <v>145</v>
      </c>
      <c r="D75467" s="1" t="s">
        <v>19047</v>
      </c>
      <c r="E75467" s="1" t="s">
        <v>251311</v>
      </c>
      <c r="F75467" s="1" t="s">
        <v>251312</v>
      </c>
      <c r="G75467" s="1" t="s">
        <v>251225</v>
      </c>
      <c r="H75467" s="1" t="s">
        <v>251226</v>
      </c>
      <c r="I75467" s="1" t="s">
        <v>250383</v>
      </c>
      <c r="J75467" s="1" t="s">
        <v>251313</v>
      </c>
    </row>
    <row r="75468" spans="1:10" x14ac:dyDescent="0.35">
      <c r="A75468" s="1" t="s">
        <v>249689</v>
      </c>
      <c r="B75468" s="1" t="s">
        <v>250378</v>
      </c>
      <c r="C75468" s="1" t="s">
        <v>150</v>
      </c>
      <c r="D75468" s="1" t="s">
        <v>184956</v>
      </c>
      <c r="E75468" s="1" t="s">
        <v>251314</v>
      </c>
      <c r="F75468" s="1" t="s">
        <v>251315</v>
      </c>
      <c r="G75468" s="1" t="s">
        <v>251225</v>
      </c>
      <c r="H75468" s="1" t="s">
        <v>251226</v>
      </c>
      <c r="I75468" s="1" t="s">
        <v>250383</v>
      </c>
      <c r="J75468" s="1" t="s">
        <v>251316</v>
      </c>
    </row>
    <row r="75469" spans="1:10" x14ac:dyDescent="0.35">
      <c r="A75469" s="1" t="s">
        <v>249689</v>
      </c>
      <c r="B75469" s="1" t="s">
        <v>250378</v>
      </c>
      <c r="C75469" s="1" t="s">
        <v>155</v>
      </c>
      <c r="D75469" s="1" t="s">
        <v>14370</v>
      </c>
      <c r="E75469" s="1" t="s">
        <v>251317</v>
      </c>
      <c r="F75469" s="1" t="s">
        <v>251318</v>
      </c>
      <c r="G75469" s="1" t="s">
        <v>251225</v>
      </c>
      <c r="H75469" s="1" t="s">
        <v>251226</v>
      </c>
      <c r="I75469" s="1" t="s">
        <v>250383</v>
      </c>
      <c r="J75469" s="1" t="s">
        <v>251319</v>
      </c>
    </row>
    <row r="75470" spans="1:10" x14ac:dyDescent="0.35">
      <c r="A75470" s="1" t="s">
        <v>249689</v>
      </c>
      <c r="B75470" s="1" t="s">
        <v>250378</v>
      </c>
      <c r="C75470" s="1" t="s">
        <v>160</v>
      </c>
      <c r="D75470" s="1" t="s">
        <v>47990</v>
      </c>
      <c r="E75470" s="1" t="s">
        <v>251320</v>
      </c>
      <c r="F75470" s="1" t="s">
        <v>251321</v>
      </c>
      <c r="G75470" s="1" t="s">
        <v>251225</v>
      </c>
      <c r="H75470" s="1" t="s">
        <v>251226</v>
      </c>
      <c r="I75470" s="1" t="s">
        <v>250383</v>
      </c>
      <c r="J75470" s="1" t="s">
        <v>251322</v>
      </c>
    </row>
    <row r="75471" spans="1:10" x14ac:dyDescent="0.35">
      <c r="A75471" s="1" t="s">
        <v>249689</v>
      </c>
      <c r="B75471" s="1" t="s">
        <v>250378</v>
      </c>
      <c r="C75471" s="1" t="s">
        <v>165</v>
      </c>
      <c r="D75471" s="1" t="s">
        <v>11470</v>
      </c>
      <c r="E75471" s="1" t="s">
        <v>251323</v>
      </c>
      <c r="F75471" s="1" t="s">
        <v>251324</v>
      </c>
      <c r="G75471" s="1" t="s">
        <v>251225</v>
      </c>
      <c r="H75471" s="1" t="s">
        <v>251226</v>
      </c>
      <c r="I75471" s="1" t="s">
        <v>250383</v>
      </c>
      <c r="J75471" s="1" t="s">
        <v>251325</v>
      </c>
    </row>
    <row r="75472" spans="1:10" x14ac:dyDescent="0.35">
      <c r="A75472" s="1" t="s">
        <v>249689</v>
      </c>
      <c r="B75472" s="1" t="s">
        <v>250378</v>
      </c>
      <c r="C75472" s="1" t="s">
        <v>170</v>
      </c>
      <c r="D75472" s="1" t="s">
        <v>183798</v>
      </c>
      <c r="E75472" s="1" t="s">
        <v>251326</v>
      </c>
      <c r="F75472" s="1" t="s">
        <v>251327</v>
      </c>
      <c r="G75472" s="1" t="s">
        <v>251225</v>
      </c>
      <c r="H75472" s="1" t="s">
        <v>251226</v>
      </c>
      <c r="I75472" s="1" t="s">
        <v>250383</v>
      </c>
      <c r="J75472" s="1" t="s">
        <v>251328</v>
      </c>
    </row>
  </sheetData>
  <pageMargins left="0.7" right="0.7" top="0.75" bottom="0.75" header="0.3" footer="0.3"/>
  <tableParts count="1">
    <tablePart r:id="rId1"/>
  </tablePart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"/>
  <sheetViews>
    <sheetView workbookViewId="0"/>
  </sheetViews>
  <sheetFormatPr defaultRowHeight="14.5" x14ac:dyDescent="0.35"/>
  <sheetData/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��< ? x m l   v e r s i o n = " 1 . 0 "   e n c o d i n g = " u t f - 1 6 " ? > < D a t a M a s h u p   x m l n s = " h t t p : / / s c h e m a s . m i c r o s o f t . c o m / D a t a M a s h u p " > A A A A A A M E A A B Q S w M E F A A C A A g A B W o + X N q E 2 p 2 l A A A A 9 g A A A B I A H A B D b 2 5 m a W c v U G F j a 2 F n Z S 5 4 b W w g o h g A K K A U A A A A A A A A A A A A A A A A A A A A A A A A A A A A h Y 8 x D o I w G I W v Q r r T l q r R k J 8 y 6 K Y k J i b G t S k V G q E Y W i x 3 c / B I X k G M o m 6 O 7 3 v f 8 N 7 9 e o O 0 r 6 v g o l q r G 5 O g C F M U K C O b X J s i Q Z 0 7 h g u U c t g K e R K F C g b Z 2 L i 3 e Y J K 5 8 4 x I d 5 7 7 C e 4 a Q v C K I 3 I I d v s Z K l q g T 6 y / i + H 2 l g n j F S I w / 4 1 h j M c z S i e s j m m Q E Y I m T Z f g Q 1 7 n + 0 P h G V X u a 5 V P B f h a g 1 k j E D e H / g D U E s D B B Q A A g A I A A V q P l w P y u m r p A A A A O k A A A A T A B w A W 0 N v b n R l b n R f V H l w Z X N d L n h t b C C i G A A o o B Q A A A A A A A A A A A A A A A A A A A A A A A A A A A B t j k s O w j A M R K 8 S e Z + 6 s E A I N W U B 3 I A L R M H 9 i O a j x k X h b C w 4 E l c g b X e I p W f m e e b z e l f H Z A f x o D H 2 3 i n Y F C U I c s b f e t c q m L i R e z j W 1 f U Z K I o c d V F B x x w O i N F 0 Z H U s f C C X n c a P V n M + x x a D N n f d E m 7 L c o f G O y b H k u c f U F d n a v Q 0 s L i k L K + 1 G Q d x W n N z l Q K m x L j I + J e w P 3 k d w t A b z d n E J G 2 U d i F x G V 5 / A V B L A w Q U A A I A C A A F a j 5 c B z J B e f w A A A B q A Q A A E w A c A E Z v c m 1 1 b G F z L 1 N l Y 3 R p b 2 4 x L m 0 g o h g A K K A U A A A A A A A A A A A A A A A A A A A A A A A A A A A A d U 9 N S 8 Q w E L 0 X + h + G e N m F W F r R d X H J Y W k V T 1 q t n j a y x H S w g T R Z 8 l H w 3 5 u l B U 8 7 l 5 n 3 Z t 7 M P I 8 y K G u g m 3 O 1 y 7 M 8 8 4 N w 2 A P i s R d B A A O N I c 8 g R W e j k 5 i Y 2 k 9 F Y 2 U c 0 Y T V k 9 J Y 1 N a E B P y K 1 A / 8 0 6 P z X M T N 7 f b m f s t f D T Z O T Q j X s B d u i B 6 i S d B 5 F T D w d m h 4 K 0 5 n R c X f 8 W R n d K z 4 + T x f 3 i i k n 8 i a H h r U a k w 6 x w g l F G q r 4 2 g 8 q 0 o K j 0 b a X p k f t r k r y 4 r C W 7 Q B u / C r k f 2 X x Y s 1 + L W m s 6 E r 0 j o 7 p l 4 P z y j 6 9 A N J 7 j 7 E d x p c O g u / m r 1 T O C z 8 X u t O C i 2 c Z 8 H F t D L P l L m 4 d f c H U E s B A i 0 A F A A C A A g A B W o + X N q E 2 p 2 l A A A A 9 g A A A B I A A A A A A A A A A A A A A A A A A A A A A E N v b m Z p Z y 9 Q Y W N r Y W d l L n h t b F B L A Q I t A B Q A A g A I A A V q P l w P y u m r p A A A A O k A A A A T A A A A A A A A A A A A A A A A A P E A A A B b Q 2 9 u d G V u d F 9 U e X B l c 1 0 u e G 1 s U E s B A i 0 A F A A C A A g A B W o + X A c y Q X n 8 A A A A a g E A A B M A A A A A A A A A A A A A A A A A 4 g E A A E Z v c m 1 1 b G F z L 1 N l Y 3 R p b 2 4 x L m 1 Q S w U G A A A A A A M A A w D C A A A A K w M A A A A A E A E A A O + 7 v z w / e G 1 s I H Z l c n N p b 2 4 9 I j E u M C I g Z W 5 j b 2 R p b m c 9 I n V 0 Z i 0 4 I j 8 + P F B l c m 1 p c 3 N p b 2 5 M a X N 0 I H h t b G 5 z O n h z Z D 0 i a H R 0 c D o v L 3 d 3 d y 5 3 M y 5 v c m c v M j A w M S 9 Y T U x T Y 2 h l b W E i I H h t b G 5 z O n h z a T 0 i a H R 0 c D o v L 3 d 3 d y 5 3 M y 5 v c m c v M j A w M S 9 Y T U x T Y 2 h l b W E t a W 5 z d G F u Y 2 U i P j x D Y W 5 F d m F s d W F 0 Z U Z 1 d H V y Z V B h Y 2 t h Z 2 V z P m Z h b H N l P C 9 D Y W 5 F d m F s d W F 0 Z U Z 1 d H V y Z V B h Y 2 t h Z 2 V z P j x G a X J l d 2 F s b E V u Y W J s Z W Q + d H J 1 Z T w v R m l y Z X d h b G x F b m F i b G V k P j w v U G V y b W l z c 2 l v b k x p c 3 Q + d Q 0 A A A A A A A B T D Q A A 7 7 u / P D 9 4 b W w g d m V y c 2 l v b j 0 i M S 4 w I i B l b m N v Z G l u Z z 0 i d X R m L T g i P z 4 8 T G 9 j Y W x Q Y W N r Y W d l T W V 0 Y W R h d G F G a W x l I H h t b G 5 z O n h z Z D 0 i a H R 0 c D o v L 3 d 3 d y 5 3 M y 5 v c m c v M j A w M S 9 Y T U x T Y 2 h l b W E i I H h t b G 5 z O n h z a T 0 i a H R 0 c D o v L 3 d 3 d y 5 3 M y 5 v c m c v M j A w M S 9 Y T U x T Y 2 h l b W E t a W 5 z d G F u Y 2 U i P j x J d G V t c z 4 8 S X R l b T 4 8 S X R l b U x v Y 2 F 0 a W 9 u P j x J d G V t V H l w Z T 5 B b G x G b 3 J t d W x h c z w v S X R l b V R 5 c G U + P E l 0 Z W 1 Q Y X R o I C 8 + P C 9 J d G V t T G 9 j Y X R p b 2 4 + P F N 0 Y W J s Z U V u d H J p Z X M g L z 4 8 L 0 l 0 Z W 0 + P E l 0 Z W 0 + P E l 0 Z W 1 M b 2 N h d G l v b j 4 8 S X R l b V R 5 c G U + R m 9 y b X V s Y T w v S X R l b V R 5 c G U + P E l 0 Z W 1 Q Y X R o P l N l Y 3 R p b 2 4 x L 2 V l X 2 R h d G E 8 L 0 l 0 Z W 1 Q Y X R o P j w v S X R l b U x v Y 2 F 0 a W 9 u P j x T d G F i b G V F b n R y a W V z P j x F b n R y e S B U e X B l P S J J c 1 B y a X Z h d G U i I F Z h b H V l P S J s M C I g L z 4 8 R W 5 0 c n k g V H l w Z T 0 i U X V l c n l J R C I g V m F s d W U 9 I n N i N m N h Y m F l O S 0 z Y z d j L T Q y M j Y t Y T F l N C 0 z M T N l M D A 0 Y j A 4 Z G U i I C 8 + P E V u d H J 5 I F R 5 c G U 9 I k Z p b G x F b m F i b G V k I i B W Y W x 1 Z T 0 i b D E i I C 8 + P E V u d H J 5 I F R 5 c G U 9 I k Z p b G x P Y m p l Y 3 R U e X B l I i B W Y W x 1 Z T 0 i c 1 R h Y m x l I i A v P j x F b n R y e S B U e X B l P S J G a W x s V G 9 E Y X R h T W 9 k Z W x F b m F i b G V k I i B W Y W x 1 Z T 0 i b D A i I C 8 + P E V u d H J 5 I F R 5 c G U 9 I k J 1 Z m Z l c k 5 l e H R S Z W Z y Z X N o I i B W Y W x 1 Z T 0 i b D E i I C 8 + P E V u d H J 5 I F R 5 c G U 9 I l J l c 3 V s d F R 5 c G U i I F Z h b H V l P S J z V G F i b G U i I C 8 + P E V u d H J 5 I F R 5 c G U 9 I k 5 h b W V V c G R h d G V k Q W Z 0 Z X J G a W x s I i B W Y W x 1 Z T 0 i b D A i I C 8 + P E V u d H J 5 I F R 5 c G U 9 I k 5 h d m l n Y X R p b 2 5 T d G V w T m F t Z S I g V m F s d W U 9 I n N O Y X Z p Z 2 F 0 a W 9 u I i A v P j x F b n R y e S B U e X B l P S J G a W x s V G F y Z 2 V 0 I i B W Y W x 1 Z T 0 i c 2 V l X 2 R h d G E i I C 8 + P E V u d H J 5 I F R 5 c G U 9 I k Z p b G x l Z E N v b X B s Z X R l U m V z d W x 0 V G 9 X b 3 J r c 2 h l Z X Q i I F Z h b H V l P S J s M S I g L z 4 8 R W 5 0 c n k g V H l w Z T 0 i Q W R k Z W R U b 0 R h d G F N b 2 R l b C I g V m F s d W U 9 I m w w I i A v P j x F b n R y e S B U e X B l P S J G a W x s Q 2 9 1 b n Q i I F Z h b H V l P S J s N z U 0 N z E i I C 8 + P E V u d H J 5 I F R 5 c G U 9 I k Z p b G x F c n J v c k N v Z G U i I F Z h b H V l P S J z V W 5 r b m 9 3 b i I g L z 4 8 R W 5 0 c n k g V H l w Z T 0 i R m l s b E V y c m 9 y Q 2 9 1 b n Q i I F Z h b H V l P S J s M C I g L z 4 8 R W 5 0 c n k g V H l w Z T 0 i R m l s b E x h c 3 R V c G R h d G V k I i B W Y W x 1 Z T 0 i Z D I w M j Y t M D E t M z B U M T I 6 M T Y 6 M T A u N T c w N z M 4 M F o i I C 8 + P E V u d H J 5 I F R 5 c G U 9 I k Z p b G x D b 2 x 1 b W 5 U e X B l c y I g V m F s d W U 9 I n N C Z 1 l H Q m d Z R 0 J n W U d C Z z 0 9 I i A v P j x F b n R y e S B U e X B l P S J G a W x s Q 2 9 s d W 1 u T m F t Z X M i I F Z h b H V l P S J z W y Z x d W 9 0 O 2 Z p Z C Z x d W 9 0 O y w m c X V v d D t p c 2 8 z J n F 1 b 3 Q 7 L C Z x d W 9 0 O 3 l l Y X I m c X V v d D s s J n F 1 b 3 Q 7 R 0 R Q X 3 B l c l 9 j Y X B p d G E m c X V v d D s s J n F 1 b 3 Q 7 d G V t c G V y Y X R 1 c m U m c X V v d D s s J n F 1 b 3 Q 7 c H J l Y 2 l w a X R h d G l v b i Z x d W 9 0 O y w m c X V v d D t w b 3 B 1 b G F 0 a W 9 u X 2 R l b n N p d H k m c X V v d D s s J n F 1 b 3 Q 7 c m V n a W 9 u J n F 1 b 3 Q 7 L C Z x d W 9 0 O 0 N v d W 5 0 c n k m c X V v d D s s J n F 1 b 3 Q 7 Z 3 J v d 3 R o J n F 1 b 3 Q 7 X S I g L z 4 8 R W 5 0 c n k g V H l w Z T 0 i R m l s b F N 0 Y X R 1 c y I g V m F s d W U 9 I n N D b 2 1 w b G V 0 Z S I g L z 4 8 R W 5 0 c n k g V H l w Z T 0 i U m V s Y X R p b 2 5 z a G l w S W 5 m b 0 N v b n R h a W 5 l c i I g V m F s d W U 9 I n N 7 J n F 1 b 3 Q 7 Y 2 9 s d W 1 u Q 2 9 1 b n Q m c X V v d D s 6 M T A s J n F 1 b 3 Q 7 a 2 V 5 Q 2 9 s d W 1 u T m F t Z X M m c X V v d D s 6 W 1 0 s J n F 1 b 3 Q 7 c X V l c n l S Z W x h d G l v b n N o a X B z J n F 1 b 3 Q 7 O l t d L C Z x d W 9 0 O 2 N v b H V t b k l k Z W 5 0 a X R p Z X M m c X V v d D s 6 W y Z x d W 9 0 O 1 N l Y 3 R p b 2 4 x L 2 V l X 2 R h d G E v Q X V 0 b 1 J l b W 9 2 Z W R D b 2 x 1 b W 5 z M S 5 7 Z m l k L D B 9 J n F 1 b 3 Q 7 L C Z x d W 9 0 O 1 N l Y 3 R p b 2 4 x L 2 V l X 2 R h d G E v Q X V 0 b 1 J l b W 9 2 Z W R D b 2 x 1 b W 5 z M S 5 7 a X N v M y w x f S Z x d W 9 0 O y w m c X V v d D t T Z W N 0 a W 9 u M S 9 l Z V 9 k Y X R h L 0 F 1 d G 9 S Z W 1 v d m V k Q 2 9 s d W 1 u c z E u e 3 l l Y X I s M n 0 m c X V v d D s s J n F 1 b 3 Q 7 U 2 V j d G l v b j E v Z W V f Z G F 0 Y S 9 B d X R v U m V t b 3 Z l Z E N v b H V t b n M x L n t H R F B f c G V y X 2 N h c G l 0 Y S w z f S Z x d W 9 0 O y w m c X V v d D t T Z W N 0 a W 9 u M S 9 l Z V 9 k Y X R h L 0 F 1 d G 9 S Z W 1 v d m V k Q 2 9 s d W 1 u c z E u e 3 R l b X B l c m F 0 d X J l L D R 9 J n F 1 b 3 Q 7 L C Z x d W 9 0 O 1 N l Y 3 R p b 2 4 x L 2 V l X 2 R h d G E v Q X V 0 b 1 J l b W 9 2 Z W R D b 2 x 1 b W 5 z M S 5 7 c H J l Y 2 l w a X R h d G l v b i w 1 f S Z x d W 9 0 O y w m c X V v d D t T Z W N 0 a W 9 u M S 9 l Z V 9 k Y X R h L 0 F 1 d G 9 S Z W 1 v d m V k Q 2 9 s d W 1 u c z E u e 3 B v c H V s Y X R p b 2 5 f Z G V u c 2 l 0 e S w 2 f S Z x d W 9 0 O y w m c X V v d D t T Z W N 0 a W 9 u M S 9 l Z V 9 k Y X R h L 0 F 1 d G 9 S Z W 1 v d m V k Q 2 9 s d W 1 u c z E u e 3 J l Z 2 l v b i w 3 f S Z x d W 9 0 O y w m c X V v d D t T Z W N 0 a W 9 u M S 9 l Z V 9 k Y X R h L 0 F 1 d G 9 S Z W 1 v d m V k Q 2 9 s d W 1 u c z E u e 0 N v d W 5 0 c n k s O H 0 m c X V v d D s s J n F 1 b 3 Q 7 U 2 V j d G l v b j E v Z W V f Z G F 0 Y S 9 B d X R v U m V t b 3 Z l Z E N v b H V t b n M x L n t n c m 9 3 d G g s O X 0 m c X V v d D t d L C Z x d W 9 0 O 0 N v b H V t b k N v d W 5 0 J n F 1 b 3 Q 7 O j E w L C Z x d W 9 0 O 0 t l e U N v b H V t b k 5 h b W V z J n F 1 b 3 Q 7 O l t d L C Z x d W 9 0 O 0 N v b H V t b k l k Z W 5 0 a X R p Z X M m c X V v d D s 6 W y Z x d W 9 0 O 1 N l Y 3 R p b 2 4 x L 2 V l X 2 R h d G E v Q X V 0 b 1 J l b W 9 2 Z W R D b 2 x 1 b W 5 z M S 5 7 Z m l k L D B 9 J n F 1 b 3 Q 7 L C Z x d W 9 0 O 1 N l Y 3 R p b 2 4 x L 2 V l X 2 R h d G E v Q X V 0 b 1 J l b W 9 2 Z W R D b 2 x 1 b W 5 z M S 5 7 a X N v M y w x f S Z x d W 9 0 O y w m c X V v d D t T Z W N 0 a W 9 u M S 9 l Z V 9 k Y X R h L 0 F 1 d G 9 S Z W 1 v d m V k Q 2 9 s d W 1 u c z E u e 3 l l Y X I s M n 0 m c X V v d D s s J n F 1 b 3 Q 7 U 2 V j d G l v b j E v Z W V f Z G F 0 Y S 9 B d X R v U m V t b 3 Z l Z E N v b H V t b n M x L n t H R F B f c G V y X 2 N h c G l 0 Y S w z f S Z x d W 9 0 O y w m c X V v d D t T Z W N 0 a W 9 u M S 9 l Z V 9 k Y X R h L 0 F 1 d G 9 S Z W 1 v d m V k Q 2 9 s d W 1 u c z E u e 3 R l b X B l c m F 0 d X J l L D R 9 J n F 1 b 3 Q 7 L C Z x d W 9 0 O 1 N l Y 3 R p b 2 4 x L 2 V l X 2 R h d G E v Q X V 0 b 1 J l b W 9 2 Z W R D b 2 x 1 b W 5 z M S 5 7 c H J l Y 2 l w a X R h d G l v b i w 1 f S Z x d W 9 0 O y w m c X V v d D t T Z W N 0 a W 9 u M S 9 l Z V 9 k Y X R h L 0 F 1 d G 9 S Z W 1 v d m V k Q 2 9 s d W 1 u c z E u e 3 B v c H V s Y X R p b 2 5 f Z G V u c 2 l 0 e S w 2 f S Z x d W 9 0 O y w m c X V v d D t T Z W N 0 a W 9 u M S 9 l Z V 9 k Y X R h L 0 F 1 d G 9 S Z W 1 v d m V k Q 2 9 s d W 1 u c z E u e 3 J l Z 2 l v b i w 3 f S Z x d W 9 0 O y w m c X V v d D t T Z W N 0 a W 9 u M S 9 l Z V 9 k Y X R h L 0 F 1 d G 9 S Z W 1 v d m V k Q 2 9 s d W 1 u c z E u e 0 N v d W 5 0 c n k s O H 0 m c X V v d D s s J n F 1 b 3 Q 7 U 2 V j d G l v b j E v Z W V f Z G F 0 Y S 9 B d X R v U m V t b 3 Z l Z E N v b H V t b n M x L n t n c m 9 3 d G g s O X 0 m c X V v d D t d L C Z x d W 9 0 O 1 J l b G F 0 a W 9 u c 2 h p c E l u Z m 8 m c X V v d D s 6 W 1 1 9 I i A v P j w v U 3 R h Y m x l R W 5 0 c m l l c z 4 8 L 0 l 0 Z W 0 + P E l 0 Z W 0 + P E l 0 Z W 1 M b 2 N h d G l v b j 4 8 S X R l b V R 5 c G U + R m 9 y b X V s Y T w v S X R l b V R 5 c G U + P E l 0 Z W 1 Q Y X R o P l N l Y 3 R p b 2 4 x L 2 V l X 2 R h d G E v U 2 9 1 c m N l P C 9 J d G V t U G F 0 a D 4 8 L 0 l 0 Z W 1 M b 2 N h d G l v b j 4 8 U 3 R h Y m x l R W 5 0 c m l l c y A v P j w v S X R l b T 4 8 S X R l b T 4 8 S X R l b U x v Y 2 F 0 a W 9 u P j x J d G V t V H l w Z T 5 G b 3 J t d W x h P C 9 J d G V t V H l w Z T 4 8 S X R l b V B h d G g + U 2 V j d G l v b j E v Z W V f Z G F 0 Y S 9 Q c m 9 t b 3 R l Z C U y M E h l Y W R l c n M 8 L 0 l 0 Z W 1 Q Y X R o P j w v S X R l b U x v Y 2 F 0 a W 9 u P j x T d G F i b G V F b n R y a W V z I C 8 + P C 9 J d G V t P j w v S X R l b X M + P C 9 M b 2 N h b F B h Y 2 t h Z 2 V N Z X R h Z G F 0 Y U Z p b G U + F g A A A F B L B Q Y A A A A A A A A A A A A A A A A A A A A A A A A m A Q A A A Q A A A N C M n d 8 B F d E R j H o A w E / C l + s B A A A A R v 0 a e j y X q 0 i N x y 9 b o K h q g g A A A A A C A A A A A A A Q Z g A A A A E A A C A A A A A c J N r + V 7 / 4 b D 5 n x c B r p s A e y i 1 e G c p l K h t a A k 8 X d M y 8 2 w A A A A A O g A A A A A I A A C A A A A A H o 0 r z U e i 7 L I g 5 S L g w I g j l + f E q 1 k p y C k 7 8 y 4 g A 3 t C W G 1 A A A A B S G t A w 0 T D G F 9 V Y g A N e 5 l M b l D R 6 g A y 1 z J i x w 0 P f N i D H W G 9 U + 5 I N p 6 J 7 W 3 A 1 l b Z y g n S U 0 8 j 8 G A 2 k d O 8 / X a k J N z N M f M e i F W t j a T 8 g z m / T 8 6 X t e U A A A A B B 6 F t k f T W i R B g 0 E 1 5 U U 3 R v I Q M k a C e 1 B o A N 8 Q t S q N P H 3 K Q r k L W n 8 / c 7 X q I l j S z T E e 5 K G M T x b A 1 O m / p K s 3 e Q x X r T < / D a t a M a s h u p > 
</file>

<file path=customXml/itemProps1.xml><?xml version="1.0" encoding="utf-8"?>
<ds:datastoreItem xmlns:ds="http://schemas.openxmlformats.org/officeDocument/2006/customXml" ds:itemID="{7408D0D6-C97A-426B-8466-DDDAA7A3F420}">
  <ds:schemaRefs/>
</ds:datastoreItem>
</file>

<file path=customXml/itemProps2.xml><?xml version="1.0" encoding="utf-8"?>
<ds:datastoreItem xmlns:ds="http://schemas.openxmlformats.org/officeDocument/2006/customXml" ds:itemID="{613AEFFE-C095-42A7-A0AC-5564FFC1D197}">
  <ds:schemaRefs/>
</ds:datastoreItem>
</file>

<file path=customXml/itemProps3.xml><?xml version="1.0" encoding="utf-8"?>
<ds:datastoreItem xmlns:ds="http://schemas.openxmlformats.org/officeDocument/2006/customXml" ds:itemID="{C906C11B-4D95-4F8B-A443-56D028497A86}">
  <ds:schemaRefs>
    <ds:schemaRef ds:uri="http://schemas.microsoft.com/DataMashup"/>
  </ds:schemaRefs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ee_data</vt:lpstr>
      <vt:lpstr>Sheet1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11-04T08:16:05Z</dcterms:created>
  <dcterms:modified xsi:type="dcterms:W3CDTF">2026-01-30T12:20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uoffice</vt:lpwstr>
  </property>
  <property fmtid="{D5CDD505-2E9C-101B-9397-08002B2CF9AE}" pid="3" name="TemplafyTemplateId">
    <vt:lpwstr>1054884838842826804</vt:lpwstr>
  </property>
  <property fmtid="{D5CDD505-2E9C-101B-9397-08002B2CF9AE}" pid="4" name="TemplafyUserProfileId">
    <vt:lpwstr>1214418006669787361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